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227"/>
  <workbookPr/>
  <mc:AlternateContent xmlns:mc="http://schemas.openxmlformats.org/markup-compatibility/2006">
    <mc:Choice Requires="x15">
      <x15ac:absPath xmlns:x15ac="http://schemas.microsoft.com/office/spreadsheetml/2010/11/ac" url="C:\Users\Asus\Downloads\"/>
    </mc:Choice>
  </mc:AlternateContent>
  <xr:revisionPtr revIDLastSave="0" documentId="13_ncr:1_{B52E0E9A-B004-4CBC-9119-D9D23CC56C37}" xr6:coauthVersionLast="47" xr6:coauthVersionMax="47" xr10:uidLastSave="{00000000-0000-0000-0000-000000000000}"/>
  <bookViews>
    <workbookView xWindow="-108" yWindow="-108" windowWidth="23256" windowHeight="13896" xr2:uid="{00000000-000D-0000-FFFF-FFFF00000000}"/>
  </bookViews>
  <sheets>
    <sheet name="Sheet1" sheetId="1" r:id="rId1"/>
  </sheets>
  <calcPr calcId="0"/>
</workbook>
</file>

<file path=xl/sharedStrings.xml><?xml version="1.0" encoding="utf-8"?>
<sst xmlns="http://schemas.openxmlformats.org/spreadsheetml/2006/main" count="16803" uniqueCount="10623">
  <si>
    <t>Original Text</t>
  </si>
  <si>
    <t>Length</t>
  </si>
  <si>
    <t>Encrypted Data (Binary)</t>
  </si>
  <si>
    <t>Encrypted Data (Hex)</t>
  </si>
  <si>
    <t>Algorithm</t>
  </si>
  <si>
    <t>length</t>
  </si>
  <si>
    <t>mean_byte_value</t>
  </si>
  <si>
    <t>median_byte_value</t>
  </si>
  <si>
    <t>variance_byte_value</t>
  </si>
  <si>
    <t>std_dev_byte_value</t>
  </si>
  <si>
    <t>skewness_byte_value</t>
  </si>
  <si>
    <t>kurtosis_byte_value</t>
  </si>
  <si>
    <t>entropy</t>
  </si>
  <si>
    <t>max_byte_freq</t>
  </si>
  <si>
    <t>min_byte_freq</t>
  </si>
  <si>
    <t>range_byte_freq</t>
  </si>
  <si>
    <t>std_dev_byte_freq</t>
  </si>
  <si>
    <t>entropy_byte_freq</t>
  </si>
  <si>
    <t>2gram_max_freq</t>
  </si>
  <si>
    <t>2gram_min_freq</t>
  </si>
  <si>
    <t>2gram_range_freq</t>
  </si>
  <si>
    <t>2gram_std_dev_freq</t>
  </si>
  <si>
    <t>2gram_entropy_freq</t>
  </si>
  <si>
    <t>3gram_max_freq</t>
  </si>
  <si>
    <t>3gram_min_freq</t>
  </si>
  <si>
    <t>3gram_range_freq</t>
  </si>
  <si>
    <t>3gram_std_dev_freq</t>
  </si>
  <si>
    <t>3gram_entropy_freq</t>
  </si>
  <si>
    <t>4gram_max_freq</t>
  </si>
  <si>
    <t>4gram_min_freq</t>
  </si>
  <si>
    <t>4gram_range_freq</t>
  </si>
  <si>
    <t>4gram_std_dev_freq</t>
  </si>
  <si>
    <t>4gram_entropy_freq</t>
  </si>
  <si>
    <t>autocorr_lag_1</t>
  </si>
  <si>
    <t>autocorr_lag_2</t>
  </si>
  <si>
    <t>autocorr_lag_5</t>
  </si>
  <si>
    <t>autocorr_lag_10</t>
  </si>
  <si>
    <t>fft_mean_magnitude</t>
  </si>
  <si>
    <t>fft_std_dev_magnitude</t>
  </si>
  <si>
    <t>fft_max_magnitude</t>
  </si>
  <si>
    <t>fft_min_magnitude</t>
  </si>
  <si>
    <t>fft_median_magnitude</t>
  </si>
  <si>
    <t>compression_ratio</t>
  </si>
  <si>
    <t>avg_hamming_weight</t>
  </si>
  <si>
    <t>runs_test</t>
  </si>
  <si>
    <t>chi_square_test</t>
  </si>
  <si>
    <t>ks_test_stat</t>
  </si>
  <si>
    <t>serial_correlation</t>
  </si>
  <si>
    <t>printable_ascii_percentage</t>
  </si>
  <si>
    <t>avg_byte_value_change</t>
  </si>
  <si>
    <t>median_abs_dev_byte_values</t>
  </si>
  <si>
    <t>iqr_byte_values</t>
  </si>
  <si>
    <t>coef_variation_byte_values</t>
  </si>
  <si>
    <t>pct_bytes_above_mean</t>
  </si>
  <si>
    <t>entropy_byte_value_gaps</t>
  </si>
  <si>
    <t>iv</t>
  </si>
  <si>
    <t>mode</t>
  </si>
  <si>
    <t>tore that had been passed off to the
 banker as originals; but which, mere copies as they were, seemed to feel their
 degradation in being brought into juxtaposition with the gaudy colors that
 covered the ceiling. The count turned round as he heard the entrance of
 Danglars into the room. With a slight inclination of the head, Danglars signed
 to the count to be seated, pointing significantly to a gilded armchair, covered
 with white satin embroidered with gold. The count sat down. â€œI have the
 honor, I presume, of addressing M. de Monte Cristo.â€
 The count bowed. â€œAnd I of speaking to Baron Danglars, chevalier of the
 Legion of Honor, and member of the Chamber of Deputies?â€
 Monte Cristo repeated all the titles he had read on the baronâ€™s card.
 Danglars felt the irony and compressed his lips. â€œYou will, I trust, excuse
 me, monsieur, for not calling you by your title when I first addressed you,â€ he
 said, â€œbut you are aware that we are living under a popular form of
 government, and that I am myself a representative of the liberties of the
 people.â€
 â€œSo much so,â€ replied Monte Cristo, â€œthat while you call yourself baron
 you are not willing to call anybody else count.â€
 â€œUpon my word, monsieur,â€ said Danglars with affected carelessness, â€œI
 attach no sort of value to such empty distinctions; but the fact is, I was made
 baron, and also chevalier of the Legion of Honor, in return for services
 rendered, butâ€”â€”â€
 â€œBut you have discarded your titles after the example set you by Messrs.
 de Montmorency and Lafayette? That was a noble example to follow,
 monsieur.â€
 â€œWhy,â€ replied Danglars, â€œn</t>
  </si>
  <si>
    <t>b'\xa7[\x8bc-4o\xb3UQ\xbd\xb3\x04\xd2\xc2\xff&lt;\x00\xd9j\xf6S0\xd7#\xef\xb0\x89\x9f\x00\xa4b,_\xe1\xe3\xee\x9a\xb1b\x91\xca\xf2H*\xe7)\x95M+\xd8-\x80\xae\xd0\xa8\xf2\xd9o\xdeId\xe0\xf08\xca\x84\xcf\x9d\x80[\xc5\x022\xaa_f\xa0\x05:f=\x14;\x8a\xfb\xdc\x90\x9c\x94\xad\xc8Ua.\xc5I`\xcdj\x86G\xc5z\x01\xcd$G\x127R?\xca@z\xdai\x17\xe7\x93\x85\x81&lt;\xe9V1\x88}\xaa\xfe\x95\x8f\xaf{\x88\x02\xc5\xc6\x1a\xbf\x92\x80\xb1U0\xe7$\xea\xaf\x92(\xdf\x97\xc6\x88\xe2"\xa4\xb0\x08A\x02\x96\xea\xe3za\xec(W\x11\x05\x03F\x05\xc8+X\x1b\xf4\xc7\xce\x0f\xc2Z\xc5\xe8j\np\xb3\xd8\xb7:\xb5\xe3U6\xc5\x9a\xd1\x02\x14\x9b\xa7)\xa3\x13\x8a\x8b\xf9\x9cn\xc5\xc6\xd0\xdb\xbc\x1eL\xeft\xeeT&lt;\xd1\xbct\xa5]\xe8\x8f\xf9\\\xe1:\x06(rd\x90M\x06{)\xf8(\xc9\xfc,\xf0\x1c.\xf6\x04\\'</t>
  </si>
  <si>
    <t>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</t>
  </si>
  <si>
    <t>RSA</t>
  </si>
  <si>
    <t>b'\xa7[\x8bc-4o\xb3UQ\xbd\xb3\x04\xd2\xc2\xff'</t>
  </si>
  <si>
    <t>CBC or other block mode</t>
  </si>
  <si>
    <t>m schedule downward to . Point 2, where the new
 schedules and intersect, is the economyâ€™s short-run equilibrium, and at that point
 the currency has appreciated to from its initial level while output is unchanged at .
 The important result illustrated in Figure 17-16 is that when a fiscal expansion is
 permanent, the additional currency appreciation caused by the shift in exchange rate
 Yf E2
 AA2 DD2
 AA2 AA1
 Ee
 DD2 DD1 G
 Yf
 Exchange
 rate, E
 Output, Y
 2
 E 2
 E 1 1
 Y2
 3
 DD1
 DD 2
 E 3
 AA3
 AA2
 AA1
 Figure 17-15
 Long-Run Adjustment to a
 Permanent Increase in the 
 Money Supply
 After a permanent money supply
 increase, a steadily increasing
 price level shifts the DD and AA
 schedules to the left until a new
 long-run equilibrium (point 3) is
 reached.
 1 1While the exchange rate initially overshoots in the case shown in Figure 17-15, overshooting does not have to
 occur in all circumstances. Can you explain why, and does the â€œundershootingâ€ case seem reasonable?
 CHAPTER 17 Output and the Exchange Rate in the Short Run 445
 expectations reduces the policyâ€™s expansionary effect on output. Without this addi_x0002_tional expectations effect due to the permanence of the fiscal change, equilibrium
 would initially be at point 3, with higher output and a smaller appreciation. The greater
 the downward shift of the asset market equilibrium schedule, the greater the apprecia_x0002_tion of the currency. This appreciation â€œcrowds outâ€ aggregate demand for domestic
 products by making them more expensive relative to foreign products.
 Figure 17-16 is drawn to show a case in which fiscal expansion, contrary to what you
 might have guessed, has no net effect on output. This case is not, however, a special one;
 in fact, it is inevitable under the assumptions we have made. The argument that establishes
 this point requires five steps; by taking the time to understand them, you will solidify your
 understanding of the ground we have covered so far:
 1. As a first step, convince yourself (perhaps by reviewing Chapter 15) that because
 the fiscal expansion does not affect the money supply, ; the long-run values of the
 domestic interest rate (which equals the foreign interest rate); or output , it can
 have no impact on the long-run price level.
 2. Next, recall our assumption that the economy starts out in long-run equilibrium with
 the domestic interest rate, , just equal to the foreign rate, , and output equal to .
 Observe also that the fiscal expansion leaves the real money supply, , unchanged in
 the short run (that is, neither the numerator nor the denominator changes).
 3. Now imagine, contrary to what Figure 17-16 shows, that output did rise above .
 Because doesnâ€™t change in the short run (Step 2), the domestic interest rate, ,
 would have to rise above its initial level of to keep the money market in equilibrium.
 Since the foreign interest rate remains at , however, a rise in to any level above 
 implies an expected depreciation of the domestic currency (by interest parity).
 4. Notice next that there is something wrong with this conclusion. We already
 know (from Step 1) that the long-run price level is not affected by the fiscal expansion,
 so people can expect a nominal domestic currency depreciation just after the policy
 Yf R* Y
 R*
 M R s
 /P
 Yf
 Ms
 /P
 Yf R R*
 (Yf
 )
 Ms
 Yf
 Exchange
 rate, E
 Output, Y
 2
 E1 1
 E 2
 AA2
 DD 2
 DD1
 AA1
 3
 AA2
 Figure 17-16
 Effects of a Permanent Fiscal
 Expansion
 Because a permanent fiscal
 expansion changes exchange rate
 expectations, it shifts AA1 leftward
 as it shifts DD1 to the right. The
 effect on output (point 2) is nil if
 the economy starts in long-run
 equilibrium. A comparable
 temporary fiscal expansion, in
 contrast, would leave the
 economy at point 3.
 446 PART THREE Exchange Rates and Open-Economy Macroeconomics
 change only if the currency depreciates in real terms as the economy returns to long_x0002_run equilibrium. Such a real depreciation, by making domestic products relatively
 cheap, would only worsen the initial situ</t>
  </si>
  <si>
    <t>b'0F\x02!\x00\xbaX\xf5\xc7\xffy\x80n\x97\x8e\xccz\xd5\xda-S\t\x0c\xa8\x8f\xf8\xd5\xd6\x1dq\xb7\x15\x13\xbf\xd4\xbb\x02\x02!\x00\xa0\xe7\xf2\x9eK\x1a\xe2\xb12c\x1f\xfch\xeb\xc0\x1e\xc3\xff\xfeT[\xe8\x9d\xc4\xfa"\xda\x12cZ\x95\xb0'</t>
  </si>
  <si>
    <t>3046022100ba58f5c7ff79806e978ecc7ad5da2d53090ca88ff8d5d61d71b71513bfd4bb02022100a0e7f29e4b1ae2b132631ffc68ebc01ec3fffe545be89dc4fa22da12635a95b0</t>
  </si>
  <si>
    <t>ECDSA</t>
  </si>
  <si>
    <t>b'0F\x02!\x00\xbaX\xf5\xc7\xffy\x80n\x97\x8e\xcc'</t>
  </si>
  <si>
    <t>Unknown or Stream Cipher</t>
  </si>
  <si>
    <t>t, watching him. "He has
flown into the orchardâ€”he has flown across the other wallâ€”into the garden
where there is no door!"
"He lives there," said old Ben. "He came out o' th' egg there. If he's
courtin', he's makin' up to some young madam of a robin that lives among th'
old rose-trees there."
"Rose-trees," said Mary. "Are there rose-trees?"
Ben Weatherstaff took up his spade again and began to dig.
"There was ten year' ago," he mumbled.
"I should like to see them," said Mary. "Where is the green door? There
must be a door somewhere."
Ben drove his spade deep and looked as uncompanionable as he had
looked when she first saw him.
"There was ten year' ago, but there isn't now," he said.
"No door!" cried Mary. "There must be." "None as any one can find, an'
none as is any one's business. Don't you be a meddlesome wench an' poke
your nose where it's no cause to go. Here, I must go on with my work. Get you
gone an' play you. I've no more time."
And he actually stopped digging, threw his spade over his shoulder and
walked off, without even glancing at her or saying good-by.
CHAPTER V
THE CRY IN THE CORRIDOR
At first each day which passed by for Mary Lennox was exactly like the
others. Every morning she awoke in her tapestried room and found Martha
kneeling upon the hearth building her fire; every morning she ate her breakfast
in the nursery which had nothing amusing in it; and after each breakfast she
gazed out of the window across to the huge moor which seemed to spread out
on</t>
  </si>
  <si>
    <t>b'\xbbB@\xa3\x14\x02\x02\xf4\xa9\xf93\xce\xb1\xce\xcb\x93R\xa31\x8f\xc82\xe5\xfe\xd6\xd8\x12\t]0\x97v\xb7/\x97\x9dy\xd7\x92\x91z\xcd[\x1c\xd2at\x95\x95\x8d&amp;E1z\x8c\x08\x88\xd1or\x11\\\xf4WX\x11G;\x041I\x903\xcdZ\x1e9\xb6\xcd\xa4\x03\xaf?\xa3\x86\xf2\xc6SHb\xee\xbf\xb1&amp;\xbd1w\x7f\x91a\xb4\xfb\xe3]\x9f|\x80a=\x0b\xfch\xd7xq\xf3\xb7%?\xf0n\xaeAyQ{_\xad\xbe6+i\x85x\xf6\x1e\xcb\xfaC\xec\xa5\xb88z\x98\xe8g\x8f\xbe\x0c\xb1\xbb\xb8\xe8\xb2Z \x883\x8fZ\xc1\xa3zg\x8dp/\xf2\xeax\x02\xf6\x913N\x92\x14\x93\xceK$\x11h\'4\xff\xb3"\x13\xf6\x88\x9aB\xd9\x95\x00\xf3\xf6\xc7&lt;\xb6\'\x08\xb6\xa1\x8c&lt;K\x1e\x8e\xfc\xe72\xcc\x8f\x07T\xe8\xdcwW\xc7\x80C\xd0\x8e\xc7-]L\x89-\xa9=\xc2\xdb\xaf\xa2S\xa9\xfd\x1d\xe5\xbb\\\xc1\x0fx\xa8\x88/+Sv\x1f3sE}D\xa0\xb8\x98H\xcc\xbc\xba\t\xab\x15d\x9e\x89\x812\xf3\x12[\x04H\xdf\xab`\x19h+\xc1\xf9\xff\xc8\xec\xb5\xe7\xc9\xc6\xc4R\t\x939\xeaA\xb5\x9d\x80\xcf!\x84\xcbB\x0b\xa2\x147Z\x1b\xbd^\xf9\x06\x8c\x86q\x85\x11(\xbc\xee\xc7g%x\x94=G\xa06\xff\xad\xa1M\xff\x17\t59Z\x01{\xaf\x91\x91\xd5\xaf\x18\x1b\xa5P\xdfWD\x1f\xe4\xdcU\xb9\x90\xfe\xc8|\xc8\xe2\xc40H\x84\xc1\xcc\xb9\xfc\xb5\x80^M\xfa\x90\xba\xe3\xc5[\xf3\xf2\xc0iU\xc0\xd4\x8djk\t\xee\x9e\x04$\xa2#\x17\xc0\xc1\x80S\xbe\xb8^\xa1\xda\x87\xde\x832\xc6\xa1\xe5\xdf\x81\xb3:\x13\x86\xbf\x9a\xbeo\xdb\xf6\x19\xad\x1f\xec\x89k\x0e\x17z\xe1\xcb\x94\xf1\x12\x9bP\xd3-\xadu\x0fS\x81\xdb\xb47\xef\x8c\x04\xc1\xe9\xe6\x14b\xea\xbe\xd0\xcek%\xdb\xbe\xa0|\xce \xba\x1dQj:\x9d$\r\xa5\x94p\xae\xb6J:\x11\xb6\x0c\xfc\xa3\xb0\xb1\x93\xe6\xda{\xf6\x1c\xaa\xaa\x0e\x01\x17\xa3{r\x91\xafoy_c\xdc\x0f\x17\x97\x99\xeb\xca4\x93\x8bP"\x17\xab\x18`-57\xb0\x97\xebc6\xf7M 6\xa5\x92\xc7\xa7\x8c\xaf\x8fU\xea\x0bN\x00\x91\xca\xafq\x02\'\x8e\xcc\x17!\xe4v\x99,\xe5W5\'u\xe7\x05\x9a\xfd\xa2J\x08\xcc\x9f#/\x03\xe1a\x83\x02u\xe18\xc7Jl\xbag\x1d\xa6\xb8i\xf2\xb5?W}i\xbc\tc\xc3\xe2\xc9\xf98\xe2\xcf\xb8\x99$\x04\x88\x0f\x86\xe6!\x86\x89\xe9\t`\x8a\xd5\xbf\x80(xip\'\xa1\xc3\x9dQ7\x86\xcb\x99 q\xdf\x96M\x1e.\t\n\x1bq\x13p\xa7\x0e\xd6\x81l\x89\xee!\xf3\x0b{\xa8\xcf\x831\xcf\xe2\x1bC\x89||\x155\x92*t\x88\xdb\xefDa\x9a$y\x00=\x01nx\x0bF\xb0(\x8a{\xc6k\x1e\x8ce\x99\xfa\xb3\x15\xeb\xac\rV+\xcf\x88\'\xee-\x1b\x8f\xe8\xe0&gt;W)\xa0\xb4vSuB\xee\xef\x12\x17\x06a\x9c\x1d+\x87\x13\x1b\xc8\x03\xe1J\x18\x95\x075\xc1\xee\xfde\x91w\xcc\x1d[\x9fv"\xd0\xb1{\x85|\xa9\x86$\xb8\xdcF\xc7rc\x07\x19\xceT\x0eQ\xd3\x8a\xa5\x0c\x9f\xc8\xae\x15\x14Fs\xcf\x98\xc9o\xdd\xb9\x16\xab\xebj\x97\x06\x929\x82cv\x05Pd\xbe7&gt;i?\x08k\x10r\x0f\xb9\x8f\xfd^\x0e60\xa0|\xe2y\xe2\xa8h)\x10\xd0&lt;$U\x9f\x9e\x93\xbc\xbb\x9f\xa3\xaa\x94\xe3H\xfb\x8c&amp;\x89\x0fIX\xd4|t0I\xe9\xe7\x1a\x12\x06L`\xd0?s\xc7\x8a\xe7\x15e\x05p\x91\xae\x91\xe0dbOg\xd5\xdc\x7fw\x89\x1a\x07M\xd2\xb0\x8al\xfb\xf3R%\xe4r\n}|\x0c\xa8&gt;\xb4o\x1a\xf2\x99\x0e\xef\x86\xf0c\x04y\xd55\xf7\xab\t]K\x98W\xc8X]n\xff\x87\x86\xdeU\xf1\xd5\xf97\x91dK\xcbu\x83\x1c&gt;\xad\x80\xc2\xf4\xef\xb7sf"lW\n1\x12/\xb2LBePR\x7fRBR\x8b\xb5\x85\xe1\xd2\xb9\xacC)\xe4\\\xd5_59\x11v\x99\x11\xb3\xf5}\x1e\xa5\xb3c;\xd8?\x16\xd1,\x8d\x89\x0es\xca\xab\x00\x8d\x7fav\x83\xc5\xba\xc6\xbc\xd4A\x02\xbaG\x8b\xda\xb5\x98\xb9\x00\xb2*\xb1\x83\x96\x8e\xeb\x92\xa9\xd5,!\xcd\x88\x840\x8e\xe1\xd7h_\x974Y\x83;\xe8\xf1|E1\x04\x94\xe8K\xe7mf\xbe\x94\xba\x88\xde\xf1\x1c;\xfa\x9b\xb3\x82\xb2\x86\x1fAc\xbdm%\xd4\xaayX\x1a\xd6\x0ch\xbb\x9b\xba\xf2\x85j\xc6\xee\x1ax\xaf0\x81\xa1s\x1esQ\xf9\xf2[Twn\x8a\xe6\xae\x0b\xb6V\x82g\xef\xca\x01\x1f\xa3\x1d\xc6\xddj\xcf\x879g\xdb|&gt;\x8b\xab\xa1\\$\xb0\xd4U\x0f\x10\xdbe\xf0\x1f\xe4(\x86\x9f\xe4\xfd\xeb\xd2\xe7\xca\'J\x84e\xc0\xc9\xd3\xb8:\x1a\xb3\xaf4\xe5\x1e\xe4\xfa\xfa&lt;\'\xdd\x9c\n\xf9\xa0\xa7\x17_\x19\xd6?\xce\xfd\x99\x9a\x98uT\xc34\xbb&gt;\xec\x88\x8e4\x1a\xb7,\xd9W7m\xdc\xb5\xc8`\xf4\xe4U\xe8\x9fn[M\x9d\'\xd7\x9e\r\xb7\xbaEh2&amp;\x06\xe2\x96\xa4\xe0\xa2:\x82U\x0b\x15W\xda\x97\x9f\x8e@\xa9F\xfc6}\x11S\x1c\xf4h{\x93\t[\xa5\x00IJu\x15\xa4\xa4\x9dXV\xfa\xcdnGNy\xa3\xb9$\x02C\x88\xc3\xdf%^\x17,\xdb\xc0\x87\xae\xc004\xe1\xa2 \xbbg{&lt; \x81\t\xb9\xd6\xf6\xa2\xa7\xca\xb8\x89\xb8\x8e\x92N[t\xa4,\x02\x95[%\x91\xad\xb9\x8c\x96\x80\xd2\xe306\n\xfb\xb8\xa9\x85\xaaw\xf9\xa3\xb2&amp;k\xe2\x9e\xb1\x16\x15C\x83\x07.\xb0%\x95&amp;\xa1r\t\xe6\x0e\x17\xd2\x0c\xf9\x1f(z\xbf\xfa\x08\xfd\x9fC\r!\xb2\xbf\x96\xb7\x1eH\xa5\x8e\xc0&amp;\xea\xa2\xc3\x07\xdau\x142\xc8v&lt;}S\xf3\x96k\xf8\xc3xt\xa7c\xd2\x14\x91R\x8c \xd0:\x91\x1d\x9a\xa7\xb5\xd0\xa3\xec\x10\xa9\xcd\xcc\x83\x01\xb1\xcc\xf5\xd4\x17h\xfc\xcb\x9ar\xbdY&lt;"\xfd\x01\x9f\xa2\xb4j\x9eT\xc7'</t>
  </si>
  <si>
    <t>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</t>
  </si>
  <si>
    <t>3DES</t>
  </si>
  <si>
    <t>b'\xbbB@\xa3\x14\x02\x02\xf4\xa9\xf93\xce\xb1\xce\xcb\x93'</t>
  </si>
  <si>
    <t>rarely saw him when he was awake, he was given all
sorts of wonderful things to amuse himself with. He never seemed to have
been amused, however. He could have anything he asked for and was never
made to do anything he did not like to do. "Everyone is obliged to do what
pleases me," he said indifferently. "It makes me ill to be angry. No one
believes I shall live to grow up."
He said it as if he was so accustomed to the idea that it had ceased to
matter to him at all. He seemed to like the sound of Mary's voice. As she went
on talking he listened in a drowsy, interested way. Once or twice she wondered
if he were not gradually falling into a doze. But at last he asked a question
which opened up a new subject.
"How old are you?" he asked.
"I am ten," answered Mary, forgetting herself for the moment, "and so are
you."
"How do you know that?" he demanded in a surprised voice.
"Because when you were born the garden door was locked and the key was
buried. And it has been locked for ten years."
Colin half sat up, turning toward her, leaning on his elbows.
"What garden door was locked? Who did it? Where was the key buried?"
he exclaimed as if he were suddenly very much interested.
"Itâ€”it was the garden Mr. Craven hates," said Mary nervously. "He locked
the door. No oneâ€”no one knew where he buried the key." "What sort of a
garden is it?" Colin persisted eagerly.
"No one has been allowed to go into it for ten years," was Mary's careful
answer.
But it was too late to be careful. He was too much like herself. He too had
had nothing to think about and the idea of a hidden garden attracted him as it
had attracted her. He asked question after question. Where was it? Had she
never looked for the door? Had she never asked the gardeners?
"They won't talk about it," said Mary. "I think they have been told not to
answer questions."
"I would make them," said Colin.
"Could you?" Mary faltered, beginning to feel frightened. If he could make
people answer questions, who knew what might happen!
"Everyone is obliged to please me. I told you that," he said. "If I were to
live, this place would sometime belong to me. They all know that. I would
make them tell me."
Mary had not known that she herse</t>
  </si>
  <si>
    <t>b'{l\xc0\xfb"\x01+\x05\xbaw\xb1\xba%\x08d\x85&lt;y6\xd1\xe2\x95k\xe0\x08"D\x8d\xee\x94i\xa8\'\xebt\xf5\xbc\xac\xdfj#\xec&amp;/\x1a^w\x91\x1f\xd8\xe36\xe8\xc8K\xec#\xc2@{]+C\xa4~\r\xd7\xe5o\x7f08y\x7f\x8cJN\xd3\x05#\xc7\xdb\xa6\x18\xcbY\x078wd\xcc8\r\xad\xe9\xcd\xc9N\x0f\xcfe\xfc\xe5\xb0r\xc9.\x9e\xafJN\xe7\xeaA\xff\x92\xd2\xa7\xdd~\xbf\x06\xca\xd8\xa8\x04K9\xf21\xa8\xdcs\x1d\xd4k\xc68\x95\xac83"$:U\x14\xcba\xc2\x84\x10\xdf\xa7~\x12v\xc9\xfa\xa4\xe7"g\xc6\xa0\x9c\x86\xccS\x8f\xe7\x0b\x7f\xe2,p\xa0\xb3 \x1d\xf5%\r\xfa\xfd\xb6\x15\x89\xc3L\x1a=Z\xacaz\xe8\xaaa\xca&gt;\xaf\x12]\xd1\xb5\xbb\x95\xce!$\x1eY\xecg\xfd\x12c\x04\xe6\x96E1iQw\xef\xec\xe1\xae\xfa\x8c\xd0~\x03uG\xa0\xc2\x89\xad(\x03\x08\x17\xa9#\x02\xc2\xdc\xcc\xab\xd8\xce\xbd\x9bJK\xbb\t\xbc\x05l&lt;\xa9\xb9\xcc\x06\xce\xcb8,&gt;\x96"\xab!T\x97\x1ao6\x81\xde/\xc2K\xe2C\x96\xc9\x8e\xe6\xc3\xf9\x9aL\x00\'\xa3\x93n+\xf1\x8c\x08\x1dz\n\xfa\xc8\x13\xafK\xa7\x17\x0fg\xd0E\x81+\'\xd67\x86\xc4\x1a\x1f}\xb5\x11\x80\xf0\xbc\xb1\x9e\xaeE\xb8\xf0\xdapN\x80(C\xd2F\xf9\xe9_&amp;\x86O\xd6\xb5\xad-\xeb\xd6{\xd7\xfbM\x90\xc6\xb5S\xe4\xf9w!_R\x98Zw\x00\xf8\x00\x1cp\xde*\xb1=\xf4*\xd2\xa4\xbe\x9cF\x06\x05\xa0\x8a\x96\x97\x96\x92Smh\x08\xe6,\x9f&gt;\xad\xf13VI)\x8e\x1e\xd2\xfeEe\xde\xc2|\x87\xa6jX\x064\xceS(\x83v\xbf\xc1\x19\x05\xdf*`\x81\xb4nT\xdb\x02B\n\xce\x7f\xce\xbf\x86\xe7\xe5Zx\x00\xb5\xa0\xe6\xb5gD\x9602\xbf\x9b\x98x!\xe4\xe7\x03&gt;f\xff\xd6\x8f\xf1\x81Q.\xa2\xb4\xcf\x8bq\xe8?zS\xa4a\x1bBH\xf5Ae%\xdb^\x9a\xfa\x99*\xd2Y/\x05\n\xf6\xc2Aj\xc1\x10\x0b\xb1g\xa9\x85Yv\xf2\x1e\xce\xab\xcd\xcfO\xbf\x10\x90\xf7\x85\xef\x95\xad@\xdc\x90\x91[by1\x9b&amp;\x8b(y\xe7\xa0\xfb\xc3\xa0&lt;\xde\xb3\x88\xa6p\xf1\xc2\x87\x84\x17\xc7\xb7\x84y)\xef\xdf\xc4E&amp;C87\xde\x9b\xb1\xd8\xee\xdci\xe0J1\x1aN\xfb\xe4\xb7M\xa0\xab\xd4+\x18a:f;\xe6\x81\xc4\x8f\x93\xb1\x9d\xb8&amp;t\xd1j\x1a\xf8\xceZ\xad\xa8\x94\xf5\x97wP\x1e\xef\x9d\x8b\xaa\xe7h\x10B\x0e\xe9\x9d\x9c^\xd7\x8dk8L%I@n-\xc0\xd7\xfaH\xd4c\x90+\x1e\xebk\xc7\xb8\x81]\x07\xa18\xa0\x1c\xcc\xe9\xd1\xb8W\xb0\xe1\x12n\n"\xea\x0f\xcb*\xdf\xcb\x176\xf8B\x92_e\xc9\x1b\xee\xcbU\x1cZ|\x991\xb2F\xdb\\{\x8b\xd9\n\x06\x9e\x88c\x14|\xd2\xbe\xee\x9c\xda\xea\x05[}\x1b\xed\xe5h\\\x10\xae\xc4\x0b\xad(\xc6o\xa9\x95\'\xf4\xe4\xc4LJ\xc9\xfcy\xccg\xe9,$\x8510\xd4z\x1e\xdc\xdbaWS{\xe5\x9c8\x03J\x18\x03\x06\x10\x9b\xe1\x80[\xb2\xc0\xcac\xd4\xf6\xc4\x1a\xc9tr?\xf3\xa4\x0b\x93\xb7cxR\x15\x7f4\'\xc4\xc6c!\x03M\xdc2i\xe7\xfd\xd4$\x84o\xad\x0b\xffE"\xb62\xfb3{j.t\xe4$^\x04@x\x16z\\Gu\xed!\xd1\xe4\xde\x1a\xb2\xecL\xd1\xd0\x99JY\xfb\xde\xd0\xec7\xc0C`,\xcb\x03\x95\xbc\xbe\xd4n\x0c\x1e\xe9\xb1Ab\xca\x1c\x88\x89y&gt;\xdeI\x89\x8e\xa2|\x7fAJ\xa0;\x87@A\'\x9a_\xdd\x8e\x10\x89\\\xcec5xIw\xff\x97\xd0\xfd\xad?\x9e\x81jRTb\xac\xef\xef\x0f\xf9\x1e\xadW\x08\xdb\xe8\x87\xf0\xc5\xf5\xf9\xce\xa2\xedHi\xbb/\xb0\xff\xe0\x85?\x8f\x05\x80}\x86\xcc\xd3\x80\xa0\x98\xb5\xa8\xce\x9c&lt;\xf1\x8a\xefg(*\x13\xe6\xcb[\xd8[`\xd7\x93}\xb6\xb0w\xe3Z^\xd9\xaa\x88c\t\x19\x85 E\x8d\x190Y\xb4\x9e\x1f\xcd\x15\xcc\x92\xe3\xaf\x06\xcd\xa6\x0br\x8d\xad\xb0\x116\x97\\\x06~c3\x93\x1ciO\x0c\xf3\xd0b\x03J\x15\x83\x8b\xdb8\xc1\xa0\x18Q\xdb\x14\x08\x00{:,`\r\x95~\xe6e3\xa6\xb2\xbe\x92\xb92\x8bZo[/Gx\xcd\x94v\xc7Q8\xdbX\x7f\xb2&lt;\xc1\xf5\x0c\x04R\x9e\xc6\xa7\x91^\x1e\xbc\x0f\xba\xbe\xa7\x89\x17\xcc\xa7S\x17\xbe\xa9\xf3\r,\xe0\x02\xb1-\x9b\xd9A\xcc\xa8P\xac\xf8\xd6&amp;\x95.\x06lI\xf1\xbbL/\x18[r\x8d6\x9bnb\x17\xe3+N#\x06\xcc\xd1\xb0\x0bj\xc2\xfe\x0f&lt;\xb7\xe4v\xf09*\x9a\t\xab\xc8Xe\xaa\xa1\xd5\x81\xc55X\xca\xcc\x95\xf2LVdV\x137\x9e\\\xd2\x9e\xb2\xe6\xca0A\xe5\xa26 \xab\xcf*\x02\x8a\xb2MO7\xbc\r5\xb9t1\xffe\xebh!W\x18\x0bBYq\x15\x91\x9cry&lt;\x15o\xa1\xe2\xa4\xbb\xd8\xfbur\xae\xc7\xeb\x01\x89\x1b$\xa1o\xbd!\xae\xe9\x13\xe1\x00\x90s\xc4\x13\x0b\x83\x00\xdfV\x1a\xf9\xfd\xae\xa5h\x0bS88\xd2\xd3\x1dW\xc0T\xc8\x0b)\xab\x7fIi\x06sg:\x86\x9a"\xc5s\x1a\xc6\xf1\xd4F\x0f\xdd2RF\xbb\x0cV\xf2bL\x8frY\xb9\xefl\xc7\xd8H\xc69X\x86:A\xbe\x0bFd\xc9h\xb2\xd0\xc9\'\x8e0\xda\x8f\xbe\xdem}\xbe\xd4C%\xcfe"\x0c\x1f\xcf\xf4^\x14$q_\nf\x86\x04W&lt;TK.\x06\xbe~\x01$\xf0@\x8f\xe5h@N&gt;\x13J\x8aL\xfcP\xa1\x9d\xb7\x8d\xfdwL\xbfu[\xa0Q\x92 \xb2\x80fT\xc7fg\xd8\x17\x9f\t\x15\x17m\xbfW\x07 *7\\U\xfc\x7f\xa5\x05Z\xad\xcf\x8c\xc7qQY\xc3\x857\t\x90\xeb\r\x1fQ\xfeucT\xf6\xf7\x91R\x97tN\xb4\xa8&amp;\xbe\x17\x15\xce\xe4\xbei\xd1q\x7f\xf5&amp;\xe9\xfd\xe7&amp;!{\xd6E\xaa\xd3\xa0_\xefL@G\xa6y\xd4i\xcf\xe66\xeb\x83`\x12\xfa\xac3\xab\x19w\xbew\x17\xe9\x88W\xca7\x8c7\x96\x10/\xaa\xed\x80\x19\x8b\x12\x99\x9ac/aU\x13\xdaVQ\xb7\x10\xc7\xda\xf6\x18\xdf\xfd\xf0\x83+S\x13\x81O\x0fQu\x87o\xa42BK\x93\x93h\x82\xb8\\m\xb7-V\xbcd\x15\x14\x15)\xc2\xa1\xfb\xa2\xa8\xce\x18\xfef\x93\x84\xd1!\x99\xed:\xa4\x9f8\x87\xcc]\x99\x96\xaf\\nw\x1a\xed\x18;\x0fL\xb5\x88\xab\xaf\x8e\x8c\x15-\xad4.N\x1f-Zh)\x7f\n\xb0"j\xcbB\x17\xe8LQ\xfa\xb0\xa4\x98\x81T\xbb\x04\xd5\xd2\x9b\xb6)\xde\xb5\xee\x92&lt;\xb7\x17.\xc6\xba\xc5\xf8g\xe6!\x0e)\xcdIz\x15z\xd60\x1b\\\x8e\xa3u\x87\xf7\xcbA\xf2\xc4u\x8533\xdd.\xdc\xa3SV\xb2my\xc0\xc8/\xbd\xeacM\xd5\x08zg\x16\xd8r;\xec\xdbUA\x17\x1aF\xff\xd6\x08?Pp\xa7\x9e\x92ldT\x8a\x12\xd7F\x82Us\x87M\x16H\xda\x03\x80o~\xa9\x9b\xc7Z$5\xc2\xe0\xdb\x0e\xbc\x85X\x02\x96\x0c&lt;\xa4\x16N\xa7\x11\x13\'&gt;\xf0\xe9\xc0J\xad\x90\x93\xf9\x07\x06\x99er\x81{{de\x8eO\xda*\xce\x12R\xa8s&lt;v\x1e\x06\x81\xbdq\xbc\xf46&gt;\xc2N\x13\x88\'\x01\xba\xc2\x85\x8a\x85N\xd4\xe3\n\xa7\xea\xd3\x12w\x86A\x16\xac+\x84:W$\xd3\xcd|a\xa0\x9f\xe8\x14\xed(\x86\x05\x87\xa9\x14\x11HE\xd5-\x11\x17\xe5j\xabW\xe8\x94\x9d\x01;b\xcc\xab\x8a\xae\x1eBh\xfe:Z\x88N\xe8\xfd\xb4\xbaW\xa8%\x1d\x82\x03\xf0\xcd\\\xb8\xb1\x90\xcb\xe4t0a\xf9\x16\x03\xee\xa5\xab\xc1\xe4W]\xf4GNDl)v$/\xbc6\xfd3\xbd\xdc\x0bg\'\x07wh\x89\xaa\x15.e\x19n\x11)\x19\x17\x8e\xad\x9f\xee\x8d\xa0\xf4D\xdd4\xb4\xa3\xd9n\xd2\x7f\x85\x1b\xcf\xebV\xf5\xcat\x9c\xb5F\\\xfdO%\xde\xe5_\xd3 \x01hz0(\xc7d\x18\x9d\x85\x0c\xda\xde\x9bk\x8d\x04\xd5\x88\xae:\x1ex\xdft\x80!}X1\xb2\xa0\x80?Zr?\xbeRC\xe3\xb4\xd7+\xbc#\xb2\xec\x92K4y@DT\x00\'\xc7i\xc8\xae\\\xd0q1\xb3\xc4\xb6\x8c\xa7\xde\xbal+#\x18?5\x05\xeaY\x12\xc0\xaa\x118\xd5\xf7&amp;(r\x14$\xcb\x97J\xca\xa2Jz\xff\xbf\xb0-\x9f\x95i6\xb5\xfa\x08\x192\x96\xdf\xc7\xc9\x91\xa1@\xd8\x96\xef%\xb3\xc7Q\xa6;H9w\x83D\x0b&amp;\xc3\x07\xbb#,"\xc61\xf6 \xed\xc4\x97\xa3.\xff!\xa8VP\x15\xe9&lt;\xe4\xcfoR\x8d\xe1(ze\xc0,\xc9\x8d1\xae,\x92\xd1\x07\xfb8\xe60\xd7x\xb4\xc37\xf5\x104\xd7\xd9vc\x9b\xc4+FG\xb8\x1e\xe3\xf7\xbe\x99\xa5\xc0\xf1\x95\xd4\xde\'\x16\xd0\xba\xa4\x93P\xe8\x04,\xac'</t>
  </si>
  <si>
    <t>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</t>
  </si>
  <si>
    <t>b'{l\xc0\xfb"\x01+\x05\xbaw\xb1\xba%\x08d\x85'</t>
  </si>
  <si>
    <t>s per year, yet in
 1964 the Argentine industry, which produced only 166,000 cars, had no fewer than 13
 firms! Some economists argue that the need to deter excessive entry and the resulting
 inefficient scale of production is a reason for free trade that goes beyond the standard 
 cost-benefit calculations.
 Another argument for free trade is that by providing entrepreneurs with an incentive to
 seek new ways to export or compete with imports, free trade offers more opportunities for
 learning and innovation than are provided by a system of â€œmanagedâ€ trade, where the gov_x0002_ernment largely dictates the pattern of imports and exports. Chapter 11 discusses the expe_x0002_riences of less-developed countries that discovered unexpected export opportunities when
 they shifted from systems of import quotas and tariffs to more open trade policies.
 A related form of gains from free trade involves the tendency, documented in Chapter 8,
 for more productive firms to engage in exports, while less productive firms stay with the
 domestic market. This suggests that a move to free trade makes the economy as a whole
 more efficient by shifting the industrial mix toward firms with higher productivity.
 These additional arguments for free trade are difficult to quantify, although some econo_x0002_mists have tried to do so. In general, models that try to take economies of scale and imper_x0002_fect competition into account yield bigger numbers than those reported in Table 10-1.
 However, there is no consensus about just how much bigger the gains from free trade really
 are. If the additional gains from free trade are as large as some ec</t>
  </si>
  <si>
    <t>b'0D\x02 sy*\x03\xac\xf5\xb3\xb1P_\x8d\x96@\xd6}\x99\xaf\x05\x11\r\x054\xb4Wu\x05x\xeb`\xab{\xae\x02 Jx0\x92)E\x9ew\xd1\x83\xcd\x7f\x14z\xe2\x1c\xa3\x11\xa0.\xa6u\x1b`\x9e\x13\x1e\xd2G\x8c\xccv'</t>
  </si>
  <si>
    <t>3044022073792a03acf5b3b1505f8d9640d67d99af05110d0534b457750578eb60ab7bae02204a78309229459e77d183cd7f147ae21ca311a02ea6751b609e131ed2478ccc76</t>
  </si>
  <si>
    <t>b'0D\x02 sy*\x03\xac\xf5\xb3\xb1P_\x8d\x96'</t>
  </si>
  <si>
    <t>s.
 'Yes, my little man,' anxiously replied Slightly, who had chapped knuckles.
 'Please, sir,' Peter explained, 'a lady lies very ill.'
 She was lying at their feet, but Slightly had the sense not to see her.
 'Tut, tut, tut,' he said, 'where does she lie?'
 'In yonder glade.'
 'I will put a glass thing in her mouth,' said Slightly; and he made-believe to do
 it, while Peter waited. It was an anxious moment when the glass thing was
 withdrawn.
 'How is she?' inquired Peter.
 'Tut, tut, tut,' said Slightly, 'this has cured her.'
 'I am glad,' Peter cried.
 'I will call again in the evening,' Slightly said; 'give her beef tea out of a cup
 with a spout to it'; but after he had returned the hat to John he blew big
 breaths, which was his habit on escaping from a difficulty.
 In the meantime the wood had been alive with the sound of axes; almost
 everything needed for a cosy dwelling already lay at Wendy's feet.
 'If only we knew,' said one, 'the kind of house she likes best.'
 'Peter,' shouted another, 'she is moving in her sleep.'
 'Her mouth opens,' cried a third, looking respectfully into it. 'Oh, lovely!'
 'Perhaps she is going to sing in her sleep,' said Peter. 'Wendy, sing the kind of
 house you would like to have.'
 Immediately, without opening her eyes, Wendy began to sing:
 'I wish I had a pretty house,
 The littlest ever seen,
 With funny little red walls
 And roof of mossy green.'
 They gurgled with joy at this, for by the greatest good luck the branches they
 had brought were sticky with red sap, and all the ground was carpeted with
 moss. As they rattled up the little house they broke into song themselves:
 'We've built the little walls and roof
 And made a lovely door,
 So tell us, mother Wendy,
 What are you wanting more?'
 To this she answered rather greedily:
 'Oh, really next I think I'll have
 Gay windows all about,
 With roses peeping in, you know,
 And babies peeping out.'
 With a blow of their fists they made windows, and large yellow leaves were
 the blinds. But rosesâ€”â€”?
 'Roses,' cried Peter sternly.
 Quickly they made-believe to grow the loveliest roses up the walls.
 Babies?
 To prevent Peter ordering babies they hurried into song again:
 'We've made the roses peeping out,
 The babes are at the door,
 We cannot make ourselves, you know,
 'Cos we've been made before.'
 Peter, seeing this to be a good idea, at once pretended that it was his own. The
 house was quite beautiful, and no doubt Wendy was very cosy within, though,
 of course, they could no longer see her. Peter strode up and down, ordering
 finishing touches. Nothing escaped his eagle eye. Just when it seemed
 absolutely finished,
 'There's no knocker on the door,' he said.
 They were very ashamed, but Tootles gave the sole of his shoe, and it made an
 excellent knocker.
 Absolutely finished now, they thought.
 Not a bit of it. 'There's no chimney,' Peter said; 'we must have a chimney.'
 'It certainly does need a chimney,' said John importantly. This gave Peter an
 idea. He snatched the hat off John's head, knocked out the bottom, and put the
 hat on the roof. The little house was so pleased to have such a capital chimney
 that, as if to say thank you, smoke immediately began to come out of the hat.
 Now really and truly it was finished. Nothing remained to do but to knock.
 'All look your best,' Peter warned them; 'first impressions are awfully
 important.'
 He was glad no one asked him what first impressions are; they were all too
 busy looking their best.
 He knocked politely; and now the wood was as still as the children, not a
 sound to</t>
  </si>
  <si>
    <t>b'\xc8g\x1d$)\xca\xb4\xfb'</t>
  </si>
  <si>
    <t>c8671d2429cab4fb</t>
  </si>
  <si>
    <t>Rabbit</t>
  </si>
  <si>
    <t>t, was welcomed almost instantly by another cloud of spray, but 
 this time stuck to my purpose and set myself, with all my strength and 
 caution, to paddle</t>
  </si>
  <si>
    <t>b'=\xbd!\x8c\x8c|\xcb\x85?\x9f\x1cX1\xf9\x8ar\x12\xcb\xca\t\xf8(\x95:9\xb61\xcf\xfd\x1ci\xa6\xbd{x\xe0\x9c\x9c\xcc\xf1b\x88 /8y\xa4\r\xde\xbf)E\xc4\x00B[\x14k\xfb\xccB\x00\x9ao\xe4&gt;\xb0\xb9\x9b\x82\x16J\xde\xe0T\x93\x91\xaf"\xaa\x11%\xac\xc2/i\x89\xf5\xe0\x0f\xa5\x92(H\x983\x82P\xa8B\xdb\x1aPn$\xbe\x0f\xd4N\xcc\xcb\xcc\x12\xfeF\x07\x97\x96!\xe7O\xd6\xe1\x1f\xbf&lt;\xfe\x9fjR\x15,E\xc2\x8a\x1b\xd6,\x7fQ\x0ewH\xca\xe7\x97\xfc\xc8\x89x\x89pt(\xed\x1a@\xad\xcf|U\x17\xc8y\x87\x87\x1c:Q\x1c\xd8\x83\x83\x82a^j\x19\x83\xf4\x04\x1c!\xd8\xa8\xa5NX\xdd\x8bg#\x92\x17B\xe2\x82\xba\xe0\x85\xc9\x8d&lt;1\xf0\xf1\xe2\xbd*\x8f\x13\x9f\x03^R\x83\x8cG\xc3\x9e\x11\x1d\xec\x07i\xebW\xbb\xb0c\xf7\xd1\x8c\xda\x9f\xfc\xd3\xb0\xff\xba]_3\xb2A\xf8\xb5\\g\xf8\x8f\x83vW\x9d\x14'</t>
  </si>
  <si>
    <t>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</t>
  </si>
  <si>
    <t>b'=\xbd!\x8c\x8c|\xcb\x85?\x9f\x1cX1\xf9\x8ar'</t>
  </si>
  <si>
    <t>cose levels. Glucagon acts mainly on
the liver cells (hepatocytes) and stimulates glycogenolysis resulting in an
increased blood sugar (hyperglycemia). In addition, this hormone
stimulates the process of gluconeogenesis which also contributes to
hyperglycemia. Glucagon reduces the cellular glucose uptake and
utilisation. Thus, glucagon is a hyperglycemic hormone.
Insulin is a peptide hormone, which plays a major role in the
regulation of glucose homeostasis. Insulin acts mainly on hepatocytes
and adipocytes (cells of adipose tissue), and enhances cellular glucose
2024-25
246 BIOLOGY
uptake and utilisation. As a result, there is a rapid movement of glucose
from blood to hepatocytes and adipocytes resulting in decreased blood
glucose levels (hypoglycemia). Insulin also stimulates conversion of
glucose to glycogen (glycogenesis) in the target cells. The glucose
homeostasis in blood is thus maintained jointly by the two â€“ insulin and
glucagons.
Prolonged hyperglycemia leads to a complex disorder called diabetes
mellitus which is associated with loss of glucose through urine and
formation of harmful compounds known as ketone bodies. Diabetic
patients are successfully treated with insulin therapy.
19.2.9 Testis
A pair of testis is present in the scrotal sac (outside abdomen) of male
individuals (Figure 19.1). Testis performs dual functions as a primary
sex organ as well as an endocrine gland. Testis is composed of
seminiferous tubules and stromal or interstitial tissue. The Leydig
cells or interstitial cells, which are present in the intertubular
spaces produce a group o</t>
  </si>
  <si>
    <t>b'\xa1Nc\x89\x14(\xee,X\x84\xa1\xe7\xdf\x06\xfe\xdc\xf5\x9b+\x11\xd4r5\x8e\x12\x95\x06\x1e\xe8\x0f!\x92\xbc\xee\x06j\x96L\x10\x9c\xad\x9f\xa6\xf2U\x92\xe9\x82F\x0e6\xaa\xf4\x1a$\x9c\xaee%\xfdB\xa7m;h\xa5"\xaa\xdb\xcb\xcf\xb8?i\x94\xd7v8\xde2$\xf1\x01\xe7\xc9H\xa1v\x18\xdd\x04\x81\xb4\xdf\xd5z\xb6\x85\xfd`HG\xd7\xf6\xe1\x11\xb4\xba6&gt;\xf0y9\xa9\x01\xdeP\'\x92\x97\x07\x96\xf0\xc5\xe4\x9eB\x86\xfb\xe1R\xc6nO&gt;\x00\xacXT\xdb\x99\xc6;\x8f\xeb\x14iT\xc7bE\xcd\x10\xf1\x91ub\x05\x80\xd7\xdf\xc7\xbe\xf8\xe4\x16\'\xd0\x89\xf2\xb1vLvx\xd2S\x99i\xf0=#\xb7\xae\xc1?\x15\t\xc0`\xc0\xbf\xd6\\)s\xccN\xa3\xbf\xf5\x8e\xfdUyM\xfe\x93\xd1\x8f\xba\xb8h\\\xe9*\xa2\xe3\xa7\t\x95\xf6\xbd%\xa7-\x1e\x02\x0e\x90:\x00N\xa5&amp;\xe4\x8b\x84Q\xee\x9a\xb38\x88\xd2\xa6{\xd9\xccU\xfb\x08\xb1\x8e\x01\xcf\x07\x89i\xde\x92\xad\x87t\x07/\xa9~\x96\x0bq\r\xfb)\xc1{\x95\x9e.Mn\xa8\xd7;\x8d/\xb0N\x08\x94"\xdcT\xf7X&lt;\xa3\xf0\x0f\xec\xa2\xff\x08@\x01\x8e \x0c\x90\xf4\x97\xa5\xa4/f{K\x08\xa1\xa5\x06f#\x11{\xae0\x19\x8c\xf3\x01}\xf6"\x9eW\x0e\xccF\x0c\xa6v$\x83\x84\xdb\x8c\xd3\xf1T\xe7b\r+N2\xd9\\\t\xb1\xade7\x11\x98[\xeb\xda\xd3\xd5\xfd\tQ\xb4\n\xcd\x82\xd1\x1d/\x06S\xb3\x9dr\r\xd7\x9d\x19\x07_Kf\x9b\xd7S{t3\xc9\xe0\x10\xc4\xc9\xcc\xf5+\xc3\xda\xf5\x1d\xd1"\xbf\xc1!\x01\xf7\xc5\xa7\x7f\xa1\xff\xb5"\xa69\xcf!F\xd3\x04\\\x9f?\xd8 \xb1\xf4\xf6\x96&amp;\xa9\xf2\xe5\x16\xd3\xb3s\x81$\xfc\xc8N\xbf\xf5S\x93\x7f\xf3\xd2\x91e\xe1\xe6\x88\x8a\x92.2\x98\t\xfe\xcd}\x88\xc0\xc8:\xe6Cs\xae\xd0\xc6\x18\xf7\xca\x1a\r7\xa8\x1a/_Ou\x02\xe2\xb8O\xd3\xa0\xbc\x1c\xd7\xc1]#\xcc\xfas\x99?\xcd\x97\x89+o\x9b\xcc&amp;\x159,\x90.\rJ\x84iB\xaao\xe2Ry\xc3\xee\xa4\xa6\xee\x91\x88\x1ak0\xfe\xf3\xda\xa0\xf1E\xaf\x96_\x15o\xce\x02\xbb\\\xd9\x02M\x04^L*\nN\x97D\xfd\xb6\x95\x0c\xfc\x88\xdd\x00\x85$*\xc5+g\xa6\x9eZ\x9c\'\xc2\x9b\x9b\xb3\xb4s\x86\xb5@m"i\xd0(\x17\xdf\xca\x0f\xce\xee\x88H!3\xbc~\xa7\x18w\xb5\xf8\xe8\\\x8e\x94\xaa"\x03X\xd0\xbf\x05U\x98\x92\xfd\x12\xeb\xb3\xee\xc8}[\x067W\xdf\x84\x07\x03\xba\xc8\x1f\xdf\xe0\x1bH\xda\x84\xb2\x7f\x85\x05&amp;\x07\xf27\x1f\x80\xcc\xf4\xf1\x81\xa7Z\xd4\xd8S\xe0 \x97\xa0\xde\x03\xa2\xc1\xdb\x95\x9a\xd6\xbaF\xf4T\xd9\xe4\xa7\x0c\x97\xe2\xbc\xf9\xaaH\xbb\xceL\x1a\x93}(\x1fWl\xa0\xcf\xfe\x9a3cs1\xc9\xe6\xdf\x97\xa7E\xdc\xdb-\xbd\xdf\x9f\xb0q\xd4ld\xcco\x9a\xd8Yc4\xa1\xb0\xfa\x08th\x13w8\x94,\xc4\xc2\xc7\xf1\xde\xf3\xd0\x10\x1a\xe1\xd8\x06U6\xb1\x11~\xeett\x8a\x04\x81]\xf1/\xd9\x130\x12Z\x0e"\x07\t\x96!\xb9\xfc3\xb8rp\x82\x81\x9d\\8\xe7\xa5\x0e\x94\x80"\x8eI\xcdN\xa3u\x93\x10\x17.\xa3\xb7&gt;t/\xe3\xc0.=\xfe\xc3\xd9\xdb\x04\x07\xf28\x86\x1f\xd6P\xd7\x19\xc8-\xe9\x91\x0b\x94\xedR@\x9e\xf5\xea\xa3\xc2\xf6\x18\xdbW\xde)/\xaa\x15\x87\x9f\xf9\x94\xa27\xe47\xe4i\x80\xe6$-\xcai;4\xfd\x97\x13\x12D\xe6\xfe\xae\xd8&amp;\x95\xc2\xbaa\x0c\xf3\xed\xc3\x021\xda\xb5 \xb4+\\\xb5\t\xf3\x7fu\xe1\xc6\x99\x90\xf6\x16\x00L\x1c\xc2\xbb\xac`\xacD\x99A\x96\x91/\xdc\x13m\xd8\xafe\x10\xdb:\x0c\xb5l\xb1\xfb\xd0O\x84\xc3\x9e\xc3?6;\x1f)\x85{\xcb\xfe\xde]\xf7\xc8\xa2\x01i\xf2\x15\x1c\xd3\xfc\\\xa4\xaf\x16k\x8bR\x84\xa7D\x00}H\xd0\xfc+\x0c"\xd4\x83e*\x1f\xa2!\x15\xba6\x80\xffj\xc9\'\xce\xc5\x8e;\\\xae\xc5q\x1c\x1a\xaa\xe1\xd30&lt;\x84\xf3\x94\xd6c\xb3\xa3\xfe\x7f\x8a\x93\xfaT\x9c-\xce\xee\x05\x020\xd1\xa8!\xff\xc8\xd4\x90\xd0\xf3\xc6}Z\x89\x82\x1c\x94\xa4\x82x\xe5\x0f\xfd!\x0cy\xcd\x00\\\x13\xfc\xf6\xffr\xf4\xb1\xc9(\x06{\xe4\x91\xbe\xc3]m\xd4\xaaU\x1b\x96\xc1s\xaf\x03\xfa\xc8&amp;\x1f\x97N\xf0\xd90m\x06B\x94S\x8c \x01\x12\tQO6\xc3\xbe\xd5\xadF\xa8\n\x89\xe7[+\xd5\x8f\xe0L\x10l\xb0^\xd3B\x1bs\x9f\x025&amp;\x99\xd9j\xb2C5w\x99\x15\x88\xa1u`\xbb\x17\xc8\xff\xaeF\x96\xf6\x04\xafhU\xe1i\xeeC6Li\xbc\xbf$\xaa3\xdc\xe4\x1d0~\xb8\xb4\x95\xe2\xf6jl\xb49\xde\x1b\xdf\x99=\x87_\xf4\xc6t&lt;\x07\x1f6\x8b\xa8/Q\xda[\xb7\x9f\x8f+\x80\xaa\xc4\x9e\x8b\x8f]\xd7\x867\xc9\xf6\xd8\x86\xc8\xa6\x82\xf2\x16\x80\xaa\x0f\xaf\x13r/\n\xa1.\xe9\xab\xd4\xc5\xcc\xce\x7f\xd6\x83\xda\xc4\xfa\xe5\xd7k\x1a\x96z\xb8\x9e\r(\xae\x19\x8f\xd5\x9dv\xca\xb6\xd0\x89\xc6\x14\x9c\x99\xd2#\xc5q`h\x95\xdd\xbcL\xd7\xd5\xe6\xdc\x1c\xf9z\x86j\xda\xea\x0e2\xa4\xce\x00.i\xcf!\xb3[\xd7\x961t\xe2ozuS#\x17\xcfw:(\xaav\xa4\xf1\xba\x12\x82\x9c\xf9CC\xfd\x81\x96h\xd9\xfb\x8c\xc4\xc5\x90\x94J{\r~-`\xb18rm\xb8\'tw\xf0\xca.\xce\x10G\x0f\xc4\xf4,!\xdd\xb5\xd4aL/\xd3lZ\xc8\x04\xdc\xd4\xbc\xe5D\x85XFQhB\xc2\xa0\xb6*\xca\x89\x18\x06\xb3)\xb0\xafo\xa2,\xb0\xfd\x8c\x0e\xb8\n\xa5\x91\x05\xe1\x1e\xf9\x8f\x99\x80\x98\xd2\x94w3\xae\xaai\x1a\x83\x04\x03\x1b\xa7\t\x19\xd7\xf4\t\xb4W%C[\x90\xf41\xfe\xc0Y\x08\x87Q_q\xfe\xc4\x0cV\xd76\xa7\xcf\xf1\xb5xI?\xea\xd6m(e\xf2&gt;A \xb0R$\xa8\xa2=M1\x11\xdewn\xba\xee\xa8\xc5\xec6\x92U\xaa\x1c\x83\xc9=~\x9a5*\xcd\x89\xf9\x92\x9a\xd7\xb3\x0c\xf2\x1c\xf8)7\x90\xc0,r\x9e\\\x03k\xc2\xfaQg\x10`h\x1c\xb4\xc5\x8d\xe3)b\x11\x83a\x0e\xe2\xb9\xe8\xab\xbe\xe8\xdf\xf9\xc7|\xec9R\x04q\x11\xe5\xe06\xd3yF\xf6 \xb9\xa5|\xb8\x86\x02\xc6:'</t>
  </si>
  <si>
    <t>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</t>
  </si>
  <si>
    <t>ECC</t>
  </si>
  <si>
    <t>b'\xa1Nc\x89\x14(\xee,X\x84\xa1\xe7\xdf\x06\xfe\xdc'</t>
  </si>
  <si>
    <t>peak. Explain why?
 Solution During recording, your voice propagates through the air and reaches the audio recorder.
 On the other hand, when you speak and listen to your own voice simultaneously, your
 voice propagates not only through the air but also from your mouth through your skull
 to your ear. Since the frequency response of the path through your skull is different
 504 Chapter 11 Frequency Response
 from that through the air (i.e., your skull passes some frequencies more easily than
 others), the way you hear your own voice is different from the way other people hear
 your voice.
 Exercise Explain what happens to your voice when you have a cold.
 Example
 11.3
 Video signals typically occupy a bandwidth of about 5 MHz. For example, the graphics
 card delivering the video signal to the display of a computer must provide at least 5 MHz
 of bandwidth. Explain what happens if the bandwidth of a video system is insufficient.
 Solution With insufficient bandwidth, the â€œsharpâ€ edges on a display become â€œsoft,â€ yielding
 a fuzzy picture. This is because the circuit driving the display is not fast enough to
 abruptly change the contrast from, e.g., complete white to complete black from one
 pixel to the next. Figures 11.3(a) and (b) illustrate this effect for a high-bandwidth and
 low-bandwidth</t>
  </si>
  <si>
    <t>b'7\x14\x8b\x152\x8f.`1&amp;\x1e\x8d\xda\xbf\xd1\x95'</t>
  </si>
  <si>
    <t>37148b15328f2e6031261e8ddabfd195</t>
  </si>
  <si>
    <t>MD5</t>
  </si>
  <si>
    <t>shes it, too."
"I don't believe he does," said Mary quite obstinately.
That made Colin turn and look at her again.
"Don't you?" he said.
And then he lay back on his cushion and was still, as if he were thinking.
And there was quite a long silence. Perhaps they were both of them thinking
strange things children do not usually think. "I like the grand doctor from
London, because he made them take the iron thing off," said Mary at last "Did
he say you were going to die?"
"No.".
"What did he say?"
"He didn't whisper," Colin answered. "Perhaps he knew I hated
whispering. I heard him say one thing quite aloud. He said, 'The lad might live
if he would make up his mind to it. Put him in the humor.' It sounded as if he
was in a temper."
"I'll tell you who would put you in the humor, perhaps," said Mary
reflecting. She felt as if she would like this thing to be settled one way or the
other. "I believe Dickon would. He's always talking about live things. He
never talks about dead things or things that are ill. He's always looking up in
the sky to watch birds flyingâ€”or looking down at the earth to see something
growing. He has such round blue eyes and they are so wide open with looking
about. And he laughs such a big laugh with his wide mouthâ€”and his cheeks
are as redâ€”as red as cherries." She pulled her stool nearer to the sofa and her
expression quite changed at the remembrance of the wide curving mouth and
wide open eyes.
"See here," she said. "Don't let us talk about dying; I don't like it. Let us
talk about living. Let us talk and talk about Dickon. And then we will look at
your pictures."
It was the best thing she could have said. To talk about Dickon meant to
talk about the moor and about the cottage and the fourteen people who lived in
it on sixteen shillings a weekâ€”and the children who got fat on the moor grass
like the wild ponies. And about Dickon's motherâ€”and the skipping-ropeâ€”and
the moor with the sun on itâ€”and about pale green points sticking up out of the
black sod. And it was all so alive that Mary talked more than she had ever
talked beforeâ€”and Colin both talked and listened as he had never done either
before. And they both began to laugh over nothings as children will when they
are happy together. And they laughed so that in the end they were making as
much noise as if they had been two ordinary healthy natural ten-year-old
creaturesâ€”instead of a hard, little, unloving girl and a sickly boy who
believed that he was going to die.
They enjoyed themselves so much that they forgot the pictures and they
forgot about the time. They had been laughing quite loudly over Ben
Weatherstaff and his robin, and Colin was actually sitting up as if he had
forgotten about his weak back, when he suddenly remembered something. "Do
you know there is one thing we have never once thought of," he said. "We are
cousins."
It seemed so queer that they had talked so much and never remembered
this simple thing that they laughed more than ever, because they had got into
the humor to laugh at anything. And in the midst of the fun the door opened
and in walked Dr. Craven and Mrs. Medlock.
Dr. Craven started in actual alarm and Mrs. Medlock almost fell back
because he had accidentally bumped against her.
"Good Lord!" exclaimed poor Mrs. Medlock with her eyes almost starting
out of her head. "Good Lord!"
"What is this?"</t>
  </si>
  <si>
    <t>b'\x1dT\xea\x12\x9c\x12\xa7\x1fx\x03\x80@\xe4\xcb\xb0f\xb6a\x00\xdb\xc6E\xf7H_\x0c5\xcd2\x88v\x14i|\xe2\x96#\x83y4j36\x82\xf2\xf6j\x80\x95\xb7\x81w\xc0\x03[\xafFb\xd0c\xd0\x17\xdc\xa0\x81\x92`\xdb\'\xb0\xbb1\xc2\xd8.\xd1\xa0/a\x8b\xcd\xfe\x1b\xf5\xe5u\x11\xc2\x87\xb4\'W\x84\xdeo&gt;\x08\x84o\x1e\xe8Y\x8d2Ee\xcd\n\x8f\xc9\xb1\xaf\xeeh\xacav\x96\x1c\x90\xd5\xa2{\x0f\xb9\xf9s\xb8oMd\xc4\x0b;\xdf\x87l%T\xc4\xc4wZ\xee\xfb?k2\xf1\x95\x0e\xe7%.\x85\x05\x87Ju\x8cz\x93\xc0\xe6B\x87S\xd0\x13&lt;0E\xed|\x05\xaf\x18\xd4\xf9^\x1e \xf5\xd0*\xc6\xcd\x96\xc5\x80;Z\x95\xbc\xb5r\xef\x92\x85zV;\xc0B\xd1i\x8e\xf2A\x85\xb6`\xbd\x05Lx\x07\x8e\xd6\x99\xdfL:\xe6\xfd\x87_pe\x0bf\xc1\xeb\'\xbf\xeaj\xc2)\xd1\x0f\xb0c*\xc7%\xc9 AZ\x1bHK\x85\x84\xb4\xa4\x06\x84\xc0\x16\x98e\xed\xf2\xe3C3\x12\xe5r!c\xb3Y\xc0}\r\x0f\x0c\x8c\xd4\xb3@\xee6i\xba^\xedG3\xf6\xb9Fv,\x88S\n\x88[\x9c\xc0\xef\xd3\xed\xed\xc8\x85\xbd\x08\x89\xa1g#?.\xd7\xe2g\x85\xfa\xc6=\xabr\x0bS\xe63\x07Y\xb5\x1a\xfd\xa2\xbd\xfd\xb2\xbc\x89\x90\xe1|{\xa3u\x87\xabxFq\x1b\xcfc\'IX\xf4\xe3\xf1\xb5\xeb\xc3\x8c\xe9\x9d\x15m?\x07,I\xeb1\xc8|@qz^\x98;p\'\x86%\xb9\xb2\x88i\xda\x0b\xdf\xdbh\xe14z\xb0&gt;\xe7ZJ\xad8\x1c#V\x11\x08*\x8e\x8bW~,\xfc\xed.\\\x17\x12R\xc1h\xd2\xb1\x9a)\x10DP\xd3\xea=\xfd\xe9\xa8_\x97\xfb\xfd\x88\xa2\x0c\xf6\x15\xc4 \xed\xe7r\nJ}\xe3G\x9e^\x1d\xac9P\xb3S&gt;\x12&amp;\xb4\x106\xd4\xcd\xbf\x8e\xbe\x86\xa3\xbf\xe6\x9a\xc0\xb8`\x8e\x93\xcc:us\xfe\xd3\xf7\xb5y\xe8\xbd\xd7?3\xe6\x864\xf1N\xdb\x10R\xf7@\xb4\x8c$R\n\xcb\xec,(h\x96p\x9e!\xa7\xe0\xb6\xd4\x95\x8e\x0e\xd1a\xc9\xa9\xba}\xcbF\xcc\t/zx$,s\x03*\x00\xab\x13\x01\xb5.\xfe\xc0\xfa\n\x06\xdc\xd9\xb7\xb5\x19\xc6b#3\xd1\x0c\xf1\x96\xe82\xe4.%e\x05\x9du\xc0g}\x9c\x96p\x8e\xe3\x1aq\xe0\x04\xcf\xb1\x9d\x17\xe4\x16\xdbM\x92ClP\x015\xb7\x06\x1bl\x88\xfft\xffT\xa4/4\xb4\r\xd6S`\x0c\xd2\xd5=\xd0bh\xe7Q\xc6\xfd\x94\x10\x11\xe4\x8fGF\xf0\xff\xe4,\xdbwte\xb3\xf9\n\x83\x1c\xe6\xfcYBa\x89\xde\x9fd\x8a\x01\xf0\xd0$m\xba#X\xd5y\x91\x04\xd0]c;?T0\x03\xcb\x90/\x88\x80\xa5t\xeb\x8f\xeb\xcdi\xb1a\x0b&gt;&amp;\x88,\\\xd3\'I\xab\x04\xacW\xbb\xce\xdc\xaa\xf2:\xb4\xb3\xb3\xe4{\xe8\\\xea\x97\xed\x8f\x82\xdc\xd3g9-\x9d\xf8\xd6\xab\x10j\xeb\x8c35\x9c\x18}\x1bLg5\xb9\xb0g\xf9\x17\xf2\xb0.\xe5\xfc}\xd3z\x1e\xec\xbdt7R\xd3\xc7&gt;\xe7\x9cM\xf1\x97HZD\xfc\xa4\x1f\xc2\xc6\xcf:\x1aG\xa2\',\xd4\x12\xfe\xf1n&gt;\x0e\xa7(\x8c\x11]\xd5\xdbc\x8e\xa7\xbfP\x12\xb3\xc8\xa2eB\xf1\x12\xd8oZ0\xe7\xc1\xb5A,5\x81\x85\x02$sDb\xec\x0c\xbb8\xe1?I\xfdG\xb9\x9c)\xe5^\x0fy\x08\xcf\xc8l\xdaf\xb7\x0bs\xcd!k9h0\xfeYN\xcbNGi\x8e\xa0n5}\x91\x104\xf0o\xa8S\xf8\xbf\xeba\x13\xb7\x9ff\xc4\x86Z\xfeF]\xebv\xfe\x18i\xdf\x95\xdco\xd2\xd4$\xf8\x1b\t\x1d"B\x0e\xafe\xb8m\xea\xe3j{\xc1\x7fg\x17TH+\x81d?\x87y\x06w\x7f\x93\x96hST\xbd\x98*S\x90\xbdl\x85\xf7\xe9&gt;\x14?\xba\xdd`\xd9B\x17\x87\xa5\x93\ty\xc0\xae\t"p\x81\x9a\xda4\xf8_\xcax\x98\x83\xd9Q\x82&lt;\xe0\xfc\xa0e\xa9\xc4:\xdb9\x9c\xd1\x8a\xc1\r\x1f\xdc\xfbZ&lt;\x0c\x1fB\x1aT\xec&amp;\x84\x98M\xa8\x19\xd5\x85+\x18@\xa0\xda\xd6W\x17S\x01:h IlU\xa6\xd2\xbc*\xc9dH\x84\\\x00\xad(\xea/\x06\xa6\xf8\x13(\x16\x98\xab3\x1a\xdfn\xbbGJ\'\xc0\x81\xaf\x19\xba\x96b\x0b\xe5\xb77\'\xdc\xe5\xc6\xe0-\x16\xd8\x81x\xfc\x17_\xf3\xfe\xf6\xbf[\x88\x94\xb0\xbe\x9d\xcd\xf9?\x92\xe5\x1b\x9e\x15\x06\xf7\xb3\xdbf\xcc2\x80\xac\xd0e6\xfe\x0bs\x8d\x1c\xe3S~\x08\xb7\x1c16\xdfQ\x8d\x9eB\xe1\x97\x01&gt;\'\xebI"F\xdb\xf4z\x7fF\x8d\xe5hu\xe0Y\xa8\xebp}\xd5hD\xc7\x9c\xc3\xb31\xa30\xd1SY)\xf4\x11;\x95F\x9b\xa4\\\xb9N\xef\xffl\xe5\x84\xb5\xf1]\xa9\x91\xd9$\xb3O\x1c\x83\xd9\x0e\xeb\x10\x97\xe1\x94\xcb\x03M\xc8\x99\xaf\x12|3lI\x0f\x03\xc5\x1a\x10\xe2b\xd2\xb5w\x89c\xfc9=\xe6\x184rj\xb7\x83\xe3B7\t\xbc\x96\xfe\x03\xaf\xa2\x83\x1a\x9e\xc4B\xd4|x\x9f\xd6\xc2\x93~3J.\x1c\x0e\x92\x88\xb1n~"\xb4\xb4\xcf)\xf7\xe6\xe2-\x8bk2\xeb\xa6_\x84\xc9[\n\xac(\xb5\xb8\x91\xf0\x03\xe2m\x80\xd6\xad\x14\xde\x80!\x9bya\xca\x05\xf9Q\xadr\x05\xbeA!\xd3\xfc\xd7\x9aX\xc6\x1e\xc3\x0b!\xfd1\x18&gt;&amp;\x97\xce\xb0\xf1\xeb\xfe\x1a\xc6\xc8\xaf\xf2\xe6\xa3\xce*@\xfc\xae@\x04&gt;H\x92\xb2&lt;bUCl\xac\xcfQ\xdb\x16\xbc\xe8\xc8\xa9w\xbbW\xba\x9e\xf0}\xefvv\xf7Ej\xd2v\xae1g\x0fh\xecP\xb7h\xda\xec\xfa\'0\xd8n\x9cq[k\xab\xceH\n\xba\xb3\x19\xa8\x91#DU1\xd2\xa1\n\x1fr\tJA\xeb\xd79QM\xe9\x91f\xb0\xb2\xd4\xfe\xa1\x8c\x0cz\xf5\x14G\x94\xf9\xa1\xb0R\xb7J\x1a\xa4\xa9\xe6F\xdd\xc1F5\x9a\xf10\xe1\'\x10\n\x97x\x95\x88U\xa2\xa1\xee4\xd4\xf2\xed\xe9\xb1\xb2a\xe8\x884\xb5\xc2\xf9\xdck\xafuZ?R~?2\x82g\xb7\x9c\xea\xb2x\x0f\t-\x8a\x9f\x89\xba\x1a\x9cx,\xcab_\xc7t\xbc\x1bb\xb8\xf5\xc0\x8ea\x03/\x99m\xb4|\x0b=.\xb6\xe3\x17M\xe2Qr,\x89f\x9e\xc5\xe9\x1a\x86dV\x0c+C\x94\xdd\xf3\xb0\xdd\xb4sx\x00w\xb7s\xech\xadX6L\xc2sJHLX\xa7@\x8e\x1d^\xf1|\x83\xe2\\\xdcca\x1f?\x01\x18\x05\xafU\x88\xc3\xd4\xb3\xd7\xb9\xcc\x0bHe\xa3\'\xfb\xdc\xcb\x8f\xad\xea\x8c\x18s\xd4V\xa2Yt\xe7\xa7\rm\x93\x1cr\xd3\xf0B\x94V\xca@\xa2u\xc8%&amp;\x19\xbdk\x01\xf1~\x9aB\xbd\xd4\xc3G\xaae\xe9\x8e\xce\x15\x8d\xc5,\xaa@&amp;7Z\xf4\x8d&gt;]|\xc0,\x15D\xa8:\x8c:\xe9#\xd0\xc9\xe5\xc2\xd5\x10\xb92\xe8\xe3\x0e\xb6=\xa9#\xf2\xa54\x9d\xe1o\xb5\x0bR\xae\xa0\xc0m9qXT\xb56A\x19Ftg\x90\x1e\xc5\x1a\xeaX\xac2x\xdf\xcbg%\xab\x88\x91\xfd\xe3\xf6x\x00\xd3\x1c\x08O\xae;\x9dc\xc7V\xc0\xcc\xddLi?;\xf3I\xb4\xd8\xeb|&amp;\r\xf7\xb7N\x8d2a\xd6GA\xcc\xde\xe0\x97$\xc0s\xa2S\xd7\xce\xd4\xfc\xff\x8a\x99N\xf9\xee\x16\x06\xd8XG\x9baF\x80$\x14rF(Ag\x9b\xcbZT\xacj\xa1\xd5N\xc4\x82\x89\xce\xcc\x9fm\xcbv\xdcT\x94\x005\xc2\x00\xd4s\x15@\xc9\xa9\xd7\xe1 Qs\xda\xfdM\x82U\x83gwUn\xa1\xe0\x11\xdb\xc4\x1a9r\x8c\xa8\x15\x11B\x8d\xaa\x07\xa1H\x06eg\x916nb#&lt;\xad\x16\xb0(\xbe\x1e\x1c\x8f\xeb\x03i Yw$\xea\xa2\xac\x80\xe7\xdd\xb4\xc1\xf7\x1bK\x88\t\xe4\xa1n\xd0\x1b_\xe7\x16\xd2S@\x98\xe3m\x00\x92&lt;p\xc4\x85\xc9+\xa7\xefT\xc4\xa4\xf5\x90\xb1\x147\xddCdC\xbb\x12\xc1W\xa0\xa3\xddH\xf4\xad\x83\xfe\x13\xf8\xfb\x1f\xccxc\x8dM1\x1d\xd7\x13Oq_b\x9c\xb0_/\x8a\xdf\xc0\xe0ek=\xfd\x18U\x8a\xbbw\x0fF\x8e\x02`n&lt;X\x82\x7feR/$K\xd2 \xf3\xa3\x1bE*\'\xad\xdep+\x01\xd2~\x02\x00\xf9\x80\x01/KD\xa5\xeeaY\x9a\x8eL\xa0\xe6HJq\xd6\xb2\x96\x14\x81\xb7Y\x04="\t{\xafP\x18&lt;\x18[\x0f\xfa@\xd2O\xd8zNc()\xcd\xe8\x91G\x15A\xd4-\x87\xd1\x1bu\xaaT\xdd\xf8\xfd\xc2C\xd7\x99\x08\x9a\xc7\x03=\x1a\xedm\xdc\xadn\xafc\xd0\x0c\xb9T\xb1R\xa0\x80\xcf\x86\xb7\x1ay}\x15b\x82\x11\xe8\xcf\x7fh\xa63\xf5I\x9b\x8b+\x0cm\x9f\xc5q\xe6i\xda9\x04\xa0\xd5\xdf4\xc2\xe1\xa1\xffP\x9ep)\x1a\x9a\xe4\x05\xfe\x17\x17\x11\xc7P\n\xfd\x08C\x11\xae~\xf1\x862+\x8f\x1c\xde3\xd2+p8\x81a\x8a\x9d\x8fJ\xbe\x81\xba&lt;\xf2l\x11\x8d];C\x1b\xed\x10\x85\xde,X\xd9b\xcb\xd8\x0f\x18\xc5\xad\x979\x04\x8c\xc19\xa3O;\xda\xb4f\x9c\xf5r0\xecl9aYH\xa0f\xa3\xb1\x05\xd6\x86`\x9c~{\xa8\x8d\xe87\x05\x8d\xc7\xf0\x94\xb2\xcdbB\xeeW\x85\xcd\xc1\x92\xcf\xc13J\x85\xbc\xd0%\xc7\xb0*\x02\x15\xed\xdf`kNWk\xc0`\xf0\xcb^\xd2\x95(\xf4x\xd0\xe6\xcd\xde\x89\xfb|d\xd6\x19\x0f\x97\x1d\xae\xc8\x02\x1bQ\x02.\\\x133\xe1\xe7q\x0b\x16\xa2\x7f?\x83\xcc\xd0\xc1\xa85!4\xf2\xa9eP\xcf\x19u\x8bO\x8f\xf4a\xe8Q\xea\xfd\xcc\x91\x1e\xa7F\xcd\xa2\xeb\xba\x15s\xa2V\x872\xdfo\xff\xd6\xf3.*\x96\xe1\x08\xb9\x9e\x96L1\xc9y$\xb2\xdc\xda\x84SK\x82.\x14[\xe5\xd6[8\xd3ZDN\xf0\x8e[=\x15c?\xd3\x15^*\x8ey`9\xf4\x15\xfa\x80\x95=\xb8S1\x82\xf4\x88$\x045\xeb\xf3\xae\xfc\xd7P\xfc\xdc\x02\xc1\x17\x80\x9e\xe1\xbe\x02\xabJ&amp;I\xf9\x86(\xdah%\\V\xd1\x10\xc3\xc3I\x8f\x8f\xa6E+Q\xf6\xe5\xd5\x97\x89\'\xec\xc2\xed,\xdf\x05J"\xd57\xf4\xc89\x81\x18\x80_\xf0\xe2\xb4\xc9\x90\x83t,\x02\x9f\xaeq\xb3\x02\x01\x0e&amp;N\x8c\x0f:\x0c\x02\xbb\x17\xbaC\x02\xdd\xcbk~\x01\x0f~\xa2&lt;\xda\xc6\x1b\xdfD9\x8d\x05VE\x9cd\xc5\xbc\x16w\xcaL\xab\x13\xc9bE\x13K\xf8R\xd4\x9f\xb2\xa3\xf2\x1d\xe9\xef5#[\x9cn3}\xaf\x89}\x9f\xd7J\x07=)\xc3{\xe8D\xb6#XwR:o\x88\xd7\x99*5@\xaaA\x8f\x94*A\xfb\xd9\\\x05\xd5O\x01\x9c\xdf\xa1\xdeD/v*`\xb2\x10BU\x9b=\x14 \x01\xb7}LP\xed\x08\xadr&lt; \xe7U\x8bm\x07\xbfWI\x9fp\x93-\xc5\xa2G%\xf3\xbc|\n\xf80\xd1U\x9a\xc7r\x921B\xf6\x01X\x1cS\xcf:\xfds\xc1}\xde\xf7f\x15\xac\xddQ\x02/j\xbe\x0b\x93sl\x1b\x19\x85"q\x94\xe1nH9\x8d\x87\xe8\x9b\xa0\x0f\xfeo\xe6\xf7d\xb6p\xe8x\x18Q\xfa\xd3\xaa&amp;\x0e\xd0\x06d\x148q\xc5\x1c\x9a\xba\xc4\xf1\xea\xb6\x04\x9e\xba\x06\xcdx\xa9\x84g;\xd37^c\x1b\xe5\xedr\x06\xb5\xeb\xdd\xf5\xdc)\xc5WX(m\xcaW\xb7\xb0e&lt;\xa6\xb0\x9a\x0e\xcea\xe2\xf9\xf30\x93\x155\xc6\xb8\xc2S\xc3\x8e\x97&lt;\xf4\xe4\xa0\xe2\xe8#\x8f\x9c\x87\x95=Dih\x86\x02\xb5V\xc0\x8d)\x97k\x02B\xfa%\xe7\x8cI\xfc\xae\x9d9\xb9o0/9\xc0\x8ar\xda\x82\x83\x04u\x02\xbeN\x17\x96\xa4\x88N\xde\x01\x97\xea\xb8\x98\x19\x9d\xed\xb0\x11-\x06\xba\xac\xa8.\x96\xb2\xef\x18\x8b\x8c\x1e\x11\xbf3ou~J\x07[\xae\x13\xdc\xf1\x86\xb4@W\xe2\xbe\xcb\x1c\xdd\x0f,\xf1B\x81\x14\x84\x0cI\xbe\xe8\xdb:p\x8b}z\x8e\xd5\xc4\xf0y\r\xa9\xce\x05V2M\x01XFm\x9f\xd8\xa6\xec\xb8\xf3\x9a\xb7H\r\xc4%\x02\xdetA\x93md!`\x9aX\x88Ak\x89|&gt;\x87\x8cci\xaftk\xfcD\xd7o\xda\xf0\x06\xcfh\x1cw\xbasb\xde6\xa8\x92g#ig\x18Q\x0cv\xdfnKA\xa1r[n\x1458\xd5\x9c\xea=\xfaA\x1e\n6\x0b\xf0\xab\x0e\x8af#\x9e\x7f\xc7)d\xc3\x9cFt\x11g\xdb\x9b\xec\xf4u\xc6\xa0*\x1f\xe5&amp;\x17\xae\xef\x07\xd5\x93\xb7\xe2\xcao\xe2;x\nL\x96\xf1\xa4\xf6\x9a\x0cl\xc0\xee\xf8i`\x17\x9e\xa6ay@m\xf8\xc6|\xb3\xb3\x89\xe1\xb4\x13\xef/\xc0\xd2\x8d\xb9\xb9!\xe6h\xcaB\x1a:8\x8c\xca\x0b\xd8\x19Bo@\xe9\xf1\x08\xf3d\xdf\xd5\xd5\xf7\xcfl\xe6\x95^\x19\x08\xf8\x88#J\\\x03.\xbaM^\xce\x13\xf1\x14\x943\xb05\xf2\x89\xe4FZ4)\xf0\x8f\xe9\x0c#\x9b\xbbh\x89\\\xcbW\xc9\x06OD\xcc\xfb)\xa3?kr\xb7\x06f\xb3\xe52\xb0,Z\xbb@\xde\xad\x04X\x91\xe3\x99\x08\xbb%\xd6\t\x8eC\xd5\x7f\x84\xb7\xd2\x18TvV6\xb2J\xd05`4\x8c\xb1\x15\xd3\xfd\xd0\xc58\xd3\xa24\xd7\xd9\x8f\xc3\xb6\x890\xe4\xb8@&gt;&amp;\x04\x15\xb5\xc57\x16\\\xd5\x9eP\x19\x8c\xc9\xa4\xc6\x18\x1b\x99\xa5\x01\x9a\xf3\xf4JD8\x0b\xfb\x94\x0c~\x86y\x8e\x8d\x11\xa2\xe9oV\xa2\x99H{2\xc7@\xceq\x82%\xa5C\x8f\xe9\x03\xd7_\x87\x8b}g\xa19?G`p\xff\xb6\xc7\xe7\x1f\xb0\x9b\t\x1b\xd8\xadY\xbb+\xfa\xf54\x98e\x15\xc5\xd4\xf0c$R\x93\x94\x11NEw\x02_I\\Nt\xaeNO`O'</t>
  </si>
  <si>
    <t>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</t>
  </si>
  <si>
    <t>b'\x1dT\xea\x12\x9c\x12\xa7\x1fx\x03\x80@\xe4\xcb\xb0f'</t>
  </si>
  <si>
    <t>ics. Mike refused and left the
 BUILDING A STORYBRAND
 6
 industry. Heâ€™s a good man. I called, though, because he still has
 incredible insight as to how marketing, story, and behavior all
 blend together.
 At my request, Mike flew to Nashville to attend one of
 our workshops. After two days learning the StoryBrand 7-Part
 Framework (hereafter called the SB7 Framework), we sat on
 my back porch and I grilled him with questions. Why does this
 formula work? Whatâ€™s happening in the brains of consumers as
 they encounter a message filtered through this formula? Whatâ€™s
 the science behind why brands like Apple and Coke, who intuitively use this formula, dominate the marketplace?
 â€œThereâ€™s a reason most marketing collateral doesnâ€™t work,â€
 Mike said, putting his feet up on the coffee table. â€œTheir marketing is too complicated. The brain doesnâ€™t know how to
 process the information. The more simple and predictable the
 communication, the easier it is for the brain to digest. Story
 helps because it is a sense-making mechanism. Essentially, story
 formulas put everything in order so the brain doesnâ€™t have to
 work to understand whatâ€™s going on.â€
 Mike went on to explain that among the million things the
 brain is good at, the overriding function of the brain is to help an
 individual survive and thrive. Everything the human brain does,
 all day, involves helping that person, and the people that person
 cares about, get ahead in life.
 Mike asked if I remembered that old pyramid we learned
 about in high school, Abraham Maslowâ€™s hierarchy of needs.
 First, he reminded me, the brain is tasked with setting up a system in which we can eat and drink and survive physically. In
 our modern, first-world economy this means having a job and
 a dependable income. Then, the brain is concerned with safety,
 THE KEY TO BEING SEEN, HEARD, AND UNDERSTOOD
 7
 which might entail having a roof over our heads and a sense of
 well-being and power that keeps us from being vulnerable. After
 food and shelter are taken care of, our brains start thinking about
 our relationships, which entail everything from reproducing in a
 sexual relationship, to being nurtured in a romantic relationship,
 to creating friendships (a tribe) who will stick by us in case there
 are any social threats. Finally, then, the brain begins to concern
 itself with greater psychologi</t>
  </si>
  <si>
    <t>b'\xda\x16\xb6\x14\x02\x1fl\x9d&amp;uK\x1e\xf9\r\x8c\xf6ER\xe3\xef{\x01\xf4\x91N6\xc2-\xd9\x94\xe0\xecc\x87\xbb\x11\xb7\x816\x10&lt;\xbc5?\xa1\xae\xa5\t\xb8\xe2\x9cm\\\xcf\x9d\xe9\x7f\xf0g4\xdb1sq\x9a2!\x8c\xc8\xba\xa6\xf6\xe8\xc0,;s\x99\xdaG(\x9e\neAp\xe3g\xa5\x8b\x169\x19\xf8\xd8vT\xe0\xb3\x84q\xe6\xb4\xda\xd4\xd5x\xc4\x87\xde\xea\x9f\xa2\xf1\x8d\xf2{%\x1c\x84\xf4#-y\xd0}|\xd4Y\xb73\xde\xee\x0c)\xe0\xe9I&lt;&lt;\xb2\xbbc\x86d\x08\xcd3$\x06a\x08KjfB+]\x82\xe1j\x97mo\xa60\xb0\x8a\xde\xc6\xedhf\xd7\xa7\xb1SU\xa0\xe3\x8b\xc9h\xa5z\x9a\x10E\x1a\xfa\xe9m6\xee\x05\x91&lt;\xa38\xd7\xab\xfe\x17\x95\xd3\xf9\xc1\xc6\xbdPK\xf0\\\x07&gt;I\x9d\xa2\xc1|S\xe3\xd9x\xf8\x82[;\xbc\x00\xd2\x92\x06RS)\xa9\xdfQ\xf9\x95\xedY\xa9\xd7\xc2Vub\xd1\x9dT\x058\xa8\xb8&lt;\xff\xbd\xd7\x0eG\xa9V\xc8\xae,\xa3\x90"|\xe1\x1e\x11\xca\xbdz\xe5#\x8at\xc3W\xd9\x83\x14\xa9B\x12\xad\x81\xc5\xd2m?g\xeb?9bA\x9a\xd9\xbb\xe5\xa3\xf2\xaeY\xa3S)W\x0c\xe0\x02\xb0j&lt;$Z\xc1\xa4\x98|a\xdf*\x12\xea\xc0\xd7\xaeH\xa3G\xb9\x8c\x8cf{T\xb9\xbb\xc40.1*\xa1\xbcCaS\xbap\r:\x8e\xcf\xf4\x80\xa1\x87)&lt;\xb0\xe6\x99\xd0\xcdH\xbe\xc6\x05\t\xaai\x8e\xaa\nF\xd1\xed\x9c\xe3\xae\x86L\x87\x16\xa7gKn\xb2\x9c\x9c\xaa&gt;\x1eLD\x18\xcb\xeb\x1e\xb8\x1c}\xb9\xcf\x11$\xc4\xc3:\xfd\xd0\xee"7q\xf0\xef\xd4\xc82\xdd\xfd\xf45V%\x1d\x93\xea-\xe5\xd3\xd4\xc5\xc1\x07\xcar\xc7!A\x86\xf1\x85\x86Z\xaf\xa5\xa7L\xee\xf4F\xdf\xcd\xb2\xc9I3\xe5&gt; ;G\xbal\x11\x17|\xf7\x06\xb9\x97_b\xee\xcbLh\x83\xae\xe4o\xb7\xf1\x93\xcd:\xec\xd4\x8a\xf6\xe6.\x83m6\x9deM\x8d\x12\x05\x9dbCO\xce\xc4\x06\x97\xbep\xb3P-\xfd\xc6g\xfc\xbf\xd5\x86\xf6N\xfc.\xdd\xb9\x0b\xa6\xec\xa0\xd4\x8f\xfe\xa3Lp\x87Q+P\x9c\x17\x11\x15\xdb4%z\xf9,\xc6\xa6\xf0\x15\xfc\x12\xef\xde\xdf\xa69XF\xdf\xf3\xed\xe0\xd5\xe3\xb6\'U\x8fR\x98\x18\xc8\xa9\x1e\x15\x8aK\xd4\xd5\x17w\x7f,\xf4\x05\xad\xc4\xe5@\xb3\xb1\xa1\xbf\x1b\xc1\x7f\xae\xaa\xd0\x88+!\xa6V\x15*\x0c\x05\x12(\x97\xecw3\nin+&lt;\xa7M3\xd3\xa5$\xda\x0b#\x7f\xd3\x8a\x8e}\x8a\x10\x7f\x13\x98\xb8\xc2n\xde\x0f~\x8c\x0f\xe5\xf5\xcb\x18\xcel\xa3A\xd4\x19Eo&lt;E\xc1\xc2\xff~\xdc\xdd/\x8eV\xaeR\x00\x1el\xe9\xb1\xaa\xe1\xdf\xf6L\x7f\xa6\xdb4\x86\\7OW\xe8\xe4\xefX\x9f\xd3\x14:\xf4$\xebe j\xe9\xd0\xaaz2\x8b\xd5\x99\xdf\xf0_-\xed1jm\x07OA\xfb\xf6\xa69e\x14"\\\xf4\xbdk\xc6d$_\xc3+(i\x15Z\x01f\x15:\x99\xb1\xc6\xf4\x17\xf2 #\x813JG\xa4\xa7n\x94\nq\x12\xda!\xe4\x01\xb3s~%S\x8b\x9dX\xca\xe99+3\xfdwL dk\xcfb\xb4;\xdb\xb81#,!\xadm\xe4\x1dI\xd5\x8f\x85\xee\x91\x81:\xdc\xbb8D\xb0\xdd9nUc\x9ag\x97\xd2IT)\x9c\x9b?\xaa&amp; \x89#\xae\\oC:\xc5\xb0\xd3bI\xaeM5\x14\x0f\x8d\xfa\xa9\xcbT\xa81\x96V\xa3\x02\xbf\xd6\xbc\xc4\x04\xa5\x87\xdc\xbaIy\xe8_O\x0e\xfc\x9f\x06\xd7I\x9ahT\xc1\x9e\x8f\xc1\xe6\xff]\xaa\x87*f\x165r\xd3\xa8O)6\xe8\xe4Rd\x96Pa\x0bv?\xdb,\xc0\xe8 \xd3\xf3\x10HR\x8c(N\x0c\xfb\xc6\xe6ED.\xcaC\x17\xb7$\x06[\x1b\xcc\x07\x7f3\x8f\xd09+\xad\xfaNrbv\x0b\xe6w{\x8ae+\xc5P\xef\\\xb7`\x89=\x81c\xde\xda\xe7\x91\xb8*\x9b\xfd\x93j\x1c"q\xc6S\x85A\x92be\xb2B\x03\xfa\xc1!\xa8\x85\xc6\xca\x0c\xc8&gt;\xc8Ex-\xb3\xa1\x14\xf6p\x91\xa9\xe2`y\xec\xc9g\xb1\xb4\x08K\x97\x0b\x82\xd7\xa7\x84j\xa0*\xc4\x987\xdd\x8f)\x92\xba8\x8c\xa2;l\x9b\x1a\xebn\xa7\xf1\xba\xf87\n\xa4\xc5\xaac\xd2\x87\xef\x82\x96\x9c#\xca"\x16\xa7A\xf7\xeb\xd6\xdf\x12Qs\xde\xe5\xd8\x15X\x82\xfc9\xd7\x04\xa4}\x87\xf6\xd2\xc8\xcf\x87\xff\x88\xee\xc7%jdZ\xddg\xef\xbd\xbe\xd1\x92\xe6b\xa8\xb4p\xfe\xec\xad\xf4\xcdA\x19\x1eR.\xad\x13\xc3;=\xac\xde,\xbb\xb6\xf3wcE\xc0&gt;\xbb\x80x\xfd\xb6\xd9\xe8\x07[\x8eY\xde8p"\xf8\x1f\x8c\x9d\xb5\xd6-E\\?\xeb\x7f7\xff\xd7\xe7\x9eC\xf3\x8c\xda\xdaI\xbbI\x9a&amp;\xb1\xc0\x83\xe4z\xf7\xd2.\xec\xb0\x17\xa6m\x9bvaQ\xdc\x80\xc9\xac\xfd\x8ai6\xdd^\xe8\xa7\x14@\x1ew\xc3)\xdf3\xb9\x92\x17\x81?\xed&gt;O\x0c\xc37.\x83^\x86#I7\x96H\x08\x1e\t\x05pJ\xc5\xb9\x83F\x0bw\x14Q\x1f\x14z\xf9Z\xb2yt\xd1=\xcc4\xeb\x93\xa6\xa8n\x87\xbc!\x03\xf2\xd1\xceO\xbe\xe5E\x12@\xae\xa5 \xc8\x96;\xa9\x01+\x83?\xe0\x15\x10#\xa9\x8f\xe5\x10\x80\x97\xbd3P\xbc\xbcS\x17h\x0e\xbe\xb6:$\xeazU\xa7\x12\xacb\xa5x\x05\x19OV\xbf\xe5\xad\xd5(\x08\xcc\xa2\x83\xc17\xc8[0\xbb\n\x130c\n\xa9\xe2_\xfe\xc9u\x07\xfc9\xc9U\x96\xe5C\xac,\x0b\xa2\xf1O\x88[\x11\xe17\x89\x1ch\xf8\xfc\xac;z\x83\x19z&gt;\x9c\x16e\xeb\xf5\xef\xe5\x8c\xd5\xfc\xce\xbb\x15\x8e[\xef\xe3i\x0bQU\x10\xf8K\xebNN\xa3\x85\xed\xfd-BL\xefv\x1dB3\xb6P\xd0\xeeX\xc2\x8e\\A\xe0X\x13\x0erX&amp;\xf8\xe7\x02[d\x84_\xf4\x0e\xacP\xf4\xc8(3\x9a\xe2==j\xfd\xd4\xc4*`\x8c\xd4\xa5\x92\x9e\xd4\x00d\x1bj\xd7 \xcf\xbb\x98\xe1\xf1\xc9V\x9fX\xb4\xac\xd6`\xdd*\x02h\xfdH]"\x1dFz\xac\xe1\xaff\xdc\xd9AP\xdfe\xfa\xcb\xa2i\xfc\x80\xb2\xfbH\xfa\x93]\x19$\xa4\xde\x83\xd2\x92a&gt;L\xf4\xa4"3\xd7\x83\xeat&lt;[d{wB\xb98+\x05K\x1b\xec_\x8c|dcd\x06I\x04\x0c\xc5\x8c(\x03zEXSd\x1e\x04\x17@_\xf4\xce\xe5\xde\x9cfF\xdf\xee\x84h%\x04\xc3\xa7\x8b\x15\xf4f\xa0Y\x99\xbf\x16~\xd1\x13\xcf\xeaf\x1f\xf6t\x98R\xc1\x8d\xedoz\xf97@\x10R\x15\xbe\xee\xad\xd7\xfa,[\xf6\n&gt;\xac\xf8\x8bqdN\\\xce\xf1\x8f\x18\xbd\x06\xdf\xf6\xd9\x0c5\xf73shT\xd5\xcfk\xc5\x11\xb1\x17\x83\x1a\xad.\xe4\n\xbf\xa7\xc7\xadc\x1bn\xe8\xc1w\xbc\xbe\xee\x95\xdcF\x9e\xa8\x1c\xb3\xa6w9h\x1e\xa4b\xff\xecB@\x8a\xa7\x8c\xf64\x86d\x9c\x81\xdc\xdf\x0b#\x00x-|\xf5[\x1e:@\x90\xa8\xaex\x83lR\xf0\xc8b&lt;\xfcA\x7fx\x8c\xb6f\xc7XW\xdbf\xb1c\'\xb5\x03\xc5.2\xef\xd5\x95\x8f$\x18C\x1b&amp;\xd35\xa5\xd5\x01\x9b\x9ah\x07N\x8f\xb4\xa7\x14\xad\x87]S\x98\x18\xa2\x82\x94\xf4\x02?:\xde\xaas\x9a\xea\xc8[\xd8\xcf\x80a\xce\x82\x92/b\xbe$BG2\xa2\x90G\x1a8\x0b\x1d\xedH\xe94\xdf\x91h7\x1e`\xfe{7\x08tLRI,HP\x1f\x0f$\x016j\xedp\xe6\x03\x8a\xb4b\xe9="O\xe228T\xb3\xa1\xb6\tF\xfc"~\x12\x05\xf0\x1c\xdfj\xa2\x1a\x07\xf4\xe8XZf\xf4\x06\x81m\xc0\xe9\x9dlt\x86R\xc4L\x06J.\xf58\x0f\nWuh\xd4\n]\xab\x00\xed\x0cT\x07\xfe5s0M\xd0\xb10D\xff\xe0qN\x82\xc9\xbc5;\xcb\xb6\xce\xdcd|\x08\x068\xf5\xb5\x9d-\x8f\xc8\x968\xa4(&amp;\xf7\x1e\xa9\x80\xaca\x1c\x1f_z\xda\x94\xe5\x1ed_\xf6\x00\x8b?\xd4\xa4\x85\xfd\t\x05\x0eE\x85!FyCiS\x96\x05\xf8+\xe0\xb6+\xe3x0_\xe0!+\x03\xc8\x89\x96j\x0e\xd1RH#\xe8\n\xd5n&gt;V\x9d)\xd4\x1eo\x89W\xaa\xad\xc8\xf9+I\x19P\xbb\xbd\x03\xd3l\x1b)\xa6\xf0\x0eO\x8dH\x82S\x99\x81\x1f\\\xed\x8b\xaf\x18e\x00i[\tD\t\xba.HE\x81\xb5N\xb1\x94.\xf5\x03\xfb\x99\xe7\xbb\xb7V\x01\xaa\x953\x9b\xa7\x90\xfa\xf6\xc4\xef\xf0N\xcb\xae\xf7\xcb\x12\xd6\x1c\x18\xac\xe7\xe7J\x8e\xa4\xf7%\x01E&gt;\xf7\x01f\xfd\xbd\x0f\xaaK{d}\xf4\x0e\xe3\xdb\xc07\x89\xc51\xfe\xad#v\xea?\x7f\x07@k;N+\x0e8\xc6\xd9\x8f\xff\xbb\x13\xd3\xcf\x92Kf\x93\xbbB4\xfd\x07\xc3XuL\x96\xefe\xa3D\x9b\x8c\n\xd5C30\x983\x06\xfdB=\x15QQ\xd0\xd4\x19DJ\x01\xfel1\x92!\xd6\xfa\xba\x88\x08\x97\xe2b;gV%U\xa1\xc8\xb3\xb7\xe4\xc0\x9f\xea\xe8\xbeC\xd3]\x86\xb4b\x8dT\xda-\xa3\xfd\xb2W~J\x17{\x0e\x80\xf9g\xe93\x81&lt;1\x92\xf7\xee&gt;\xaa\xea\xac\xda\xfb9"}\xaa^/(ng\x070b\x8e\xed\xfd\xae\xecd\xdaV\xfb\xb3L\xdfa \xe1\xc5\x8fd\x1f\n&gt;m\x7f\xd8\xba\x8b\xb7\xca\xaa\xae.\xf3M\xaeq\xbc\x8d0.\xd0\xc1\xed3\xa6\xdc\xb7\xdf&lt;\xa5vJ\xaa\xc61\x95\rL\x93Y\x964'</t>
  </si>
  <si>
    <t>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</t>
  </si>
  <si>
    <t>ChaCha20</t>
  </si>
  <si>
    <t>b'\xda\x16\xb6\x14\x02\x1fl\x9d&amp;uK\x1e\xf9\r\x8c\xf6'</t>
  </si>
  <si>
    <t>ll produce a good subject to external economies. In fact, it is possible
 that trade based on external economies may actually leave a country worse off than it
 would have been in the absence of trade.
 An example of how a country can actually be worse off with trade than without is
 shown in Figure 7-5. In this example, we imagine that Thailand and Switzerland could
 both manufacture watches, that Thailand could make them more cheaply, but that
 Switzerland has gotten there first. is the world demand for watches, and, given
 that Switzerland produces the watches, the equilibrium is at point 1. However, we now add
 to the figure the Thai demand for watches, . If no trade in watches were allowed and
 Thailand were forced to be self-sufficient, then the Thai equilibrium would be at point 2.
 Because of its lower average cost curve, the price of Thai-made watches at point 2, , is
 actually lower than the price of Swiss-made watches at point 1, .
 We have presented a situation in which the price of a good that Thailand imports would
 actually be lower if there were no trade and the country were forced to produce the good
 for itself. Clearly in this situation, trade leaves the country worse off than it would be in
 the absence of trade.
 There is an incentive in this case for Thailand to protect its potential watch industry
 from foreign competition. Before concluding that this justifies protectionism, however, we
 should note that in practice, identifying cases like that shown in Figure 7-5 is far from
 easy. Indeed, as we will emphasize in Chapters 10 and 11, the difficulty of identifying
 external economies in practice is one of the main arguments against activist government
 policies toward trade.
 It is also worth pointing out that while external economies can sometim</t>
  </si>
  <si>
    <t>b'0D\x02 \t\x84\x18\x05\xeff\xbf\xc9\x04a\x13PW\xe0\x8f\xc4t\x14\x92F\xb8\xa3,LO\xcc\xc9\x90E\xf0\x02\x04\x02 7I.\xde\xbfo(\xef\xd9Ml\xf5\x89\x9d\r@?\xf4Y\xb9bz*\x052\xd5\xd5s\xa6\t7\x8a'</t>
  </si>
  <si>
    <t>3044022009841805ef66bfc90461135057e08fc474149246b8a32c4c4fccc99045f00204022037492edebf6f28efd94d6cf5899d0d403ff459b9627a2a0532d5d573a609378a</t>
  </si>
  <si>
    <t>b'0D\x02 \t\x84\x18\x05\xeff\xbf\xc9\x04a\x13P'</t>
  </si>
  <si>
    <t>civic community in the Roman west was in theory autonomous, this
autonomy was compromised by the reality that all these cities were politically subject
to Rome, even those municipia libera like Singili(a) Barba whose titles suggested they
were â€˜â€˜independent.â€™â€™ Plutarch, in discussing how best the Greeks might conduct
themselves under Roman rule, talked about the senatorial shoes (calcei) of the proconsul of Asia â€˜â€˜looming over the heads of the Greeksâ€™â€™ (Mor. 813e). Even if this
emotive image is somewhat exaggerated for the Greek east and mutatis mutandis for
the Roman west too, the potential of Rome to intrude can never have been too far from
the minds of its provincial subjects. Firstly, jurisdiction: the municipal charter from Irni
makes it clear that the scope of local jurisdiction was quite limited. When a case
involved property worth more than 1,000 sesterces, it lay beyond the jurisdictional
powers of the local II viri and had to be referred to the Roman provincial governor for
settlement (Lex Irnitana 84). Furthermore, the governor, as part of the provincial
edict that he published on taking up his post, had the right to determine his own rules
regarding the functioning of local jurisdiction (Lex Irnitana 85). Any Roman citizen
(and hence certain members of the local elite) could choose to bypass a local court and
take any lawsuit directly to the governorâ€™s tribunal. How practical this was, however,
given that the governor held assizes only periodically and in a limited number of cities
in his province, must remain an open question. Social ties with the governor, however,
would improve an individualâ€™s chances of gaining a hearing.
Secondly, it was a Roman governorâ€™s duty to step in when he felt that local finances
were not being handled judiciously by a cityâ€™s magistrates. The limited administrative
staff at his disposal and often large number of cities for which he was responsible
meant that it was difficult to perform this function thoroughly and effectively, but he
still had the power, and responsibility, to intervene. Some rules were established
centrally to govern the expenditure of local elites. In 58, for example, the Sicilian
city of Syracuse petitioned the Roman Senate to exempt it from the rules limiting the
number of gladiators that could be put on at local presentations (munera)</t>
  </si>
  <si>
    <t>b'(\x85G\xc2\xb0\x13\x852\xf3\xec\xddj\xdd\x9c\x83T\xa2\x10\x03\x8f\ry\x0f\xe5\xcf\xdaQ\x83\x81l*\xae\x92\x1a\xac \t\xcd\x80c\x10!\x08\x0c\x10\xcd\x90\x90\x1eT\xfaT\xa2^\x16\x01\xb5\xf0\xb1\xe0\xacK\t\xa13\x01\xb6B\x90\xf2X\xb1\x88\xf6Z\xc6\xcd\xe4\xff\x19\x8d\x99\xc2\x88\xa6\x81(.\xc89\xb3\xf7\x03\x8f\xd4\xe7\xfd\x15\xc6\xdfF\xa0\xe6&lt;\xe5l\xd6\x99\xba\xdf\xaegLZ\\X(;\xde,I\xa91\x08\xc3\xf4\xa7&gt;\xe0\xe0\xd9W\xd5\xfaU\xea\xa3\x9fZ\xa1\xf3\xc4\x924\xd9\xf2\xfd\xadA\x9aN\xd0\xc2\x90B\x82H\x87\xc4\x95Y\xef\xe4\xe9\xd3\xc9[*\xb0\x18\x14\xb2\xc21%\x8c\x89\xc6\xe1be5m\x8d_WB\x80\x13\xb7\xbb\xa3\xf4\x8fDD\xb1\x7fE\xb0]\x1a\xcb&amp;,\xf3\xff\x7f\xe3\x1dO\xa2-\xe6\xa3u\xdeP\xa4\x85\x86\xd8\x88&amp;k=%\x9d\x83\xd6{K\'\x0f\x17\xcf\x19\x96l\xb9(\xb5#8\xf1\xf4\x0e\x98\x83fv\x10\x9e\xdb\x08=\xeb&lt;y\x90\\\xd9JI\xa4\xe9\x80\xda\xe8\xe7[\xf8\xb3\x08\xef\xc9h\xe0u)\x82\xb9\x85Z"\x14\xf7}\xe8k\xdb?\x9c\xb0\xf6/\x15Ox\x0bs\tz\xe4\xc7\ne\xba\x04\xae_l0\x07@\xc7\xafD\xd3\t\xaaWc\xd1\x80\r\xad}JJ[\x83$]\xd3\x85\'&gt;\xfa\xbc\xc4\x94\x8c\x98-\x89z)\xddV\xaa\xe4\xeeUk3#[\xe3\xd0\xfd\x01*\x08\xf9\x88G\x16\xa5\xf2\x8bx\xf9\x0cDx\xf6\x15a\x06\xa0\x1e\xf0QC\xaf\xd9\x05\xcc\x08\xd6\xa5bD\xa9(9\xa6%\x1d\x0e\x90\xc5\xd84\xc0\xa0\xb8\x11v\x9a!\x01\xf2\x1f#\xedb-y&gt;\xa0MC\x0e\x959\xec#\xba\xd3I\x0e\xf5\x1eEe=\x1d\xc7;\xe9P\x85\xf1/\xb0\xc4I\x95\xfc\xfb\x9eP\x8b2\x95\x19\x9f@t\xcc\n\x1b\xa1\xd4T5zbY\xdd*\xe9\x93\x14?\xef\x17\x89R\x18\xd0\xc5Rc\x11I\'\xfc}\xed\xf4\xa7\xf1G\xcfT\xa2-%\xfa\xed\x16H\xf6\xa3\t\x0c]a\xb0\xe4c\r.\x99\xe6\xf6\x9d/.\xe0-\xec9\xcf\x0c^&gt;\x96eA\x88\xec\xd8$\r\x10\xb0\xe7|MY\x9b\xcb\x13\x83\\&lt;\x82\x9e\xd0`\xd1\x92\xedg|\x1e@l\xb0\xa0\xf8\x8f\x88\x9a\xaa\xd0E\xa4h\x05Mn\xc8Z\xfd\x1c\xf7\xa0y\xe9\xd2\xe2M\xfd\xe1o\x18\xe1\x9d/\x90!\xa0=\xf4\xb7\x1dJ2\xfen\xc9\x86N\xb0\x87/\xef\xb7\x81^\xb0\xe9\xcf\xcb\x98\xa6\xc4\xf5\xf0x\xf4\x1e\r\x81\x82ymN\xf2\x8a\r\xdbJ\x95\xb8m\x9e\x12I\xa57\xb5\xdf%\x7fF_-\xd4\xcd\xe6\xb6\xc3\x0f\xaamt\xfa\xd9z(YJ\x85\x99s\n\xd3Wu\xda\xe7?\x10\xfc\xf6\'+\x8cV\x10\x9dsa;\x83\xeb=D\xba~F\xb4\xeas2\xe3\xcdC\x7f\x0c\xf7\x0b~\x8a\xb9a\xa1\xd2o\x98\x9b\xd1\x08c\x91C\xbd\x977W\xc7\xa9\x94\xac\xb3\xd4\xf9\x9c\xd9Qk\n\x113\xd8r\xfbq\x92/e+x\xc8\xf7\xa2\xb4\xbc\xc0U\tn\x03.\xf8\xa6\x1a\xfb\x850\xb9l\xdb+J\xb3K\xa7P\x0e\xeb\x19\xc4L\xa9)\xe2\x14\xa9\x1dc\x83\x00\xd8\xa3{\x1d\xf6k\xec\xc2N\x14dK\xe5\xcc%7w\x89\xcf%q\xdd\xd6\xa7\xcd\xbd\xd6\xbb\xe7\xe5\x86\xe8\xea\x81\x81\x8d\x07\xb3\xe8\xd0\x85\xdb\x03\xc8\xb9f\x8c\x1a#\x10\xb0f\xba\x876\xd3`\x19\xb5\xb6\x93h\x9e\xee\x92(\xa2\xf0\xf5\x9e\xa7O5{\xe5\xc5};\xad\xa0Z\x8de\xf8\x01\xbd\xea\x06"\xef\xa9\\\x18\xd5\xff\x17\xdbAp\x06\x1c0n\x9b\xc4\x90\x8e\xf4\xdbh\xc6x\x8c2\x17N\\\xa5\xaaE\x1e\xf5\xdb\xb0\xfe\xfci1\xe1g\xf7\xa4d\xcd\xfe\xdc7{\x9dz\xe1\xf4\xc8\x920\x03\xbfbE\xb2v\x82Np\x95s\xc0Nb\xaew\xb4G\xb4S\xa1T`\xcf\xe7\xd4/t\x85\x06\x18g\x18v\xfb\x07_\x93E\xb3S\xe2\xee\x7f\x8eV\xe7d\x06L\x9bp\x1dO\x9ct\xae\xb0\x06\xf5\x83\xe7\x03W\xb8\xeaX\xd2\xca\xa7\xcf\xcf\xbe\xae\'\xcd\xdc\x9d\xfdK\x9c\x8d\xa7\x95+)\x8f\x08m\xf3\xdf\x7fp\xfeT\x87\xd3\xec@\xe9\xf5g\xe8Ty\xd1\x90\xc7&amp;\x80\xdd\xcf\xc4\x08\x08\xda%\x89\xf7\x8c\x16o\xc3rZ\xc1\x04\rm-\x1f\xe01f\x84cN\x19\x0b\xb4M\x18\x8c\x1b\xdd^\xcb\xc9"\x8b\xbe\xb8\\\x81\xc2\x96\x8dz\x89\xe2\x86\xe3\xf8i\xc0F+\xe9\xf7\x0e\x16Q\x0egD0?\xba\xefn\x0f#&gt;C\xd7\x1bi\xd6/\x86$\x06\xce\x92~`\x94\x88L&lt; i\x87\x9e?VX\xdc\xa6\xc8F\xeb\x99\xd2\xb2\x1e\xcdz=@\x7f\x05\x97\x1d\n\x0f\x0f\xe122\xb69\xfe\xe1$\xb8\'#\xbc\x06\x0cx\xd4\xc3{\x89\x9a\x10\xf9;\x8c9\xd6t\xf4F\x0c{\x96s\xc0\xba\xb2\x8a\xa9\xc4;\xcew\x90~\xbc\xb3\x15\x048\x0ci\x10\x0f\xf1\x82\xf3 \x92u\xf4\x90\xd9\xe1l\x1ac\x8d\x95\x10\xd8\xa5\xc1\x15\xeb\xbc\xc1\x1d\x14\xfb:\xc7\xb4\xc0o\x07\xcb\x9b&lt;\xc2\xd1\xed\x95\xc2\x05\xe2\xf17\xe1\xfe\xf6\x8fd\x17\xe2@;\x1bv\x02`\x00s\xbe\x04\xf4\xcd}e \x19{RcY\xd3\x13\x02\xb1\xed\xd4\x7f\xc7Z\xb7|R\xe2\xb9\xac\x9c}\xae\xb6\xe0M\xf8\xb3\xe3\x05\x05\xee\xfe\x93\xd7\xce\xf0VNc\x1d\x8d:\x83\'\xb6G1\x07T,\x8b\x12k\xd8B}\xeb\xa0\xf6\x1c\xcf{\xb88\xdbpB\xf1\xc1"\xb4\x99\xda\xbe\x84\xc6Z2\xea\xc4\xa0\xc0\xb1 c\x17H\x16z\x98\x9cB\x08e\x87Z\x88d\xa4!m\xe1\xbe\x03\x03\xbb?\x97B\x803\xc2\x0f\x85F\x82\x18\xf37W5H\xe2-\xdce\x149*\xb5[\xc2\xb4\xf89\x93\x13\'\xeb\x9c\xa9\x81\xf9\xfe\x10+6\xf1\xa4\xd49\xae#=\x88\xb1\xaa\x8b\x1fw\xba\xf9Z\x08\xeb\xca\x14Gb\xbe\x9a\x8a\xc2\x8f:\x03\xf7l\xcb\xff\xd0n\x8f\xdfT\xa7\t\xe3\xde=\xc5@\xc6\x01\x93\xc26\x16\xfa\xf7"\xd7m\xd1\x02SV\x0e\xbe\x0e\xd3\xa1\x90\x8b\xd24\xb3G\x91\xf9\xa9w\x88Gw\xab\xfa\xe1\xd7\xf6\xf8/\xb7\xf8s\xb0\x0b\xea\x06\x9d\xec\xb1\x81\xc9\xac\xfe{\x97.&amp;\x15R\x1e\xa0\x07\xb4\xd3\xca\xb2\xd8\xb3\xfe\xe5,\xf6c\xc4\xb1\xb4sKT\x88\x9a\xd1\xe2\xc7@k\xb1sy\xe8\xb4\x03\x95\x03\xd5\x90A5\xee=\x84\xa7\x85\xcd\xec\xa0\x1f\xa0\xaf\x10\x87\xe0;\x9e\x0e`\x15\xe7\x95N\x90\x073\x9a\xcb\x0b\x91wG\xcaw\x86\x01\xc0\xe3\x7f\xa3\xad\x0eh\x8f\x8c\xba\x12]\x83\xc4\x1b\x90\xe9*\xe0\t\xbf\xdc\xdaWi\xe6\x1b0\x91!T\x13\xb5`\xe9\xc7x=\xf5t\xeb\xde\x9b\xa3V\xe3\x96\xa2\x8e\xcaB\xb9m#c\\\xc6\x924\x04\x13\x1ar\x9f\xbc\xef-!e\xf0]4B\xf1u\xce\xc0*c\xf6\x18\xfc&gt;\xce\n\xa8e\xa3\xf1\x82q\x91\xaf\xb9d\x9b&lt;\x14#\x97\x05jB^\xdd\xf4.\xfc\xa9Y\xa5hij\xfa}\xd0hq\x19\x18\xd0\x87-\xbf~o\x0f\x83\xe5&lt;\x91{\x18\xc7\x8c\x11\x05[3\xfd\xea:\x93\x98\x83\xee\xaa+\x93\xfa\x15\x07\xec(0\xa4\x03h\xa1\xceX\x97\x97v\xe7`\tI\xc1\xf1\x0c\xb8\xa3\x97#\x1a5\x98\xe8\xc7&amp;\xb2\x7f.\x9e\xa6\x03|;\x18\x8a;\x83\x06\xdew\xf2\xd3hc\xe4\xe5\xf83\xe0a\xc4\xa1\xc8\x84\xab\xe6$\x80\xdf\n\x13I\xdb\xc3\xab\x9ce\xa9]\xc7\xaaU\x1dB\xe8\xe3\x9a\xd1&gt;\xe8\x82w\xa6\x98\x85\xa9\xafc\xcf6\xd9b,\xf9\xfdx\xdfwE*L|+\x9b\xc0\x83\x01\xc5\xdb\x99\xcf\xce\xd3\x85\xca\xbf\x11^\xaf\x17\x8b\xa3u\xf4\x1c\x1a5!\xa84\xe4L\xbb\xf7\xf6\xd6$\x04\xa6\xc0=\x15\xa0\x057c\xaa\xe3\xd7\xb9\xf8c\xd2z\x9e\xc7$8\xc2j\x0b\xf4\xff$\t\x87r\x04uR\xc1\xd8\x1f,\xdc\xc0\x08\xf5\x0c\xcf\x04\x9dU\xe4\xc9\x96\xbe-\xc2\x00\xc3}\xcb\xcd\x9c\xac\n\xdc\xa7\x9a@\x0c\xe0i6RZ\x9cGM\xbf]\x91mN\x806\x9b\xb3\xe8l\x9f\x81U\xb0\x9eO_\x86\xb3Q/l\n\x85\xf7\xd43\xb3t\xfa\xee1`hA\xd7\x80\x97\nB\xb1oC\xfb\xed\x15\xfc\xcfs\x15\xab]\xcf\x89\xaa\xe5\x9b\x8a\xe3\x8c-9\x86\x91=\x19\x1a&lt;\xda\x83X]\xe4P\xff\xa59Y8x\x7f\xd1\x99\xfed\xd0&amp;\xcd\xcb\x92\x99\x91DgD\xdaX\xcb\x7f\x90\xce\xb5b\x8e\xba\x8d\xe9\xdc\xf0\x93H@ \xca&gt;I\x88\x89\xde{\x13\xe3\xfaK\x85l\xe6h\x96f\x1d\x9d\x9dT\xce\xae\x00|7Jv\xd6X\\ZA$m\x1a\xa8\xc3\xb0\x0e,\xc2\xdf\xefk~d\xf9\xcbf\xaa\xd5\x18c"\xa9\xca\x18\xf5\x80\x90^\xa71\x0c\xbf\x8a\xfdD\x02\\\x17\xdb51\xca2f\xbf\xc0\xf9\x96H\xdf\x97\x17Q\xd3\x0e\xcb\xff\x9f\xbc1:\x8dn\xccT\xfdv\xd2]\xce\xa1\x7f\x15w\xca\x81Er\xf6\x11E\xc9\x1b\xfe\xe5\xc5\xd6\x16n\xbe\x16q\xda\xb7\x14\x05OQ\xe4\xb6\x0eD\x12\xfbi\xc2\xbb\x97rth\xb9\x9b\xca\xa2"@m/\x8a\x1c\xb0\x9flF\x10=\xf0\xff\xf4C\x9e3\xb2ER\xee?^\x18.$\xc1\x12\x9cWz\xa6\xf2`@\xbb\x99\xaaV\xa9\xcd\xf8h9\x92\xd4w \x1c\x0e\xa3-^s\x89\x04\xc6\xb2\xddKj[uo\x82\x96t\xd7S\x8dg\\\xc1\xa4\xd9&gt;\x05\xbb\x14\x1bQ\x10\'\xfdi\x97\x83\x0c\xddr\x8f\xe4\xe4\x8e\xeb\x84q\x95\xb1\xd5T\x89nt\x7f\xe8\xbci\x0b\x02\xbc?9\x0fC\\\xac\xf1\x18\xbe\xe6\xc8\x9f\xd7cG\xf4+\xe5F\x93l\x1bh\x01\x97C\x10C\r/o\x12\xcb\xf6t+\xac\xc7\xa0A\xa9\xb9\xa9L*\t'</t>
  </si>
  <si>
    <t>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</t>
  </si>
  <si>
    <t>AES</t>
  </si>
  <si>
    <t>b'(\x85G\xc2\xb0\x13\x852\xf3\xec\xddj\xdd\x9c\x83T'</t>
  </si>
  <si>
    <t>uldnâ€™t do better if I waited half my life! John is good and
wise, heâ€™s got heaps of talent, heâ€™s willing to work and sure to
get on, heâ€™s so energetic and brave. Everyone likes and respects
him, and Iâ€™m proud to think
he cares for me, though Iâ€™m so poor and young and silly,â€™ said
Meg, looking prettier than ever in her earnestness.
400
â€˜He knows you have got rich relations, child. Thatâ€™s the secret of
his liking, I suspect.â€™
â€˜Aunt March, how dare you say such a thing? John is above
such meanness, and I wonâ€™t listen to you a minute if you talk
so,â€™ cried Meg indignantly, forgetting everything but the
injustice of the old ladyâ€™s suspicions. â€˜My John wouldnâ€™t marry
for money, any more than I would. We are willing to work and
we mean to wait. Iâ€™m not afraid of being poor, for Iâ€™ve been
happy so far, and I know I shall be with him because he loves
me, and I..â€™
Meg stopped there, remembering all of a sudden that she
hadnâ€™t made up her mind, that she had told â€˜her Johnâ€™ to go
away, and that he might be overhearing her inconsistent
remarks.
Aunt March was very angry, for she had set her heart on having
her pretty niece make a fine match, and something in the girlâ€™s
happy young face made the lonely old woman feel both sad
and sour.
â€˜Well, I wash my hands of the whole affair! You are a willful
child, and youâ€™ve lost more than you know by this piece of folly.
No, I wonâ€™t stop. Iâ€™m disappointed in you, and havenâ€™t spirits to
see your father now. Donâ€™t expect
401
anything from me when you are married. Your Mr. Bookâ€™s
friends must take care of you. Iâ€™m done with you forever.â€™
And slamming the door in Megâ€™s face, Aunt March drove off in
high dudgeon. She seemed to take all the girlâ€™s courage with
her, for when left alone, Meg stood for a moment, undecided
whether to laugh or cry. Before she could make up her mind, she
was taken</t>
  </si>
  <si>
    <t>b'\xa3d\x0c\xcb\x05\xef\xb8R\xccjI\xd42\xd8`\x8c\xca\x11\x7fc)W\x8eh\x16\xe3+\xa7\xa7\xf8P[\xcf\x96\xac2:u\x9c\xb0@\xcc@q\x91:\xe4\xe24#\xa9)\xe40\x04\xd1\xbd\xc5\x84\xc9\xce\xbe(\r\x8b\xec\xd9$X\x98g{\x17\x92s\xe8\x87C\xa3\xd7\x1e\x171\xefd\x15O\xb2&lt;\to3\xd2\x9a\x1e\x81\xb6\x19U)\x89\xf2,+h=\x82\xd1E \xd7ot\xf4\xb3\xc4\x11\x975\x98\x10\x12\xdd\xbc\xb2\xbdtt\x16\xbb\x81\xa0\xb7\r\xce\xb1\xd2\x18\x93?&amp;ws\xd6\xa2\x96\xc9\x10\xa5\x97\x07H\xce&gt;\xca\xa6\xff\x8a\xfd\x9ay\x96mIXB\xad\x9c*\xdd[\xba%\xe6\xd0\xcd\xe5\r\xcaM\xfa\x1a\xd4\x86\x0fT\xddv\xf4\xf3\x8ab_u&lt;\xfb1\xa6V\xd7\x15%\xaa\xe63\xefk\xa1\x89\x13\x90\\D\x03J\xa78\x84 \x9d\x8f\xe7\xe77atq\xf5\x87\n\xd5\xcf(f\xd9\xde\xabZ\xc7\xb1\xe7\x8aN4\xbb\xdfm\x84i\xde\xccL\xd3J\xfa\xf8\xec\xb8\xb0\x9d\xb0\x14D\x1f9\xf08\xc2\x8c\x9d\x16y\xc1;p@?\xf3&gt;3\xe3\xa9\rgI\xfc\x136\xbeRf\xb6O\xc4\xe96Q\xbf7\xde\xd0\x1c2\x03\xdc\xa4Ko\xf0\xe1\x17\x84\xe9\x9aP2G1&lt;\xa0ww\xb0\xe1\x12\xc8n\xf4\xdcIe\x9c*\x0e\x08O\x94\xde\x8aJ\r%@\xaa\xa4\xee\xe2\xfaa\xaf\x0cFmk!\xab*L\xfeb\xe6\xa5\xac\x85{\x8a\xef\xba?\'\xe52\r\xec\x1b\x9f:/\xf8\xe0\xac\x809\xf2\x96\xa2&amp;\x7fK~\xecE\xf8\x90\xbf\x90+\x1f\xc1\xacSnrrL\xa4\xd5\xaf\xec\xf8 \xc9\xc8Z\xab\xa8\xc0\x92\xabF\x8f\x93^=Yr\x7fE&gt;\x9b\x06\xea4\xcd\xa5\xec\xf6`\'._\xba\xc5\x0c\xea\xe2\xc3\xc9.4\x97\xe8j\xd8\'\xedzZ5N@\xf8\x16F\xf60\x86\t\xb21l?l\x87\xc2\x85\xd9\rb\x92R\x97q\x86/DG\x017\x8eGk\xbeM\xe1\xc3\xdeW{\x90\xeaw\xd8S\xfe?w\xa6\xc7\\\x0f\xb9\xf1\xd6\xec%I\xf9\x1a"\xd5\xff\x1e{h\x96\x93\xf3\x1a\xdbxh\x8dk\xf9\xd7\x992\x1f\xfa\xf4\xd3S\x19\xd4V\xc0\x1cK\x8d\xea{pn\x90\xee\xce\x8b\x8aUF%\xce\x159\xf6ce\x9e\xdd\x1a\xf0,%\x00\n\x8eK\xdb\xbb\xb1A\'~\xfc\xcf\x9a\x01\x00\x86j\xbe\x9a\xea\xc9\xba/\xe6\x01\xd9|\x8f\xd9\xa8\xbe\x88\xe7\xc5v\x7f\x1f\x1ag:H\xee\xf5\xbfN\x8f\xdb\x8e\xb0\xab\x1e\xfb\xb2\x92\xd2\x02\x91y\x9a\x9d\xa4\x94\xe2\xfac\x0f61\xda]8\xc3\x97\xb4\xa17_\xdaJq\x92\x12S\xeb\xfdoYw\t\xb9\xa5*\x9f9W\xf7\x8e\x155S\xaa\x0b^g\x82z7\\z\xe3\xf0\xe1&lt;T\re\xc4\xf7\x15\xc6b\x81Q\xfc&gt;\xe9\x8d\xa5\x02i\x00\xf5\xf9g\xac\xc5\xff\x8a\x98{\xd3\x11y\xc7\x97gl\x18u\x88j\xf4\xd4\x87\x86\x04\x8f\xc7\xa5+!\x19m\xf5\xbe\xfb5\x1b\xd6u\xafy\xcf8\xdb\xf1\xbeL\x9ed\xfc\xae-\x1cT\xcf\x0b\xb2\x10[7\x8fV\x89\x84\xcf\x0cp\xf6\xa5\x87\xbcf\xaf\xdbXq)\xf4\x0c1\xe4\x96\xf2l\x9d\x8eo\xf2\xae\xb7\xfe\xe3p\xd9\xa76\xa9#d\x03\x08\xdb\xe6\xb6\x16L\xb8\x86\xe35\x89X\x9cr\xc8\x169\xbfM\xd9G\x9c\x9e\xca\x9e\xaeG\xe0k\xb9}\xe5\x17\x91\xfc\x80\xf8\xa3\x1b\rK|p]9\x19\x19\xcf}\xe1h\xd3/\xfb\x804\xa8\xeb\xbd\xba\xaa\xed\xdb\x0c\x8c\x19Q\xbb\xa1\xb3\x16\x8ch\xe8\xeb}\xddM\x84\x8f{4\xaf\x07\xd9\xeb\x03\xee3\x85\xdcm\x14\x08/\x947\r\xea\xbb\xcd\xc8\r\xeb\xa23%\xec\xe7\x93e\xb1\x80D\x11\x92-n \x19\x9b\xcfi\xe0i\xf3\xea\xea\x99\x90\x82n\xb0-\x86\xd1\x14\x0f1\x9b\'\x1c\x06[\t\xb7=|\xe9\xb62\x90}\xe1JjEa\x8c2\xc1\xa8vx\xbb\x86t\xe6\x944)~\xe7\xdc\xb3F\x8b\x0b\xfb\xa3\xf0A\xcf\xc5\x81S\x7f\xda"\xf7S\xd7\x16\\\xd3\xb7\x06=\x1a\x16\xf8d\xd6k\xb6\xe69\xce\x10rb\xd4\x03[\xd2\xdc\xb8\xcabK\xa5 8\xadG\xaf\x1a!\xdf\xbb:\x85Q\x81\xec\xcc\xf6\xcd\xc3\xac\x96\x03z\x18p"\x1f2\xf0\x8c/\xcaQ\xc9_\x12,Pq?{\x05\xaa\x9b\xdf\x1e\xf3\xd2\x05Q\xa2e\x81y~Yi\xf4P\xfe\xd7\xe6\x072}\xb9\xfc\x8a\x1b\\^9n\x93\xae;\xe3~Q\x04\x13\x08\x1d\xfc\x01\x83\x10gY\x8e\xb9\xc4B\xefw\xf9c\x19^\xec\xef\xe6 d.~\xd9\x82^8\xd5\x016\xe8&gt;\xba:`.b/U{\xcf\xdc\x89\x0c8\xacY\xed\xf1\x1b\xf60\x9d\xe8\xc1R\x0b\x94|\xdd)\x03\xa19\xf3\x81\x1f\xa1J3\x1d\xfd\xfdS\xa4\xc8\xeb\xd0H\xfc\x89*\xbc:\xcc\xad\x85\x94\xc8o\x9b\x94\x16\x90x\xc4\xa4\xd5\xba\x1b\xd6\xb7\xf01\x08\x95\x98rXz\xc6\x05\xb5\xf3\xa6T-\xe1\x1a\x11\xefc\xcc\xd1B\xb4G\xd8\x8d.\xf6\xd1\x9b\x9f\xf3\xd1R\xe7\xbc\x1ce\xdc\xeb*\xb9S\xf8\xe6\xb3\x05:\xd1\xfd\xcc\xf3\x9f&lt;\x9bt\xa2\xcd\x96?u\x935,i\xb5:dw\x98p\r&amp;\xd9\x02n\x01\x01\xed\xa5\xd5\xca\xd4\x9bj\xd6\x0c\xe5"\xd7\xfb\xba\xfb)\xf5\x950\xca\xcb\x08\x13\x8d\t\xbcI\xa1\x0e\x8f_\x8f\xda\xa5\xb1\xd8\xc3\xdf\xcc!\xc9\xcc\xf2Y\xaa\xa4\xf7\xcd\ry}7\x96\x1b)9%\xdf\x8f\x82\xdf\x93\x7f5Q&gt;y\x0eb)N]+\xf4\xf1\xac\x96*\xe8\xa04[\xc6\xfc\xff0?\x7f\t\xf4\xf5\xc9\xb9X\x975\xe4e\x89z\x9f\x85\xca\x97\tM\x9e\xe8\x17\x05\xb0G\xa7\xc4$\x08\x91E\xda\xd9N2\xe0\x0e\x8a\xa8\x1c\x0c\x18\x0e\xf9\x1b\x8f\xcb\xea\xf6\xc3\x94tDJ\xd4\xadV\x11\xfa\xb2\xfb\xdb \xe1\xda\xd1D$\xb2\xeaY\xbb\x8a\xafy?\xf9_\xeb\xf9\x99n\x1d\x98\xbcI\xb1K\xcam\x8aZ\x96\x92\x95\x12\t\xf9\xf2\x9f\xec\xf6\xd8e\xf2\x05\x1d\xd1q9\x81\xed:\x1dEoa\xe0\xfaP\x9715\xec\x11;\xbbz\x87\x9b\xd4WG-\xa2\xf6E\x8c\xf9\x07\x04\x06\xaaP\x8e\x17~\xa3\xa6U\xa4\xa89\xd8g\xe0\xff\xb0\xd7O\x1d*\xc3\xe8\xc6\x02:\x94\x18\x0f\x12\xd3"\xd6\xc2Z\xd8c\xba\x0bQ;\x1fq@\xafL\xe3Hi\xf9w\xb6\xac%R~t/\x0bm\x92\xc9\x19N\t\xdbR\x10N\xbc[\xef\xc3\xb8\xdf\x92\xa0Ma\x8f\xc7\x95\xcd\xd7\x1b\xae\xd4o\xaaU\xaa\xfd\xce\x06AJ\x19\xb4;[\xb46\xab}\r\x11|\x05X\x86:X\xa4\xd3\x97Y\xc3\'\x9d\xe1wC@\x10\xa4*\xca \xce\xcb\'%\xecX\xba\x86\xfc\xfe`T\xceJ\\\x81\x94\xbb&lt;\x10\x15\xe0V\xba\x14Dz(\xc6\xc1\x8b\x86Nt\xf3\xe1\xa6\xa2\xb4\xee\xa5(\xa0\x8e\x1cg\x1a\xbcx\x08\xb8\xf2\xbd\t\xedu\x82m\xd0\x9a\xbaeP\x1f\xd5\xac\xc1\xf9\xfbP-{G\x05N\xd9\xd0\x84\xcb\xb29x\x11p\x15`\x7f\x1fEF\xbf\x03\xe8\x8b\xb9i\xd0\x03\x01?H\x05\x03\x14\xd5\xf1L,-\xb9*\x13\x92\xa1\xea%\x86\xd1\xb9A\xe7o\xfd+\x80\xc5\xeb\x18OXm\x15\xd0\xf6\x9f\x04\x05\x8b\xe3e\x8c\xa6nj@\xcb\xe8\xbb\xf3\x02Zk\x81&amp;5\x0b\xa2\xaa\x10\x16\x9bg\xd1\rB\x12\xa0\x9f\xdf\x8d\x8b\x14\xc9r\xe8M\x90\xb4eb\xd6(\x97G\xe2\xd7[r9s\n_\xf3\xeblY2\xa2oI\x19\xe5\xb1\x08\xd7[\x1e\xd1\x04\xb2wuI\x0e\xb1\xe2\xd4Wv\xbb\xad\xf0W(&lt;&amp;\x88"\xb6i1K\x93\xd3\x90\x11T\x80\x06\xd4{\xfb\x9f\xec\xa3z\xdd,\x07\xe9j\x85\x92\x9fJ\x02@\xcf\x1f\xe6c\xda5\xb6\xd3\xffM'</t>
  </si>
  <si>
    <t>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</t>
  </si>
  <si>
    <t>b'\xa3d\x0c\xcb\x05\xef\xb8R\xccjI\xd42\xd8`\x8c'</t>
  </si>
  <si>
    <t>says, 'I want
Mary Lennox to come and talk to me, and remember you're not to tell any
one.' You'd better go as quick as you can."
Mary was quite willing to go quickly. She did not want to see Colin as
much as she wanted to see Dickon; but she wanted to see him very much.
There was a bright fire on the hearth when she entered his room, and in the
daylight she saw it was a very beautiful room indeed. There were rich colors
in the rugs and hangings and pictures and books on the walls which made it
look glowing and comfortable even in spite of the gray sky and falling rain.
Colin looked rather like a picture himself. He was wrapped in a velvet
dressing-gown and sat against a big brocaded cushion. He had a re</t>
  </si>
  <si>
    <t>b'\\\x08\x97T\xcc\xdeO]\xbdh%r\x8d\x18]Z\xe8k\x8cJ\x7f\xa01"x\x8f\xa2Z\xf6\xa6\xef]Z\x9d:&gt;\xc5,\x8e\xedu4\xc1\xf1j\x9e\xac\xcf\xb1o^\x93]\x11oa\xe3$\x85\x82\xb8\xfc\xeb5.\xf9\x81\x1d}\xdd\xb7T\xfe&gt;\xd4R8\x1f%\x8c(\x03\xd5e\xc5W\xb4\xd1\xd8\xb4\x07\xdc"\x1b\x80B\xb0\xf5\xe0\xc5i\xe9\x1c\xcf\xe3-\xcbon\x9d\x00]q[\xd6\x83\xe0\xa0\xf7\x0c\x8b%7\xa7v\xc4\x96w\x0c\xdd\xe0.ALT\xdd,\x15J7\x01\x91\xdc\xe6\xf0Z\'g\x0f\xdb\xfd\xfa\x17\xe3\x1c\x12t\xaa\x1a\xcd\xa7\x9f\x90\x99\xcc/\xb3\\\x08\x8bkc\xa20\xe2)\x8f\x15\x9eW\x88gzBs\x9d\xfc\x84b:\xd7*\xbb\x98\x1d\xda\xdb\x00Z\xbb\xe2\xe7\xb8\x01\n\xea\xdc\x9fQ\x07{\xe9k\xe4FF\x92C\x83\xa5kO\xedmjI\x04o\xb4\x04\xb1\x08\xc4\xd7\x9bDM\x1dU\xfc\xd5|dk\xa5\xe7\xbf\xc1\x9dl\x7f\xa3\xe7BW\\_\xb4MH\xd9\xd5d\xbb-\x9b,`\xfcFd\xc5\x86\x12\xe7xDY\x95\xb8\xb4\x04 "1&lt;MS\xe8\xee\xd9\xa3\x8aS\x89{\xc3\xd7RQ\xdc\x18\x89 \xf7E6\x1f\x9e=\xf1&gt;\txe\xc4rN\xc7\xc55\\\xba\xa9\xbe\xfb&gt;\x98z\x87\xe8F\x9a\x02\xdc\xb3\xb7\xbb|bk\xc9\xd4\xa4\tj2{Zy\xf0G\x9fi\xd2S&gt;\xc7Jl\x1b0\x8aA\xc3\xd5\x14\x88Fk\x11T\x0f\x03\x04B\xde\xba\xc8.\xfem\x1cf\xf9;\xe9\x81\xea\x92\xed\xbf|\xf1\xa1\xf2\x93\xb4\xa5\x963\xba\xf1\xd8\x064O=\xd9\xc1W\x07\x02\xc6\xf3G\x03\xd6p\xcc\xb8\xce\xd7\xac\xd3\xe0X\xeb\x99\xee\x18\xb5\xf7\xa7/y\x9a\xaf5Hm\x9e\xbd\xf5\x83\xfc\x00\xdc\xbe\xe3\xcb;\xa4Z\xb3\xf7*\xdd\x91(.^&amp;*\x9c!\x92\x9d\xa7YY\xb0\x90tU\x87\x8cr\x9e\xefp/\xba\xbb/&amp;\xa4\xadQ\xee\x05Y\xcagDc-\x15\x99\xaez{\xec\x93b\xa6E\xfe\xa5\x9e\xd2\x00\xfb\xcf\xa3\xfb*\xd3t\xc2y\x81\x0fm\xb0\xd2\xedy\xffrt\'\xe3\xb9\x89\xcaLqI\x01\xa97;\xbc&gt;\xc7\xc8\xf0\xe5\'\xc5bd~Z\xb8\nW"S\xc0\x83\x9a\xb1\x91"P\xad-\xd2\x0bJs*g-\x02(z\xb7\x18\x06\xfd\xd2\x81@\xd2\xe6\x80\xab\xdb\xd1@\xda\xe3P\r]J\xa7\xa4\x82v/.\xe39\xe6\xd1\x18B\xaf\xd2\xc2\x16r)3\x95I9\x82\x08\x9d[\x00)\xf8\t\xa0\xd9UT\xda\xe7b\x19\xd42\x10.\x93o\\\x95\xa6\xc9\xf6\xf1&amp;\x14\xd2kh\xfe\x1d\xe3.K\xce\xd7v&gt;\xae\xa3\xfe\xfa\x05n\xfb\xbb\x90\x8a\xf9\x14r\x18\x88\xb7\xabA\xec\x19\x1d}n+Z\x8d|d\x17DH\x98\xc0l\x16\xe6w\x1f\xf3\xe3}\xe4\xc9\x8aE\xa5\x04=N\xf7\x8cl\xd7\x93Y\x1bE'</t>
  </si>
  <si>
    <t>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</t>
  </si>
  <si>
    <t>b'\\\x08\x97T\xcc\xdeO]\xbdh%r\x8d\x18]Z'</t>
  </si>
  <si>
    <t>u here, on the
 Rangoon?â€
 â€œWhat, Monsieur Fix, are you on board?â€ returned the really
 astonished Passepartout, recognizing his crony of the Mongolia.
 128
 â€œWhy, I left you at Bombay, and here you are, on the way to
 Hong Kong! Are you going round the world too?â€ â€œNo, no,â€
 replied Fix; â€œI shall stop at Hong Kongâ€”at
 least for some days.â€
 â€œHum!â€ said Passepartout, who seemed for an instant
 perplexed. â€œBut how is it I have not seen you on board since we
 left Calcutta?â€
 â€œOh, a trifle of seasickness,â€”Iâ€™ve been staying in my berth. The
 Gulf of Bengal does not agree with me as well as the Indian
 Ocean. And how is Mr. Fogg?â€
 â€œAs well and as punctual as ever, not a day behind time! But,
 Monsieur Fix, you</t>
  </si>
  <si>
    <t>b't\x1f\xb2\xad:\xc0\x87\xbf\x13\x15\x91\x00|\xd3\x7ft`\xb8\xbc\xae2W\xf4\x86\xcd\xcc@X\xa2\x95\xd7\xe8'</t>
  </si>
  <si>
    <t>741fb2ad3ac087bf131591007cd37f7460b8bcae3257f486cdcc4058a295d7e8</t>
  </si>
  <si>
    <t>HMAC</t>
  </si>
  <si>
    <t>b't\x1f\xb2\xad:\xc0\x87\xbf\x13\x15\x91\x00|\xd3\x7ft'</t>
  </si>
  <si>
    <t>r is
 suddenly turned off, the charge carriers stored in the base must be removed for the collector
 current to drop to zero.
 The above phenomenon is quite similar to charging and discharging a capacitor: to
 change the collector current, we must change the base charge profile by injecting or remov_x0002_ing some electrons or holes. Modeled by a second capacitor between the base and emitter,
 Cb, this effect is typically more significant than the depletion region capacitance. Since Cb
 and Cje appear in parallel, they are lumped into one and denoted by CÏ€ [Fig. 11.20(c)].
 In integrated circuits, the bipolar transistor is fabricated atop a grounded substrate
 [Fig. 11.21(a)]. The collector-substrate junction remains reverse-biased (why?), exhibiting
 a junction capacitance denoted byCCS. The complete model is depicted in Fig. 11.21(b). We
 hereafter employ this model in our analysis. In modern integrated-circuit bipolar transis_x0002_tors,Cje,CÎ¼, andCCS are on the order of a few femtofarads for the smallest allowable devices.
 C B E
 Substrate C
 n
 p n +
 g m
 E
 v Ï€ Ï€v r Ï€ r O
 C Î¼
 C
 (b)
  Ï€ C
 CS
 CS
 (a)
 C Î¼
 C Ï€
 CCS
 E
 C B
 (c)
 B
 C
 Figure 11.21 (a) Structure of an integrated bipolar transistor, (b) small-signal model including
 collector-substrate capacitance, (c) device symbol with capacitances shown explicitly.
 In the analysis of frequency response, it is often helpful to first draw the transistor
 capacitances on the circuit diagram, simplify the result, and then construct the small-signal
 equivalent circuit. We may therefore represent the transistor as shown in Fig. 11.21(c).
 Example
 11.12
 Identify all of the capacitances in the circuit shown in Fig. 11.22(a).
 V Q
 Q
 b1
 VCC
 1
 2
 Vin
 Vout
 RC
 Q
 VCC
 in 1 V
 Vout
 RC
 C Î¼1
 C CCS1 Ï€ 1
 Q
 C Î¼
 C C Ï€
 Vb
 2
 2
 2 CS2
 )a( )b(
 Figure 11.22
 11.2 High-Frequency Models of Transistors 519
 Solution From Fig. 11.21(b), we add the three capacitances of each transistor as depicted in
 Fig. 11.22(b). Interestingly, CCS1 and CÏ€2 appear in parallel, and so do CÎ¼2 and CCS2.
 Exercise Construct the small-signal equivalent circuit of the above cascode.
 11.2.2 High-Frequency Model of MOSFET
 Our study of the MOSFET structure in Chapter 6 revealed several capacitive components.
 We now study these capacitances in the device in greater detail.
 Illustrated in Fig. 11.23(a), the MOSFET displays three prominent capacitances: one
 between the gate and the channel (called the â€œgate oxide capacitanceâ€ and given by
 WLCox), and two associated with the reverse-biased source-bulk and drain-bulk junctions.
 The first component presents a modeling difficulty because the transistor model does not
 contain a â€œchannel.â€ We must therefore decompose this capacitance into one between the
 gate and the source and another between the gate and the drain [Fig. 11.23(b)]. The exact
 partitioning of this capacitance is beyond the scope of this book, but, in the saturation
 region, C1 is about 2/3 of the gate-channel capacitance whereas C2 â‰ˆ 0.
 n+ n+
 pâˆ’substrate
 C C
 )a( )b(
 2 1
 Figure 11.23 (a) Structure of MOS device showing various capacitanc</t>
  </si>
  <si>
    <t>b'\xc7G\xcd\x0b\x08\xc2\x10\xd1\x89\xc0\x1e\xaa\xf4\xb3oR'</t>
  </si>
  <si>
    <t>c747cd0b08c210d189c01eaaf4b36f52</t>
  </si>
  <si>
    <t>eby generating
 Vout =
 _x0002_
 1 +
 R1
 R2
 _x0003_
 (Vin + Vos). (8.69)
 In other words, the circuit amplifies the offset as well as the signal, thus incurring accuracy
 limitations.6
 6The reader can show that placing Vos in series with the inverting input of the op amp yields the same
 result.
 374 Chapter 8 Operational Amplifier as a Black Box
 Vout
 R1
 R2
 Vos
 Vin
 Figure 8.27 Offset in noninverting amplifier.
 Example
 8.10
 A truck weighing station employs an electronic pressure meter whose output is amplified
 by the circuit of Fig. 8.27. If the pressure meter generates 20 mV for every 100 kg of load
 and if the op amp offset is 2 mV, what is the accuracy of the weighing station?
 Solution An offset of 2 mV corresponds to a load of 10 kg. We therefore say the station has an
 error of Â±10 kg in its measurements.
 Exercise What offset voltage is required for an accuracy of Â±1 kg?
 DC offsets may also cause â€œsaturationâ€ in amplifiers. The following example illustrates
 this point.
 Example
 8.11
 An electrical engineering student constructs the circuit shown in Fig. 8.28 to amplify the
 signal produced by a microphone. The targeted gain is 104 so that very low level sounds
 (i.e., microvolt signals) can be detected. Explain what happens if op amp A1 exhibits an
 offset of 2 mV.
 10 k Î©
 100 Î©
 X
 10 k Î©
 100 Î©
 Vout
 A 1 A 2
 Figure 8.28 Two-stage amplifier.
 Solution From Fig. 8.27, we recognize that the first stage amplifies the offset by a factor of 100,
 generating a dc level of 200 mV at node X (if the microphone produces a zero dc output).
 The second stage now amplifies VX by another factor of 100, thereby attempting to
 generate Vout = 20 V. If A2 operates with a supply voltage of, say, 3 V, the output cannot
 exceed this value, the second op amp drives its transistors into saturation (for bipolar
 devices) or triode region (for MOSFETs), and its gain falls to a small value. We say the
 second stage is saturated. (The problem of offset amplification in cascaded stages can
 be resolved through ac coupling.)
 Exercise Repeat the above example if the second stage has a voltage gain of 10.
 8.4 Op Amp Nonidealities 375
 DC offsets impact the inverting amplifier of Fig. 8.7(a) in a similar manner. This is
 studied in Problem 8.48.
 We now examine the effect of offset on the integrator of Fig. 8.10. Suppose the input
 is set to zero and Vos is referred to the noninverting input [Fig. 8.29(a)]. What happens at
 the output? Recall from Fig. 8.20 and Eq. (8.61) that the response to this â€œinputâ€ consists
 of the input itself [the unity term in Eq. (8.61)] and the integral of the input [the second
 term in Eq. (8.61)]. We can therefore express Vout in the time domain as
 Vout = Vos +
 1
 R1C1
 _x0006_ t
 0
 Vos dt (8.70)
 = Vos +
 Vos
 R1C1
 t, (8.71)
 where the initial condition acrossC1 is assumed zero. In other words, the circuit integrates
 the op amp offset, generating an output that tends to +âˆž or âˆ’âˆž depending on the sign of
 Vos. Of cour</t>
  </si>
  <si>
    <t>b'\xc2\xa2\xc6O\xaa\x91\t\xe3\xd9O\xc7Gx\x88\xc6*'</t>
  </si>
  <si>
    <t>c2a2c64faa9109e3d94fc7477888c62a</t>
  </si>
  <si>
    <t>r, till the vessel swung only by two. 
 Then I lay quiet, waiting to sever these last when the strain should be 
 once more lightened by a</t>
  </si>
  <si>
    <t>b'\xa265\xfeb\xf1\x11\xac\x80\xafM&gt;C\x86.\x1a\xb8\x8f\xbbLTi\xe21\xd3\xaa\x07z6\xfd\x80N\xb1 \xf6\x10\xba/\x07\xb9\xf0\x130\xdf\xcf\xa5X\xfe\xbd\x95\xa0\x8b\xb8j\n\xb6\x9c:\xea^\x9a\xbcZ\x05q\xf1\xdc\x8c\x90\x93\x81\xcb\xe5\xf7\x96\x9f\xbf\xe3\xc2\xa1m\x05\xdc\xcb\xfe\xa1\x9f\xac\xb2\xe6$\x9b\xe6\xa3\xa6T\xbe|\x97\xd4\x9d\xd2\xc8\x1c\x15\\\x0c\xc5u\xf1\x91&gt;\x0b\x81,\xc4\x9b\xd6\x14\xbe\x7f\xf9\x92?8\x1b5\xe2\x8eDDS[\x98-L\x9e\x07d\xff\xe2Do\xe9\xe6\x10;)k\xc3p\xbd\x0c\xc0\xf9\x93\xf2\xa3\xf3\xea\x80\x04\xea\x90\xd5c\xd9\xb4\xe2\xed\x10\xc0\xef\xbe\x00CbO\xd6u\xdd{X$a\xed\xea\xd9\x07\xcfi\xc8\xbb\x1c\x83\xf2\xe7v\xa2\xb7}\xf3\xea\x95;^E$()Q\xa7\xc2\xd2\x96\xcf\xca\x89\x85x0\x90\xa1]\xa3\x0f,\xadd\x0eY\x1b\xe8\xef\x01&amp;\xcf\xf9#\xdc:X\x8a\x05\x84\xa3\x08CL\x94(\x16\xb1\x03\xe9E%O\x81\x93\xb6q\x85L\xf4\xf9\xc7\xc3eE\xeb\x10\xb9\xf6\xdb\xe8|\xd2\x13t\xd7\xce\xf7\x99\xb6\xaf\xae\xe9j\xeb\x08m\x8f6\x83\x80\xc3F\xa0\xfc\x9b\xbe\xdf\x13+\xbe\x88\xfc(`+2\xc0\xe9\x18\x97U\xa4\xf4\xca\xdb\xa6@y&amp;\x918\x9e|\xb5;\xb2\xb4\x93\xf2\xc1\x9a\xd4Z\xc8C\xcf\x16\xd4\xdcO\xbd\x1a\x7f\x17\xddie\xfc\x99\xaf\x9eC\xff\x82x8d\x16\x95IH\x81\xd2\x06\x9a\x8aDa\xee\xe8\x8eA\x7fK\xdbF\x9fe\x9dtoi\xe2\xdc\x13oKhoVe\x86\xa9\xbe\x0c\xcd\x112e\xa4\x07\xd0\x14\t\xfb\xc0LR\x02\xea\xeaex&amp;\xfe\x03\x8c\xd92\xe97\x18id\xd9\x1f\xccR|\xfam\x83\xb3\xc0\xee\xd4M-\xa8*\x82\xda3\xb2\xa3\xccg\x91^!\x04\xb5X\x91K\x0b\x9dR\x97\x94T0\xc8K\x17\x9d\xab\x0eQ\x8c\xaa\x11n\xcc\xb2]E\xed\xbe\xcc\xb8^4G\xcf\x17\xeaY\x8bg\x83ux\xdePl\x1dbu}\x86U\xec\xfe\xc3\xd2'</t>
  </si>
  <si>
    <t>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</t>
  </si>
  <si>
    <t>b'\xa265\xfeb\xf1\x11\xac\x80\xafM&gt;C\x86.\x1a'</t>
  </si>
  <si>
    <t>ass while they was still so far away you couldn't see them
 with your naked eye. Tom said the birds didn't find out the meat was
 there by the smell; they had to find it out by seeing it. Oh, but ain't
 that an eye for you! Tom said at the distance of five mile a patch of
 dead lions couldn't look any bigger than a person's finger-nail, and he
 couldn't imagine how the birds could notice such a little thing so far
 off.
 It was strange and unnatural to see lion eat lion, and we thought maybe
 they warn't kin. But Jim said that didn't make no difference. He said a
 hog was fond of her own children, and so was a spider, and he reckoned
 87
 maybe a lion was pretty near as unprincipled though maybe not quite. He
 thought likely a lion wouldn't eat his own father, if he knowed which
 was him, but</t>
  </si>
  <si>
    <t>b't~\x1a=n^|\xdb\x17\xb9\x1ed\xa7\xca\x90\xac\xbbED\x9b\xb3\xf6\xaf\xd7\xbc\x8e\\V=\xdd\xaf\x0f'</t>
  </si>
  <si>
    <t>747e1a3d6e5e7cdb17b91e64a7ca90acbb45449bb3f6afd7bc8e5c563dddaf0f</t>
  </si>
  <si>
    <t>b't~\x1a=n^|\xdb\x17\xb9\x1ed\xa7\xca\x90\xac'</t>
  </si>
  <si>
    <t>d if I could get
back again to the country of the West I should like nothing better than to
rule over them forever."
"My second command to the Winged Monkeys," said Glinda, "will be
that they carry you safely to the land of the Winkies. Your brains may not
be so large to look at as those of the Scarecrow, but you are really
brighter than he isâ€”when you are well polishedâ€”and I am sure you will
rule the Winkies wisely and well."
Then the Witch looked at the big, shaggy Lion and asked,
"When Dorothy has returned to her own home, what will become of
you?"
"Over the hill of the Hammerâ€“Heads," he answered, "lies a grand old
forest, and all the beasts that live there have made me their King. If I
could only get back to this forest I would pass my life very happily there."
118
"My third command to the Winged Monkeys," said Glinda, "shall be to
carry you to your forest. Then, having used up the powers of the Golden
Cap, I shall give it to the King of the Monkeys, that he and his band may
thereafter be free for evermore."
The Scarecrow and the Tin Woodman and the Lion now thanked the
Good Witch earnestly for her kindness, and Dorothy exclaimed,
"You are certainly as good as you are beautiful! But you have not yet told
me how to get back to Kansas."
"Your Silver Shoes will carry you over the desert," replied Glinda. "If you
had known their power you could have gone back to your Aunt Em the
very first day you came to this country."
"But then I should not have had my wonderful brains!" cried the
Scarecrow. "I might have passed my whole life in the farmer's cornfield."
"And I should not have had my lovely heart," said the Tin Woodman. "I
might have stood and rusted i</t>
  </si>
  <si>
    <t>b'7\x11\xe1\xa0\xd1n\x9dK\xac\x0f\x06+#E\x16\x92\x17\tY\xefE\x0f\xb98\xddn5\x062t\xc4\xe1\x9d&amp;\xb2\xdf\xb0hA:y\xae\xc3\x8e\x00\xd1_A1cw\xfd\n"\xad#\xb5\xc6\xfd\xb5U\x8f\x00\x84\xf6\xa1}\xc9\x9c\xe5s,\x93\x90\xa2",Z&amp;\xcce\x9ai\x0b\x7f\xfa#\x9e\xad\xfbA\xf7\x9aP&amp;C;S\xe7\x9a\x93\xfb\xa1!:\xcf\xec\'\xf8S=\x1c\x82D\x10\xadY\x977\xc4`\x99\x9d\xad\xe2\xf3\x8d\x19\x80\xc5\xb8\xa8O{Q\xd0\x19`|\xff\x9e\xfd\x8f\x14Vp\x93\x01\x80w8\x80\x99\xe3m\xfe\xcc\xdb\xda\x9dso2\x8a\xbc\x18\x13\x87X\xff\x15i\x1b\xbaL\x14\xf4\xbb\xb7*U\r\xb4\xf9$(u\rl^\x0c9\\\xb5\xe2\xc7\xf8\xebN\x88\xeb\xe31\x175:\x00\xb4\xfe\xbc\xcegX\x10a\xbe/H\x1b&lt;\xb1\t\xf2\x1b\xe3\x03O\x8c\x7f3\xc1\xe0\x9c\r6\xaa8K\x1d\x8a\xec\xa1\xe8h\xca\xc4\xd8r\xab\x95$G\x9d\x143K\xd1\x96d\x16{y\xd7V\x8a\x89\xb1\x9c\xf4\xb3\xdf\xacC@)\xb5\xd0\xb0\xc9\xad\xbdDk\xb8\xcd\x96@~\x1d\xf4\xdd\x080\x1dG{\xdb\x11\xdf\x16\xa4w\xea\xf5\x16_\xfb\t%\xc4K\x1b\xea(\x80S\x82\x17n7~pp\xd3\xaa\xf1\x90\xcb\xf8\xbf\xc5^\xca\xd5g\xa4"\x9c\x14%\xf9\'\x9b1\xd7\x11l@\xe7\x0b\x9f!\xc9=(\xc3\x15\xa1\xed\x89\x81\n\xfb1N\xc8\xcf]\x18\x06\xa0\xbf\xb9\xfd;Q\xcc\x85\xb4$\xaa\xe7o"\xa8t\x05\xc1\x070\xf5\x13\x81\x0e1_\xdbG\xa2U\xb8A\x0b\xd2\x08\x07:[k\xd8\'\x14a\x9aLzz\xbc?;\x82\xc7\xb0;]\x1a1\x12L\x17\xde\xda\x15\xd1\x8e\xb1/y\xc4\x89\xa6\x8d\xcc}\x07w\xef\xaf\x8c\x12\xf8\xf5nt\xe5\x19\xcc\xee\xdf\xabQVw)FSsa\xfd\t\xf9\xf4\xae\x08\xed\xe4\x88\xa8Z\xc0\x9b;\x87\xaa\x05Z\x9e\x92&lt;k\x1d]r\x82\xae\x14*\x03\\\'4\x93\xed\xbf|jW[\xc2\xdd\x96\x08\xc50E\x06C\xcd\x1e\t\x97\xc6\xce4\xfe\x821u\xfa\x8b^TZ\xf1\x06k\xaa\xf6\xff\x165*\xca\x1f\x8dH=\x81I\xb5{\xd9\xfa\r\xd6\x1d\xe4\xf3\xf4:=\xc6\xe4\xf9\x88\xd5\x0b\xf7\xf0\xbf\xfa\xa9h\x82Bw\x96_\xd4o"9\xd74\xdc\xf0\xda\x0f\xe4\x13/$\xc1\xf3\x14\xfb\xd8\xaa\xa6+\'\xd2\xec\xc73;ZS\xa4H\xa6\xc6\xe8\xf8\xe0\xdd+\x83\x0fA+\xd4\xa7"A\xe5\xd9\x00\xb8 \xe9P\xc7\x85\xad\x10\x84E\x92\xa0\xe1*\xf5\x01\x94\xdc"\x97ZV\x1d\xff\x1cw2;{\x87\xf5\x8b\x0fjjL\x94\xe8\xe5&gt;B\xdfi\x12\x89\xbd1\xbd\xa7\xacg/\xe2\xc3\xce\xe5\x04\xb6\xaf\x02\xe5\xc44\xd8\xd32C\xd0\xb1\xfa\xf6\xdfwO\x1f\x0f\xba\x17d+\x9b.\xdc\x0f\x16b\x8b\x86\xf0\x80\x03\xd6$\x19\xec1W\x0f:\xa1\xd9X\xa0\xc6S\x97\xf6\x94\xbd\x06g\x94:\xf7\x9cO\x1cJ\x7f\xe2!\x07N1\xff\x83\x13b]\xa1\xe9g2\x99\xd7e\xd2\xa1n\xe12\xa8\x06Q\xdd\xd7\x16\x82\xbb\x85\x87V&lt;\xcf2\x8a\xa0\x7f\xfdx\xa6\xbe0\xbe\x8bf\xd8\xba\xfc\xd3\xf7\xc6\xaa&lt;5\x10N\x03#\xf7H\x1c~\xd7,\xa1\x15O\xf63OL\xa2\x9fe\x96\x1c\x87r\xf5\xa3\xea\x07\xa2\xb8\xe44C\xc2\xb1\xaf\xfa\xeafz\xafM.\xb0\x05R\x14\xccR\x1b\x12\xad^Q\xbf\x97\x051\x7f\x1d\xf9L\xc5\x7fL\xbd\xfc\x9e\x07\'\x83(\xc0\x1a\xd4\x93\x08\x14\xe0\x91\xa3Q\xa4\xeb\xc1\x11\x9b\xbc\xbb\x1dyY\x99\xc3\xfa\xfa\xf6Yw\xe3V\xc4S\xb3K/\xcbV\x0b\x19\xa3\xd65\xb0\xd0O\x80[\x85}\xb2\x1f\xa8\x86\xf2\'\xaf\xa7\xa8DW=\x97\xf3\xb0\x92w\x98j\x82!\x92d\xb6\xb1\x03\x86\xa7\x0b\xbf{\xfd\n`R\xb6\xb2\x95\xfby\x11T\xf7l\xdbEo\xbfiWD\xa9\xd9\x87\x8dt\x1a\x84\x0f\xea\xadc\xa3\xc9\xb2\xcf\x1979[D\x95\x8bsJ\xb6&lt;\x9eZ\xdcq\x87\xc5H\xa6\x98~\xf3\x88\xfe\xb3W\x04\xd1"\xa6\x95\x01\x80\xde\xf9\xe26\xf9VF\xb3\xad+\xd6\xe1\x1cC\xc9\x06o\x13J\'\x94[&lt;\x87\xb0\xdc\x11\xd9\xa7Xd\x08\x14\xc6\xd3\xa3\'\xdd!B\xf8m\xea\xc8^\nX\xc7`\xbf\xd3\x11\xac\x80k\xbd3\xdb\rsa\x0c\x93\x95\xe9\xca\xf1\x02b\xe0\x83\xac\xf2\x83\xeb6\n\xb7\xcc\x9f\xba\xe9\x8a\xa2\xfb\xd9z\x9e\x1e\xd8\xd7C\xe3\xf7\x13\xef\x97\xde\x08\xcdhf\xd6\xee\x1c&amp;\xa4f\n\xd6\xc7\xa6\t;_~A\xac\xbe\xc92\xaar\xbb\x8cgz\x9a]E\xe4\xce.Rx\x89+C?\xcaJ\xdaiN&gt;7+\x8a\xcf\x88\xfb\x93\xfa\xf21-h?\xeb\xb8X\x96{\xe6\xfe\xb1\xef\x89\x19\x94\xca\xc1\xf6w\x18h\xcb&lt;h\xc5\xad\xe4){s\x80\xabI\x15\xb9\x7fT\xca\x01\xdd\xde\xa3\x94\x85L\x02&lt;\xcf\x1c%W\xbd\x90.\x18//x\xf3\xae\xc1\xf4\xeb\x16\xa8!\xbc\xcfB\x90\x85\x0b\xedhN\x1d-\xf6\xce\x0fG\x88\xbd09\x04\xe9\xa3\x1d\x16\x15\x8bC\x0f$\xbcK\xfa\xec\xc52\x9c\xb6\x07\xccM\x19\x064\xb0\xbb\x0c1,\x91\xe6\xb6\x99\xb3\xe6\x04&lt;+\xd0Q\xa8\xa4\xe2\xcb\xaf\xcc\xb2\xd4\x9a\xf9\x0e\xa51\xca\xd8\xc6\x15\x9b\x94\xce\xb08~3Z\xc0\xe1MPNF\xe8\x98\xc5\x14O\xac\xb7\x0c\x86y\xfbb\xd9t1\x07ur\xb4|\x95\xe9\x12\x89g\xdd\xc8(\xc2\x10\x87\xafo\x14\x98\xa5\xfcl"\x88\x93#\xcf\xa8\x0b\xc6/\xa1\xfc\x8f\xd4y\x93\xf8\xaf\xd0pq\xe1\x9a\x15\xd1\xf1\xb9\x94\xc0"$\x1fd\xf09.\x0e\xeb2M7\x8c\xb0\xefn&amp;\x8d\xe6\xb07~\xddD\xa9\x9c\xd7\xf2\x88\xc5\x99\xe5yK\xb1\x00A\x08D\x05\x8f\x1a\x7f\x06H\x8cN\x9c6b\xe2\xe0\xbb\xe2J\xe4\x90\xfb\x06P\xd2\x87\xa1\xf1\x87N\xach\xa0Y\x9cb^\xbaI\xc1\xbfS\xa5\x83\x0c&amp;\xff\xe7k\xc6W-\xaf\xfe\xd1!H\xdbQ;\x15\xb8\x95\x1a\x87\xb6\xc5 J\xca\xc7*\x9d\x92\'C[\nL\x03_\x99\xddw\xb1\xe27eLNK\t\xd5\xc9\xe8\x12\xf4\x93E\x1c\x8fT\xf1\xf0\xaf\x9a\x8e@9\xfe\xc5 \x838\xe4\xed\'t\xbd\xb2.\xd4\xfcm\xdd\xb3@\x12,\x9a!\xa2m\xa6\x93O\x8e?R\xfa\x99\x83F\xb3C\xe7Ud\tc\xfeo\xaeaaje\x0b\x05(k\xd3\xf3\xeb\xda\xf8H\xce"c\xc8\xfb\xfa\x05\xe9\xd5\n\x12 \xfecrWx\xd16\x9f\xdd\xda\xd3\x03@\xf7\x15\xa1?\xadon\xb6\x91\x87\x95\xfd\xbd\x06J\x06\xb6\xda\xc0\xddE5\xdd\x8f\xaf\xc8&amp;\xbd\x92_\x15\'\xb4\xc74\xee\x0c\x0c^%tbs\xbcn\x9a&gt;\x0f htg-\x90\x7f\xaf\xb8\xa0/\x17\xe3'</t>
  </si>
  <si>
    <t>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</t>
  </si>
  <si>
    <t>b'7\x11\xe1\xa0\xd1n\x9dK\xac\x0f\x06+#E\x16\x92'</t>
  </si>
  <si>
    <t>rvants who received him with the
usual ceremony noticed that he looked better and that he did not go to the
remote rooms where he usually lived attended by Pitcher. He went into the
library and sent for Mrs. Medlock. She came to him somewhat excited and
curious and flustered.
"How is Master Colin, Medlock?" he inquired. "Well, sir," Mrs. Medlock
answered, "he'sâ€”he's different, in a manner of speaking."
"Worse?" he suggested.
Mrs. Medlock really was flushed.
"Well, you see, sir," she tried to explain, "neither Dr. Craven, nor the nurse,
nor me can exactly make him out."
"Why is that?"
"To tell the truth, sir, Master Colin might be better and he might be
changing for the worse. His appetite, sir, is past understandingâ€”and his ways
â€”"
"Has he become moreâ€”more peculiar?" her master, asked, knitting his
brows anxiously.
"That's it, sir. He's growing very peculiarâ€”when you compare him with
what he used to be. He used to eat nothing and then suddenly he began to eat
something enormousâ€”and then he stopped again all at once and the meals
were sent back just as they used to be. You never knew, sir, perhaps, that out
of doors he never would let himself be taken. The things we've gone through
to get him to go out in his chair would leave a body trembling like a leaf. He'd
throw himself into such a state that Dr. Craven said he couldn't be responsible
for forcing him. Well, sir, just without warningâ€”not long after one of his
worst tantrums he suddenly insisted on being taken out every day by Miss
Mary and Susan Sowerby's boy Dickon that could push his chair. He took a
fancy to both Miss Mary and Dickon, and Dickon brought his tame animals,
and, if you'll credit it, sir, out of doors he will stay from morning until night."
"How does he look?" was the next question.
"If he took his food natural, sir, you'd think he was putting on fleshâ€”but
we're afraid it may be a sort of bloat. He laughs sometimes in a queer way
when he's alone with Miss Mary. He never used to laugh at all. Dr. Craven is
coming to see you at once, if you'll allow him. He never was as puzzled in his
life."
"Where is Master Colin now?" Mr. Craven asked.
"In the garden, sir. He's always in the gardenâ€”though not a human
creature is allowed to go near for fear they'll look at him."
Mr. Craven scarcely heard her last words.
"In the garden," he said, and after he had sent Mrs. Medlock away</t>
  </si>
  <si>
    <t>b'\xccI@\xfe\x0b\xdf\x99\xd8\x19\x0e\x93X\xfdug\x14\x05\xb7\xd8+\xe6Q\xa0\xf4\xedGG\xc7\xc8&lt;\xa0]k\xc7\xf7\x92\x01Z\x99p\xdd\xf0\x85%\xfc*M\r\x01\t\xba\x90\xd1q(\xe1\x84\xc0N5\xa2\x84\x9b\xa5M\xa0("\x99\x16\x80\xcb\x1e\xbcSxOb\\T\x85\xd1\xcb,\xee\x1eq\x94P\x96\xaa1&gt;\xae\x06\xb0^\x1dc\x07\xf8\xbc_\x7fW\xebG\xc4h\xa1\x9f\x9d\x00\x1eM\x96\xf3\x96\xa6\x9eO1q\xdc\xa3G\x0b\x1bI\xe5\x9ea%\xc5\x90\x8b\xa0\xdd\x8c\xcf\x1b\xc4\xc1\xd3b\x8f\xd6\xb1\xe6&lt;1W&gt;\xed\x8a7\x96k\x94\x11U\xd9,\x89\xc171L\xa4V\x9cl,J\xf7\x02\xd2}G\xb7B\x95\xd5\xa4D\xea\x1b7\xa15\x84\x06[\xbbc\xe1{\xd3p?\'ac&lt;&amp;\xc5&gt;\xbb\xe5\xcf\x15@\xfc\xcd\xbf\x13a.\x1c\xc0$\x94\xdb\xe0E\x03\xa78L\x89\xd5\xa1-$,\'Yp\xdeo\'\xae\xba\xb8\x90\xecj\xe0\x8el\xc7\xd5\xa5Q_K\xf2\xed\xb0\x90\x9f\xe8\x0e\xf5\x0e"V)p\xe1\xc9\x88\xd2\x9eN\x84h\xff&lt;fg\xa9h\xa8]\x13\xb0z\x81\xb8\x9aYGH\xda1\x89)\x18\xe9\x9f\xad\xc3\xeag0\xfe\xb5\xea\xd5j\r\x07\x0bG\xcfT\xa7\xf4\x8a.o\xeb\x0cec\xda\\H_z\xecVt\xd5\x10\xa2K\x13\x18&lt;\'9\xa0\xd3T\r\x16\xd7)*\xba\xf9|\xd5\xf1\xfd\x84A\x9c$_\x91\xa2\x93N\x9cqKHw\xf4r\xcf"\x86R?"\x0e5c\xf9y\x8a?s\xf2&lt;\xf2&lt;DU\x96\xd1\xf8\x93D\xba\xfe0\x0bB\x13\xdc\xb4[\x97\x7f\xc0\x815V\x14\x98\xf6dWM\x9a\xaco\xad[@\xcf\x91\nyTk\x04\x9e_z\x97\xd6i\x03B\xc6\xa0n&lt;tr\nA:}\x07\x83\x16\x80\x07\xb9KZ\x86\x1e\xbel&amp;\x14\x84y\x88P\xc9\x1ds\xc4\xf5\xc6\xed\xb6\x8d/\xa3\x02\xc6\xa7\xcbB\x9b"\x14q\x1d\xb6m\xa2\xc9w\xa5eur&amp;`\xb5\x86\xe7$\x89k\x14\x1d\x14y\x87\x94\xbb\n\xc4\x12\xa5\xac{g\xf9\x1c\xb3\xec%b\x06\x822h\x13\x87\xc5\xc8y8\xcaf\x15\x85\xd9{\xf7x\xb5W\xf2\x14G?\xf3\xf9r\x1b*`&lt;p\xa0:\xfd\xd6\xd8_\x1b!\x07#\x00\xfe~\x14\xbd\xab\xbc\xe6\xa4\x83\x8f/\x87\x82Q\xc5\xf1\xe9\xb3\xcb\xf4\x1a&amp;r\xd7\xa8\x9f\xb3\x87\xe6U\xcb\x19F\xc0\x1d\x04\xce\xa3\x03\xc8q6(O\'\x032\xdbm:\x99\xc7\xe9\x00\xdb&amp;5_(UR\x85O\xf8\x9b\xd8\x9e\xb7\xb4\xff\x05,n\xe0\xd1*\xcb\x83\xa9*\xf1^\x80\xf9\xc1\x0f\'\x1f \xab\xbf\x14\x9d\xb6F\x97sWS\xcc\xa6\xf6`\xe4\xfa\xea\x16\xf6\x0e\xf4G\xdc\xf9K\x89\xb4)\xc2PH17\xd7\xf9\xd8\x9dow\xa6\xc3\xee\xe7\xacu\xee\x15\r\xeeh\x9c\x8d\x04\x0cz`\x99\x17+VV;\x11\x017\xc9)\xe6e\xb6\xf7:}\xf2\x0e\xe4\xdc\xf1n\xc0\xdf\xa4,\x9f\xa4\xb4\xcb\xfe4\x8a\x04\x94O\xc1\x7fi\xdb7\xce,h\xde\xd6jX\xc5\x1b|\x07\xc1\xf5\x93[\xd7,\xde;\x82\xc6\xde{\x80u\xc6ZI\t\xd9@7\x93\x95\x1c\x19\xb8vJ\xa3?\x86c\xae\xb0\xf1\x01\xbeo\x8b\x04\xb8K\xcc.\xe7j\xb6\x8c\xf4\x90a\xc0\xe4*\x16v\x81\xa5$\x08\x99\\\xc7\x9c\x92SX\x84g\xb4\xbd\x8bqH\xfd\xc0\x9c\xa7G5\xd8\x1f\xdb\x9b\x80\xbbt\xb2\x11\xf0}\xe6K0i\xa2\xf7d\x92I\xb9\xa9}N\xef\xde\x19\x07\x86P\xfa\xb1\x99\xfe\x0c\xc7A8\xf7"\x15\xa3\xbd\xa4\xcb\x8d\xe1\xab\x93\xaf0\x97\x142\xd0\xaeV\xacB\xe6\xde\xdb\xefno\xc6H\'\xed\xc3\x12\x16\xdd\x1d\xa1y\xfe1n\x00jJ\xe4\xb3\xaa\t\x95\xcf\xf0\xff\xa8\x9a\x03\xf4\x0e\xb7\x16I\x15\xcc\'\xe7P]\xddM\xbb\x81\xef\xdek6b\xff\x89JJ\x10\xf7\x11\xac)=Yn\xc8j\xa2\x9b\x8b\t\x94\x01`R\x1e\x9f\xaf\xd6\x030]\x89\x08\xfc\x91f/-\x1a\xd7\xf8^k-\x83i\xd9V\xd0\x9b\xc6O\x01\xbd\xa6\xd0\xb6\xb3j^\x0c@lS\x81\xf8\xc1\xe9\x8c\'\xcf\x90\xdf\xac\xb6\x99\x86\x8b\x16WO\xfaB\xaa\xe8j\xcc%!\xf9\x88oYP\xcce\xf0\x88\xfb\x87{\x83H\'Z_\xb7\x7f\xf8\xca1\x93@5\xeb\x8cH})\xb6\xca\xb8\xd2\x1e\x1dg8\xcf\xbc\xcd\xb0|v&lt;\xcc)\x9f\xe7\xc6\xa9x&gt;\x16\x114*ZP\x8a\xac\xc7E\x81\xcf5#\xba\x86\x08\xc8U\x01\xea\x08\x06Yp\xd1U\xef\x8d\xb7\xfa\xa1\x03@6&lt;+I\xa6\xe6b\x19\xee\xda\x0e&amp;&lt;\xdc\n\x88\xa5R:\xd5~\xdb\xb6G\xae\x90X\x91uW\x86\x96\xac\xcb\xb7\x89\xdb\x9c\xe8\xa3%\x9a\xb2Y\x9cIL\xf9\x9f%\xdf\xe7\xa0\xe8B\x86ch\x06\x0e\xb5&lt;\x00\x1a\x18\xeb\x1a\xdal_\x18\xfc\xf0|\xd8\x8c}N\xc3\x81\xf6\xa3\xc1B\x1cf\xf0\xb0fy\x82\x03\xc8\xbc\xfeN}3\xae8\xf406\xd7\x90\x8f\xf3\x10\x91V|Y\xb771\xea\xf0~\xef\xd1\x17\n\x17N\x83\xbdJ~-\x83\x84V\x12\r\x87\x17\xf3q\xc0\xc7|$Z}AC\x9b7\xb5\xebw\xc5\xd7\xde{\xac)\x96C\x9dA\x1d=\x01x\xf6\x13\xb4\xec\xb2o\xf7$\xab3Z6\x95\xa4\x99\x1f\xb0E@&gt;\x82.w\x93\x18\xefZB\xe9\xf0\x86(\x93\xc7\xb0"\x06It\x8fD2?Y\x87\xe0@\x8f\tgIV#\x03X@?\x9d(\xac\x1c\x9f_\xcc\xb3\xc6\x0e\xb1\x9d|\xbc\xbe\'\x16&gt;?\x94yq\xde\tL\x83\\,\xf4\x82[\xe9d\x7f=kw\x03\x1a+M\x96\xa2i\x8f\xa3n\xbfl{N\x02\xb4\xc8dR\x1a\x8379u\xf4\xd4&gt;\xaf\xee\xa37c\x00\nNBH-\xf4f\xedz\xa6\xbb\r\x0f\x84Bs\\ \xe4\xac\xea\x01O\xb0\xaf\\\xedt4+\xb9j\x88!\xa3V\t\x1d\x19_\x1a\xfd\n\xb4\xcb\xe1^\x94\xbcs\xe6e\xe5\xeclQc\x9b-cC\r\xf4\x98\xe2r&amp;\xe8\x82\xf7]\x04 i\xa9=\xaa\xd6b\x81\xf7S\x8aV\xbboi\xf1$$\xe5\xd9{cY\x91\xc9\xd4\xba\xd9\xbc\xa9\xf6\x05\xd7h\x91[\xc1\x1f\x8b]`\xbc\xfe\xc5\x94Y\'\x9c\xc7\xe2S3@\x1a\xae\xe0{[\x01\xcc\x0cX\x04[\xe5?\xcb\x19z\xba\x88\x91\xea\xfa\xb9\x0b\x82\xad\xa8n\x9f\xa6\xb9\x19\xc5\x01\xf9U\xb0\x00\x1a\xad\xaa\x8d\'\xc2\xc0_\xcd\x0b1\xd2\x8e\t\x12\x19\xb9\xe7Y5\xb2\x9c\xc7v\xbd\x89\xa1\xe1W\xc0A\x91\xc7\xeb\xbf\xc5r\xd8\xe8\xca\x06 V"\x0f\xcb\xdb6\n\xac\xd6mR\xe7\x95\xf8\xce\xe5\xd9^\xb0)6\xea\x9f\x8b\x8f4\xade\xb0\x07ZWg\xc4\xde+\xf9T\x97\xb5\xa7\xcb\xdde\xc7\x1e\xab1\xc6W\x91\xf93-\x85KO\xb2\xbc]\xef\x1d\x02e\x0bI\x1e\x17r\xc1\xfb&gt;\x9ef\xe7\x8e\x82\xf5\xdf\xea\xbe:+\x80\xc9\xeb\xca\x7f|\xbcIH\xde\xb9]\x96\x06\r@\x93\xbc\xabN\xb5\xdd\x07W7\x88\x17a\xfe\xb1\xbe\x1f\xefkE\x00\xdb&lt;\xb5\xf1x\xa9+\xa7\t\xc0\x9b\xd2\x0836\xe6r\\\xb6`x.9\x08%\xb4e1\xab&lt;\xad\x8b\x94\x9bk\xc5]\x06i\xf0\xe3L6\x08\xff\x822\x96e*\x1a#8\xfe\xc8\x9e\x99\xabI\x89\xf1\x00\x07\x8c/Cb&lt;*\xe2j\xfb\n\x1d@Zt\xd8h,\xc9\xec3\xac\xec\xd5\xc3 }\xe8\xa7s*\x9e)\xaaU\xae\x80\xab]\xd9\xc6k\xf6\xc6\x9f\x813\x8fX\xea\x9b\x92\xf2\x1c\xda\xbfI\xa3\xee\xc7\xe7\x9f\xb59/\xaf\xec\xdf\x11\xe6I\'\xad\xe6&gt;n\x10\x04\x1f\x85|\x14\xebw\xff\x83\xc1\xe7\xef\xe6\x80\xd2\xb4\xf5\x1c\xc7Vk\xc2\xa9\r:\xf8\xf2!\x16jv\x14i=wY\xf7\x0f\xcd\xc3\xb6\xe0x\xe6\xcc\xd1\xd9\xe8\xa6\n\x93\x84)\x8f\xbb\x92\xf4\x1e\xa9\xfd\x90\x17\xa0\xa5\xff#f\x0c\x02K2\xed\xfe\xb1*\xd2\t*\x9a\xbb\x0cfe\xf2n\xe7pt4\xd3\xcf{W&lt;\xb2F\xe5Dh\x93]vV\xda:c-\xc42\x13\xd6\x80[\x8d\xf0\xb79\x9e\xca\x01-C\xb0\xb9%\r\x99\xf6\x10\xe3\x05\x7f\xd9#\xa2@H&gt;GC\xd2\xbc\xd9\xca\x10y\x13\x0ftx\r\xb3X\xde\x8e\x01\xeb6{%2\x97\x16\x9c\x94\x83E\xec&lt;\x8c\xbc\x9eqZ\xe0-3\xb5i\xd6!\xb5\x9at.sX\x03\xfd\x92\x105j\xc3h\xd3\x00\xc9n\t@\xf7\xee\xdaE\x89\x94\xbd\xdcbS\x83w\x06ht\xfb&lt;\x12&amp;\x9a/m\x83\x9a\xb7\xe7W\x8cm&lt;\xb4\xa0C\xb0\xe5\x82\x06G\xa7T\x9eF\x118\xd4uI\xb2&amp;Q\xeb\xf0Z\x88\xb8D\xfa\x93\xa6\x95TxqILm\n\xaf\x06\xce\x07r\xd5~\x08\x90\x16&gt;[3hyF\xd2Zr\xd6\xf72C-\x1ex\x11K\x103\x1d\xfb\xf2a\x83Vy3\x08\r\xadPF\x02\xd6\xb9\x9d2\xe9]83\x1f\xd0&amp;1\xf4\xab\xac\xe8m\x1e\x15\r\'T\xf2\xe0k\x14&amp;\x16\xb6\xd0\xef"\xb0d\xdbak\xea\xa1\x8c\xfbU\xbb\x15\xe1*\xd3\xd5\xf9\x93\xe0\x91\xe8\xcc\x85\x86\xd3\xc0\x88 9\xf4v\xfd\xd4L3\xb3\x96r\x08\xc4n\x131# \x16\xabf\xc8AOAI\x9d}\xf4\xab\xbc2\xab\xc2\xf2W\t\x943\x85\xd88\x18\xe6h\xeb\x95I\xff\x98\x89\xb9\x85\xaew\xab\xda\xf6\x1c\xd9\x99\xac\x1c\xdd[&gt;\x8f\x91\x80)\x1c\xb2\xc4\xfd\x93j\x95;\xf0o\xa7\xbf\xf5\xbf%]\xf5g]%W\x8d\xb0\xd0+\xf2\xbd=\xb6`\xa6\x8eY\xe8^\xa3\x8f\x94I\xf6\x7f\xbcN\xce\xe0\x80\xe5_\xc29\xe1a\x8fd%S\x18(\xae\x90\x1dJ\xe2%Q\xf5\xbb\x9a\xce)\xad'</t>
  </si>
  <si>
    <t>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</t>
  </si>
  <si>
    <t>b'\xccI@\xfe\x0b\xdf\x99\xd8\x19\x0e\x93X\xfdug\x14'</t>
  </si>
  <si>
    <t xml:space="preserve">
forever and ever and ever!"
Mr. Craven put his hands on both the boy's shoulders and held him still. He
knew he dared not even try to speak for a moment.
"Take me into the garden, my boy," he said at last. "And tell me all about
it."
And so they led him in.
The place was a wilderness of autumn gold and purple and violet blue and
flaming scarlet and on every side were sheaves of late lilies standing together
â€”lilies which were white or white and ruby. He remembered well when the
first of them had been planted that just at this season of the year their late
glories should reveal themselves. Late roses climbed and hung and clustered
and the sunshine deepening the hue of the yellowing trees made one feel that
one, stood in an embowered temple of gold. The newcomer stood silent just as
the children had done when they came into its grayness. He looked round and
round.
"I thought it would be dead," he said.
"Mary thought so at first," said Colin. "But it came alive."
Then they sat down under their treeâ€”all but Colin, who wanted to stand
while he told the story.
It was the strangest thing he had ever heard, Archibald Craven thought, as
it was poured forth in headlong boy fashion. Mystery and Magic and wild
creatures, the weird midnight meetingâ€”the coming of the springâ€”the passion
of insulted pride which had dragged the young Rajah to his feet to defy old
Ben Weatherstaff to his face. The odd companionship, the play acting, the
great secret so carefully kept. The listener laughed until tears came into his
eyes and sometimes tears came into his eyes when he was not laughing. The
Athlete, the Lecturer, the Scientific D</t>
  </si>
  <si>
    <t>b'\xf05\xdf\x0b\r\xf9\xd8^\x03\x87\x93\x94\xe4T\x97\x8d\\\xc2\xf7)uN\xc9P\xf7&amp;]\x7fIJ3\xa6aw\x1bd1W\x04\x1cd\xac\xf4&lt; \x9e\xc1NmV5\xdbMA\xce\xa8\x7f\x8b\xfe\xa2\xf5\x7f\xb3\t\t\x1e\x15\xb5Eq\x0e\xd1\xd1T\xadN\x17\xbf\t\x19\xe8\x9a\xb5-\xa8\x1c\xcfQVn\x92#]\xb5_;\xb5\xa8|\xe4\xa2\xfd\x81\x01\xc9\x04$A6!nL\xb7\xd5\x87(\x02\x99Q2\xfe;\xd5\xca\xe5\x16\x94pa\xa0\x85\x15\x8c\r\x94\xc5\x86v\xab-\x81\x0f\x12\xd6\xf5w\xc4\xc6\x81\x06v\x9a\x91\x8dg\xf6ET\x90=F5M\x15oq\xbdo\x12\x1a$K\xa2\xb2\xe7w\x9b\x15\x1a3]U\x8f\xcf\xe2\x9e\x8e\xabu\xb3v:\x9c\x9b\x9f3\xc9\xfc\xda\x01\x99W\x8d\xba\xcdq8\xa9\x96\x1b\x8cA\xd4y\xaf\x92O\xf4\xec\xa4x\xd1\xd8\x06\xda\x85Ov\xeaHd\xd4\xec\xcdf\t\xb2\x0eS\xe2\x89\xcbT\xddD\x10si\xeb\xa4\x96\xb7\xac\x89\xf6\x8b\x18\xeb\x0e\xd4\xc7\xefD\xf2t\xb5\xd4\xe7\x84U\x9b\x03\x1a\xa0\xd7\xe3\xd9\x1e\x0c\x90\x96v\x17W;b\xad&amp;\xf7kR\xcfVW\xed\xdd\x9dd\xc4\xe0\xbc|\xaf\x1b/\xb9U!Y}\xfd]D\xf1]\x9b\\\xaf7\x95T\xd5\xd0B\xbc)a\xcf\xdfj5\x1em\xa6T\xcf/\xd9\xa5\x1a \xcf&gt;\x05\xe6hfg\xfe?\xb3(\x94R\xf9\x19ae0\xda\xc1\xae\xe1\x98!\xa7\x17\xe7;B\xa4\xf9\x1b\xffV,\xa7\x01q\x8b2\xeb\x81\xab\xf7u\x04n`\x91Q\x938Xn\x00g\xf80\xda\xbb\xe6G\xce\xef$\xa5\xc1\xa4b\x0e\xe0\xbe\x84\x06\xdbk\n\xeeWl\x96\'\x80Ru\xfbZ\x15t.4\xb4\x98@\xc3\xb4u\x8d&lt;\xcdQ\xe1\xdb\x1dL\x86W\x7f\xd4\x103\xef\xba\xbds\xf0\xb8\xfb~\x93\xdb;\xa1\xf0\xf0\x17\x07\\\xc0U\xeb\xd3\xb5\x7fN8\xf8x\xa27\xb2\xfa\x8dj\xa3\xba\xa7\xee\xf0\xe4S\x03\x93_\xec\xcey\xa24\xc2_\xf5\x8eP\x8a\xec_ew\xcc-\xae\x98D(\x97,\xbbR\xb7\x92du\r\x05\x9a\xd4\x91\x86cz\xc5Nv:W\xf7\xfb\xff\xb8\xbf\xef\xeb/\x9a\x83@\xfc\x95\x9a1\x82W5\xbb@\xf9&amp;\xb2\x8b_:\xd0\xa4s4){\xc4I\xcb\xa9\xe3\xf1\xdch$\xf6\xfa\x82s\xde\xd8|w\xf7A*n\x8d\xdd\xdc\xd5\xab\xdb2\x97\x03\xa4~\xcf\xcdj\xd3\xe0\xbawq\x8e\xab\xdaK\xb9\x92\x0c\x80\xd9\xc0\x03\xfd\xb1\xbb\xa4\xc0C\x89\x9b2\xd0\xb5\x0c\x11\x1a\xa6\x14t&gt;\xd9L\x8a\xb6\x93\x97\x80\xce\xf1\x8b.8\xbf2\xbd\x9d\xc0R\x82\x92\xedcn\xc7&amp;\xfb\x89\xa8\x87:\x8b:S\xfe\xc4D\xd0*+\x0e\xd2\x032\x07\x04\xe9\xc7\xa0v\x7fD1\xb3&amp;\xa3\xd7,k\xd2\xa7\xa7&amp;~\xc3\xcd\x7fP\xce\x8e\x11K`ml\x0fmx`\xdcb\xcd\xbeY8\x99\xcd\x01V\xa7\x00\xe0\x84\\Eq"1\x80\xef\xc9\x01X\x03k\xb4Mx2v\xab\x1d\xef\xc5E\xe3\xe8\x0f\xd7\x0cQd4S\xfc\x8ay\xd9\x8d\x81\xca.C\x94b\xb1\x15{j\x05T\x17\x1aKel&lt;\xcf\xe4 n\x03E\x1c\xda\xea\xc5IZ&gt;\xc6\xf0X\xa4q\x91\x10\x1ap2\xab.`\xe2\xf9?\xaaY\x1b\xa4\x96\x98\xc7U\x8d\xbb\xaf\xb8\n\x8d\x9b4\x80\x00\x92\xfa\x96_\xceo\xb2P\xa0\x15\x10V_\x89\xb82\xf4\xe73\x89\xc3\x97\xbe\xfbcS\x97\n\xc6\xd6\xc2\xbbX\xfe&amp;Xm\x9d\xa1\xec#;\x92\xc5\xd6\xa3\x96h\x80\xb7\x8f\xf6\x83F\xf4\xfe7\xd1\x9d\xaf\xc7\xe8Op\x8e\x99\xc2[\xc2(\x94qZ\xef(\xe8\x1b\xe9\xd54\x13\xdd\xc5\r/\x1c\x0b\xa7\xfbx\xd9\xa7\x94\xfcH\xa5\x8c\xacV\xbc8\x87RT\x19\xed\xd0}\xa4d8PX\x19\xf6\xc8Qe\xa3+\xdb\xa1\x0eX\xd4B"s\x19,\xab\x95\xb0m\xa5\xfak7\x94\xbb\xe6d\xe904\x02\xf0H\x87\x80c\xea=k\x8b\x11\x9aW\x90.\x98\xeca\x0bF"\xe2\x08\x8ac\x1b\xd0\xe5\xbf\x05%\xda5%`,\x8cc\xae\x97\x8b\xa5\x1aE\xd4\xec\xe8\xee1\x8c\xadUR\x9eB\xd4;f\xfd\xffcON\xa1rV\x933\xbf1\xdd&gt;RS\xf3p\xa9\xf7wU\x9a\xe5M\x85|}\xf5)p\x8ev\x9b\xb8[8\xfc\x058\x92y\x9f\xc6\xaa]\xa1\x0b\x08\xb4k7\xdf)\xb4\x9f\x17\xa7\xf2\xebCa\xb4\xacl?\x03\xcd\x0c\x91\x0e\xaaHJ1\xc8\x13R\x86\xbb\x86\xdf\xee\xbe\xa0r\\P1\xd8\x1aQ\xdabbsR\x01\xd6\xa5\'\xffs\xdc\xfc8\xa1D\xa3\x0c9\x7f\xb4\xbdb\x8c\xb2\n\x86z\xf5X\xce\xa7F\x05\xb8\xeb\xf7^f\x8f\x07\xfa_\xeeR\x96\x1b\x02q\xb1\xa9\xfc\x8c8\xc8\x88k\x8c\xda\xd3\xf0\xe0\x93@s\xfa\x1e9t^E&gt;\xfalk\x7f\xdb\xcc\xdd[\xa6Y0\x89\x1eU\x84\x12^"\xbce\xb3\xb4g\x10\x12\x15j\xf2+\x14g\x88\xda\xf31\xbc\x89\xfe\x97\xd3%B\x9bA\x1bk\xde\xb9\x9ai//\\.\xa4\xbc)\xc95\xa6\xedK\x17\t\xd9\x88\xed\xa6y-\x9f/2\xdc2&lt;\xcb.~b\x92\x13\x11aQ\x83\xd855\x98\xdb\xfd\xc6\xc5) \xbe\xac\x9a\xcba3\xeaI\x9a\xe0\'\xefUF\x8f\xeeK,\x85\xb6\xf9\xde\xb9m\xb3vb\xc0\xbd\xe4V\xb5\x95Qv_ca\xf1pCg\xa8\x05\xb1\x83ws\xbb\n\x7fO"\x8c\x808\xc6c\x16+\xd5\x14e\xce\xee\x9bp\xd0\x0eE]Zx\xb0\x83\xff\xfed#\x8eA\x17?\x7fCP\xe39d\xde\x02\xfe\x0f\xec\xb9O\xbf\xa3\x15\xfc\t\xf0A\xa8\xadL\x08o\xa6\xde\xa2H\x91.aA\x13\x19\xa6&amp;\xe6\xdf\x02\xf4\x8c\x1f\x99\xdd\x86\xee\xa6\xfc3\x85\x982\\D\xfd\xa2\x83[\xb8\x08\x19\xd2\xc65\xac\x15\xfd\x0c\x11J\xcf\x0c\xdd\xe3Xy\xb8\x00\x15\\\x9a\x98\xcbtd\xdbI\xe5\xcc\xe57.1l\xb0\xe3\x00\x03\x9cQ\x01792\x98\xc4\xe0]\x11\xc1\xde\x84\x91\xdf\xc9!\x8d\xf1D\x14u\\\xcb\xf3\xcaB\xec\xe2\r\x93\x11a\xff\x1e[P\xd2\xfd\xd2\xeb\x81\x86$\x0e\xd3\x98\xf8\xa9)?\x02\xed\x0e[\r\xe2\xa6Z\xdch\xd4\xe0\x7ft4zU*\x04\x82;\x9e*\xe6R\x9b}\xd5K\xf8\x9f\xf4=\xf8Zl\x1a(\xb5*\x8f\\\xdc\xc3\xcc\xc8\xbb\xab\xc3%\xdf]\xa0\xf4\xdb\xe7:\n\x1aO\x11&amp;\xber-\xafk\x03_\xde\n\x89FQ\xae\x19\xea\x13\x13X\x07\xae\xd0\xd6\x94.\\\xff+\xa6vF\xc8\xe6\x925(\x08\xb8\xef5\x16\xe4}\xbf~\xa5c!\xbb\xc1\x9f\x8es\x9d.\x83\xca_\xab'</t>
  </si>
  <si>
    <t>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</t>
  </si>
  <si>
    <t>b'\xf05\xdf\x0b\r\xf9\xd8^\x03\x87\x93\x94\xe4T\x97\x8d'</t>
  </si>
  <si>
    <t>for had she not heard me outside she would never
 have had courage to come out.
 There was much confusion in the yard; the horses being got out of other stables, and the
 carriages and gigs being pulled out of houses and sheds, lest the flames should spread
 further. On the other side the yard windows were thrown up, and people were shouting
 all sorts of things; but I kept my eye fixed on the stable door, where the smoke poured
 out thicker than ever, and I could see flashes of red light; presently I heard above all the
 stir and din a loud, clear voice, which I knew was master's:
 "James Howard! James Howard! Are you there?" There was no answer, but I heard a
 crash of something falling in the stable, and the next moment I gave a loud, joyful neigh,
 for I saw James coming through the smoke leading Ginger with him; she was coughing
 violently, and he was not able to speak.
 "My brave lad!" said master, laying his hand on his shoulder, "are you hurt?"
 James shook his head, for he could not yet speak.
 "Ay," said the big man who held me; "he is a brave lad, and no mistake."
 "And now," said master, "when you have got your breath, James, we'll get out of this
 place as quickly as we can," and we were moving toward the entry, when from the
 market-place there came a sound of galloping feet and loud rumbling wheels.
 "'Tis the fire-engine! the fire-engine!" shouted two or three voices, "stand back, make
 way!" and clattering and thundering over the stones two horses dashed into the yard
 with a heavy engine behind them. The firemen leaped to the ground; there was no need
 to ask where the fire wasâ€”it was rolling up in a great blaze from the roof.
 We got out as fast as we could into the broad quiet market-place; the stars were shining,
 and except the noise behind us, all was still. Master led the way to a large hotel on the
 other side, and as soon as the hostler came, he said, "James, I must now hasten to your
 mistress; I trust the horses entirely to you, order whatever you think is needed," and
 with that he was gone. The master did not run, but I never saw mortal man walk so fast
 as he did that night.
 There was a dreadful sound before we got into our stallsâ€”the shrieks of those poor
 horses that were left burning to death in the stableâ€”it was very terrible! and made both
 Ginger and me feel very bad. We, however, were taken in and well done by.
 The next morning the master came to see how we were and to speak to James. I did not
 hear much, for the hostler was rubbing me down, but I could see that James looked v</t>
  </si>
  <si>
    <t>b'X\xfaN\xb3\xe0\x92\xc3\xfc'</t>
  </si>
  <si>
    <t>58fa4eb3e092c3fc</t>
  </si>
  <si>
    <t>ly cannot keep
 up with the demand.
 Thatâ€™s a nice problem to have.
 When you have an audience, you can take more strategic risks, too.
 The Flexible Dieting Lifestyle is a company I advise that sells healthy
 versions of favorite cheat meals. One of the co-founders, Zach Rocheleau,
 built his audience by posting recipes on Instagram, and it was all he needed to
 launch physical products.
 â€œWe had built a brand around solving a problem everyone hasâ€”turning
 â€˜cheat mealsâ€™ into everyday meals,â€ Zach told me. â€œOne of our biggest hits
 was a recipe for protein cookie butter. It had great nutritional value, tasted
 great, and met our audienceâ€™s cravings. But one thing they kept telling us was
 that, basically, they didnâ€™t want to make it themselves. They wanted to be
 able to just buy it.â€
 It was new territory for Zach as heâ€™d never done a physical product
 before. â€œWe decided to just figure it out,â€ he said. â€œWe developed the
 product, came up with 10,000 units, and launched it with zero ad spend. All
 we did was show the product to our audienceâ€”put in front of their eyes this
 thing theyâ€™d been asking forâ€”and tell them, hey, here it is, swipe up to
 purchase. And they did. We went through 10,000 units in a single week.â€
 Zach focused on storytelling and building an audience with an emotional
 connection to his company. That emotional connection is the key point. You
 want customers who arenâ€™t price-shopping but who buy your product because
 they feel connected to you.
 When Should I Hit the â€œGoâ€ Button?
 As your inventory inches its way across the ocean and gets closer to its
 arrival at the Amazon warehouse, youâ€™ll be able to more accurately pinpoint
 Day One: launch day.
 A word of advice: Give yourself a time buffer. If you think your product
 is going to be available on Friday, schedule your launch for the following
 Wednesday. Hyping up a launch date only to be unable to take sales on that
 day is a huge waste of customer attention and engagement.
 You may want to consider creating some sort of incentive for people to
 buy within the first few days. This could be a bonus or some sort of discount,
 like a BOGO deal. In general, I donâ€™t like pricing discountsâ€”it can be
 incredibly difficult to pivot out of being seen as a discount brandâ€”but itâ€™s
 okay in a launch period with the understanding that youâ€™ll probably never
 discount the price of the product again, except in special situations. Just make
 sure to include a firm deadline on the discount and stick to it. Be protective of
 your inventory, especially when youâ€™re doing extras. My preference is to
 have a bonus or add-on to make your product an irresistibly sexy buy in its
 first few days.
 Sometimes, honest scarcity is the best incentive to buy. If you only have
 500 units available, and you have 500 people on your launch listâ€”not to
 mention the 1,000 people who follow you on Instagram, and all their friends
 who might see and share your content, tooâ€”then there will be people who
 arenâ€™t going to get to make a purchase. This kind of scarcity only drives more
 interest. In the customerâ€™s mind, scarcity equals value.
 During the final seven days before your launch, you should talk about the
 launch every day: emailing your list, posting about it on social media,
 leveraging any influencer relationships youâ€™ve built. Burn it into everyoneâ€™s
 brain: This product goes LIVE at 11 A.M. next Wednesday!
 The minute 11 A.M. hits, watch the floodgates open.
 Be sure to temper your expectations for those first few days. Itâ€™s easy to
 get caught up in the excitement of launch and the engagement your audience
 is showing you, and then be disappointed when you donâ€™t immediately sell
 out (which, again, you do not want to do!).
 As long as you get at least 25 to 100 sales in the first few days (and if you
 do what I outline in this book, itâ€™s very rare that that wonâ€™t happen), youâ€™ll
 have enough momentum to start to</t>
  </si>
  <si>
    <t>b'\x1c\t\x90\x91&gt;FX\xbf2\x83\xb0\x89a\xc3J\xf4\x84\xd6uk\x83g(z\x9c\x0b\xd1\x11\xffc\xc1\xb6c\xd9\xeev_)\xc6\xfb\x0e\xf5\xa7\xe4\xa2\xa1\x80P\x9a\xb0\xfa\xbc\x17\xb8\x17\xf2\xa7\xd4\xba\xf0fl\xefo\x1cJU\xf8\xd2\xdf8\xb3\xa8\x97\x98\xa9 \x9bv]\xc8\xd2I&gt;\xadB\x8d\'\x0eYj\x9d#\xdc\xc3\xaeqa\x00\x08N\xf7\xc61\xdb|\xa6w|g1\x1aw\xeb\x81\xc5d\xf3\x0et\xbc\xcd\xc5~\xea\xb9Q0;Eli\xcd\xbe\x92\xcf\xcar\xff\x19\xd8\xcbW\x07\xefm\xf4#_=\x9e\xc7\xce\x12\xfb\xeeY\xea\x04\xf1y\xe3k\xc6\xb3yb"+L\xe3\xf7\x01/m\xb4kR\xe9\xf6L~\xd9M\xff\x92b\xb3\xd5\xc2\x0e5\x7f\xd6\x93!\'\xd47\x8e\xe1\xe6=\xce\x12\x08\xa6rp\xc7\xb8\x81\xee\x02O\t\xee\x96\xf0&amp;\xd4\xd0\xc5\x17\x19S}\x17\xddHD\xdb\xdc\x1a\xfe?\xadA\x9f\x08Y-\xa1K1)4i\xb7P(o\xfbhI/qld\xa6\x12#\xf2K\x12[\xba\ni\xe6\x9c+\xd1\xbc\xfa\xed\x165M\'n\xc9/\xdbW\x94UH&lt;\xb2\xf5\x01\xa1\xff\xefkQK\x06\x8a\xa9\xc9\xce~&gt;_T\x87)\xa6\xeb-\x13b?\xcd\xa8\xdb\x1f\xe1\xcd\xea\xc86\xb9\x19\xdbF\x9e\xef\xdeiM\xb5\xe8\x0e(Q\x8d\xd8\x97\xeaN\x0c\xf9)WK\xfa\x94a \xab&amp;\r\x16\x0e\xd2:\xf0d\xae\x8a\xd1\xf9-MD\x9c\xb2\x1c\xf6\xa1\xee5\xef\xd2\x9a\xa0JN\xc2\xdf\xdb\x96\xf7\x8a\x95C&gt;}{J\xb1~=\x06\x0c}\xcc\xb3\xfe\x14P\xa9\xb2\xfe\x12\x05\x1fn\x95\xb0\x1cV\xa0\x19\xc7\tB\x07P\xc3@\xd6\xa4\x8a\x83\xd9\xd5.I\xe0\x80\x84\xf6x\xff\xc0\xa0\x1e\xc2\xf0\x9eM\xe3\x02\x85%\x0fd\xad\xf3.s\xae\xe7:\x07\xcf\xdd\xd5g\x89o\xb4 \xfb\xff0\x16\'#\xe8A\xbeV\x0f;\\\x06\'!\xa0\x9b\xb1\xe0P\x8d\x89\x9aR*\xdf%\x98D\xfa\xca\xf2\xf4\xdf\x1bX\xfe\x04\xca\xd48\xc3\xa6\x0e\x82\x8c\x16q\x9c\xe0(]&gt;\\\r\xc0\xb8\xb57\xf6q\x0c&amp;G\xaft\x84D\x03\xb8z\xd5\x0b(\xd1\x96V=\x0e\x8a\xb7\xee\x95\xf7\xe6\xd5v\x07\xcfBS\x03\x9b?k\xd1\xc2\xc4E\xc0\'Q\xa2gLvR\xdf\t\xef\xfc\xde\xe9\xe6T\x0cr\x8b_\x87Dl\xfb\xd8&lt;\xa5\xd7k\x12\x84\xcf\xda\x9d\xf9U\xae\xabhV!\xce\xaeP\x05J3r\x9e\x98\xbc]*/\xa2H\x1d\x88\x82\x1b:\xa2\x9e&lt;i\xae\xd5\xe3YQ\xd3\x94\x18T"I=\xa588\x04\nN\xc6\xc1^9\x97-\xcb\x95\xa0#0\x1c*\x9c\xa5gl\xf9=l\x80\xb0\xd8\x9f\xefZ\x1f*\x8a\xe0\x19\xc5\x7f,\xf3\xa7w\x88\x0e\xcfV\xe7\xe8u\xbbz\x96&lt;m2\xe0\xf9b~\xc2O^\xa3\xacc\xfe\xc2N=4r\xa5\xc0\x1en\xa5=5\xba\x90\xe4\xdbM/[\xbd\x93&gt;\xef-\x8a\xfa\x1eaffFG\xf8\x9e\xf5s\x10\xc2A\x1awA\xc1\'|\x18iQ*\x00?\xff\x889(\xc4\x15\xb2K\x94l\x13\x991\x96\x17E\x19\x80\xc4a\x00\x95qe\xd4j\xbc*\x07\xde\xb7h\xd8\x9f\xa7\xa6B\xfd\xe1\xa4#CA\x97l\xf9\x0b\xaco\xffB\x9cE{\xd8\xe7\x10\xe5\x9f\xc8\x99\xb9:\xcc\xa0\xfd\x01\x9c\xc5\xe3\x0b\x1b\xf5\xa4`,Bm\x1d,\xedZ\xf7og\xe5\x18\x95\xbc0d\xddD\n*\xc3?i\xc8\xb7\x83\xf8\xbf\x0f\x99\xe9,\xec\xed\xce\x81Z\x1b\xc0\xb0\x1cO\xaf\x07\xa9@\x9b\x16\xc7\xd2\xaf\x9c\xb6\xd7\xb0fD\xc9L@s\xee.\x8fri\x96\xedfC\xff\xa3\xf2Q\x87\xc9\xd9y\xce\xb1\xd9\t\xf4e\xb2t\xb7I\xdf\x08\xb4\\@\xc6\xd9\x01`\xcf\xfd%\xf3\xfd\xa5\x93\x05\xe8_#\x0c\x1c\xdb\xa5\xa2\xd1\x94\xb7\x0e\x10r\x04G\xf4\x11\x9c\x05\xbb\xcd\xfd\xaa\xa3\xc2\xd7\xdf\x93\x18\xb1\xdfH^wd\xaf\x89|)\xf4"[\x90\x1cZ\xb8\x03_\rs\x85\x82\xfar\x8d\xf9\xdcL\xbd\xa4J\x98\xd9\x08K\x1b\xa3\'f^\x04m\xf18\xbe\x16\x83A\xe7\xd6\xc2\xa6\x82e\x8dC\xe9\x05\xd8A\x1d\xcdE\x83[k\xb2\x9f\xa5\xb5\xc2\xf9%\x96\x8a\xe2\x17#\xb0!\x15\xeb&gt;\xa0Q\xcc3\x05\xfb\xdb:\x87\xc5L\x92O\x8bXQ\x1aO\xc6\x1dgj\xf0\xabb\x0e5|\x01\x9d\xeeS\xac\x9c{\xba+C\xdd\x0b\x90\xc6\xe2\xb4\x16\x03jw4\xbcoX\xd8\x95\x12\x9c\xfat\xe9\xd4G\x0f\x95c\xaf\xd9\x8f\x8f\xa7y\xcezW~\xdb%|\xc9Q\x05\xe8t\xcbb\x91`u\xe1lU\'\x89^\xeb\x8fa\xa7\xbb\xaf\xb0\xa8$.L\xb2\xaa]vM\xff5_f\xb0\x95 \x9b"q\x83%\xd0AL\x18\xbd\xe3\xa4\xbe\xf8#R\xb2\xf4"\xdd\xb1\xf2\r\xd2\xe4s\x9c\xbc\xc7p\xd7\xfc\xb17\xf9\x17x\x9e\x91a\xc4 gC\xf0lhV\xf5\xad\xd1\xbd\xe17$\xc0s\xf6\xb2l\xce)\x02\x84\x84\xff\x1bO\xd5`\x18J\xe8}\x00\xf5\xd5\xfeK\xba\x99\x9f\x96h"{\xcf\x96\x07\xaa\x05)\x17d\xc4\xad\x83\xb5r\x16\xce\xc0\xf6\xb8+\xcan\x8b\xf5\xaa\x14\xca\x07P\xaa\xb2\x1b!O"1\xd3\xe4$\xcc\x83\xe3\xf6\xf1\xa34\xd2~\x12N\x03`\xe0\xac\xcc}\xa4\x0eC\xe0\x1b\x14\x1f\xa1\xa0\x82\xfeC\xe1z\xc5\x83\xe0\x11l\xcc\x05;\x8a=\x9c\xf9!&lt;\x8b\xca\x9d\xf1\xae\xda\xa9\xee=\x8d\xcde\x10\xbf\xbb\xdacw\xb2\x0f?\xecL\xf5\xc2#^\x94\xf9\x89O\xd8\xbck\xb4\xf0.\\\x1f\x96\xde\xbc_9\x9e\xde\r#\xfb\xe5,O\x1e\x8d\x19\x9fmf\xf3\n\xb3\x9b\x8c\xbc$\x86\x02\xcc\'\x16[5\xf9\x1f\xcf\x9f\xe1\xb3\x96pF\xdf\xe28A\x87`D\xd0\xd8-k\x85\n\xeb\x8a\xa4\xb8\xcc\xcfY\x90\xc4\xd5\xc3\x8b\xf60PET:xC\xdd\x077~\xf5e%\x06\xc4\x99\xf5z\x11X\xafr\xeb\xe2\x91\xe3\xa9\xea\xc3\xf3\x95\xe2\xe91\xb6\xb8\xc5(\xbe\xf9\xebK}\x7f\x8f\x89P\xcc\xde\x0c\xf8\xda\xc3}Cn\x15\xc3\xd7\x0f\x84\x7f\xde\xa1\xec\xff$\x96\x0c\xb7\xdc\x01\xab\xde\xf2\x86\x07:C\x11+\xd1\xbd\xb5I\x13lj\x93}\x9e\xa6\x1fm\\\x1b\xc9\xd2u\xd7\xd1(\xd1\x0e\xd8\xf8C"\x9dJ\xf9s\x0e\xa8\xfe\x8c\xcc\x12s\x15\x0e5\xbe\x97E\x15\xeb\x94\x95\xec\x8c\x17\xc7S\x03?\x19e\xca6\x02\xe1&gt;\x8b\xc8\x14&amp;\xa1\x95(j\xc3L\xc0\xb8$O?:\xb9XZ-\xa6\xa3\xbd\xfd\xc1\xb6nva&lt;\xedK \xe8z\xcaR\xc2\xaaW\xec\xec9u/\xa3\xbe\xfc\x19\xd2\xd8\t\x8cr\x95\x1c\x88$SN\x9c\xdd\x0c(G\x94\xe6Y\x1d\n\xcc5\xeeg\x8e\xcd6\xf2\xa9\xdf\x90\xa2\xd3 \xcaJ\x9d\xfc\xa9\x85\xc8\x12\xbc$\xa45E\x95\xfd\xad\x0e\x13\xcd\xfb[\x9fg\xc9\xe45\xd4nW\xfd\x8e\xb3+\xda$4\x81\xdeP\xfc\x89\xfd\xa1\xec\x028\x1bi\x06G\x05\xf2\xac\'\xc7\x879o\xae\x07\x0ci\xcd_\x91Z\xfe?\xc2\xa98\xe7\xf5\x12\xb5\x9f\xd4\x94\xd2\x04\x12yNC\xb3(&lt;\xb8\x7f\x13&amp;;\\\x03.\xb5}\x16s\xc8\xa8\xac,*\x9d\xb6\x7f\x02\xbf\xda\x19\xdd\tP\xc8\xb2\xc6D0\'\xf4\xea\x8b\xa7\xb1\xa6\x7f\xeb\x80 A\xbf\x9f\xb2}\xd4\x16\xc2\x8ft?u\x82\x8b\x9c:g\x11\xbaa.?\xc2\x03\xcd\xb7\x88\xd2\x04\xdb\xe6\xa2n\x0e\x7f\xc5G,\xabr\xeb\xc5\x1d\x8f\xc6\x85\t\x8dg\xbfR\xd7q\xb4 \xfe2\xd0\x1dC\xc8p\xfbS\xe46\xd4v\x92]#\xb5d\x9b\x91q\xf5c1\xbd\xbd\xa7\xbcR \xc7$}Y%&amp;\xf0}\xe9\x1c&amp;\xff&amp;\xedV\x13\x95\xd0\xc2\xec\xd8\xf0E\xb2n2$\x13\r\xfbD\xe9[\xc5\xc1U\xd4\x01\x82z|4{\xf5\x17e\x88\xd0\xcf\xf9\x16\xb8W\'k\xcf\x8c\xb0\xd7i\xb8h\x04\x03\x19\xcb\xb4d=\x99\x96\xda\x06m{\xce\xe6\xe4y\x9eh\x1cR\xe0\'\xd0\xfc\xd4\xd1\xd6\xad\xba\x0cc\x14\x11\xcea\xbdT\xb0\xb2k\xc2\xb0\xaf2\xdf\xa8\xffPgD\xc2\x91\x01h\xe2\xcb\xc68Z\x7f\x04\xbc\x96l\xa44=|\xe9\xd6|\xe8\x1e`=j\xd0`\xe8\xc6\xc0\xed\x06\xf6h.\x10\xaa\x9b\xecnL\xd8=\x1c\x93\xd8 \x14O\xca\x08x\xb9\xe5\x8fn\xf7\xf7\xde}E\x1f\xff\xaf\x0f\xa3\xc1\x84\xd5R\x98R\xfe~\x9dGC!f\xaf\xcd\xa3\x05\xa7\xcay\x8a\xd2\xbf\x9d\x1a\x02Ns`\xd9\x1c\xf3P\x8f\xa8\x9e\x02\x1d\'\xdb\xac@\xa2\xe9Es\x1a&gt;*\x0c\x0e-\xf6\x80\xbfZ\x15,\xb6\x13\xa6\xc3\xcb\xb8\n\x87:\x009\xb9\xa8\x1f\'r\xd3E\xb7\xe3\xd1\xd4.\xeaG~G\xf3\x90\xcap\xac\x8a@[=A\xffRa\xa0a\xec\xe5\xa8\xf9\x9e\x9d\x9fluhd#\xe8\xcbF\x05H\xe6\\\xc3\x8fP\x93\xee\xd0:G\xd9G;\xccibM4\xffD\xeaQ\xa93\xe8\xbf\xe7\x94?\xfc\xce[\xdc\x98J\x8b$\xca\t\xdb\xa6\xb4\x83\xf8\xce\x9d\x81qM\x9fx\xc8\xd6\xca\xfc\xcad\x95\xdf\xc4&gt;Uj@\xee!ju\x9b|c2\x18\xe6\x03\x07\x98G\x07\xfc\xd0\xdf\xbc\xa8M\xa1\xe5\xbe\xed\xf4\x88\x18\xc3\x89t\xc6\xd2\x11O\x10w\xa6Z\x9df\x9e\x9b\x83\x12o&amp;&lt;\x90\x07\x17u\x06\xe2\x03Ae\xe2\xb9\xef\x91\x829\xb7G\xd2\x858@Ek}\xec8RM\x04\x83+o\xcc\xf8\xd5l\x16\xb3fM\xf9Kc\xf2\xc4\xa8\x8d90\xaf\xe3\xf5\xfbzN\x04^\x1b7c?\xd6\x0fQ7-F\x8fh|\x018\xe6\xb7I5\x1d\x8c\x0eY\xa6\x12\xe02\x02\x97\x12\xd3\x15\xba\xf4\x9f\xf3:\x03z7*56\x99s\x1fU RI\xce\x85%eK\xd4\xeb\x16a\xd8;\xaew\xe9\x1e\x8d/\xcb,\x1eQ\x85\x9e\x86s\xdd\xf6\xe1!\xb9\x06\x97\xec\xab\xb7\xc8a\xcf\xa0/\x14A\x0bW\xa6r\x16\xf5\xd4\xfa\xc4\xdeQ\tr\xaf$\x9d\',\xe4}\xea,z6\xd2\xd3e\xb7\xa0\xe1\x1b\xc0C^\x82X\x8b\xbdM\xb5\x8c]\xcc\xd0h\xbb\x17\xd0\x86\xa8\x84\x86\x98\x90\xde\xa4\xe5\xe8\xb4\x18u\xac\xf5G\x9c\x85\xd0#\x85\xc8Gq6\xb6\xd32\x12"\xe8-\x1f\x06\xcc\xe5?\x83h0m\x82\xce\x1a\r\xf9\x06\xd7a\xd8\x10\x0e\x8b\x1e\xde4o\xe1R\x9a\x8d,\x1d\x8f\x9f\xea\xdd\xff$%zg\xb0\xac\xcb\x9ak\x9a\xef\x88\xe3\x8f\xd8\xbb\'(\xffM\xf2\x98#\xc0P\xbd-\xc5\xa6P\xc7cy\xee\xde\x8bTc\x94$\x9f\xb7\x1e\xec1\x8ad\xaa\x1f\xbdR\x07Y\x04P\x08\xcb\xe5o\xe6\n\x1d&gt;K\xb6\xb3\xeam\xc9~g\xd7 \x99\xe3\xcb\x8aR\xbf+\xa2\xc5`@c\x9a\x85\t/\xef\x03\x9f\xb1WYsd\x18\x8a\r\xd1\xdb\xa0`\x93\xfc\xa7\xb9\n7"\x0bV^[\x08\xff\xec;fC!\x00\x1a\n\xd4$\x04\x8fT\x15]\x80_\xc3\x1b\x13emk\xa1$1/P$\xc7&lt;G\x7f\x84&amp;6V;7A\xde1\xe7\\+\x85G\x07\xb6;\xe3c\xd8\xef\x8ey\x02~E\x10\x84\xb4\xa6\x8f\x03\x89\x14w\xb5\xcc\x96\xd7Z3\x0bq\xbdk\x07\xc9\xcfK\xe6qth\x05\x06B\x9b\xa2\xb7\xab\xcd\xfcg\xc4+\xc1\x11C\x02\x01D\x18yn\xbd\x07Q\xc1\xca[\xc2!\x8a8T\x86a\xb9\x97\xf2\x93|\x11MV\x99\x1c\xf0\xf3\x0f\x050I{Xf\x0c\x83\x85\x1dN\xc4\xfc\x89A.6tr2\xb5\xafN!\xfa\x96Z\xb3V\xb0}\x10la\xc2Cz2\x05\xab\xe7\xfbB\xae\xc04\xd9\x11\xa0&amp;C\x18x\xe5w\xc5D&lt;.HEE\xf0\x95\x88\x1ef\x93\xe87\x82\xb7\x04#5\xddW\xf1\xca[\x8e\x8b\x01\x15\x06g\xd7\x18\xe7\xdd\xde"\x9a\xed\xefZ\'\x9a\xa0\xa6\x94\x85\xd8\xc3\x87\xb7\x83\xe3\x07%\x00\x08\xde\xa4o0t5\xa9\xe9p=Ra\x13\xf6*\x0ei\xa4X\x82d\x90\x9f\xfc\x86\xa1\xbf\x1f0\xe5\xd2\xf8\xc9\xff\xb2\x0e\xd0=\xd0\x9b\x1c\xf9\xc7\xb3f\xb1qM\x94\x9f\n\xde\\\xbb~\x83Q\xe7\x92"\x17\xc1\x0f-\x83\xfc\xec\xb2\x98\xbe\x83M\xa4\t\x14\xb7\x17\xfa\xe7\x8d\x1c\xa4\xb7\x87f5\x84\x1ba\x91cR\xc7\xb1\xf2\xf87\x8a\xd2\r\xff\x12\xfbg\x0f\xb1\xd9\xe6Vq\x8b\xba\x9eRu\x05\x1c:\xa4\xe9\x9b0\x9b\'\xc1\xae-L\xa7\x0e\x83\xf4G{\x1a\xe7\xf3[\x01!\xab\xaa\xadA\xc6\xd1\ns,\x809K\x08\xa9\xb4\x1d\xba\xf5\x99\xfe\xfc\x17}s\xe6Gl\xc0\x9fG\xd9\x1b9\xd7p^\xe5T\x81\xc9\xf1\xb28\x8cS\xd2\xa3\x88\xa3V\xcb\xf8~,\xfd\xdc:r"u8\x01`d\xb8\xb3\x8b8\xf9}x\xd9\x82g\xf5\xd3\xe1\x9cd\xa6g\x18A#\x8e\xa5\x17\xa3\xfd\xa3\x89;\x91\xb8O"Z\xbc\x02\n[\x0fS\x90S\xf4`\xa5$\x82"\x93\xeb\xc1!\xbd\xa2\x91\xf1\x1d&gt;;\xfcc9\xa0O\x8a\x19r~\x99\xfb\xd3\x17\x04j+\xd5\x06\xdf\x1cx\x88R\xf8\xa3\xe5z\x07\x1aY&amp;\xf5t\x07&amp;F\xbc~\xaaW\x91\xa0\xda\x0c\xdbl\xbe.\x84\x10\xfe\xa05\x9a\x9dA~#\xf1\x93i\\\xd4^\xe0\xcb8}\xaam\x15\x99\x05\xad\xb0&gt;\x96\xef!;.i\x1aL\xd4\x04\xa3]\xf0\xed\x1d\x18&amp;5\x94"9j\xe9\xb8D?\xf33\x9d\xa6\xc2\xc8X+E\xf3,\xb8f\xf7X$8E!\xa1i\x89|\x81\xce\xed\x13\x01\xc8\xd2i|\xb6v\xd4\xef\xeb\xc4\xef\xb5\xd3P\xe9\x95 S\x12%\xc9hb\xdb\xcd\xb9M#3RE\xfc/\xdb\xb3 \x1d\x9ax\xfcj\xc0\x01\x8dz)\xfbn\xad\xa0$h\x94\x85\x8b\x18]U\xe3L?-\xca\xc8V\x88\x7fRXO4?\xd7\xf2\x8dY\x009\x18Z\xd0\xb8\x9a\xbd\x97\x0b\xfc\xb1_\xde\x01\x07\xdd\x94bc\x02\x9b\x9dL\x89F\x15,\xda\xde\xe5\x8b\xdfs\xd0\xa3\xa7c\xd6\x14\x99\xe3\xa9\x96\xfcj\xd4\x0c\xf9Y\x9c\xa1&lt;\xe9\xc8\xf3\x00\x88\x08\xe8\xb9\xfc\xac\x1f\xc6\xadj\xa6\xd9\x92M\x91\x92\x0b\x85i\xe5F\xbdt\xa1\xc6tB\xe9\xdd\xd5&lt;:\xcd\xa8\xa8\x12\xd1J\xfd&gt;\xb5`ev\xa7I\r\x9d\x1fey\xa1\xd0k\xe2\xd1\xd3\x08h\xbcL\x81h\x13\xc5&amp;\xe0h\xe75\xb0&amp;&lt;\x1c\x9e^\xb5Z2\x9f\xca\xd72\x93k6\x0bc\x837\x0e\x8f\xdb\x0e;\x9b\xfbJ\x13\xd1\xc3\xcbW=\xb2\xbdx\x8f\xbb\x19\xc8s\x89bm\xaaZ\xb0 \x83\x0f\x89\x93\xd8\xe7J]l\xaf"1\xe6\x9d\x12\x1a\x00\x01\x03-\xb0\x8b\x9cm\xda\x87FjK,\xa0%I\xee\xbami\x11E\x8e\xa7XF\xef$\xf6~\xe6\xf3w\x8d\r\x8d/_\xe0\xdbG\x88\xb8\x8f\x8fv*\\\xd2l\x93\xdbP~\xb6\xb9{?\x1a\xf0\xc8\x07\xa4g\xc4J\x7f\x1c\x03\xe8\xb31$Y\xc7\xc9\xf6"\xbe\x84\x9a\xc3\xe1\xb7\xcf\x9bd\x9b\xec\x8fc\x9c.\x9d\xbb\xceH\xe1u\x13$g\xe4v\x94\x8a\x02\xfd~2\x9f\xc0\x1f\xebv\xb4:1\xe9p;\x1bM\xca\x8d\xe4V\xd2~\xdb\x1bZ8\x14y\x954H:\x06\xaf\xb9\xe8z\xfa\xd8\xd9\xa1\xc9\xee\xe1\x0c\xb5\xa3\xa5\x17\x8f\xc0\xa8\xaf}\x92\x1a\\\x9e|_\x9ee\x805\xaf\x0e\t\xf4\xb2\xcf\xe8\xbb\xb4("\xb4\x8a\x14\xb0\x05}\xb3\x02v-\x0f\xdc\xf0\xd9e\x1d\xca\x11\xaa\xc1Mc\xd2Xv~\x83]R\xef\x85h6\x91\xcck\x9b\x9a\xdd\xd44\x9c\xe1?E\xf7\xda\'\xd1\n\x9a\x91\xa3\xbcn\xe0\xf4\xba\xf5\xce\x9c \xbe\xdbM])M\xe6\xf6\x07;s&gt;\x86}\x84\xc8\x8d\xa9\x10\x1f&amp;\x05\xa4s\xd9\xe0\x19\xd8?\x86\x11\xa9\xa4?\xeb\xb8\x9b\x88\x82\xbe\x94\x88\x06!9\xe1\x1f\x94"\x00C\xc7\xbf\x8e\xf0\x1b$.\xba\x16\xba\x81s\n\xbe\x0f\x17|\x95\x06\xe8d\x92\x98\xd6X\xa2W=\xaa\x89\xd5\xca=i\x04\x1e\xfag\x8fl1\xfb\x892-\xcaY\x0f\x170\xc0\x03\x01\xff&lt;I\x9a\xc3\xb3\x84\xbf\xd5\x8c\xf5MG\xfb\x0c'</t>
  </si>
  <si>
    <t>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</t>
  </si>
  <si>
    <t>b'\x1c\t\x90\x91&gt;FX\xbf2\x83\xb0\x89a\xc3J\xf4'</t>
  </si>
  <si>
    <t>t. His visage was long, and
 rather narrow, yet he was called handsome; and it was, perhaps, the
 spirit and vigour of his soul, sparkling through his features, that
 triumphed for him. Emily felt admiration, but not the admiration that
 leads to esteem; for it was mixed with a degree of fear she knew not
 exactly wherefore.
 Cavigni was gay and insinuating as formerly; and, though he paid almost
 incessant attention to Madame Cheron, he found some opportunities of
 conversing with Emily, to whom he directed, at first, the sallies of his wit,
 but now and then assumed an air of tenderness, which she observed, and
 shrunk from. Though she replied but little, the gentleness and sweetness
 of her manners encouraged him to talk, and she felt relieved when a
 young lady of the party, who spoke incessantly, obtruded herself on his
 notice. This lady, who possessed all the sprightliness of a Frenchwoman,
 142
 with all her coquetry, affected to understand every subject, or rather
 there was no affectation in the case; for, never looking beyond the limits
 of her own ignorance, she believed she had nothing to learn. She
 attracted notice from all; amused some, disgusted others for a moment,
 and was then forgotten.
 This day passed without any material occurrence; and Emily, though
 amused by the characters she had seen, was glad when she could retire to
 the recollections, which had acquired with her the character of duties.
 A fortnight passed in a round of dissipation and company, and Emily,
 who attended Madame Cheron in all her visits, was sometimes
 entertained, but oftener wearied. She was struck by the apparent talents
 and knowledge displayed in the various conversations she listened to,
 and it was long before she discovered, that the talents were for the most
 part those of imposture, and the knowledge nothing more than was
 necessary to assist them. But what deceived her most, was the air of
 constant gaiety and good spirits, displayed by every visitor, and which
 she supposed to arise from content as constant, and from benevolence as
 ready. At length, from the over-acting of some, less accomplished than
 the others, she could perceive, that, though contentment and
 benevolence are the o</t>
  </si>
  <si>
    <t>b'Pl\x97=V\xd3\xa2\xf9^x\xe3\x13^\xed- \xd3N\xc4\x08\x0cAB\x86\x01\x90\x11-Ue\xe7(\x9f\x98\xc6P\xd5\x8c"\xa2\xee\xbeRv`\xa9r\x7f\xbbCd,\x06&amp;\x01\n\xd8!dY\x03"\xc3\xe8'</t>
  </si>
  <si>
    <t>506c973d56d3a2f95e78e3135eed2d20d34ec4080c4142860190112d5565e7289f98c650d58c22a2eebe527660a9727fbb43642c0626010ad82164590322c3e8</t>
  </si>
  <si>
    <t>b'Pl\x97=V\xd3\xa2\xf9^x\xe3\x13^\xed- '</t>
  </si>
  <si>
    <t>be heard except from Tinker Bell, who was watching from a branch
 and openly sneering.
 What the boys were wondering was, would any one answer the knock? If a
 lady, what would she be like?
 The door opened and a lady came out. It was Wendy. They all whipped off
 their hats.
 She looked properly surprised, and this was just how they had hoped she
 would look.
 'Where am I?' she said.
 Of course Slightly was the first to get his word in. 'Wendy lady,' he said
 rapidly, 'for you we built this house.'
 'Oh, say you're pleased,' cried Nibs.
 'Lovely, darling house,' Wendy said, and they were the very words they had
 hoped she would say.
 'And we are your children,' cried the twins.
 Then all went on their knees, and holding out their arms cried, 'O Wendy lady,
 be our mother.'
 'Ought I?' Wendy said, all shining. 'Of course it's frightfully fascinating, but
 you see I am only a little girl. I have no real experience.'
 'That doesn't matter,' said Peter, as if he were the only person present who
 knew all about it, though he was really the one who knew least. 'What we need
 is just a nice motherly person.'
 'Oh dear!' Wendy said, 'you see I feel that is exactly what I am.'
 'It is, it is,' they all cried; 'we saw it at once.'
 'Very well,' she said, 'I will do my best. Come inside at once, you naughty
 children; I am sure your feet are damp. And before I put you to bed I have just
 time to finish the story of Cinderella.'
 In they went; I don't know how there was room for them, but you can squeeze
 very tight in the Neverland. And that was the first of the many joyous
 evenings they had with Wendy. By and by she tucked them up in the great bed
 in the home under the trees, but she herself slept that night in the little house,
 and Peter kept watch outside with drawn sword, for the pirates could be heard
 carousing far away and the wolves were on the prowl. The little house looked
 so cosy and safe in the darkness, wi</t>
  </si>
  <si>
    <t>b'\xd1!\xd4\x94,X\x02\xda'</t>
  </si>
  <si>
    <t>d121d4942c5802da</t>
  </si>
  <si>
    <t>thout
 288
 even decreasing his steam. The Henrietta, when she could not
 rise upon the waves, crossed them, swamping her deck, but
 passing safely. Sometimes the screw rose out of the water,
 beating its protruding end, when a mountain of water raised the
 stern above the waves; but the craft always kept straight
 ahead.
 The wind, however, did not grow as boisterous as might have
 been feared; it was not one of those tempests which burst, and
 rush on with a speed of ninety miles an hour. It continued fresh,
 but, unhappily, it remained obstinately in the south-east,
 rendering the sails useless.
 The 16th of December was the seventy-fifth day since Phileas
 Foggâ€™s departure from London, and the Henrietta had not yet
 been seriously delayed. Half of the voyage was almost
 accomplished, and the worst localities had been passed. In
 summer, success would have been well-nigh certain. In winter,
 they were at the mercy of the bad season. Passepartout said
 nothing; but he cherished hope in secret, and comforted himself
 with the reflection that, if the wind failed them, they might still
 count on the steam.
 On this day the engineer came on deck, went up to Mr. Fogg,
 and began to speak earnestly with him. Without knowing whyâ€”
 it was a presentiment, perhapsâ€”Passepartout became vaguely
 uneasy. He would have given one of his ears to hear with the
 289
 other what the engineer was saying. He finally managed to
 catch a few words, and was sure he heard his master say, â€œYou
 are certain of what you tell me?â€
 â€œCertain, sir,â€ replied the engineer. â€œYou must remember that,
 since we started, we have kept up hot fires in all our furnaces,
 and though we had coal enough to go on short steam from New
 York to Bordeaux, we havenâ€™t enough to go with all steam from
 New York to Liverpool.â€
 â€œI will consider,â€ replied Mr. Fogg.
 Passepartout understood it all</t>
  </si>
  <si>
    <t>b'#\x9f\xd2\x9e\x89\x01\x0c\xd3\x99\xd5\xf7\x01O\x07\xb8\xdd\xe0\xf78\xbf\xdb\xea\xd1\xc2/\x11\xbb\xf2&lt;#\xbdZ'</t>
  </si>
  <si>
    <t>239fd29e89010cd399d5f7014f07b8dde0f738bfdbead1c22f11bbf23c23bd5a</t>
  </si>
  <si>
    <t>b'#\x9f\xd2\x9e\x89\x01\x0c\xd3\x99\xd5\xf7\x01O\x07\xb8\xdd'</t>
  </si>
  <si>
    <t>up with this great new design for a travel
 toiletry bag,â€ they said.
 They got a lot of â€œWow, thatâ€™s pretty coolâ€ responses, to which
 they followed up with, â€œItâ€™s going to be on Amazon in a couple of
 weeks if you want to check it out.â€
 Members of the Facebook group started posting on social media,
 saying how much they loved the new toiletry bag. Thatâ€™s when the
 sisters finally knew their design was legit.
 When NeatPack launched its second product, Hanny and her sister
 thought it was the greatest thing in the world. It flopped. Customers
 said that the material wasnâ€™t light or flexible enough, that it was hard
 to fold into a backpack or suitcase, and that it was too large. Although
 the design underwent a fair amount of tweaking, the product was
 eventually discontinued.
 This was an ego-bruising disappointment, of course. Hanny felt
 she knew what she was doing. After all, sheâ€™s both an engineer and
 intrepid traveler. She and her sister came up with all sorts of
 justifications for why their products were superior. Unfortunately,
 market response didnâ€™t bear them out.
 Hanny has seen many other sellers get similarly carried away,
 wasting far too much money on an unproven concept. Theyâ€™re so sure
 theyâ€™ve got a hit on their hands that they launch in five different
 channels right away. Itâ€™s going to work. People will love it.
 You only know that once you get feedback, sales, or both. Focus
 on proof of concept for one product sold through a single channel.
 Make sure itâ€™s what your audience needs and wants and get as much
 feedback as you can as early as possible.
 How many times Hanny, her sister, and her husband would go
 back to the drawing board during the design phase was determined on
 a product-by-product basis. The company developed a mailing list
 from its Facebook group and other travel groups and continually asked
 for feedback. Customers listed pros and cons and also gave the
 company ideas for future products.
 Through it all, though, they felt incredibly lucky to have an
 audience who gave honest feedback and felt like a community. They
 knew right away if products werenâ€™t liked or had to be returned, and in
 a couple of cases, they made the decision to cut their losses and
 discontinue an item.
 The companyâ€™s first toiletry bag was compact in size; customers
 soon began asking for a bigger toiletry bag that could be used for the
 family and kids. This medium-sized toiletry bag was developed and
 launched in about seven months and was the companyâ€™s second major
 success. Subsequent successes included a sling bag, which is now one
 of the companyâ€™s best sellers, a foldable backpack, and a cross-body
 bag for women.
 Hanny believes one of her companyâ€™s major early mistakes was
 putting too much focus on selling through Amazon, losing the more
 important focus on brand-building as a result. Growth stalled in 2016
 because not enough attention had been paid to defining, creating, and
 expanding the brandâ€™s core audience.
 In 2017, to overcome this setback, NeatPack hired a marketing
 agency to help expand its mailing list. The resulting increased
 exposure and series of promotions grew the customer base from 3,000
 to 10,000 and created a major boost in subsequent product launches.
 Leveraging the mailing list enabled the company to launch its crossbody bag profitably right off the bat.
 â€œIf youâ€™re thinking of starting a business . . . you have to
 remember that proof of concept is key,â€ Hanny says. â€œIâ€™ve seen a lot
 of people fail because they were spi</t>
  </si>
  <si>
    <t>b'\x08\xc62\x8d\xfcb\x93W\xc2\x13\x86\xb1\xb0\xf6\x1a\xec:9e\xe9\xe1D\xbc\xb80\xfb^c\xceW\xf1\xe04\x84\xfd;x\x05\x06(h$j\x05\x94*E#\xc3\xce\xe0\r=\x98N\x8fvw\x1d\xe5\x06-\xc4R\x7f\xe1T\xa7[D\x7f\xe0\x7f\x81\xad\x89\xa7\x16\xe0\xc6I\x0c\x02g\xd7\xcc\xd4]e5\xe5/\x05\x11HeK=\xce\x13\xeb\xef\x8d\x92SF\x11\xaf\xd2\x1f\xa2\xc9\xb1\xd6\xce\x0fzm\xa3\xa4^Q\xb1\xab\xae\x91\x82\xa9&amp;?\x96\xed\xc5\xd49\xd6B\xd3\x88\xb1U\xc8\x9b\x8b\xa6\xae\xdd{\xf0\x08\xc2\xe0\x01 \xb4k\xcbn\x12\xa7\x90\xcf$YN\xb1\xf3{\x8a\n\x93\xf9\xf7\xb3\xea\x9f\xd9\xbeD\xe2\x9b\x1c\xd1\xfc\xb3Zi\x98\x83 \x8c3G\xa4\xb2A\xdaD\x00\x8dt\xa8\xc0q\xe2\xdd\xea\xc8\xa5\x14\xa5M=qt\xfeS\xd8+\x19\xeeQ\x97\xeb\xfbH\xaf\x10\xf4o\x96\x99l\xb9\x10\x8b\xf6\xe8\xf7f9$\x8b\xd8JH\xff\'\xd8\xbeD\xaf\xd4-\xc3T\xe1\x15g)\xf3\xb3?\x04\xf1\xe4L\xa2\x92\xde9C\x1db:8\xbb\xe8\x02b \x9b\xba\xe4\xd5)\xbd\xb1\x8e-\xc7\x07\x8b_\x8a\x00\x11\xde\x1d\x15\x9c\xa3F0\xc2@\x82\x8c\x81\xb3"\'\xc0\xb5\x0c&amp;\xcc`C\xecg\xc2\xd6\xf2D\x7f\x91\xb1\xc60&amp;%\xf8\xef\x8f\x7fW\x03\x03UcX?E\xb8\x80\xfeY\x14\x9d\xae\x157\xcaK\xdd\x1c\xa9\x86\'\xfa\xcf\x04?\xaep\x85\x8c5rURI\xc0\x01Gf\xb4\xa7\xf5\xbbo@\xa1`^\xd2&lt;\x01\x11\xd1\xeb[\x18\xcaD\x88WN&gt;\xb4JjF7\xf0\x84\xd9xvB\xcd\x079\xc3\x16\xad\xc3\xedm\x9d\xe8zaU\xf6\xde\x07R\xed\xda\x99&lt;4\xdc\xae&amp;\xb2?\n#Z\x890\x08Z\x98kU%\xf2T\x1d\x19\xbf\n\xb27\xb0\xb6&lt;lY\\7\xc2\x0bjB4\xf6X\xd9\x89\xab\xean\xe4&amp;A\xed\x82:bm\xc0\xbf\xdc\x9e\xc6TQ\x1fh\x8e:@im\x05L\xb9&lt;\xed\x9b\xcf\xc3b.\nA#\xad\xb2\xee\xd5j"\x1a\xd7\xa7\xc3^d\xa0C\xdb\xeb\xb0\xcc\x0ck\xcf\x89\xafk~=\\R\xdb\x85\xfc,\x18\x07\xef\xe7LO"\xbd\x03R\xe9\xd3\x9f\xf6\xe6\x80\xc6\xe8\xb1\xf6\x83\xffFy\xd4\xec \x12\xa0\xc7\xef\xcf\x82w\t\xc8Qlv\xae\x10\xa9\x04\xe3l\xab\xe2 \x87\x17\xe1\x01\xb2\x04\xac%2\xc8}\xa7\x97\xd7\x02\xac\xaf\x0cyz\xd6\xb8M\x19\xc4\xf5\xd9\xad\xa5\x14I\x92\xa7:\x8c\xc0FTn\x01c^\x80 \xae&lt;K|\xed\x0f\t\x87z\x81\x06/\x07\x84&amp;8\xac\xf8\x08\xe1iW\x1fsO}&gt;\x84x\xb2\x05\x9d?E\'f\xa7-\xd5\x19\xf1\xf1v\x16\xba\x91\xff\x16\x13\xaa\x98#*\x95\x98L\x9e\x8b\xd6v$\xd7\x06\xbb\x86\x81\x92+\xd9nf\xcc~\xb4\xd88\xf9A\xd9\x83\xe4\x03\x1ej\x89P\xb7\x12\xa4p\xc7[;\x8e-\x98\xad\'^o9f\xa8\x1c\xaf\xa6\n\xa5`\xbd\xda\x81P\x9bR6\xc0\x87\xcfjms\x7fTW\x04\xf4\xe5\xd2\xe4i\x91\xd3\xcd"*\xd2\x08\xfc\xf4\xcbza\xbc\xfa\xdfH9\xe6\xc1\xf2$Lx\xaa\xf2\xda\xcdHrI\xb9\xd97\xee\x90!\x9e\x9f\x05\xf7\xac\xa6\xbf\x87\xf0\x96\xb0\x91{\x98\x11\n\xe7\x11\xe0\xca\xa3\x89\xa4x\xba\'\xed\x8a\x15f\x07x\x1f|\x9a\xf5\x0b\xe4\xb4\xa5&lt;\xf1@\x9c\x07\x85p\xae(\x87\x8b\xbf\xdco\x80\xfb\xb3B\xbb\x0fB\xac\xca\x9a\xfd\xf1\xa7\x14\xeb\x85\xd6\x8f\x0e\x0b\'\x86\xedu|\xc4K\x93\xbeY\xd4\x19\x96\xe4\x16\x8f\xa0\xda\xc8\x1e\x92"\xbd\xc6\x12g\xa7\xff\x94\x89S\xd8\x15_\x01\xfa#\xd9\x19\xe2\xe7`O\t\xfb\xdc\xdcd\'&lt;\'Q\xc1j\x13\x8a,\xf8\xf9\x05t\xef[\x14\xb2Gv\x19|\xdbV\x88\xb8\xc0?=\xfe\x17\xcdG9\xfe\xbd\r\xd7\xd2\xd1\xed\xbb\x05Z\xcf 5\x14XzT\xcdo\xc5\x82\xb0\xfe\x9e\xc1\xf5e\xf2\x9az\xb3\xf7\x91\x04\xfa=\x1dCCO\xc8\x10?5\x14q\x06CB;\xa2\xae\x18\x7f z+\xdc\xd1\xd4\xe8\xfc\xdd\xcc\xb5$\xb6\xb5A+HF4\x8aC\x04%\xae\xcd]&amp;@\x12\xc6\\\x16\x80g&amp;yT\xb0\xf0\x84^\x08t\xd9S\x98\x16\xcb\x14^\xb7\xac\xa5\xc2?\xe4\xda\xcd\xde\x08\xd1,\xde&gt;\x0e\xb9\x12`\xcf\xc7m\xe3\x97\xbeu\x17\xb5\xe2r$?\xa6\x99\xf7\x8fKg\xeb-\xc6K!\xf1\x92V\x99\xbdb\x0c\xf8\n^\r\xe1%\xa0R\x8f+#\xd5\xe5_e\x05\xd0A\xd7\xc7]\x03&lt;\x18\xc7#\x03\xe6\xf7E\xe19\xc5\xf7b\x9f\xd3\xd0\xf9\x8b\x97a\xb1_\xdc\x8e\x92\x8dj9P\xb2\xa7\xbeE\xeco\xb5\xe3_\x81YIK-1\xb7\xbc\x99r)\xe8\x1a\xd37\x8cCuH\x12\xe6w\xa0\xf4\xd4\xb5\x8d\x90R\x1e\xc5\x1d\x08\xd7o\x10]\x80xZ\xb1\xf7\xb2\xd1\xdbW!\xb0\tJ)\x06\t\x95\x10\x8a\xaa*B\xf8w\xf3\x8f\x0f\x14)v\xaf\x04\xc7\xc9\x07\xf28\x1b"\xf7\x9a\xc8e\x8e\x05`&amp;\x19\x1e\xb2\xe6,M#H\xec\xbaD\xda|\x99\xe1C\x89\xe5\x80W5O\xb1\xc6m\xc7\xffQ\xa2\x18M\xdf\xba!\x15\xfe\xa6\x14`\x98\xa4\xe9\xd6E\xa5\x00\x99I\x12\x04\xe6\xa2\xe4\x14\x077\x04\xb0?\x9d\x80y\xa5`\xd3\x0f\xba;\xcc\\\xc1H\xb6YA\x11\x8b\x8a\xdc\xc8\x8ah\xbcQU\xbd\x9c&amp;{\x9dQ\x1a\xffG\xb3\xc9NK\xa9\xdd\xfa\x17hC\x06%\x87a\x05nU\xd0\x02N\x98n8\x7f\xfa\xf6\x7fU#\xdfr\xf6\xfa\xa6\xe8/\x1f\xd5\x0f\xec\x0b\xd8\xfa\xf3TN\x84)^\xba\xdd\xad\x17\xaf\xfcb\xe3f\xfc\x0fs\xdb\xa7\xff\x19\x06\xb0\x8e\x9e\x01\x1f\xe2|=b\x98\x1dh\xd9\x8axI\x94\xf2\xb5v\x8f\xd0\x1e\xff\xbfbj\xaf\x82h7zB\xfes\x88&gt;\xe2\xda\x86#d\xf8\xb1\xf0U\xc8\xed\xf6\x01\x94NI\x15\xee\x05\r\xe8\x9e\xb3~\xfb\x97w\xe6\x02\xff\xa17\xa1z\xfe\xaf\x0e\xf0\xf4\xe9\x87l.\xc8s\x95BT\xc6\'F3\x02\xb7v\xe2\x07\x12\x03\x0bA\xb8\x7f5\x15\xc1q+{*b\xbe\xe1]\xb9\x18\xf4R\xb7"\xd9\xec\x17\xa8\xf4\xfcZ\xa6\xea\xfd\xb5\xc9Jj\xc5\xd1\x19\'X\xb2\xc9\x91\x90$\x96\xdd)MQ\xd73J\x01\x85\xe3\xea\xc8 \xa8J\\\x86\xb5\xae\xb7\xed\x93\x8e=\rZ\xd5\xdb\xd8\xddT\x18d\x87)\x06B$\x94\x9c\xa88X&gt;\xa3\xdaK\r\xac\xbb\xac\xf2[$\xba9q\x08u\xf1\x93\xd0\xc0\xb8\x9a.F\x9e#6\xfd\xb1\x9d\xc6H,\x80\xfb;\xd3\x95\xd0\xc2#\x1c\xb7K9\x9e\xdf\xc6\xaf\xa2\x1f\xa4\xee;\xed\xa4U?\xa6\x0e$\xde\xff\xeaX\x17\x80\xde\x84\xdb\xc8&amp;\xc9\xa1l\x9f\xe5\x8aL\xd9\xbe|\x83)+x\x1f\xcf\x08}u\xe1*\x05\x8a\\\x88\x805\x93\x19\x12\xa4\xa6\xae\xf6"uE\xeb\xeb+V}\xe3\xfc"Y\xe2\x05\xd1_\x86\xa3\x92Q\x14\x18\xc0\xad\xa2\x88F\\\xa93\xdd~T\xabx\xcc\xf9\xa6\xdf\x10\xb4\x0c~9\x89\x86\xe6A\xa0\xe6\x9d$\xb1a\xd0F\x08\xcf\xcd\xc1@\xf5\xf9:&lt;\xce]\xeb\x8fW\n\xc3V\xd8\xa5\xe8\xd9\xe0\x14\xe7Ww\xb5\xb0\xb4\xbf\xa8PW\x16\xcb4D\x9ap\x8aY |\x1fx\xd8A\xe3\xa0\xd8Q\x90]\x9e\x8e\x8cnJ\xadHiL\xda\xdb5]j\xeex\x93X\xbe\xb2\\\xd8\xfb\xde\x7fM\xc2\xca\x9c\x05&lt;\xf8\x9a1\xcb\xa0\xc5F\xbd\x81\xabZ\x93\xc7TH..\x03\xab/\xebB\xd5m\xb6\xd0\xd1.\\`\x19\xd7\xb2\xb0\x02`\x8a\xc4\x11\xe2\xd4\xcb"\x93\x9b\xf6\xf1\xd6p\x1aa\xb8\xda\xe1V\xc0t\xba8]l\x8b|:C\x14U\xe1JD\xf9[\x0c=\xa4\xf9\x84\x8cgh\x8b\xa2\'\x82\x98JN\xdd:\x8f\xc8\x16\x84\xff*\xf6\xe5\xe0\x00\x11\x13\xc7\xc0\xad\xa0\x14\x18V\x96H2Y\xb3E\x17\xa6)\x0c\xdeFSO\xf7\xcf}\xa4z\xaa\xc5\xa2&amp;\xbf/\xb6\xd1\xf3\x15\xc6\xb2\'\xfc\x7f\xfa\xef\r\x8d\xe7\xcd\x0e\x90\xa5\x19LR#\xca}\xc4[\xd9\x11y\xcf\xbeB&lt;\xec\xd0J\x9d#\xee\xc6\xd8\xd2u\xea\x91\x1da\xce\xa5\x08\xf4\xc8u\x10\xb7\x9f\xbb%`\xa2\xf6\xbe\x85K\xf4\xadoi\x87&gt;R\x17_\x9a\xa5\xe7u\xd9\x8f\x8e\x1e\x16\xb6\x85\xdc2\xc9}\x8e\xff#`\xc0SJp\x9b\xd1yV\x82\xd0_kj\xf0\x16\xa8\x80Er\xc7\xacq\x15\x10]\x93H\x84|\x95\xb6I\xc3\xc2W\xcdP\xac\x18R\x175\xc21h\x16K\xdb\x0bjj@\\\x05\xd3\xad|\x9e\x13"\xec\xb0\xbf|\x8e\xa89\xc4\xad\xafI\x12.7\xa1X\xfe)\xc3\x8a\xb1\x07\x8b\x8dC\x19\xe3b~\xec%\xef1\xe4;]0\nF\x15\x062\x90,\xa2d#s~P\xf5kP\xc8\xd1\xcf\xfd\xc2V0\x1b1\\%\xb0\xa89\xd5\xa8\x9f\x1fB}\xfbt\xb1\x1d\xab\x05&amp;&amp;N\xc2\xbd\x11H\xed\'-BE\x7f\xdf\x16Y\xa2A\x01\xd5\x16\x19\x19\xcf\x11\x1d\x1b\x1fqs\x8a\x06\xb5,\xe0&gt;\xd6$\xe6f\xf8\xeb\xdd+\xdf\xdd%\xc2\xe0\x8da`\xaa\x949\xd7\xcet\xed\x85eD\xa1[\x85\xcbB\xf5\x1b\x8b\xf5\x8c\x00hc\\5\x1f{\xad\x7f\xd97\xf3\x976$\x86\xb2\xe2Y\x9f\xde\xce\x85d=\xe1p\xdc\xfah\xd6\xc4l{\xb5k\xfa\xe7\x0b\x0b\xdcv\xb4\x02\xe0w\xbc\x88\xf0\xe0#Y\x8f\xbd7+\xa9\xba\xa3g\xba9jr\xe4.\tuD\xd5\x9b\x0f8\xa2\x87\xdd\x1f\x13d\xd6k\xe1\xfaR\xf1\xf5@\xa1@\x0b\x8d\xe4\xd8\xd3\x11Q\xc1\x12\x8d\xfb\x81\x81\'\x7f\x00\x0cQ\xa7K\x1a;\xd3\xc6 \xcf@\xc2\xb3,\xc2\xd8\xe5\xcc\xb8\xbd\xe8\xbda\xc6\xec&amp;x\xf7\x9cN\xcc7\xeck\x19%Ln\x94\xc1\xc7\xf3;\x90\xc5\xc7\xa7\x941\xa5\xf6GUk\xb8L\x8f\xe9\xbbL\xc3\xa90n\x97\xf2D\xf3f\x1a\xa9b\xe9\xd6t\xb528`\xfc\x81\x81\xa2\x82qh\x0e\x99\xdb\x0fEf\xa7i\xf4\xa4\xf2\x8e.\x91\xbf\xe8)\x19\xaej\xf9\xab$\x81\x7f\x11\xb8?\x1f\xd9F\xd7\xcal)$\x15\x1c\xecR\xd2\xfa\xf7\xd7(\xddV\x1b_j\xb9\x01\xa4\xa1\xc5UJ\xe8\xf6\xaa\xb4\x13&lt;\x82g\xfa\x8c\xfe\x95\x84\x9a\xfb!\x99\xfb&lt;\x91\xbc\x1e\xe8+\xdd\xcb\xd9\xb8i\xb1\x8f\xdb\x9c\x8fm\xd1\x86\x8a\x12\x1a\xbb@\x9cmou\xe2\xf4\x0cs\xcc\xe7\x9e\x00\xa9\xae\x1b\xcd\xd6P4\x11\x03\x00\xbaB\x19\x11&amp;l\xb0\xa1\x1bB&amp;\x9df\x8dZ_\xf5(\xe6\x86K\x1aT(O\xf5\n\x8a\xe2\xda\xa5\xc9\xfd\x11)d\x18\xb5\xbb\xffW\xd5I\xf8\x1c\x8e\xb1\x97;\xdd\xdd\xc5\xd27q\x92\xd7b\x0f\x9e\x9e\xcet7\x88\xd3\xc9\xf9l@A\x9c\x19u\x10\x0f\x15\xae\xa8P\'\xffY\xc5\r\x81v!v&gt;&lt;C\xe1\x05\x91\xd4\xd1\xb5$T?S\xe0\x84O\x04\xc7\xcdMd\x97\x0f\x9bb\xc3\x1b\xc7\x81\xcd\xd5\x9b\xb5\xe9&lt;\xb2t+MD&gt;\xe3b)\xc9\x98%\xc2r\x81\xf8q!\xc1d\x95\x81\xe1\x01\xfa\x82\x0cAy\x8e\x0c[yw\xe0&lt;~\xcd\x07\xe5\x01\xc8\x87\x97\x073\xd4\xca\xc8\x83\x8c\x8d\xfd\x8d\xf7%\x06,r\xda-M|1~M\xaf&amp;\xa4DK&lt;\x19\xc1Dbw\xad\x8f\xbd\x04\xad\xfd\xf3;7;\x88\xb8\xfew\xa0#vt\x98k\x1a\xc0\xfb\xec\xab\xa3V\xa5\x9f-\xa6\xa5\xca\n\xee#\xc7\xf2\x85\xe2FxQ6*\xc9p\x1b\xed}\x96c\x16$\x18\x19%\x82,\xc5|+\x92\xd1F4\x14H\xe9\x1bf\xc4\x9a8\xc1\nI\x8c(ji\xb1\xc9\xadf\x86+\x08Q\xbaL\x9bDU\xe9\x87u\xe4[\xf4\x05s \xd4\x93fm\xc8\xbcrT\x98r\x04O\xbf0\t-\x7f-\xef\xdas\xda\x8b\x87\xff\xad\x83\x85\xd8\x8f#CO\xf4_\t\xfd\xd5Q\x0c\x923p\x12ub~\xc8y\xf6\xaa"\x8f\xcc\xc6\xad\xd5\x89u|3\xae#\xefq\xe4Q\x88^;v\xa1\x81\xdd\x1f\xbbV.\xc8\xa0\'\xd6d\x84\x13\x90\xd3\xe1J\x16\x11\x19U\x9b\x9f+\xa2r9\x0b.\x9d!\xd7^\x0f\xbf\xdd\xb2~\xd0\x7f(\x15\x90\xfd\xbe\x8d\xea\xb2^[\xcc\x17\xe7\xcd\x96dY\xe1i\xd91\x8e\xe5\xed\x87\xfb\xa7\xacl\t\xc3\xdcX;\x88$O\xbe\xb7\x91\xcc\xf0lE$\xe7\xd6P\x03G\x1b\xec}\xf9\xbco\xd4`#\x10\xa0\x83\x01\xe0\x80./\xc1\xaa\x0b\xc5S\xe1\x19.\xf6"\x00\x0e\xfc\xc4\xa2P\xf2\x87\x02\xc7\xde|\x958\x82]\xce\xb3\xcdp\x05\xfb\x1a1x\x96\xf9\xc4|\xdfF\xe3\x85fPP\xa8b}\xbdnZk\x16\xc7\x8dFK\x18\x18O\nR\xce\xf8\x87\xe6\xea\xe54=\x93N.~R\x06\x04\x07\xa1H\xc6\xe1\x1f\xb9M"&amp;L\xb7\xa3z\xd1|9Y\xaf\x7f1\xc5m\x1b_\xa4&amp;\xde0\x19\xbfP\xde \xa2\xa9\x92\xe7\xa1%\xbb\x99\xfb\xa7G\x85X0\x9c\x97z\x19\xbc\xe4Q\xf1\xdbv\x8c~\xee2\x0e!\n\xe9\x8a\xaa*r\x00|\xf5@vZ\xe1\x0e\xf4\x06\x85\x04\x8a\xe6\xdc\x19\xa6\xf6\x06\x84\xbe8*k\xef\xbd7\xb5/\x17\xc1\xc5\x02J\x94\xae\xb0\x0f\x94\xc8\x01v\x9c\x04\x99\xaek\x04\xd4\x81F\xb2\xe5\x83wa}}\x9f\xac\xe9\x03\xfe\xad!\x9a.\xbf\\\xa0\x13\x0e\r\xaa\xac\xaa\x12@\x9b{2\x8b\xbc^\t\xa0_#y\xcd\xa4$v\x1f/\x95\xc2\x0f\x9f%\xad"\xbfA&amp;\xa9&lt;]\x99\x9d4\xa4\xca\xb98\x92\xff\x14\xe9_\xafQ\r\xbe\xc2&gt;{\xe6VxXvY&lt;\xbe\x9f\x98\xee\xc2\xa4\xd8\xeb`E\x18T\xb6\x02\xa0\xde-\xbc\x80P|z\x02\x16\x8eS\x9f\x96e\xcf\x9f\x9e4\xbd\xe56m\xc5$\xb2\x12+4\xdaV$\xfc\x87\xfdSj\xc1\xd7\\P\x05\xfc\xdey\xe8~V\xfahK\xe4\x10\xb8\xeb\xdd\xa1\x92?}\xa8v\xca\xf1\x13YsG\x07\x12\xca\xafX\x1c\x95#\x91\t\xcdx\xeb\xa1X\x8d\x80I\xd8\xe9O\x1e\xe3\xda\xfe3\xf8\x87\xf3\xdb\xf0\xb7[\xdd&amp;7\xd3e"\x9d \xca\xa4\x9f_cs\xdd\xca\\4\x1b\x80\xba\x0eC@\\\xba$X\x8c\xed0\xba\xf0S1\x10\xcfAh\x97&amp;r\x85\xed\x1dm\xb9h\xf7\x18\xb8\xca\x92{\xad\xef\x03\xe26'</t>
  </si>
  <si>
    <t>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</t>
  </si>
  <si>
    <t>b'\x08\xc62\x8d\xfcb\x93W\xc2\x13\x86\xb1\xb0\xf6\x1a\xec'</t>
  </si>
  <si>
    <t>dian and A. R. Birley. 7 vols. Oxford.
Syme, R. 1995. Anatolica. Studies in Strabo. Ed. A. R. Birley. Oxford.
Syme, R. 1999. The provincial at Rome and Rome and the Balkans 80 BCâ€“AD 14. Ed. A. R.
Birley. Exeter.
Talbert, R. J. A. 1984. The Senate of imperial Rome. Princeton.
Talbert, R. J. A. (ed.) 2000. Barrington atlas of the Greek and Roman world. Princeton.
Tarpin, M. 2002. Vici et pagi dans lâ€™Occident romain. CEFR 299. Rome.
Tarrant, H. 1985. Scepticism or Platonism? The philosophy of the Fourth Academy. Cambridge.
Tarrant, H. 1993. Thrasyllan Platonism. Ithaca.
Tarrant, H. 1998. Introduction. In Olympiodorus: Commentary on Platoâ€™s Gorgia</t>
  </si>
  <si>
    <t>b'\xe1q.\xf5ht\x01\xa8\xe3\xa5C\xf7Q\x0c\x9fV&amp;p\xf1=\xef\xb4\xf8\x0c:\x10P\rr\xd7%a,c\x98\xc3h\xa6\x97\x84H\x181\xa2\xb0;&gt;.\t\xceyb\xc2\x84\x01\xe8\x94~\xb5\x1c\x14\x01\xbaJaL|\x89\x96\xc8\x99!d\x10\xafE~\xb2\xf0!\xc2\x92\xafg1\x84\xaa\xd3`wk\x01\x98}{\x8a#\xf7\x98\xd0Z\x92vg\xdd{\x02\x86\xe0\x99\xcc\'q7\x12-\xf1,d\xadXE\xc8i5\x9ap#\xf5\x18\xcfa5\xb8&lt;\x03"j9\x9ey]V\xa7\xf6j\xf0\xad\x98J\xcbD\x82\x9d\x85\t|p\x15\x80\'\xfa\xd5\nJD\x99\xd4\xd5\xbc;\x058\tH\xb0\xa39-\xf9`\xbe-\x99c\xb7\xa4\xfb[\xfa\xad\x04\x87#\xbe?\xa1\x94\x16pu\xc8\xbbIL\'\xc9B\xef\x8e\x06\x95\xe9\x1c\x89\xf2\x1ap\x91\x83\xd8q\xfb!\xcb\x17\xc8\x10\xc4vA\x00\x07\xed*A\xefh\xd4\x14\xd8\xa6\x88\xf7\xfc\x19%\xec35\xf8d\xff93\xe3\x12bp\xd9\xb1\xee:\xd4\xeb\xf2\x1fw\xe3\xadk\x93\xd0\x18Ax\xa8\x05\x02%\xdaR\xdax\xc3\xc0l\x02\x8f\xdf\xc7\xabV\xd69\xe6AP5JS\x10\xe9;W\x02\x1a\x94\xf8\xbf^\xaf\x18\xfe\x1b\x7f\x14\x7f\xd5\xe7\x02\xe8\xc2\xa3\xca\x12\xc4\xaa\x10iIy\x1c\xd6)e\x94\xfd\r\x1b\x11\xd5L2(y9\xae\x86\xc3\xdfG\xd3\'\x8f\x1bc\xb4\xc4\x9a\xcfe\xda\x91\xfa\x1f\x90\n\xba\xdfTZo\xcc\xd5CC\xf3Jg\xce\xd82\xc3cKp7\xa4i0G\xc14K\xe2\xf3\xca9\xc8\xc3(#K\xbe9\xb5\xe2\xea\xe3\x0eAQM\x13A7\x83x}Y\xa1\xb8#d\x9b\xa3W+\x8c\xed6\xc5F\xae\xcb\xdc\x1b\x8a\x08\xe9)\xd0\x9cu\xa12us\xe9i6\xe1DN\xa5\x90\xd6\x90\x9b\x11\xdd\x97\xe0&gt;7\x82\xaau\xf8\xccK\xba\x18\xb4\x8d\xc7\\\x87\xa4s\x86\x84cC\x1aS\xe3\xcc\xcb\xe2\x90fV~\xealv\xe1\xa8\xb5`\xdb\xd6\xc0\x88\x0f\x99\xe97clB)\x89\xb8\xf74\xdc\x8a\x03~=\xe49%ql6\x12\xa0\xfe\xef\x81\xcc+b\xcc\xa15\r\x9b\xf4\xea`\nw\xddB\x16\x9dO\xa8\xa6\x86\xedi\xd1\x94lI\xc2\xb9\x83X(v|\xf5t\xe9\x7f\x06D\xb7\x84f[\xe2Gl\x1d(\x93\x12^\xc9\xbe\xd1S{\xf46`\x00(NiZ\xac\x08\xe9\x01\x1ds\xe4yx\x1a\xde\xc7G\t)\x1c\x00C\x9b*\xc1p*&gt;\x8bb\xeb\x8d U\xd7\xd1_A\xf2\x94{\xda\x94P\x1c\xe8\xd2\xbc\x7f\xd9\x9cqd\xc1o\x9f\xad\x99X\x15\xbf\xbc\xaf\xd3\xa5.&lt;\xac,\xef\xe4\xc8N&gt;\x037\x11\xf0\x95\x13\xc9\xa3\xd83N;\xb3\xe8\x87\x1fA\xa6\xaa'</t>
  </si>
  <si>
    <t>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</t>
  </si>
  <si>
    <t>b'\xe1q.\xf5ht\x01\xa8\xe3\xa5C\xf7Q\x0c\x9fV'</t>
  </si>
  <si>
    <t>. 11.66.
 in
 CL
 V
 R
 Cin
 S
 RD
 Vout
 Vb
 VDD
 RP
 Figure 11.66
 11.14.Repeat Problem 11.12 for the CS stage de_x0002_picted in Fig. 11.67.
 R
 M 1
 VDD
 D
 in
 out
 CL
 V
 V
 R
 Cin
 S
 RP
 Figure 11.67
 *11.15. Derive a relationship for the figure of merit
 defined by Eq. (11.8) for a CS stage. Con_x0002_sider only the load capacitance.
 Sec. 11.1.5 Millerâ€™s Theorem
 11.16. Apply Millerâ€™s theorem to resistor RF in
 Fig. 11.68 and estimate the voltage gain
 of the circuit. Assume VA = âˆž and RF is
 large enough to allow the approximation
 vout/vX = âˆ’gmRC .
 R
 V
 Vin Q1
 CC
 C
 RB
 R
 X
 F
 Vout
 Figure 11.68
 556 Chapter 11 Frequency Response
 11.17.Repeat Problem 11.16 for the source fol_x0002_lower in Fig. 11.69. Assume Î» = 0 and RF
 is large enough to allow the approximation
 vout/vX = RL/(RL + gâˆ’1
 m ).
 M 1
 VDD
 Vin
 RS
 RL
 Vout
 R F
 X
 Figure 11.69
 **11.18. Consider the common-base stage illus_x0002_trated in Fig. 11.70, where the output re_x0002_sistance of Q1 is drawn explicitly. Utilize
 Millerâ€™s theorem to estimate the gain. As_x0002_sume rO is large enough to allow the ap_x0002_proximation vout/vX = gmRC .
 Q 1
 R
 V
 Vin
 CC
 C
 X
 Vout
 r O Vb
 R B
 Figure 11.70
 *11.19. Using Millerâ€™s theorem, estimate the input
 capacitance of the circuit depicted in Fig.
 11.71. Assume Î» &gt; 0 but neglect other ca_x0002_pacitances. What happens if Î» â†’ 0?
 M 1
 VDD
 CF
 C in
 Figure 11.71
 11.20.Repeat Problem 11.19 for the source fol_x0002_lower shown in Fig. 11.72.
 M 1
 VDD
 CF
 C in
 Figure 11.72
 *11.21. Using Millerâ€™s theorem, explain how the
 common-base stage illustrated in Fig. 11.73
 provides a negative input capacitance. As_x0002_sume VA = âˆž and neglect other capaci_x0002_tances.
 Q 1
 R
 VCC
 C
 C1 Vb
 C in
 Figure 11.73
 11.22. Use Millerâ€™s theorem to estimate the in_x0002_put and output poles of the circuit shown
 in Fig. 11.74. Assume VA = âˆž and neglect
 other capacitances. Note that the circuit in
 fact has only one pole.
 R
 V
 Q1
 C
 CC
 Vout
 Vin
 RB
 CF
 Figure 11.74
 Problems 557
 **11.23.Repeat Problem 11.22 for the circuit in
 Fig. 11.75.
 R
 V
 Vin Q1
 CC
 C
 RB
 Q
 CF
 Vout
 2
 Figure 11.75
 Sec. 11.2 High-Frequency Models of
 Transistors
 11.24.For the bipolar circuits depicted in Fig.
 11.76, identify all of the transistor capac_x0002_itances and determine which ones are in
 parallel and which ones are grounded on
 both ends.
 11.25.For the MOS circuits shown in Fig. 11.77,
 identify all of the transistor capacitances
 and determine which ones are in parallel
 and which ones are grounded on both
 ends.
 11.26.In arriving at Eq. (11.49) for the fT of tran_x0002_sistors, we neglected CÎ¼ and CGD. Repeat
 the derivation without this approximation.
 11.27.It can be shown that, if the minority car_x0002_riers injected by the emitter into the base
 take Ï„F seconds to cross the base region,
 then Cb = gmÏ„F.
 (a) Writing CÏ€ = Cb +Cje, assuming that
 Cje is independent of the bias current,
 and using Eq. (11.49), derive an ex_x0002_pression for the fT of bipolar tran_x0002_sistors in terms of the collector bias
 current.
 (b) Sketch fT as a function of IC .
 *11.28.It can be shown that CGS â‰ˆ (2/3)WLCox
 for a MOSFET operating in saturation.
 Using Eq. (11.49), prove that
 2Ï€ fT = 3
 2
 Î¼n
 L2 (VGS âˆ’ VTH). (11.180)
 Note that fT increases with the overdrive
 voltage.
 V
 Q2
 b1
 out
 I 1
 VCC
 V
 Vin
 Q1
 VCC
 Q V 3 b3
 V
 in
 out
 CL
 V
 V Q1
 CC
 Q2
 V
 in
 out
 CL
 V
 V Q1
 CC
 Q2 R B
 (a) (b) (c)
 Figure 11.76
 V
 V
 Vout
 VDD
 M
 M 2
 in 1
 b
 V
 V
 Vout
 VDD
 M
 M 2
 1
 in
 b
 M 2
 VDD
 RE
 M V
 Vout
 1
 R
 Vin
 S
 b1
 (a) (b) (c)
 Figure 11.77
 558 Chapter 11 Frequency Response
 *11.29. Having s</t>
  </si>
  <si>
    <t>b'\xdb\x14\x1c\xacS\x936\x126\xe9\x88\xc3\xedi\xcdC'</t>
  </si>
  <si>
    <t>db141cac5393361236e988c3ed69cd43</t>
  </si>
  <si>
    <t>entials and Fields
  Solution
  First weâ€™ll determine the electric and magnetic fields, using Eqs. 10.2 and 10.3:
  E =âˆ’âˆ‚A
  âˆ‚t =âˆ’Î¼0k
  2 (ct âˆ’|x|)Ë† z,
  B =âˆ‡Ã—A=âˆ’Î¼0k
  4c
  âˆ‚
  âˆ‚x (ct âˆ’|x|)2 Ë†y =Â±Î¼0k
  2c (ct âˆ’|x|) Ë† y,
  (plus, for x &gt; 0; minus, for x &lt; 0). These are for |x| &lt; ct; when |x| &gt; ct,
  E = B=0(Fig.10.1). Calculating every derivative in sight, I find
  âˆ‡Â·E=0; âˆ‡Â·B=0; âˆ‡Ã—E=âˆ“Î¼0k
  2 Ë†y; âˆ‡Ã— B=âˆ’Î¼0k
  2c Ë†z;
  âˆ‚E
  âˆ‚t =âˆ’Î¼0kc
  2 Ë†z; âˆ‚B
  âˆ‚t =Â±Î¼0k
  2 Ë†y.
  As you can easily check, Maxwellâ€™s equations are all satisfied, with Ï and J
  both zero. Notice, however, that B has a discontinuity at x = 0, and this signals
  the presence of a surface current K in the yz plane; boundary condition (iv) in
  Eq. 7.64 gives
  kt Ë†y = KÃ— Ë†x,
  and hence
  K=kt Ë† z.
  Evidently we have here a uniform surface current flowing in the z direction over
  the plane x = 0, which starts up at t = 0, and increases in proportion to t.No
 tice that the news travels out (in both directions) at the speed of light: for points
  |x| &gt; ct the message (â€œcurrent is now flowingâ€) has not yet arrived, so the fields
  are zero.
  Problem 10.1 Show that the differential equations for V and A (Eqs. 10.4 and 10.5)
  can be written in the more symmetrical form
  âŽ«
  â–¡2V + âˆ‚L
  âˆ‚t =âˆ’1
  â–¡2Aâˆ’âˆ‡L =âˆ’Î¼0J,
  where
  â–¡2 â‰¡âˆ‡2âˆ’Î¼0 0 
 âˆ‚2
  âŽª
  0
  Ï,
  âŽ¬
  âŽª
  âŽ­
  âˆ‚t2 
 and L â‰¡âˆ‡Â·A+Î¼0 0
  âˆ‚V
  âˆ‚t .
  (10.6)
  Problem10.2Fortheconfiguration in Ex. 10.1, consider a rectangular box of length
  l, width w, and height h, situated a distance d above the yz plane (Fig. 10.2).
 10.1 The Potential Formulation
  439
  x
  w
  l
  y
  FIGURE10.2
  h
  d
  z
  (a) Find the energy in the box at time t1 = d/c,andatt2 = (d + h)/c.
  (b) Find the Poynting vector, and determine the energy per unit time flowing into
  the box during the interval t1 &lt; t &lt; t2.
  (c) Integrate the result in (b) from t1 to t2, and confirm that the increase in energy
  (part (a)) equals the net influx.
  10.1.2 Gauge Transformations
  Equations 10.4 and 10.5 are ugly, and you might be inclined to abandon the
  potential formulation altogether. However, we have succeeded in reducing six
  problemsâ€”finding EandB(threecomponentseach)â€”downtofour: V (onecom
 ponent) and A (three more). Moreover, Eqs. 10.2 and 10.3 do not uniquely define
  the potentials; we are free to impose extra conditions on V and A, as long as
  nothing happens to E</t>
  </si>
  <si>
    <t>b'\xea\x81\xf31\xa6\xec&gt;_s\xd0c\x99yU\x01W\x08\xd9\x1eOPy\x84\xbfv\xac\xb1\xbed\x15`\xaf'</t>
  </si>
  <si>
    <t>ea81f331a6ec3e5f73d063997955015708d91e4f507984bf76acb1be641560af</t>
  </si>
  <si>
    <t>b'\xea\x81\xf31\xa6\xec&gt;_s\xd0c\x99yU\x01W'</t>
  </si>
  <si>
    <t>impedance is given by
 Rin = rÏ€ + (Î² + 1)RE (5.171)
 = Î²
 gm
 + (Î² + 1)RE (5.172)
 â‰ˆ 2rÏ€ (5.173)
 because Î² _x0002_ 1 and RE = 1/gm in this example. Thus, Rin = 5200 _x0002_. Finally,
 Rout = RC (5.174)
 = 520 _x0002_. (5.175)
 Exercise What bias current would result in a gain of 5 with such emitter and collector resistor values?
 Example
 5.25
 Compute the voltage gain and I/O impedances of the circuit depicted in Fig. 5.41. Assume
 a very large value for C1.
 Q1
 VCC
 RC
 Vout
 Vin
 R E
 Constant C1
 Figure 5.41 CE stage example.
 Solution IfC1 is very large, it acts as a short circuit for the signal frequencies of interest. Also, the
 constant current source is replaced with an open circuit in the small-signal equivalent
 circuit. Thus, the stage reduces to that in Fig. 5.35(a) and Eqs. (5.157), (5.162), (5.165)
 apply.
 Exercise Repeat the above example if we tie another capacitor from the base to ground.
 The degenerated CE stage can be analyzed from a different perspective to provide
 more insight. Let us place the transistor and the emitter resistor in a black box having
 still three terminals [Fig. 5.42(a)]. For small-signal operation, we can view the box as a
 208 Chapter 5 Bipolar Amplifiers
 Q1
 RE
 in g Ï€ m v Ï€v r Ï€
 RE
 in
 i out
 (a)</t>
  </si>
  <si>
    <t>b'L\xbf\xbf\x8c\xebBI\x08pG2&gt;\xa0\x97\x14\xa9'</t>
  </si>
  <si>
    <t>4cbfbf8ceb4249087047323ea09714a9</t>
  </si>
  <si>
    <t>y</t>
  </si>
  <si>
    <t>b'Q\xfa'</t>
  </si>
  <si>
    <t>51fa</t>
  </si>
  <si>
    <t>ic anhydrase, the
reaction speeds dramatically with about 600,000 molecules being formed
every second. The enzyme has accelerated the reaction rate by about 10
million times. The power of enzymes is incredible indeed!
There are thousands of types of enzymes each catalysing a unique
chemical or metabolic reaction. A multistep chemical reaction, when each
of the steps is catalysed by the same enzyme complex or different enzymes,
is called a metabolic pathway. For example,
Glucose â†’ 2 Pyruvic acid
C6H12O6
 + O2 â†’ 2C3H4
 O3 + 2H2O
is actually a metabolic pathway in which glucose becomes pyruvic acid
through ten different enzyme catalysed metabolic reactions. When you
study respiration in Chapter 12 you will study these reactions. At this
stage you should know that this very metabolic pathway with one or two
additional reactions gives rise to a variety of metabolic end products. In
our skeletal muscle, under anaerobic conditions, lactic acid is formed.
Under normal aerobic conditions, pyruvic acid is formed. In yeast, during
fermentation, the same pathway leads to the production of ethanol
(alcohol). Hence, in different conditions different products are possible.
9.8.2 How do Enzymes bring about such High Rates of
Chemical Conversions?
To understand this we should study enzymes a little more. We have already
understood the idea of an â€˜active siteâ€™. The chemical or metabolic conversion
refers to a reaction. The chemical which is converted into a product is
called a â€˜substrateâ€™. Hence enzymes, i.e. proteins with three dimensional
structures including an â€˜active siteâ€™, convert a substrate (S) into a product
(P). Symbolically, this can be depicted as:
S â†’ P
It is now understood that the substrate â€˜Sâ€™ has to bind the enzyme at
its â€˜active siteâ€™ within a given cleft or pocket. The substrate has to diffuse
towards the â€˜activ</t>
  </si>
  <si>
    <t>b'\xc9K\xa1X\xcf\xa6\x0e\x81\xd97\xd4\x96\xba\xdeS\xf9)\xc0\x83\xbcV0\xcf$j\xd6AK\x1c\x13_T\xc9\'\xe2\xd4\xda\x87\xed\x9c\xacK\xc0\xaekzY\t\x81\xec\xef\xfbD\xfap\xdf\xae\xb2 \xb5\xb5\x04\x04w5HF\x96\xf1\x91)\x9b\x12h\x12F\x8cl\x92(\x98\xc8\xa5\xc9\xdd\x14\xfdf\xe4\xf4k-m\xe9\x9d,\xbd\x15%L\x80F\xf7\x1be|\xc4\xe9\xd0}\xe1\xa1p\xb7c+I\xfax\xb1\xc3\xcbf\xc6\xbacBjO\x96&gt;\xf8\xb4\x81q\xba\xf6\\\xdf;\xb6S\xe3\xb3\x08\x9f\x9d\xdf\xd6\xc3\x1b\xc5|\x8a3P\xe4\xcdgN\x81\xa9\x1c\x8bE\x0c%~\x10\xbf43\x94\xfa\xd4\xe3\xfb\xedG\x8dr\xa5\xb6\xf2\x8f\x8e\x8a\xb8U\xe0\x9a4\xee\xe1S\x91\xd2\x10\xfa\xa0V)\x8c\xd2\xf8\xbc(,!\x1a\xae\xdbCF\x14",i\x11\xb5N\x12\xe4\x08\xbb\xefa\xbah\xff%\x1aY\xf2\xf3\xdc\x01w\xa4\x88\xa6\x96\xb8\xda\xeca\xc2\xb4\x0c\x1dE\xb0Mxd\xf5\x80\x90\xd2\x19\xab\x85\xa8\xf3\xad\x91\x90t\x81\r\x1d\xf1\xb7\xaa\xde\xd0\xaa\x03\x90\x0b\x9f\x98\xf6Y\xe5\xc7]\x99[\x0f\xb5\xf3\x9b\xb7\x89\xc2]q\xf8\x12\xfb\xa0P0\xae&lt;\x9a`\xb2g\xc0R\x01\xb0\xddm\xc8\x1b2\x9d+T\xadP\x9cuT\x90\xb4T\xf6\xcf\xe4\xdc \xc7\xd8e@\xef\xe9\x15\xef\xd0\x99\xf4\xd1\xa6@O\xcf7\x85+E2GH5\x94\x1f+\xfc\x11\xf1\x1e\xdc\xe7f\x06\xf28\xb7\x0b[6\xe02j\r\xdc\xea\xca\xeam\t\x94\x1f\xee\x95Mg#\xb4\xe8&amp;\xa2\xa3\xd5?9\xac\xf6\xaf\xf0\x08\xba\x0cz\x96\xd1=\xbc\xa4\xfc\x10TU\x94\t\xa7$\x1f\xfac\x07\xffF\xf3w\x90g\xf5\xbb\xdeF\xbb\x10a\xbc\x83Ln^@\x0b]\xf7\xde\x85\xf6|\x0cV\xc9@\tc\xc0n\xb5q\xab\xc0\xf4\n\xdb&gt;\xd3\xe1\xec/Q\x1d\xb8\xfe\x05\x95m\t[\x8a\xdb\x19\xbc\xd1\xdb\xb2\x1f\x8e\x95\xd5EC\xf88\xbf\xb0\x98\x1a\xffT\xddX\x94\xc9\xc3\xb7\xe8\xd6\xfc~OzZy\x93\x7fpU\xaaY\xbc}ls\x84\x11h,W\xf4\xca\x0f\x11\x15\xc0,\xe9?\x05q\xc3\x0b\x9cF\x83.U\x0b\xfe?\xaa\xdc\xda\xaa\\\xb3\xf2\xc3w/zc\xda0\xbd\xdc\xe6\x0el\xc8\xe9\xbf\xe5\xd0Q\xba1\xb8\x80\xc0rv\xb0\xce\xcf\xd42\xeb3\xa7\x16\xd4\x17\x02WU}\x84.\x13\x95Ns\xb5\x0f\'\x0b\xf8\xe8&gt;RK5\xe7.e\x1d\x97\x80\x99\xba\xc6}\rG\xc0\x8e,p#\xff\xf9Zx\xd5\xeb\xb9!\x99[o~,\xe5n8\x1c\x90\xb0\xfeq\xd4\xf87\xc24hE\xf2\xde\xeeJ\xbc\xca\xdd\x02\xc5\x12\xa0&lt;@2\xd6\x15]\xdc\xd7&lt;\x9dq\xf0\xf6f\xed\xa21\xfa\xfa\x1f\xe5\x07t\xb5\xb7L\xf5E]S\x93X\xb6,\xd8\x8c\xc2z\xcat\xa1L\x80V\x19\x1c\xcer,\x8e\xb7\xe5\x944\xc8Z\x99/Y86%\xc6\x15&amp;\x07p,\xf1\x89\x1bd\x83\xe9\x19\x06\x0f\x98%\x92t\xe6\x9d\x03\x17\x1a\xdc\xa5,\x0f\x1a\xfe\xa4\xb9I\xc0e,}\x12{\xa8(\x8c\x81:{L\x87\xc1U5\n\xf8]\xeb\x1a\x19\x88\xf17\xdd\xfd\xbd{G\x9d\xf8\x04\xbd\rMhb\x1a\x86\x16\x1e\x1b\x86MK]\xa0_\xd3pt\x0b\x0c\xae.\x8fb\xbf\xac\x14`b\xe4\x85,\xe5\xec\xf2S\x94x#{F\xb9c\xf4\xd2E8\xa5\xb4|N\x17t\x98\xdb7\xf2\xbb\xedKo~U\xacA\xe2\xbf\x01\xe4\x90\xa2$D\xca$\xaf\xa3$\x89Qxy-\xa6\xed\xb1\x90(\xe0\xb1\xc4\x862\xd9\x1dd\xbf\x85\xde\xb8.xE\xd1\xf90\xd6%#9\xde\xa1\x8c\xf6I:}\'=\x7f,\xef~\xb6&amp;\xc0~\x8b\xf9\xee\x93\x08^\xa4\xed\x9eP\xe3\x12\xee\xdc\x00\x0b\xc2M@&amp; \xdf\xe0\xd2\xd3\xf9\x1f\xbaq\xcc\xe7`\x96-Lq\x83\xc59al\xdeP&gt;\x91J\xd0\xc5\xb9\xa5\xa87D\xf6\xdc\x08\xdb\xd7l\x9b{ge\x18\xd9%\x91\x17p\xf15x\xed\r6t\xe8w\xee\xef\x99L\xa0\xbb\xa5!\xeea\'\xd4\xbc\x17\'\xcdx8\x15\xd5V7\xff\xa7\xa9\xe7\r\xdc\xf5\xea\x14Y\xcc4\xaf\xf6Oz2\x93hp\xbd\x0bM\x8c\x87\x0e1\xb8S\x8a\xe2\xc2/\x8c\xe9\x9d4\x96o.\xccy\xf8\xd2\xa2w\x15A\xc2\xfc\xbd\xe9\x83\x94\x00\xc7\x9by*\xc1+\xe2V(\x95&gt;6\xf7t\x92\xc8\xdf\x8f9^\xc9\xbf\xba\x9a\xed\x94f6\x08\xa9\xeaD\x1c\xb1\xe1\x03\xdck")\x10\xd5\x89h\x1dLQ\x8b\xc4\xd9M;\x11u\xc1=\xcb\x18\x9a+\xb3s\xdby\xabZd\xf6\x97\x85\xbf\xd4\x1d\xfe\xd1\xec\xed]\xca\x84v\x1c\x97\x0b\t\xf2b\xaf\xa4g\x0e\xbbT\xc0\xde\x1f\x9eaP?\x91\xc1/M\xb4\x8b\x06\x99\xc1_z)\xdb\xd2B\xefSJ\xce#d\nsl;\xe1d\xf7*n/O\xcfa\xed(\x00\xc3\x1a\x0b\xf8\xacI\rv%a \x0buzF\xd2\x01\xf7\xe6\xfe\x87\xcc\xaf\x92\x19\x90#q\rN\x82\xde\xbb\xcd\xa2\x9a\x81\xf5\xb9\x1f\xc3F\xe14\xdc\xee1\xf9\xe2\xde\x811o\xf8\xf7\x93\xc1\xf7\xa1\xc3\xa5\xa9K\xebH\xc4\xb1SkD\xbc\xd1u\xc8&gt;)\xc4\xa8R\x94\xc8\x10\xfem\x93u-\x06\xee\xc9\x02,\x93\x11\x14\xd3\x99\xf1\\5\x92\x95.\xbc\xfd?\x88\xcf\x9a.E\xc5V\x9d\xe4[\x92\xca\xaf0\x0fb\xb4\x12\x0f\xc0\xc6b\xb8{&amp;W\xa6\xd2\xed\xd6Vw\x8da\xbe\xca4e;\x96\x03\xe2k\'j` ;u\xbdM?s\xf7&gt;\x9dD\x14\x8e\xea\xc6Lx\x0c\xaa3Q\xfa\xc4^\xb8&amp;\xe2T\x85\xbb5\x83s\xee^\x10\x0fX\x92Ina\xbb\xbe7\x13\xb1\x99e\x14\xcaW\x8a\xb27\xb07\xe9\x1a\xef\xa9\xc8\xe0\x01\xac\x9f\x9d\x1c\xf3\r^0\xae\xd6\x9e\xa3\xdb\xd1\xba\xdbYi\xe8\xc7.4_\xd7\xb1\xd3\xcd\t\x0f\xd5?\xfa% \x14\xda6\x7f\x8d\x9a\xe4\xa5U\xadb\x9d\xdb\xfc\x87\x9de1t\xf1Li&amp;\xd4\x96T\n\xf7\xbe\x90\xe8Jd\x17\\\xedH\xab3P\xb2\x91\xdd\x0b\x10\xbd\xc0\x1e\xf5-ZL\x9ef\xe0\xc7\xe9&gt;c&amp;P;\x85D\xb9\xa2\x91\xbf&lt;Dp\xbc\xed#s\x89\xf4\xfc\xdc\xeb,\xf2\r@F\x87\xecvs\xf5\xe2$\x00%\'\xce\x8d(\x1ct\x8e\xb6\x8e:%z\xa5\x9f7K\xe6\x9e=\xd1"q\xeb|\x19\x82\xdas\xf0\xe1\xda\xcf7\x07\xfaec\x8cOCa\x12\xa5\x96\xb7\xdfw\xc7\xfa\xa9\xdc\xa2\xc2J\x8f\xcdO\x8e\xb7/a\x9f\xde+\\w\x0e"j\x01\xb5IuJ\x07\xdf\xeb\x00\xf8{\xbd\x1f\xea\xaeOw!\x8a\xcc\x13M*2il8ayH#\xea\xc5C\x92H\x83\xc7\x02ab\xe5\xd0\xdafn\x0cG\xd9G\rF\xd9\xae\x1e\xc77\xb5c\xb0y\xe3\x92\xc1\xc8\x1f\xe9G\xad\xd8\x9d\x93\x9f\xa8\x13|}\xdcT\xf3\x16f\xa4\t\xc3\xe4\x97!\x8d\xd2\x0f\x0f\xb2\xdf(\xc0S\x93\xac\xe4\xfc\xf0)\xbf\x8f\n\x01h\x98cU0\x0c\xd0\xb7q\x03\x97\xba\x86\xb2KQ\xfd+?om\x19\t\xf9\x13\x14\x00L\x08\xa5\xad\xfcQ\x8b,\xff\x07\x86t!B\xb14@\xd5\x7f\xd51j\xc1\x18\xd1\x93\x18o\\\xa6\xe4\xa5`\x8fK\xf9\xdc/\xbc\xed\xa52R\xed\xd3\x01.\'\xe7,\xa0!\x07F\x1d\xc6\n\x0e\xb1\xe2%_\x13\xf8\x0bYo\xae_H6f\xdek53D9\x99#\xc0\xd3j\xfa\xe1(\x87I\xe8\xc0_\xfe0\xf47hh!\xce\x19\x18p\xdd\xc2\xb4'</t>
  </si>
  <si>
    <t>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</t>
  </si>
  <si>
    <t>b'\xc9K\xa1X\xcf\xa6\x0e\x81\xd97\xd4\x96\xba\xdeS\xf9'</t>
  </si>
  <si>
    <t>2
 Q 1
 R C
 VCC
 CB
 R1
 in v RS
 C1
 Q 1
 in v RS
 v out RC R
 v out
 1
 (a) (b)
 Figure 5.100 (a) Example of CB stage, (b) simplified circuit.
 Example
 5.52
 Determine the input impedance of the circuit shown in Fig. 5.101(a) if VA = âˆž.
 Q 1
 R C
 VCC
 R
 v out
 (a) (b)
 Q
 R RE eq
 2
 R in
 Q 1
 R C
 R
 R in
 eq
 B
 Figure 5.101 (a) Example of CB stage, (b) simplified circuit.
 Solution In this circuit, Q1 operates as a common-base device (why?) but with a resistance Req
 in series with its base [Fig. 5.101(b)]. To obtain Req, we recognize that Q2 resembles an
 emitter follower, e.g., the topology in Fig. 5.91(a), concluding that Req can be viewed as
 the output resistance of such a stage, as given by Eq. (5.329):
 Req =
 _x0002_ RB
 Î² + 1 +
 1
 gm2
 _x0003_
 ||RE. (5.353)
 Now, from Fig. 5.101(b), we observe that Rin contains two components: one equal to the
 resistance in series with the base, Req, divided by Î² + 1, and another equal to 1/gm1:
 Rin = Req
 Î² + 1 +
 1
 gm1
 (5.354)
 = 1
 Î² + 1
 _x0005__x0002_ RB
 Î² + 1 +
 1
 gm2
 _x0003_
 ||RE
 _x0006_
 +
 1
 gm1
 . (5.355)
 The reader is encouraged to obtain Rin through a complete small-signal analysis and
 compare the required â€œmanual laborâ€ to the above algebra.
 Exercise What happens if the current gain of Q2 goes to infinity?
 5.4 Summary and Additional Examples 251
 Example
 5.53
 Compute the voltage gain and the output impedance of the circuit depicted in Fig.
 5.102(a) with VA &lt; âˆž.
 Q1
 VCC
 v out in v R 1
 R2 C2
 (a)
 X
 RE
 RS
 Q1
 v out in v R 1
 RS
 RE 2 R
 r O
 (b)
 v
 R
 RE 2 R r O
 v out
 Thev
 Thev
 Q1
 (c)
 Figure 5.102 (a) Example of emitter follower, (b) circuit with C1 shorted, (c) simplified circuit.
 Solution Noting that X is at ac ground, we construct the simplified circuit shown in Fig. 5.102(b),
 where the output resistance of Q1 is explicitly drawn. Replacing vin, RS, and R1 with
 their Thevenin equivalent and recognizing that RE, R2, and rO appear in parallel [Fig.
 5.102(c)], we employ Eq. (5.330) and write
 vout
 vThev
 = RE||R2||rO
 RE||R2||rO +
 1
 gm
 +
 RThev
 Î² + 1
 (5.356)
 and hence
 vout
 vin
 = RE||R2||rO
 RE||R2||rO +
 1
 gm
 +
 RS||R1
 Î² + 1
 Â· R1
 R1 + RS
 . (5.357)
 For the output resistance, we refer to Eq. (5.332):
 Rout =
 _x0002_ RThev
 Î² + 1 +
 1
 gm
 _x0003_
 ||(RE||R2||rO) (5.358)
 =
 _x0002_RS||R1
 Î² + 1 +
 1
 gm
 _x0003_
 ||RE||R2||rO. (5.359)
 Exercise What happens if RS = 0?
 252 Chapter 5 Bipolar Amplifiers
 Example
 5.54
 Determine the voltage gain and I/O impedances of the topology shown in Fig. 5.103(a).
 Assume VA = âˆž and equal Î²s for npn and pnp transistors.
 RC
 v out
 RE
 Q
 R
 v out
 R
 Q
 Q1 R B2
 VCC
 3
 Q2
 RB1
 in v
 R eq2
 R eq1
 eq2
 E
 Req1
 in v
 RC
 (a) (b)
 3
 Figure 5.103 (a) Example of CE stage, (b) simplified circuit.
 Solution We identify the stage as a CE amplifier with emitter degeneration and a composite
 collector load. As the first step, we represent the role of Q2 and Q3 by the impedances
 that they create at their emitter. Since Req1 denotes the impedance seen looking into the
 emitter of Q2 with a base resistance of RB1, we have from Fig. 5.75
 Req1 = RB1
 Î² + 1 +
 1
 gm2
 . (5.360)
 Similarly,
 Req2 = RB2
 Î² + 1 +
 1
 gm1
 , (5.361)
 leading to the simplified circuit shown in Fig. 5.103(b). It follows that
 Av = âˆ’ RC + Req2
 Req1 +
 1
 gm3
 + RE
 (5.362)
 = âˆ’
 RC +
 RB2
 Î² + 1 +
 1
 gm1
 RB1
 Î² + 1 +
 1
 gm2
 +
 1
 gm3
 + RE
 . (5.363)
 Also,
 Rin = rÏ€3 + (Î² + 1)(RE + Req1) (5.364)
 = rÏ€3 + (Î² + 1)_x0002_
 RE +
 RB1
 Î² + 1 +
 1
 gm2
 _x0003_
 , (5.365)
 Problems 253
 and
 Rout = RC + Req2 (5.366)
 = RC +
 RB</t>
  </si>
  <si>
    <t>b'\xa4\x13\xe5]&amp;`\xb0_\xf0\xbe?\x17\xa328w'</t>
  </si>
  <si>
    <t>a413e55d2660b05ff0be3f17a3323877</t>
  </si>
  <si>
    <t>ted by the subjects that had lately occupied her mind, she felt
 unprepared to see him, and remained a few moments in the chamber to
 recover herself.
 122
 When she met him in the parlour, she was struck with the change that
 appeared in his air and countenance since they had parted in Rousillon,
 which twilight and the distress she suffered on the preceding evening
 had prevented her from observing. But dejection and languor
 disappeared, for a moment, in the smile that now enlightened his
 countenance, on perceiving her. 'You see,' said he, 'I have availed myself
 of the permission with which you honoured meâ€”of bidding YOU
 farewell, whom I had the happiness of m</t>
  </si>
  <si>
    <t>b'!\xb9\x1c\x81\xca\x9b%!j\xbb\r\x01\xb5{nc\xb5\xdaO\xc5\xe8\x80\xe3\xd5l\xb4\xd4E&lt;\xa4cS\xbb@\x98\x1aO\xf5^\xbf\xa9ib\x9a\xfcH.\t\xc5l\x1d0V\x15\x8e\x04!E\x0c\x9c\x8b\x1d\xb8\x11'</t>
  </si>
  <si>
    <t>21b91c81ca9b25216abb0d01b57b6e63b5da4fc5e880e3d56cb4d4453ca46353bb40981a4ff55ebfa969629afc482e09c56c1d3056158e0421450c9c8b1db811</t>
  </si>
  <si>
    <t>b'!\xb9\x1c\x81\xca\x9b%!j\xbb\r\x01\xb5{nc'</t>
  </si>
  <si>
    <t>irectors, usually comprising founders and investors, exercises control.
 In theory, this division works smoothly. Financial upside from part ownership
 attracts and rewards investors and workers. Effective possession motivates and
 empowers founders and employeesâ€”it means they can get stuff done. Oversight
 from the board places managersâ€™ plans in a broader perspective. In practice,
 distributing these functions among different people makes sense, but it also
 multiplies opportunities for misalignment.
 To see misalignment at its most extreme, just visit the DMV. Suppose you need a
 new driverâ€™s license. Theoretically, it should be easy to get one. The DMV is a
 government agency, and we live in a democratic republic. All power resides in â€œthe
 people,â€ who elect representatives to serve them in government. If youâ€™re a citizen,
 youâ€™re a part owner of the DMV and your representatives control it, so you should be
 able to walk in and get what you need.
 Of course, it doesnâ€™t work like that. We the people may â€œownâ€ the DMVâ€™s
 resources, but that ownership is merely fictional. The clerks and petty tyrants who
 operate the DMV, however, enjoy very real possession of their small-time powers.
 Even the governor and the legislature charged with nominal control over the DMV
 canâ€™t change anything. The bureaucracy lurches ever sideways of its own inertia no
 matter what actions elected officials take. Accountable to nobody, the DMV is
 misaligned with everybody. Bureaucrats can make your licensing experience
 pleasurable or nightmarish at their sole discretion. You can try to bring up political
 theory and remind them that you are the boss, but thatâ€™s unlikely to get you better
 service.
 Big corporations do better than the DMV, but theyâ€™re still prone to misalignment,
 especially between ownership and possession. The CEO of a huge company like
 General Motors, for example, will own some of the companyâ€™s stock, but only a
 trivial portion of the total. Therefore heâ€™s incentivized to reward himself through the
 power of possession rather than the value of ownership. Posting good quarterly
 results will be enough for him to keep his high salary and corporate jet.
 Misalignment can creep in even if he receives stock compensation in the name of
 â€œshareholder value.â€ If that stock comes as a reward for short-term performance, he
 will find it more lucrative and much easier to</t>
  </si>
  <si>
    <t>b'\x85\x13\x12z\xee\xb9\xdb\x989\xb3\x84&amp;6\x18\xdbq\x16\x98\xe3N\x8f\x9b\xdf\xd0\x1b\xf7\xfb\xa8E\x81\x06\xd4\xd9\xeb\x95\xd6I\xa9\x1b\xf3\xb8\xc1M\xc3V\x9c\xdc\xa8Y]\xe6\xb8\x86\xc9\xc1(\xa6\xa2\x1d6V\x1b\x84\x19\xdc\x82\x17\xa0\x08\x85\x94\x823\x0f\x12FC\xb3\xd1|\xc8\x1c-\xa0\xd7\x89\xad5OQyq\xc3\xcbz\xf1\x99\xa3\xd5E72\xdfg\x84!7\xaeV\x98m\xcc\xf1\x06\xcaBB.\xaaL\x7f\xf8\xe8\x0e\x1802\xfd\xd7\xca\xb2S0\xc3\xeb?\xed\xfes\x06\xeb&amp;\xb9m\xb6\x17\xf5\xae\x8a&amp;\x0f\xf8\xb7Vs|\xff\x98"I\x95Q8\\\xf4\xabPQ\xbaBs\x1b\x05#\xd2L\xb7h\xbd\xf8?\xab\xe5V\xa1\xee%\xf2\xf3}J\xc6zj\xc6"_\xec\x8e\xe6^K\xa8\xc9K|\x9c2\xfc\xa0\rs`I&lt;cE\xca\xe2\xb5\xac\x172\xb5\x90\x9b\xc1\xe7\xee\x1b\x86\xebp\x0c\x8e\xa6\x17\x99.\x19\x89\x87\x9f\x05\xc9n\xcf\x97M\x90\x96j}:[\x80\xff+f\xe5!\xb6\xcd]Yqj\xe0\xcf\xd6X\xb1\xf5\xf8\x9a\xa1\x95\xce\xfa\xc7\xfc"X\xe6\xc3&lt;\x87[x\xf7~\xfbKgw\x0f\xe1\xfe\x11Dr\xffl\xab\x89_\xde\x11q\\\xa1+\xf6\xba\xc2 L\r1r\xcd\'ob\x89;\x0f-\xccf\x8dh\xfb)s\xee\xea\xb5\xd5\xecK\x17\xd0\xa8\xc6\x8bIb\x98\xb6\xc7v9\xc1D\xd5\xfd\xd3\xb1\xb6z\xf5\x8fn\x82\xaeV\xe3cm;8\xdf\xb3\xbc\xab\x98k\xb9\xde\x0bCL"J3\xf2\xb9QR\xbd\x87\xf8\x8e:Q\xd3|\xa1\xbd?\x1cP\x82S\xdd_!I\x165\x1a\x880\xf6\xd3\x9b\x1f!I\x17(\xa0\x84`G\x16\x8a+\x9d\xf3t[\x94w\xe5\x9c\xcbl\x00\xd5y\xdd\x06\x92+6\xb0\xa4F$A\x97|N\xc0\xf7\xed\x8f\xb1\xd2e\xb9v\xa57\xe6\xcb\x8b\xbd\xc8~\xb2u\xf7\xb5\x81h\xe3\xfbk\xd7\xb1\x17\xe6&lt;\xdb4\x92\xdf\xb7\x9f\x95\x1dr/T\xdaR\xb8l\xe2\xf1U[\xf3\xe1e\xb07V\xacC\xcaK:\x8bf\x0b%\xfcJ:\x84JdOak\xa8\xfc\xfc1\xfa\x9b\xf5\xfb?\x91%&amp;|\xe6"\xc6\xa4e\xef\xfa\x93\xf7\xe7v\x13\xd2\xd74\xaf\xb6\x9ex\xb7\x9b\x87\xd0\xf9\x87SCX&lt;\xd4\xeb\r\x95\xd2&gt;\xe6e\xe3\x83#M24\x87&gt;\t\xe3\xf4\x1d\xd9(EH\xe3\x00\x99\x00)\xb9]\xc3K\xf2\xb91\xd0\x99\x88i\x820\xe1\x03[\xa8\xf0n\xfcr\x8cw\xe6\xe2,\xf3P\xf3^\x87\xe2w\xf2\xe7m!\x89\xc1\xd8Y\x08\xbd@\x01\x13a2\xff#1x\xad\x88\xd1?a\xf8\x90\x94\xf8uv \r\x87\xc1n\x1dF,w\x80\x8a\xafN"cc!\x97`\x00\xd8\xd7\xc9r\xbb\xe8\x8dq\xfe`\x17\x89\xe1\xc5\x86\xcf\x0bc\xc2\x8ccM\xf1L\xdb\xe9x\xcdf\xb9\xe5\x9d1\xd8\xbf\xa5\xde\xf8v\x00\xf6\x91\xcf\xe9\x02S\xadu\xeb\x13?\xfcx\xa0\x8ca\x15E\xa1\x9a\xa5,\xe1&amp;\xf3\x03\xed\x07f\xcfICO4\x8b.\xf6\xff\xfb@\x06\x12\x18\n\xa2|\x91\x00\x0e\x7fxj|\x17\xc9k\xc0\x90\xb5\x1c\xa2.\n\xbc\x97:\x03V\xde\x9787\xdeVW\x9a"\xa4\x05.\xfd\xdf\x1bJR\x9dq\x1e\xbb\x07\xaa\xc4\x16K\xaeI\x96\xcb\xf8\x10j\x11h\xc3\x182\xd3\x98m\xe5\xd0\xe0g\x01h\x1b\x08\xbb\xb6\xc0\x7fPd\xee\x01~S\xe5Z\x88\xa4\xcbj\x1e\xcc\xce\x19RW\\0\xb9\x83U\xbb\xf7\xbbBYO\xadT\x96\x0c\x11\xcb\x86\xe3\x05X\xebw4\xc6\xda\xac\xad4\xd2\x8d\xd5\xd6\x0f@T8\xe2\x95|\xa4+7\x86B\x80\xd4\x85_p\xb9Q#\x88\xe8\x13%J\x18\xc9Hj\x85\xb3\xad[VZ\xc4ic\xc8\xefF\xd8Xf\x7f\xd8L|A\xb9&lt;\xbc\x9a\xc5\x97\x19\x17g\xc6\xcd\x89\xec\x8f\x7f\x8b\x94\xadF\x0f+\x19\x88\x04\xd30p\xe1\xb9D\xc0\xf3\xb3\xe3\xd4\x80\x18Q\x88\xb6/i\xc4\x80\xe0\xac\xba\xddN1\x02\x03\x15\x93\x93\r\xe4\xb2\xc6\xe3]\xc0f\xc9\x05cEt\x06\x90\xb1\x08e[\x94\t\xfb\xdf\xed\xb3"\x07dLVi:\x83\x87\xe1\xd9\x9c?K\xf9\xb4a\xf2\xa8\x06m$\x86}\x1eP\xe6f\x81\x02\xd1\xf6(.\x14\x87_\x11\xd0\x14C\xc0&gt;\xccel.b\xd1\xb6H\x0e\xb0&lt;G\x8c\xe3\x105\xe0oL\xc2&amp;\xd7\x187q\xbd\xe0\x8d\x8c3\xd5!\x06-\x8b\x90\x00\xc0\xee\xb7\xff\xd1\xbf\x8b]r\xba.\x1aL\xc5Z+z\xd8`/\x1a9\x94/\x86\xe1\xb5\xd0\xd4}7\xfb\x18\'.Sf*\x9c\xed\x9c\x13\xd3\xf9\x82\x83\x8f\xcd*\x97^\\\xa8\xe9S\x15\xb4\'\xf1\xde\xc8ty\xd5\xf9a\xd8*s\xb5_\xd2\xb2Of\xb3\x8e\xb8\x0b\x10\xe4\xc3b\x8f(w\xcd~\x10Z\x18\xac5\x19\x89\xdc\xe0\x17G\x9b\xc0\xba\x93\x8a\x9b\xfd\x10\xc0F WL8Z\xf2\xb1\xd1\x04\xf0\xe1\x94\x1a\x98\xcd4S\x98\x8a\x93\x83\x04\xbe$\x06\x01\xcbBj\x82\xbc\xdc\xcae\x86-^\x85\xd3\x8cy\xf2\xbc&lt;\xc3#\xec\x82\xf0R\x91H\x99\xd7\xd6\r8\x0cp\x96\xb3\x8d6*Z\xdd\x8e\x1cM\x07\x80?Z\xf4`\x08b+X\x9e\xc5\x06)\xd3\x9e\xee\xb13 W\x1f&gt;al\xd4#M\x87\x1ev,\xb3g\x9cM1\x19\xf0\x85\xc6f\xf9\x10\xd8%B\x8c\x82\x16m\x9c\x17~v\x7f\x17\n\x12\x12!D\x0bh&lt;\xa5\xbcE=Yu\xf8U\xd0\xd7\x15\x88\xf0]]\x9b\x05X\xf8\xc5\xe4\xc4.\xd5\xc6\'\xae\xfd\xaa]\x17Q\x11\x03\xb3\xd0\x8b\x87\x82\x8e\xcb\xad\xabI\xe0{\x98\xcb\xf6h\x9e Aw\xa5:\x05\xde\xf59i\xa2\nv\x02u]\x00O\x08\x07\x87\xf7\x8b9\xb9\xc7\x03\x91\xe3\xd8\xc0\xfe\xfb3\xbd\x8e\x1dn.\x01\xf6x\xe8\xb9K\'\x0f\xe6VAV\xca9\xea\xff\xbc\x8d\xcc\x9b\xb5(\xfe3\xa6\xb7v\x9eG&lt;\xe2\xd7\xef\xc9\xf8I%\x89P*\xb2\x9e\xedy.\x868\x19m\xb3\x9e\xc2(&amp;\xc9\xa5\x183F\xa0M\x908\xfc\xf4\xdd\xf2\x99H\x19-\x8fn\xc5E\x9d7*q&gt;\xebx\x85\x8e\x93\xc9\xe0U\x9e]\xb9a\xf1\xfa\xa2\x8d-\x837y\xc1OlaRS,\xb5H\xa3$\x93e\xec\xca\x89\x1eqj\x00+t)3\xdd\xf8\x89x\x00M\x10]\xb4q\xce\xa9\x84!6\x94nj\xe6\x9c\x16\x8c~\x0e\xef\x90\xfd+x\xa9\x91\t\xce\xc8\xc3x\x7f\x11e\x0b\x08@\xa4;mI5\rf\x9e\x84\xf7a\x10\xe5\xe5{\x1e\x90\xba\t\x1c&gt;\xb0g!Y\x93\x85\xf0\x00\x02R\x08mq\x10\xc8+Y\x0c\xeeT\xef\x7f\xb9\xfd\xd0\x16x\xb5Q5\x89\xaf\xb0\xbb\xc3.\x82.\xa1zU`\xa9\x0e\x97Pc\x8c\xdaP&amp;2MH2\x85\xbe\x04$zt\xae\xd8\xf2\x8a!z@Az\xc8v\x9c\xc4\xbc\xd5Q;\x04\x9bw\xf3\x84O8\xf4e\x17:\x16\xba\xce\xb5?\x87\xbb\xb7n\xef\x92?\x90M\x18?\xb0\xdf\xf0:i\x85\xd3\xcb\xa1\xdb\x13\xb5\x0f\x12\xb3b\xe8\x1d\x1f\xbb\xfbi(\x10\xb8\xac\x80\xea6\xe4\x91\x88\x85\x83\xc7\x00[&lt;\xcej\x8a\x7f@\xa6\xf2\x06U\xd05\xd9\xeb\xedS\xfdL\xf6t\x82\xcb\x03\x1f\xf9\x0bQ\xc2v\xc4&gt;E\x82\xfby\xc8*[\x10\xc9)\x8b\xa7\x82\xbc\x0e9\xe1\xc6\xa9\'\xcfN\x081Y\x99\xa1\x85\xd6\xe9\xe6:V\x87\xda]\xb8\xb8)\na\xb4\x8ajE1\xc0\x1eu:\xcb\xe3`q?\xfbdU\x90I.\xb0\xe5\x85\x99e\xaf\xe3\xe9\xc6.u\x1a\xdb\n\xac\x06\x81&amp;@\xa9s\xb4\x12\t9#\xa3\xceR\x9a\xea\x0e&amp;I\xe2\x90q\x9a.0\x16("\x00\xad^\x1e\x8c\x9f\xfb%\xa2`\xe28\xb5\x13\xc0\xdd\x94\x02\x0b\x0b\xae\xda\xbc\xee\x8dX\xff\xacps;c\x87\xf9tiuK\xf7p\xfd\xa8\xff\xadN\xb3)\x11\x1c\xcd\x86\xd18\x9e\xb9\x7f{g\xa1\xc6\x89b\xd6!Y=\xb54n\xf5|?Tp\x02\x93\x93\x970y\x91_n\x92_/\xc1\x08\x1b\x06\x00\xb0\x0fV\x99t\x84\xe6\xc2(\xe5\xe6\x9d\x82\x02\x91\x07\xde\xb7\xb8yo!Uk;\xb4\xe7\xb5\xdcq \xca1\xc8\xc0\xe9/z\x06F%\xd2\xe6\x03\xbb,B\x99}\\\x9a\x93\xd9\xd2\xe3\xef|\x00\x8e\x90\xa5G\x974\xec\xb9\x1ahG\x0b\xdb\xac\xfc\xac\x8a\xbaX\xd1]\xe3H&lt;\xb1Z^\x95\xa0\xb8J@\xd3F\xc3\xecF\x9c\xfcx\xa0c$o\xe0\xd8\xd9\xdd\xff)\x0b\xc0+%)\x05B\xf4\xc5\xe5\xcd\xaa\xc5\xae\xb2a~\xd9\xce\xe1$X\xa41\x90#\xfcg\x83}\xa0\xfd=\xc0b\xd6\xecja\xafr\x9d\x9e\xdf\xaar\xc6S\xad\xf8B\xf4\xcd\xd3\xeb\xbc\x92\xb6*\x81\xc5#\xd2p\xfc,x\x19\xfc\xe7\xa6v\xc6\x15_O\xd5\xdc\xa3vJ\xf1;\xf9`\xc2\x81\x93\xf0\x84\x17\xd2\x1e\x1d\xb7\xd6\xf8\x9cV\xa5\xc9\xf3\x05\x92\xdd\x12\x05\x80O\x9cn}\x8f\xa7s#\xe0;\x1bN\xbc-G\xa3\'\x7f\x9e\x92\x191wE\x91:\xeb\xbe`L\x8b\xd9@6\x82A\xa5\x16U\xa8\x08\xbd\xb7&lt;Q={gpdM\xaaM\xdfE&gt;7\x15K^\\\x99I\xb1\xc6\xe4\xe5I\xce|\xdb\x9d\x92\xfc\xa5$\xe7\xba\xa2h;\xbd0:\xe1\x8dh\xaa\x84\x0bj\x90\x8eMN\x15\x1a1\xba\x02!(\x14\x97g\x05\x15y6\xf6\xf4\xf4&gt;lp\x01\xa9\xff3t\x06\x0e\x1f\xfd( \xe3\xd3X\xf8\xd2\xe1\xebqk\x1e\xdbg\xab\xacl/6\xc1;\xddo\xbe&lt;\xb1RVVI\xcfJ\xa1\xc0,\x01\xa3\xc7]`\xb595|\x84\x02\xde\x9c\x07M\xf8.\x92\xd1\x11\x11K\xc4\x16\xa2|\xa4\xcd\xc8O}He\xd6\xce\xee*\xde\xe1G\xbe\xd4'</t>
  </si>
  <si>
    <t>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</t>
  </si>
  <si>
    <t>b'\x85\x13\x12z\xee\xb9\xdb\x989\xb3\x84&amp;6\x18\xdbq'</t>
  </si>
  <si>
    <t>en, sir? Hands, 
 if possible," said the captain. 
 Trelawney was as cool as steel. He looked to the priming of his gun. 
 "Now," cried the captain, "easy with t</t>
  </si>
  <si>
    <t>b'\x12\x82\xc9\x0b\x8e\xde\xcd\\i\xa6\xc5\x85}\xb3\x7f\n\x12\xe3Vc\xc2\x84"\xd2\xa7\xba\x7f)\xa9\x97/\xbcmd\xfd9\x17\ne\xaea\xdc\xdb\xb4\x86\xe6\x97(3\x9bs\x12\x8c!\xffF\xa2.\'y\xd7n\x11O\x882\xef\xc0\x961\xe4\x81\'L\xddx\xa7U\xcbq\x1a\xd4\xc3\xd2\x93\xd8d\xbcY\x97T,\xf7\x16\xe0w\x11\x11\xeb\xe9q\x0e\x85\x08\xba\x8f~\x0e\xfc\xc6\x89\xb4|I\xbb\xec03\xa8\xael\xe5\xe7\xc8\xb2\xa4k\xa4\xcc\x0b\x83C\xb1\x9e\xd8k6\xda\x88\x94\xc2R;)\x138\xc1_\'\xc8\xcf%\x01mS=\xd9\xf0j\xc8\x99\x18\x05\xe0\x85\xde\xc2n\xa1[V\x1et\x8ekv9S\xb5\x8c\xab\xae\xcf:\xac\xcc~@\xddOX\xfd\xaa\xaf\xeb\x8e1\xb8}\xfey\xe8\xea\x03\xc8\x9d\xed-\x10\x15\xa8\xfd8\xa8\x19\x97\xae\xca\xe7\t`\xb4\x15\xaf{w\xcf\xcdJ\xec.\x1f\xd5\x91\xcc!QK\xc2\xac\xf3\x90\xb6\xdc\x87\xb6\x19\x98j\xed\xe4L\xc8}rD'</t>
  </si>
  <si>
    <t>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</t>
  </si>
  <si>
    <t>b'\x12\x82\xc9\x0b\x8e\xde\xcd\\i\xa6\xc5\x85}\xb3\x7f\n'</t>
  </si>
  <si>
    <t>lative to a reference point
   - Displacement (Î”x) is the change in position over time
2. Velocity:
   - Average velocity: v_avg = Î”x / Î”t
   - Instantaneous velocity: v = lim(Î”tâ†’0) Î”x / Î”t = dx/dt
3. Acceleration:
   - Average acceleration: a_avg = Î”v / Î”t
   - Instantaneous acceleration: a = lim(Î”tâ†’0) Î”v / Î”t = dv/dt
4. Equations of Motion (for constant acceleration):
   - v = v0 + at
   - x = x0 + v0t + (1/2)at^2
   - v^2 = v0^2 + 2a(x - x0)
These equations allow us to predict the motion of objects under various conditions, forming the basis for more complex analysis in dynamics.
### 2.2 Dynamics
Dynamics is the study of forces and their effects on motion. It builds upon kinematics by considering the causes of motion and changes in motion. The cornerstone of dynamics is Newton's laws of motion.
Newton's Laws of Motion:
1. First Law (Law of Inertia):
   An object at rest stays at rest, and an object in motion stays in motion with the same speed and in the same direction, unless acted upon by an unbalanced force.
2. Second Law:
   The acceleration of an object is directly proportional to the net force acting on it and inversely proportional to its mass. Mathematically: F = ma
3. Third Law:
   For every action, there is an equal and opposite reaction.
Types of Forces:
1. Contact Forces:
   - Normal force
   - Friction
   - Tension
   - Spring force
2. Action-at-a-Distance Forces:
   - Gravity
   - Electromagnetism
Understanding these forces and how they interact allows us to analyze complex systems and predict their behavi</t>
  </si>
  <si>
    <t>b'\x03\x92\xf1\x1f\xb5U\xad\x89\x920\xb6\xa8\xf5\xfea\xa3\x1d\xda\x9aD\xd0\xce\xbd\x92m\xfe\xb2\x83\x8a3\'[a~\xb2k\xac\x10mH\xa7\x9a\x9aJ\x97BE[\xb6 \xa8Ph_\xd6\x14\x98nG\x14T\xa5\x00\x01,\xa3\xef\xf6!\xdbh\xaf0\xd7|\x8f\x180\xe4\xe8W\xd7\xcdIW\x91\xcc&amp;\x9a\xa6@\x95#4\xfas]\xb1L\x03K\xb2\xb8\xd4\r;\xf6&gt;W`\x96E\xe2\xb6\xe1\xb5\xe7\xce8T\xa4\xec\xad\xf5\xd1\x01aNO\x1b\xcaw%\xa2\xb4\x98\x89\xd0a\x93\xfa\xc9\xc2\x96f+\n\x8e\xf7\x05D\xb9;\xcb\xef6\x93\xc6\xb3UZ\xe6\x95\xa7\xbda\x0e\xc6_\xcb\xc6\x1b]\xaeF\x7fOx\xbc&amp;\xc5\xbfr\xf5\xb4n\xee&gt;\xfcj\xb1\x86C|\x92N\x190) .\xa8\xdff\xa1\x7f\xa0\x1e_\x8a\xc9\x05tr\xf6\xfe\xa1d\xc6\xdb\x03\xa2*\xff\xb8\xd5\x9a\xe8TC4B\xf2\xf4:\x83r+[Y\xcc-\xc3%\x80\xf6\x7f\xc6\xc8\xa3\xe5y\xfc\xcf06\x14W\xdd5X\xb9_S\xe3\xea\xe4\xd7(#\xa7ifO9k\x01\x16\xfd&gt;\xdd\x1e\x8b\x03\x19j\xbf"\x08\x89zN\x94\x98\xc2O\x15\xd6yC\xb3\x97D\x0c\xb1\xae1\xea\\:|"\x07\x1e\xfd\x81\x91\xf8rkD\x95\x08G\xed\xcb\rB\x1f\x14\xed\x02\xb10\x0e\x1e\x83\xef\xe4\xcf9\x16G\xa3i!\xc5E}\x0b\x1b\xda\xbe\x1a\xec\x15$o\x9d4\xc71\x00\xf3\n,/L*\x88\xd1\xb5\x19\xa8Kgx\x90\xeat\xb2\x91\r\x8f\xf2\xc9\x88\xfa\xcb\xc42&gt;-\xff\xceD\xb09\xd5\x84GW\xee\xea\xc1]\xf3\xc3f\xe4\x1c\xf4\x85\x87.\x0e\x8a\xdfW\x8fs`W\x94\x8b\x06\xae\xccsX}\x0eay\xec#PG\xd7\xb6\x0b0\xd0w[\xd8\xec\xa3\x01\x03~\xb8\xb86Qb\xa7\xee\xeft\x8bz\x07\xf4&lt;\xac{\xa3\x044O\x1c#\x95\x81\x8d\xd0\xf2\xd7~+D\xb9\xb1\x9d%\xf4\xff\xaa2\xdb\r\xed\xf9{hw\xf6 f[\xf5\xbe/\xb1?P\xa2\xd0m\xf4\xf3\xad0\xfb.\xe4MC\xd8\x18i\x1e\xaa\xa0\xc9E\x8b\xd8\xa6oI7\xbf\xc3\x05\xa1\xec\xc7\x9fL\x9b\xedb\x1d\xd1\xf7\x86K\xd9\x99FC\x1d2|\x17\x98 \xbc\x07\xfd\x8e\xb73hH\xfc\x84:\xed\x82\x83\x8d\x0c\x06\xbb\xe5\xc2=\xf5\xd1\xcdg^[\xdc\xfd\xf3\x97\x1b\x86\xa2\xb3\x97U\xb1\xc4\x05\xc6\xe3\x9f\xcf/X\xcb\xacJa\x9eT\xcfM\x8a\xdc47~\x1a&gt;\xc4cI6\x8f\xdf\xbd\xff\x87\x14\x84\xe1\x858&lt;\x9ag\xffvB\x83\'\x17\xc8z\xce\x8c\xa2\xf2cB\x18k=\xed;\x82\xf1yT\xd5\x92\xee\x9f\x93\x08\x9b\xc2 \x15\xf7J\xe3\xe6\x91E\xb4/x\xf2\nQR\x96\xc9E\xa6k\x91\x18\x95\x06\x00\xff\xc9&lt;\xccb\xe8J,\x16t4\xa5\x96\xcb\xe9\xf2\x9ab\x14M\xf0\xb8OA\xa0-\xaf\xc8\xda[\x1d\xdd\xa9\xef\n\xe9k@\xad%g\xde\xb0\xfcB\xfa\t\xe0o\x1c\xed\xdfT\xdd\x9fc\xa9li\xaaY0}\x8e\x13vo&gt;R\x8f\x89\xc3\x03Jq\x89\xf5\xec\xa7\xc2\x8f\xbe\xa6M\xd6\x16*\xd5AI"\xa9\x83+U4_\x96\xa75\xddq\x1a\xcf\x88\xac\xdbW\xf5\xb1\x08\xf3\xcbau\xda\xa1=eFF&gt;}O\x0e\x9c&lt;\xaa\xd2z\x14\x83\xee&gt;\x07k\xb0\xa1\x8f\xd9f\xf3\x83&lt;\xaa#\xbf)\x93\x87\xa2\x80\xfd\xbb\xa8\xf4\x91\x04\x1f\x18T\n^\xd7\xb5\xa6o\xdd\x88\x91\xf8\x80B\x9d\xe4\xe25\x1b\xa7\x1e^\xceV\xab4\x93^ \x7f\x9b\xad(\xac:\xc6\x98Fh\x91\x8a\x19\x1f\x1b\xd7@?\x08lJ\xd4\xf5\xb4\\$!X%\x9em?\t\xb8\xedhP\xf9\xc8&lt;4\x11*[\x16\xd1\xd2:\x87\x96;\xec\x9e#JG?\x94\xd2(\x06&gt;)\x19\x90ZD\xaeBu\x8d\x132\x0f}\x96\xb4\xcc%^\xc8\x1d\xc9\xb6{\n\x14"uG_\xfb/\x90\x19d\xf1\xf7\x08\x9f\xc2\x1a\xed\x8e\x1cr\xc9\x99c\xce\xb8yt\xa7$:\xc1=*N."\x87\xc4{4\xea\x86\x10_q\xc2\xcf\x05$\xcf\xc1?%#\x96\xf0\xca\x9d3\x86\xe8\x8bd\'}\xc6\x01\x8e3B\xd3)\xa2\x8b\x15\xe3Z\xe4F\x90}\xeb\xb4\x94\x07\xfc\xfcF\xce\xf6\xa2\xd3\xe4\xcdRl\x99\x0e\xf7\xba\xd4\x8fQ\x85\x11v\xc7O\x9b(\x07\xd9\x87[\xb2:p\xee\x19\xc95\xb8\x9c\xd1\xe6\x97\xfe\xba\xb0x\x0b\xbe\xad\x10\xa2\x90S\xf2\x84\xd7\xdbR\x90\x96mZ\x98:&gt;e+\xf4\xef\xb9\x87/Q+\xa9\x91\x13t \x90\x1f\xcf\xa8\x96\x82T\xc9\xf8v.[t\n6\xe0\x13q\xd7\x9b+\xf4)\x17b_A\xb7L\xeau\xad+\xb2%y\x07P\x12X\r\xd4\xea\xb9\xc5\xf7\x0bY\xdb\x84\xc1@\nd!\xc9\xcd^\r\xa1s\xff\xcb\xd4hy\xccsU\x07r\x02\xa4\x17)\x92\x8fs\xbd\xc9\xa4\xb2\xb1\x1d=\xa0\xe1K\xef\xa9V\xd0\xb62\x04\n,\xdfUh\xea\xd8Db\xbf\xed\xe4\xaa\xd6@\x8cDe\xd38n\xaf\xc2K.\xd4\xf0\xd9|\x90\r(\xa4\xa9r9\xb9\x8b\x90\xe2\xab\xe7a\x8c\xc0#0\xb6We\x819\x1eo\x9e\x13\x94\xbei\xe3\xcfG\xe4\x92\xf1\xde\xaeq\xcc\x1eg\x86/\xcb\xbcm\x80\xca\x00\x96\xe9F\x10\x02\xc3\x80.(\xc8\xd8\xa3\x18\x00\xdbzx\x05N\xc0\x01-3\xdc\x9cY\xf3\xb3-&gt;qC[\x86\xb0\xe8\xac3\x0bc\x98%\xf1\xc45F\x92\xf5\xe6Dc|\x15\x85R\xd2\x9dP\xbf\xb0\xe0\x10\x01\xef\xf9\x17\xb6\xa8\x0e)\xbc\xf9yH\x87cQ\xed\xd9\xd6C\xb7\n\xb2E\xdb\x9c\x99$m\xdc=L\xc81\x9bGY\xde.\xf9&lt;\xb5\xfa\xa6b\xf4\x9e\xed\xeb\xe4`A\xb7\xb3\xabR\xc4&amp;\xa0~y8\nr\x8d\xf6\x07\x17\x10F^\x9d@\xb7\x1fW!\x1aU\xfe\x8b+\xe4U\x8f\xca\xf0\xcch\xd7\x9a^+(bM\x80\x98\xf9@\xf4\xf2\x87\xee\xac\xa3\t\xe7\xc5k\x9fe\xe8\x12g\x07,y\x87j\x13d\xee\xfd\x94\xa837\xda\xa5\xab\x96\xa1\x9eS\x87\t_;\\\x186JL\xbc\xc3\xe2\x1a\xc7\xbe\xf7&gt;ii\xf02\x0f\x10PvC\x9e\x9d\xd7\x0bzx\xa8HB\x04a\x90\x1cd\xd4\xc4J\xdfB\x8eW@\x02Db\xbb\xa9\x1c\xfa\xa6s\xf0\xbc0["\xb8\xc6\xae\xd3\xed\x98\xccT"\xef`\xe2O\x13\xb5'</t>
  </si>
  <si>
    <t>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</t>
  </si>
  <si>
    <t>b'\x03\x92\xf1\x1f\xb5U\xad\x89\x920\xb6\xa8\xf5\xfea\xa3'</t>
  </si>
  <si>
    <t>her to take off that preposterous pink silk gauze, and put the
 black one on, whether it is too short or not. She has done with finery!"
 Then Miss Amelia began to wring her fat hands and cry.
 "Oh, sister!" she sniffed. "Oh, sister! What CAN have happened?"
 Miss Minchin wasted no words.
 "Captain Crewe is dead," she said. "He has died without a penny. That
 spoiled, pampered, fanciful child is left a pauper on my hands."
 Miss Amelia sat down quite heavily in the nearest chair.
 "Hundreds of pounds have I spent on nonsense for her. And I shall never
 see a penny of it. Put a stop to this ridiculous party of hers. Go and make
 her change her frock at once."
 "I?" panted Miss Amelia. "M-must I go and tell her now?"
 "This moment!" was the fierce answer. "Don't sit staring like a goose.
 Go!"
 Poor Miss Amelia was accustomed to being called a goose. She knew, in
 fact, that she was rather a goose, and that it was left to geese to do a great
 many disagreeable things. It was a somewhat embarrassing thing to go
 into the midst of a room full of delighted children, and tell the giver of
 61
 the feast that she had suddenly been transformed into a little beggar, and
 must go upstairs and put on an old black frock which was too small for
 her. But the thing must be done. This was evidently not the time when
 questions might be asked.
 She rubbed her eyes with her handkerchief until they looked quite red.
 After which she got up and went out of the room, without venturing to
 say another word. When her older sister looked and spoke as she had
 done just now, the wisest course to pursue was to obey orders without
 any comment. Miss Minchin walked across the room. She spoke to
 herself aloud without knowing that she was doing it. During the last year
 the story of the diamond mines had suggested all sorts of possibilities to
 her. Even proprietors of seminaries might make fortunes in stocks, with
 the aid of owners of mines. And now, instead of looking forward to gains,
 she was left to look back upon losses.
 "The Princess Sara, indeed!" she said. "The child has been pampered as if
 she were a QUEEN." She was sweeping angrily past the corner table as
 she said it, and the next moment she started at the sound of a loud,
 sobbing sniff which issued from under the cover.
 "What is that!" she exclaimed angrily. The loud, sobbing sniff was heard
 again, and she stooped and raised the hanging folds of the table cover.
 "How DARE you!" she cried out. "How dare you! Come out
 immediately!"
 It was poor Becky who crawled out, and her cap was knocked on one
 side, and her face was red with repressed crying.
 "If you please, 'mâ€”it's me, mum," she explained. "I know I hadn't ought
 to. But I was lookin' at the doll, mumâ€”an' I was frightened when you
 come inâ€”an' slipped under the table."
 "You have been there all the time, listening," said Miss Minchin.
 "No, mum," Becky protested, bobbing curtsies. "Not listenin'â€”I thought
 I could slip out without your noticin', but I couldn't an' I had to stay. But
 I didn't listen, mumâ€”I wouldn't for nothin'. But I couldn't help hearin'."
 Suddenly it seemed almost as if she lost all fear of the awful l</t>
  </si>
  <si>
    <t>b'\x05\xd9\xfa\xe1%\x1a\x93\xb3'</t>
  </si>
  <si>
    <t>05d9fae1251a93b3</t>
  </si>
  <si>
    <t>identical values of Î» and source
 degeneration).
 R
 V
 out
 in
 R
 v
 v
 VB r O R
 r O
 R out1 R
 (a) (b)
 S M
 D
 DD
 1
 M 1 S
 RD
 out
 Figure 17.56 (a) General CG stage, (b) output impedance seen at different nodes.
 844 Chapter 17 CMOS Amplifiers
 R out
 V
 R
 in v
 V
 R
 v out
 V
 R
 in v
 v out
 Vb
 R
 V
 R
 R
 R out
 (a) (b)
 M 1 M 1 M 1 M 1
 RS
 D
 DD DD
 D
 RS
 D
 S S
 S
 DD DD
 Figure 17.57 (a) CS stage and (b) CG stage simplified for output impedance calculation.
 Example
 17.31
 For the circuit shown in Fig. 17.58(a), calculate the voltage gain if Î» = 0 and the output
 impedance if Î» &gt; 0.
 V
 R
 DD
 D
 Vout
 M 1 Vb
 in M 2
 X
 RS
 in v g
 1
 v X
 m2
 g
 1
 m1
 M 1
 RS
 r
 R
 O1
 out1
 g
 1
 m2
 r O2
 (a) (b) (c)
 RS
 V
 Figure 17.58 (a) Example of CG stage, (b) equivalent input network, (c) calculation of output
 resistance.
 Solution We first compute vX/vin with the aid of the equivalent circuit depicted in Fig. 17.58(b):
 vX
 vin
 =
 1
 gm2
 ||
 1
 gm1
 1
 gm2
 ||
 1
 gm1
 + RS
 (17.157)
 = 1
 1 + (gm1 + gm2)RS
 . (17.158)
 Noting that vout/vX = gm1RD (why?), we have
 vout
 vin
 = gm1RD
 1 + (gm1 + gm2)RS
 . (17.159)
 To compute the output impedance, we first consider Rout1, as shown in Fig. 17.58(c),
 which is equal to
 Rout1 = (1 + gm1rO1)
 _x0002_ 1
 gm2
 ||rO2||RS
 _x0003_
 + rO1 (17.160)
 â‰ˆ gm1rO1
 _x0002_ 1
 gm2
 ||RS
 _x0003_
 + rO1. (17.161)
 17.4 Common-Source Topology 845
 The overall output impedance is then given by
 Rout = Rout1||RD (17.162)
 â‰ˆ
 _x0004_
 gm1rO1
 _x0002_ 1
 gm2
 ||RS
 _x0003_
 + rO1
 _x0005_
 ||RD. (17.163)
 Exercise Calculate the output impedance if the gate of M2 is tied to a constant voltage.
 CG Stage with Biasing Having learned the small-signal properties of the CG core, we
 now extend our analysis to the circuit including biasing. An example proves instructive at
 this point.
 Example
 17.32
 A student decides to incorporate ac coupling at the input of a CG stage to ensure the bias
 is not affected by the signal source, drawing the design as shown in Fig. 17.59. Explain
 why this circuit does not work.
 R
 V
 out
 C1 in
 V
 V
 Vb
 M 1
 D
 DD
 Figure 17.59 Cg stage lacking bias current.
 Solution Unfortunately, the design provides no dc path for the source current of M1, forcing a
 zero bias current and hence a zero transconductance.
 Exercise Is the issue resolved if a capacitor is tied from the source of M1 to ground?
 Example
 17.33
 Somewhat embarrassed, the student quickly connects the source to ground so that
 VGS = Vb and a reasonable bias current can be established (Fig. 17.60). Explain why
 â€œhaste makes waste.â€
 R
 V
 out
 C1 in
 V
 V
 Vb
 M 1
 D
 DD
 Figure 17.60 CG stage with source shorted to ground.
 846 Chapter 17 CMOS Amplifiers
 Solution The student has shorted the signal to ac ground. That is, the source voltage is equal to
 zero regardless of the value of vin, yielding vout = 0.
 Exercise Does a signal current flow through C1?
 The foregoing examples imply that the source can remain neither open nor shorted to
 ground, thereby requiring some bias element. Shown in Fig. 17.61(a) is an example where
 R1 provides a path for the bias current at the cost of lowering the input impedance. We
 recognize that Rin now consists of two parallel components: (1) 1/gm, seen looking â€œupâ€
 into the source and (2) R1, seen looking â€œdown.â€ Thus,
 Rin = 1
 gm
 ||R1. (17.164)
 The reduction in Rin manifests itself if the signal generator exhibits a finite output
 resistance. Depicted in Fig. 17.61(b), such a circuit attenuates the signal, lowering the
 overall voltage gain. Following the analysis illustrated in Fig. 17.55, we can write
 vX
 vin
 = Rin
 Rin + RS
 (17.165)
 =
 1
 gm
 ||R1
 1
 gm
 ||R1 + RS
 (17.166)
 = 1
 1 + (1 + gmR1)RS
 . (17.167)
 Since vout/vX = gmRD,
 vout
 vin
 = 1
 1 + (1 + gmR1)RS
 Â· gmRD. (17.168)
 As usual, we have preferred solution by inspection over drawing the small-signal
 equivalent.
 The r</t>
  </si>
  <si>
    <t>b'\x1e\xdf\xbd#U+\xd2\x90\xc1\xa5\xb3\x7f\x94*\x0ec'</t>
  </si>
  <si>
    <t>1edfbd23552bd290c1a5b37f942a0e63</t>
  </si>
  <si>
    <t>re 6.59
 6.49. For the arrangements shown in Fig. 6.60,
 plot ID as a function of VX as VX varies from
 0 to 1.8 V. Can we say these two arrange_x0002_ments are equivalent?
 M 1
 0.9 V
 VX
 I X
 5
 M 1
 0.9 V
 VX
 I X
 5
 M
 5 2
 0.36
 0.36
 (a) (b)
 0.36
 Figure 6.60
 308 Chapter 6 Physics of MOS Transistors
 6.50. Plot IX as a function of VX for the arrange_x0002_ment depicted in Fig. 6.61 as VX varies from
 0 to 1.8 V. Can you explain the behavior of
 the circuit?
 M 1
 0.18 0.9 V
 VX
 I X
 5
 0.18
 5
 M 1
 Figure 6.61
 6.51. Repeat Problem 6.50 for the circuit illus_x0002_trated in Fig. 6.62.
 M 1
 0.18
 VX
 I X
 5
 0.18
 5
 M 1
 VDD = 1.8 V
 Figure 6.62
 7
 CMOS Amplifiers
 Most CMOS amplifiers have identical bipolar counterparts and can therefore be analyzed
 in the same fashion. Our study in this chapter parallels the developments in Chapter 5,
 identifying both similarities and differences between CMOS and bipolar circuit topologies.
 It is recommended that the reader review Chapter 5, specifically, Section 5.1. We assume
 the reader is familiar with concepts such as I/O impedances, biasing, and dc and small-signal
 analysis. The outline of the chapter is shown below.
 âž¤
 General Concepts
 â€¢ Biasing of MOS Stages
 â€¢ Realization of Current
 Sources
 MOS Amplifiers
 â€¢ Commonâ€“Source Stage
 â€¢ Commonâ€“Gate Stage
 â€¢ Source Follower
 7.1 GENERAL CONSIDERATIONS
 7.1.1 MOS Amplifier Topologies
 Recall from Section 5.3 that the nine possible circuit topologies using a bipolar transistor in
 fact reduce to three useful configurations. The similarity of bipolar and MOS small-signal
 models (i.e., a voltage-controlled current source) suggests that the same must hold for MOS
 amplifiers. In other words, we expect three basic CMOS amplifiers: the â€œcommon-sourceâ€
 (CS) stage, the â€œcommon-gateâ€ (CG) stage, and the â€œsource follower.â€
 7.1.2 Biasing
 Depending on the application, MOS circuits may incorporate biasing techniques that are
 quite</t>
  </si>
  <si>
    <t>b'%"\x03\xc9@\xc7\x16\x1f\xe1\xcb\xe24\xd3B\x86\x86'</t>
  </si>
  <si>
    <t>252203c940c7161fe1cbe234d3428686</t>
  </si>
  <si>
    <t>of goods sold), 65
 commitment, to business, xxxviâ€“xxxvii
 communication
 about backorders, 108
 with customers, 104, 123â€“124
 communication channels
 creating, with influencers, 156â€“157
 separate, for hot lists, 90, 170
 community. see also audience
 building, after launch, 126â€“127
 importance of building, 84
 competition
 cooperative, 141
 learning to ignore, 107
 and unique value, 140â€“142
 condiments, 173â€“174
 contract manufacturers, 46
 control, of business, 175â€“176, 180â€“181
 conversion rates, 110
 cooperative competition, 141
 cost of goods sold (COGS), 65
 CozyPhones, 143â€“145
 creating value, xxxiii
 cricket flour, 156
 CrossFit, 30
 crowdfunding, 67â€“69, 168
 cryptocurrencies, 71
 customers, xxix, 23â€“41
 acquisition of, 27â€“28, 156â€“158
 building brands for, 27â€“31
 business impacting, xxxiv
 connecting with, during launch, 108â€“112
 before crowdfunding, 68
 defining ideal, 166â€“167
 entrepreneur spotlight, 39â€“41
 as focus of business, 25â€“27
 foundational questions about, 35â€“38
 gateway product selection, 32â€“35
 identifying and understanding, 30, 36
 importance of connecting with, 96â€“97
 importance of early, 101â€“104
 keeping focus on, 179
 li</t>
  </si>
  <si>
    <t>b'\x95\xda\x9c_\xb4q\xbf\xd8\x9a+\x89\xf6\'\x06_\xa3\xdc\xec\xb8\x14\xe3\xf2\xf9\xef\xafg=\xf3\xfd\xd1\x82\x80\xf7Z\x06]J\x9e8\xbb\x02 \xf3*?\x10g\x01\xf7g\xfcM&gt;\xf7\xb2\x0bQ\x88\x05.R\xa5\x14\xf9M\x91\xc5\x1e\xfb\xfd\x16\x1fep\xeaTm\xe7\xd8\xe6\x1e1\x7fu\x1e\xad\xce\xa1\xd5H\xe2O\xcbp\n\x9d\x1b\xea\xa8N\x03\x15\xcd\xb5\xbd\xae\xe7\xb3\xfe}nz\xb0/\x92\x85&amp;C\x13\x80\x80\xd0l\xeb\xf6C\x16\xa1n\xd4\xd3\xc9\x1e\x8f\xc4\xf5\xe8w \r,\x89,\xa3\xafD*h\xec\xab\nT\xadS\xf6I\x9e\'l\x11\x94\x18T\xe5\x94\xdeo\x01\x9d\x80\xd8E\xdc\x9c|\x86\x99\x89,\xa2YP\x96\xdc\x03Q3\x15E\xfe\xe1\xff!\xe8\x18\xe3\xe1\x98Z%\xe9`\x82M\x18\x9dc\xec\xdfseXt\xd8\x05\xf5\x87\xa5\xd1\x83\xd0x\xf7\x93\xe6\xfd,\xbb5\x18\x9e\xd7h\xa8\xde6\xdd\xa2K]9J\x06&gt;g5\xcdZ\xde\x02\xc8\xc6\xc2"D\x8e_XG\xa2\xa3\x19\x87\x9bc\x02C\xbe:l\xdf\xe6S\xe6\xf7\x83q\xa3\x93\x04\xe4\x1f\n\xbc\x84G?5\xa0\xfey\xd0\x97\xd2\xe3Z\xf2\x9e\x15\x01\x9e~TIm1\xb1S\xdfuB\x83\x9f\xb9\x94t;h\xc1\xeeh\x9b^,3\x85\x08\'\x1a0J\xb3\xb5\x18\xef\x97\xed\xf3\xcd\xc1\xae\xf2\xd6\x9c\xef\xd0\x92O\xc7\x14@C\xac\x0bJ\x91F\xe1\x89\xc8\x93C\x8fQu\xbfF\xba\x1d\x82\x0f\xa7\x16\xcb1\x99\x0c\x89\x94\x02\xfa\x0b\x85\x18.\x05\x84\xaa6n8\xee\xb6XB\xd4\x96U\x8f(\xd5\xf7\x8a&gt;(H\xe2\x88x\xb2\xda\xcd\x02U7\xec\x19\x86\xe7k\xc38w8B\x89\xf2[\x04hp\x12\xa6|\xb6\x1cb:\x90\xeb\xa9y\x8d\xe5\xbe\x86]\xaf\x8d\x11\x8ab\x8a\x99w\xd5t\xc4\xff!\xd4&amp;\xaf\xa1\xd8\xfb`\x98\x17\x11\x9d\x1a\x05\xb8\xa4\x170\x92]\xea"\xdf\x86\xad\x15,D6\xdbA\xa5rF\x04G\xde\xef\xc2\xcc\xccdl\xb9z\xa0\x82\xb9\x97f\x1aa\xd9\xaa9E\xd7\x8c"\x12\x1d\xab.[\x06"\x01\xf3\xa9Pf\xd4\x1ex\x12\xcf\xc6\x83\xc6\xff\r\xff\xe4\x94\x19\n\xe2\x1d\xa0\xfd\xd4\x90\x96k*N\xee\xb6\\\xd2\x10\x8f\x8f\x82P\x9e\xa7Fw(\xf3\x15`S\xc4\xba\xf4\x1c\x8f\x1d\xad\x9e\x877~8\x99~\xff\x07\xf87\xa3\xd7\xa0\xbc\x8f\xca01\xf7\x9b\x9e\xeeSx\xeafQ\xd0\xb3\xa7\xe88$,\'\x8b\xba\xf4\xc4\xa2\xfa\xe5\x8e\xca\xed\xd1\x9cN\x08\xf1\\E\x9a\x1cy\x96\xa1%f\xe6\xc2\xe5F\x1c*\xccF\x94\xdcC\xe1\x05\x1a\x1d \xa7\x8c\xcd\xe4,E\x0eQx\xbd\xae\xb5\x99(K\x8c\x7f;\x8a*\x85Ul\x85k@g|G\xb3\x1c\x88\xe15\x89IA\xed\xe0\x16\x83\x8b\xc3\xcc\xb4\xa2Q\x06|!\x04\xc3\xc5\xa5;\xbb\x18Ay\x9eGF\xba&lt;0=\xfbk\xfe9\x929\x96\x9f\'\xf2\xbd\xec\xfa\x1c(\x06.j\xfd\xcf^\x0c\xc6\x03\xd2\xa4\xff7\x07\x94\xce\x1d\x1f8\xff\xcd\xe2r\xe7[y7\x8c\x028_co\x81\x99Py\xfa\xd5\x85\x12Qc\xcb@\xa3(\xf0Pd[\xc62n4C\x19$\x85\x17\xe0\xe6\x931I\xfeJ\x81\x18\x04v\xe22\xe2\n\x9d\xb4\x14\xfc\xc3\x1f\xb5\xbe\x94\xedc\xb8\r\xa34q\xa4\x9c\x0c\x88Eh\x11\x1a\xf7\x14\x1cB\x86\\\xf7&amp;K\x1b\xed\xd58H\xa7\xc0\x9ere \x8c}b)\xb2\x18\xcfoa\xd1Z\xd7\xfff\x863\xe8\x99\x1d\xd5y\xc0R\xd6\x15\xf1\x98\x0b\x8f\x04\x9ffM\xbf[|\xc6[\xc0\xd4\rUU\xb7\xd2\x0fL\xf3;\xec)\xf9?i\xad\x93\x0f\xdc\xaeN{\xb6\xe7\x10\xcd\xf2\x0c\x86E=J"\xa1\xb0\xeb\rmY\x8aW\x19==\xa8\xdf\xc8\x84H\xd4m2\xe5\xd3\xb25O\x05fsV\xc5\r\x1e\r\x1c\xd5X\x8b\x18\xfe\x19@k\xb4\xc3{\x89\x9a\xfa\x15zv\xdf\xb7\xc8\xf1\xb6V5&gt;\xcf\x1a\t\xccJ\xf3\x8c\xc4\x86\'\xd7_\x81\xd1\x92TN\xebO/Y\xec\xa4|\xe7\x05\xfb\x86&amp;\x08\x07\xc64z\n \\_\xa3\xed\x86\xb2\x90\xd2\xc1\xf4\xb4\xf2*\xbfy\x90&amp;@B\x1c\xa7 7\x1d\xdf\xa6\x8d+=\x7f\xa3\xffC\xbe\xa8\x8c\x1b=\x98m\x9b\x96!\xe3?}\x17)\xd5\x81:\xe5Xd\x17\xbehsUWl\xa7Q\xd1"\x7f\x91-\xe5\xa9\xc4\x82"\x17\x05\x1b\x14\xe6m\xa5(\xbd\xc2\x10\xd1L\x9b\'l%\x9d\x94\x95\xde&lt;%\xe5x\xda\\\x9aY\x8cugp\'A\xb8&amp;\xb0&amp;\x96\xd2\xb3\xf0\xa3\xf9v\xfd\x08\xb8\xae\x1bq\x151\x94\xbc\x9c\x85\x9c[Xm\x9c\x91\xb4\xa3&gt;P'</t>
  </si>
  <si>
    <t>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</t>
  </si>
  <si>
    <t>b"\x95\xda\x9c_\xb4q\xbf\xd8\x9a+\x89\xf6'\x06_\xa3"</t>
  </si>
  <si>
    <t>gon of the foreign exchange
 market, we would say that Radio Shack has hedged its foreign currency risk.
 From now on, when we mention an exchange rate but donâ€™t specify whether it is a spot
 rate or a forward rate, we will always be referring to the spot rate.
 Foreign Exchange Swaps
 A foreign exchange swap is a spot sale of a currency combined with a forward repurchase of
 that currency. For example, suppose the Toyota auto company has just received million
 from American sales and knows it will have to pay those dollars to a California supplier in
 three months. Toyotaâ€™s asset-management department would meanwhile like to invest the 
 million in euro bonds. A three-month swap of dollars into euros may result in lower brokersâ€™
 fees than the two separate transactions of selling dollars for spot euros and selling the euros
 for dollars on the forward market. Swaps make up a significant proportion of all foreign
 exchange trading.
 Futures and Options
 Several other financial instruments traded in the foreign exchange market, like forward
 contracts, involve future exchanges of currencies. The timing and terms of the exchanges
 can differ, however, from those specified in forward contracts, giving traders additional
 flexibility in avoiding foreign exchange risk. Only 25 years ago, some of these instruments
 were not traded on organized exchanges.
 When you buy a futures contract, you buy a promise that a specified amount of
 foreign currency will be delivered on a specified date in the future. A forward contract
 between you and some other private party is an alternative way to ensure that you receive
 the same amount of foreign currency on the date in question. But while you have no
 choice about fulfilling your end of a forward deal, you can sell your futures contract on
 an organized futures exchange, realizing a profit or loss right away. Such a sale might
 appear advantageous, for example, if your views about the future spot exchange rate
 were to change.
 A foreign exchange option gives its owner the right to buy or sell a specified amount of
 foreign currency at a specified price at any time up to a specified expiration date. The other
 party to the deal, the optionâ€™s seller, is required to sell or buy the foreign currency at the
 discretion of the optionâ€™s owner, who is under no obligation to exercise his right.
 Imagine that you are uncertain about when in the next month a foreign currency pay_x0002_ment will arrive. To avoid the risk of a loss, you may wish to buy a put option giving you
 the right to sell the foreign currency at a known exchange rate at any time during the
 month. If instead you expect to make a payment abroad sometime in the month, a call
 option, which gives you the right to buy foreign currency to make the payment at a known
 price, might be attractive. Options can be w</t>
  </si>
  <si>
    <t>b'0E\x02 \x15\x0e\xbf+*?\xea\xab\xffk8\x10@\xc6\x7f\xe5t\x7f\xf9\xcd\xe3\xf3\x8d\xde\xa0\xbbB\x90g\xc4g\xfe\x02!\x00\xca"\xdf-.#\xd4X\x07\xfb\xd4pvWf\x95\xfdE&amp;\xc2\x8c\xb4\xee\x1e&amp;=(\xf1J{\x8b\xe1'</t>
  </si>
  <si>
    <t>30450220150ebf2b2a3feaabff6b381040c67fe5747ff9cde3f38ddea0bb429067c467fe022100ca22df2d2e23d45807fbd47076576695fd4526c28cb4ee1e263d28f14a7b8be1</t>
  </si>
  <si>
    <t>b'0E\x02 \x15\x0e\xbf+*?\xea\xab\xffk8\x10'</t>
  </si>
  <si>
    <t>h take place at t = 0). But they are
  not simultaneous in Â¯ S, for the Lorentz transformations give Â¯ xA = 0, Â¯ tA = 0 and
  Â¯
  xB =Î³b,Â¯ tB =âˆ’Î³(v/c2)b. According to the Â¯ S clocks, then, B occurred before
  A. This is nothing new, of courseâ€”just the relativity of simultaneity. But I wanted
  you to see how it follows from the Lorentz transformations.
  Suppose that at time t = 0 observer S decides to examine all the clocks in Â¯ S.
  He finds that they read different times, depending on their location; from (iv):
  Â¯
  t =âˆ’Î³ v
  c2
  x.
 522
  Chapter 12 Electrodynamics and Relativity
  S
  S
  clocks
  x = 0
  x = 0
  clocks
  FIGURE12.18
  v
  Those to the left of the origin (negative x)areahead, and those to the right are
  behind, by an amount that increases in proportion to their distance (Fig. 12.18).
  Only the master clock at the origin reads Â¯ t = 0. Thus, the nonsynchronization of
  moving clocks, too, follows directly from the Lorentz transformations. Of course,
  from the Â¯ S viewpoint it is the S clocks that are out of synchronization, as you can
  check by putting Â¯ t = 0 into equation (iv).
  Finally, suppose S focuses his attention on a single clock at rest in the Â¯
  S frame
  (say, the one at Â¯ x = a), and watches it over some interval t. How much time
  elapses on the moving clock? Because Â¯ x is fixed, (iv)gives t = Î³ Â¯ t,or
  Â¯
  t = 1
  Î³ t.
  Thatâ€™s the old time dilation formula, derived now from the Lorentz transforma
 tions. Please note that itâ€™s Â¯ x we hold fixed, here, because weâ€™re watching one
  moving clock. If you hold x fixed, then youâ€™re watching a whole series of differ
 ent Â¯ S clocks as they pass by, and that wonâ€™t tell you whether any one of them is
  running slow.
  Example 12.5. Lorentz contraction. Imagine a stick at rest in Â¯ S (hence moving
  to the right at speed v in S). Its rest length (that is, its length as measured in Â¯ S)is
  Â¯
  x =Â¯ xrâˆ’Â¯ xl, where the subscripts denote the right and left ends of the stick. If
  an observer in S were to measure the stick, he would subtract the positions of the
  two ends at one instant of his time t: x = xr âˆ’ xl (for tl = tr). According to (i),
  then,
  x = 1
  Î³ Â¯ x.
  This is the old Lorentz contraction formula. Note that itâ€™s t we hold fixed, here,
  because weâ€™re talking about a measurement made by S, and he marks off the two
  ends at the same instant of his time. ( Â¯ S doesnâ€™t have to be so fussy, since the stick
  is at rest in her frame.)
 12.1 The Special Theory of Relativity
  523
  Example 12.6. Einsteinâ€™s velocity addition rule. Suppose a particle moves a
  distance dx (in S) in a time dt. Its velocity u is then
  u = dx
  dt .
  In Â¯ S, meanwhile, it has moved a distance
  d Â¯ x = Î³(dxâˆ’vdt),
  as we see from (i), in a time given by (iv):
  dÂ¯ t = Î³ dtâˆ’ v
  c2
  dx .
  The velocity in Â¯ S is therefore
  Â¯
  u = dÂ¯ x
  dÂ¯ t = Î³(dxâˆ’vdt)
  Î³ dtâˆ’v/c2dx = (dx/dtâˆ’v)
  1 âˆ’v/c2dx/dt = uâˆ’v
  1 âˆ’uv/c2
  .
  (12.20)
  This is Einsteinâ€™s velocity addition rule. To recover the more transparent nota
 tion of Eq. 12.3, let A be the particle, B be S, and C be Â¯ S; then u = vAB, Â¯ u = vAC,
  and v = vCB=âˆ’vBC,soEq. 12.20 becomes
  vAC = vAB+vBC
  1 +(vABvBC/c2) .
  Problem 12.12 Solve Eqs. 12.18 for x, y,z,t in terms of Â¯ x, Â¯ y, Â¯ z, Â¯ t, and check that
  you recover Eqs. 12.19.
  Problem 12.13 Sophie Zabar, clairvoyante, cried out in pain at precisely the instant
  her twin brother, 500 km away, hit his thumb with a hammer. A skeptical scientist
  observed both events (brotherâ€™s accident, Sophieâ€™s cry) from an airplane traveling at
  12
  13 
 c to the right (Fig. 12.19). Which event occurred first, according to the scientist?
  Howmuch earlier was it, in seconds?
  Problem 12.14
  (a) In Ex. 12.6 we found how velocities in the x direction transform when you
  go from S to Â¯ S. Derive the analogous formulas for velocities in the y and z
  directions.
  (b) Aspotlight is mounted on a boat so that its beam</t>
  </si>
  <si>
    <t>b'R\x88\x95\xd1\x8a(E\x93\x12\xa5W\xb5\xa9\xcer\x15\xb9\x87\x19\xc3Z\xa0cCE\xa9\xba%I\x99\xb5\xc4'</t>
  </si>
  <si>
    <t>528895d18a28459312a557b5a9ce7215b98719c35aa0634345a9ba254999b5c4</t>
  </si>
  <si>
    <t>b'R\x88\x95\xd1\x8a(E\x93\x12\xa5W\xb5\xa9\xcer\x15'</t>
  </si>
  <si>
    <t>is not
improbable that, expecting that he would be able to move rapidly on the capital,
Maximinus had not prepared properly for a siege. Maximinus had prided himself on
his image as a great warrior, but he was appearing anything but great at this point, and
that may have contributed to the sudden change of heart on the part of at least some
of his men.
The regime that emerged in the middle of 238 looks like yet another compromise.
The soldiers murdered Pupienus and Balbinus, but allowed the young Gordian to
live. Pupienus and Balbinus may have appeared as precisely the sort of officials whose
authority the soldiers had resented under Alexander: they were elderly and they were
not about to assert their devotion to the men (they had permitted the praetorian
guard to be besieged by the mob at Rome in the course of the insurrection). Gordian
The Transformation of the Empire: 235â€“337 CE 155
was too young to do much of anything, and it is plain that those who took power in
the new regime, chiefly equestrian officials who had made their careers in the service
of the patrimonium, were primarily interested in reconciling the former supporters of
Maximinus with those who had served the victorious side. One of the losers in all of
this was the man who ought to have been considered the greatest hero of the new
regime, Tullus Menophilus, an ex-consul and member of the board of twenty who
had commanded at Aquileia during the decisive siege (Dietz 1980: 233â€“45). He was
given the governorship of Lower Moesia, charged with treason, and, presumably,
executed. P. Aelius Ammonius, the procurator of the province, replaced him as
governor. Ammonius may be seen as a tool of the group of senior equestrian officials
led by C. Furius Sabinus Aquila Timesitheus, who had played no part in the events of
238, but would now become praetorian prefect. The only member of the board of
twenty whom we know to have continued a prominent career after 238 was an
equestrian jurist named Rufinus, who stressed his equestrian dignity even after he
had been adlected into the Senate (Millar 1999a: 90â€“108). Timesitheusâ€™ daughter
became the wife of Gordian, so that if a question of dynastic succession should arise, it
would be the family of Timesitheus that would play the crucial role. Timesitheus
himself died in 243 after a successful campaign to drive the Persians from territory
that they had seized under Maximinus.
There would be no Gordianic dynasty because Gordian was assassinated in the
course of an unsuccessful invasion of the Persian Empire during 244. He was
succeeded by the praetorian prefect, Julius Philippus, a man from</t>
  </si>
  <si>
    <t>b'9\xdf\xb0\xd1\xde\x9f77$\xab\x04\xb9o\xf29\xc6\xec\xc7\xe0\x8eZ+\n\xcai\x83\x97\xd4MZER\xe5\x11\xa9\xb7L}\xd6\x88\xa9\xac\x15\xce\x10J\xc6\x14A\xf0"5(j\xba*g\xb6\xd1\xd6N-\xb7\x0bU\x14\xdc\xc3\xef&amp;]\xaf\xfb\xa5\x16\x978\xcf\xf3\xe8\xe3\xe5\xf1\x98\x1c1\x15Y\x9e\xe1\xd5\xf9\xde\xf6\x0exf3\xaa\xaf{n\xb51\xbe,\x88`\'\xeb\xd4\x1f\xa504\xe1\x06C\xac\t\xfdP\xf7L\xac\xb8\xbc\xc6\xf6\xa6\x99\xb6\xbb?&amp;\xa8\xda\xcd\xfd\x19\x182\xfd\x88\xcc9\x8f\xc3 \xf8\x9f\xbd\x81\x17\xf3\xe8\xdd\xe3\x7f\x98p/\x82\xa4\x99\\\xc1\xbc\xb6\xc1 \xda\xefM\x7f\xa3f\x97\x07\x16\xbd\xf3\x87\x8b%:\xa5\xeb\xe4\xfc\xd3\'U\xf6\xe5\xf8\x895\x01\xb9J-\xfe\xddCr6\xaf\t\xe8\xf7\xf7\x13\xddG\x7f\x9c\x1a\xa6\x80\x17&lt;\xfe*\x88\xa2u1})h\xe5\xdaj\x80\xe3&amp;\x8d\xbd O:\xd4\xed\x89\xe8\xa0\xb2.\xee\xcc\xab4\x14\xa9c\xbd\xad\xc4\xf6$w\xb8x&amp;|R2\x05d&gt;\xcdI\x84K\x12\x9dDa\xdd/\xa5\x82\x96\x8b:\xc1]\x10\xdds\xdcY\xb4\xf3\x98\x97[oQ \x84\xa9\x0cI\x19\xe0\xcc\xcd\xf6,+\xb2\xbd\x0ft\xeb\xcd\x1dQpU\xe6\x1a\x15\x87\x82&amp;\x9a\xb9F\x9e+#\x92\x8bx1\xe1L6\xce\x10\xc5\xe8\xccS\xd6T\xd44\xc6\x1a\x84\x9e\xcf\x913\xcbv\x06O\xcd\xc3c~\xff\x0b\x08m\r\xe1b\x87\x18\xb7h&amp;\xa1\x88w\xac\xd1=\x9a?of\xfer\xa2\xbc\xd1.\xe5\x95\xb0\xf2\x7f\x8da\xebj!\x03i2\x10\x17u\x14D\x11\x83\x8a\xfaiZ\xea\xd28m:\x95\x17\xa4\xb5\xac/\x94YA,\xca+N\xc2\xa9\xcb4\xab\x1d\xabU\xf2f\x04\xf9b\xef\x1e@\x06\xde\xdf\x13\x8f\xae\x1e\xa7\xb5\xc0&gt;\x97Xc\x98Cu4I&amp;\x95\xfd\x1c5"^Ci\x1bh\xc9F\x979\x13[\t\xc4\xe4\xe5t\x18}\xed\xe3\x17h\xef\xea\x01\xdb\x9a8$0\xef{\n\xaf\xbd\x9d\x0f\xc2\xf7\xf8M\x0e#\xe1\x15\xa5q\xa4,j\x11\xb7\x00q\x13q\t\x8c\x9e\xa1n\x968\x12\xc0\xd0\x8f\xd0\xf6|\xdc\xc7\x7f\xb40u\xb0\xe7\x94+j\x0b\x1aB\xd3\x17\x00\xcb\x1f)\xc7fFFT|\x96B\xa6N%\xc2\x04\xd0\x17No\xd8\x1f\xc2\x06\xb7\x85\x8cY\xe4\x13\xd1\xc5\x87\x92]3\xe5\x834\x19\x19\xb4h2\xbe\xc9\xb4\x82\xae\x96\x03\xf7\xad\x1f\xa4_ \x11\xafhl\x83v\xe8\x8f\x89\xdcS\xe2%A\x0f\x9e~\x97\xd5\x7f\x9d\xc7_\xe0\x814y&lt;\xce\xcc8\xdeU\xe4kv\xea\xe0id\xde\xe9\xeeN@\xcaE4\x9a\x87yo\xebR\xd2\x9a\x10\xf4\xcc\x0b&amp;-.\xc6]Yg\xd9(B-\x05KF\xa6\x0c\xf2+`\x91W\xfa\xc4\x18\xd4\xe4\xed}\r!Xk\x99=\x8f\xf0ul\xb8\xda\x80"\x83\x9a\'As\xa1\x1b\xc0\x9f[\x9f\xb6\xc1\x14V=\x83\x8b\x84#f\x16~B\x1c\x8cmc\xc2\xdc\xe2f\xfa-\xa1\x97y\xf2\x85\xe3\x8a\xa5\x86\xe2\xe7\x94\xfd\x1f\xea\xc8\x06\xa8\x01\\C:\xbe\x84\xff\xa5\xdb]X+i\x14K\x9a]&amp;\xe3\xad\x00\xc9t\xc1x1.\x81\xfc\xb6\xc5%[W\x1e9d6\n\xc8\x03\x08\xc4\x0b\xf6-\xe7\xeb\xac\xa3\x01\xfd\x1f\xabT\x1f\x06\xb8K24h\xf0\xe0\xec\xc2\x89\xd0\xcb\xda\x08\x04g\xb9\xfe\x95\xc5E\'\xed,^\x1d\x8e\xf3\xb9\xfc\x16?\xb5\x19\x8bW\xd7\x11\x87\x19\xe3tk\xcb\x98\x0581\xc8I\xa9X1\xd7g\x03\xf6:\xc6\\\x04k\xd5k\xe8P\x85\xf7\x1b,2\xbd\xc3\x9e\xa3\xcb\xab\xafEJ\xde$\xaayP\x1b\xc9\xf2\x0e\xe9\x97\xb3\xf9\x13\x052y\xe0\x97\xe3\xe7\x83q\x9b\xa6\x1e5\xa9\xab?\xc5\x90&gt;\xc6\x95\xf4i\x00-\t$\x0c}\xcc\xb27+\xee\x8b\xba\xa8\x12HK}\xf9\xd4\x101\xed\x83W\xc7\x91\x14\xac\xfb\xb2g\xbb\xff\xc2\xa5\x93/\xef\x19\x12\xc0\xedMq4\xc774\xd8\xde\xe6^\x968j=33"0\xb5Y\xf7\xab\xadI\xa0\x8b\x03\xecM r\xa6\xdf\xd4\xcd4\x98\xbfe\xc7\xef\xa9F\x10\x05\x1d\xa0\x16\x86\xae\x99\xea}\x8b\xeb\xaa\xf3\x15\x88\x8c"\x08/\x1f\xe6\xe6m\x1d6\xd3\x83\x05J^\xc6\xb4j\x88\x01\xe243\x16e\xc2\xb3\t\x17r\xb0\xf9\xe8#\x05\x96\x04\x80&gt;\xdd\xf3c\xb0Q\xbf\xa3\x85\xb0\x14\xf14g\xc8|\xd9\x88Y\xfc~\xabc\x8dF\xadgM\xb0\xbdY"\x1e3x\xb5\x14\xfe\x00\xf0\xc3Gw\xe7\xa7\xc7\xc34\xc5U\x85\x9d\x0f&amp;\x1f\xf0\xae\xa9\x82k8\xd0\x9egi\xed\xac\xb6\xbdp\xd2\xd8S\x0b\xa81\x07\x7f\x10\xa8\x96\x86\xf8\x16XHR\x94\x0e1{7\t\xe7\xe5\x96\xfed[c\xd3\xef\xeb.+\xce\xddA\xa5\xf1\xd3" V~\xa8\x81\xe9\x07\xe4Ay5\xfdX\xfc\xa4{\xad\xdaH\xb3\nS\x1d\xb5\xb8\x85\xcb\xe5!\xf4\xc2\xdb\xff;F\x8d,X\xcc|\x96|M\xc3\xaf\x1d\xaf\x05\xe9\xc0\xfb\xc5\xa0\xbd\x03\xd5\xf3T\xa6\xc6T\x9f\x82\x83S\xec\xff\xa9\xfb\xcb\xb6\xee\xe5w\xb0[4\xb8\x08ii*\xc5\x06\xc2CZ\x9cj&lt;\x90m\xe7q\x11\x8d/5\xe68\xe2\x8d-\xa9\xfbh*Gw\x90\xbbi\xe0e:\x05*\x94$/\x18Q\xfd\xb0\xb6z\x19\x10\xa4v\x11^\x92D\xc3x\x85\x8fC\x0f0=\xdc\x0c\x0c\xec\xa2\x07\xfc\r\xd3,a$\xc4\xfd\x1f\x89\xc3\xfe\x8e\n\x9f\x01T\x04\xb7"\x9bJ\xadE\xecL\xb1\xfd\xfb\xb9\x87P\x83\xc1k\xc5\xc7\x05p\x94D,\x88F(\x0e\x06\x7f\xfb[A l\\\xed2\x08(&gt;\x91\xcf\x9a\xbd^\x8705:28\r\xf9\xbe\x11\xb7\x18uc\xe6\xa1K\x8d\xee}`\xb99E\x01&amp;v\x01\x06\x1a\xbb\xb2/\x9a\x1e\xc7\x12\x93\x16e\x8a\x07"\x06\xb8.\xb2A\x86\x8e\xd2)!\xb1\x00\xcd8\xe2\n,\xe3\xbd\x16\x8e\xd4No\x98\\\xf8\x9f\x01o\xc3\xdd1\xb0\xd2G\x87\xa8\xd1\x83\xb3\xab\x12\xf5\xaa\x98\xea\x91\xf2\x075\xcf\x9f\xcf\x98Q\r\x9e;\x98rpc\xaf\xbd`\x7f\'\xf6\xfdf\xf1\xee\x11\xab\x0b\xf4\xa9\xca\xbae\x1c\xb8\xb7\x8f9!1+\x8az\xf5?o\xcd \xdc\xa81\x16pYP\xe0\x9a\x1c\xe2n8\xb0\x8d\x1e%\x93\x1a\xa0\x15\x1b&lt;v&lt;t\xb2\xc3\xa7\x03\xe8F"\x8d5_\xe0zY\xb9\x15\x816\x17\\\x14\x8eN\x9b\xfe\x9e]{\xd0-\xc5%\x1f\xce\xbf\x8d\xd5\x19Z\x01\xbb \xbc b\xed\x003u\xf5\x9c\xe8q$ \x978j\xea\xfaL\xd2\xbf\xeeE\xdf$Y\xb7\xe4O\x88wwU\x99&gt;\x15\xe4\xe6\xcd\xc9\xc5(\x02M\x1b\x05\xdb]3uB\x12*\x7f\xafp7\xf2\x84\x04_Z\xb2l\xd2)\x8ej?\xafJ\xc0\x162\x94\x85\xcaa\xafI\x9eS\xad\xbf,\xfd\xa2I\x96\x08\xcaT{1W#\xd8\xa4"C\x1bN\x01,\xc3)\xb74\x82\xa0j\xe9\xd0e)\x84\x96\xd4t\x97\xbb\x98\x0c\x0boE\x87\x8b\xcc\xc6\xe2"#\x9a\xa5\x0b!\xea\x98\x13\xcfPQ\xdf\xb2\ts,\xfa6)\x0cB\xdf_\xcbY\x1dT\xb3\xdek\xff\x9b\x034?\xbb\xf3\xe0\xf11\xce\xa7\x02\xe62\xea\x05qC\x9e`\xd6\n\xfb\xcd^X\x81\xa0\rH\x1b%\xf8\xccw\xef\xa4\xdbK\x89\xf8D\xbe\xd3\xefi\xe0\x10\xacnh\xc1gg8\x19\xbb\x9f!\xd4\x88\xb6\x98\xb5\x1e\xd1vfZ1\tW\xfb/p\xd6\x0fs\xfb\xa0\xe0\xec\x13U\x87\x91A\x8a\xd0\xef\x10\xb7\xc5\xf4\xc3a\x04c\xe3ST\xe6\x98K|\x04g\xa1\xb6PW\xca\xa1\x10s\xcc\xb1\xe0F!v\x8d\x00\xdeFe\x0f\xbf\x89\x8c\x87\xba\xbb\x93!\xe7^\xa5\x19\xcc\xad\x96\xbf\x18\x9b\x0b\xdf\xc7\x8e7M m\x1f\xf2\xd7V\x0cE\x11\x81Vk{\x11\xf4@\x92\xeaJ\'\x18\x98#\x8c\xa8\xbd\xce)\x8f\r\xf6\x1f\xab\xdc\x1b\xd9\xf0\x0c\xa7\xba\xf8I\x18\x1f"\xd3\xa5~s3\xa9\xe6\xfa/\x99\xe4\xca\xf3f\xb1\xd4\xb5O\x08\\R\xf9\xcei\x03\xed\xe0G\xd4a#9\xc2\x0b(\xbeH\xef\x0f\xbdu\x9bi\xb1hF\x0f2Q\x13\xd8\xe7\x1e\'\xdd\xe8\xeb\x99\xc5G:a]\x18\xbb\xfc\xecGz\x8c\xdd\x87S\xf2\xe9\x17U\x9a\xdb^\xbbR\x02\x8fV\x00H,P\xfd\xc0\xe3l|\x0eOJ\x9fyI\\z\xc4y1\x86\xe6\xd0\xfbp\xfe\xe9$\xea!\xc5\x15=\xea\xbep\xdb\xf0\xf5Gg0\xe5\xae\x1c\xba\xd1\x11\x8f\x9b\x8e\x0f}\xc0\xb6\xaa&amp;\xdc\xef\xaaP\x0c\xa5\xb5e\x02\x8a\x15&gt;\x85$\x8a\'\xa5\xcc\xd0\x9a\xd1{\xbc\x1b\x1c\'\x02y\xfd\xf7\xb1\xd6P\xea\x8c\x9b\xfae\xdf\\t\x17\xa2M\xdc\x94q\x04\xaa\x9f7\x80%\x00\xec\xe4\xc4\xbdC\xcc\xf4\x1d\x9daq\xa9C3u\x9d\xb1\xa4\xec\xcbM\xd9\xb0\xd7\xc7\xd2\x1a\x89^\x91=\xe1\xa2\x8c\xf9\xc6\x90\x8cQ\x0e\xafrJ-\xf5U\x9e,\xeb\x82\xa3\x90\x8cU\xd2o\xda$\xed\x8a6S\xdf\x08p\x8f\r\xb4\xe4K\x10\xfd[\xd9\xc0\xd0\xf2\xf1@\xd1\x8e\r\x88\xe0\x84\x85y$\xc3\x9dn\x9a\xbdv\xb0\xa9\xaf\xea@\xf29\xd2\\\x0e0{\x19.\xbaS\x89jU X\x9d\xaf\xa72h\xb7\xe02OJ\xcbt\xb4\x05~[*s\x9e\xb7\xe7\x1a\xe3=a\xe4\xe6-5\xe9]\xb4\x8f\xf0\x90!s\xe0S\x83\xe3 qDL\xac\xc1\xb30]\x80\x0f\xd6\xb2\x9fs\xdf\xd7\xa9\x84\x8b\xc4\x84\xd5=\x1fs\x14\xaf\xe1\xc8+\xf4\x19\'\xfap\xbe\xfa\xc1\x93w\x92v$\re\xe5\x07&lt;\xcb\xd6\xec\x7f\x02@*R\xcd\x1b\x92\xf1F9\xb4\x8f\xfc#\xab\xf9\xe5\x12\xe1\xc0\xfdo \x9c\xfa\xd5\x151\xdd^\x9a\x8d\x0e\r6\xb72\xf3c2o|\xc8\xf0\xd1\x85f8\xf6\x91\xe7\xd0\xd9\xca\xb6v\xb1\xb8\xd7\xea\x07Y\xba\x80\x00_\xccl\xf6&gt;\xa9Qh\xc7\xe2\x07U\x93_\x1d\xa0\x16^\xda\xaf\xd8\xb1\xbbY]\x01#F\xf6\x962\xa7\xfa-\xa0\xbd%\x0f\xcd\xe0\x86\x7f\xbcj\xa8s\xa0\xaa^\x93\x9611jJ]bv\xe3\xc3r\x13S\xad,\xb5K\xb2\x91\x81\x8d\xccP\xe9\xd8\x07\xd3\xb4\xdbw;^_\x1d\x16\xf7(s\xcd\x18\x7f\x7f\x96/\x04_\xd0~\x83\xdevD\xb4\xa4&gt;\xe9z:oZ.\x16\x02\xb9{{\xe4\x1e\xff;\xe2\xe6\xff\x94\xa0\xe8\xd7d\xba\nh\nUh\x89d\xe5\xcf\xf7\x89@&amp;\n\x1bXHi\x17\x95\xa8:\xc4\xcf\xa3\x99\xd7\x12c&amp;T\xb4\xb5\xf3B\xcb@X{\x81\xd1o\xd1\x83\xaa\xf9\xa2\xd1\xeag\xc5\x80\x98\xfe\xd8\xe5\x85\x19V\xbe\x16\x015\x7f\xb6G.\xaf\xf6o\x0bn\xb2\xca1X\x0e\x96\xe7\x1e\xa4i\x85\x92N\xbe\x01\rJ\x05V\xbf\xf8\xae\xea'</t>
  </si>
  <si>
    <t>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</t>
  </si>
  <si>
    <t>b'9\xdf\xb0\xd1\xde\x9f77$\xab\x04\xb9o\xf29\xc6'</t>
  </si>
  <si>
    <t>ange rates against the DM, the other EMS
 countries in effect imported the German Bundesbankâ€™s credibility as an inflation fighter and
 thus discouraged the development of inflationary pressures at homeâ€”pressures they might
 otherwise have been tempted to accommodate through monetary expansion. This view, the
 credibility theory of the EMS, holds that the political costs of violating an international
 exchange rate agreement may be useful. They can restrain governments from depreciating
 their currencies to gain the short-term advantage of an economic boom at the long-term cost
 of higher inflation.
 Policy makers in inflation-prone EMS countries, such as Italy, clearly gained credibil_x0002_ity by placing monetary policy decisions in the hands of the inflation-fearing German
 central bank. Devaluation was still possible, but only subject to EMS restrictions.
 Because politicians also feared that they would look incompetent to voters if they deval_x0002_ued, a governmentâ€™s decision to peg to the DM reduced both its willingness and its ability
 to create domestic inflation.3
 Added support for the credibility theory comes from the behavior of inflation rates rela_x0002_tive to Germanyâ€™s, shown in Figure 20-2 for six of the other original EMS members.4 As
 the figure shows, annual inflation rates gradually converged toward the low German levels.5
 (;15 percent)
 3The general theory that an inflation-prone country gains from vesting its monetary po</t>
  </si>
  <si>
    <t>b'0E\x02!\x00\x9c\xc6D\t\xfc&amp;\xc5\xb5@\x83\x84q\x17(L&gt;w\x8eZ}v\xbc\x86\x88\x02"\xcdt\xf1\x90\xb1\xac\x02 Q\xf8\xa3\x86\r\xa2\x0c\xd5\xa5\xb3\x1f\x96\xe7ohO\x82\xadRC\x13\x00\xc2&gt;\x04\xf1\xf1]\xce+\xbe\xca'</t>
  </si>
  <si>
    <t>30450221009cc64409fc26c5b54083847117284c3e778e5a7d76bc86880222cd74f190b1ac022051f8a3860da20cd5a5b31f96e76f684f82ad52431300c23e04f1f15dce2bbeca</t>
  </si>
  <si>
    <t>b'0E\x02!\x00\x9c\xc6D\t\xfc&amp;\xc5\xb5@\x83\x84'</t>
  </si>
  <si>
    <t>licy decisions with a
 â€œconservativeâ€ central bank is developed in an influential paper by Kenneth Rogoff. See â€œThe Optimal Degree
 of Commitment to an Intermediate Monetary Target,â€ Quarterly Journal of Economics 100 (November 1985),
 pp. 1169â€“1189. For application to the EMS, see Francesco Giavazzi and Marco Pagano, â€œThe Advantage of
 Tying Oneâ€™s Hands: EMS Discipline and Central Bank Credibility,â€ European Economic Review 32 (June 1988),
 pp. 1055â€“1082.
 4Figure 20-2 does not include the tiny country of Luxembourg because before 1999, that country had a currency
 union with Belgium and an inflation rate very close to Belgiumâ€™s.
 5Those skeptical of the credibility theory of EMS inflation convergence point out that the United States, Britain,
 and Japan also reduced inflation to low levels over the 1980s, but did so without fixing their exchange rates.
 Many other countries have done the same since.
 562 PART FOUR International Macroeconomic Policy
 â€“5
 0
 5
 10
 15
 20
 1978 1980 1982 1984 1986 1988 1990 1992 1994 1996 1998 2000 2002 2004 2006 2008
 Countryâ€™s annual inflation less Germanyâ€™s annual inflation
 (percent per year)
 Ireland
 France
 Italy
 Denmark
 Belgium
 Netherlands
 Figure 20-2
 Inflation Convergence for Six Original EMS Members, 1978â€“2009
 Shown are the differences between domestic inflation and German inflation for six of the original EMS
 members: Belgium, Denmark, France, Ireland, Italy, and the Netherlands.
 Source: CPI inflation rates from International Monetary Fund, International Financial Statistics.
 Market Integration Initiatives
 The EU countries have tried to achieve greater internal economic unity not only by fix_x0002_ing mutual excha</t>
  </si>
  <si>
    <t>b"0E\x02!\x00\xea\xea\x03\x855\x87X\x07\x9a\xb6\xe4\xd721\xd1=\xf6\xed\xf5G\xad\xcaG\x1d\xe3\xfb\x8b\xe5H\x14\xa7\xd1\x02 3\xdfZ\xa2\xf2Z\xfe\x9dm\xb0'\x8a\xefJlc@&gt;:\x81\xb8\x17/\x94\x0c7\x08\xd1\xe94\xd6\x1e"</t>
  </si>
  <si>
    <t>3045022100eaea0385358758079ab6e4d73231d13df6edf547adca471de3fb8be54814a7d1022033df5aa2f25afe9d6db0278aef4a6c63403e3a81b8172f940c3708d1e934d61e</t>
  </si>
  <si>
    <t>b'0E\x02!\x00\xea\xea\x03\x855\x87X\x07\x9a\xb6\xe4'</t>
  </si>
  <si>
    <t>and Colin's flush grew deeper as he set
the rose in the mould and held it while old Ben made firm the earth. It was
filled in and pressed down and made steady. Mary was leaning forward on her
hands and knees. Soot had flown down and marched forward to see what was
being done. Nut and Shell chattered about it from a cherry-tree.
"It's planted!" said Colin at last. "And the sun is only slipping over the
edge. Help me up, Dickon. I want to be standing when it goes. That's part of
the Magic."
And Dickon helped him, and the Magicâ€”or whatever it wasâ€”so gave him
strength that when the sun did slip over the edge and end the strange lovely
afternoon for them there he actually stood on his two feetâ€”laughing.
CHAPTER XXIII
MAGIC
Dr. Craven had been waiting some time at the house when they returned to
it. He had indeed begun to wonder if it might not be wise to send some one out
to explore the garden paths. When Colin was brought back to his room the
poor man looked him over seriously.
"You should not have stayed so long," he said. "You must not overexert
yourself."
"I am not tired at all," said Colin. "It has made me well. Tomorrow I am
going out in the morning as well as in the afternoon."
"I am not sure that I can allow it," answered Dr. Craven. "I am afraid it
would not be wise."
"It would not be wise to try to stop me," said Colin quite seriously. "I am
going."
Even Mary had found out that one of Colin's chief peculiarities was that he
did not know in the least what a rude little brute he was with his way of
ordering people about. He had lived on a sort of desert island all his life and as
he had been the king of it he had made his own manners and had had no one to
compare himself with. Mary had indeed been rather like him herself and since
she had been at Misselthwaite had gradually discovered that her own manners
had not been of the kind which is usual or popular. Having made this
discovery she naturally thought it of enough interest to communicate to Colin.
So she sat and looked at him curiously for a few minutes after Dr. Craven had
gone. She wanted to make him ask her why she was doing it and of course she
did.
"What are you looking at me for?" he said.
"I'm thinking that I am rather sorry for Dr. Craven."
"So am I," said Colin calmly, but not without an air of some satisfaction.
"He won't get Misselthwaite at all now I'm not going to die."
"I'm sorry for him because of that, of course," said Mary, "but I was
thinking just then that it must have been very horrid to have had to be polite
for ten years to a boy who was always rude. I would never have done it."
"Am I rude?" Colin inquired undisturbedly.
"If you had been his own boy and he had been a slapping sort of man," said
Mary, "he would have slapped you."
"But he daren't," said Colin.
"No, he daren't," answered Mistress Mary, thinking the thing out quite
without prejudice. "Nobody ever dared to do anything you didn't likeâ€”
because you were going to die and things like that. You were such a poor
thing."
"But," announced Colin stubbornly, "I am not going to be a poor thing. I
won't let people think I'm one. I stood on my feet this afternoon."
"It is always having your own way that has made you so queer," Mary
went on, thinking aloud.
Colin turned his head, frowning.
"Am I queer?" he demanded.
"Yes," answered Mary, "very. But you</t>
  </si>
  <si>
    <t>b'\xb4*\xc5~\xc5\xb7\xb3\xe5r\'cl\xa0yO\xef\xd1Cr\x13Z\xdckL\xd4\x9a\x1f\x99\x99\xbfC\xc7M\xf8d\x01.\xa7\xd2\xc5\\Z\xe7\x01\x9d?\x03\x8b*})\xad9P&gt;\x85\xa1\t\xa5\xe8\x9b\xee\x03\xec\xbe\x88)*\xc6\x11\x02\xe3\xf0\xd8x&gt;\xc0!l\xe8\xcaZd\xb1\xc1\xddq\x15\x88\x8c\n\xb9o~\xdb\x8e*:hf\x00\xd0]\xc1)4\x1bL}\x16Z\xdb\xaf\xa1:\x1e\x17!\xef,\xda:|x\x0c\xaa\x92&gt;\xae#d%\x9d\xe5d)mX\x00\x9a\xd1z\xde\xdd\xf2\xb7\x1a\xed\xaa\xdf1f\x83p\x0bJqv\xb0\x9e\xeb\xe5o\nG\xfe\x7f\xddr\xba-\xeci;\xdbVh?\x88X\xa4\xa7\xfc\x0c\x8d\x11]\xb3\x80\x02\xba\xa4}K\xf8\x8d\xa2\xe8\xe4\xc7=\xb8p\xdf\xb3\xf9\x06\x12\xa8\xe0\x83\xdc\x9e\xba\xf6\xfc\\\x9c\xdd\x08%\xf31r\x993\xacPN\t\xc4\xe0\xd1\xef\xaf\xcaO\x87&lt;?\xcfL\xd2s\xc7af\x86\x8e*\xe6\x84C\xeb\x9e\x04`+\xec\xdeb\x94V\x8f\xa3\x94\xee@2\x01\x89@\x99\xf1\xdd\x90\xe0\xa5\xa5/E\xa5\x94\xfb\xe3@\x06\x8dvd\x90*\xe5\x03\xbb\x7f1\xd9\xc4\xb3\xda\xab\x88\x10,{\xb5\x13\xfe\x93h\x9e\x86\xd64\xf1\xd4=\x00\x7f\xeb\xee\x99j$\xda\x1b\x05\xe4\xabiV\xfbie\xc1Z\x8f6^\x12w\xd2\x8d\n\x05p\xb9\x89x}\x1e\x01\xadY@;\x8b\x9b\xe7\xf6\xe7\xd1FS\r\xcc\xab\xe4+\x87\xab-3\xf4i\xe5\xb5\x1a\x7ft\xab\xb4\xadnC\x0b\x934\x93\x89\x10\x1cV\x7fC\xfcz\nn\xa6N\xc1g@@\xee\x8b\x01Dp\xc6=\x90\xb4\xb4\x86%@l\xc5\xaf\x9d\x9e\xe7\xf3\xb2\x07\xa4\x08\xbe\xa4\xb2\xcb\xd0\xcd\xbd\xcb\x9aW\xda\xeb\xd5\x1d\x9c\xe1\xb2\x83\xa1\x1d\xbc\xe9\xa0\x92\xa1\x16?\x13i\xe5[\xc2\x92\xb7\xb5\xc0\xae\x0b|\xd0]_\xc1Ya\xc7\x19\x84\'&lt;P\xcf\xc8\x1eG\xd7Z\xf5c)\x93O\xf2\xc6\xf4\xe6\x07\x9e\xd5/\xad\xdc\xe8\xcdoJ \x04\xc9|\xb6qo\x9c\x06ri\xbf\x07~\x90\x19B\xe7\x18l\x0cB\xd4\xc9F\x13\xfb;\xe8gL(L\xab\xb9\x7f&amp;\x95\xad\xf1E\xd7\x88z\x97\xf2m\xbfU\x10\xd0\x1b\xf2\x00vJ\xb5aR\xf1C\xab\xd6\xdd\xa1%\x8d\xfc\xf7\xbd\x81\x88\x81^\x99\xdc\xc2\x9c\x8a$\x85\x9b\x15\x9a\x97&lt;\xd6r\xa7\xc5\x82\xe3 \x07\xe46\x9b\x81\xb9\xbc/\x05^&gt;\xd5TNte\xd1\xfe\xd0q\xfd\xbd\x0f\xb1\xbe\x1c%\xa8&amp;[\xc0{\xf3\xc9\xd3%\xc7\xbd\x00\xb3\xef[GD\xf0\x97]\xde\x07\x15hP\x8e\xa3\x17B\xc0\x12\xb4\x084\xf2\x14fy\xa5\xfe\xbf-\x95\xab\x81\xf5\xc3\x0f90=\x0eq\xf7\xe5\xa5\x9eY|\x1ey\xaf\xef\x85&gt;\xd1\xcd\n\x18\xb4z\xd9h\x84\x88\x13\xe9y\xad\xf0\xf9\xbf4\x8d\x98\xcaU9\x11\xee\xc0\xb92I5[\x0c\x0fO\xc2\xe3\x03lc\xa5\x118$\xb0q\x8a\xec\xe6\x10b\x8b\x8dB\xf1\x8e\xdd;\xed#~J\x98R\x81E\x9c\xb3e\x11\xf8t\x88\x7f$2\t\x04\x85Gn9h\x85.\x10\xe0\xe1\x85\xb4b\x0b\xc0\xc9\xf2N\xc0\xe1\xdfe\x0c\xd6I9$\x13_\x87\xef\xd9\xb4\xdf2Y\xa4\xc91\x89\xbc\x9dO\x7f\xd3\xacV\xb2t\xbd\xfb\x18\x93\x0f5`SI\x86\x15w\x89\xe18\xed\xc7p\x9ab1/\x8e\xaeO!\x14\x0f\xc7\x92\xf4\xf1y\x08\x85\xd4\xa8\x94l\x1c\x15=L\x13\xbc\xe1V5`\x97\x0b\x10&lt;m\xe2\xf3\xf3\xa2\xd4\xce\x11\xb4\xc5\x89j\xbab\xa5\xeb\x12b\x0f\xf9-\x98\xf4^\xda\xe5\x82\xcf!\x8d\x03y\x02A\x81P&lt;\x86I\x17\xff?(*\x88\xb3\xb9\xd5=\xd4\x91:@\xef\xcc\xabq\xec&amp;T\xe85T&gt;\xb9oy\xd4\xbd\xd5\x14V.\xa8\xdevS\x94tFV\x9aJf\x88\xad\x14\x19J\xd8\xe3^R\x11["\xce1\x99\xab\xa3c\xba\x8a\xf88\xdf\x8ee^\xaf\x8fv`\\\xce\xd9%T\xc9E(\x0e\x1a\xd4\xafvV\xc0\x1c\x13\xdc\x99C\x81=\xa9\xe61\xcb\x82\xb3+\x9fc\x8d+1\xa4\\\x83\x89|\xf6\x9fs\x7f\x1aa\x03\x8cFX\x02\xfa\xb8\t\x00\x9f\xb0\x8e,\xb4\xeb?Z\xb7i\xb2V\xb6\xd9\'*\x8c\xda\xab\x17X\r\xcc\xa7\xb7\x03\x94}\xd9:\x84\xdd\xc6\xc3\x06\xde\x02\x88\xa8\x8f\x8a\xfbc&gt;\xa6\xbc\xa9\xd4\xe1x\xe1Ir\x07\xbf\xc9\xdf\xf9\xb1\xd9\xbf\x91f\x19\xc8\x85\xb0\x82\xd9a\x07\xac\xee\xb8\xf2p\n\xf1\xbat!\x10\xa5\xd0\xf9\xac\xcb\x1d\xcf\x10\xbaxTB\xd5\x85\x00\xad)\x97\x9d\xbe\x191z\xef*\xa8\xa4Kf\xe2\xea\x02\x9e\x87\xa10h\x8fR\xa5\xdd\xb6l)Pm\x13\xc5g=C\x00*\x86\xba5Q\xe4\xe0\x92T\xd1D\x9c\x1e\xe3\x1c7\x06\xccVJ\xa8\'\xc5I\xc1\xe5n\xd0\xe1\n\xe8\x05op\xbb\xb8?\xb2\xbc\xdeA\xbc\xf8"\x8aV\xffU\xa3\xe8\xfd\xb5\x0ffS\xb1\xb9s{\x12og\xbe\xe3\x01\t\x99\xe0U\xd0\xd1\xf5\x91\x1f\xc65[\xacv\x1d\xd7\x95\xb3z\xd4\x07\xde\x11\x8f\x93\xa7J\x07\xc8\x99\xf9Fz\xd0\xe9\xec\xaa\xe6\t2N9Q\x18\x85K\xea\xe2\xaa(\xe5L\x86\xee\xa9\xcd\xc8\xef\x04\x1es\xd5\xc1?d\xfe\xb2\xee2&gt;b[h\xb4\x01!\x93\x00\x0c\xb7\xa3\x0f\x0f\xceq\xb8\xee\xfa&gt;\xecP\xf1s\xdc];U\xf3\xaf.\xca\xbe\xe3\'3i\x0bv@*\x8c\x8c1\x10\xa7\xf7\xee/ 1&lt;?\xf9:]5\xa16\xa1L\x93\x1c\xc4}\xf6\xb6\x02\x0b{\xfdq\x93.\xca\x9a\xeb"\x81\xd0\xc03:\xc5%|\xf6\x7fgV\xc5\x94Z\x04\xf8K\xda\xd25\xac\xa9\xd8\x00\xae@\xdau&lt;)\xc6\x86\xc0\xf6[\x1c^\xac3r\xdb\xf4\xa2ZV0\xa4\xea\xdb&gt;\xe3\xe5n\x14\xa0\xa4jr(\\\x8c\x8d\xaf&lt;WZ\xb4\xdb/Rp\x06\xc0\x0c%\xb0\xdd\x9f\x1cvg-\xfe\x03X\x13Oc&gt;*#\x9c\xb0\x00\x9f\xb5\x0b=\x82qX\x91\x96\xbf+\xfb#Z\xf3\x07:e;\xd2*-\xeb\x9f\xaf\xea\xcf\x9a\xd5muH\xf1Kzo[\x9e\x9d\x88p\xd4\x1fo\x85\x85\xb3\x89\xfe\xdd\x8d\xab\x1bE\x8c\xbc\x901\x8dU\x84\xf2\xdf&amp;\xbb\x80\x01\xe2\x97Y\xed\xf4_x;J~\x97\x13P\xc7XQd=\x04\xb5\x94L\x1e\xa1\x94\x8d\xdaU/\xb5Q\x9b\xde\x1e4\x90[\xae\xde\xbf\t\xe0\x86\xdbo\r?w\ra@\xcc\xfcM\xf6\x98\x9e1\x1d?\xe1w\x91j\xca3|)\xa9&gt;]\x9a\x16\n\xca\xa6${V\xbe{\x1an\x9b$\xce\x00Qs6C}\xeb\x19\x06b\xf4\x0c\xa3\x87b\xd0^\t\xcf\xa8&lt;\xa4:\xae\'\xda\x99\xba\xa9\x8d\xf1\x19\x0f\xe6\xac\xcd\xe2=\x05\x7f\xf0!5\x00\x8a5\xeaQ\x1aT\xb7\xc0\x19Q\xc1\xff\xd9\xb8\x89\x91]\xc8V\x11P\x82\x12o\xd8A\x08)\xd3\xa3\x99\x7f\xf8\x96\xe4\xd1\x8d-[Z\xe8\xd5\x9aw\xc7\x80m\x03\xc0\x0f 3\'\x96\xa25i\x88v\x91\x12C2\xcez\x1c\x1e8\xb1]\xa2\xcfu4E\xdd\x0f\x17\x8f\x16\xa5\xad\xd8?\xfa\xdc\xb8\x11\x9e&gt;\x0e\x0f7d\xdev\xb7\xb7):\xf9\x81\x90\x92\x1b\x1f\xde\xb2)v@\x1b\xd4\x12\xa6\xb8]\x96:f\xd7\xef\xfe\xed\x02\x9b\xbb\xe7*\xf10\xe2{e\xa9 \x8e.0\x9fb\x03\xd6\xc2\x08T\x88\xfd8\x13\x9f\xc6\xbf\xde\xaf\xe7O\xc72 \xaf\xe1\xd9\xc5vp\x86T\x87\xbc\x97e\x8b\xee\xa1\x1cn^f7\x05\x7f7\x80\x8d\xa4+\x91\xf9v~Y&amp;hr\x19(\\9\xce\xf2\xd6\xbf\x0f\x12\xe7\x80\x08\x02\xcf\x0c\x92K\xbdu\xf0"\xd7\x0cY\xc6\x0b\xfd{2\x1e~\x90wN&gt;=\xd8p\x95\xdcWr\xb5\xb7P\x04D\xe0\x12&amp;/|\x19)\x86tbF\xad\xd1\xb7p\xac\x98\xca\xee9\x93\xdbe\x8ac6!\x92Vc \x03\xe3C^\x00\x0f\xb2\x9a\xa8\xd9\x82\xe5\'P-\x1ag\xe0}pZM;-?\x90i\xb1\x05\x17\xcf\x0c\xf4\x84`\xf1\x15\xb0\xa2q\x11\x88\xd5\xb2\xeeU\x9f\xa88b@\x12g\x96\x98?\xee{\r\xac\xd0;\xc7Mz\x13j-?\x97\x9f\xd5I\xf5\x0e\x12{\xd2\x94\xa0\x8fn,j\x9dV\xd1\xc4\xcd\xa5\x93\xf2\xd5&lt;\xc7\xaf\x16\x9bp\xc7\x14\x94\xbaT\x06aU\x94K\x15\xfc\xf4\xd5nL\xf5s\x07R\t\xf0\xa8W\xd8$\x92P\xdf\xc8@\xc2\xe3\xed3\xb98n\xdb,P{G\xe3\xa6?b\x18ge\x9b\x15\x8f\xab\xa1\x84\x0cq\x98\xb47\xc3`1\xbe\xde\xffs\xb7\xb2RN\x1bJ\x89d\xa2\xb9\x04\xa8\xe2\xa6;\x1e\xb8\xda\xaaG\xe6\x18O\x98\x01\xa0-\xb9Fr7\xaf/&lt;0O\xd5F\xfct\xb1\xa1/\xa9\xdf\rIx;g\xf2n\xfb\x8c\x15\xd6\xca\x89\x05\xcf\n\xbe\xcc\x99\x01!\xad\xc8\xc9\xa2\t\xd1)a\xeb\x11\x95\xf06\x82\xa5G:\x89\x15\x88\x17\xa2\\r\x15\xe8W\xa4S\xa1)=\xe90\xf2\x80QWW\xfc\xd8\x9cQC\xb0\xa2U\x91\x1e\x1ecZ\xaa+\xa8\x85\xc0\xf6/\x90\x90P\xa9#u\xe1g[\xda\xdd(g\xcaz\x1a\xac\xdb7v\xe1/4k\xaf(h\xbf6R\xca\x7f\x91\xa6\xe2\x08z|\xd1\x8cd\x90\xe3G\x96z(\xa3FG\xc2\x96a\xa6\xf9\xd0\xf0\xef\xf0\x96\x13\x11\x97r\xa6m\xe7\x1b5\nz\x0e\xf9o\xdc\xc1\x92W\x93\xc8\xe3\x1b\x99\\\x06\x85\x84\xc2\x10h\x1fM&lt;i39`+0\x04a\xba\x18\xcf&gt;L\x19\xd93\xf2NE\x97y\xa1.\xd5E\xe6%fx\x95\x81\\H\xfa\xe0\x99\xfe\xd6\xb1h\x8e\\\xc5\xd70](wF\x8f\xe6\x9f\xb8W\x98\xfb\xa7\xdc\\6\xd7\x15\xeb\x0c\x0c\xe4\x8c(H\xa4\xe2\xd4\xd4\x18I\xa1\x9b\xbe(\x11V\xe8\xd3[\x7f\x8b\xf3h\xc09\tM\xae\xab\xb8\xd4\xa5\n\xaa\xc3\xbd\x1c\x00k\xe8\xc8\xed\xc3\xa6\xa6U\xf5\x9c\x848]}\t\x11_\xa8\x19\xaf\xea\xfe\xce\xee9\xc9n]q\xc8\xfd\x8b\xd7\xb7\xdb\xbf-\xbb\xaf\x8f\xd5\xc5\xdb\xfa\xcf\x14=\x88\xf3\x94^\xc3\x9a\xf3\x8a\xbd\xdf\xcf\x83v\xe4{\xe9s\xcaP\x07\x15\xc9c&gt;{\xf3\r]\xedU\x05\xe3\xc6\rR%j\xe7p\x0b.\xa6s\xa7\x06Y\xab\xfc\x9f\\\'\xfc\xb4\xc5\x95\xdecxm\x1d\xfd\xe0c\x83i\xae{\xbeCk&amp;\x91\xc4qA\xbe\xa5\xa5&lt;(h\x81\xa5[QN&gt;L\xe8\x1c\xf1\x03\xbf\x0eTM_\x83\\e\x02\xd9\xe0\'\x1b\xad@\xce|\x1d\x9d\xd6\x83\x1a[\xbbs\x1e\x1d5\xca\x00B\xe6\x8e\xf5\xac$\xdf\xc0\xd7\x08\xcd\xfa}\x16q\x83\xfa\xab@\x85,\x04\n\xe1L,\x14\xd1\x94\xba2aQ\xc2\xd4\x9a\xb0\xb8\x0c\xc9d|\xb7f\x1c.\xd7(\xe0o\xefi\x18\xf0\xb4%\xab\x19\x9f7D7jg\x99\xfd\x1c\x9b*\xce\x94\xf8\xefG\xf9\x051\xc6`k\xfc\x80\x83\xba\x87\x9e\xdc\xad\xb8(-k\x9f\xf1\xba\xbd#\x9f\x11\x84\x00\xaa\x03\xc3\xfd\xa6\x81\x8f\xd6\xb5q\xd0\xff\xaa\xba)\xbaz\x8f\xe3\x8d\xbf\x8b\x10\x10\x95"=\xc6W]f\xfe\xb8q0T\xdf\xc8(\xc3\x96\xb7\x07\xc8\xfc\r^\xf7V\x89\xb4\xa5\xbdI\xad\x0bV\x11n\xda`Q\xbf\xcc\xadYp\xc1\xa5\xa6\x88\\Z\xe5\xf9B\xc4\xb3\xb2\x91g* \x13v\x1a\xe3\xef\xcf\xde\xe8\x9c\x91\xcf]\xad\tOr\xd4\xb2a\xaa8}\xc0\x13\xb1\x1b\x99\x91\xe3\xc5R\xf2\x02\xf5\x99\x9e{\x1f\x83\x13Ts\x16\xdf\x01D\xfaz\x0e.r;1j\xe4\xcb\xfe\x8f*\xe9\xa80\x86\x13=\xc1\xaf\xec\x05\x19s\xe3x\xfa\xcd\x1d\x125\x06\xb6\x16,!]+/\xabE\x0e\xf3\x885m#\x1b\xb4\xd6\x8cX\x90\x8e\x83V\x82V\xadM\x04\x9a\xed\xaf\t:D\x1f\x9a\x02?\xfb\x91\xda\x0c\xa8\x99\xab\xf0\x90\x86\xfc\xf0\xbb\xa4\x1c0\xb6\x14s\x06s\xe8\xef\xa3\x06\x1d\x01\x17P\xebX\xa0T;*R\xf13*\x1e+OVFo\n\xfd\xfdK+\xbc\xcd\xb5\xb2\xd9{\x04=\xeb\x87\xb7\xf9-Q\x0e\xad/qQ\xf7.N2\xc1j\x9c\x83G6\x9df\xc6\xfb\\\r\x04\xb9A1R \x0eK\xa1w\xcc\x8b\x91\x88\xf6\x82\xf2\x13\xff\x88\xd6\xed"&amp;B\x0f\xba\xb0\xc7}_\x07\x17\xaf\xa7\x7f.\xdc\xe55\xb1\xab\xcb\xe5\xb7\xe0\x9f\x1f\xc0\x81\xd6\xd8\x0bOC\xac\xd5T\xee\x12\xbfE\x8ai\x02\xba\x93n\xd5\x07,*\xf4\x08\xbf\xd0\x1b\x11\x84L\xddP\\\xb1.\xacc\xa0$\xfa\xa5\x9aa\xcc\x92c\xb44\x01\x13\xcc\xc7X\x0b"k\xeeRl\xab\xff\x03o\x91E\x91\x04\xd3\x06\x96V\xb1=\x18\xdcB\x8b\xa5\x91\xc8J,\x13$\xf8\n\x9b/N\x989J&lt;\xfd\xcd\x1d\xa4:\x9e\xf5\xa9\x1d"5\xf1\xd5\xb8\xd8\xc7\xfeNk\xe2\xf5\xb7p\xb7+e\xba\x8f\x9c\xc8%\xd7\x9c\x8aIk&lt;\xbb\xc9\x9e\r\xf9\xc8\x82\xfd\x16\x8e\x01\xc2\xf6{\x91\x1c%\xa9\x84\xeaR\xf4N\xe0\x17\xed\xd1\xd7\xae\xe0\xd7\x8fT\xf6\n\xee\x94Gd\xce\x05\xd9\xe3\xa4B\xcaH\xef\xb9\xb3\xa0\xe6\ni\xae\xa5\xc9\x98\xb7GQ0\x17\xcd\x85\xf6*\x87EXb\x07&lt;!\xd1,\xa5]\xf6\xed\x84g\x86;/M\xaaT\xc1\x1b3\xad\xc6\xbf\xb9\xac$\xff\x05\xd5\x15\xf6\xd37%\xa0\x9b\xdf\xca%\x1e\x90\x86\xe5]\x89"\xfd\xadc\x92\xd2G\\\x00D\x00v\x82\xb2\xbde\xd6a\x08"\x921P\xa9\x1f\x0e`~=\x13\xbfo:t\x16\x92\xe7\x8b\xf1\xcd\x8a\x8c\x00W\xce\xca\xa5\xa3\xfcF\x8a\xf4{d\x07\x92\xb2\xb9\xae\xbea\xe7'</t>
  </si>
  <si>
    <t>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</t>
  </si>
  <si>
    <t>b"\xb4*\xc5~\xc5\xb7\xb3\xe5r'cl\xa0yO\xef"</t>
  </si>
  <si>
    <t>ate changes. Since there is no immediate
 increase in the money supply, but there is an interest rate rise that reduces money demand,
 there would be an excess supply of real U.S. money balances at the price level prevailing
 just prior to In the face of this potential excess supply, the U.S. price level does jump
 upward at (see Figure 16-1c), reducing the real money supply so that it again equals real
 money demand (see equation (16-3)). Consistently with the upward jump in at ,
 Figure 16-1d shows the simultaneous proportional upward jump in implied by PPP.
 How can we visualize the reaction of the foreign exchange market at time ? The dollar
 interest rate rises not because of a change in current levels of money supply or demand, but
 solely because people expect more rapid future money supply growth and dollar depreciation.
 As investors respond by moving into foreign deposits, which momentarily offer higher
 expected returns, the dollar depreciates sharply in the foreign exchange market, moving to a
 new trend line along which depreciation is more rapid than it was up to time 4
 Notice how different assumptions about the speed of price level adjustment lead to con_x0002_trasting predictions about how exchange and interest rates interact. In the example of a fall
 in the money supply under sticky prices, an interest rate rise is needed to preserve money
 t0.
 t0
 E$/â‚¬
 t PUS 0
 t0
 t0.
 t0
 R$
 2 = R$
 1 + Â¢p
 R$
 1
 p + Â¢p p.
 t0.
 E$/â‚¬,
 p p + Â¢p.
 t0
 4
 In the general case in which Europeâ€™s inflation rate is not zero, the dollar, rather than depreciating against
 the euro at rate before and at rate afterward, depreciates at rate until and at rate
 p + Â¢p - pE thereafter.
 t p + Â¢p p - pE 0 t p 0
 pE
 CHAPTER 16 Price Levels and the Exchange Rate in the Long Run 393
 + Î”Ï€
 R$
 1
 (a) (b)
 (c) (d)
 U.S. money
 supply, MUS
 U.S. price
 level, PUS
 Dollar interest
 rate, R$
 Dollar/euro 
 exchange rate, E$/â‚¬
 MUS,t
 0
 Time
 Slope = Ï€
 Slope = Ï€ + Î”Ï€
 Time
 t Time 0
 Time
 t
 0
 t
 0 t
 0
 Slope = Ï€
 Slope = Ï€
 Slope = Ï€ + Î”Ï€
 Slope = Ï€ + Î”Ï€
 R$
 2 R$
 1 =
 Figure 16-1
 Long-Run Time Paths of U.S. Economic Variables After a Permanent Increase in the Growth Rate
 of the U.S. Money Supply
 After the money supply growth rate increases at time in panel (a), the interest rate (in panel (b)),
 price level (in panel (c)), and exchange rate (in panel (d)) move to new long-run equilibrium paths.
 (The money supply, price level, and exchange rate are all measured on a natural logarithmic scale,
 which makes variables that change at constant proportional rates appear as straight lines when they
 are graphed against time. The slope of the line equals the variableâ€™s propor</t>
  </si>
  <si>
    <t>b'0E\x02!\x00\xde\xda\xebp\x83\xaf\xb4\x07\x12\xdf\x9f\xc2pI\x87\xdd\n\x06\xd3\xd9q\xbe\xc5\xdfQ\x10\xdaTT\xb5\xe2\xcc\x02 \x0b[x\x0c\x1c\x15\x86\x97\xbeb\x0e\xbe[n\xa4V\x9d\xbf\x1e+\x06\x1b\x90\xb1\xa4\x9c\x85(\xa8\xa7[\x14'</t>
  </si>
  <si>
    <t>3045022100dedaeb7083afb40712df9fc2704987dd0a06d3d971bec5df5110da5454b5e2cc02200b5b780c1c158697be620ebe5b6ea4569dbf1e2b061b90b1a49c8528a8a75b14</t>
  </si>
  <si>
    <t>b'0E\x02!\x00\xde\xda\xebp\x83\xaf\xb4\x07\x12\xdf\x9f'</t>
  </si>
  <si>
    <t>nd 8.
 15.14. Consider the parallel RLC tank depicted
 in Fig. 15.26. Plot the location of the poles
 of the circuit in the complex plane as R1
 goes from very small values to very large
 values while L1 and C1 remain constant.
 *15.15. Repeat Problem 15.14 if R1 and L1 remain
 constant andC1 varies from very small val_x0002_ues to very large values.
 15.16. With the aid of the observations made for
 Eq. (15.25), determine a condition for the
 low-pass filter of Fig. 15.29 to exhibit a
 peaking of 1 dB (10%).
 Sec. 15.4.1 Sallen and Key Filter
 15.17. Determine the poles of the Sallen and Key
 filter shown in Fig. 15.33 and plot their
 location in the complex plane as (a) R1
 varies from zero to âˆž, (b) R2 varies from
 zero to âˆž, (c) C1 varies from zero to âˆž,
 or (d) C2 varies from zero to âˆž. In each
 case, assume other component values re_x0002_main constant.
 756 Chapter 15 Analog Filters
 *15.18. A student mistakenly configures a Sallen
 and Key filter as shown in Fig. 15.60. De_x0002_termine the transfer function and explain
 why this is not a useful circuit.
 Vout
 C
 Vin
 R 1 R 2
 C
 1
 2
 Figure 15.60
 15.19. A Sallen and Key filter with K = 1 must
 exhibit a peaking of only 1 dB in its re_x0002_sponse. Determine the relationship re_x0002_quired among the component values.
 15.20. The Sallen and Key filter of Fig. 15.34 must
 be designed with K = 4 andC1 = C2. How
 should R1/R2 be chosen to yield Q = 4?
 What is the resulting Q sensitivity to R1?
 15.21. The Sallen and Key filter of Fig. 15.33 ex_x0002_hibitsSQ
 R1 = 2. IfC2 = C1, plotQ as a func_x0002_tion of âˆšR2/R1 and determine the accept_x0002_able range of values of Q and âˆšR2/R1.
 *15.22. Figure 15.61 shows a high-pass Sallen and
 Key filter. Derive the transfer function
 and determine Q and Ï‰n.
 Vout
 Vin
 R2
 R1
 C1 2 C
 Figure 15.61
 **15.23. From the results obtained in Problem
 15.22, compute the Q sensitivities of the
 circuit.
 Sec. 15.4.2 Integrator-Based Biquads
 15.24. It is possible to realize the transfer func_x0002_tion of Eq. (15.95) by means of differen_x0002_tiators rather than integrators. Noting that
 the factors in the frequency domain trans_x0002_lates to d/dt in the time domain, construct
 a block diagram such as that shown in
 Fig. 15.36(a) but using only differentiators.
 (Due to amplification of noise at high
 frequencies, this implementation is less
 popular.)
 15.25. The KHN biquad of Fig. 15.36(b) must
 provide a band-pass response with Q = 2
 and Ï‰n = 2Ï€ Ã— (2 MHz). If R6 = R3,
 R1 = R2, and C1 = C2, determine the re_x0002_sistor and capacitor values subject to the
 restrictions 10 pF &lt; C &lt; 1nF and 1 k_x0004_ &lt;
 R &lt; 50 k_x0004_.
 15.26. From Eqs. (15.103) and (15.104), derive an
 expression forQ and explain why the sen_x0002_sitivity to R3 and R6 vanishes if R3 = R6.
 15.27. The KHN biquad of Fig. 15.36(b) must
 be designed for a low-pass response with
 a low-frequency gain Î± = 2. Explain why
 this is impossible if SQ
 R3,R6 must be zero.
 15.28. A KHN biquad must exhibit a peaking of
 only 1 dB in its low-pass response. Deter_x0002_mine the relationship required among the
 component values. Assume R3 = R6 and
 the gain is unity.
 *15.29. A student mistakenly omits resistor R5
 from the KHN biquad of Fig. 15.36(b).
 Derive the resulting transfer function
 Vout/Vin and determine Î±, Q, and Ï‰n.
 **15.30. Determine the sensitivities of the Tow_x0002_Thomas filter shown in Fig. 15.37 with re_x0002_spect to resistor and capacitor values.
 15.31. The Tow-Thomas filter of Fig. 15.37 must
 be designed for a low-pass response hav_x0002_ing a peaking</t>
  </si>
  <si>
    <t>b'\xbb\xe4\xc8,\x96\xf3\xcdx\x19\xab\xf2#\xdf-\x03+'</t>
  </si>
  <si>
    <t>bbe4c82c96f3cd7819abf223df2d032b</t>
  </si>
  <si>
    <t>The first place that I can well remember was a large pleasant meadow with a pond of
 clear water in it. Some shady trees leaned over it, and rushes and water-lilies grew at
 the deep end. Over the hedge on one side we looked into a plowed field, and on the
 other we looked over a gate at our master's house, which stood by the roadside; at the
 top of the meadow was a grove of fir trees, and at the bottom a running brook overhung
 by a steep bank.
 While I was young I lived upon my mother's milk, as I could not eat grass. In the daytime
 I ran by her side, and at night I lay down close by her. When it was hot we used to stand
 by the pond in the shade of the trees, and when it was cold we had a nice warm shed
 near the grove.
 As soon as I was old enough to eat grass my mother used to go out to work in the
 daytime, and come back in the evening.
 There were six young colts in the meadow besides me; they were older than I was; some
 were nearly as large as grown-up horses. I used to run with them, and had great fun; we
 used to gallop all together round and round the field as hard as we could go. Sometimes
 we had rather rough play, for they would frequently bite and kick as well as gallop.
 One day, when there was a good deal of kicking, my mother whinnied to me to come to
 her, and then she said:
 "I wish you to pay attention to what I am going to say to you. The colts who live here are
 very good colts, but they are cart-horse colts, and of course they have not learned
 manners. You have been well-bred and well-born; your father has a great name in these
 parts, and your grandfather won the cup two years at the Newmarket races; your
 grandmother had the sweetest temper of any horse I ever knew, and I think you have
 never seen me kick or bite. I hope you will grow up gentle and good, and never learn
 bad ways; do your work with a good will, lift your feet up well when you trot, and never
 bite or kick even in play."
 I have never forgotten my mother's advice; I knew she was a wise old horse, and our
 master thought a great deal of her. Her name was Duchess, but he often called her Pet.
 Our master was a good, kind man. He gave us good food, good lodging, and kind words;
 he spoke as kindly to us as he did to his little children. We were all fond of him, and my
 mother loved him very much. When she saw him at the gate she would neigh with joy,
 and trot up to him. He would pat and stroke her and say, "Well, old Pet, and how is your
 little Darkie?" I was a dull black, so he called me Darkie; then he would give me a piece
 of bread, which was very good, and sometimes he brought a carrot for my mother.</t>
  </si>
  <si>
    <t>b'\x91\xf9\xab,\n\xe7\xd0\xca'</t>
  </si>
  <si>
    <t>91f9ab2c0ae7d0ca</t>
  </si>
  <si>
    <t xml:space="preserve"> sure those are not the right words,â€ said poor Alice, and her eyes
filled with tears again as she went on, â€œI must be Mabel after all, and I
shall have to go and live in that poky little house, and have next to no toys
to play with, and oh! ever so many lessons to learn! No, Iâ€™ve made up my
mind about it; if Iâ€™m Mabel, Iâ€™ll stay down here! Itâ€™ll be no use their
putting their heads down and saying â€˜Come up again, dear!â€™ I shall only
look up and say â€˜Who am I then? Tell me that first, and then, if I like being
that person, Iâ€™ll come up: if not, Iâ€™ll stay down here till Iâ€™m somebody
elseâ€™â€”but, oh dear!â€ cried Alice, with a sudden burst of tears, â€œI do wish
they would put their hea</t>
  </si>
  <si>
    <t>b'u\x87\x91\xd4\x853A\xd9\x13G\xf9\xb3\x9b\xd65\x17\xde&lt;\x1a\x9a\x1bq\xac\xd9\x7fZ\x9c\xa5AB\xcf2Z\xd4Q\xbdK\xaa1\x9cH\xf5Y\x10p\xefqFe\xe5M\x86+jF&amp;E\nT\xcc:\xfd\xc2\xbes\x1d\x80\x02\xe3\xe2\xf5.\x94k\xb4^\x95\xe2\x1dI\xcb~\xeem/@F\xaa\xdf\xc0\x1b\x80\xa2\x06\x17\xe7\xa9\xd0\xa7F\xa3k[\x8b\x17\xdc+\x8a(\x9c\xa3\xc9\xc4\xd9|\x1f\xde\xabt\x894-\xc0|D+\xb5YH\x04x\xd0\xd7\xa7\xf95\x88\x88/\xcb\x98Q\xc3\xe5\xaa]\xe1\xc1\xfa\xc3\xef\x85\x8d\xdd\xdf!^\x1e\x0bkL\x02\x91Y\xf4\xf5\x8a\xa2ka~\xba\t\xe3\x9d\xcf\x07}\xa8\xe5\xde\x92\xf8\x0c\xce\x9fY\x84\xa4\xbe\x1b\xc8\xac{ZM\xd9\x8a\x13$!\x1a\xb9\xb7?\x8d\x1f\xe2H\x19xB\xaeA\xb0\n\xa5:\xbc\x03i\x85\x93O\xfaS|\xed&amp;e\x89\xbf\xb7\x8a&amp;/\xee\n\x16\x9e\xf7n\xfcF\xf6R\xa4[\x97\x1b\xa8\xd4\xd1\xce\xa7\x07em\xf5\xd9\ty\x81\xea(\xcc\xab&lt;\xfe#\x80\xb6:\xcbs:\x1eO\x8fD\x988?Q\x96\xd9N&lt;a\xee\xfdsn\xd6\xfe\xba\xad\x8e\xbb\xa6\xf7\x15&gt;\xfez%\xefo\xb2\xee\x19rlq\x88\xc7\xb08AP\x1b\x8d\x1e\xd1\x16\xce\x856\xcf`w\xe0%n\x99\xa10\xdb\x80\xa7H\xa2\'\x8d5\x8aI+\xa1\xe6z\x11\x06\x15s\x1e\xbf\x00+_tG\xd3\xb5/\xc0\xcd\xaf\xc0\xe0\x17\xbc\x80\x03\xa4\x8f\x83\xb5\x05\xa5\\\xee\xe5_\xe4\xa4C7\x15\xc2\xa0m\x90\xc3\x89\xce\x88eI4\xce\x99L\x8a\x9e3\xbe\x99!\x1d\xcf\x90#\x17 MSBI\x8dP}\xab Tb\xad\xa3K\x98\xea\xaf\xde\xd0\x97\xeaD\xd0mz\x87\x99\xc4o\x9d\x1eL\x93q\xcel\x1d\\b\xe3\x92\x05Ih\xff\xa8\xe1\xfc\x9f7I\x16x\x82u\xff\x99\x1d\xda\xc4]\xd0\x8e\x18s\xb1`\xf9`\x92\x19\xe9\xef\x15\xf6\\\x9dZ\xe6\xb2\xa6)\xc9\xc5!\xdd?\x96\xb6!\xadK\xf2;bl\xc7\xe3\x98~\x0bt6\xc8\x81\xa8\xa7E\xb8\xc3\x81\xd6\x80\xfd\xe9)\x1d|\x0f\x07^\xae\xb8\x97\xb9#\x91A\xeb\x7f\x08\xaba[\x900(\x9a&gt;mo\x15\x92\x84\xf8\x8e\x10\x06\x81\x01b\xc8}\xcb\x80\xc0M\xd1c\x08-c\x86)1Sh\xd7L\n\xa5\xea\xc5\xe1\xcb\xf5\x10\xc8\x084`\xcf\\A\xef\xc0\x9b,r\x9b\xadS\xbd\xfd\xd9\xff\xb7)\xa28\x87u\xe9\xf9y2\xe9\x97\x00\xe7\xfc\x1d\xdeh\x9a[\x92\x80V\xc6;\xf1\xd7\xacTiN\xf4\xb7\xe4"T\xab\x1e7\xect\n\x14\xd8\x9e)\xb3\x0f~$kqR\xa8\xeabc\xadI} \xe7\x14\xcc\x0f\xe8\x04\x1b\xb0\x96\xad\xa5\xbbU\xab&gt;"\xa3\xa2H\xc2L7j\xf5\x01lH\xb8\x11\xed\xfff\xf5\xe3&gt;\xd7\x8a-1\x84&lt;\x8fa\x19\xaf\n\xeb'</t>
  </si>
  <si>
    <t>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</t>
  </si>
  <si>
    <t>b'u\x87\x91\xd4\x853A\xd9\x13G\xf9\xb3\x9b\xd65\x17'</t>
  </si>
  <si>
    <t>ot fare well under high-drain applications with loads under 75 ohms (75 mA).
Common types of disposable batteries include zincâ€“carbon batteries and alkaline.
2.6.2. Secondary Batteries
Main Article: Rechargeable Battery
Secondary batteries, also known as secondary cells, or rechargeable batteries, must be charged before first use; they are usually assembled with active materials in the discharged state. Rechargeable batteries are recharged by applying electric current, which reverses the chemical reactions that occur during discharge/use. Devices to supply the appropriate current are called chargers.
The oldest form of rechargeable battery is the leadâ€“acid battery. This technology contains liquid electrolyte in an unsealed container, requiring that the battery be kept upright and the area be well ventilated to ensure safe dispersal of the hydrogen gas it produces during overcharging. The leadâ€“acid battery is relatively heavy for the amount of electrical energy it can supply. Its low manufacturing cost and its high surge current levels make it common where its capacity (over approximately 10 Ah) is more important than weight and handling issues. A common application is the modern car battery, which can, in general, deliver a peak current of 450 amperes.
The sealed valve regulated leadâ€“acid battery (VRLA battery) is popular in the automotive industry as a replacement for the leadâ€“acid wet cell. The VRLA battery uses an immobilized sulfuric acid electrolyte, reducing the chance of leakage and extending shelf life. VRLA batteries immobilize the electrolyte. The two types are:
Â·Gel batteries (or â€œgel cellâ€) use a semi-solid electrolyte.
Â·Absorbed Glass Mat (AGM) batteries absorb the electrolyte in special fiberglass matting.
 48
                 Other portable rechargeable batteries include several sealed â€œdry cellâ€ types, that are useful in applications such as mobile phones and laptop computers. Cells of this type (in order of increasing power and cost) include nickelâ€“cadmium (NiCd), nickelâ€“zinc (NiZn), nickel metal hydride(NiMH), and lithium-ion (Li-ion) cells. Li-ion has by far the highest share of the dry cell rechargeable market. NiMH has replaced NiCd in most applications due to its higher capacity, but NiCd remains in use in power tools, two-way radios, and medical equipment.
Recent developments include batteries with embedded electronics such as USBCELL, which allows charging an AA battery through a USB connector, nanoball batteries that allow for a discharge rate about 100x greater than current batteries, and smart battery packs with state-of- charge monitors and battery protection circuits that prevent damage on over-discharge. Low self- discharge (LSD) allows secondary cells to be charged prior to shipping.
2.6.3. Battery Cell Types
Many types of electrochemical cells have been produced, with varying chemical processes and designs, including galvanic cells, electrolytic cells, fuel cells, flow cells and voltaic piles.
(a) Wet Cell
A wet cell battery has a liquid electrolyte. Other names are flooded cell, since the liquid covers all internal parts, or vented cell, since gases produced during operation can escape to the air. Wet cells were a precursor to dry cells and are commonly used as a learning tool for electrochemistry. They can be built with common laboratory supplies, such as beakers, for demonstrations of how electrochemical cells w</t>
  </si>
  <si>
    <t>b'\x9dm\x1c\x0f|#\x95\xf0\xd2\xac\xb2)\x8b1V\x0c:\xfaFh\x88^\xef\xce\xb1\xd3\x91x\xed\xa4A\x8f\x8a\xf91\x19`\\\x8f\x07\xa3\x96`2\x8di\xdd\xff\xee\xb6\xe2\xaa\x16\xb5\xf3\xf8f\xd9\xa5\xc7\x90\xc5\xad\n\x8b\r\xe04\x1b\x83?\xca\xbb\x9fP\x19\xefy\x9c\xf6\xb90\x0b\x8b5\x04g\xd0f{\x14\x1ed\x88\x1aW\rOu\x9e\x83\xfd\xf6JqZM0\x0f\x02n\x08\xaf\x96\x07T]\xc81\xf0\x81\x90nl\x00iIb\xfe\x82pl\x9d(O\x85\x9b;P\x12\xc0\x04I\xe5Cdt\x92\xca\xfc\xa0\xd8\xfeI\x11s\x94\xd9\xc5\xfc1\xe4\xb3\x07\t\xea\xff;\xfb\x9b\xd2\x0e\xe2;\xe6\x94\\3q\xe7\x05\xd12\xc3\xca.\x9b\x1c\x99\xfc\x9fb\xaa\x9e\xc6\xfcU* lB\xb4\xd9\x8f\xa8\x19Qh\xa4\x85\xca0\xdb\xb0\xea\x0e\x1f\x16\x8aN\x1ar\xfd\x1d\x172\xbd\x95\x9c\xb6\x8f\xf2\x87NA\x16\x8d\xef\x91\x16\x18\xf6\x8b\xc3\x17[7\x91\xea\xda\xef_\xb1\xc9\xb2\xe8\'#Y\x81\\TL$|\xaa\xbeCE\xca1\xc6\xd7\x82\xcc(\xf7`\x9eJ\xe61$=\x1f\x19\x91ZIG\xc7\x85\x83\x81fE\x97\xcb\xf8\x9b\xfc\xba\xb0\xa7\xb0P\xaa\xe9\xe8\xb2"\x91*H\xd8v\xd1\xa1\x05\x17d;p\xe8=\xe1\xa6\xbc\x83(\xba\xeb\x9f\xbb\xb7E\x8bO\xb8\xfe&gt;Y.U\x90\xf4K\xe7\xba\xd9\xb2CfI\x19\x92\xff\xa7nQ8\xafx\x02q\xf5\x1b\xa5\xfb\xc5\x1a\x8c\xce\x99\x05\xcf\xd8\x04\xd3p\xe8\x96\x0b,\xaebRX\x11\x99\xff\xc4 \xa5\xb3\x86\xa3\xc5\xc1\x1c\xc9um~\xd4\xb9\x9d\xb3\x7f=\xfb`\x84\xb98\xfe5\x99S\xb9-\rw\xe6\x90\x08\x01\x1f\xd7vg%\x97\x9c\xcd\x93\xb4\xbd\xc6\xb3\xfb\x91\xf9\xee\xd9\xa1\xef[\xe3\xa7:\xca\x9d\x08g\x9c@72\xebRz\xdd\x13\xf3\rkG\xaf:\x1fv\xd4\x9b\x05\xae\x94\xd3\x94L\xb6\xd2\x19\xb8R\xfe{$\x956\x8a\xb2\x18\xd5\xd7\x10\xab;#\xd9!\x8bF\xcf\xdbN\xe7\xbe\r3\x00\xd8/H\xf2\xef\x90\xc1\xe3\xe5!\xe9\xf8M\xa9\xfd\xc3\x8dDU\x11,\\B\xaa\x97\xf6\x8cv\xf3(aAj\xf2\x82\xd5\x9b\xe7\xb8\x9aa\x070\xea\x8a\xcc\xf9V\x1c\xf8l@\x80\x0e&amp;\xd9\xef&amp;V\xe6\xa0f\xfc=\x17\xd8|\xe3\x1e\xbf\xed\xb3}\x98\xe5XI\x97\xc7\xb49\xbb\x1dK\xaa\xbf\x84\x13#\x1b\x88\x81\n\xbb\xf5\xfb\x95\xf2.|\xb2{\xe1\xaf\x9eP\xc8t\x9bY\xd1\x8fU\xa8\rP\x94\x9a\x8ci\xc3\xb0\xd5\xc4\xa2&amp;E\xf7g\x0e.l\xbe\ni8\xcct\xcf\xe3\xb0\xaa\x191\x14\xc5d\xc1&gt;y\x1d\xd1\x98Z\xb1\x80\xee.&amp;\xa1L\xdd\x82vw-\xcb\xd5\xa0\x87^R \x8b[{\xbb\xa4[\x98\x80\xa6\x0e\xd9\xe2\xeeS\x900Wn\x86\x10\xf5\xa5\xfd${\xb0\x85w\xc1\n\xea\n\xd3\x1c+2%\\k\xad\xc0\x8d\xcd\xdf\x1c\xe5\xd5ChX\x97\x11\xb7\x15\xee\xd7\xfe\xa3q\x9d\xcb;.\x14\x92z~\x12\x0e\x86\xc9\xee\x1a\xfa18\x0e\xf4\xc0\xf2\x89,p\xd6;)r\xf3\xa0\xfa$*h\xb2mf\xdd-J&gt;\x80\xe3Q\x1a}-\xc7\xa1\xa8\x0e\xff\xb3\x92\x91l\xb5i\n[S\x0f\xae\xa1\xadB\xdb\xf4\x82\xa6C\xdc\x8arV\xa3\x85\xf5\x88\xd5\xff\x1a\xd7\xa4\xe5#R\xe7S\x83\x7f\xc9\x05E\xeeCJpe\xbd3\x96\xf4y\xf0U\x92\x0ey\xb3\xa1|\xb7\xa2\x80\x08\x06A7D\x8d\x16\x10w\xbbp{\x96\xccc\xf8\xf4\x0e"\x94\x9a\x16\x9cZ!\xd3\x07,\xcbY\x1c2\xa4\x04SwZ\xc1u\xaeu\'l\x1f\x13}\x1d\xb1\xb9kQ],\xbe\xdd\xa85\x9c\xe5\xbb/\xc48\x0fqa\x029\xe7\xd4~2\xb1t[\xd9\xa7\xc24\x8c~\xd9\xfdN\xe7\x80ssNe\xd6)\x1ep \xba\xfeZX\xf23\x89r\x98\xf4\x8c\xefQ\xab\xd4\x1e!Q\xeb\xba\xe5\x81-l\x96\x00\x1b\xac\xb8q.r\xb5\n\xd3\x96U\xedB\x01\xf1\x80\xcd2\xa4v\x972\xf41\x9b\xf4\xe6\xdfT\xc6\xc06\xb0\x7f\x15*9Iw\xb2F\x8aIE\xe1\xcb\n|\xabo\xafk\x9b\xc6\x89\xf9&lt;\xf1\xe4a\xa5oe\x86Pu\xfdd@g\xe7\xb8S\x199\xe4[\xfa\xf4\xb2\x98-\x9e\xdf\x081E\xedr\x00\xa5\xd5(\x90\x1c\xde%\xe4f\x94v\xb40\x10Du0v\xc4:i#%_\xba\x05d\xee\x918\xcdc2\x87HE\xcd&lt;P\x1a\x9e\xbc\xff&gt;_\x10\x83\xea\xcbmF\xa5\x0b^S\x1c\xdb+x\xd0\xf3xnB\xc2m`d\xc3\x96\xf0\xd7#\xb7k\x8bP\xd3\xc9\xe5w\x1d\x9a\xe4x\xd8\x8a\x89\x8e(\xbd6\xf0\x0c\xe4[\x9e\x0e9K\xc6\xee\xee\xaf\xc7/\xf8\x80\x91\xcb\xc1\x9b\x92\xb0\xb6\xa4;jV\rM\xeaj\x1aJ6e\xf5\xb0\xc6\x17\x08]$\xbf\xdd3\x85\x905\x04\x83\xd72\x80\x10\x0bjd\x1e\xbd\xed\xf3\t\x85C\xc4\x17\xdfYS\xbe\xdf\x9b\xfa1\xb0\x04\xd9\xa0\xedl\x10d(\x94\xb4&lt;R\xad\xe9t\r\x99\xff\xab4\xf5\xf1\x91\x98\xc6\x12\x9bY\x0c\x047\x01s:"\xd20o\x044\xee;I\x95\x80\xeb\n\x93L\xeb(\xee\xe8~S\xde\x1f\x11c\xe1\xd8A\xa2\xab\xd2\xddd;wL\xb4\x94D\x06\xcc\x0f!6b\xcf\xe6\xcd\x18P\xbb\xf5\x8f@\x10\xe8\'\x81kf\xa5&lt;\xc2\xfc\xef\xe2\xf1p\x1b$Y\xcb\x8b\xe2\xfamAi\xfa\xadl!\x95\xc8\x04\xb8"\x8c6gwXD\xc0\\\xb0\xee1*\x8el\x8cx\xb0\x0c\xbdK\xd0|\xb4\x8f\x9cu\xcfX\xc3@\xe0\xa9\x13p\xb7:;\x96\xa1@\xac\xce8\xeft\x12=\xc8*\x17\x0b+\xd6os\x7f;\xb0\xab\x18\xcf\xd9bd\xdf\x80\x15\xc6\xb0a\x01s\x18#\xe6&lt;6\xe4W\x96V\xd1\x85(\x0f\xbd\x9a\xc8n\x1e\xa63o\xb2\x9c\x18\xf9\xd2\x99&lt;D1\x81\x06@5U\xf5(h\x92\xf3\xe4\x86\xcd\xcd"mt}\'\xa7\x073d&gt;?\'m\xf1\\\xf8\x14\x83\xc1\xc3\xb8\x97\xf5\x1d=\x8c\xb8T\xa9\xca\xb3\xf1io3\xaf1+5\xa7\xafx8N4T\xf8\x167u\x91\x15\xe9y\x10\x0e\xa7\xfaI\x06\xde\xfdj[\xc5\xbf\xe1I\xb5G\xc1[\xf1A\x15\x86\x83w2\x15\x91\xbaY\xda\xb2\xc6\xb7\xff\x1e8\x8d[;\x8b\x023&lt;\xf9\xd9(\xbb\xccxy\xaa\x7f\n-\x05\xff\xbe=d\xa6\x9c\x91\x1a\xe9\x0f\x8d\xf8m\xdcP~{\xb06\x03\x8c\xf2\x01^G;l\xd5\xcd9\xf5`\t\xa1\x1dErw\xc8G\x13\x842\x05\xa3\xf7\xd2\xf7\xf5\xfb\xec\x19\xc0m&gt;\xfe8Zrc\x95\x97\x97?(P\xd4\xb0\xc9\x02\x82\x0f\x05c\xb7\x89\x96\x06\xd75L\x1b\x92\xac\x89a\xe7\x0e\x99\xda[\xa2\xa7\xe0\xd2\xf9\xdc3\x93\xe5\xae1\xb8%C\xa5\xb5\x8b!\x1f\x95&lt;\xae\xa3\xed\x0e\xed\x86\xd5\x95\x10dc\xb9b\x81\xbf\x9el\xcf\xe0\x02\x034\x821+Nb\x9d\x9a\x8f\x08\x7fPf\xc3\x9d\x9b\xe2\x8b(B\xac-\x1c\xb2\x87n\xdbP\xbbs\x07\xab?l&gt;\xb1\xd6\x81\x86VS\x03\x97\xd0\x06&lt;7\xf8f\xaf\xf9=\xd6\x1a\xb2\xe5uG\xdd\x1e*?\x9cd\x13j!\xeb\x99O#\xd8\xb2\xb4\xb2\xea9K\xb3\xf8\x82\xf0\xda\\*SW\t\\\xe1[\xc81s\x03\xa8\x9b\xf1N"\xe7\xa0\x81R\x84\x87&lt;\x9f\x1a\x03\xb3\x0b\x94\x9dF\x15\x142T\x0c#\x90!\xbfi\x16\x9d\x84\xd1\x95\xc4_\x88\xafX\xb9\xb6\x15\x198\x1e\xcd\rw#\xc4\xeb\xe0\xc4\xc8\xf0h\xe62\x88r\xea\xf9\xcd \x12\xabgW\x98f\xd9\xcf\xd2Q!Z\xf9vj\xaem|\xddkl\xba_\xa00\xb1\xd05\xd9\xabtb\xa2 \xa25B\xba\x15{\xba\xc3\x10t5D\x9d\xf4\x96q\\\x03n\x05J;\xa8Ip\xc1\xbd\xef-2B\x0f\xbdo\xcb8u\x8a.\x9e\xa3f\x9f\x8b0pJ\x913Z0\xe0A\xb0\xcfe\\\t_\xe7\xc6\x01$Y16gmb\x9f\x9a\xe6\xd9\xbc\x0e\x96\xe8\xfb\xf0AF-\xa5\xa4c\xf7\x04\x96x-\xc1\x10\x19,H\xff\x8d\x0e\xb0\xfeY_/\xf7\x96\xc2\xe9\xf4\xc3\xef\x04\x83W\x0c\xe4\xb6\x00g\xc4+\xfaA\xde\xfe(Y`\x9d5\xc2\'\xd5\xed\x95Q\x08\xdd\xe7"]\xbe\xc2?\xd2\xa45\xffL4\xf0\x89\x0f\xe9i\xb8\x0c\x17K\xffp\xae\xe3\x06\xd9V\xdbz\xc0\xd06\xd3\x82\xce\xf78\xeeQ\xd89\xa3\xd7\xd3\xf8\xa5\xac\x0e8\xd7\x15\x02!\xa5H\x90\x86\xa6\xe9\xe9~\x18H\x8b\xe3zU\x1cH\x8f#(\x88DY\xe7\xcaBwIZ\x18D\'\xbc\xf2\x04\xfe:\xd4\xe3D\xd5}\x9b\x80r\xae\xfa3\x9fo\x94}\x93\x85\x85\xf0\x1e\xe5\xa6\x00\xc5p\x8b\xad\x92\xa9yZ=\xdf5.\xe1\x9e+,\x1b\x1a\\/\x90$o\xeb\xc9\x1c\xa5\x9er508*-\x95\x0e_mn\x0b*\x15\x14cD\xf7\xefe\x11M\xd6\xbe\xc8\xf6{\xceMV3\x1c\xbbm\xe3\xb8\x10 -\t\x11]\x1e8\x00\x8e\xbd\xcd\xaf\xa4`j\x7f\xb4Ey}\x17\x9f\xe50\xf0\xe3I+9\xe22\x04}\xb2|+x\xbe-J5\x8c\x95\x7f*\xe1\x1b\x01\xa4\x80\xd3\xb7\xc3\xdb9\x85\\C\x86\xb5\xea;\xe4y\xdf\x03\xab\x90\xc3nc\x9a\xaf\x93\xc5G\xe2\xe4\xc2\xa1X:\xc7O\xa9{\xaer\x902\x0fT\xa5\x9f\xcc^\x007?kW\x84H`\x18\xc7\xefFE\x11EPt\x8e\xb4vK\x8eC\xf5\x02P\xbe\xfc\xceW\xafb\x88k[U\x02\xe7\x98\x84\xeb\x98\xf2p\xe5\xfa\xbdpJ\xe8/nO\x870\x08y0pN\x16~\x8e\x86\xff\x8a\xccQ\xedO+\xec\xd4\x0f\x8fm16\\\xa9\x07X\x13\xbae\x0b\xc2R\xa7\x90l\xb3\xb7\\\xf3\xa4\xefSG\xf4\xac$\xbbH+\xa2@\x91,Kx\x97\xd3\xae\xcb*\xfa,\x96E0\x06\xeb\xaa\x8f\xa2\x9d\x86\x14\x0b\xe1;\xf0\xc5\xdd\x94\xf1\xe7\x19A\x93\xa6qy\x10V\xfd\x93\x88iE\xf0\xeb\xe7h\xb4\x06\x99\xc5y\x15\xdf\x86\xc8\xa0\xeakh\x9eU\x89\x98\xd9+\xaa\xba\x8e\n\xd4t0U\x04\x8b+.\x03\x9c\x0e)\xf9\x9e:\x8f\xb0\xb2i\x80;\x88\x92\xd4bqK\xb8n+L\xc2|\xe3\x87I\xe0\x97\xbc\xbd;0M\x81\xe6\xea\xd8\xf1\xbe\x87\xdf\x1f:9\xee\x8e\xff\x98\x18\x03Al\xea\xf5\xbe\xf7\xb3\xc6g\x82\x0e\x8c\x12+\xfdJ\xfa\x13\x1d\xf5\xe4\x93TV_\x85\x97\xdb\xba!\x08\x81\x01\xfb\x94:\xa8@\xfa\xf1\x02H\xc8\xe8\xd1\xab\xa8C\xf7\xba-\x01\xaf\xb1a`K~\xb8%\xf8\x00\xd3$k\xad\xef\xe0\xa6\t,\xb5d\xb7$#-y\xce\xc3\x14\xb1\xb9\x0c\x14`\xe2\xd2@\xbe\xcboz\x88\x96VW\xc8]\x052~cQM\x1f\xcch\xcd:\xb1YI\xa9\xc2}\x1b\x87F\xbda\xad\xaf:\xc03\xeb\x8c\xfa\xd6Z\x84\xc7\x08\x01\x1c\xfb\x98N\x9ej\xae\xb7\xb0\xeb\xde\x0c\xa7[\x85\x1bS\xed\x0bar\x13\xd3w\xa1)\x99/\x0b\t\x91SH\x80\xefy\xd3y5\xec\x1b\xf5\x9e\xff\xc9-L\xb6\xfc\x8f\x80\xed\xee\xfcU2V\x87I[[d/h\x01\xde~\xdb&amp;\xbe\xf3\xf2\x98\x19\x84\x0f\x99\x93;\x98\xa4\x85d^4NKn\xbc\xa7\x89\xc9\x8ds\xa5\x85\x05#+\x96\xdc\xf2a\x82}m\x99\x9f\xa2u2\x14\x1e\x07\xff\xe1\x1c`2\xd5\xc72\xcf\xa8 \x9c=\xd5n_\x84\x1c\x84\x8f\xa1\xbe\x00\\Bo6IYs\xc4\x00\xb1\x08_\xf6\x06o7\x04\xdd\xd7\xdfZ\x1d\xdf\xad\xf7B\xaba\x90\xea&amp;T\xb8\xc5?\xa6\xceH\xbf\xdc^\x8an&amp;.\xca\xf0\x04\x93\x07\xe5-/\x00*oP\xa2+\\w\xb9H\xc3\xa7\x8cV;\xd9\xd6\x93P\xbfC\xcfD\xbf\x99b\xe2\xe6&amp;\x19~d\xd5\xa7\xecg+k\xe8\x8e\xac\xab;\x04Sh\x80&gt;\x8d)\x81NyN\xb4*\x93\x83\xca\xdf])f!\xa5\xcf7\x12w\xb3\x18\xf5F\x95P \n\x95\x9d\xdey.\xb3N\x87\xffG\x8d\xc4\xdd=o&amp;l\xa2\xff=\x16\xfa\tQk\xe1?\xe3\x8bm\x19\x9dfU{\x81k&amp;5\xc2z\x1f\x04\x18\xf5\xa0j\x173\x97\x84\xdfJ^[\x91q\x8a(@i\xff*\xa4%r\x1e\xd5qLm\xb6\xc5\xd5cv\xb1"\xcf\xe3d\x1b\x0c\x80^\xf1T\xfe\xf43\x1e\xa2FvaL\x17h\xba)\xa5\xd4Fr\xb0\xf6\x1a\xb0m\xc1\xc8\xe0k\xe3\'\x06\x92\xf6K\xb3\x90\xc4Y\xe5\xca\x14\xafke\xe27\xb8\x13#\xbd\xae[\xa0\x05\xba\x13\x15\x08\x1ek\xd9r\x17\xe3\n\xe7\xe5\xcb\xf4\xf8Jh2\x7f\xf1\xbf\x9c1\xfb\xbd\x04\xd8\xb0\x8e\xd4\xa8!Q\xcb\x91\x16\x8d\x8e\xd8\xe8\x813\x01ZW\x03\x9c\x07\xa3G\xdeU\xe6\xc9\x88/\xc6\x97(\r\xeb\x8f/\xea*S5_C(\xe3\x16\xd9\xd2X\xd0\x8e2\xff\xc1\xc2y|\xe0x\x91\xa8}\x8b\xf1`\xd1\xf37\x18\x83mo]E\x8f\x0e\x8c\x7f\xa4\xf58\xd2\x98i\xb31\xd4\xa6\x15F\xb8\xd8~\xff\x92q}\xef+\xe5V\x7fK1\x90\xb0^.\x13m \nTch\xb1\xe4N\x8e\x08\xf3\x847j,\x14\xa6V\x0be\xd0\x87\x03\x01\xcf\x0c\xaa\xa1\xdb!\xfa\xb0\\\xd2\xc7\xf6\xfd\xf6\x00\xbe\x89tL\xd8d\x8a\xfbB\x95\xcd\xce77\x81\x9e!\xdb\xf0\x8dA+h\xdb\x98 \xb2\r\x1a\xe0\xd5\xeb\xa35qEY\xfa\r\xb4\xeb\xcb\xa2#\x8d\xbfuN!\xff;p\n\x05O\xf9\x87\xc3Z\xda\xc9\xd6k\xd9\x1e\x0b\xd9\xc8/\x15|\x12\n\xc1E\xad\xc4\xfd\xb4\x1d\xad\xc5\x9f\t\x8e\x1b7"\xa0\x075\xabW\x8eA5)\x90\xaf\xab\xa1\x81\xfd\xb3\x94\x00+\'\xd8\x12\x8f\xaa\xec\xe7\xad\xdaz\xa7\x8d\x11\x81\x9e\xf6k\xec\xe60\xa0\xc8\x04\xafSkB1\x08o\x8e\xd6t\xad\x95KQ\x05\xe4\xb9g\xf5y.\x0e]\xa1D\xb7\xe7\xee'</t>
  </si>
  <si>
    <t>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</t>
  </si>
  <si>
    <t>b'\x9dm\x1c\x0f|#\x95\xf0\xd2\xac\xb2)\x8b1V\x0c'</t>
  </si>
  <si>
    <t>b
 Vout
 V
 1
 R C
 X
 g mRD
 1 + g mRS
 g mRD
 S b
 1 + g mRS
 R SCb
  Ï‰
 (c)
 Figure 11.28 (a) CS stage with input coupling capacitor, (b) effect of bypassed degeneration,
 (c) frequency response with bypassed degeneration.
 in the midband gain expression:
 Vout
 VX
 (s) = âˆ’RD
 RS||
 1
 Cbs
 +
 1
 gm
 (11.54)
 = âˆ’gmRD(RSCbs + 1)
 RSCbs + gmRS + 1 . (11.55)
 Figure 11.28(c) shows the Bode plot of the frequency response in this case. At frequencies
 well below the zero, the stage operates as a degenerated CS amplifier, and at frequencies
 well above the pole, the circuit experiences no degeneration. Thus, the pole frequency
 must be chosen significantly smaller than the lowest signal frequency of interest.
 The above analysis can also be applied to a CE stage. Both types exhibit low-frequency
 roll-off due to the input coupling capacitor and the degeneration bypass capacitor.
 11.4.2 High-Frequency Response
 Consider the CE and CS amplifiers shown in Fig. 11.29(a), where RS may represent the
 output impedance of the preceding stage, i.e., it is not added deliberately. Identifying the
 capacitances of Q1 and M1, we arrive at the complete circuits depicted in Fig. 11.29(b),
 where the source-bulk capacitance of M1 is grounded on both ends. The small-signal
 equivalents of these circuits differ by only rÏ€ [Fig. 11.29(c)],10 and can be reduced to one
 if Vin, RS and rÏ€ are replaced with their Thevenin equivalent [Fig. 11.29(d)]. In practice,
 RS _x0008_ rÏ€ and hence RThev â‰ˆ RS. Note that the output resistance of each transistor would
 simply appear in parallel with RL.
 With this unified model, we now study the high-frequency response, first applying
 Millerâ€™s approximation to develop insight and then performing an accurate analysis to
 arrive at more general results.
 11.4.3 Use of Millerâ€™s Theorem
 WithCXY tied between two floating nodes, we cannot simply associate one pole with each
 node. However, following Millerâ€™s approximation as in Example 11.10, we can decompose
 10The Early effect and channel-length modulation are neglected here.
 11.4 Frequency Response of CE and CS Stages 525
 R
 M 1
 VDD
 Vin
 RS
 R
 V
 Q1
 CC
 Vin
 RS
 Q1
 C Î¼
 C C Ï€
 Vin
 RS
 R
 VCC
 M 1 C
 C
 C
 C
 R
 VDD
 (a) (b)
 g Ï€ m v r Ï€ Ï€
 C Î¼
 C Ï€
 CS
 GD
 DB
 GS
 SB
 Vin
 RS
 CCS g m
 C GD
 CGS DB GS v GS
 Vin
 RS
 R R
 (c)
 g m
 C
 C C
 R
 Vout
 R
 XY
 in X X
 Thev
 VThev
 X Y
 C
 out
 (d)
 Vin
 Vout
 V V
 V V L
 L L
 L L
 L L
 Vout Vout
 Vout
 Vout
 Vout
 Figure 11.29 (a) CE and CS stages, (b) inclusion of transistor capacitances, (c) small_x0002_signal equivalents, (d) unified model of both circuits.
 CXY into two grounded components (Fig. 11.30):
 CX = (1 + gmRL)CXY (11.56)
 CY =
 _x0002_
 1 +
 1
 gmRL
 _x0003_
 CXY. (11.57)
 g m C v
 R
 Vout
 X X v R
 Thev
 VThev
 X Y
 out CX Cin CY
 VThev = Vin
 r Ï€
 r Ï€ +RS
 R Thev = RS
 CX =
 CE Stage
 C Î¼ (1 + g mR (
 C = C Î¼ (1 + (
 g mR Y
 1
 VThev = Vin
 R Thev = RS
 CX = C (1 + g mR (
 C = C (1 + (
 g mR Y
 1
 CS Stage
 GD
 GD
 L
 L
 L
 L
 L
 r Ï€
 Figure 11.30 Parameters in unified model of CE and CS stages with Millerâ€™s approximation.
 526 Chapter 11 Frequency Response
 Now, each node sees a resistance and capacitances only to ground. In accordance with our
 notations in Section 11.1, we write
 |Ï‰p,in| =
 1
 RThev[Cin + (1 + gmRL)CXY] (11.58)
 |Ï‰p,out| =
 1
 RL
 Cout +
 _x0002_
 1 +
 1
 gmRL
 _x0003_
 CXY
 . (11.59)
 If gmRL _x0007_ 1, the capacitance at the output node is simply equal to Cout +CXY.
 The intuition gained from the application of Millerâ€™s theorem proves invaluable. The
 input pole is approximately given by the source resistance, the base-emitter or gate-source
 capacitance, and the Miller multiplication of the base-collector or gate-drain capacitance.
 The Miller multiplication makes it undesirable to have a high gain in the circuit. The output
 pole is roughly determined by the load resistance</t>
  </si>
  <si>
    <t>b'w\x87\xf7\xebd\xe6+\xd5\xc3O5&lt;\xb2c1:'</t>
  </si>
  <si>
    <t>7787f7eb64e62bd5c34f353cb263313a</t>
  </si>
  <si>
    <t>mile. 'Any more
 than the discernment of the Chevalier Valancourt,' added Cavigni, who
 stood by the chair of Madame Cheron, and had heard her arrogate to
 herself, as he thought, a distinction which had been paid to her niece.
 'His discernment MAY be justly questioned, Signor,' said Madame
 Cheron, who was not flattered by what she understood to be an
 encomium on Emily.
 'Alas!' exclaimed Cavigni, surveying Madame Cheron with affected
 ecstasy, 'how vain is that assertion, while that faceâ€”that shapeâ€”that
 airâ€”combine to refute it! Unhappy Valancourt! his discernment has
 been his destruction.'
 Emily looked surprised and embarrassed; the lady, who had lately spoke,
 astonished, and Madame Cheron, who, though she did not perfectly
 understand this speech, was very ready to believe herself complimented
 by it, said smilingly, 'O Signor! you are very gallant; but those, who hear
 you vindicate the Chevalier's discernment, will suppose that I am the
 object of it.'
 156
 'They cannot doubt it,' replied Cavigni, bowing low.
 'And would not that be very mortifying, Signor?'
 'Unquestionably it would,' said Cavigni.
 'I cannot endure the thought,' said Madame Cheron.
 'It is not to be endured,' replied Cavigni.
 'What can be done to prevent so humiliating a mistake?' rejoined
 Madame Cheron.
 'Alas! I cannot assist you,' replied Cavigni, with a deliberating air. 'Your
 only chance of refuting the calumny, and of making people understand
 what you wish them to believe, is to persist in your first assertion; for,
 when they are told of the Chevalier's want of discernment, it is possible
 they may suppose he never presumed to distress you with his
 admiration.â€”But then againâ€”that diffidence, which renders you so
 insensible to your own perfectionsâ€”they will consider this, and
 Valancourt's taste will not be doubted, though you arraign it. In short,
 they will, in spite of your endeavours, continue to believe, what might
 very naturally have occurred to them without any hint of mineâ€”that the
 Chevalier has taste enough to admire a beautiful woman.'
 'All this is very distressing!' said Madame Cheron, with a profound sigh.
 'May I be allowed to ask what is so distressing?' said Madame Clairval,
 who was struck with the rueful countenance and doleful accent, with
 which this was delivered.
 'It is a delicate subject,' replied Madame Cheron, 'a very mortifying one
 to me.' 'I am concerned to hear it,' said Madame Clairval, 'I hope nothing
 has occurred, this evening, particularly to distress you?' 'Alas, yes! within
 this half hour; and I know not where the report may end;â€”my pride was
 never so shocked before, but I assure you the report is totally void of
 foundation.' 'Good God!' exclaimed Madame Clairval,' what can be done?
 Can you point out any way, by which I can assist, or console you?'
 'The only way, by which you can do either,' replied Madame Cheron, 'is
 to contradict the report wherever you go.'
 'Well! but pray inform me what I am to contradict.'
 157
 'It is so very humiliating, that I know not how to mention it,' continued
 Madame Ch</t>
  </si>
  <si>
    <t>b'X\x7fq\xc4\xab\xf0\x85\xd06\xadC\x11\x8c\xb4\xdcM[k\xf2\xb1\x82\x1a%I\xc1\xaf\x91\xd0\xa3\x0c\xa2&lt;:@"\x89\xfc~\xb5L\x0b.\xccJ@y\x08\x8f\xe5\xb5&lt;\x11.\xd2JQ\xc6\xa3\xdf\xbb\x8bW.U'</t>
  </si>
  <si>
    <t>587f71c4abf085d036ad43118cb4dc4d5b6bf2b1821a2549c1af91d0a30ca23c3a402289fc7eb54c0b2ecc4a4079088fe5b53c112ed24a51c6a3dfbb8b572e55</t>
  </si>
  <si>
    <t>b'X\x7fq\xc4\xab\xf0\x85\xd06\xadC\x11\x8c\xb4\xdcM'</t>
  </si>
  <si>
    <t>thods of extension by which to reset a dislocated shoulder, and he appealed to
Roman Medicine 493
specialized equipment, such as leather straps, boards, and ladders, to facilitate the
doctorâ€™s efforts, along with his hands, his head, even his heel to achieve the extension,
as his assistant applied counter-pressure. He advised cautery of the skin under the
armpit in cases of repeated dislocations of the shoulder (Hippoc. Art. 2â€“12). Greek
treatments could seem violent and were no doubt initially shocking to Roman
patients, but they were also far more likely to return the limb to normal use in the
case of a dislocation or a fracture (Nijhuis 1995).
Cato himself stood in the vanguard of those who argued that Romeâ€™s traditional
values were being attacked by those Romans who advocated further conquest in the
Greek world of the eastern Mediterranean. Romans told themselves that the defeat of
Hannibal in the Second Punic War (218â€“201 BCE) bereft them of the strenuous and
mighty Carthaginian foes who for decades had exercised them and forced them to
stay strong. With Hannibal gone, the influx of Greeks, their cultural products, their
luxurious habits, and their medicine were making Romans soft, and thus in need of
more elaborate doctoring. The attitude of Cato, whose political career was rooted in
opposition to his contemporaries, the Philhellenes, nonetheless appealed nearly three
centuries later to Pliny, despite the fact that Greek doctors</t>
  </si>
  <si>
    <t>b'\xaaf\xb9\xf23C\xcb\xa7\x0bq\xe6\t\xe5\x9c\xc9\xfb\x19\x86\xe3:"\'4ha-\xeeg\xdb\x0es\xf2[\xf9U\xc6\xc0\xa1\xbe\xf5/)\xcc4d\xc5\xb3\xeb\xdb\xad\xd9\xc8\x1f\xf8\xb99\xee6N0\xb3\xd9\x03C6\xa6Y\xb5\xe7gk\x1d+_\x9bj\xdc\x9e\r\x80c":\xa8\xf5\x0bp\xb0\xa7\x83b~\xf1\xfbUi\xa4\xab\xec\xb58\x98eP3\x95q\xf7ZR\xb5\x96\xd9\xe5\xb4K\xe63v\xacF\x91\xdc0\xa9\xb1\xad\xfa\x03S\xb5dr\xda\x04\xbdw(\x84.l\xfd\x11\x83\xa3{\x84\t\x92\x9e\xec\xd4v\xe8I.\xf7`Z\x12\x80\xa1\xf5&gt;;\xa2\xee\x911TI\xe5\x83\xea\xa00\xe17\x89xo\x03f\xe6W\x86Yf\xb6\xf2\x96\xd6V\x928d\xd4\xa3\xa1\xff\xac\xc3;\xd6P\'\rY\x96\xb8\xc3\x9f\xda#\x88\x85\xec89e4\xb4Q5\x10\x1b\xec%\x97\xec\xe9\x01\xa9}\x06-\xfe\x18\x89\x8bo\xe0h\x10u\x9f\xab\xa0$\xd59h\xce\xd6\xc9\x80\xcc\x8e\x121$\x86\xa1\x07-%2e\xb8\xc9z\xdb\x19\x972\xbc~\x15\xacx\xc1\rQ\x02\x8f\xce\xccU\xa8\xc5\xce\x87o\xcb\xe2\xd7%\x80\xc5\xba\xd1^\x1e\x96&lt;K\x18\xa2/\x03\x9bc\xdf\xdc\xf0\x1a\x9f\xabq\xd0A\x0ba\xb9Qs\x87D\xdf\xbaB\x97\x80V\xc6r\xb6\x85\xd1X\xd5\xa5\x92#\xeb\xb7\xa8\xa2\xec,|qU\x81\xcc\\\xf8\x9f\x82\xec0\xa6\x87\xdd^\xf7\xcc\xa5\xd6\xcf\x0e\x17P\x16+\xb8\xe7\xf0\x9e\xed9\xf0\x13_\xeea{\xdf\xadn\x10\x00X_&lt;x}\r\xa5\x19\xe92\xd0\xae\xbd3\xcd\xc0\xeeNS\x9b\xf8\xd8\xd2^qRM+)\xe5\x879*\x1e(\xa6=\x8b\x01\xd8\xc3\x8e\xde\xc9\x1d\x8d\xf4\x13\x16Z\xed\xd3\xa3\x0c\xe35\x8aH\x8f\x94\xbb\xb1\tT\x8bu!\xec\xbbfw\xd7\xa9\xado1\xb7\xe3D\x93U\x8c:\x10\x10`\x03\xd7J\\F\x91M1\xfc\x82\x93\xad\x92\x15@\x8fL\x7f\xbc\x1b\xd4Z\xfd\xabQ\x18\xf5i\n#\x8f\x18\x81z\xd9L\xf0\xd4~6\'F\x04\xe3\xf1\x14\x12+\x90\xa7V\xf8\'\x1ep\xe0\n\xbb\xdb]\x14\x86\xa4y\xab\xbc\xa5\x1b\xe1\x0b\x85\xcfSy\x9e\x17\xec\x08\x9cx\xe3\xc5\xd8(;\xdf\x04\xe8\xb1G\x800W\x11\x15Nf\x19H\xa7\xfb\x08\x89DU\x9e\xf3\xa2\x87\x94\x7f21\xe1\xa4;(0j\xab\xbfl\xff\x15I\x05\x08B\x85%\xe5G\xdeS\xacg\xd9\xddm*\x1f\x88^\xe03\xe1\x88\xec\x99\xb2\x0c\n\x18\xfa\xe1\xd5M\xf9R\xa7\xac`?\xac\xdf}\xf1U?\xed\\\x8b\xe3\xc5\xe2\x1aq\xc4\xe8\xe5\x9a\xf9\x01\xa92\x1at\x0b\x8e\xf4\xbfsP$\x8c\x8f5\xd8T\xb5\xdaM\xb6\x8e7\xea\x12\x9c?)\x00|\xa6\x8e\xe3+\x92\x86\xe7wUd\x04}dR\xd6\'#\x937\xcc##\xc7\xeb\xcd\xf5[Y\xb8\xbdqrH&gt;/\xb5\x19\xc7\xd9\xda\x12\x96\xc4\x90\xa2&amp;\xa8\x82\xa4\x9e\x02y\x12]P\xa6F8\xcbr\xfdR\xd5\xbb\r\xee\xc7\x87\xbbFI\xaf\xe6\xba\x93\xfa\x17|4a\x1f\x96bRu\xa2\xad \xd2\x87m\x06\x9e_\x0e\xfa\x11\xb9Ct\xe7&lt;\xe2\xafJ&lt;(\xad\xa2\xc2\xc7\x95\xa9\x93x\x8990\x9f_\xb8\xf5\x15\xa9\x05\x8f.n\x9b4=\x94/E\x88\x14\xe5=l\xdc|\x08\x8f\xb5\xa3\xdcj_\xed\xfd\x93\xf7\x92\xc7x\xceq\xac\xbb7c\xf0\xca\xdd\xca\x7f\x82\xd3A\xec\xa2\xea#L\xd2\xf4\xd3\xdd\xd5%Z\x8e\xd7\xb3B\x1b\xf0m\x19\x99\x84\x1b@\x92\xb5\x9b;N\x90\xb9\x85/\xb8\x99Gyzl5\xdc\x86}\x97p&lt;:\xc9\x00\x9e\xe0\xb0u{\n\xd9\x80\xe6\x11C\x86\x1a(\xb3\r\xeb\xf2\xda(#\xe0\xe0l4\x8f\x89E\xce@\xa5\x7f~\x97+\x16uy~\xfbe4N`P\xed\xb4\x07W\x98S\xe8\x1c\x11\x06J\xb5\x1a\xeb\xaa\xaa\xc8\x04IS\x19\xae\x9d\xfd\xb7\x1f\x8f R\xe9\x9d\xa7ED\xc4\x16z\xff\xa2\xaf\xf3\x94$e\xb2\xacf\xc4\xa98\xf9\xb3\x96\x90;\xe0\x99\x0e\x9b\xce\xdf=N\x9f\xb0-\xe0\x06\xd2/\x16gm\xecQO\xacY\x0eyu\'\x13\xf8G\xeeC\xf6~\xc7(G\x0b@w\xcd2g4\xc7E\xac\x13Y\xc6\xb77\xfa&gt;K\xd8\xe8\x02\xa2DC\xaa!\x9a.\xaac\xcd\x97[\x07,\xf9`)\xd7\x86\xac\x10\x06\x00\xb2p\x07\x03,\xa9\xeb\xf3\xb7q\xe333qrz\xe2\xc0\x9d\xa5*\xa7+2J\xa2q\xf8\xb0\x03\x19\xc3\x93\xf4\x8b\xc5i\x81?\x81\xfd+\xb2\xe3\xb0\xc3\xd91\xf0\xa3C\x99k\x9fJ\x81G\x80\x8f\xd3\xd3\x8b\x8a\x87&amp;\xbd\x1c\xb8mr\x8bt\xc2\x81\xfc\x1e\x94\xb7\xbbK\xcaSlE:\xa6\xea\xe6\xdc\xc7c\xc6HP\xdaUz\xb5\xa3\xd0b,\xa1\xf1r\x9bOH\x12\xcf\x93\xcbiQ\x1av{3\xe1\x10\x0c]\xb7gNm\x81\x12]vT5\xc6\x8f4\xb9s\xa5\xe8\xc8|\xd6\xfb\x1a\xd2kf\xdf\xe6y\xda\xb5\x92k\xb1\xbb7\xcb\xea\x98\xff\xceu1\xc3\xa6\xcb\xa5\xd2\xa3\x01\xee\xa2G\xc5\xf9}m\x85ywn}@i\x0e\xb6s\xf92R)\xfbdo\x1b\xce\x8e;\xec\x1c\x87=h\xc6\xc2\xd1\x1a\x94\xde\xfa\xfb\xf2[\xde*\xec\x9eO\xd3\xc7\x0bh\xe4@m\xd4\x17-\xa94b]\xae%\xdc\x97\xfc\x8f\xec\xbdCuL\xb5\xd5\xeepzb\x87z\xfb\xbeI\xf8\xce\xa3u1\x0c\xb6\xd3-\xe8\x0e\xca\xfaD\xe3\xae\xe82J\n\x11v\xf9B\xe97{\xea\x97\xc2\xce\xb3\xa8\xdd+\x9b2"\xe97\xdbs?\x1d\xeb\xdd+\xe4\x0c5O\xc2#^\xcb\x84\x0b5Z\x1a\xb9\xe1\x8c\n|*\xe9\x8f\x89\xafE&amp;K\xaf\xd3\xce\x8a\x0c\xebgX\xf3\xfc8\x0f\xa3JT\xbf\\A\x99C\n\x05\x85A\xa9\xa2\x99\xa6\x931\x14%{\x8d\xe52iZ\xd3\x9d\xa5mR\xa9O\x08\x1f\x93\xc67n\xf2\x9a\x0b[\x9c&gt;\xc3{\xa9=\xad\xa6\xc1\xb2\xc0\xfa\x83\x9eu6'</t>
  </si>
  <si>
    <t>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</t>
  </si>
  <si>
    <t>b'\xaaf\xb9\xf23C\xcb\xa7\x0bq\xe6\t\xe5\x9c\xc9\xfb'</t>
  </si>
  <si>
    <t>perceived that the door was fastened.â€”She felt, as if she had seen an
 apparition. The door of the corridor was locked as she had left it, but this
 door, which could be secured only on the outside, must have been bolted,
 during the night. She became seriously uneasy at the thought of sleeping
 again in a chamber, thus liable to intrusion, so remote, too, as it was
 from the family, and she determined to mention the circumstance to
 Madame Montoni, and to request a change.
 After some perplexity she found her way into the great hall, and to the
 room, which she had left, on the preceding night, where breakfast was
 spread, and her aunt was alone, for Montoni had been walking over the
 environs of the castle, examining the condition of its fortifications, and
 talking for some time with Carlo. Emily observed that her aunt had been
 weeping, and her heart softened towards her, with an affection, that
 shewed itself in her manner, rather than in words, while she carefully
 avoided the appearance of having noticed, that she was unhappy. She
 seized the opportunity of Montoni's absence to mention the
 circumstance of the door, to request that she might be allowed another
 apartment, and to enquire again, concerning the occasion of their
 sudden journey. On the first subject her aunt referred her to Montoni,
 282
 positively refusing to interfere in the affair; on the last, she professed
 utter ignorance.
 Emily, then, with a wish of making her aunt more reconciled to her
 situation, praised the grandeur of the castle and the surrounding
 scenery, and endeavoured to soften every unpleasing circumstance
 attending it. But, though misfortune had somewhat conquered the
 asperities of Madame Montoni's temper, and, by increasing her cares for
 herself, had taught her to feel in some degree for others, the capricious
 love of rule, which nature had planted and habit had nourished in her
 heart, was not subdued. She could not now deny herself the gratification
 of tyrannizing over the innocent and helpless Emily, by attempting to
 ridicule the taste she could not feel.
 Her satirical discourse was, however, interrupted by the entrance of
 Montoni, and her countenance immediately assumed a mingled
 expression of fear and resentment, while he seated himself at the
 breakfast-table, as if unconscious of there being any person but himself
 in the room.
 Emily, as she observed him in silence, saw, that his countenance was
 darker and sterner than usual. 'O could I know,' said she to herself, 'what
 passes in that mind; could I know the thoughts, that are known there, I
 should no longer be condemned to this torturing suspense!' Their
 breakfast passed in silence, till Emily ventured to request, that another
 apartment might be allotted to her, and related the circumstance which
 made her wish it.
 'I have no time to attend to these idle whims,' said Montoni, 'that
 chamber was prepared for you, and you must rest contented with it. It is
 not probable, that any person would take the trouble of going to that
 remote stair-case</t>
  </si>
  <si>
    <t>b'f\xf1\x8b\x88\x99\x0f\xeb\xd7\xd1\xaeR(\x85\x1c#\x0b\x10Sk\x0eE\x96O\xe1\xf3\xf9,\x08+\xdcz\x1d\xd1\x04ux\xe5\xa4\xbf"\x89\x04\xe3\xf9\xba\xe5\xb2a\xbcQ\xc0\x87\x0c\x14\xee1\x81\x1a\xe9\x1fqq\xfb\xcc'</t>
  </si>
  <si>
    <t>66f18b88990febd7d1ae5228851c230b10536b0e45964fe1f3f92c082bdc7a1dd1047578e5a4bf228904e3f9bae5b261bc51c0870c14ee31811ae91f7171fbcc</t>
  </si>
  <si>
    <t>b'f\xf1\x8b\x88\x99\x0f\xeb\xd7\xd1\xaeR(\x85\x1c#\x0b'</t>
  </si>
  <si>
    <t>inks we ought not to spend money for
pleasure, when our men are suffering so in the army. We canâ€™t
do much, but we can make our little sacrifices, and ought to do
it gladly. But I
4
am afraid I donâ€™t.â€™ And Meg shook her head, as she thought
regretfully of all the pretty things she wanted.
â€˜But I donâ€™t think the little we should spend would do any good.
Weâ€™ve each got a dollar, and the army wouldnâ€™t be much helped
by our giving that. I agree not to expect anything from Mother
or you, but I do want to buy UNDINE AND SINTRAM for myself.
Iâ€™ve wanted it so long,â€™ said Jo, who was a bookworm.
â€˜I planned to spend mine in new music,â€™ said Beth, with a little
sigh, which no one heard but the hearth brush and kettle holder.
â€˜I shall get a nice box of Faberâ€™s drawing pencils. I really need
them,â€™ said Amy decidedly.
â€˜Mother didnâ€™t say anything about our money, and she wonâ€™t
wish us to give up everything. Letâ€™s each buy what we want, and
have a little fun. Iâ€™m sure we work hard enough to earn it,â€™ cried
Jo, examining the heels of her shoes in a gentlemanly manner.
â€˜I know I doâ€”teaching those tiresome children nearly all day,
when Iâ€™m longing to enjoy myself at home,â€™ began Meg, in the
complaining tone again.
â€˜You donâ€™t have half such a hard time as I do,â€™ said Jo. â€˜How
would you like to be shut up for hours with a nervous, fussy old
lady, who keeps you trotting, is never
5
satisfied, and worries you till you youâ€™re ready to fly out the
window or cry?â€™
â€˜Itâ€™s naughty to fret, but I do think washing dishes and keeping
things tidy is the worst work in the world. It makes me cross,
and my hands get so stiff, I canâ€™t practice well at all.â€™ And Beth
looked at her rough hands with a sigh that any one could hear
that time.
â€˜I donâ€™t believe any of you suffer as I do,â€™ cried Amy, â€˜for you
donâ€™t have to go to school with impertinent girls, who plague
you if you donâ€™t know your lessons, and laugh at your dresses,
and label your father if he isnâ€™t rich, and insult you when your
nose isnâ€™t nice.â€™
â€˜If you mean libel, Iâ€™d say so, and not talk about labels, as if
Papa was a pickle bottle,â€™ advised Jo, laughing.
â€˜I know what I mean, and you neednâ€™t be statirical about it. Itâ€™s
proper to use good words, and improve your vocabilary,â€™
returned Amy, with dignity.
â€˜Donâ€™t peck at one another, children. Donâ€™t you wish we had the
money Papa lost when we were little,</t>
  </si>
  <si>
    <t>b'\x14,T\xb6\n\x94\xf9\xf3\xd5g~yjW9\xb9\t*\xbb\xc7\xf8D\xd2\x08\x0c\x15\xcdB\xbc\xf8\xb3\xf60!?\xfb\xa2s\xb3\xb1\xcc\xcd\xee\x7f\xf0\xd8\x0b\xe4:\xf2\x93\xc3\xf9\nA9\x16q\xcbG4\xa2p\xc6^\x1a\x04\xdbL)\xf0\xc8&gt;\x9e\xdc\xa6Xs\x15\xfa_\x82\x8e\xbd\x0f~(\xcdUX\x97\x9b[\x89\xf3-P\xa9\x88WCp]\x8e\xd5\xcd\xef\x0c&gt;\xcfp\xfaU\xde\x96\xb9\xcc\x18\xf3\xd6\xd4r!n\xf3\xc1L\\x\n\xeb\x18\xf9k\xdc\xda`-Y(\xe8&gt;\xd9&amp;\xff\xf8\xda\xec*\xef\xbe\xdd\xdfwgC\xc2S\xc2_\x97\x83\xd6z\x07\xc3\x16\xb6K\x92\x13\x1bv\x8f\xf6qq\x07IMa\xc7+\x9e7\xf0c\xe0\xa0$\xff\xe9\xda\xac\x119\x19[\xe2\xea\xd5w4\xa6#b\x1c\xe3\xb5\x11\xb8\xdbY\x9a\x1b;~D\xca\xb0\x9f\x8c\x9c\xcd5SOBu\x16gP\xbeWh@\x8d|\xe1Q\xb6F\xae\x9a\xdco \xe0\x84,\xf7\x87E\x17\':\x91\x93\xc9j\xfe)5\x13N\xb9\xd4R\x10\xec\xae\xf9\x92\xffh\xa4\x19k\x03\xe3UgO\x87\xf6-\x82\x9f\xa7\xc8\x1a\xbc5!\xb3\x8a\xe0\x8c\n5yq\xd4\x95)\xbc\x9a\xb7\xc8\xf4\xf4\xbd\x8a\x83\xe0\xb3\xc1e!u\xde\x19b\x13\xa2\x98,\xff\x1e\xa0\xc3\x01uq\\\xc9\x8d\xea\xd8\xb0\xae\xec\xb8w\x91I\xbac\x19#\x16\x0cTqF\x9e\x89\xb4p!@(\xec3\x7f\xfe\xd7J\x1d@h\xa9\xfb\xc7\xd9s\xdcS\xd8\\\x86+\xcf\xbe\x8d\x15\'\xc0\xd2B\xa9=|\x90\xd0\x0c\x06\xf9\xc3\\\x00\xf8\x06\xf5\x85\xfc\x81\xbf\x16\xf6G$\xab$\xf3"`\xa9\xae\x81\x92\xf4\x99/\x887\xf9\x90\xf5\x00\xf3\xb4\x93\xb1\x18\x1d\x82x0\x80*\xd9J\x9b\xa2\xe5=i\x97Eu\x02o\xbd\xa0\xb4\x15\x14\xc9T\x9b\xa4\x85v\x17\xc9\xf0\x90\x94\x85\xd4\xcb\x1d\xf6\x9f\xc3\xcfi\x9c\x9aO\xb4\xbd\xf9]\xb1\x9e&gt;s\xca\xf5\xfc\xd9\xbe;\xcbj\xf0\xecu\x88\xdc\xf6\x08#\xb8\x17yx\x07\xe3\xe9\x08\x9fl8\xeb\xd4\xe3$\xf5&amp;\x90f\xa1\xd0}\xc0N\xe1\n\x1d\xef\x87\xfc\x17\xc9\x18o0\xa5VcR\xd31\xce\x10_\x9f^\x1f\xf5\x97\x08\xa2\xa7\x10[AL\xcc\xc0\x1aFt?\xcdX,\xbc\x03\x0f\x04\xbdUIg\x8e\xd8\xee\xf8{t\x89\x88i%\xb8x\x92\x06JK\x7fL,4yr\xf0\xf59\x00\xca\x80n\x8a\x12S\x8e\xfa~$\x89\x0c*\xc8[\x97N;\xd7=9w\xc0~\x80\xf8T\xa4\xb8\x8e\xf3\nKY`c\xd8\xb5N\xcbi\xe6O\x87Q+\xd2\xc9l\x84\xd4\tsiN\xa4\xf4 E_\x92cI\xba\xa0\xd3\x82f-\xec\x9ca\x16\xe4\xa1\xa2q\xaa\x0b\x15\x9c\x81\xe3\x85\xb3\xac\xc0]}\x97\xb1\xa9\xae\xa2H.qy\xcdo8\xc7`\x17\xaf\xd1\xf7\xdd\xab\xff\xd4i\x18\xb0]\xb1\x14N\xa7\xc9\x9b\x00\xe3\x88i\xd7\x04\x84Q\xfc\xa1r\xa5p\xdec|UJ\xec\xb7}\\\xc8[768\x9dR\xb0\xd9z\xba\x05D\xbc-y\xd2\x83\xd4\xd8\xee\x97\r\xef\xd1b\x92\xff{}~0\xa5\x1a=)\x87\xc0]:\xee,\xff\x89\xf5 \xcb\n\x90\x0e\xe30\x18\xdfZv6/H\x9e\xe0\xb1\xfb\xcf\xe4\x88\xc29\xc5X\xf4\xc7\xdd\xa9\xbd\xfd\xf7\xd5\xc9\xe5\xcb,\x86\xa8\xe2\xa7z\xec\xd6\xd0\xd0\xf0Cj\x15\x87.hB\xb6\xda\xa3\xce\xc6q\xc5@\x9c\x00\x8fF\xc4C\t\x92\xe5`\xdcb\xfa\xab\xd7\x07m\xe2\x88\xc4j7\x93\x89\x9b^r\xa4\xfe6\xef\x9f\x90\xfe|\x81\xb4OdC\xc7\xbee\xdcv9\x8d\xe0\xd8)\x08\xd6\x98\x0f\x94\x13\t\x03\x0c\x93\x8a\xa7@r\xdf)\xa3\xc0\xc2\xa6\x995e\xfb}\x12\xed+ZYa\x8dk\xd9\x87j\xa4\x86\xf52\x82\x9eOX\x83\xeaX^L\xdd\xcd?\xf227\xac*\x00\xbb\x0e\x87\x8bB\xdfg\xf7\x9f&lt;L8(\x85\xc1\x92\x98\x97\xf4\xf4\xdc\xa8Z\x07d\xc5\xa3)C\x1f\xfe\xe2\xab0ryW\xa5\x93\xc4P\xdaW\xa5Y\xb1\'O\xe8\x98J\xd8\x0e\xf2\x91\x1b\xa6\xb1&amp;\xbee%8\xd9\x97\x85\x86\xfcY\xfb\x84\xc3\xa9I\x1e\xa3\x0e\x07\xad.\x92\x81\xef\xf0\xd4\x076h\xaeq4cW\xeb\x11r\xe1#H\xab\xf8\xe9\xd3q\x11WT\x97[\x89e\xbd\x84&lt;_\xc6\xa3d\x14\xef\xd30\xa5\x97-L\r\xfbq\xf2\xdb\x08\xd2b\x00\x16t\xec\xea\nT7\x01Z\xbfT\xc1\xd5\x94n\xb6\\rn\xdf\xd1\xd3\xe6m2\x0e\xf0\x08#8\xeb\x9cf\xcdl\x96sj\x15\xcb\x19\xb2,\xc6\xfa\x8f\x88\xfd\xde+Q\xdc\x07\xa1\xfd\x17k`]\x13\xb6\x97\xa2\x17q\x18\x932\xcb\xba \x8a#&lt;C\x12H\xb5c;\x8f\xb2\xe4"\x92\x8f\x1es\xddO\x12c\x01G\xc9\xab\xb5\xae5\xa1\x8c(\xa4\xda\x84\x91/\xc7\'\xce\x97\x933N1\xbd\x0f\xbdcX"\xe4\x9ex\xa1l\x8f\x01\xfb\xd3b\xe6\xd6\x19?^,[\x97\x95\r\xf0\xfb\n\xe0\xa3\xb5\xb6\xee0?Q\xfa;\x82C\xa2\xf0\x91\x96\xc2\xe4m\x9912\xce\xd9\x1b\x1a\x05\xa0\xd2&gt;\xadQ\xc7\xb7\x06W(K,\xb6\xc8C\x87\xb3&gt;\xc6\xe0\x1d"\xefKc\xf9zer\xf7q\xbb\xfd\x1ae~\xc0\xe6\xd0\x11h\xc4\x04z\x8a^\x10\x93&lt;\xf8\xa2\x91\xfa\xd3"F\xdb)a\x0c\xbf\xcf\x94\xa6`\xaa\x7fr\xbe\xbaz\x1d\xdf\xf0\xc3\x826y[\x84.:E\xe5#\xaf\x0e\x1b\xdd\xf8\xd0@\xb5S\xa7\xd3\x19\xa2o\x04z9\xed\x80\x13u5\x0f\x8b\t\xf0\t@\xa3j\xfe\xbc(\x9a\x8ct5\x8e\xf6\xdd[\xa6\xb5\xa5\x1fj +\xb1\xe5\xf3\xe9\xf8\xd7&amp;\xe2&lt;\x19j\x9c\x17{\x85X\xde[&gt; lr\x12\x89\xf8\x96:ws_\xc8\xdb\x8fx\x81&gt;O\xa1\xfbj\xdc\xac `\xa3\x97\xcar\xa52\xee..\x95t@\xed\x88\x8d\nT\xd3\xfe\x9b\xf9\xb6\xb5D1$\x9a{\xca\x89r\xca,(l\xc7\x14\xef\xc7\xa0\xe0\xeb\x1by\xad\xb16:\xefS\t\xd8b\xe1w\xffI1\x0f\xaa7\xedC\'V$\xea\x7f\x1c\xf8?~\xb7\xf4\xdd1\xa3\'m\x86\xe2\x8a\x15\xfd\xa8n\xb2\x9d}\xc23\x15\xc1F\xa6\xb4\xd5\x18\x11\xcd\xfdca\xa1|i\xa5\x80_%\xbe\x8d\xdch\x07"owEm|%\x9c\xea\xa7p\xa1\x8ec,lN\xb5\x81\x04\xf7QC\x8e\xc26:\x00L\xe8K+kn\x9dm\xe5H\'\x1f\\~@\xe0]wp\xc4\xb8$"\x98\x97#\x18\xb60\xa3)u\xc9C^\x8d;\xc8\xbf.S\x182UA\xa0\xf3E\xd9\x1f\x9a\xb0m\xce\xde\xb1\xf9h\xe4e\xc8\xedh/\x07\x8a\x86\x07\xb2\x9cyw\xc9\xc9\x15\x08 %26\x97\x95\x9e\xd2\xcd!C\xdc\x0bM}\xadCm\x1a;\xc8\x16\x9d\xc6\x94\xc8\xc3J,\xcb/\x04\xab\xb8*5e\xaa\x7f\xd3\x92\x12\xf6\x01"\xc1\xec\xb5F;\xa1)0\x9bZ\'\x9b,\x19\x00\x97F\x89"\xdb\xf8\x02\x04lig\x0e\xafr\xa4u\x0b\xc0,\xeb\x9c\x18W\x89\xdd\xec\x99\xdaCa\x0b\xfb\xe3\xe9\xbbpu|\x04\x1a\x1a\xbeN4\xce\xfa\xa9\xbf\x82e\xb6\xa3\x7fM\x00-\xac\xecCO\xf3\x14|\xc60D+-S\x92\x1b$;\xf5\x96Qj\xf9\xf8\xfa:0w\xab\xc0\x16S\x9e\xe9\xab\xfcF\xee\xe3\x16\xf7\xc4\xd6j&gt;:\x91\xf3|\x1b\x84v\x1c1\x9d\xb6K\xbd|Y\xfa\xefZ\xacI\x96\xd6\xe7\xe6\x7fk&gt;\xf8Dq|\x8aP\xea\xd4zE\xfc%\xecu\xd3\xbe\xd2\x0b%\x07_\xa6\xf0Ua/\xbe\xf9M\xb4\xa6\xb2?2\xc3\xd1\xbe\x91\xaa\x1bF\xb2\xb7\xa9\x8fpz\xa0\t,\x07\xa0\x85\x942\x01\x11\xc8J\x81\xce\n"\xdb\xfbM7\xdb\xae\x01\x8eP|-n\x81\x0c\xdcd u\xd4\x80u\xe0\x92\x05\x91\xa0\xaa_\xb3\xae4\xa8 WQ\x16\xe3\xb7H[\x80\x1f\x17\xc9\x15\xa1ExY\x9f!}\xe2S\x19@y\xb0\x98\x7f\x13jA4W\x80\tJ6P\xecz\xf7\x9e\xe1\xed\xde\x93\xf1\x16\x12\xf0\xc6y\x17\x1a\x86\xc1\x90.\xfc/#\xa9\xf6\x9b\xf1 \x9djV\x87\xc5\xf0kb\x8d&gt;g\x12\xc4\xac\xb8\x8d\x8bu\xcc\xecc:H)d\x04\rcr\x0cOT=\xe0\xf5\xa6\xf2\x1d\xaf\x1e\xb5\xb1\x17l\x186\xf5{\x11\x12\x01D\x00h\xd2\xdd\x8c\xe0\xeeVW\xed\n\x81]`T\x1d/k&amp;\x16\xc2Hxb\xe7j9\xd6#\x1dl\x12\xf1\x91\xd7`\x94\xe5~(\xae\xfa\xa4\x08\x8bU \x05K^\xd8~\x19\xf9z\x0e\x9d\xca\xfb4\x8d\xd7\xec\xc7+\xaaDlY\xd6Y\x02O\x8b]@X\xb6\xca\r\xd3\xb9n\xa9\x11\x96\x12\xb4&gt;\n\xc7e\xfcs\xcb~\x91\xa7\x8c\x9c\xbei\xceKAy\xa0\xe0\x96K\xcc@\xfc\xdd\xe1\xb3\xa2\xa9n\x04\x97 cO\xf4[wq\'\xf6\xb4\x10\xa9\x10\x8b\xe4\xfb\xc9\xd4\x0e\x89\xe5\xbe\x94\xe0Xc\x826\x16\xb0\xaa\xca\x05\xdd\x82@\xbb(\xf0\xa2\xc8\x0e\xd4\xe6\xeb\xca\x11M\xecSQm\xc9*\x98\x92,~\xc4\xa1\x9a\x87\xfc\xa9[\x9a\x80\xa6\xfc\x95\x1d\x96;\x10z\x1a:\x0fjf\xe0\xb9)\x9dp\\W\xac\xef\xe1\x8d\x92b)c8.&gt;m\xe5\xc8MG~&gt;UU\x9b\xb9($\xfeq\x88\xf4\xda\xfeJ\xcf\xa2\xa0\x88\x8bY[\xe7_D@\xad\xf3\xb5\x89\x96P\x16\t\xac\xc1v\xea\xda\xe4\xf8\x18\xbc\x9b\xa3d\'\xa9\xf5\xdcv9)\x13\xb0\xbb\x10\'\xd4\x92\x0f\xb3+0\xa9?\xa1F\x1f\xbb\xf8@\xd0I\xcb\x18T(gf\x8e\xe3.\xde5T\xb8\xbd&amp;x\xe43\xf8E\x14\x1c\x9e\x9a\x9c~W\x16\x93\x9d\x15\xe8\xd0Qz\xb2\x88\x92\xe4\x9f\xbc]9\x83\x90\xab7\'#\xcb\xa1\xbe,\xea&gt;6\'\xea\xf8\xb9\n\xd8_\xb8Y\x98N\x86\xdbSY\'T\xe8YYDd\xc00\xcf\x18\x9d\xab7\x90\x83\xcf\xf6&lt;\x19\xcb\xc4\x13\x9e\x07h\xa2\xdf\xb3\xd0\x08j-\xb3\xf4\xe2#\xac\x93\x83\x1dI\xc2\xdbc\xcfs'</t>
  </si>
  <si>
    <t>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</t>
  </si>
  <si>
    <t>b'\x14,T\xb6\n\x94\xf9\xf3\xd5g~yjW9\xb9'</t>
  </si>
  <si>
    <t>al positions in municipal administrations must have actively and centrally
participated in the city cult, the common norm in those days, even if certain Roman
legislation pronounced their exemption from such obligations (Linder 1987: 103â€“7,
120â€“ 4). Jewish communities that chose to depict the image of the sun god Helios
mounted on his chariot and bearing identifying attributes on the mosaic floors of
their synagogues offer another example (Goodman 2003). All this points to the
messiness of the cultural environment of the ancient world. In such a context, it
seems to me that the very act of searchi</t>
  </si>
  <si>
    <t>b'\xb7N\xe1)\xab\xee\xeb:\xb9\x18\xa2\xb7^C\xb8\x1b\xccI\xc8&lt;\xab\x84\x86)\xceZ\xf1S\xb1\x8dV\x0f\xc5\xe7zi\x9b\x1c\x18;7/\x04N\xcaW\xf2\xf4t\xcd\xe5Hg\x8a\x84\xba\xea\xed\xa9\xbb\xde|\xbf\x0e\xec\x12\xf9R8\xc4\x14\x1a?dTs\x97i\xa2\x95\xd6\x01R\xd3 @K\x9d\x18\xe3\xbf3I:\x10\x0c\xd6W\x89\x82%\x9a\xe7,\x91\xb3(*\xf3\xc5\x1eS\xe6\xcb\xce\x8an\x9ew_\xa8\x0e\xcaX\x12\x8e=$\xcf\x0eH\x18\x85V\x01\xb8){{U{\xcfz\n\x81\xa3\xb4i\xa9P\x04\x0f,&amp;\xb1|\x00*&lt;=\xd8\xf2SU&gt;\xe5\xacq\xec*O\xe1\xd6\x88\xafq\x14\xae\x0c\xf1\x06\xbaRcj\xc1\xf1\xaf+T5\xdfoN\x07S\xf4\x18\xb6\x98F\xb34\xbb\xf7O\xa3\xa8\xcf\x8b\x1b\xe5\x83\x82\xdd\x94\xb4u\x7f\xaf\xf8\xbd\x82\x0f\xb4\x0fN&gt;\xf68\xde\x8cv\xbcr\xf9\x0b\xb0\x0c\xa8\x1d\xedg\x08q\x8b&amp;)K\x95\xab\x00\x06\xca&lt;\xe6\x0b:\x13\xf8\xd9\x0bdu\x06;\x01%d\x90w\xb4\xc9T\x1d\xa7\xca\xeb7X\xaa\x12\xb7\xa2;\xf2\t\xa8\xe8\x0ee\xcf\x18\xfa\xe96\xd71\x89\x0e\xce\xbd@_[t\nR\x88h\x01\\V\x80\x06+xv\xbc\t\xb9 r\x13t\x9e\xcf\x16\xec\x11&lt;\xa8\x1f_\xf4\xf6\x11\xbdp\xb7\x07\xcd\xfd7,%\xd8\x01\x19\xa1\xe8\xe3,\xeb\x9f=\xe6S[&lt;\xe6\xc6b\x93W\xf1\x80&lt;\x1a\x9d\xf2_\x94\xd6\xefa74S\x1a\xc7B\x9eZ&amp;\xd0\xb9+t\x05\x908\x93Am\xd2]kq\xdb=\xbc\x98\xec\xff\xbb\xf2d\x07\x9a\xc4x\xc2\xe2\x8f9\xfc&gt;\xf7h\xbd\xc0[\xa0 \x82\xdf\xc6\xc7&gt;\xda\xdb\xfe~e\xb2U\xc0\x9e\xc2\xf7\xb6\xc7!\xad\xe5\xc7\xa1k\xe4g\x81\xe6\xcf\x19\x9c\xa7!\x95\x16OF#w\x9b+\xd3\xc8\xd3q\x87d\x98\x88\xb8\xe3\xd5\xe7\x95\x15\xc2\xe4\x1a\xad\xc7\xcf\x8f!\x87Y"\xb6\x1e\xb8J|\xce]/\xb8\xc1gr\xd8\x7f\xfd\x06\x83(\x1e\x01\xa7\x84\x16\x8e\x96.,[UB9{\x8d\x1843\xed\xec\xe2\xa1D\xb3\x8b\x90\xd5\xd8\xcdRs\xcbz\x10\xccZ\x99,\x99\x17M\xd8\xea\xb0_\xe1\x89zT#\xad\xadv\xf8@kX\xeb\xb0\'q\xa7\xa6\x83\xb7\xb1\x8c\x9f\x11\xfc\x1b\xae!V\xed\xc5(\x981\x9d\xb7a\xd3DoT\xb7\xc3o\xc3\xea\xc7?\xb7\x87cm"\xa6\xc2\xbcH\xdaupr\x87\xda-\xfc3\xd8\xf4r%\x9e[2 p\x18\x0f,\xa7\xf2\xda\xf8\x80\x80\xd3\xd8'</t>
  </si>
  <si>
    <t>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</t>
  </si>
  <si>
    <t>b'\xb7N\xe1)\xab\xee\xeb:\xb9\x18\xa2\xb7^C\xb8\x1b'</t>
  </si>
  <si>
    <t>y inspiring and successful entrepreneurs that came before usâ€”to
 outline a recipe that will make it so much easier to expand your business and
 yourself. Pay attention and reap the benefits!â€
 â€”Suzy Batiz, creator and CEO of Poo~Pourri and supernatural
 â€œRyan is literally the person that I reached out to when I decided to start a
 business. Iâ€™ve met and interacted with his students, and his success stories are
 too many to name. His events are top of class, especially when Iâ€™m the
 emcee. With the world as polarized as it is, it takes a special ability to present
 a unifying message around business, money, and capitalism, and Ryan does
 just that. Iâ€™ve never seen someone provide such a detailed playbook to hitting
 your first million, and there is no one better to do this than Ryan Daniel
 Moran.â€
 â€”JP Sears, comedian, author, and host of Awaken With JP
 Case Studies
 â€œRyanâ€™s strategies and education were an integral part to helping us grow our
 business past the million mark within the first year. After crossing seven
 figures, we continued to work with Ryan as we scaled from seven figures to
 eight. After two and a half years of running our business, we were fortunate
 to have an eight-figure exit. Today, we have the freedom to travel the world
 and invest in exciting projects. To say that this formula has changed my life
 would be a huge understatement.â€
 â€”Alex Upperman, Kan</t>
  </si>
  <si>
    <t>b'\xc7\xac\x84`\x8b#\xed\x93\xf1`P\xfd\x9eR\xc9XX\x88\x1d\xf5%\xad2\x89(\x89*\xaaF\x9d\xdb\x9c\xfafWhL\xe8(*&amp;:\xf2\x18\xb4\x19\x85\x9f\xd3xh\xde\x16f$IeM\xa1\xfd\r\x0cmd\xa1\x16\xd6\x07\x88YM\x05\xe1\x84\x82\x86\xdf\x04G\xaa\xb4\nS\xeb^\xb9\x9e\xf8d\xa4\x04\x97\xd6\x7f\xf8\xe2\x01C\x99\xcf\x10\x9b@\x98C\xac\xfe\xa2;F\xd7+12\xd7\xd00\x8b\xc5\x8d]s\x9c\x1dt\xfb\x9f\x98B\x8f\xa6B\x97v;1\xab\xfbv\x99\xdai\xe1\xf9\r,{FN\xf7\x1c-\x1c\xc0\xd3\xfdw\x1b\xad\xa5\xee\xeb\xd5\xd9\xdd-0\xc9\xcc\x8e&lt;\xcb\n4\xd0\xa6-\xfbT\xf4\xa7\xfa\xc5V\xc5\x19hG\x1ck\xa3\nl\x01\n\xf8U\x0c\x19\xd0rp\xa3\xa9\x9b\x8dE\xa1\xbfT\x1c\xb9\x10\xd4\'\x04\xf4\xcfD\x7f\x8e\x80\'\x15\x90/y\x11\xdem\xf2\xd6j\xa0\xccN\'\x1d\x88{\xf48\x83\xdd\xccvBP\x86\x827\x8d\x8e^1b\x9fw\x9c\xba\xc5\xab\x95\xc2\xa8\xa8\xff*b\xdfl\x1e\xce\xa9\xa9]\x9aw\x03y\x1b\x97\x11&amp;\x04\xd4\x93\xf4\x9d\xa9\xe3\xc1$3\x95\x11\xe5F\xa36\x0b~i;\xb9\xce\x9er\xd3\x0bci\x02.\x10\xab\x84T\xb6\x07\xfa\x92H#&gt;9\x04\x8a\x13_\x8e\xabHZ\xc5_\x1b\x88\x04CVu$Y\xa9\xc1\x14\xdft\xb8\xdfc\xa8\xc4s\x0b\x835\xb2\x06"0\xec[a\xd5\x10W\xfa\xe5\xdf\xe4\xa2M\xe6\xfc^A&gt;\xf5\r\x1bFj})u\x7fx\xfa\x8f\xd64\x9c6\x95\xc7w&gt;\xf4\x84\xb3\x08\x14\xde;\x12\x7fa\xae\xa94\xd7\xaa\xc8\xd5%x&lt;z\xd5?TaHJ\xfe\xa7\x06\x19 4\x0e\x156\x077rTb*WB_\xcf6\xb5\xed\xd72\x8er}0\xf4PS\x00B\x8c-\x9c8qd\xc0\x1cp|l\xd0"\xdb\x97\x17\xf6Q\\\xd5\xe5QY ^2\x88\x802\xb9Jp\xc2&lt;\xb8q&lt;\x83\xc1S\xffs\xb1q\xb4_\x96C\x9c\x91\x19\xb0f_\xcdv\x96\xc6\x10\x0c\x99\xa2\x0cCX\xc7\xc9\x1f\x838\xbdV\x7f?\x1e\x06R\xfe(\x18\xa0Ux\x90}4,\xd4[m\x80h\xf7\x13\xdd\x9a\xe0\x95{2\xaa\x17\x83\x87W2G\xd0\xc2\xbaWI2\xc8&amp;%Tg\xd4\x90\xf8Hu\xc9\xc6\x8a[-\x11\\e\x8e\x03^pq\xde\x04\xed\xdd\xd8\x0f`\xcd\t\x13H\xdc\x89[^\x961\x84}\xad\xc7R,Q[e3\x058\xc7\xdd\xa5@\xb0\xba\xdfv%\x03\xbbC&lt;y\x13\xf3\x7f\xaa\xf6\xbb\xef\x0b?\x06H\xe3\xaf\x85T\xf2\xb2\xa3g\xee\x9b9T\x91\xedUl@jC\xef\xbc\x1e.P\xa0\x87\x03\xedl\x9f?\xf7\xfd\x14\xdc\xf5e\xf6J\x13\xd4+\x9a\xbf\x961\x13\x16\xef\x04\xab`\xe7\x0cY\xcfe.\x1f\xed\xd0\x8d\x16\xeb\x82\xd5\x1d\x9f\x81\xe9\x13\xf3\x9eo\x1f\xd4\x05\x92\xcd\xcc\xf9\n\xbf\x98\xdc\xdbV_~\xc0\t]\xe1\x99\xc9e\xf1\x80\xa0\xb6\x00f\xb7\xff\xca\xce\x1a\x19\x8ev\xfb$\xd9\xdfV\'\xf7\xc4\x16\x1f\x98\xc5r\xb1/\xab\xcf\xae\xb1?\xf2\x1b\xe66\xb9\xbeM\x95F\x0f\xc2z\xa7\xf4\x14\xe4\x8f\x05`\xa9KC\xb0\xb7mBe\xfb\xd6\xf2}k\x1e\xdf\xaa\xab\x97:Z&lt;\xd1\xab5\xce\xa3\xeb\x1d\xdc\xfa\xbf\x16\'dy6\xd2 \x96\x19\xe7\xd1\xa0\x81`\xa5S\x88\xf6\xecJ\xb6$m\xae&amp;\xfaO\x18Y\x0cd\xca+,x\xc3\xa7\x8a\x04\\-\xd1|\'\x10~\xe0\x824\xaa\xdc\x81\xc98\xd0\xc8\x84\xd9^\n8\x0b7g{\xde(\x8c\x83\xa4\x9aq\xf3o\xe9b\xc9\xee.^\xa0\xe1\x9d4\x04=\x06%\xe8\x95\xdc\x1c\xd5\x97\xe7dE]\xdb\x17L&gt;O\xed\xc5\xc3g\xf1\xcd8b\xe0d\xb0\x8c\xcf\x07\x18\xd5\xd3Oe\xef\xec\xd2\xd5\xe7\xf5_7\x99\xf2)\xd2\x19\xeb\x0cS!\x87h\x84X\x1c\xe1M\xa7\xa5\xa7\x00\xd8\x92\xcd0\xb9\xc7\n\n\xe2\x00\x08\xc3#\x15\xf1\xf2\xa2!\xd9\xe5\x8b\xadD\x08\xa7%N^\x01$8\x1a[\x80o\xfaM\xae9j&lt;\xe6\xd6\x08$\x80\x9b\xa8\t\xa6\xd1!\x06 \x1b\xd88Pr\xe4\xed\xde4\xe81\x96#E\x8d\xc3\x04b\xf2\x08\xfd\xed\x89\xb6C\r\xc9Ia\x8d\xe1\x81C\xff\xeb\xeayU9"\xb6\x12\xa8A/++\xf6X\x8b\xe3\xf1\xff\x94\x17\x16\xc1\x18pY\xc3\xe8\xf3\x85.\x073\xab!\xdb|\xf2\x8d\xf4\x93\xb4\x97\x84\xc1^O!\xf0~l^v\xa3\x1f\xfd\x93\xc9}\xd6\x9ce\xdb\x91\xcd,%\xf3\x06\x0e\xf2\x95y\x10\xb1iz\xe1\xb4\xad\xa9\xa39\xcb\r\x96\xf5&amp;\xe5_k\x1f\xc0\xb0\x88\xaavvP\xa5\xac\xc0,\xbd\xdd-\x98\xc2\xa4\x8f\xf1P\xa8\xfaU\xf1\xe2\xf6\xd7\x837\xe03\x059BZ\xba\x1e\xb3/n\xb2\xc3\x94\x97\x19Ys\x0b\x810\xe9?\xed`\x06C\x19\xffg\x0e\xdef\xbbl\xad\\\x9e\xfd_\xf8\x92\x99G6|\x12\x01&gt;)\xfe\x9fL\xabF@,\xc0\xf7\xab\xee\x12\nL\xf9\x9cM8\xda\x08Y\x92F.\xcc\xd1N\x89\x0c\x83\x1a\x19\x1c\xd5\xf0\xd2|\x81\x0bB\xe4b\x8e\x00\xd5_\xab\xf6\xae)\xda\x86S\xc6\x0e^\x94\xd3{\xb2\xab\x11\xee#\x11\x06\xe9\xcf\xa6\xcd\xfdjsO\xe5\xd6\x82\xa9$\xec%=\x9f9\xb97\xe2 )c\xb9\xea\xb9\xc9\xeds.\xac\xfa%3\xbbY\xa8\xd5\x15\xd2\xed\xd1\x13\x82\x84\x8d&gt;\x17\x95\xea\xa9w\xc6\xbf\x1d\x95\xb8\x18\xa8\x8e\xa0y\x0c\xc5\xf6\xc8F\xa86ga\xf47}\xc3\x04\xb8=\xd4\xd2\x80+\xa7K\xa0)X\x8d\x92o\xf5*\xc1J\xd4\x97\xf2\xba\x16\xe7'</t>
  </si>
  <si>
    <t>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</t>
  </si>
  <si>
    <t>b'\xc7\xac\x84`\x8b#\xed\x93\xf1`P\xfd\x9eR\xc9X'</t>
  </si>
  <si>
    <t>5
 Example
 1.7
 A third amplifier topology is shown in Fig. 1.22. Determine the voltage gain.
 g Ï€ m v Ï€v r
  Ï€
 R out v
 i v in 1
 E
 Figure 1.22
 Solution We first write a KVL around the loop consisting of vin, rÏ€ , and RE:
 vin = vÏ€ + vout. (1.12)
 That is, vÏ€ = vin âˆ’ vout. Next, noting that the currents vÏ€ /rÏ€ and gmvÏ€ flow into the output
 node, and the current vout/RE flows out of it, we write a KCL:
 vÏ€
 rÏ€
 + gmvÏ€ = vout
 RE
 . (1.13)
 Substituting vin âˆ’ vout for vÏ€ gives
 vin_x0003_ 1
 rÏ€
 + gm
 _x0004_
 = vout_x0003_ 1
 RE
 +
 1
 rÏ€
 + gm
 _x0004_
 , (1.14)
 and hence
 vout
 vin
 =
 1
 rÏ€
 + gm
 1
 RE
 +
 1
 rÏ€
 + gm
 (1.15)
 = (1 + gmrÏ€ )RE
 rÏ€ + (1 + gmrÏ€ )RE
 . (1.16)
 Note that the voltage gain always remains below unity. Would such an amplifier prove
 useful at all? In fact, this topology exhibits some important properties that make it a
 versatile building block.
 Exercise Repeat the above example if rÏ€ â†’ âˆž.
 The foregoing three examples relate to three amplifier topologies that are studied
 extensively in Chapter 5.
 Thevenin and Norton Equivalents While Kirchoffâ€™s laws can always be utilized to solve
 any circuit, the Thevenin and Norton theorems can both simplify the algebra and, more
 importantly, provide additional insight into the operation of a circuit.
 Theveninâ€™s theorem states that a (linear) one-port network can be replaced with an
 equivalent circuit consisting of one voltage source in series with one impedance. Illustrated
 in Fig. 1.23(a), the term â€œportâ€ refers to any two nodes whose voltage difference is of
 interest. The equivalent voltage, vThev, is obtained by leaving the port open and computing
 the voltage created by the actual circuit at this port. The equivalent impedance, ZThev, is
 16 Chapter 1 Introduction to Microelectronics
 Vj
 Port j
 Thev
 Thev Z
 v
 X
 X
 v
 i
 Thev Z
 (a) (b)
 Figure 1.23 (a) Thevenin equivalent circuit, (b) computation of equivalent impedance.
 determined by setting all independent voltage and current sources in the circuit to zero
 and calculating the impedance between the two nodes. We also call ZThev the impedance
 â€œseenâ€ when â€œlookingâ€ into the output port [Fig. 1.23(b)]. The impedance is computed
 by applying a voltage source across the port and obtaining the resulting current. A few
 examples illustrate these principles.
 Example
 1.8
 Suppose the input voltage source and the amplifier shown in Fig. 1.20 are placed in a box
 and only the output port is of interest [Fig. 1.24(a)]. Determine the Thevenin equivalent
 of the circuit.
 Solution We must compute the open-circuit output voltage and the impedance seen when looking
 into the output port. The Thevenin voltage is obtained from Fig. 1.24(a) and Eq. (1.9):
 vThev = vout (1.17)
 = âˆ’gmRLvin. (1.18)
 To calculate ZThev, we set vin to zero, apply a voltage source, vX, across the output port,
 and determine the current drawn from the voltage source, iX. As shown in Fig. 1.24(b),
 setting vin to zero means replacing it with a short circuit. Also, note that the current
 source gmvÏ€ remains in the circuit because it depends on the voltage across rÏ€ , whose
 value is not known a priori.
 g Ï€ m v Ï€v r
  Ï€ RL in v i1 g Ï€ m v Ï€v r
  Ï€ i in 1 v = 0 X v
 i X RL
 out v
 (a) (b) (c)
 RL gmRL in v
 Figure 1.24
 How do we solve the circuit of Fig. 1.24(b)? We must again eliminate vÏ€ . Fortunately,
 since both terminals of rÏ€ are tied to ground, vÏ€ = 0 and gmvÏ€ = 0. The circuit thus
 reduces to RL and
 iX = vX
 RL
 . (1.19)
 1.3 Basic Concepts 17
 That is,
 RThev = RL. (1.20)
 Figure 1.24(c) depicts the Thevenin equivalent of the input voltage source and the am_x0002_plifier. In this case, we call RThev (= RL) the â€œoutput impedanceâ€ of the circuit.
 Exercise Repeat the above example if rÏ€ â†’ âˆž.
 With the Thevenin equivalent of a circuit available, we can readily analyze its behavior
 in the presence of a subsequent stage or â€œload.â€
 Example
 1.9
 The amplifier of Fig. 1.20 must drive a speaker having an impedance of</t>
  </si>
  <si>
    <t>b'M\x9f\xe2\xed\xfd\xc4\xb6\xeas\xdbw\xeb`^\x92\xa1'</t>
  </si>
  <si>
    <t>4d9fe2edfdc4b6ea73db77eb605e92a1</t>
  </si>
  <si>
    <t>p people were so
frightened that they came to a little girl just because they guessed she was
almost as bad as Colin himself.
She flew along the corridor and the nearer she got to the screams the
higher her temper mounted. She felt quite wicked by the time she reached the
door. She slapped it open with her hand and ran across the room to the fourposted bed.
"You stop!" she almost shouted. "You stop! I hate you! Everybody hates
you! I wish everybody would run out of the house and let you scream yourself
to death! You will scream yourself to death in a minute, and I wish you
would!" A nice sympathetic child could neither have thought nor said such
things, but it just happened that the shock of hearing them was the best
possible thing for this hysterical boy whom no one had ever dared to restrain
or contradict.
He had been lying on his face beating his pillow with his hands and he
actually almost jumped around, he turned so quickly at the sound of the
furious little voice. His face looked dreadful, white and red and swollen, and
he was gasping and choking; but savage little Mary did not care an atom.
"If you scream another scream," she said, "I'll scream tooâ€”and I can
scream louder than you can and I'll frighten you, I'll frighten you!"
He actually had stopped screaming because she had startled him so. The
scream which had been coming almost choked him. The tears were streaming
down his face and he shook all over.
"I can't stop!" he gasped and sobbed. "I can'tâ€”I can't!"
"You can!" shouted Mary. "Half that ails you is hysterics and temperâ€”just
hystericsâ€”hystericsâ€”hysterics!" and she stamped each time she said it.
"I felt the lumpâ€”I felt it," choked out Colin. "I knew I should. I shall have
a hunch on my back and then I shall die," and he began to writhe again and
turned on his face and sobbed and wailed but he didn't scream.
"You didn't feel a lump!" contradicted Mary fiercely. "If you did it was
only a hysterical lump. Hysterics makes lumps. There's nothing the matter
with your horrid backâ€”nothing but hysterics! Turn over and let me look at it!"
She liked the word "hysterics" and felt somehow as if it had an effect on
him. He was probably like herself and had never heard it before.
"Nurse," she commanded, "come here and show me his back this minute!"
The nurse, Mrs. Medlock and Martha had been standing huddled together
near the door staring at her, their mouths half open. All three had gasped with
fright more than once. The nurse came forward as if she were half afraid.
Colin was heaving with great breathless sobs.
"Perhaps heâ€”he won't let me," she hesitated in a low voice.
Colin heard her, however, and he gasped out between two sobs:
"Sh-show her! She-she'll see then!"
It was a poor thin back to look at when it was bared. Every rib could be
counted and every joint of the spine, though Mistress Mary did not count them
as she bent over and examined them with a solemn savage little face. She
looked so sour and old-fashioned that the nurse turned her head aside to hide
the twitching of her mouth. There was just a minute's silence, for even Colin
tried to hold his breath while Mary looked up and down his spine, and down
and up, as intently as if she had been the great doctor from London.
"There's not a single lump there!" she said at last. "There's not a lump as
big as a pinâ€”except backbone lumps,</t>
  </si>
  <si>
    <t>b'\x0f1\xf1\xf0\x9e;\xedPb1\x1d\xe1\x87y6\x9aX\x15\x88\x18a\xd7CW\xb3\x9e\xc2\xee1y\xc7{\xba\xdb\xb0\xa5\x9dxn\x89\xa5\xf8m\xcc7\xd5S\x87\x07\xb5\x165\x83s\x00S}j\xb0\'@]J (\xa9R\xafc\x01Qgd)\xcf\xff%\xa8&amp;\xec\x8cghi\xdd\xc7\xc7l\xedY\x02\xc1}\xaf\xdd^\xd2\xc9W\xfa;lu\x86C\xf0FZ\xd4\xe1\x87\x8ed@\x17I\xebib(\x81`\xb8\x02\xfeV\x845\x05\x958~\xfbR\xc2\xe3\xbc\xd4V\\\xb8\xff\xbfduQ\xdb9\xf6\xac\x08\xa1\xedx\xf4u\x7f=l\xc9\xe3\xe4\xdf\xde\t\x9aJ\x05\xef|\xfa_\x8c\xb6c\x1cu\xdb\xc3iy?A\x1f\xbbU\xdd\x9c\x92\'\xfd\xfd\xa3S\xff\xbc@_\x97\x9f|&amp;\xb9\xb8\x92\xa4\x08\x89\x80K\x1b\x11\xb6\xea\x1a=\xdfH"\xfe\xe5CE{\x12\xcbe\x7fks\xf5\xe3\xe4\x8d\x97\x1eh\x8c47\x1f&amp;\xd4\xe7\x9f\xf8XT)\x9c\x1cH\xc1n\x8a\x7f{D\xeaSJ\xa6&amp;\x05GT\x1d\x04\x08%\xc6d\x99\xa3"\x81\x916\xa9j\x92\tQ\x80}\x84.\xd7UzK\'x\x04o^\x89\xc6Bw\xd6\xe6,\x87+\xc4ea\x9d}Z\x1e`\xbe\x0f\xd6\xdd\x1d\xfeS_\x05d\xd7\x00\x9ds\x84\xad\xffW\x01\x1e\xb1\xef\xd2\xf5u\xa9\x94\xf5M\xd39\xedY\xc8\x02\x85\x90\xa5\x9bo\xef&gt;j\xd1\xd1\xff\xb1&lt;\xdd\x08?\x89\xd9\x84\x1c.\tR\xa8q\x03\x8acK\x94\xef"\x08\xd6M\xb9\x93\x02\xd1A\xb3\xe2\xbaL\x84\xc4\xfb\xdbB\x91\xe5\xd2L\xa9\xba\xd4\xb4KSP\xc9E\x1bM\xd3aZ\xf1\xa5/\xfcGUu\x87\xf0qiA\xef+\x90\xe4\xcd\x81]\xcb4\xe6\xf6F\xaa22\x8f\xb9e$%\xef\x9d\x90\xb4,\x1b\x948\xf0\x91\xcf%\x92U\xe9\x88\xdb\xd7!\xa6\x1d\xbc\x1ff&amp;v\x85\xe0#@\xaeG\t~\x99\xea~:\x9d\x89\x18\x7f&amp;T\xa6\x91\xf7\xc3\xe8\xd0\x91\x14v\x7frr\xc8\x8c\x99\x0f\xf0\xf7J\x84\xfd(ek\xb9\xb4\x17x\xd0\x0e\xee\x9cW6\x8cS\x14u\xe6Z\x16\xa0\x85=\xbaP\xa9\x91,l\x99\x06%\xb0L\xb8)3\x1f\xc4sy\x83\xaf)g\x100\x04\xe1\xd5|\xc0\xda\r\xf0\x0bQ\x94a\x9d\xe9\xe9\x84\xdf\x1f\x00l\xec\xae_\xae\x073\x18$\xa9\xaeM~w\xea\xd5\xa9n\xbc\x12\x14\xe9\xae\x80bI\x9a\xac{\xc1\x05\xf2\xf7%8\xe8!\\k@P&lt;\x8fT\xf4\xa8\x7fg\xdc\xff\xfa\xf7\xd4c\xdb7\xb0X\x80\xdf\xba\xf8\xe4i\xda\xf2\xce\x11\x86\xb0\x97\xa9\xfb#I\x8dJs\xb67\x07\x8e\xc4 \xef}\xfc\xda\x83V\xc4\xf1z\xd9\x1c\x83\x9f\xba\x16=\x02\x19\xad\xebTFv\xf2\xd6\x84\xe9I\xb0\xc8m\xfc\xed-X=Y\xca\x0f\x18\xc1\x11S\xcaB\x88iy\x01\xe7\xf2Xr\xc0Fh\xceh\xd2\x9d\x94\r\x10xX\x9b\xd4\x05A\xb2\x8dM\xc4-\x06\x96\xe6l\x9dV\xec\xf1\xf0&lt;\x8c\x0b\x07[\x1b\xd2\xfb\xe1]\xac\x13\x04\x88\xab\x8e\xb9\xcf\x9a\xac\x1f\x1f\x8a\x11\x9bjF\x91\x97\xb8\xadm\xe7h9\xe0\xf0\xca\x08!\xeb\xb3\xdc\x19C9B\x97\x8e\xa3\x01\xd0vk\xe2\x17\x00\x06\xa2+\xe1D\x06\xeb\xeb\xae\xc1\x7fPiE\xe9-c\xf8{\xdc\xca\xae\xb5\xaf\x03T\xe8\xab\xfaK\xbc\x14\x9d\xc3\xcf\xb7\x88)\xfb\xea\xfc\x95\x10\x1f\xfepk\x96Y%\'\x98\x12\xd1)\xbcX\xd065\x1ayO\x82\xdeW\x8a\x06H\x18\x08}\x98\xe1\xfbB\xb3\xf1\xf5^\xe7t\xc5\xfd#;\xff`\\\xa6\\\x08\x87\'\xc2\x9c\x1b\xa3\x10\x93\xcdA\x9e\x8f\xd3\xf3\xd8\x03\xa8\xa5}n`\xc5\x1a\x12\xf0\xf0R6d(\x12&lt;\xc9\xbe\x87*\x92\x95\xb9E"/\x94d\xcc[u\xa6`\xb7\xb1&amp;GR\x8ccZN\xbe_\x1d\r\xe5\x935\x9a\x90\x1f\xaa\xb3\xe4\x00\xf9\x9d\x1c\xb7\x9cO\x1b[\xf3\x9b\xa6\xaf#\x81\xdf(\xa9jR\x1e\x12\x08N\xa0\x9b\x95\x93jy\xb0E\xe7-\xd3\x87\xf8*\xa0U&gt;\x8e\x8aa\xd9\xfd\x11\xfe\xbf\xfd\x16\x7f\x94\xad\xad\xc2M\xed9{\x15]\xf1\x19\x16\xba\x17\x06\x86\xba\x19\x95\xfeb/\x02z/+\xb9\x04x\xa6\x8b\xdcb\xa2w\xb9h\xbb[T\x97A\x86\xf1Jy\x13\xb62\x0f\xff\xae^ 2\x86\xb2x\x8b\xf9?b\x1a\xceW\xfe\xabN\xf7A\xaba\xf9\xd5\xb3\xea\x8c\xc0\x1a\xa6\xd9\x8c\x9fn\x14xiy\xb7\xec\xe0\xfc.&amp;&lt;\x0b?\xecf\x86\xc3htx\x1dsC\x82\xa5\xdc\xbf&amp;\x1aK\x0eE\r\xe0o\x80u\x1e.s"\xf60{:\xe1;\xedg\xd7\xf0`\x124\xc2\xda\xe24\ngW-\xf0\x0e[\x8f1\xa9\xcb\x02[\xa6\xcf!\x1e%]\xbc.q\xc9\t\x86\xfd\xea\x8bc\x86q\xfe2\xd5q\xa4\xd4\xcd5\xbb\x9fo\xb7\xe8\xd0T{)]\x05\x1e\x01\xed\xa4\xae&lt;\xa2\x1d,\x8ao\x00\x1e\xcf\xd7y\xfdd\xaeh\x01z\x0f\xbc\xa4\xd3G\xbcP\x060\x85x\x0c\xafco\xf2\x0c\xf4\xe0\xcdB\xd2\xda\x00\xcd\x84\xaa\x8bE\xbe\x8d\x91\xead\x03\x1fu\x1e\xab\xd7T0&amp;\xa1\xc2\xf7\x90\xb7w\x86\x82%\xc1S\x91\xf9%\x10G\x1f\x92\x12z@\xf7t\x14\xc9\xf2\xfa\xaa\x83\x91\xe3%jV\x87t\x1f\x90\x1a\x00\x84&gt;\xce\x1ezv\x18\xf3\x91\xfbQ\xc3\x90\x07\xf0\x03\xd1\xbf\xa7\x8a\x8a\xaf.\xb9f%Q\x98\x1e7\xbam\xf3\xb3\xf4I\xf6\xac-\xb6k\xdd\xab3\xf6\xe9\xf5g\x0c\xe9\xfe\xc2\xeaA\xfb\xe0\x08\xd3\xfd\x857\xbf\xe8\xdc\x18\x97:&lt;Sp\x1f&gt;\x9b\x9c\xf5\x04\xc3.0\x18)\xc5\xfb\x14UMR\xe9\xbcy\x8e\x80O\x8a\x11\'Wp\xfag\x03\xeaC3Tc\x11H\xba\x86\xf6\xd9!\xea\xc4\x8c0\xe4b\xcc h3x\xfc\x11.\xcb*\xd4V\xda\xb17\xea\xf8n\x8c%*\x1b&gt;\x90\x82[\x83\xdck\xdb\xd3\x99@\x1e];&amp;\t`8\x08\xbdlrY\xd8.\x12A~0"\xb2\xab\x88\xbfd\x99\xabZ\xfc\x94\xed\x85\xc4\x13\xdfs\x85\x12(#\x9b\xd32\x13 mP\x13\xdf\xb6m\xa2zV\x88\x7f\x17\x9aR\xe2~\xde\x9f\xa6I\xa4\x96!\xfd\x03\xfe\xa2w%^\xa8\xfbY\xc4X\x8bd\xfe\x1bYp\x1e\x03\xa4\x80I\xf3\xe3j\xbc\x12(\xbd\xba7\x14\xb7M\xb7\xbf\xfcI\x91\x17|\xc3\xa8B\x1c~\xc5\xa4\x84\x8c\x8fz\xa8\x85J\xfekU\xef*\xf9\xb7\x03\xc5\xb6`p\x0f\x111\xc1\xdc\xeex\xa5\xbd\x11h\xef;\xdbw\n\xd9\x0e\x1bE,\xec\x16\xb55\n\xd2\xb4\xeba\x152e\x1f\xad\xd4x\xb4\xfe6TT\xb7(9\xd3\x12\xe9P\\\x9a\xfd\xe9\xda B\xf6Z\xc5\xb8Ft\xa1\xec\xb8B/\xb7\x86\xc7\r\xa0Q\xcc1\xc3\x04\xc0\xb7vd^^\x9f@97\xe7j(v\x8a\xfe0\x07\x86\xf2\x0c\xe2\x9a\x9b6\xbf"$\xf0\x06M\xf2\xf08\xa9d\xaa\xd1\xabN\x91\t\xef\xb0J1\xa1\x02\x7f\xff\x8c\xfdEu7\x9d\xc3\xed\xcaR\xc9\xfb\xc7\x82k\x0eL \xc5Z\x0bk\x07Y\x7f\xc7w\xf3\r\xcb\x089W\x92\x99w\xee\xc0\xdb\xffDrF\xc7\xcd\xa5\xaa\xf5.\xe0^\x9e\xc5\xdb\x99\xcdC\xf83\x1cK\x1bv\x0e\x0f\xd5\x05\xdd\xe8\xe8\xb0\xb8ug\xd0F\t\xf3|\xb4:\xc8)\xf9%*\xec]\xe3\xc5\xc6\xd4\xe7\xe2q\xbc\x02+\xd5\xb5w(\xf7\n\xcf\\{jr\xd6\xa6\x018=\x98\xe1\xa8u\xa7\x05\x93\xa7_.\xc4\xd8\x8e\x03\x9e\xb4\xcc\xc8\xd4Q9pv\'\x16\xd9 \x93\xa2\x89\x83\xe0Akg\x9b\xacgxA\xdb\x9e\xdc\x12\xee),\xc8Kq\xa9\x1c0\xe4$M\xeb\x82\x9b\xd4\xdcU\xadx\x08\x8c:\xb5\xc5.\xba\xcc\xda\xe4\xa4\x8e\x8a\x16\xe8k\x8c\x9f\';\x83\xfa\xef\x98 Y \xb7\x84L\xbd\xfe\x96\x87\x01\xc3\xa8\xc8k\xc2$(\xda\xecdL\xa11U\xdd\xf4\xecw\xb3\x14\\\xb5y\x8b3\t5R\xec\x19!\xcbdt7\xc5z/\x1b\x87\xd2\r&lt;\xc0\x97\xce\x14\xab\x8b\xd8\xfe[\xf3C(\xfb\n\x92@\xd9\xfc\x1f\x8by\xfc\xb8\xa5\xd9\x88\xef\xc6ed\x11\x16\xae\x0b:\xb0y\xb3\x04 \x1e:]w\x12\xfe\xd9\x0c\xf5\x82\xc0\x8d\xd3L\xee\xd5I\xcf\xa6\x92\xb1\x10-Nj7;\x0c\xb0\xb6O\x03\xa1g\xaf\x11BJ\xd0\xc4+\xb6\x06\x1f`\xce\xc4\xeb\xaf\x0f\xf6e\x80\x19\x02\xc3v\x9c\xd2V\x8a\xb2\x80\xa6 \xd0!\xef7B\xfcw\xc1u\x19\xbc\xb5\xeb\xb9\xce^P\xce\x03U\x1c\x83\x83\x9fc\xb4#-\xb6\xcc\xbd\x00\xc0}\xf35\xaf\xddG\xf5\x0c\xab\x03\xf6\xb3\xa4\x1d\x90\x1d\xd8\x96m\xa2\xff\xf9^N\xcf8\\P\x9f\x08wX|\xe9\xee\x11\xe3\xf8Cx\x896\xf9\x1c{\xfbg\x88\x96x\x13 f\xeae=\xb8\xc3]\xf4\xd2U\xcc\x19\xa2L\x9dRO\xdf\xb2\xfc)Yg\xd92q\xaa\xb8\xa6\x98\x96\x88\xad/\x19\x8b\x00\xb0V9\xcdz\x94\xc6\x96q\xb0\xfc\xe7\xb9&lt;\xb2\x03e\xde\xc6glg\xe6ac\x0f\xbd\xd6\xf5\xbf\rL\xe7\xff\xae\x8f\x1fh\xd9\xad\xad\x81R^\xa0\xcd\x02\xe1\xc1B\x88\xb4\x8e\x80[%\x8c\xbb\xbf\xcb\xa4&gt;m\x7f\x03\xcc\xee\xbc\x8f\xc3!\xea\x0f\x94\xd6\xfb\x06F\x81|\xe2\x84\xc1\xf4}s\x9dh\\\xf3\xb0g\xcb\xeeY\xe8[\x84\x9dt\xae\x87]\x04\x90\xa1\xcb-_\xb7\x18ng[0DW\x96\x81\r\x88m{K\x8cn\x85&amp;\xee\x83!\x12\x1a\xce\xb2\x9a\xf7\xb1E\xa2\x8b\xd6H\x04s\x92m\x98\xe5\xd7{R\xc2\xd2\xf7}&lt;\xa7MN\xf7k\x1c\xa8\x9da\n\x94&gt;\xc6VB\x92\x1f T\xcbb2\xad.w\x91\x14;\xcc\'\xe6\x10\xc9\x8f\xf6\x069\xfe\xe8C\xb0\x1a\xd3\xa3\xc8Z\x0b`F&lt;\xf3Od)\x87\x0c\x89t\xeb=\x0f-\xb0T\xc6\x9f\x0e\x18\xc9Mk3\xbb\x89}p\xe0\xa2\xab\x08\x83\x98\x0e\xb7\xe7\x15\xf9\x9e\xd9\x9c\xf6l\xbc\xf6-\x85\x04d\xfb\x8ft\xc1\x9b5\xfe\xf6M\xd4\x01,\xa4S\xba"\x95\xfb\xca\xc8\xb8\x05mo\xa0bH\xd4c\x98\xd8*\xb9&gt;&amp;\xf8\x80\xf8\x1dS\x90%\x0b\xc0\xa6\xde\xb2\x04\xb2\x1cu\x9f\x18\xd0kTP.\x01\x924\xad\x00R&gt;1\xc9\x98\x9f\x14\x0b\x86\xc4\x8eM\x8a\xb36&lt;D\xfc3\xc8]Q\x83#\xea\xc35]\xedj\xe4\x8e\xab{\xdc.\xb7j&amp;:\x96\xbb\xbf\x98\x15E\xe4p\xa9\xb5\x92\t\x18\xe9\xda]\xbao\xb7\x16,\xbd\x9a\xf0\x03\xc2\xd9\xa1\xe9\xc6\xd3\r\x89\x97T\xaf\xbb\xc2\x0b\tt\xe9{~\x86\x1d\x06\xabo\r\xbe\xf4\xa8)4\xe8$\xb7k\x9c,\xebZ\xbd\xeez[\x80[\xec\xd7\xc0\x18/L\xbco\x033\xde\xd4D\xd2D\xcd^\xc8\x8d\xb2L\xbd\x8cn\x01Q\xa0\xe9(h\x1c\x93\t*]f\xb6Ydr\xee\x07\xf6\x0b\xab\xa2\xec\xfc\x1fJ)\xcb\x96g\xa0CP\xa8V\xd4B\xcc\x96\xc0\x1c\xf9\x00+-65@\x07\xc5+q\xd2i\xb3\xcb\x04\xc5\xb3\xb0\x06\x0b\xea\x0f\xe6\xe8\xcd\xd4W6\x13\xf4\xdeB_&lt;M\xaba\xe1\xb8\xd8\xa2}\x1e\x13\xdf\xe1&lt;#-\x14\xed^\xa0\x01Kx\xe8\x8f\xddZq=\\\xed\xb0\x15Ck\x1a\xbb,\x7f"\xfe40\xc3\xc81\xbc\xe7z\xfej+[\xfa\xdfc\x10\xfe\x8b3\xeaX\xcc\xe9@\x1e\xa8\xda[y\x1a\xec\x1e\xd2\x99&lt;\xcb\xe9\xb8\xd7d\x8dc\x8el\x01z\xe9\xf6\xf09\xa7?\xc9\x83\xe3\xb9\x89o\x8a7K\xd0\'\x03a\xa7C\xc1IR^68\xaa\x17\x99\xe5\x06\x01Lc\xea\x06\xb5\x92\x17\xcb\xf7r\x14\xef~\x96\x8bT\x12h\x14\x16\xea\xbf\xc7\x9fCL\xcd\xa2\xaa\xb5\xce\xfcy\x8dSp\xac\xa9\x8dR\xbe\xd4\xa9^\xb2\x93\n\xa2\xc9\xcc\x18"\x92\x02`\x9e\x89\x88\xbf\t&lt;,\x10V\xb6\x14U\x1ei\x99\x04\xa7m\xaaGg\xc3)\x00^\xeap\x11\xaah\x1c#,@o\xdf\x11\x9e\xc4\x9a\xdb\xfaMR~Eq6\x90&amp;YQQD\x7f\x8e\xa7pV\x10\xaa\xc5\x16\xa0W\xaf\x9a0\x8d\xa2m\xe9\xf5_vT\xa5\xeaa\xf5oN\xb7\x83h\x9f\xfc\xe23\x9f\xc6a\xa7\x86\xe3\xa8D\x80q!\xc0p\xc0\xdd\x04\xb3\xfe\xff\t\x94\x06\xa9\xdaUo\xca\x84sX\x85R\xea_\x08w\x00\xf9\xa0\xc9\x9b?w\x11\xeeMx\xc8eB\xa5l\x97\x86*(Qt\xc7\t\x0c\xc2\xff\xb2\x1d\xee\xa5\xc7Vu\xce\xf7,\x03\xdf\xb4\x81\xd7/7\x83,1\xdb\xe3\xda\xf1\nB1\xab:\x07\x17T\xcd\x9e;|\xa9\xab\xa1;\xc2l\xee\x1cZ\x8d\xe7p\xbe\x95\x16o\x08\xd4\xf9\xbd\xaak\x86}@\xdcaUM\x95\xa2\xcb_\x1f\x12\xc6\xd9\x9a\x17\xac\xb2\xa8\xa6\xe3\x82\xf3\xc2\x04"\xc2\xd7\xa3\x90\x04J\xb7K\x12\xc6\x86\x19[\xd4\xfb\x06\xa3U\x0b\x9f\x9d\x86\xc6v\xa9\xedD\xc8\xcd\x87\x866\xd5+Z\xa5\xab\x9fg\xc4\xbe\xc3Z\x1a\xb7b^!J\xb6\x8dM\xac\x0e\xc8\xc3\xca7\x7f:\x8aN\xc6\x11P71\xa1V\x9cL)\xeb&lt;\xb0\xcf\xab\xe7X\xaeD\x1b\']9\xa8\xee\x08\x9c\x8f\xd7\x9f\xceNVp\xce\xfc=[=\x0b\x18\xb2\xaf\x14SY$\x07/\x15C]\x98\x0cp\x11&amp;\xcb\x88_B\x06W\x17\x8c\xebNh\x01\xfb\x88\x85 \xe7*\xf47\xb92\x08\xa3V\xb7 I\xa9\xf05I\xc5\xcf\xe5m7\x94!\x94\xdc\xe9)\x95\xc0\xea\xf3S2\x8e\xc2\xc8\xbd\xef\xe4Is\x7f\x00\xfc\xf0\xca\xf9\x01D\x19ew\xd6\x18\x9b\x97W\xcc#_\x14-A\x16\xb0\xef\x1b.3a\\\xa97K\xa0\x07\x95\x11\x11\xdb\x9b\xfc\xf1\x13\xcar\x15\t\x13'</t>
  </si>
  <si>
    <t>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</t>
  </si>
  <si>
    <t>b'\x0f1\xf1\xf0\x9e;\xedPb1\x1d\xe1\x87y6\x9a'</t>
  </si>
  <si>
    <t>oal is to consistently have more deposits than withdrawals in your
 relationship account. Gary Vaynerchuk calls that leverage. Showing kindness
 and asking for nothing in return builds up goodwill, and people almost
 always want to repay a kindness.
 The Snowball Gets Bigger
 Most people overlook the power of micro-influencers, but they can create a
 cascade of effects that will completely change your brand.
 Once youâ€™ve opened relationships with influencers who have 10,000 or so
 followers, you can leverage those relationships to an influencer with 25,000
 followers. Just four relationships with 25,000-level influencers gets you in
 front of an audience of 100,000 people!
 Thatâ€™s when the floodgates open. Send them free product. Pay them if
 you need to. Start the snowball rolling any way you can. You may progress
 from people with 50,000 followers to 100,000 followers or even a million
 followers, but honestly, you donâ€™t have to. You can continue to network your
 way up, but thereâ€™s more than enough business to be had right in that range.
 This is all you need to start to consistently see sales in the hundreds per day;
 each new product will amplify all your existing products, too.
 This is when you start to flirt with having a million-dollar business.
 To this day, if I had only one place to advertise, I would spend time
 networking with other â€œaudiencesâ€ (an audience may be a personâ€”a blogger
 or YouTube personality, for exampleâ€”but it might also be a group or an
 organization, too) and paying them to talk about me on their podcasts,
 YouTube channels, blogs, and social media. Itâ€™s that effective, and it alone
 can take your brand past the seven-figure mark and beyond.
 After this, thereâ€™s only one thing left to do: scale the brand, or sell it.
 To Most People, Youâ€™ve Made It
 Letâ€™s do some quick math. Whatâ€™s 100,000 Ã— 12? Yup. 1.2 million.
 When you get to this stage, and youâ€™re on the step where you level up to
 $100,000 in sales per month, then youâ€™re on the cusp of â€œmaking itâ€ in most
 peopleâ€™s eyes. Youâ€™re on the cusp of a million-dollar business.
 This is the home stretch. Itâ€™s a long home stretch, but home plate is in
 sight.
 Throughout this process, youâ€™ve seen the steps in this process build to this
 momentâ€”a million-dollar business. Youâ€™ve done the work, and youâ€™re about
 to reap the big win. This</t>
  </si>
  <si>
    <t>b'\xe2\xe6\t\xde~\xee-\x08\x95\xf7\xe4\x07R\xad\x99\xb2\xadgKy;\x91\xb9&lt;IJ?Q\xd8\xa0G\xdc\xb4\x97\xf8\xf26\xa8\xb8\x1d4c\x1f&amp;\x07&amp;=Fz9\xad\x1dD\xe6!m{\x81\x97]\xf5\xd3\x8fTRQoc\x1c\xf9N\x14|xO\x85A\xc1\xb7\x11\x0e8\xe5?O\x1fo\xb6\xcb{\xb6\xe3n^\xf2\xa8Z\x1d\xae\xc3\x10\x8d\xd3\xe4\x1a^:l~\xb8\xae\x7f\x86\x9b1\xd0\xc4\xc0\xaa\x88|\x81X\x1f\x08\x99\x83\x9a\xc2\x9ao\xff]\xd7&gt;\xb1Z\x94\x80\xdem\xd7~\x91\xb4(T/\x1d)\xfcv7\x1f\xd2\x92\xaf\x16\ryy\xa8R88\xbda$:7q\x80\xa5;y\xec\xee 4x"&gt;r\x0f\xfa\x12\xb7\x8a\xd3\xd9\n\xf2\x9d\x16?\x19A\x8fv&lt;OR\x88\xcd\xc8*\xfe\x87\x9bZ\x85(\xd9\xd7\xd3\x9f9=u\x134\xd2\xb0\x9e\x19N\xdc\xc4l\x92\x04x\xb8-e\xd8\xe8\xb4&gt;`\x026i\xa1\x0c\xe6K\r\x10\xe6(T\xd5\xeb`\xc4\xc5\xf9M\x147\xc7\xd67\xb6,\x1c\x18\xf4\xb9\x0bS\x04+@\xa7\nd\x1eTGj\\\xdc+]u\x93\xb4\\f\x84\xe1\xb6\x86\xf8=|{%L0c\x9f\x1a\xa0\xba\xf0"\xc6i\xa0\x93U\xc3\x89\xca\xb7l-\xf6\xfcuP=\x82\x9a\x00\x7f\xec\'\xbe#\x83*\xb8w\xcec\xf2\xcfk\xf0\x9b&amp;\xe0\xde\x91\xcb\x9b\x0e\x10\xcd\xbe\x04\x1b@\x1d\xdc\x1fq\x9c\xe1#&amp;}6\xcf\xbe\xcb;\x80\xa9\x8aP\xd5\xff\x93G\xd9yH\xb4\x02T3\x9bF\xbdZ\xc8\x0c\xaa\x08EV\xf0\x88EM\xa3\xbe\x895)\x9a-\xee\xeb\xb8\xe6q\xbf\xc2\xec/d\xff\xd8\xe0_a3\xbae\xf5\xf2\xfc\xcfz"\x9cs\xb8\x10\xda\x04\x91\\n\x94\xac\x17\x1c\x01\xefRc\x84\xe9\xdb;tgV*\x01,\x1c=Va8@&gt;\x84StP=\xb2\xb4\xa8\xb8";azd\xc4\xf5\xcc\x86\xf2\xd7b\xf4\xfajS\x14\x9b\xbf\xb3\xbf\x9c|P\x19I\xbe\xd0\x8e\x0c-\xf7\xb4J\xad\x90"\xbc\x96\xa5\x13\xc1=Y\xa5\xb8f\nc7\xeb{~H\xc9\xdf \xa7n\xee\x0cU!\xd7\x07\xa58js\xd4a\xb5\xb1\xf3\xfe\xaa\xe6\x96\x9f]k\xca\x04{\x9b\xfd8\xc3\xed\xc8\n\x18\xac\x18\xb6\xf2\x81\x04\xcf\xacn+\xbf_\x9f/#%\xf1\x9e?\x9c\xeb6\x9by\xc7\x95\xbc\xbe\xf5tY\xbc\xbc\x89||\x00\xfb!H\xe9\xf7\xb9\x9e\xa2\xc8\xb8\xd6I?["\x0c\x9aa\xe2\xd6\xdc\x99\xe7}~\x08cn\xd6P\xae\xf8\xbb\x83\xac\xedH\xa4L\xf0\x13\xd0\x94g\xa1\xad\xdco\xb67\xb0\x9d\x03y\x0e\xa6^\t\xbaz\x82\xca\x9ex\xbfR\x9b)yU\xbc\x87\xab|B0\xb7z\x1c\x9e\x00\x82r\x1d}N\xdf\r\x18\xf5\'\xa38&gt;\xcb\x06\xb3W\xa9\x89&gt;\xe9\x01\x03+Z\xbe\xccM!rH\xee\x80\xa5\xcc\xb1\xb3\xc3\x1c\xfe\xc9\xfd\xddx\x7f\r.N\xc7Y\xde\x14B\xd9\xc0[d\xc1w\xfc\xd7\xb6\xc3\x91*Ny\x15P\x91\x19\xa0\x02\xbc\xf4\xfb\x99\x8c\x19j\xa26C\x0c\x12\t\x1atk#\x1c\xbb\x95\x84\xfd\x91\x99r\t\xdf\x17\x9fF\xfc\x85O\xfa\xa6d$2\xf1\xe5\x88\x96\xf5Hj\x0f\xb7\xdb\x96\xce\xf8Q^\xae\xd8\xdc\xba\xd2\x9c\xe9\x95R\x195\xb8\x84Jn\xf5\xc7\xe5\x98\xdc\xbfd\x0c\x87?k\x92\x94\x91_\xe1\xe7;\xf0\xb2`\x9f8\xa4\x02q\xd9\xf4kjW\xcbkc\x04f\x80\xf7,\x8e\x12^\xd4.\x04\x92\xcb-J\xd7\x1a\xfd\x84\xba\xc5yz\x93Y\xa3\xa6\xaa\x1b\xe4\xd4STXo"\xc9E\x07\xd6\xb1]\xa2{\x0f\x19aL3S\xbbwA\xd9X\'\xdeA\xbck\x0c\x03\tHGr*|\xd4\xf9\t"-\x0f\xa7AR\x9a\x18-\x9b\xac\xd7^d\x9eS\xc7c}\xc0\xd67@\x1c\xc2YY7\xe9\xb0^Ww\xca\'\xd8\x98j8\x19\xa4\x85\x95\xa8\xe05^k!\xce\x91+\x93\x8fG\xcd\'\xf8:k2\x96\xa0\xa9-_\x0cw\xc8\xcdW\t\xad9V\xe13\xb0\x9cu\x10i-,\x8c\x1a*S?\xe0\xd6\x85\x0f\x06\xff\x93\x97\xe2\xc7h\x02\x85\x80"Rqj\xfa\xf26\xbd "\xdc\x96\xc5@\xba\x1b\n\x01j\xdbB\x8b\x85\xf4\xc7\x1b\xe6\x94\xe9"\x13\x8fvF\xc5x\x9dM\xfa\x04?\xda\xc5K\x81k\x93\x87\xaf\xb1\x0b\xe2\xee\x19^&gt;\xa3\xd1J\x8c\x00Jg\r\x15S\x9a\xe8O\x94\x1a\xd8\xcb!\x81\x8aN\x9f\xff\x12\x0f\x06\xb6\xad\x90hE\xf0\xf4\xebr?\x9c\x8b\xe3Es\xc3\x131\xbac\xf0\x07\xe0\xf4\x9b\xfb\xfc\x8d\xf8T\xecB\xc4\xb9\x99 \xf2uF\xb7p\xc0\x85/#\x84Mn\x9a\xdci\xd3\xeaY\xe6k\x16&amp;\x83\x94\x13\x99\x8fr6\x7f]\xc0\xc7|]\x83\xf5\x98r[\xb1/R\x98-\x00D\x99\xc6\xa7G\xaa\x06(\x98p\xee\xcb\xe8T\xa3R\xe3~1\xb1F\x1a*\x8d\x1c\xd0W\xdc\xd44\x02\x9ebuT\xc5\xd6-\xfb^2\xa8\xa9\x1e\x1b\x1f\xb96jFB/\x1d\xb3_\x93\x0b\xdf\xaf\xfa4uRV\x7fQ`\xa9\x1dz\xb2\x1e\x84\xbd+\'\xc69\xa4C_w3aO\xfc\xa4\xb6\xfbn\xf0\x00`\x9dnR$L\x1b^4\xa7\x15\xb07\x026w~ta4W\x956\xc7\xa2r\xb1\x93\xe2\x89\xfc\x8b\xa7\x00\x1d&gt;mm\xea`\x03\x80\x02N3\t\x07\xb4\x12AN\xe7;\xb7\x9a\x06\x84\xd2ga\xb9i[[\xe5\xd8\xfb\x98\xa6+\x8bt\x04\x08\x91-9\xf3\x91\xdf\xbd\x19\xc9\xfcF\x88}s\xa2\xd7\xfb%g\x1c\xaa\x19\x08\x0cu\xab\xc8!\x0f\xe2\x1a@\x17d\xd8s\xecR\x03\xd3\xb7"\x11%\xa44\xffBk\rySZ\xe3Q\x14\x0c\x82g\\\xa3\xa5]\x9e\xe6u\x96 K\xc2\x9e\'\xc2\x17X\xc8\xde\x82\xa5\xbb\x02\x96ky|\xfa\xab\xd8\xea\xc9k~E\x88*@ \xdc\xb0\xbe&lt;\x08e\x81\xa0on@\xc5\xa3\xba\x0b?T_~\xe7b\x16\xad\xc05\xbf\xec\xae\r&lt;\x1e\xb5\x00\x97\xcet\x80y\xd2,#Dk\xc6\xdc\xd5\xb2\xab\xa3\x84\x07\xb8\xc6\xab\x13_\xdbO\xb6\x85\x10\x1e\x03I*/\x03\xf5\x9f\x88g\xadZb`\xc1\xba\xe0{\xf6"&amp;t\xf5\xc3\x85\xc6=\xb2\xec\x12\xc4\xcf\xf8D%\xd1\xf2\xdbT|\xef\x96\xa2\x84\xda\xe4&gt;{\xbc+YmY\xfb\xecH)+E\xf1uJ\xc5\xac\xddBVo\xef\xf3\xb5,\xe5\xf3\xc4\xbe(\xd8\xc9^\xb6V[(\xf7%\xb9PZw\x7f\x06\xa4\x0c\x05\x91WE^^\xd1o\xa6M\'\t\x11\xf4\xd2j\xdd\x93\x80\xb6\xb45\xc3\xb5\xdb\x07xq\xc8\xe2:\xcaQ`ajyU\xac\xa0\x97\xed\x0b\xc4\x88v\xea\xab\xcb\xd2\xec\xf4\x02\x8d-\x9f\xa8\x83\xe39\x95\xf1\xc3\xb6\x18\xb2\xf5]\xdb\xa4\xbbc\x9cv\xb4vk\x8f1\x933\r$\xce\xcfM\xfa\x84K\xae\xfd$\xd3\xbd\x93/_\x04GX\xdb#_\x0ev?HK\xc2\x96c\xa3uj\rwX\x893\xe1x\x83\x99\xf4\x84\x03\x83D\x8d\xb2\xeeF\x07\xa8\xc4~\xbd\n\x83\x9fV\xa4\x06\\\x19\xe4\xd5U5\xb1\x0c\xcb\xe8\xf6BE\x01\xf9\xb9\xc6\xd8d\x10\x14|/\xb7\x06,\xde\xb2v0ig6m\xe6\xee\xff\x06\x9f\x93\xc2g\xca\xea\xeaW\'\xfbx\xf0\xffG\xde\xeaU\xc4\xf7\x92\x97\xcd\xafR\xa5-D\xb4\xcd\x84y\xe1\x8f\xd5\x95\xec\xea\x0c\xdb\x04\xc3\xa8\xad\xe8Y\x1dI\xe7\xc5\xf6Z\xf3\x8e\x0e\xe8\xa7\x0c)\x168&amp;|/\xd8\xfd\xbd\x1c\xd6\x91\xba!\r\xab\xb5\xe6)\xec\x07\xd1\xbc}\xc6\xf0c\xe5\xbb`~hV\xc3\xb9ht\xb4m\x04\x12\xf7\x85\xa9),\x8c\x9c\xbc\xd6\xb5\xdc\x0e;V$Dm:\xee^I\x83/\x843\xd6F\xd4d\xb3f\x14\x91\xdfz\xdbCI\xc0\xaf\x1f*v\x9c\xd9\x1eK\xea?XQ\xc8\xe0\x9b\x08+\xbc\x0f\x8b\x8d\xf6\xcf0\xdc\xb4\xaf\x96\x8d\xf3b\x9f\xfa\x80\xe0\x06&gt;\x1d\xeb\xb2\xd85n\x12@@x\xa7\xbd&lt;N\x88\xd9\xc5\x0c\x0b\xda\xb2\xa9\x05t\xe9\x9fA\x17N\x18\xfa\x17\xa7s\x9d\xab\xb9j\x8fxaw\x1d\xf4\xa0\x90Z9&lt;j\x99\xdd\xad\xfe\xd1\x1b\xc5\x15\x02r\xee\x1e~!\xe6\x00\xadm\x97\xd3\x07\xb1{~\x1ev:l\xc9\xf2n+=O\xfa\xc2\xe1\x0f\x87\x987\xf2\xa9\x17j\xdc\x97\x16\x92T}\xc7\xca\x18\xa8\xea;\xe1\xd0\xb0\xc1b\xf9q$\xa9\x91p\xaa\xcd\xf5\x91\xb4\x0b\x15\xd6z\xc9-a\x91\xc6\xc0\x8fOYB\xb4sj\xc6\xc3\xd2\xbc:\xd9\xf87\x1b?^\xa5\x0e\xc4\xc1l\xed|\xce\xa2P\x1b\xc7\x0e\x876\x06\xff\xdeE\xa8B1\xb3\xf5\xff\x91\xcf\nEs\xf5;sa\xc4\xf3\x90\xa4\x93\x16\xfc-\x14\x80,\x86.5/}p\x1e\xed\xe9\n\xb6\x9f\x1eN6\xfbj\xf20E7a\x8c\x030\xf3t4V\x18\xdd\xdaE)\xff C3\x81\x16!\xf4\xb3\xbd\xe2\xb3\xd2\x9e~\xf8&amp;\x07\x87w\x90e-\xfd(e\xf1e\xec\xb0\xa6\xb9\xea\xc6\xd2\xf5\xae\x1c\xf9X\x1c?\x01\xda\xb3h\x82\xf7\xa2\x82\xe5\xec\xe4\xb4\xe6\xe5|\x03\x02qt2\x01\xc8\xe7\x04\x83\x90\xe9\xad*\x0c\x7f#v 4\xcfk\x92\x15\xea\x13\xd3\n{f\x0f#\xaa\xdb\x9a\xee]\x88\\\'\x1cC\x1a\x92\x10\x1e\xd3\xc8\xfeP\x89F@\xd9\xbf\x85\xecf\x81\xea\x0cX\xb2\xfd\xb3\xee\xe7\x8cu$\xba\xcf#\x81\xe0\xf4\x07u%9\xa2\x90|\x18\xdf\xf5\xee\xd4\xda\xbf\xc0\x7f\x05\xed\xd8\xc9G\\\x1cR\x98\xaf\x99\x7fj\x13\x92\xa8&amp;\xea'</t>
  </si>
  <si>
    <t>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</t>
  </si>
  <si>
    <t>b'\xe2\xe6\t\xde~\xee-\x08\x95\xf7\xe4\x07R\xad\x99\xb2'</t>
  </si>
  <si>
    <t>tter expert when it
 comes to your market, then youâ€™ll want to run ads and bring people to a
 central locationâ€”a Facebook group, Instagram account, or an email listâ€”
 because you need those 1,000 followers to be within your control.
 Some people consider hiring out content creation or hiring a marketing
 agency at this stage in the processâ€”but thatâ€™s going too deep, too soon.
 Remember, you only need 100 people or so who buy at first launch to start
 building the snowball.
 What the heck do you put in front of your audience to get them excited to
 follow you? And, more importantly, excited to buy on launch day?
 All you need to do is document the building of your business. Thatâ€™s it.
 Post pictures of your prototype. Share videos of how nervous you are. Post a
 picture of one of your friends holding the finished product. Write posts about
 why you decided to serve this market.
 On top of that, entering the conversation your community is having goes
 a long way. For example, if a new golfer hits the scene, and you are selling
 golf gear, do a blog post, video, or podcast about the new golferâ€™s chances. Is
 he the next Tiger Woods? Or is the hype overblown?
 If your community is buzzing about something, give your take on it. This
 will engage your audience and attract new ones, and it breaks up the content
 thatâ€™s exclusively about your product launch.
 You might also simply answer commonly asked questions among your
 audience. Make a list of five to ten questions that your person asks when they
 start their journey, and then create a piece of content around them. The blend
 of product pieces, engagement with your community, and commonly asked
 questions will get your tiny audi</t>
  </si>
  <si>
    <t>b'5\x80\xc7\x0e\xd5\x90s:\xef(\x8c\xb3$\xffTr&gt;\xef\xdc\xf4(j\xa87:\xe6\xdd&amp;\xa9Z\xb4\xfe\x06\xac\x83\xb4\xa0E\x9f\xfdl\xf0r\x1f\xa9&amp;\xa1\x1fH!A\xa3\x99r{N\xa8\x8d)\x13\xa7%\x0b\xc3\xc2\xba2\xcdKsQ\xed\x87f\x13U\xce\xab\xa3:|\x00=;\x81\x9a\xff\xf0\x8f\x7f}2\x9a\xae\x9b\x94g\x9f\x19%z.n$&amp;zb\xfb\x00P\xdb\x0b\x98\xec\x08\x9e\xaaY% \xd6\xe05o\xfb\xcb\x12\'\x9b\x8a\x9a\x03|\x98\xe0\xe8\x8e\x10\xb2\xb8v&gt;\x12&gt;\x99\x8eunx\xd9-\xf6\xf7%r\xb2\x88\xd5a)\xc4\x1aF&amp;b\xb3u0\x12&lt;\xb2\xdb|\x83\xdfs\x8f/|\x01\xaaq}RE\xdb\x14\xb2\'\x8f9%\x8eS\x87F\'\n!\xfa\x08\x98/\xccv(\xdfR\xa8J\x0fa\x1f*\x85\xec\x99\xa4\x14\xad\x15J\xd9=\xa6\xfd\xf2R\xf1GZ\xe3\x98\x16\xca9\x80\x90\x05\x08\xa8\\\xc8\xe1\xcc\xd1\xe6s5|)\xe7\xaa\x8e\xe9oM2\xb68&lt;\x93\xd8\x1d\xb8\x0e\xbfr\xdd\x01@tD1b\xeb\xd2\xdeL\xc8\xf4o\x99\xf2\x97v\x1de;\xb8\xeeT?m\xb7\xbb\x05\x9b\x0fG\xca\xdc\x84\xce\xdf8\x8b\xe4\x99\x07\x93\xb1\xa6\t\\\xf5\xb0\xdc\xb9J\x96\xd3\xdd\xef\x95\x8d\xc1\xb8\x83\x1f\x93]\x80\xb3\xed\x04\xe5\x04\xc2h\xe9\x03\xff7\xccy_\xfa?m\xf8\xf1\xb2k\xeb\x83\x8d\x8b8\x03\x8b\x91\x80P\xf5\x0e\x8b?\xdb\x88\x9e\x18\xc5#\xeb\xc2AT\'xy\x90\x1c\xda\xf8\x92\xb9,!\xb3\xaaOW\xf6\xf8\xaez(\x9c\xa6\xfb&amp;\x04\xeej6\xcfF\xae\xfda4\xfa\xa5wA~\xf1\x8a\xd9\xa3\xc8e\xe7\xd5\xc1\xbc\xda\x7f\xd1*\xc0\t\xd9\x93\xdcm\x0f\x15\xdc#\xd5l\xdf\xc8!-_\xeb\xc9\\+Q\xfd\xaf\x88\x8ag\xb1\xe3H\x9f\xf6\x91q\xcdLtJ\xfe~\x06\x96\xbf\xda\xcd-\xbc\xe3&lt;Sg )x\xc2\x96Q\xc0Lg+\x0e\x1e{q\xb95k&amp;Q[\xc1\x0b~jQ\xdc\xf3\xbc%\xffQ\x86\x14\xe9dq\x9c\xef\x91\x91c\xff0r\x98\xc6W\x94\xe2\xd4\xe5\xb1\x90\xc5?gp\xca\xc0\x14\xff\x9a\xf8^\x0e\xb0\xf3\x9a\xc0ls\xcc\xc9=\x96P\xf2\xb7\x16\xa9v\xae\xbe\x95\xab\xfa^}\x85\xf2\xa3J1s"\x8d\xd9\xb3~o\x97\x93)\xd97e\xc5-I\x7f\xcd\xde \x0f\xc7\xe8\xae\xae\x04\t6\xa7\xdbJ\xe7\x9f=!M7\x0b\xa1\xc87\x1c\x0bI\xbd\x91pBV\xbc\xc2uui\x0b\x14@\xea\xad\x13;\x11\xfb\x0c\x90\xf1\x01Q\xe8(\xba\x95;\xe2\xbc\x0b\x89\x8d\xfc\\\xfb\x1a#\xcb\xde\xf7`\xdf\x05\xfeD\x10\xb9\xa89\x17&lt;\xb9\xbd\x88_\xac\x94\xaf\xb5VCW\xe2\xe7\x00\xc8\xdd\xca\x1a\xa2\x8f+\xfam\x97\x12\xbb\x08Rqt\x05\xaaf\xf0Di\x04\xf0\xaa7P!\xd0\xca\xa8sG_j\x91@\xb8\rqL\xfb+\xe3\x12\x88Ee\xf7\xb3\x0c\xed\x0e\xfd\xb5\xa7\xac\xb0\xe5\x05\xfb\xe2`b\xcb_\xbaC}\xd4\'\xbaF\xeb\xb3I\xc7v\xa8\x7f^\xf3\xe97\xb1Q\xe5=\xd0\x05}\xac\xeatf\xf6V\xd5\x91\x98\x14+\xda\x14\xf1\xa6\x86G\xbe3\xb1\xe0\x96~\x98\x92/?sc\x88\xce\xb8t\x1en\xd8|0\xd3S\xb0\xa6r\x8av*\xbc\xb2\x01~\x16q\x8a%\xe0B\xfc\x80\xa5\xc2\xa5\xa3\xc5`\x8d\x06#\n_rke(\xa8\xf8\xf0G\xdb\xf2O\x90y\x10c\xf9\xf2\x04\x17U%\x03Bik\x8c{\xf3I\xd45#\x06\x16}\xe1\xcf\xdb\xe8l\xce\x99\x13\xda}\xb7|\x19\xe8\xc6\xead\xfa\xa7.\xf1\xd2\x87\xa0\'R&amp;-\xa3Ip_O[\xad\xee\xeeyXh\xc1\x830JH\x1cn\xd8\xfa\x03\xd3KX\x81\xb1l\x01\x83E06\xac,\xc5&amp; \xd0\x8f\xfd:I\x07\xd1\xcek\x9dj\xda\xd3\x95\x88\xfc\x95\xffw\xb6y\x93\x87\xfdD]i&amp;\xd5\x19\x9e\xe00\x9d\xd1\xa4_\xfe\xfc\x14\xaa\xa5lK"(\x80"\xf5RE\xbc\xbb\x94\xe5\xc5\xa4r\x19\xdc%+\x9fr&amp; \xae\xb6*\xb4\xe2(\xb4\xd3g5w\xe0\xdfy\xac\x98Yn\xa9\x06\xad\xbc\x1a\xe8\x18\xb6D,Q\x8fs\xc1\xf4D+[\xdb $\xfd\x87\x16#\x01\xcb\xd1\x04\xd4\xa4Ef\xb9\x85^p\xfb\xec\xfc\x8eZ\xfb\x00\xc3y\xd5\xc5\x92t\xe2N3\xd3\x9eNX\xde_:.\xb2P\xfc\x9b]\xc5\x84J\xc7,\xfc\xff\xcf\xf2\x7f"i\xdb\x8c\xb8b\x1d\x95\xb7\xd6r\x1f2\xe9rqJ\x919\x90G\x7f\xe2x\x887\xe3p\x89D\xfc\x02\x1b\xd1\x17\xb0\xf7\x94\x80\x07f\x0b\x1c7\xaa\xb8\xdcrc\xc6\t\xa8\xc3\xab\xef\xbf\xe0\xbf\xcf\xe7\xa6kf@\x87\x88\xa1\x99i\xcbe\x809\xbe\xf2\xcb)\xb4\xfa\xde\xd0\xc2~\x86O\xae\x0e\xa5hW\xf9Z\xca\xc8I\x15\xd6\xa39` m\xfa$,*\x87\x81/&gt;\xbb\x14h?\xfc\xca$o8\xcaw#\x1b\xec:\xd4\xed\x90\xe6\xb6_\x00\x0cS\xd2fC\xd29%\xead\xf0\x91z\xc1-\xaf\x00kf\x1a\xa7\x0b\x92\xb0Rm\xadK\xbabK\nB\xe1T\xa8\x04\x87\x03\xc5~AP\xec\x04\xd6B2\xc9-(g&gt;F\xa5\x1c\xfdE\x98C\xf3V\xf2\xcd\xb5\xe6e\xfb\xdc\xe4f\x82\xc9\x8c\xb8\x98\x14\x99-\xbc\x91d\xf9\xa3f\x99\x1b5\xe9z.tu}\x80\xd7Q\x9b\xb0.\xe8\x19\xfa\xcc\xca\xb7|\xc1\xb7\x02\xd0\xb5\xc0v\xea\xdc\\\xa0?\xafM\xb2\x9f("x\x84I\x18s\xd2\x15/\xcc\xd1J\x0b|\xcf*2,\xa2\x07\xf6/\x98\x9d\xa4\x06i.Q\xb3\xdf\x9bkV\x7fH\xd4\xde\xfd\xe8*\xbf%\x9b\x96\xd8^\xe3\x89oGl\x07\x95\xa1\xf6\x81tbd\xd2\x8d\xe7\xdb.*uO&lt;\x00}t3\xdaN\xc5"\xaaJ[\xaf\xf9{\xaf\x065\x95|\xff\xbf\xde\xf9\x95\xa4\xe1\xcb\x8c\x1a\x8c\x0e\xf7\xc4\xe3\xc6r\x16\x8c\xe8\x05\xcc\xf8\xdd&amp;\x8a\xdcU\xf1\xfe5\x1c\xa6\xc5Q\xc7\t\xf9\x9c\xa3\x8e\x1d\x83\xbdO_q\x97\xfd\x98T+\x19&gt;6\x0b\x0f,&amp;\xd9c!\x8e%\xd9\x06\xa3\x82\x96\x11#x\x1c)V\x86\xdf\x87x\x89G\xfe\xb8*\xdd\x14FP\xb3V\xb6\xd0\x8d\xf9h\x82h\xe3w\x8e\rj\xc5CR\x9c\x01\x82\xb7\xb0\x7f\xe5\xf9\xbe\xfc!Z\x12\xe4\x87\x08\x1e\xdd\x11h\xf2\x91\xa6\xd5\xbb\'\xb8\xcd\xa8\xc1i]\x14\xfe\xffr@\xa8\xe6\xf2c\r\xd9\xde\x018\x05}\xa8.\x93\xa8f\xf9\xa7\xc8v]\x08\xe0\x86\xfe\xe2\x9b\xe22\xa9\xe5\\\xc3\xe0.\x82\x1a\xaf\xe7~\xaaY\x9c\x08\x14\xea\x15\xc5\xda\xa3\xd37`\x07\x10%\xee\xfa\xe0\xcdk}b_\x12\xf2\r\xd3\xf6V\xa5\x101\xcd\xf1`\x98P\xa95\x17Tk!t\x1fwl\xe3\xf8\x89\xcc\x0b!\x85.\xa6 :\xd1T\x1f'</t>
  </si>
  <si>
    <t>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</t>
  </si>
  <si>
    <t>b'5\x80\xc7\x0e\xd5\x90s:\xef(\x8c\xb3$\xffTr'</t>
  </si>
  <si>
    <t>o now Iâ€™m
going to rest and revel to my heartâ€™s content.â€™
â€˜No,â€™ said Jo, â€˜that dozy way wouldnâ€™t suit me. Iâ€™ve laid in a heap
of books, and Iâ€™m going to improve my shining hours reading
on my perch in the old apple tree, when Iâ€™m not having l..â€™
â€˜Donâ€™t say â€˜larks!â€™â€™ implored Amy, as a return snub for the
samphireâ€™ correction.
â€˜Iâ€™ll say â€˜nightingalesâ€™ then, with Laurie. Thatâ€™s proper and
appropriate, since heâ€™s a warbler.â€™
â€˜Donâ€™t let us do any lessons, Beth, for a while, but play all the
time and rest, as the girls mean to,â€™ proposed Amy.
190
â€˜Well, I will, if Mother doesnâ€™t mind. I want to learn some new
songs, and my children need fitting up for the summer. They are
dreadfully out of order and really suffering for clothes.â€™
â€˜May we, Mother?â€™ asked Meg, turning to Mrs. March, who sat
sewing in what they called â€˜Marmeeâ€™s cornerâ€™. â€˜You may try your
experiment for a week and see how you like it. I think by
Saturday night you will find that all play and no work is as bad
as all work and no play.â€™
â€˜Oh, dear, no! It will be delicious, Iâ€™m sure,â€™ said Meg
complacently.
â€˜I now propose a toast, as my â€˜friend and pardner, Sairy Gampâ€™,
says. Fun forever, and no grubbing!â€™ cried Jo, rising, glass in
hand, as the lemonade went round.
They all drank it merrily, and began the experiment by lounging
for the rest of the day. Next morning, Meg did not appear till ten
oâ€™clock. Her solitary breakfast did not taste nice, and the room
seemed lonely and untidy, for Jo had not filled the vases, Beth
had not dusted, and Amyâ€™s books lay scattered about. Nothing
was neat and pleasant but â€˜Marmeeâ€™s cornerâ€™, which looked as
usual. And there Meg sat, to â€˜rest and readâ€™, which meant to
yawn and
191
imagine what pretty summer dresses she would get with her
salary. Jo spent the morning on the river with Laurie and the
afternoon reading and crying over The Wide, Wide World, up in
the apple tree. Beth began by rummaging everything out of the
big closet where her family resided, but getting tired before half
done, she left her establishment topsy-turvy and went to her
music, rejoicing that she had no dishes to wash. Amy arranged
her bower, put on her best white frock, smoothed her curls, and
sat down to draw under the honeysuckle, hoping someone
would see and inquire who the young artist was. As no one
appeared but an inquisitive daddy- longlegs, who examined her
work with interest, she went to walk, got caught in a shower,
and came home dripping. At teatime they compared notes, and
all agreed that it had been a delightful, though unusually long
day. Meg, who went shopping in the afternoon and got a â€˜sweet
blue muslin, had discovered, after she had cut the breadths off,
that it wouldnâ€™t wash, which mishap made her slightly cross. Jo
had burned the skin off her nose boating, and got a raging
headache by reading too long. Beth was worried by the
confusion of her closet and the difficulty of learning three or
four songs at once, and Amy deeply regretted the damage
done her frock, for Katy Brownâ€™s party was to be
the next day and now like Flora McFlimsey, she had â€˜nothing to
wearâ€™. But these were mere trifles, and they assured their
192
mother that the experiment was working finely. She smiled, said
nothing, and with Hannahâ€™s help did their neglected work,
keeping home pleasant and the domestic machinery running
smoothly. It was astonishing what a peculiar and
uncomfortable state of things was produced by</t>
  </si>
  <si>
    <t>b'\x19\xcb\xb4\xb9\x9b(PA C2\x04\xb2\x17K\xe0\x92U\x9a\x8f\x9e\x08\xd7\xed\xecs,\xc8\x1a\x1bg\x81\x8b\xf1\xfe\xdb\xd0\xa7\n|\xf1,\x820Gb\xb0\xd0\x96n\x15\x9eG\x02Fpg#*\x90\x1c\xa1\x8b\x06\xc4\x1d\xa4\x86)2\x1e\xf9\xb6${5\xfah\x81\x07wM\xd8;\xa1\x8e\x05XQ\xcfXxu\xcf\xae\xda\xffS\xc5\xb1I\x9e.\xb7i\x1f\x8f\xc8\x14D8\x92%\x15U\x81x\'e\x84\xedM\xa2\xbcPm\x1f\xcf\xf8\x11\xde\x1b}\xda\xc7#\xeb\xf7\x07(\x9e\xa9\xe2\xca#\xc0*\xc4\xa3o\xcfZn\xdcd6\x12\'\xf1S\xc5\x90\x91\x90\x8fa]\xd0qcP\xd2\x8e\xff\x08/\x899\x85\x06\xfbl\x03m-K\x8f\xd4\xdb\xb5\x9f\x87\x98\x03\xdc\xf1\x0cXS\xc8\x80TDS\xb7\x10\xd6\x94\xee\xe4\x95\xc3\xf4\xee\xdd\xb7u\x10\xf8\x86iD\x08\x16\n\xd9\xd8\xa0\xa6\xd4H#h&gt;W\x80\xe8c\x01\xed-j$\xa9\x13\xadr.\x99qI\x1fJh&lt;\xc0\x18\xd4\x9a}\x1b\x07\t\x08\xbb\x19\xc8\xad\x1e\xa65\xfb\x7f\xdf\xa2\xd3,\xf8\x91U\xd2\xc0]G\xdb!\xc7\x93\xaf\x1d:\'aN\xcd@o\x1f`P\xaf#\xbfL\xba\xa4G\xe0\x7f\x0fm\xe5r\x93\x89\xd2\x0b_K=\xca\xb6oQl\xbd\xc5\xc7\n\xf6\xcbY\xd3\xae\xcdX6\x0c\x17-\xcd:\xb2\xc7)\x843h!\xf3k\xc7\xb5\xb7\xe0%\x8f \x0eB\x08uo\xe5?_w\xdf&lt;\x86\xb07\x1eU\xf8l\xea\x81\xd4\xbb\xf1\x9a\xd2\x8fMe\xebL\xcb\xa3L\xb7Y\t\xe1=\xd7\xf9\x14\xd3Y\x00*\x06\xa2\xfe\xc5\xf9(\xe0\x97(9U{\x9aj\x06\x81x\xa5\x1a/\x9dGZJU2\x9e\xaf+jfPN\xee\x9b\xc0~*\xa0\xa0U\xf9\xe2j\xe3\xda\x08\x8b\xed\xd8\xd30@\xcbN6\x82`K\x0c\xf9\xaf\xd4jIK\xa0\xe2\xa5\xa7;\x03\xcf\x1co\x12\x88Z\xad\xf8\xcf\xae\xe4\rlUvK\xfcl\x82\xb0\\#\xfc;?\xdc\x0e$\xd2\x07\xac\xd2g\xc0\xdc\x84\xd9x\xcf\xe5dl\xd2\x1dT\xd7ou\xd02\x17\x01\xc0\xd6\x19p\x00K\x1e\xf2\x92\xdb\xef.j^+\xbb\x89\xd5`\xb4\xb5j\x8a\xcft|\xd5W\xf7\x0e\xd0\xa3\xf7\x01%\x98\xca\x89\xb9\x1c1\xb4B\xf4\xd6\xd9\xb0\xd2j\xec\xe4\x96\xfe\xe7\x8b\xde5\x18ShyA\xbd\x05\x18+_\xde2=w\xd2#\xfe\xa5\x83+\x1c\x9aY\xc4~=\xa5\xb5\t]e\xc48\x10Q\x03K\x8b\n\x07a\xa9\x91\xed&lt;r*=;\x17V\xead\xbfC\\\xc5\xaf=\xb9\xc6\xdb\xa4\xf59\x86\x07\\Y\xed\x15\xcfr\xa5\xc8\x12UG\xa50\xe4g\x90\xb5\xeah|\xb2\xea\xf8\x192x]FG\xc0I\x102f\xb3\xd71SZ\xf9-7\xcd\x9c\xfe\x1ap\xf6#e\xcaPU*\xce\x86\xe1\x97\x14ZLo\xf5\x12\xd2\\\xe3T\x08\xfa\xac\xf6\x96\x9d%\xebP\xbf\'|\xbb\xfd\xbf\x04N\xc0\xe2\xf5\xa1E @a)\xaa\xfb\xef\xc3\xce[Lz\xf6.\xaf\x18\xb4\xe0\x1e\'\x16\xf4\x0c\x0f\xf7\xac\xe6\xd8y\xa0L\x9f8X\xf3\x1a\x04\x9d\x81\x87\xe4\x12\x10{H\x9a\xb26\x04;\x85\xcc\xe3\x83\x92E"\x15T\xac\xd1\xf9\xa9|\xf05b\x0f\x11\x8bL\xcb\x18\xd4\xfc\x1b\xe5\x1d\x12-\x93?\xa7\xa5\xa8\xd4Q(r\xa1G\xad\x96@Z\xb6\xbc\xbe\x18\xf6K\xf7\x06y0?w\xbb\x9a\x85\xa9\x7fT\x85\xfb\xe0Z\xdd\xa3\xda\xbf\xef\xb9\xf2=\x88P\x00\xa3\xa6]\xb2\x00\x9eK$;3\x1d\x87V}\x93k\xdd\xff\x9a7&lt;\xbcil\x8c\xdd\x8a^Uj\\\xf6\x15.\x16\x17\xc6\xe8\xe4&amp;\x123U\xfc\xc4=\xbd\xfdX/\x890\xb12\x14\xb17\xb1\x8e`u\xb2\xb3\xfa\x97\xbe\xce\x04\xc2\xfd\x1b\x80\xe8\x8d\xef\xbe\xe2\xdf\xf3{\xd7\xe5\x99\xd7y\xb2\x9cF\x8d\x01\xb3&gt;\xaa\x87\xe4\x14R0\xec\xee\x873~\x92\x88\xce\xbd&amp;\xe5D\x80\x08Ew\x84w\xdc\xb3\xe4\x8chP\xd5\xa8\xdd\x84\xfb\x89\x9e\x06e\xf0\xcf\xdd\x9f\xd3r\xcf\x12\xdf\xfcl3@w\xf7\r\xa0\x11\x07\xf1\xd1~0\xdf\xa8\xca\x1b\xc0u\x14\xd6\xe7\x99\'\xeb\xc3Ri\x8d\xa7\xa0\xae\xa5&amp;\xcf\x98o\xa7^,\xb4\xb2\xba\x02ft1\t+\x9aq\xc8\xd7\x91\x05k\xb0\xfe\xd3\xea\xcb\xe1G"s\xa9\xd44\xad\x8c7\xbe\xda\x92O3\xcd\x04|-co\xcf\xc04Q\x9d\x80\xc0\xa2\x8b&amp;\x9a\xc4\xf9\xc4\xe3\\\xf3d\x07\x053\xa1\r\xe2\xd0\xa0\x1d\x14\x16\xf0\x89\x8e\x87\x85\xfe@\x85G\xbf\xb7\xb7\xa0\x02\x04\x17\x87\x7f\x9fJ\x81\xb9\x92\xb6i\xa0*\xef\x98k6i\xa1\xec\xa3C\x1d2\x80\xd0\xd9&amp;\x10\xca\x8c\xbe4\xbbQ\x8b\xee \xf2\xc9\xd4\xa1\x92v\x16\xfet\t\xea\xdd\x07\xfe\x92\xe0\x8e\xb6\xf22\t\x90\xb08)\xef\x85\xd6a\x15\xeb%\x1e\x9ft\xe2\xc8\x02\xf7\xbe\x81\x03\x87\xb3:\x98\xd7\x19\xe1\x99\xf2\x0c\x91\xe5\xc4r\xbcb[\n{\xb1A&gt;PM2a{\x94..\x99E\xc2\x10,\x98\xd3\\2\xf7/$\xb1\x02\xd2Y\xa4\x02\xd9\xf0{~y\xa2\xf7\x8f*\x1bj\xad\x1cu\xe4Srh\x02,\xbc\xfe\x08\\\x18\x86Q\xf9{\x9eC\xb5\x98\x19\xb3i-\x08\x10\x99\xf1*\xefV\xd9-9cZ\xd8\xd2\xf4\x97\x13\x822s\xb9\xaaZ\x98\x02\xaf\x9c\x7f\xc3-=4\x0b^\x9eeH\xc8\x16|\x94;\xd0\xb9#\xfd\x02\x0b\xe1\xc2\x88\xd1\xa3\xf4\x13#^\xa8\xe8\xc0\x16\xafE?\x00J\x9eS2`\x7f\x99w\xee@\xad\xce\x9f}\x00.\xfe\x88+\xcb&lt;\x83&lt;\xfd\xd8\xf3\xd7\x7f\x1c\xce\x08o\xfe\xf9\x9f\xfa\x02\xb4\xd0.\xc22\xf8\xc1\xcfm9\xcaYV\xe8\x98\x1dG\xf3\xf6\x0b\x8f\xd2\x87L\x8f\x1bZ\x0c;pK9\x03\xb73\x12\x86d|\x90\xcf\xf2\xa9a\xd3\xd0\xe3\x12\x1a\x9f\xe7\xad\xc1/\xb7\xa1\xa7\xf8S\nx\xe6\xce:\xd4s^\xf6(\x1eO\xea\xf7\xdeb\x8e3\x1e\xed\xe1\xf9\tQ\x8a\x85\r\xfb\xc85Dz\x8a/\x93\xdd.n\x86\x83\r\xd1\x0f\x13\x99\xd4A\xab.a\x13\xba\x1e\x01\xc67\x96?\xa3^e\x08x4\x9a\x16\xaf\x19`O\xbe\xba\xbf\xbdLA\x92\x86j\x1f\\`\xfc\x9a\xa1\x05\xaf\xbd\xe5 ~\x1d\xd8\xeb\x05J\xec\x9cDBp\xc7\x02\x08\x10m\xb9\xce\x82\xae\xc7\x9e`7\xf8P\xeb\xf9\x1e8v\xa5\x9e\x01\xf3C\xd8\xb9\x9e_\xe3\xdd\xa1\x19\x9c\xcd\xfe[G\xdc\xe5\xab*\nfM/ )IU\x1c}\xee\x0c\xbf\x986\xd5\x13\x19\x08\x03\xf6H\x92\x13\x00\xa1\xed\xbb\'\x06\xf3o\xce\xdb\xbecv\xf5\x97f\xe2\xb7q\xcf\x07\xbbE\xb0\xc5\xe4\x807?\xb1q\x1e\xcd\nU\xb0M2\x9e$7\x9b\x85$\x0f\xcd\x19\x0c\x00L\x80\xe7~\xcel5\xf29\xbc\xe5\xbfhrQ\xe6\xc6U&gt;v\xe7W\x02\xde&amp;z\x92\x06 \xfa\x1d!\xe62\xd3\xac\x8fk\xd4\xab\xa9\x87d\x8f\x1b\x86\xec}8\xadM+H;\xa8\xb3\x90e\xb1\x97m\xac\x83\xf2\xc7\x12\xc1\xf4\'\xc1\xd6\x84\xce8\x92\x8b09BH\xc3K\xd05\x7f\xae\nO\x91\xeai\x8c!j{X\xf9o\xf4\xcc\xae \x8d\xf2o\xae\xfa\x01\xceT\x95\xe6\xb6+5\xef\x96\x9bX^\x12\xf7z\xb8=C\x03\x10\xbe\x1dM\xe0\xa9\xb8\x0b/\xc3\xd2%\xb2\xa6e\t;";g\x8c;\x0f\x05\xaa\xaf$"\x83\x10\xe8\xe2}\xd5FZ\x9e\xb2\x11\xc3\xdeR\xc0yvw@\xea\x03\xcaz\x16\xa9\xe6\xeb\x9c\x93\xacQ63=\xe9+Y\x86\x9b\xd0\xe0L\xeeZT6\x1fJbM\xfcrz\xe2\x10\xb3\x94\xb9 \x97_U\x94\xf6O\x17t\xb5\x81\x84`k\x06+sr\xfb&amp;\xc5\xaf\x8f\x7fCb\x1af\x95\xc7\xe3\x8e&lt;\xae&amp;\xb6$@\xa9\x0e\x1c\xa8\xeb\xd3klGb$\xf2RO8\xe7&gt;y\xe8pHQ1C\xca\x8bU&amp;\xec\x15K\xe5qZ\xd8&gt;\x86\x88_OK(\xda\x07$\x1cf\x9e&lt;\xcf\xc6\x97\xfc=\xd5&amp;\xd0Ns\xc4\xa4\xb1\xd1$\x9a.\x81\x95Z\x17\x96\x80\xe2\xd8~\xd9\xcf\xdd\x83\xf8f\xc5\xbd\xb6\xaf\x08\xc9\xecA\xc8\x95\xae^X\\\xe1\xa4\x94\x86Wb\xf2|h\x0erI\xd6\xd4 \x1f\x105\xa8\xce\xa0=\x81h\xc1\x9b\x8a \xdb\x03\x05\xdf\x8f\xba&amp;\xdb0\x00\xd2~\x0cAP\x87\xf0U\xef\xbaq\xd2\x0c[\xbf\x12\x9d\xe8P\x95b&lt;\xa7\xcb\xba\xee\xeb!\xd8r\xce\xc1\x7f\x0f\xe9a\xd9\x91lK\xa4\x07&lt;\xe1\xc3\xc4\xa3\x1c\x1c6]\x9f\t\xc7U\xb8\x00bH\x8d\x81r82\xba\xbd\xfd\x15\x18\xe8\xb3\xae\xb9B\xba,\xa4\n\xf3\xa9gd\xee\xe5c\xf0\xa4b]\xf6\x00v\x1b.aY\x05\x1d\xf3\x9f\xc4b\x00\xab\xe6\xc9\x88\x89\x7f\xf7\xb9\x1dV\x99\xa9\x07\x04\xb3\xfd\x8f\xcb\x17E\x14\x03ai\xe8\x8dVB\x9dZ\xbe\x97\xd4\xb0\xbc\xd7\xf5\'\xfd(\xe5h\xf4\xe6^X\xc2\xa2\xc6\xdb0b*t\x91\x16\xc3?\x8e\xedq\x12\x840"$\x9a\x11D"\xffH\xa65M\xa2W\xa2[\x92\x17\x99\xeb)\xe4&lt;b;f\xe9KN5\x1b\xa4Q\xd3~d\x0b\x8c-\xea\xec\xae{\xd4C\xb9\xb1\xed@\x98R!\x97\xdd\xf2R\xf1\xaf\x11h\xc4\x18p8H\xe0\xd0\xe8%\xd4\x19\x04c89X(\xa8T\x88\xf7\xc2\x9c\xc5\xef\xdb_\xaf\x84c.\x03D\xe3u\x94\x99v]\xa4~\x1c\xdf|\xb8\xb8\xfe~\x12\x85\x1cF\xa8\x9d\x80U4q\x91[\x9b\x9e\xb2\xf3l\x17$\xe2T\xa3\xadF\x19g\xbd\xbf?\xbf\x87\x17\x977%\x00?\xa8\xb0\x80H&lt;\xb5 \xf2\xfd\xa7\x18\xd4\xae\x16\xed_q\x94\x87\x1c\xed\x88\xe7+0^\xfe\xd0\x95#1\x85O\x9e\x89\xdd\xe4\x88\x9dx-/\xaf3\xd1|E\xb6\xb0uK\xb7\x89\xd6\xea\x11l\xfe\xed\x01\x00@\x0c\xfc\x88\xd4I\x99!(\xb0\xc1U\xb2;\x87D\xdb^t\xc5\xe4\xaa)\xc9V\xfa*\xef\xbdh\xa5\xa6\xc1Q\n\xc9\xd4\xb9/\x02\xf9h\xff\x90\xe4\xacn*\xe2\r\x10e\x8a\x84\xd0SO\xc5\xae\x03dv\'0\x04I\xf7\xd5\xbeji\x0bf\xb78\xacZz.Y/\xe2\x0f\x9e\xf5\x17\xe3\xc4\xd9\xd3\xae\xf1]bk\xd2.\x01c\xee\x1a\x8a\xca\xf9\x1ds^\xe1\x18Z},\x9e\xb7U\xae&amp;\x9b\xdcWk\xa37s`S\xba\x10gL\xd23v\xdb&gt;O\xbc\x98\xbau^\xe2&lt;s\xc2\x04\xf9O\x06U\xac\xd1E\x8e\xdc\xeatV\xd7\xafS\xca\xc7\xd4&gt;\x90D\x9b7pH\xe3\x85P\xff\xc4\xb2zI|\x95@2i\xb2\x99\x04cd\xf6\xa7\xa8\xdb\xb0nj\xbewd\x89u\xab\xa1f\xe8\xb1\xaf\xb1\x81\xf0\xf6\x9cNxA\\\x84ZA\xc9\x8f\xaamqAT,\x11Gd\x12\xd1\x1c/T\xa6%\xab\x04di+\xfc&gt;\x1cGe5\x08\xee\xf3{/\x06\xae$\xa9\x97tJ\x9c\x15P&gt;`\xa7\\\xe6i(\x02q\xce\xdb\xf0\xa8&amp;\x03i\xb2\x8a\x9aZ\x88\x93\xd7\x92\x82\x17\x0et\xf3\xecBp?\xccp\xa9\r\x8f\xfe1)\xd9N\x9aG\xe7\x98&lt;\x99a\xbd\x0c\xa28\t\xc9W\xc5\xc8\x9a\x9f\x94&lt;\x9c\xdd[&amp;`\xcdI~\xb0\xf6ApM\xc8\x9a\n|DP*\xee\xdb\x96\x8c\xf2\xd8\x8bV\xec\xe7\xcd\xb9\x16%\xf9\x9d\t\xdb\xd6\xf6\x96\xd2\xef\xf2U\xce ^\xbb\x98\xdcl\r\x93\x05\xc1?%x%\xd7\x8b\xc1\xde\xd2eq\xd0#\x8e\xb1Y\x9dft `\x04\x87\x91\xe4\xde\xf5\x00\xf0:\xf2\xef\xc1\xe9\x0f\x98,g\xacvz\xa9T\xcc\r\xe99\x02\x87i*m\xd1\xa5\x02\xc2{R\x8e\x06\x9fW\xf9C\x9f\x9b\x8e_\x1a\xf0R\x1a3*s\x94\'\xa1\x80\x1fLq\xce\xdb\xf0\xa8&amp;\x03id\xac\xce\xe8\xf3\\\xd4\x92G\xcf\tF\xfaX6i\x8e&amp;\xd8\x1cu\xcaF\x0c@EY\x8ar\xfd\x1f\x19G\xce\x86\xc7\xc2\xb7\x1ad\xca;\x8a\x86J!\xf5\xf0\x1e\x08\x9b\xfbN\x0eY\x19\xe2\xd0\x03\xb4\x85x\xe6\xd5\xd4\x84\t\xd44*\xc2):k\n-`\x9b:\xbb\xa0\xfe\x8f\'^&gt;6\x12\x9b\xba\xa6QTBl\xec\xca\x94E}sM.m\xc5]\x080\x87\xdeF\xb1\x1a\xf3\x8e:\x99\xec.c\xd4!\\&gt;\x11\x8f\xee@n(4)\x97R\xa2\xa5\xb4s\x1f\xbeiM\xc3\xf0\xb4\xf7b\xd2\xc2\x0f,\xf14\xbf\r\x10gh\xe2\xec\xb2;{%7\xe1jl\x9f\xc4O\xa8x\xc5ZR\xf1\xf1]\xe4\x9ds\x03\x9b\xd9h\xc3x\xb1\xe7\x94I\xc1\xbc\n\x97#\xecc\xe1\xbe\xb3\xbbk]l\xa1\xdb\x11\x0b\xe4\xea\x02Z\xea\xa4\x8e\xdb\xf7]\xc6\xe7\xb5\tT\x9f\x8b\xefwN#\xf4\x9eP\xf7\xe2\xe3\xc8L\xf4\x00u\x129\xd8\xb2\xa5\xd0b3\xe3i\x9e\xb7\xee\xf5\x02Xv\xbb\xb2(\xfc\x81;\xa0\xc6b\xfcos\xb1\xc9\xc01\xe7:\x86o\xd2=\x90\x1f]\x17\x83\x1b\xc7\xe9\x93Qy\xfciK0|\xdb\x88Rjh\x8d\x9a\x12\x8f98=\x86\'G\xdd\x86N\xedn\xd8\xf3\xee)\xd0+\xafA\xeeJ\xdc\x02\xa4s\xe8\x1d\x8ck\x8b\x93Q\xba\x97\xec;\x88\xfc7\xa4,\\E\xb0\xb7\xfe\x05J\xd3\xec\xb4b\xffC\xc8\x0b|\n\xe7\xb4{\xe4h?\x94\xdd!n9\xd4\x96\xe3\xc1M4\xf0\xe4\x0c\x0eqD\x05\xf9\x92=\x90\x16\xf5\x96M\x9e\'\xf0\xf3\xcaw;HSUMn\xb9\xeaz2x\xba\x8b\x04\xc6*3\x08,~\xc9\x1b\x18\x04\xe2M\xbe\xbbM\xda@w[\xc4\xd6rvM\x9e\x11 \x8c\xae\xa8A\xcd@\xa2\x19\xaeQ#\xe2\x88\xe1\xbb\xd4cv\xbd[\x9d\xfed\xa7!9\xff9\xc1*\xc8\xbc\xa2\xa6Y\xbf\xac,\xdej-\xeb\xeb\xe0s1\xad\xabo\x13\xa6\x84\x8bf\t\x1a\xa5\xc0k\xe1(-\x81\x9fQ\xe84I\x83\xf7\xe2\xb5\x13$&lt;\x81O\xb9\x0f\xb9\xc7\x1e\xb2JJgpX\x9dgK\xc8\x0c\x97"\xca6\xc9\x05=\xa9\x14\xe8\xadY\x84\xe9\x0b\xb4I\x90\x84.\xfb\xba27\xa7\xcb\xd8Z\xafk\x08\x19,Ph\xdb\x11\xac3*ah\x8c\xa8\xfa \x19\nS\xca-\xb61`\xfaR\x88\xc0_\x04W\xe0\xdfq\x9c\x0bi*\xd0\xca\x91\x1cr\xee[\xd2\x96\x19\x1d\xffV\x14\xd2\x1e\x086|\xffY\xb5C\xd0\xdc\xb3\xc5\xd5w\xbdB\xcf\xbfU\x00\xde'</t>
  </si>
  <si>
    <t>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</t>
  </si>
  <si>
    <t>b'\x19\xcb\xb4\xb9\x9b(PA C2\x04\xb2\x17K\xe0'</t>
  </si>
  <si>
    <t>said I, "you're going home." 
 "I wish I had had a lick at them with the gun first," he replied. 
 "Tom," said the squire, "say you forgive m</t>
  </si>
  <si>
    <t>b'\xae\xc2\x8b\x84o\xbd\x84\x0f\xd1\xa1\xfc\x86\xdc\xa1t\x1f\xb1N2oc\xcb\x1a\x93\xed@\xf1\x17\xb3\xf3\xd3K(\\~e\xedT\xe4\x87p\x04\x18\xb30 "(x\xc6h\xd6\x9d\xcb\t\xbah\x0e\xc2\xc1\xacq\xa0\x84\x04\x80\x95&gt;\xa5\xba\xab\x88\x00\xc9\x1e\x1e\x93\xdb\xcc x\xd4\x0c\x02\x88M\x8e\xea(p-P\xed\xfb\x9b\x99\x11\x98\x7f\r\xfcy\x19j\xc9\xa8\x84v\xef\xd4\x1d\x8b\xf9\xb5;@\xa1V\xd7\x84\xacTj\xffoS\x08;\x95\x97-\xc9\x80\xe8\xaf\xc8*o\t{\\Y#))\xdc\xf7\xce\xe4\xe1\xfa1\xec\'\xa8:\xc3\x1a6d\xb5\x1bN`q\x121\xc4OJ*\xaa*\xdeS\x1fJq\x08(\x1e?_\xc1\x8c,\xe1\n\x93Q\x85\x15uP\x02\xf2\xd8B\xeb\x07\x84\x0c\xde$uh\xa7\x8dNH\x89D\xbe\xd8\xde\x9d\xfc\xd5\xed\xa7&gt;\x00\x88\xea\xc5\x1a.il\x1e&amp;\xf9{$\x00v8Qb\xb2\xa4\x81\xcf\xb9\xe1\x03,\xd7\x92\x12\xab\x8dnG\xe1t7\xdc\xee\xa1\xec\xe1\x98\x1a\xb8\xc4\xb4\xb5ki,\x9e\x1d\xe0\xcc\x12\xee\xdf\x17\x95F\xbc\xe9\x9dR\xdcO\x93\xa4\x1e\xedyc\xd6\xca[6\xe0\x93u\x9a\xb2BP\x9e\x00\xed\x0f4\x8e\xba8\x9b@\xa7\xa0\x93$\xdcs&gt;\xa6\xb4z\xe6V\x10\x0c\xf51\x8b\xe7z\x01X\x81Y5ig7.\r\x80\xb5\x80Z\xd3\xb2\xb2w\xe1\x0c\xcf\xb8\xe4@\xd5\x01\xb8\xf6\xe6\x85\xae\xd9\x1f\x8f\xa16\xbb\xc6\xe9\x11\xb8\xab\xa5\xe5\xaawYI6\x8f\xc5\xf3}\xee\xf5\x18\xa0\xe0OU\xe7R3\xd8\x80\xda\x9a\x14\xf2\xdb\xa0\xc2\x10\x89\xa3\x97\xf6r\xf3\xd7V\xe8\xf1\x05\x9c\xc2\xaah\x04\x14i\xc4\x933BOdS|\x89- N\xc1t\x16\x9d\xf4\xa3\x9c_m\xe3\x85\x95\x08\xfe\xc1\xe5\xc7\xdc5\x87\xc9z"\xbe\xe6H\xf8\xd7\xf8\x80\xa9o\x9d\x0csMa\xf8\xc7\xa5-2\xd3\xd2\n\x99\x94T]\x9e\xd8D|{\x9b\x0bx4tn\x8cp\x99\xd5JlDb\'y\xbb\x1a\xf6\x17\x8f\x00'</t>
  </si>
  <si>
    <t>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</t>
  </si>
  <si>
    <t>b'\xae\xc2\x8b\x84o\xbd\x84\x0f\xd1\xa1\xfc\x86\xdc\xa1t\x1f'</t>
  </si>
  <si>
    <t>as passed via
adoption, the army had played little direct role in the proceedings. The shift had
begun under Septimius Severus, as Michael Peachin shows in his chapter. The origins
of the revolt of Elagabalus were largely attributable to Macrinusâ€™ effort to reverse
what were seen as Severan gifts to the army in the form of pay increases, and the
ability of Elagabalusâ€™ supporters to link his image with that of Caracalla, the â€˜â€˜soldierâ€™s
friend,â€™â€™ by claiming that he was Caracallaâ€™s illegitimate son (Dio 78.31.3; Herod.
5.3.10). For the soldiers it appears that the Severan dynasty was seen as the guarantor
of their privileges, and they were not prepared to continue to show the same loyalty to
the regime if they felt that members of the dynasty were not living up to their end of
the bargain (Campbell 1984: 411â€“13).
Maximinus appears to have understood the soldierâ€™s point of view. After his
accession he paid a large donative (financial gift) to the army on the Rhine â€“ though
quite possibly not to other legions (Potter 1990: 25â€“6). His proclamation of his
young son Maximus as Caesar may be seen as an assertion that a new dynasty had
arisen that would understand the singular importance of the soldiers to the empire.
Indeed, the civil war of 238 may be</t>
  </si>
  <si>
    <t>b'O\x9c@\xcf\xd7\xa9}\xc7\x83\xbb\xc0\x8bn\xb1\x1c\x0b\x91hh\xe6Y\xf0\xac\x1d \x1a\x95\x91\xed\x99O\x13o\xd7\x89Q[\xec\xa5M\x90\x0c\x9d\x7f\xf2\xd5\xec\xb8\xd4n2\x02\x8f\xe2\x9a\xb8\xa9\xbad\xe9z\xc5\x84\x08q\xa4&gt;yg\xf4\x8b\x03\xa4=\xc5\xa2\x97j\xa5\xc1\x9cw\x03\x9a_\xd9\x9fU\xcdY\x9eX\xddbE\xe0\xbac\xd8\x13\xccEpt\xf8^k\xda\xd1\xf3\x90\xdcz\xa8\x03\xea\xaf\xdc\x82M\xfb\xc3\xd9\x0f\x15l\xf3\x06Uc\xffR}\x12\xa8\xc8\xf0\xfaL=\xbf\xe6\x91\xf9J\xd7\xda\xcb-\x04Fgi\xcf1\x8d\x94n\x85*\xb6v/\x05\x88\x96E\xd6X\xd7]\xc7\xe4y\xaa\xf4\xa4"&amp;\xf6\x01`i\xab\x96\xfd\x95\x1fo4\xcb\xa3sw\x0c\xcf3\xe5k"\xd2\x03\xb0_\x06)\xe6\x8f\x06\x0f-\xf2\xe2~\xf5\xa2a\xb6\xa8\x08x\x1e\xbbg\x02y\x9eMh@\x1e\xbd\xfe8\n\xadE\xd9\xba-N\xe7j\xd5\n\xb7\x91\xecU\x94\xc3Z\nP\xfc\xb7\xd1\xf7\xb9\n\xfd\x81\xa5\xac`@Z\x15RZ\xe59\x89\xb5\xa7\x85ai\xf0+;\x90PQ#\x87\xd9\xba\xc9\xe9u\x17\'\xb0\x1e3\xe9\x18\xea\xdcd\x85\xbd\xcb\xd0\xb1P\xb7rT\xb9\x84\x87\xd9\x9b\x9d\xe9\x9c_6v\xaf\x01\x84\x8f\xfb\x03\xbb3Q\xe1\x9fi\xf4\x183=D\xe6F\xac`5O\x95\xc9\x83K\x7f\xa9@\x1d\xc8\x17\x11\xe2Tm\x13\x98\x12*\xc3\xd5c\xe8\xfb\xcd\x89a\x0c\xa69L\xba\x1d\xff\x89~\x1eZ\xfa=\xbe\xb3a\xd2\x06\x19\x08\xc4\xae\x8e\xfe\xd6f\r\x1c\x84B\xc6\xa8\xd1$\x17j\x97\x17\xc5\x1c\x1f\xa9\xf5\x13\x98\x06 f\xf8\x1b\xfeV\xc0 \n\xfa]\xb6\xd6k\x81\xc0\xb0\x07(_\xb8\x8e&lt;\xba\x95\'?\xc4\xf8\xe4h\x02KK+5\x15\x88\xd7\x1e\xa4\x97\xc7R\x8c\x8da\xb3d\x9b!\x08j.\x14QZO2\xb9\x8b\xe3\xed\xe5P\x9a\xa0\n\x9cO\xc3n\xcf\x8b\x0f=A\xb0NJ\xaf}\x93\xdbh\xca\xbc\xac\xf8\xfb|\xe6j\xee\xe6\x81\x83\x1e9~\x0f\xd5\xc2u\x0b\xcc\x8f\x94\xffv\xf0Oy\x87\x9d\xcd\xab\xb5\xab\x9bD.\xf9a\xc8E\x10\x06&lt;2y`Q\xa1\xc3y\xbe\x03\xcf\xb6\xb1b\x96Z\x02!Mi\xbf}\xce\xef\x0e\x8e\x8az\xf8\xc1#\x1fOb\xbc\x0c\xbf+\x84\xcb&amp;\x13Y9D ,\x94`;:\xfe\x8c\xde&gt;\xdb\xafipK\x8cp7k\x84\xb1\xc1\x04\xb7\xfb\x002\x17\x0b\xc1\'\xcaO`\xcc\x9a\xe9\x19]\xf8\xdd\xe7\xaa\xa2(W\xdf\xf2\xd2\t\xe9^\xa8j\xad\xadb]\xa2\x87\xd9h-\xfe\xde&gt;\x93\x86\x92AOf\x17\xe2\n2\xf8&gt;\xee\x19\x88]\xa4#^1\xe8\xf3\x87\xfd\xc2\x1cs\x1e\x8e+\xaa\xe0%wFXL\xec\xb5\x1d\x91k\x0c\xb7\xa8\xf4\xbe\xbe\xde\xce\xc9\xc0Ay\xd2\xb7e\x1c\xf7\xba\x84\xad\xc4A\xbf\xfa\xe2S\x87t\x01\x9e\xddw\x91\x8a\xba\xbd\x81\xf4\xf0\xa7 \x8f\xf5&gt;Z\x03I4\xb9J\x03\xc6e\x10\xab\xae\x04\xd5\xf0L\xcc`!Ga\xfd\xc2\t\xcbQ[\xebc\xb6\xe3\xba\x15\x06\xa3\x05\xc3\xd6\xfdP\x1f\xbcrB\xec]\xa6\xef\x0ei\xc8\xd6\xf8\x97,\x08\xab\x13[\x9d&lt;T\x1f\x88\xd7\xddN\xc6\xc7\xa5\xa1\x8c9\xb3!\t\x88\xed0\xea\x17\x11\xe0\x0e\x80\x88\xfaU&lt;\x00v\x0e~N\xe2\xe4\xeaU\x0c\xe3\xf7\x03\x86N\x02\x95\x83eP\xaa\x9e\xb5}\x1f\xac\xc3\xd1Z\xda\xc7\x15\xe3o\xf6/\xe6\xe87g\n\x88\x1ds\xa3^\x11\r \xc4\n\x19\xb5\x9b\xc9H\t"\xa3\xf0h\xdb\xd6I\xd7\x1c\x1d\xc0,\x16\xb9\x19\xd6\xd6\xbc0RU\xa9A5\x9caO\x9e\xf0@\xffiO\xa7\x9a0\x05\xcc\x8dm\xc7\xc45w\xb6$\xeeM\xe9\xd6H\x16m\xbc="\xa9\xc1bJ\xbc}\xa0o\xd3\xd4~\xbe\xbf\x94b7\xc8\xff\xd82&amp;f\x9a\x0b\xbb\xcd\xbf`\xd7g\xa1\x1fOmEE\x81\x93\xa2\xbeq\xa1\x8fBaD\x93\xc0Fv \x05\xb7j\xbd*\nh\x97. u\xdc\xc6\xa5G\xb6\xf2\xb71TS\x17\xd7\xaf\x0c\xd4?!\xdc\x05!a\x0b}2\xc9m"\xf09a\xe7\xc7\xb0\x9eA\t\xc2\x15\x9aN\x85\xe1\\3`6Te\x0e\x02lQ\x88\x80\xdc\xbcC\x9a\x1d\xe9\\\r\xd5\xd4\xf4\xb2Z\xdb|PT\x88\xaf\x90_\x99\x96\x87\xb9*\xbe\xcb\xde\xfb\xa9\xc09\x86\xdf4%\x1a\x04\xc2=\r@\xc0\x8d\x89J\xbf\x9b\xc4\xdb\x1do\x84\xe8\x9b-\xef\xb1\xc6\xf9\xdd\xaaCh\xe5\xb1!\xe1\xf8_\xfao$3\x00\x95C\x9d&amp;\xef\xfa\x86\xbc\xf8hH\x17E\xcf/\xa5P\x18\'r\xb6;\xe3\x10\x84#\x95\xd8\xc0\x93\xf9=Y\ne\x91\x0by\x81\xf0\t\xc1\xf8tK\xb0=x\xdb\x10\xb8\x17\xc0\xae\x0cu\xf2\xcc\x8f\xed\x83\xde\x1f\x16\xad\x84\xef5\xc0\x9d\x86Jh\xb1r\xc6\x8b;\x9a\xa2}\xefD\xde\xa8\xf7F\x8e\xa1\xfd\xaa\\\xbd=20Rs\x96\xe0\xd5\x02\xdb\xd4\x06\xe9v\xf4\xed\xab\xbd\xfa8\xff\xd2\x83\xd7\x16k\xba\x01\xaf\x95\n\xf0L\xc8\x8dx\xa0;/\x04\x1fT\xef.\xa09\xbbl^\xeaD\xe0\xc1\xe2p\xad#_&amp;"=\xd1\x93\xed\x03\x7f\r^\x94\xa5\x11\xe0\xf7\xf4&amp;y+/\xc8u\xfcE]\x11\xdd^\xb3O\xb4\x04\x18\xe6\x94'</t>
  </si>
  <si>
    <t>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</t>
  </si>
  <si>
    <t>b'O\x9c@\xcf\xd7\xa9}\xc7\x83\xbb\xc0\x8bn\xb1\x1c\x0b'</t>
  </si>
  <si>
    <t>tested practices of third-party arbitration
(Mitteis 1891; Marshall 1980; Ager 1996). At the communal level, the change is
most visible in disputes over territory, where the trend was rapid and overwhelming
(Rousset 1994: 100, 103, 108; Burton 2000).
Finally, the rulers of Rome continuously made new law. Ancient and modern
scholars tend to distinguish legal rulings intended by their authors to settle individual
cases from those designed for broader application; in practice, judges routinely
accepted the value of imperial legal rulings as precedent, regardless of their genre
(Ando 2000: 373â€“82). Such law-making, whatever its intent, had particular ramifications for the autonomy of cities when it addressed the status of individuals, not least
in their liability for civic liturgies (Millar 1983). The Christian polemicist Tertullian
spoke to a cultural, political, and legal phenomenon of the first importance when he
proclaimed that the world of the late second century CE was manifestly better
cultivated and better arranged than it had been formerly: â€˜â€˜everywhere there are
houses, everywhere people, everywhere the res publica, the commonwealth, everywhere lifeâ€™â€™ (An. 30; MoÂ´csy 1962; Ando 2000: 1â€“15).
3 Citizens, Aliens, and Their Money
The empire interfered most obviously and regularly in provincial life through mechanisms designed to facilitate the extraction of revenue. The Roman government
imposed a bewildering array of direct and indirect taxes in cash and kind, some of
which were temporary or specific to particular provinces or both. Here we can do no
more than sketch the most regular features of the system (A. H. M. Jones 1974: 151â€“
85; B. D. Shaw 1988; Brunt 1990: 324â€“46; 531â€“40; Rathbone 1996; and Eck
2000).
The principal incidence of Roman taxation fell on individuals and their property. Its
primary ideological justification was support of the army: hence Roman citizens were,
supposedly, first subjected to taxation in order to pay the wages of soldiers fighting
Romeâ€™s first sustained military campaign (Livy 4.59.11â€“60.8) and income from
booty occasionally led to refunds (Livy 39.7.5). Roman citizens were exempted
from direct taxation after the Third Macedonian War; that only provincials paid
thereafter was not a punishment: they paid for pacem sempiternam . . . atque otium,
â€˜â€˜eternal peace and leisureâ€™â€™ (Cic. Q. fr. 1.1.34; cf. Ando 2000: 175â€“90).
In light of this emphasis on militarism and its costs, it is salutary to recall that most
of the cultural appurtenances popularly associated with imperial culture â€“ public cult
The Administration of the Provinces 185
and its games and civic banquets, competitions for artists, speakers, and athletes, as
well as the funding of the great majority of public buildings and public display of art â€“
were financed by private individuals, whose expenditures in this regard helped to
justify their economic power and legal and political privileges (Veyne 1976; DuncanJones 1982: 63â€“119; 1990: 174â€“84; Lendon 1997).
The collection of data
Romeâ€™s primary vehicle for collecting data on populations and property was the
census (on the republican census see Nicolet 1980: 49â€“88; for the imperial period
see Brunt 1990: 345â€“6; for its role in the financial system, see Lo Cascio 1999; on its
ideological import see Ando 2000: 350â€“62). Many states around the Mediterranean
had kept rolls of their citizens and those records had often served both ideological
and financial purposes. In virtue of its examination of the juridical status and consequent tax liability, the census had enormous social impo</t>
  </si>
  <si>
    <t>b'\xbe\xf2&gt;Rw\x16d!\xf2{\x9fX\xae&gt;@\xba\x13\x95\xed\xbf\xf3\x7f\x12\xfbd&gt;\xe2\xa5By\xa8,\xe5P\x8b\xed\xc1\xf1|\xaf\xb8\x88\'3\xe6u\xeb\x8c\x9a\xddQRN\xbe\x8c\xb3I\xcdh4&gt;z&amp;\xb7\r\x0e\x99\x9c8l\xa2&amp;%\xa4\x1c\xd3c\x17\xd4\xd7\xaf\xd1\xf39"1wi?\xe7\xb4\xd5\xa3\x0f\xf43v\x13\xdd\xacN4L\x9cG\x15\xcbO\x0b\xfd\x8e\xa9R7\xf9\x92\x06\xac%%u\x97\xe3-5\x08aP\x1d(B*s{\xccc\'\xd2Z\x17\xea\xf8\xb8\xdf\xf5\x02\x03\x00\xbd\xae\xc7\x89\x1e}S\xc8\x90#\xa8\x17\x8c\xaa?\xbcQ\xc5)C9\xdb\xe4b\xe9$\x0c\x99F\xc1\xa3\x8a\xb9\xc8\xc1\x07S\x06g\x81\xe8\xc3\xd4\xb7\xadM\xfe\x19m\xa7:\xa9&lt;\x97\xe5\xd4%\xb8\x1e8\xa6\xd1sJQ8z\xbe\xc4\xd3\\\xa2b\x0f \xcb\xab\xfc\xd9\x01bz\x04\x84\xae:3\xe0\xa5\x89\xe68u\xaf\x18#~R\xc0\x10\xc9@g\xd25Mh\xf4bjf\xa5\xe8i\x8ao\xf8\x1bb42R\xac~"\xea\xbeENx\x84\xffW\xe8\xd6#C{\xe1\xf36\xef\x15]5\xe2\xbe\x8eu\x9f5\xf8d.\xd7\xfe\xcc\x17\x03\x99\xe5\x85B\xa6\xa5\x14\xb3\x02\xc1\xa2\x82\xa9\x19:G3\x96\xac\x8b\xa8\x13\x17a\xeb\xb4j\x87w\x89~\xd5d\xbf\x91\xfc\xc8-s\x04x\xc5\x93{\r\xe0\x1cm\xa9\x83\x18d\x1f\nN\xe7\xad\xbf4\xfe\r\xd3\xb7\xb6\x8c\x91\xa6\xc3\x96\x88\xe9\xec\x04\xf0\xe2(\xc0+\xc0\xfa\xe8\x86]\xc40\xb1\xeb[\x85\x9b(9: s\x07\\\xf5[\xf5{\x87??\xf5\xb8*\xd3\xd1\x14\xd4\xa1\xb0s\n\xd3`\xe1\xf5P\xbdL1\x8e*\xa5\xfa\xd8\x01\xca\xad\xa1\x12\xf3*\x1b\\J\x15\x8f\xe3@Y\xee\x8d\xa3\x80\x12O\x84\x06\nIS\x8f\xf0\xda\x02\xe2\x96\xad\xa9\x97+\x1c\xd5j\x97\xb4 :\x84-B-l\xa1\xbf=\x8d\x94\xfe\x8dU\x826\x12\x05\xfd\x85\xb1\x8d6e\xc9\x90\x15\x11a\x05\x139\xf1\x88a\xb6\x92\xcc\x92\x1a\xad&amp;\xc1\xc5m\xa0\\\xca\x0f\xc4\xdf|\x05]\xfd@:\xffv\xf3&lt;i\xdd\xfd\x1b*iR\x99A^\xf9\xcf\x06Y\xbd\x92\xb6\xf0\xb8\xd2!\xc0c\xe6\x9d\xcf\xdd\xa9\x93x\xf5\xde\x01|\xd7\xdd}X\x17\xbc\xb3}\x9d\xd4\x9b\xd7\xb3\xc7F\x96\xbb]\xbcN\xfa\xe1\xef!B\x17\xf7g\xcd\xdf\x18\x919\xac\x88\xba\x07\x8c\xd4\xbb=\x0bpHBx\xb6\xc4\xa7\xe0k\xf3\\XS\x0e;AS*\xa7\xdb\xbb\xa4\xbb\x1f\x9a\xbc&lt;\xf0\x85++\x19\xf5U\xc7\xad\xefE\x99l\x1c\xfe0\xfa\xca3`\xa6K\xbd\xb8\xf4\xd4\x1aH\xbf\xf9\x0c\xa7O\x8acg\xd4\x05w\t\xed\xeeU\xc2\xb0m\xdbL\x05K\xd0\x86\xf3\x15\'C\xb2F\xa6\x91g\x81\xf6\xc7\xba=:\xfaB\xc9U\x87\xba\xb4\x0fg&lt;\xe1\xd7S\x8b\xa1\xfc\xfc\xc5\xc5$l*!\x07|\x80\xd2\xaa\x7f\xff\x8fP\xa9}\x96\xa8\x18\xce\x8e\'\xa1\x94\xa8\xa5\x97\x85\xcf\xd1:\x1br\x9cs\xe0O\xec\x1az\xa3\xfa8 J\xe4\xee\xfe\x96\x00\x00\xc5\xf2l,\\Z\x90\'\xe6\x82\xeb\x18_\x8d\xf8\xdf\xb5\xaa\x9c\xea\xa4Cf\xfc\xe5\x97\xc6\x0c\xab\xdb\xc6\xad\x13c\x8c\xf8\xbe2\xdb\xe0\xca1\xd5]\xef\x1c\x02,\xca\xf5\xbf\xcb\x89F\x04\xa6\xc7\xfaJ\xc4.\xa2&lt;\xbe\'\xd3\x8c{("\x98\xe2\x99:\xe9-\xd2\xa8\r,\xcb\xfc\x1c\xefr\xb9\x14/S!\xd4\xb6\xd3\xa9\xf4\x12\xb0\x175\xb2\x1e0\x98|S\xc0\xac\xf5o\xd8\xaa&gt;@N\xec\x04$\xb5\xcd4\xb8y\x89\x84\xc4\xe6\xa1\xfbR\xfb\'-\xb6\xa1\x11\xbc\x18\xd5gV\x07kx\x9aVH\xa9\xac,e9\xf4~\xe3\\\xe0\x9e\xca\xc4\xb2c9k+\xde\x15\xc2Q$\xa0\x15t0\x12\xccQA\xc3\x91\x88 \xa3k\xe0\xf8\xb3\x87\x87\x85\x85\xfaQ\xea\x80\xc2$-I\xc8UN[\x88\xe55{\xf1I"h\xaf\x14}\xa8V/\xadY\xb2;\\\x88td\xf8\\\xd9/\x10\xac\xa8\xa1\xf6\xb4X\x97\x15az7\x11\xe7]\xcd\xfd^\xf3j9[\xb5\xffk6\xff2?\x9c\xe3\x88/(\xa7\x872\xab\xea\xb0L\xfd\x89\xb2%\xf1#\xc5\x90\xd9&gt;a\\\r\x8e502\x07\xd9_\xcc\xfb\x8e\x86\xfe\xcfP\xdd$||l\xa0\xcc\x9a6P)\x88\x93\xcaa]\xefZ?\x19K4\xdap!=W\x1fK\xfd\xe8\x88aI\xea\x00\xd67\xcb\xcf\xc1\x88\x88\xa3\xa8\xd0\xc9\xa8\xec!\x0b\xb1\x9a\x9fp\xc2\xae\x058c\xbcX\xc2P*\xbf^p\xa6z\x11\xba\x0e\x9fZ\xe1\x9d\xa5{\x08\x11\xbf1:\xdc.$Z(\xf9=\xb4\xeb\xf5\x0f\xf6\xfdw\xdc/\x0c\xe4(\xe9\xf4"\xec\xee\x134c(K\xf2V\xe0,\xc9\x9e:\xe6\x1b\xa2\x82C\x8e\x94\xcc\xeb&amp;\xb5\x96\xe7;\xabBf-NV\xfa\xd6\xe7\xb1E\xf8+\xa7k\xdf\xe13\xd6\xe9_\t\x90\x8a\x86\xca\xf1a\x1f#n\xfd\x7f\xfd\xd95Y\xe7\x1c\xce\xec\xdd#\xbdm\x991\x01%\x01Yc\xe7h\xe2\xf0\xd8M\x90"\xabj\xc55\xbd\n\x7f&amp;\xd4u\xf1q\x8a"\x1e!\xd3T\xf4\x11\x85c\xa3\xc9\xc8I\x00\x8f\x99\x9cv\x90z2.\x96Ce\xfe\x10\xb8\xb0\xc2Xz\x9a\x96\xa0\xc1Pj\x07\x9e\x83\xee\x82.\xda\x03\xbb\x0ca\xa6\xdc)zz\x1b\xf6u6;\xff\x86\xaa\xder\x10\xad\x05{\xe7Bd\x95\x95o\xe4\xa77\xa8\xbe\xcbo\x0f\xca\t\x02\\\x84\xf0\x98\xc0\xf7\x98\x92\xe0Ih\x86\xc4g\xba\x1e\x7f\x1e\x1b\x97\x96S\xf6\xc7/\xda&gt;\xa6d\xb7\xea\xc7\x05\xd8\x98\xec\x8aN\xd3F\xfd\xb1\xb1n\xa2-dYI\xc0\x02{\xbe\x08\xd1\xd5\xb3\xeb\xbf\xdc\xac\xef\xa9\xf4m\xd8\xc4\xc4p\x1dz\xedW\xc6\xa3K\xa3\xdd\xf3\x84\x05}\xb9\xe8\xbf\x1b\xee\x8d\x02J6\x87\x89yn\xad\xda\x00\xad\x0c\xb0c\xaa\xfdB\xd6\x8a\xd3\xa8\xc4f\x91\x9b2d\x8c\xc2\x16\xbbp\x01\xc6r\xefxB_\xfb6\x9a]\x91\x80 \x15\x17\x85R\xb82P\xb9\xa2&lt;\xe0@\xda\x87\xea\xbb\xff\xd2\xb4(1\xee\xb8\x1a\xc3\x0b)F\x13\xd3W\x99\xf1o\x9d\xe3oe\x1c\xcc\x90\x13\xb7\xc9)&gt;\xb1\x06!q\xf5T\xb3\xb3\xc1\xe1wW6\xeb4\x8e\xf9\xda\xa4v%Oa\x17b\xaf\x8a\xb1b\x05!\x0c{fM&gt;n\x81\x8al)O\xf6\xf92\x9a\xbc\x8du\x9ak\xa2pQ\x0c\x1b\xc3\x05\xc1/\xb0qh,\xc6\xafG\x96\x94\x0f\x1c\x04\\\x81te\x98\xe8\xaa\xc0\n\x95\xb5Y\xd6\xad\x11\x97Hl\xde\xd6\xa3\x149i\xa6&gt;Y\xb4\xa0\x05qh\xc00\xf5\\\xa4-\x80\xf6\xbd\x9b\x98\xe81l\xd1\xc6}\xe6\xdc\x1aL%c\n)1v\x94\xc8\xaf\xd9\xaf\xdd\xee\xf6\x92\xae\'\xc8\x07\xda\xa9j\xbb\xaaQ\xda\x84\x17\xd0\x10U\x0b)O=\x9e.\x10gPT[c\xb4j\x8b|[\xd1k\xa4\x8b\xb1\xf8\x88K\xf3\x93\x16\xd8\x9cF\xf3\x11\x986\x9d\xb0z\x16&gt;\xeb\xeb\xcb\xdeG?!\x93e1Y\xf2\x93\x93\x8d\x94\xce`\xda\x18\x9f\x9e\x9bP\xbd\x86\xab\r\xd5\xf9a\xfc\xca\xe9\xaae\xe5\xc7Qq\xc3\x8a\xdd2L\x7f\x16G|A\xa2\xb1\xb1"\xaa\xdd\x1bI\x88q\x94QDt\xb7\\(\x92\xee\xdf\xbfg-\xa6_"\x1d\xb0\xec\xfex\x19\x02R\x04\x9e&gt;\xb1O\x08\x83\xff\xb8\x14\xed\xd6mg\xd1\x88\xbc\x13hods\xa0w^\x85q\xc5\x1d\xa1\xcc\tX\x8d\xed\xbd&gt;h\xbb\x1f\x06O\n(\x87F\x95\x06\x89L\r\x86wj\xc3)\xd2\x88B\xd0K\xd83\x0c\xc2\x17y\xf6\x7fx\x0c\x1e\x1d\xa9\xf5\x97\xf4\xfeM\xa5\x9c^\xd9F\x92\xc0\x06\xc0\x0c\x9c\xd9\xfe\xfa\xfb\x19]\x1e\xe4n\xf7)\xe1\xd7\x80s\xbfr\xa5\xc2}8\xbf@\xefC\x00/\xe1\x88\x1b\x98\xa8\x01\x0c\x89\x80Y\xed\\\xdb\xa8\xe5Z\x16\xe0\xc4\x94&lt;\x84\xfb\\&gt;\xf8\xb2{g\xd7K\x0b\xc7\xefk\x81\x14|\x87\x9aN)\xb2\x15\x12\xb0\x1eX\xf6\xca\x00b\x18\x7f\x01\x96\xba\xa7n\x14:7\xfe\xbbi\x9c\xb1\x12\x8eM\x06!\x0e\xe1\x19\xf8\xa5p\xea\xd2\x01\xd6@I\x80\xb3tB\xdd:\xa6\xf3\x0b\xd6]M\xf8I\x07l\x85\xdc\\\xfa\x94pm}Q\x15ST\xe6\xc6@\x86"\xe2\x16I\xaa\xd5hk\xc9\x97\x18\x11\x9f&gt;^I\xee\xad^\xed\x9b\xd3\xf3K\xed\x86\xd9l(\x1fn\\\xf3\x94\x85\xb5\xd2\xa8\xf8\x00d\xc3\xd5!B\xfc\xf9\xb0s\xc8\xf6\xf2\x96\xe6\xff\x04NvQ\xb43\x9f\xe5\\\xe0\xdaG\xab Gf?_c\x11\'\xe1H\xe3\xaa\xe4\xba:\xb2&lt;oj\xd8sQ\xe4a\xf6\xd6\xd6S\xfb3h\x8a\n\xfb\xa1%\x10N\xd1\xda`\xdc1\xa6He\x1e\xe5\xc3\xd3\xf2p{\xe9c\xfa\xcf\xf8\xc3\x0b\xcd\xf7\xd2\xfb\x925\xb5\x14\x04t\x04nf+c\xbdJ\x8a\xa4\x8e\x1ce`IV|\xad8\xe8\xe1\xcaB\x1dD\xcbz4p6^\xcd\x01\x18\x9d\x01a\xad\x9fM\xe8\x80\xbc\xf0\xd1s\x1c\x808/\x9d\x9a&amp;\xb6\xdbaJb\xd3\x17\x1b\xed\xc0T\x0c#V%^\xbf\xd1\xdd\xf6\xa0\xf0w\x9b\x0f~\x03%X\xd9\xf2\x81\x9cK\x16%,p\x08\xc9\xa05e\x9e&lt;\xffH\xf5\xbby\xc1\xc7\xb0\xef\xa4\xc8\xb7\xbe\x10J\xe2\xf0\x05\xa0)-\xda\x19\xc0 \xb5\xbc0cV\xde\xdd\xaf\xf0\xdf\x85\x02-\x91\xc1\xee\xfa~\\\xbf\xe1\xac\x91\xfaZ\x98L".\xf42\xed\n;\xa2\xffY\xa3\xf9\xa8})\xd4@\xdc,k\x92\x88\x02X\xf3Ltt\xbd+_b\xdd\x83?\xa1\x19e\xf2\x8c\xe0\xdb!k\xfa\xd8j{K|+9F\x04\x1c%1\x84\xbaN\x93\x0f\xe4\x97\xef\xe2\xd4\xef\xe2\x88\xa7\x11\'\xa3\x9e\xfd\xf6\xd2n\xf1\x01\xe8\xf7\xd2fcni\xdej\x7fo\x14\xf4|]\x14\xbb [\xb5\xf4D\x10\x07\xc4\xb4\xd0\x82\xabJ.z\xd8S\xcaZ\xe4D\xf6D\xf8\xc6]r\xd9N\x18_S\xb5\xed\\1\xe8i\x03\xe3\x11\xf3\xf42\xbd\xaf2H\xeb&gt;\xb0\xb2\x07\xe1\xefi\xbb\xa5\xfb\xcb\xfc\xcb\x02\xb60\x10\x1bC\x0b\xc1\x132dW\x86VJ\x9a\x16\xbc\x1eO\xd7\x89\x17\xdaq_\xbf\xc7\xa6)\xb6\x85Y\xe4\xe5R\xb4\x0c\x82\xa3\xaf6r\x89\x0c\x02s\x83\xb0\xbe\xe8\x1d\x8b?\xcdw\x08x\xd8\xaa\x80#\xc4\xd9q\xef\x96\xe3\xf4\x81\x111\xf3\xd2[\xb5z\x01\xd96\x88 \xa6\xc4;8\n\xd4H\xa1`"?\x994\xe79\xa9s\xf1\xee\x16w\x8amE-_B\x16\x10\x88vu\xc5u8\xa9\xb2{;a\x18{6TL\x1b\xd8w\xb7o\x0f`\xbel\x1b\xafw\x9e{\xb2\xa3\x9c\xf0\xe7\xf0\x00\x1f\x90\xed\x13\x82\n\xcc\x04jpY\x1f\r\x8e\xff\xb1\tm\xd3\x16\xf9\x82\x9e\xc4Z\xd5\xfe\xc8\x0e\xb6d?\x14\x15\x05)\xf0\x19\xe7,\xe3\xb8\x8d{D\xc7\xe4t\x08\xdf\x9f8\xe6\xc0-\xa8\xbe4w\xf4\x9f\xcdMI\x9c\xbe\xd7\x93\xba\t\xfc\xc5=\xa8q\xd0h{\x9b\x06\xf2\xac\xc5\xf6\xed\xf8\xcd\x83\x1f\xd3\x83@Z\r_\x00\x83\x90\x9b\xdf\xce\xb6\xfdA\x15\xed\x81\xa5\'\xad\x15\xa7\xde\xd0\xa8\xb8\xe7\xeeU\x10kN\r\x8d\x80\xbf\xff\xb4D\xc9\xa0\x02d]\xd7)\x07\xfa\xba\xe60?\x07\xad\xde\xb6\xeeKHhx*R\xd6\xa0A\x038\xa0:\xd2X\xffK\xe3\xdf\xecG\x1b\xa5\x1b\xf6\x11\xc9\xb4\xb2\x1c\x1fLC\xf8\xf8\x8f\xad\xfe\xe0\x0f\xa3\xee\x85\xfc\xbc\xc4\xa0\x18\xa5\xd9\x86\xbe\xaf\xce\x14\xe9D\\T\xa9\xfa\xd7\xd7GW\x1f\rI\xe0~\x95+\xea8\x98^\xe7\xbc\x95\xa9\x05\xf6*r\xdd0\x90\x1d\x17\xa2\xc4\\g\xd9t4A\xae\xe9Db\xe3\xc8S\xfb\xa7\xce\x1a\tK\xd1\xe4\xfe\\wI\xf2y\x8c\xcd-h\xceDS\xdf\xfd\xedMn\xe7\x18y\xa9\x14\xb5t\x137z\xd62\x12\x1d\x1d\xd9u@L\x1dC\xcd~\xfe\x13\x84:\x1f\xae\xed\xe7"Xz\xa2\xc5\xf8\xc4\xd1;dt\x19x\xd77\x1e\x0bL\xafaLx\x99\xee\xcd\xde\xe9\xecH\xec\xd8\xc9\x19fg\xee\x0f\x19 \xd3\x00k\xc9\xfa\x93\xd0T\xd1\x07\xba\x91\xf1\xee^\x99\xec-\xc7]\xb5\x91\x08\xee\xbf\xa5i)\xe1vw\x90\x05\x1c\xa1\x10W\x02J\xe7\x06h^e\x906Y\x0bZ%p\x8aR^\xf3.=\x83\x06\xefa\x02L\xc5_\xe3\xbe\xb1\x11&amp;\x99\x99S\x10\x81\x9ezsN6\xf5\x83\x0e\x06\xe1\xbaT|\x10\x07\xd0\xf6\xa1wO\xb2\x0fRmT^(\xfb\xbeo\xe9\xa3\xed\xc6\x0b3h\xe5.w\xfde\xe1C\x90\xcf\xa9\x97Cd*"\x1b\xf9\x8b~D-\x05\x0bA\xbd\x14E\xf4\x94\x05\xca\x8f\xd7x\x851\x1b\xca\x82^\x9e\xe6\x03\x02\xb2]\x89E\xea\xf0\x946\x14\xfb\xbfkQ\x81nE\x83\xfb\x8b\x17\xe5\x9f\xc6}2\rbq\xe5]C\xf9\xe5g\x8eQ\xd7\x8b\xccE\x80\xf8\r\xf6w\xce\xb5\xf1\xff\x07\xa4\x8f\xe0L\xbe\xc8\xb5`\xe2\xbe?\x8av"\x9b\xca\xb3*\xdcf\x153\xf2\x80\xb7$\xa0\xaf\x90\x13n\xf4\xc7\xe0\xcd\x1a\x94T*Y\xc0\x96(;F\xb7q\x0b\xf0.2T:X\xddk\xc62:2\xb7/y\xca1\x9ecL1\xec\xa2\xeb9\x9aZA\x19]\xf0%\xd0\xb2\x1f\xee`\xc7\xc8\xa3"\x0f\x8eQ\x8fa\xc0\x8c\xc8\xf6+\x01D\xd4\xf9*\xff\xb1+\xd1\x95]\x13w\x87\x08i\x04Z\xb1\xf3{Hv\x18\x0c\x17\xe80\xf6\x90\xc5\xd9j\x8d\xf5\xe1K,2\x84\xa7\x01\x9a\x1d\x9b1\xcb2\x9cd\x0eE\xff\xb0r@}m\x88&gt;\xd3o\xe4\xca\x1f\x9ca@.\ro\xa8\x13?N\xe3~f\xe2P\xc7\xd2\x81\xe7y\xc2\xf3\xda\x01a\x88\x91 8\xd0&gt;\xc1\x0b\xe1;O\x12T\x17\x15~\xde\xc4FvLU))\xa1E\xa2\x970\xe7\x82v,\xf8\xd0\xb6"71\xc3\x90\xdb\xc9\xea\xa4\x1f\xb5\xac\xa8w\x89\xc4\x00\xd0\xf0\x16\xfd\xe0@\x8b\x92[&lt;\xb6Rhh\xf4\'\xfb\xed\xf9\xd3\xbc\x1e\xea,\xa6\xfc\x0c|\xa0\xde,j\xbb\xe9\xe4\x0c\x86\xefu\rL\xc0\xea\xfegd\xffm\xb3v\xe9&lt;\xb5\xb4J!H#\x9b\'\xdaV\x96\x17\xcf\xa4\xd6\x1c\x86\x88K\x89?-\xba1\x87&amp;C\xe1&amp;XQ\x80Y\xc9\xa8fi\xcc!:#\xacU\xa2\x17\xdcw\xfa\xba\x12d\xfdc\\Q\xba\x95\xc7L\xba\x9e\xdc\x8c\xf98PB\x11R\xab\xce\xd0?8\xd8\xeaO5/\xca\x1f\x9c|t\xe5\xb9)\x84h\xcaiI\xd1\x94\xfa\xda?\x9a\xc1(\x1c\x13\x1e&gt;rU\x1c\xda\x15C\xcc\x04\x82 J\x81\x1f\x1b\xa8\x04\xec\x80\xd0P9&gt;\xce\xcd\x9e\xed0\xa9y\x04\xc3:\x906\x81\x8eKJ\xe1V\xb2\xc3\xae'</t>
  </si>
  <si>
    <t>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</t>
  </si>
  <si>
    <t>b'\xbe\xf2&gt;Rw\x16d!\xf2{\x9fX\xae&gt;@\xba'</t>
  </si>
  <si>
    <t xml:space="preserve">st day at the campus #iitkgp #iit #day
CHIRAG MARU [ IIT KGP ]
4.1K views 1 year ago
0 to 25 LPA in 6 months. 3rd-Year College Student | 100xdevs success story
Harkirat Singh
54K views 7 days ago
*Next-door 10x Software Engineer* [FULL]
Programmers are also human
601K views 2 months ago
12 videos
Now playing
Basic_electronics_Module-0, Semiconductor Diode and Applications.
Lavanya Vaishnavi
 Â· 
Playlist
Half Wave Rectifier(Output Voltage &amp; Current, Ripple Factor, Efficiency)|TECH GURUKUL By Dinesh Arya
Tech Gurukul
184K views 6 years ago
half wave rectifier voltage regulation piv #SMDTKM
à¤¶à¥à¤°à¥€à¤®à¤¤à¥€ à¤®à¥‹à¤¹à¤°à¥€ à¤¦à¥‡à¤µà¥€ à¤¤à¤¾à¤ªà¤¡à¤¼à¤¿à¤¯à¤¾ à¤•à¤¨à¥à¤¯à¤¾ à¤®à¤¹à¤¾à¤µà¤¿à¤¦à¥à¤¯à¤¾à¤²à¤¯ à¤œà¤¸à¤µà¤‚à¤¤à¤—à¤¢à¤¼
325 views 3 years ago
#130 Peak Inverse Voltage (PIV) of rectifier || EC Academy
EC Academy
55K views 4 years ago
Half-Wave Rectifier - Operation, Efficiency and Its Derivation - HWR
Padmasri Naban
24K views 1 year ago
Why I Quit My 75 LPA Job?
Tharun Speaks
465K views 1 month ago
Efficiency, Transformer Utilization Factor(TUF), Percentage Regulation of Half Wave Rectifier
itz venkat
3.4K views 3 years ago
5.Rectifier circuit | half wave and full wave rectifier | modern physics
sachin sir physics
881K views 6 years ago
Efficiency &amp; Percentage Voltage Regulation of a Full Wave Rectifier
itz venkat
4.2K views 3 years ago
Average or DC Voltage of Full wave rectifier
Learning With KKS
518 views 3 years ago
ðŸ”´ Rectifier - Half wave and Full wave | video in HINDI
EduPoint
2.1M views 7 years ago
How to calculate Efficiency and Transformer utilization Factor in Half Wave Rectifier?
Study EETech
7K views 3 years ago
</t>
  </si>
  <si>
    <t>b'\x9bW.P\x924?M\xdfw\xc8\xfa\x8d\xabT\xeb\x1a\x8bQ-i\x96\xaf\xa5\xee\x1d\xba&gt;j\x0enp\xbc\x8de~\xb1x\xab\xa6\xc9Yw\x88=\x1e\xa3\x02\xa2\xcb\xd0\x16\xde\xe3UW\xa5K\x0b\x88L\xadK8\xf8\x83\x98\x12)\xe1\xd6\xd9IN\xbf\xe9W\x9e\xca\xe1;\xbd\xc4\xa5\x03\xe0\xb9[\x92])uQ\x97\xb44U\x81\xcc&lt;\x99\x89\x9d\xf9\x95\xe4\xfb\xb2\t\xe1b\x0c\x07o\xe5\x82\x9f\xc2f\x91\xe2\xc9}\xf7\xb76\xa0;\x99\x8d\xe3\xd3u\rGn\xaa \r#FL\x89\xac#Y\xebu0\x9c:\xc5^]W47\xf7\xd8\xfc|\x92l\xd1\x02`\xa5\x80&amp;\xa9\x87\xa7\xad\xa9`\x92\xfa\xa5\xbb-x\xa9\xfc]\xf7U\x86]\xcbE\x94&amp;/\xb3\x84Alf\xfe\xfb\x18"\xf4\x80\xc5\xeanM\x90\xb5X\x02q\xce\x1c39\xe7\x88\x8b\t\xdd=\x06\x87\xac;\xda?WXV\xca\xefa\xa8&amp;\xc1+6\xcc\x91\x13gP\xed\xacL%7\xfd[\xdd\xac\xb7`2\xf97\xfb\xe8s\xdfL""\xc9\xc6v\x17\xd8]f+2^\x19|\x89~\xc6#\x8bw\x83u3V\x99p\xa3\x80\x1d\xeel\xd5\x9f\x9d\xb8\xc4\xdd\xf1\xfe0\xcfw&gt;B\x08m\x18\xe2%\xa5cTIq\xbb.\xd8X\xe6I\xb2\xea@:\x04\xd0\x93\x12\xe9\xe0C3\x19}\x8e\xed[\xfaJ\x9f\x16\xe6\xb6{\x85\xf1\xe2\x9c\xd9\x8b@\xb4\x06y\x05\x94\xbc\xd0I\xb5,,\xccx\x8d\xe6\xc4\xeb\x9a\x0c?\xdd:]+u`\x06\xae@\x99q%\xab\xa6\xe8\xa3\x0f\x9a\x0b\x8f\xf7\xdd\x11i\xb78w\xdc \x81\x13`\xaa\x14\x1b\xbe3\x08\xb6\x83\xc9\xcd!c\x04&gt;@E\x99\x00\xc9\x11GxkX\xbd\x1d\xfe\x81=_\xd31\xfe\xd4\x95z\xdb\x81*\xcf\xa2\xb6E\xdbJ\x03\xbf\x99\xfa\x9a\xeeH\'\xfe\xdd\x05\xe2\x9e\x8e3,\x8d[?\x126&amp;}\xc9#\\En\xfa\xd1Ia\xb6\x06\xd2\xed\xcb\x8c\xb2\x88\x16\x93\xd1d\x8fu\xbeQ\x1d\x04-\x9f\x7f\xe0\xba\xc4\xa7b\xb0\xaaz\x04\x12\x92\xe5\x7fq\xbe^\xe8\xbe^\x16N\x92$O\x0er)\x9fG\t\xac)\x82\xf3A6\x01yr\xcd\x0b\x9f\xf8\x155d\x8c\x82\x81\xde\xb9\xd2\xcb7\xe40F\xaet\x10\x10\xac3\xba\xc3\x1e1I\xbd?\x194\x18,\x07\x19\xc2\xb2z&lt;w\xe8\xe3\x96.$\xfbD\xd09/O\xc2\xb7\xfe\x11\xe4\xcb\x13\xc9h^\x9cX$8\xcaN\x83y\xdf\x8d#\x0b\x8aG\xfa^\xa3}\x17\x02\xd9\xec\r\x04\xd6q\xbe\x12\xfdj\xd74o;\xe9\x9e\x07\xf2\xc3\xb6\x9e\xd0&gt;gW8\x83$0SC82\x04G\xc0\xf6\xa74\x06\xf65\xa7\xe5\xe0\x1fO\xa9U\xf2K\x1e\x03\x88\xb8\xe7\x04*y\xcc\xb0}$c\xe4\xa2W\xa3\xbcg\xa6\xcf\xa1_\xff\xfb\xe2/\x13*J\x97\xc7\x03\xd3O\xea\x14\'\x1c\xff\x98\x051\xca\xa4d\xaa\x14\x80\x00@\x9d\xa5q\xea\xad\xc3\x06\xca\xa3-X\x1d\xc1\xc6!\xf1I\xc9\x9c\xb6\'\'\xd9\xa7\xf7\x03{\\\x86\xbfeN\x80\x98\xd9f\xf1\xef=\x0e\xc7!\xc4\x8f\x80\xb9S\x97([%\xb7\x0e=\xff\xf1\xf6\xa9\xef\x03\xb9o\xfb\x8e\xa3\xc5\xbe\xab\xe5-\xc8\xa9\xd2s\xc1\x82\x8f$F\xfa\xb4\xe7)m\x07\xa4\x17\xb8\xb8oV\x94)FRSeVG\x0eo\x00\xc8\xb9U\'\xf9\xd7\x02\x0cQ\t4B\xd9\xa8Q =\x87\x86\xa7+T\xf8\x08fRB|\x13Z\xd9\x1c\xa2_\xe6\x84C\x8b2x\xc8+\xa8\xde\x9e\x7fF(\x80\x94\x0cc\xec&gt;Y\xe8\x83\x984\xc2W\x16\xb4%\xd0\x96\xd2\xd9xs\xc2\x8a\x11\xbd\xca\x18\xdd\xed\xa7\xae\xd6q\xc8\xdd^#\\\xb5\x04\xba\xc93\xfb\x90\xb4\x0b\xc2\x1c\xdd\x9f\x1a\x14\x1f\x8bG\x9a\xc2-\tm\xe1\xf2J\x18\xd75^g\xa1\xf3%A\x90\xb8\x83A\xce\t{\xd1F\xc5W9e\x12\x98"\x1e\xfd1\x06\xfd\xf4\x1d\x81\x8c\xdcm\x8fk\x17\xd0\xea\xaf\xd6I\x94\xa9\xd1\xeb\xa9;v\xd3K\x9f\xa8g\x99\xf5\xe2\x9c\xca|]\xfb/\xc8O\xa7\xa1\x88\x88|\x82\x92r!Z\xe5\x8c|\x1a?V"I\xbd\n\x1b\xd0\x99\x97!\xcau\xfa\x13*5\xe8\xf0\x8d+t\xb1\x14\x07\xe2om\xd3\xfe\x8f\xe7^\xf6^\x8b%\x88\xa06\xad\xc1\x8e\xd3\xdb&gt;\xa1\xa9\xca\x9f`d\xaa.\x81\x06\x9d\xa6\x0c\x94\x9df\xa7D\x80\x9e\x11!\x87\xb4\x98\xb1\xfb\x14#A-\xfa\x00\xe42|\xb8E\xc0\x8ak8{\xb4!&lt;\x1f\xf2\xbeN\x04\xc8\xbau\x84n\x8eG\t\xb8=\xa8\x18\xe3\x977.\xef7\xb4\x0e\x9e\xb3N(\x93\xd2X\xed}\xeaeE\n\xb8Q\xdb\x8cO\x8f\xfe\x01\x14\xae\x83\xdf\xa9\x97\xb0\xda\x81\xac\x00_\x867jk\x84%(z\x05\xc7G\xfd\x17\xbc\xc6\xaaJ\n\xb72\x97\xab\xd0\\3D\x97\xea\x9c\xda)\xbeU\x11\xa82|Ac^}[\xd1\xf9&gt;\xcc\xa0\x16*5\x92b\xa1\xb4\xa5\xf9\x87\x18\xe2\x1e\xd5%\xdd\xf3\xdb|~\xae\x95\x8c\xe4\xb5\xd7RS\xd7\xc1\xca\xe9\x19\xb9\xc3\xa1?\xf4r_\xbc\'\xd5\xa1A6\xe7g\xc2+\xb1\x81\x03y\x06\x14\xccn\xe34\xbbL\x0bH\xd4\xd2n\xea\xa7&gt;\x01\xcb\xbd\x14|\xcf\xad\x9a\x9cQ\x05\xee%\xb9*,K\x05\x04M\xbdS\xe7\xdbf\xf8\x81\xb8\x8dM\x88}\x12u\x047\xba{ZjhLs\x01\xcf\xa7(\xba\xa3\xd20\xc7\xaa\x91cX\x83\xa5\x1d\xed\xea\xd2\t\xa7\xaf\xd4C\xfef\x18\x87\x80U\xa6}K&gt;\x97t1\x7f\xcb\x10T3\x85\x02S\x97\xb0T+\x04qq]\xe3\xa9\xaa"\xbc\xaecz\xde\xae\xd3\x91\xc7p)\xc4A\xc4r\x00\xf7\xea\xe2W4Yf\x89\xefA4e\x05$\x17\xf3\x96&lt;C\x0c\xc5\x9f\xb8 \x02\x9f\xa5Sr+\xc4%M\x97?rk\xba\x10O\x90\xb8}\xe0f\x96W\x0f\x9d\xc5\xc6\x97\xad\xd0\x19?\x97\xcez\xca\x935\xa8\x8c\xb2\xa5\x91\xf9\xd61XN\xf5}hF\xe7\xea+\xf4\xbaK\xd1m\x85"(}@\xcb\xa0\xcej&lt;\xe6\tE\xe0\xdd\xc5\xb95i\xa9\xc8&lt;\xff\xe3t\x8f\x17\x92/aL\x99\r\xbf\x88$\xf1\x81!jy|\x85\x0f\xda\xf0\xf9&lt;\x94\xc3\x82h\xd5EI\xa7\x8c\x9d\x15\xd0\x07\xa6\xaf\xb2\xf87&amp;\x04\x17O(^\xfd\x1b\x06)\xc2o:\xdc\xf3S,i\xa1\xbc\xb5\x84\x15\x19\xd3\x14gn9\xd4L\xfe+\xc1\xacb\x18G\xf7m\xefq\xa7\xf9\xd5\x8b\x0f0\xb7R\xb1\xd9\x93\xb9\x13l^\xac\x8erx-\xd9":5\x82\xa4\xd5au\x86I\x07\x0bU\x9d\xcc\xf9\x14\xaa\x11\xa5\xc1\xc8{\xc3\xf8\xf0\xfa\\\x10&lt;\x19\x85k\xed7\xd0\x99G\xb6B\x11\x18\xdfIZ\xa3\x0f\x1d\x9c\x13\xf5\x83!\x15@/\xdaW\xd6\xe6\x1bf4\x8d\xf0\x08:\x9b'</t>
  </si>
  <si>
    <t>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</t>
  </si>
  <si>
    <t>b'\x9bW.P\x924?M\xdfw\xc8\xfa\x8d\xabT\xeb'</t>
  </si>
  <si>
    <t>ccumulated a substantial net foreign debt.
 Source: U.S. Department of Commerce, Bureau of Economic Analysis.
 Saving and the Current Account
 Simple as it is, the GNP identity has many illuminating implications. To explain the most
 important of these implications, we define the concept of national saving, that is, the portion
 of output, Y, that is not devoted to household consumption, C, or government purchases, G.6
 In a closed economy, national saving always equals investment. This tells us that the closed
 economy as a whole can increase its wealth only by accumulating new capital.
 Let S stand for national saving. Our definition of S tells us that
 S = Y - C - G.
 6The U.S. national income accounts assume that government purchases are not used to enlarge the nationâ€™s capital
 stock. We follow this convention here by subtracting all government purchases from output to calculate national
 saving. Most other countriesâ€™ national accounts distinguish between government consumption and government
 investment (for example, investment by publicly owned enterprises) and include the latter as part of national
 sa</t>
  </si>
  <si>
    <t>b'0F\x02!\x00\xe7\x83`\xe0\xa2\xb4U\xd8A\xad\x84\xb9\x1f\xec\x9d\tX\x06\xec\xa3\x15#\x88H\xad\xe7\xa9\xe2\xbf\x1f)\x06\x02!\x00\x9f\xb0bR\x8dF\xa3*\x0b\x1e\xd6\xd4/\xe4\xce\x9b\xeb$7\xcd\x9e\xfds\xa8\xf3\xba1\x0f\x07aB5'</t>
  </si>
  <si>
    <t>3046022100e78360e0a2b455d841ad84b91fec9d095806eca315238848ade7a9e2bf1f29060221009fb062528d46a32a0b1ed6d42fe4ce9beb2437cd9efd73a8f3ba310f07614235</t>
  </si>
  <si>
    <t>b'0F\x02!\x00\xe7\x83`\xe0\xa2\xb4U\xd8A\xad\x84'</t>
  </si>
  <si>
    <t>dualtensor,GÎ¼Î½:
  GÎ¼Î½=
  âŽ§
  âŽª âŽª âŽ¨
  âŽª âŽª âŽ©
  0 Bx By Bz
  âˆ’Bx 0 âˆ’Ez/c Ey/c
  âˆ’By Ez/c 0 âˆ’Ex/c
  âˆ’Bz âˆ’Ey/c Ex/c 0
  âŽ«
  âŽª âŽª âŽ¬
  âŽª âŽª âŽ­
  . (12.120)
  GÎ¼Î½ canbeobtaineddirectly fromFÎ¼Î½ by the substitutionE/câ†’B,Bâ†’
  âˆ’E/c.Noticethat thisoperationleavesEq.12.109unchangedâ€”thatâ€™swhyboth
  tensorsgeneratethecorrecttransformationrulesforEandB.
  Problem12.49WorkouttheremainingfivepartstoEq.12.118.
  Problem12.50Provethatthesymmetry(orantisymmetry)ofatensorispreserved
  byLorentztransformation(that is: if tÎ¼Î½ issymmetric,showthat Â¯ tÎ¼Î½ isalsosym
 metric,andlikewiseforantisymmetric).
  25SomeauthorsprefertheconventionF01â‰¡Ex, F12â‰¡cBz,andsoon,andsomeusetheopposite
  signs.Accordingly,mostoftheequationsfromhereonwill lookalittledifferent,dependingonthe
  text.
 12.3 Relativistic Electrodynamics
  565
  Problem 12.51 Recall that a covariant 4-vector is obtained from a contravariant
  one bychanging the sign of the zeroth component. The same goes for tensors: When
  you â€œlower an indexâ€ to make it covariant, you change the sign if that index is zero.
  Compute the tensor invariants
  FÎ¼Î½FÎ¼Î½, GÎ¼Î½GÎ¼Î½, and FÎ¼Î½GÎ¼Î½,
  in terms of E and B. Compare Prob. 12.47.
  Problem 12.52 A straight wire along the z axis carries a charge density Î» traveling
  in the +z direction at speed v. Construct the field tensor and the dual tensor at the
  point (x,0,0).
  12.3.4 Electrodynamics in Tensor Notation
  Now that we know how to represent the fields in relativistic notation, it is time
  to reformulate the laws of electrodynamics (Maxwellâ€™s equations and the Lorentz
  force law) in that language. To begin with, we must determine how the sources of
  the fields, Ï and J, transform. Imagine a cloud of charge drifting by; we concen
 trate on an infinitesimal volume V, which contains charge Q moving at velocity
  u (Fig. 12.43). The charge density is
  Ï = Q
  V ,
  and the current density26 is
  J =Ïu.
  I would like to express these quantities in terms of the proper charge density Ï0,
  the density in the rest system of the charge:
  Ï0 = Q
  V0
  ,
  V
  Q 
 u
  FI</t>
  </si>
  <si>
    <t>b'\xd7*\x14Q\xaaZ%hW\xbc\xaf\xfa\xad\xe9\xb5\xd1Vs\x03\xf3\x00D\xab\x12\x8f\x88\xd7\xa9\x92N5v'</t>
  </si>
  <si>
    <t>d72a1451aa5a256857bcaffaade9b5d1567303f30044ab128f88d7a9924e3576</t>
  </si>
  <si>
    <t>b'\xd7*\x14Q\xaaZ%hW\xbc\xaf\xfa\xad\xe9\xb5\xd1'</t>
  </si>
  <si>
    <t>l and dried upon me, caking my very lips with salt, 
 combined to make my throat burn and my brain ache. The sight of the 
 trees so near at hand h</t>
  </si>
  <si>
    <t>b')\xd23$FQ\xd9y\x17\x1e\x8d\x13M\xcer\xa4\x16\n\xc3\x9e:\x02\x10\xb6\x19\xe0\x00C\x1e\x88\xda\x84?a\x06\x8b\xa9\x13.\x9b\x8c\xe4\xf2\x91\xb5t&gt;\x9fg\xf4\xc6\x16g}\x84\xfa3mGt\xae\xf6-c\x0bW\x96x\xcf:Z\xa6B\x1a\xd3\xf5*W+\xf8\xae\xcb\xcc\xbaT\x7f\x99\xa9\x1b\xf6\xd0\tn)\x10Sx\xad&lt;&lt;t9\xb3\xe4U&amp;m)k\x88\xad\x83\xf4\x86z\x9b\xfa\xfb\xc0\xe9\x15)\xf4\x9b]\x87\t\xd2:\x18\xcc\xf3\x8c\xfa\xb4[\xfd\x8d&amp;Z\x99\xe1\xb3\xac\x95.y+W\x9c1~p\xa0M\x9e\xac?\xa4\x01T\xea\xd5\x80\xe7`H\xc0;\x80\x8b\x1cv\x9bS-jX\x908z\xfaW\x05Mu\xa5\xbb\xfb\x16\xd6"\xaa\xdf\xd7PY\xe1]\xe6\xa8=\xe1M\xcbx\xf1\xa4\xe6\x8c\xb4Mi\xff\x1dbJn\xc2{"6&gt;\x1b\xe3\xb3\xb8D\xd3\x81\xe8Rx,\xd6@\xf2i\xce\xaf5\x02x\xae\nR\xb2s:L\xbe\xc4g;i\xa7'</t>
  </si>
  <si>
    <t>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</t>
  </si>
  <si>
    <t>b')\xd23$FQ\xd9y\x17\x1e\x8d\x13M\xcer\xa4'</t>
  </si>
  <si>
    <t>the electron is situated. (Since weâ€™re only interested in one point, I
  have reset the clock so that the maximum E occurs there at t = 0. For simplicity,
  I assume the magnetic force is negligible.) Putting all this into Newtonâ€™s second
  law gives
  m
  or
  d2x
  dt2 
 = Ftot = Fbinding + Fdamping + Fdriving,
  m
  d2x
  dt2 
 +mÎ³ dx
  dt +mÏ‰2
  0x = qE0cos(Ï‰t).
  (9.154)
  Our model, then, describes the electron as a damped harmonic oscillator, driven
  at frequency Ï‰. (The much more massive nucleus remains at rest.)
  Equation 9.154 is easier to handle if we regard it as the real part of a complex
  equation:
  d2 Ëœ x
  dt2 
 +Î³ dËœ x
  dt +Ï‰2
  0Ëœ x = q
  m E0eâˆ’iÏ‰t.
  In the steady state, the system oscillates at the driving frequency:
  Ëœ
  x(t) =Ëœ x0eâˆ’iÏ‰t.
  Inserting this into Eq. 9.155, we obtain
  Ëœ
  x0 =
  q/m
  Ï‰2
  0 âˆ’ Ï‰2 âˆ’iÎ³Ï‰E0.
  The resulting dipole moment is the real part of
  Ëœ
  p(t) = qËœ x(t) =
  q2/m
  Ï‰2
  0 âˆ’ Ï‰2 âˆ’iÎ³Ï‰E0eâˆ’iÏ‰t.
  (9.155)
  (9.156)
  (9.157)
  (9.158)
 9.4 Absorption and Dispersion
  421
  The imaginary term in the denominator means that p is out of phase with Eâ€”
  lagging behind by an angle tanâˆ’1[Î³Ï‰/(Ï‰2
  0 âˆ’ Ï‰2)] that is very small when Ï‰ 
 Ï‰0
  and rises to Ï€ when Ï‰ Ï‰0.
  In general, differently situated electrons within a given molecule experience
  different natural frequencies and damping coefficients. Letâ€™s say there are fj
  electrons with frequency Ï‰j and damping Î³j in each molecule. If there are N
  molecules per unit volume, the polarization P is given by20 the real part of
  âŽ›
  âŽž
  Ëœ
  P = Nq2
  m
  âŽ
  j
  f j
  Ï‰2
  j âˆ’ Ï‰2 âˆ’iÎ³jÏ‰
  âŽ Ëœ E.
  (9.159)
  Now, I defined the electric susceptibility as the proportionality constant between
  P and E (specifically, P = 0Ï‡eE). In the present case, P is not proportional to E
  (this is not, strictly speaking, a linear medium) because of the difference in phase.
  However, the complex polarization Ëœ P is proportional to the complex field Ëœ E, and
  this suggests that we introduce a complex susceptibility, Ëœ Ï‡e:
  Ëœ
  P = 0Ëœ Ï‡e
  Ëœ E.
  (9.160)
  All of the manipulations we went through before carry over, on the understand
 ing that the physical polarization is the real part of Ëœ P, just as the physical field is
  the real part of Ëœ E. In particular, the proportionality between Ëœ D and Ëœ E is the com
 plex permittivity Ëœ= 0(1 +Ëœ
  Ï‡e), and the complex dielectric constant (in this
  model) is
  Ëœr = Ëœ
  0
  =1+ Nq2
  m0 j
  f j
  Ï‰2
  j âˆ’ Ï‰2 âˆ’iÎ³jÏ‰.
  (9.161)
  Ordinarily, the imaginary term is negligible; however, when Ï‰ is very close to one
  of the resonant frequencies (Ï‰j) it plays an important role, as we shall see.
  In a dispersive medium, the wave equation for a given frequency reads
  âˆ‡2Ëœ E =ËœÎ¼0
  âˆ‚2 Ëœ E
  âˆ‚t2 
 ;
  it admits plane wave solutions, as before,
  Ëœ
  E(z,t) = Ëœ E0ei(Ëœ kzâˆ’Ï‰t),
  with the complex wave number
  Ëœ
  k â‰¡
  ËœÎ¼0 Ï‰.
  (9.162)
  (9.163)
  (9.164)
  20This applies directly to the case of a dilute gas; for denser materials the theory is modified slightly,
  in accordance with the Clausius-Mossotti equation (Prob. 4.41). By the way, donâ€™t confuse the â€œpolar
 izationâ€ of a medium, P, with the â€œpolarizationâ€ of a waveâ€”same word, but two completely unrelated
  meanings.
 422 Chapter9 ElectromagneticWaves
  Writing Ëœ kintermsofitsrealandimaginaryparts,
  Ëœ k=k+iÎº, (9.165)
  Eq.9.163becomes
  Ëœ E(z,t)=Ëœ E0eâˆ’Îºzei(kzâˆ’Ï‰t). (9.166)
  Thewave isattenuated (this ishardlysurprising, since thedampingabsorbs
  energy).Because the intensity isproportional toE2 (andhence toeâˆ’2Îºz), the
  quantity
  Î±â‰¡2Îº (9.167)
  iscalledtheabsorptioncoefficient.Meanwhile, thewavevelocityisÏ‰/k,and
  theindexofrefractionis
  n=ck
  Ï‰ . (9.168)
  IhavedeliberatelyusednotationreminiscentofSect.9.4.1.However, inthe
  presentcasekandÎºhavenothingtodowithconductivity;rather, theyaredeter
 minedbytheparametersofourdampedharmonicoscillator.Forgases,thesecond
  terminEq.9.161issmall,andwecanapproximatethesquareroot(Eq.9.164)by
  thefirstterminthebinomialexpansion,âˆš1+Îµâˆ¼ =1+1
  2
  Îµ.Then
  Ëœ k=Ï‰
  c Ëœr
  âˆ¼ =Ï‰
  c
  âŽ¡
  âŽ£1+Nq2
  2m0 j
  fj
  Ï‰2
  jâˆ’Ï‰2âˆ’iÎ³jÏ‰
  âŽ¤
  âŽ¦, (9.169)
  so</t>
  </si>
  <si>
    <t>b'\x82\x84\x92]"\xd5\x024{\xcc\x9cn\xa6\xa1\x7f\xbbM\x93c\xc73o\\|\x85\xa2\xa2\xb6\xdf\x97w\xa0'</t>
  </si>
  <si>
    <t>8284925d22d502347bcc9c6ea6a17fbb4d9363c7336f5c7c85a2a2b6df9777a0</t>
  </si>
  <si>
    <t>b'\x82\x84\x92]"\xd5\x024{\xcc\x9cn\xa6\xa1\x7f\xbb'</t>
  </si>
  <si>
    <t>e abominable 
 fancies. 
 But though I was so terrified by the idea of the seafaring man with one 
 leg, I was far less afraid of the captain hi</t>
  </si>
  <si>
    <t>b'y\xc4n:\xa9\x95\xe3\xb4\xf2xiT#h\xd3\xeb\xac\xd96\x94\x16\x80\xb1\t\x1aU\xb8\xd5;\xe2.\x04\x02h%aZX\xd2\xb5\r\xe0\x05\xe1(\xb0&gt;Q{\xcc:66\xf0\xffV\x1a\x1f\x8d\x90w\xd1\xbd\x07t\x8c2\xe3+xK\xd4\xcf\xd5\xa2\xea$\n\xa6\xa5\xe1X\xf5N\t\xa9\x05\xc61\xf2Q\xc2N\xb8\x8c\x12\x89)\xe2\xcf)\xa0\xbd\x10\xd7\xd8\xdeax1q\xf1\xdd\x16\xbb6\x8b\xa7G\x16\xed\xf9f\xc8\xcf\xc3\xfb\xbf\xb13\xfa \xb8\xf2j\xca\xbd(9\xc0haP\xd9s\xf6\xf5\x98\\\xde\xbf\x18\x90\x03`^-i\xb7\x96%\x07Q\rs\xef^%(\x89d\x0f\x9e\xf5\x05F\xf6\xe8E\x93\x8e\xfe\x86\x12i\x97\x07\rq\x97\xc44\xc7Ls\xac\x01\xef\x8fP\xf4\xe5|\xadp2\x82Q\xa9\xed\x01\xa4\x10\x95\t=\xf7\xdftao\x8aE\xa5lphB\xf6\xac\xb5i#\xd9\xbb0\x85\xd5\xfc\xf61\xd3\x0cw\xd2l\xb9)\xc8@s\x15\xe1\xa1\xfa\x8c'</t>
  </si>
  <si>
    <t>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</t>
  </si>
  <si>
    <t>b'y\xc4n:\xa9\x95\xe3\xb4\xf2xiT#h\xd3\xeb'</t>
  </si>
  <si>
    <t>carried on
 like he was gone crazy, he was so glad. Says I:
 "What did you wait for, Tom? Why didn't you come up at first?"
 "I dasn't, Huck. I knowed somebody plunged down past me, but I didn't
 know who it was in the dark. It could 'a' been you, it could 'a' been
 Jim."
 That was the way with Tom Sawyer--always sound. He warn't coming up till
 he knowed where the professor was.
 The storm let go about this time with all its might; and it was dreadful
 the way the thunder boomed and tore, and the lightning glared out, and
 the wind sung and screamed in the rigging, and the rain come down. One
 second you couldn't see your hand before you, and the next you could
 count the threads in your coat-sleeve, and see a whole wide desert of
 waves pitching and tossing through a kind of veil of rain. A storm like
 that is the loveliest thing there is, but it ain't at its best when you
 are up in the sky and lost, and it's wet and lonesome, and there's just
 been a death in the family.
 40
 We set there huddled up in the bow, and talked low about the poor
 professor; and everybody was sorry for him, and sorry the world had
 made fun of him and treated him so harsh, when he was doing the best he
 could, and hadn't a friend nor nobody to encourage him and keep him from
 brooding his mind away and going deranged. There was plenty of clothes
 and blankets and everything at the other end, but we thought we'd ruther
 take the rain than go meddling back there.
 41
 CHAPTER V. LAND
 WE tried to make some plans, but we couldn't come to no agreement. Me
 and Jim was for turning around and going back home, but Tom allowed that
 by the time daylight come, so we could see our way, we would be so far
 toward England that we might as well go there, and come back in a ship,
 and have the glory of saying we done it.
 About midnight the storm quit and the moon come out and lit up the
 ocean, and we begun to feel comfortable and drowsy; so we stretched out
 on the lockers and went to sleep, and never woke up again till sun-up.
 The sea was sparkling like di'monds, and it was nice weather, and pretty
 soon our things was all dry again.
 We went aft to find some breakfast, and the first thing we noticed was
 that there was a dim light burning in a compass back there under a hood.
 Then Tom was disturbed. He says:
 "You know what that means, easy enough. It means that somebody has got
 to stay on watch and steer this thing the same as he would a ship, or
 she'll wander around and go wherever the wind wants her to."
 "Well," I says, "what's she been doing since--er--since we had the
 accident?"
 "Wandering," he says, kinder troubled--"wandering, without any doubt.
 42
 She's in a wind now that's blowing her south of east. We don't know how
 long that's been going on, either."
 So then he p'inted her east, and said he would hold her there till we
 rousted out the breakfast. The professor had laid in everything a body
 could want; he couldn't 'a' been better fixed. There wasn't no milk for
 the coffee, but there was water, and everything else you could want,
 and a charcoal stove and the fixings for it, and pipes and cigars and
 matc</t>
  </si>
  <si>
    <t>b'\x91\x8c\x96\xf1C\x84\xc1\x0cqi[\xf6\xb9\x06\x9d_n\x98\x01ve\xe8LP\x11\x0eU\xd9\xf9qK&lt;'</t>
  </si>
  <si>
    <t>918c96f14384c10c71695bf6b9069d5f6e98017665e84c50110e55d9f9714b3c</t>
  </si>
  <si>
    <t>b'\x91\x8c\x96\xf1C\x84\xc1\x0cqi[\xf6\xb9\x06\x9d_'</t>
  </si>
  <si>
    <t>ntly unfit for
active service â€“ the sick (aegri), the wounded (volnerati), and those with ophthalmic
diseases (lippientes; Bowman and Thomas 1994, T.Vindol. 2.154). Similar strength
reports are known from the First Veteran Cohort of Spaniards, stationed in the early
second century in Moesia on the lower Danube; from the First Equestrian Cohort of
Lusitanians, stationed in Egypt (dated to August 31, 156 CE); and from the Twentieth Cohort of Palmyrenes, stationed in the early third century at Dura-Europus on
the middle Euphrates (Fink 1971, text nos. 63, 64, 8). The general public was not
serviced by hospital facilities until the empire had become Christian and charity for
the sick and dying was considered part of the Christianâ€™s duty. Galenâ€™s appointment as
doctor to the Pergamene school of gladiators demonstrates, however, that speciali</t>
  </si>
  <si>
    <t>b';\x7f\xcd\x0feC\x17\xdc\xd1\xa7\xc80ac\xdc#\x00\xdd*w(\x17\x84&lt;\x101\xcc\x9e\x08\x81\\Z\xa9\x81\xfb\xec\xa9\xa5\nq%:\xdbQ\x84\x9d;\xc3\x97\x00\x8a\xfc\x87\xefJ\xfd\x0b\x12\x82F\xe3\r\xab\x05\xd4\xff\xf7\xd0\x8c\xe0fP\'\xc8\x18\xd5\xa8\xc5\x84\x82\x84\t\'\xb5\xf0\xfd|\x9du\x04p\xacr\xedal\xd1\xf15\xc6\x08H|\x9a\x93:\x0eT\x9ei&amp;\x15\xe1\xdc\xcc\x1c\xa9\x9e\x14=\x0f\xa7\xc1d\xf1\xaf}\x15\xb5)\xb2\xe0\xd2\xb3\xb9\x14"\x90\x84~T\xd4\xd4H\x08\x88\xd6#U\x99\x06\x8fB[\x14\xf0\xac\x88\xac\x073&gt;\x91QC\x07\r\xb0Iu&amp;\x0b\xfc\xcf\xcaj\xcc93\x06\xf2\x1dd\xe0,w:\x15\x14\x1ff\xae\xccf\xb4\xd0\xfd\xb8tfg1S\x15\xe5\xfeC\xabP\xea\xd5\x86K)\xda\xeb\xe9w\xe2\'\x86\xd0A\xb6\xf8|7\x14t\xb3sb\xa42\xd9\xdc\x16\x84I\xf6\x1bs\xc1\xe1\x99\xf1\x11U\x19\x07\x83\xd7\xbc\x80\x17\x14*\xbc\x93\xd5\x11:\xb8\x00.S\xd8\x16\x1b\x86\x1a\\)\x02p"w4\xd8v\x80 \xc31\'H\xc7/\xfc\xccw\xfdc2\x18O\xd3\xe0j\x19ynz\xa62\xb8\xcb\xa3={\x87\x8cb\x86\x81T5\x90Z\xcf\x10\xf0\x97\x86\xf9)\x15\x96o\xa5\x95\x84\x98\x0e\xc1^\x94\xd6\xc5C\x828W\xc9\x0e\xce&amp;\xba!\xc0\xf0\xa6=2=9\x94\xf6\x0cGg\x9f\xdb\x10\x05`E`\xb3\xc9!\xcd\x94\x1a\x98p\x87Gh\x146\xe4\xbe\x85\xb8\xc6378\x9c \xd2\x16\x16\xb7\xf0\x148L\x16\x84\xcd\xcb\x99\x95\xbbV\x1d\x7f\xe0-]\xe5v\xfe\xa8goI\xaak\xfc"k\xbdL+lHMd\x06m\x05\x1e\x17\x13\x04\xa4\xcc\x15\xdd\x885\x8f]\xf9\x15\x1e\xfa\x17\xd4\xafESH\x9b\x08\x8c\xbf\xf8\xd9f\x8ftR\xef\x1a\x10\xfd0\x0b\t\xb0m\xc0\x0eu\xfe\xb4\x92\xc8\x99\xeb\x82\x8b\n\xbb\x80\xb8\xc8\xf8\x8b\xd1d}\x91\xdb\xa5\x97\xf3X\xf9\n?&lt;\xa7\xcc\xc8rd\xab8\xf0\xae\xebO\xf9y\xac\xaf}\x8daZ\x13\xca\xe7n%W\x97N\x964\x15\xbd*\xb0\x18\x9a~\x17l\xd3\x00=\x16\xa0m\xe4H\\&lt;\'\x83\xfb\xbb\n\x0b\xff?P\xbb\xd8\xb6\x0e\x1dN\xbd\xc8\x17\xcfNf\xee\xcc\xed2\xa7^\xe0\x99!\x0f\x02\x17g\x8c1\xf7\x16\x8b$[&gt;\xeb,M\xa3&lt;\x00\xd9 \x15AA\xcfh\xe0\xe1A\x9e\xc7\x11(\xac\xa8\x8by\xfa\xca\xcf\x82\xf8\xe4\xdde\xef\x86\xbf.J\x06\x8e\x8b\xa0\xc8MZ\x05v\xd4\xaa\xb8\xac(K\x88,\x19\xbf\xfc\xa9\x07;\x0e&lt;X.)\xf41\x1f\xbb\xa2\xdf\xdf\xad\xce\xd2\x14\xd8\x95\xa6\xbf\xd1\xa3}*_\xf9vu\xfe\x95\x18UK&lt;nU)\x84\r"\xdf\xac\xe9C\xf7\x9e}\x96\xa7\xda\xf4:\\\xde\x9aY\xa4\xf4\x1f\x94\xb0)x\xd86\xa9q\xa4?\n\x8d_\x81\xf9#?7S\xa8\xd1z}\x8c\xb6nE\xe2\x01\xe7\xd6z\xce^c\xc80\xd5\xc9\x9f\x0fp\xa5\x84k`\x9b\x17\x18\xe8\xc0p\x90,#\xc6\xfc\xe5\x03Sg\x9d\xd8\xf0E-\xc9=\xeam\x92\xffqos\xaf\xb5\x8c\x0f\xb1n\xf1\xf5\x85P\x8f\xa1\x14\xa7{\x80\xf2L\xc7n.\xdc%r\xfay\x96#:2\x8d)e\x01\xd2\x1c\xe0Y&lt;\xbd\xc5:\x8c/\xbf\xc2\x02\xe0\x08\x80\xcd\xf7z\x1aa\x0e\x884,\x80\x14\xea\xb1\x8ai\x93\xde\xc9\xec\x83m{8s\\\xf6\x9e\xc6k\x12\x80p^\xa4\x04w\x1b\xa2\x87p\xe4\x93\xab:v\xdc'</t>
  </si>
  <si>
    <t>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</t>
  </si>
  <si>
    <t>b';\x7f\xcd\x0feC\x17\xdc\xd1\xa7\xc80ac\xdc#'</t>
  </si>
  <si>
    <t>they had passed, of the natural history of the
 country, of poetry, and of St. Aubert; a subject on which Emily always
 spoke and listened to with peculiar pleasure.
 The travellers passed an agreeable evening; but St. Aubert was fatigued
 with his journey; and, as Valancourt seemed again sensible of pain, they
 separated soon after supper.
 In the morning St. Aubert found that Valancourt had passed a restless
 night; that he was feverish, and his wound very painful. The surgeon,
 when he dressed it, advised him to remain quietly at Beaujeu; advice
 which was too reasonable to be rejected. St. Aubert, however, had no
 favourable opinion of this practitioner, and was anxious to commit
 Valancourt into more skilful hands; but learning, upon enquiry, that
 there was no town within several leagues which seemed more likely to
 afford better advice, he altered the plan of his journey, and determined
 to await the recovery of Valancourt, who, with somewhat more ceremony
 than sincerity, made many objections to this delay.
 By order of his surgeon, Valancourt did not go out of the house that day;
 but St. Aubert and Emily surveyed with delight the environs of the town,
 situated at the feet of the Pyrenean Alps, that rose, some in abrupt
 precipices, and others swelling with woods of cedar, fir, and cypress,
 which stretched nearly to their highest summits. The cheerful green of
 the beech and mountain-ash was sometimes seen, like a gleam of light,
 48
 amidst the dark verdure of the forest; and sometimes a torrent poured its
 sparkling flood, high among the woods.
 Valancourt's indisposition detained the travellers at Beaujeu several
 days, during which interval St. Aubert had observed his disposition and
 his talents with the philosophic inquiry so natural to him. He saw a frank
 and generous nature, full of ardour, highly susceptible of whatever is
 grand and beautiful, but impetuous, wild, and somewhat romantic.
 Valancourt had known little of the world. His perceptions were clear, and
 his feelings just; his indignation of an unworthy, or his admiration of a
 generous action, were expressed in terms of equal vehemence. St. Aubert
 sometimes smiled at his warmth, but seldom checked it, and often
 repeated to himself, 'This young man has never been at Paris.' A sigh
 sometimes followed this silent ejaculation. He determined not to leave
 Valancourt till he should be perfectly recovered; and, as he was now well
 enough to travel, though not able to manage his horse, St. Aubert invited
 him to accompany him for a few days in the carriage. This he the more
 readily did, since he had discovered that Valancourt was of a family of
 the same name in Gascony, with whose respectab</t>
  </si>
  <si>
    <t>b'EF-?\x80\xd7\xa2\xf2\xf1\x81\x06\xc9\xc7\x1a:\xbd\x92ge\x94T~B\xc8\x82N\x84\xc3L\x9e\xd0\x7f\x81\x9ap\x06\xaf\x93\xaft\xf3\xa0][/\x8et\xb0\xc9{l\xd9!p8\x05O`6\xd8=\xfd\xd22'</t>
  </si>
  <si>
    <t>45462d3f80d7a2f2f18106c9c71a3abd92676594547e42c8824e84c34c9ed07f819a7006af93af74f3a05d5b2f8e74b0c97b6cd9217038054f6036d83dfdd232</t>
  </si>
  <si>
    <t>b'EF-?\x80\xd7\xa2\xf2\xf1\x81\x06\xc9\xc7\x1a:\xbd'</t>
  </si>
  <si>
    <t>nder the trees, thence
 precipitated itself from rock to rock, till its dashing murmurs were lost in
 the abyss, though its white foam was long seen amid the darkness of the
 pines below.
 This was a spot well suited for rest, and the travellers alighted to dine,
 while the mules were unharnessed to browse on the savoury herbs that
 enriched this summit.
 It was some time before St. Aubert or Emily could withdraw their
 attention from the surrounding objects, so as to partake of their little
 repast. Seated in the shade of the palms, St. Aubert pointed out to her
 observation the course of the rivers, the situation of great towns, and the
 boundaries of provinces, which science, rather than the eye, enabled him
 to describe. Notwithstanding this occupation, when he had talked awhile
 he suddenly became silent, thoughtful, and tears often swelled to his
 eyes, which Emily observed, and the sympathy of her own heart told her
 their cause. The scene before them bore some resemblance, though it
 was on a much grander scale, to a favourite one of the late Madame St.
 Aubert, within view of the fishing-house. They both observed this, and
 thought how delighted she would have been with the present landscape,
 while they knew that her eyes must never, never more open upon this
 world. St. Aubert remembered the last time of his visiting that spot in
 company with her, and also the mournfully presaging thoughts which
 34
 had the</t>
  </si>
  <si>
    <t>b'rx\x16`\x92\xf4\x04\xb9\xc8\x98\xd1gq8\xe9T)(\x00=\x00t\x07$\x81U\x7f\xec\xd5\xed\x1fBF\xdbM\x7f[\xfa|\xe8"*\xe5\xbd\x16\x1c\t\xd7"\xa2=\xb1-\x83\xf5\x0b,\xce\xef\xd7\x9c\x99x\xdc'</t>
  </si>
  <si>
    <t>7278166092f404b9c898d1677138e9542928003d0074072481557fecd5ed1f4246db4d7f5bfa7ce8222ae5bd161c09d722a23db12d83f50b2cceefd79c9978dc</t>
  </si>
  <si>
    <t>b'rx\x16`\x92\xf4\x04\xb9\xc8\x98\xd1gq8\xe9T'</t>
  </si>
  <si>
    <t>rate deployment and basing has been undermined, for
example, by finds of apparently legionary equipment in supposedly auxiliary forts
(Bishop and Coulston 1993: 209), and there is certainly epigraphic evidence for
legionary vexillations serving alongside auxiliaries in frontier areas of Britain.
In addition to regular auxiliary troops, there were also forces provided by client
kings, particularly in the eastern provinces in the first century CE. For example, at the
start of the First Jewish Revolt, Cestius Gallus, the governor of Syria, had 14,000 men
(mostly archers and cavalry) provided by three local rulers</t>
  </si>
  <si>
    <t>b'e\xe6\x8b\x0e+\xa9&amp;e\xf16c\xab\xda \xeaz\xe8\\\xdf\xef\x16\xc0\x8c\x9b\xce8\xba\xc8\xc1g\xfc\xba9{R\x97#\x0cR\x96\xb3sL\'\xac\'\x18\xa8\xd76\xe0\xa5Bf\x0e;\x86\x9d\xc2\xd7\xe7\xc3\x8b\x13h\x98}\xc6V\xcf\xb9o\x14s\xe7\x8aI\xd7\xb2\x1f~\xc7k\x1b0zf\xe9\xecz\x08\\\xb6f\x18\x92\xcfP\xaa\xff+P\x1e!\xa2g#v\x8e\xc9\xfbT|\xd9\xe4 `\xbd&amp;\xdc\xab\xefF(\xe0\x135\xe9\x17;+j\xdd\x0e\xff\x82\xc7\xda\xb1\x80,\x7fS\n\x85|v|6XS\xd0\x83P\xcbq\x1a1\x01\x8e9\xcb\xb2\x8en\x18\xaej/K\xb1LX@\xb4\xbc\x0e\x8d\xcaw\x7f\xdf?\x07\t\xe4\x18\xe4I\xfdi~\x84\x82\xae\xb3\xe2;{:\x968z\xd4\xe6hh\x18\x0b\xb5@a&gt;\xfbOK\te\x8d\xd0\x15\x12z\xc8\xe8\xf3^\xb39|\xe5\x87\x84d\xdf\x9c\xd9\xb1\x90x\xba\xee\xe2/B2(kb\x19a\xf3\\\x1a"\x83\x18\x84g\r\x19\xe1\x9e\xec\r2^\x94\t\xdf\xf4\x9f\xb8\x1c\x1c\x19yY^\xc1\xf8\xd1\x8d+\x15\xff\xbc\x0eg\xfa\xc8 \xc0\x0e\xd9\xc1\xc6\xf4\xb8p\xa5\xa4\xecE\xa3u\x94\xe9\t\xa8\x918cNZz\x8a\xee]B!\xb1\xc5\x18\xc4W\x1cu\xee\x9b\x1a\xdeJ%\x10\x93\xf0\xfar\xab\xfc&lt;ei\xe7\xdd\x06\xd5\xa2\x1d\xa7%\x94\xf4\xe7\xd9&amp;=\xf8\xcf\xabl\xec{C\xb8\xf4&lt;;\x84eF\x0f\xde\xd1j3\xdaJ\xce\xd8:!\x9b\xb2u\x06\x93\x04\x1c\x12K&gt;\x86\xd2)[S\xbe\xed?!\xce\xce\xc0E;\xba\x19\xba\x04\xd5=\x96\xe6\x96mQ\x1e\xf2\x81]F\x94\xf2\xa7\x84\xdbJ\x026y+\x89m9M|e\xe1\x8d.\xdb\xebKGA\xd3\xe7\x14\x19)\xaa%\x0f\xf3]\x89=\x8c\n&gt;\xc9g\xea\xa7~\x0c\x1d)0\x9fGw\x8d\x976\xe5\x0b0Ub\xcfb\x16\r;\xf2\xfaMYE\x85\xd0+\xc6\xee]$\x8f\xbcs\xab\x03i\xb3\xfb\x8e\x81?\x02\xc3\xc2\xd3Hj\x18w$\xec\x07XZ\x17)\n\xa6\xa8\xaa\x125Xal\xe6\xc8kF\x02D\xf8\xd5\xf9_\xa7o\x98\x16\x01\xfe\x9eYd\xdf\xa6\x18\xb5\x0c\xb9\xe0\xb5\xe7{$:\x06n1\x9dU0\xe5\xca,\xed#\x12\x82\xea\xa2\x11\xb2\xbdt\x11mBXq\xd1|\xf2\xaaF5&amp;\xc0\x1d\x89\x93D\x80\xee\x08\x9af\xcbm\xe0\x9a\xed\xfc,\xab\x94\xa2\x0b\xe0\x83\xb5UHC\xdbM\r\x18-\xe5\xaav\xcd_wYI\xef\xdf\xbe3'</t>
  </si>
  <si>
    <t>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</t>
  </si>
  <si>
    <t>b'e\xe6\x8b\x0e+\xa9&amp;e\xf16c\xab\xda \xeaz'</t>
  </si>
  <si>
    <t>over the
 past six decades thanks to declines in shipping and communication costs, globally negotiated
 reductions in government trade barriers, the widespread outsourcing of production activities,
 and a greater awareness of foreign cultures and products. New and better communications
 technologies, notably the Internet, have revolutionized the way people in all countries obtain
 and exchange information. International trade in financial assets such as currencies, stocks,
 and bonds has expanded at a much faster pace even than international product trade. This
 process brings benefits for owners of wealth but also creates risks of contagious financial
 instability. Those risks were realized during the recent global financial crisis, which spread
 quickly across national borders and has played out at huge cost to the world economy. Of all
 the changes on the international scene in recent decades, however, perhaps the biggest one
 remains the emergence of Chinaâ€”a development that is already redefining the international
 balance of economic and political power in the</t>
  </si>
  <si>
    <t>b'0E\x02 A\x8d\xf0\xd3\xd7*\xfc\xc1G\xfd ~-[\xad~\xe5=\xbab\x87&gt;\xd2\x97#\x99\xcf\x14\xd4E\x03\x0b\x02!\x00\xbe}\x00M3\x01?\xe9\xe1{\x83\xd6\x0f\xb1\xc9Ob\x8b\x9afE\x06*\xa4\x80\xd3e\x1e\xc2]\xaf\xad'</t>
  </si>
  <si>
    <t>30450220418df0d3d72afcc147fd207e2d5bad7ee53dba62873ed2972399cf14d445030b022100be7d004d33013fe9e17b83d60fb1c94f628b9a6645062aa480d3651ec25dafad</t>
  </si>
  <si>
    <t>b'0E\x02 A\x8d\xf0\xd3\xd7*\xfc\xc1G\xfd ~'</t>
  </si>
  <si>
    <t>miration; and she felt that pure devotion, superior to
 all the distinctions of human system, which lifts the soul above this
 world, and seems to expand it into a nobler nature; such devotion as can,
 perhaps, only be experienced, when the mind, rescued, for a moment,
 from the humbleness of earthly considerations, aspires to contemplate
 55
 His power in the sublimity of His works, and His goodness in the infinity
 of His blessings.
  Is it not now the hour,
 The holy hour, when to the cloudless height
 Of yon starred concave climbs the full-orbed moon,
 And to this nether world in solemn stillness,
 Gives sign, that, to the list'ning ear of Heaven
 Religion's voice should plead? The very babe
 Knows this, and, chance awak'd, his little hands
 Lifts to the gods, and on his innocent couch
 Calls down a blessing.*
  *Caractacus
 The midnight chant of the monks soon after dropped into silence; but
 Emily remained at the casement, watching the setting moon, and the
 valley sinking into deep shade, and willing to prolong her present state of
 mind. At length she retired to her mattress, and sunk into tranquil
 slumber.
 56
 CHAPTER 5
  While in the rosy vale
 Love breath'd his infant sighs, from anguish free.
  Thomson
 St. Aubert, sufficiently restored by a night's repose to pursue his journey,
 set out in the morning, with his family and Valancourt, for Rousillon,
 which he hoped to reach before night-fall. The scenes, through which
 they now passed, were as wild and romantic, as any they had yet
 observed, with this difference, that beauty, every now and then, softened
 the landscape into smiles. Little woody recesses appeared among the
 mountains, covered with bright verdure and flowers; or a pastoral valley
 opened its grassy bosom in the shade of the cliffs, with flocks and herds
 loitering along the banks of a rivulet, that refreshed it with perpetual
 green. St. Aubert could not repent the having taken this fatiguing road,
 though he was this day, also, frequently obliged to alight, to walk along
 the rugged precipice, and to climb the steep and flinty mountain. The
 wonderful sublimity and vari</t>
  </si>
  <si>
    <t>b'\xce\x9f(B\x05\x8b\xaan\xad\x9e\x8dE\xd9\xf38~vC\x03\xde`\xb7UD\x93\x82\xf14*o\x0b\x99\x01\xed\xff\x0e\xb8\xf9\xef\x84\xde!da\xb1\xf6\xa9\x10\xe6\xbb0GnlX\xac*\x86\x14\xc7\xb5K\xfe\xe5'</t>
  </si>
  <si>
    <t>ce9f2842058baa6ead9e8d45d9f3387e764303de60b755449382f1342a6f0b9901edff0eb8f9ef84de216461b1f6a910e6bb30476e6c58ac2a8614c7b54bfee5</t>
  </si>
  <si>
    <t>b'\xce\x9f(B\x05\x8b\xaan\xad\x9e\x8dE\xd9\xf38~'</t>
  </si>
  <si>
    <t>nger he was in of losing the steamer, was
 quietly escorting Aouda
 about the streets of the English quarter, making the necessary
 purchases for the long voyage before them. It was all very well
 for an Englishman like Mr. Fogg to make the tour of the world
 with a carpet-bag; a lady could not be expected to travel
 comfortably under such conditions. He acquitted his task with
 characteristic serenity, and invariably replied to the
 remonstrances of his fair companion, who was confused by his
 patience and generosity,â€”
 â€œIt is in the interest of my journeyâ€”a part of my programme.â€
 The purchases made, they returned to the hotel, where they
 dined at a sumptuously served table-dâ€™hÃ´te; after which Aouda,
 shaking hands with her protector after the English fashion,
 retired to her room for rest. Mr. Fogg absorbed himself
 throughout the evening in the perusal of the Times and
 Illustrated London News.
 158
 Had he been capable of being astonished at anything, it would
 have been not to see his servant return at bed-time. But,
 knowing that the steamer was not to leave for Yokohama until
 the next morning, he did not disturb himself about the matter.
 When Passepartout did not appear the next
 morning, to answer his masterâ€™s bell, Mr. Fogg, not betraying the
 least vexation, contented himself with taking his carpet-bag,
 calling Aouda, and sending for a palanquin.
 It was then eight oâ€™clock; at half-past nine,5 it being then high
 tide, the Carnatic would leave the harbour. Mr. Fogg and Aouda
 got into the palanquin, their luggage being brought after on a
 wheelbarrow, and half an hour later stepped upon the quay
 whence they were to embark. Mr. Fogg then learned that the
 Carnatic had sailed the evening before. He had expected to find
 not only the steamer, but his domestic, and was forced to give
 up both; but no sign of disappointment appeared on his face,
 and he merely remarked to Aouda, â€œIt is an accident, madam;
 nothing more.â€ At this moment a man who had been observing
 him attentively approached. It was Fix, who, bowing, addressed
 Mr. Fogg: â€œWere you not, like me, sir, a passenger by the
 Rangoon, which arrived yesterday?â€
 â€œI was, sir,â€ replied Mr. Fogg coldly. â€œBut I have not the honourâ€”
 â€
 159
 â€œPardon me; I thought I should find your servant here.â€ â€œDo you
 know where he is, sir?â€ asked Aouda anxiously. â€œWhat!â€
 responded Fix, feigning surprise. â€œIs he not with
 you?â€
 â€œNo,â€ said Aouda. â€œHe has not made his appearance since
 yesterday. Could he have gone on board the Carnatic without
 us?â€
 â€œWithout you, madam?â€ answered the detective. â€œExcuse me,
 did you intend to sail in the Carnatic?â€
 â€œYes, sir.â€
 â€œSo did I, madam, and I am excessively disappointed. The
 Carnatic, its repairs being completed, left Hong Kong
 5 The day before (page 111), it was â€œannouncedâ€ that the
 Carnatic would leave at â€œfive the next morningâ€ not 9.30. Both
 Towleâ€™s translation and Verneâ€™s original have this
 inconsistency.â€”J.M.
 twelve hours before the stated time, without any notice being
 given; and we must now wait a week for another steamer.â€
 As he said â€œa weekâ€ Fix felt his heart leap for joy. Fogg detained
 at Hong Kong for a week! There would be time for the warrant
 160
 to arrive, and fortune at last favoured the representative of the
 law. His horror may be imagined when he heard Mr. Fogg say, in
 his placid voice, â€œBut there are other vessels besides the
 Carnatic, it seems to me, in the harbour of Hong Kong.â€
 And, offering his arm to Aouda, he directed his steps toward the
 docks in search of some craft about to start. Fix, stupefied,
 followed; it seemed as if he we</t>
  </si>
  <si>
    <t>b"T\xed\xb9\xa5\xf9^-\x18\xa3/m,\xfa\xfd'\x12\x9f\xcc+\x08c\xba\xe5]W\xaa\xd8\x0eU\xfc\xfc\x11"</t>
  </si>
  <si>
    <t>54edb9a5f95e2d18a32f6d2cfafd27129fcc2b0863bae55d57aad80e55fcfc11</t>
  </si>
  <si>
    <t>b"T\xed\xb9\xa5\xf9^-\x18\xa3/m,\xfa\xfd'\x12"</t>
  </si>
  <si>
    <t>I was to go; so there was no need for whipping; but I must go
 back to my story.
 The streets were very full that day, but we got on pretty well as far as the bottom of
 Cheapside, where there was a block for three or four minutes. The young man put his
 head out and said anxiously, "I think I had better get out and walk; I shall never get
 there if this goes on."
 "I'll do all that can be done, sir," said Jerry; "I think we shall be in time. This block-up
 cannot last much longer, and your luggage is very heavy for you to carry, sir."
 Just then the cart in front of us began to move on, and then we had a good turn.
 In and out, in and out we went, as fast as horseflesh could do it, and for a wonder had a
 good clear time on London Bridge, for there was a whole train of cabs and carriages all
 going our way at a quick trot, perhaps wanting to catch that very train.
 At any rate, we whirled into the station with many more, just as the great clock pointed
 to eight minutes to twelve o'clock.
 "Thank God! we are in time," said the young man, "and thank you, too, my friend, and
 your good horse. You have saved me more than money can ever pay for. Take this extra
 half-crown."
 "No, sir, no, thank you all the same; so glad we hit the time, sir; but don't stay now, sir,
 the bell is ringing. Here, porter! take this gentleman's luggageâ€”Dover line twelve
 o'clock trainâ€”that's it," and without waiting for another word Jerry wheeled me round
 to make room for other cabs that were dashing up at the last minute, and drew up on
 one side till the crush was past.
 "'So glad!' he said, 'so glad!' Poor young fellow! I wonder what it was that made him so
 anxious!"
 Jerry often talked to himself quite loud enough for me to hear when we were not
 moving.
 On Jerry's return to the rank there was a good deal of laughing and chaffing at him for
 driving hard to the train for an extra fare, as they said, all against his principles, and
 they wanted to know how much he had pocketed.
 "A good deal more than I generally get," said he, nodding slyly; "what he gave me will
 keep me in little comforts for several days."
 "Gammon!" said one.
 "He's a humbug," said another; "preaching to us and then doing the same himself."
 "Look here, mates," said Jerry; "the gentleman offered me half a crown extra, but I didn't
 take it; 'twas quite pay enough for me to see how glad he was to catch that train; and if
 Jack and I choose to have a quick run now and then to please ourselves, that's our
 business and not yours."
 "Well," said Larry, "you'll never be a rich man."
 "Most likely not," said Jerry; "but I don't know that I shall be the less happy for that. I
 have heard the commandments read a great many times and I never noticed that any of
 them said, 'Thou shalt be rich'; and there are a good many curious things said in the
 84
 New Testament about rich men that I think would make me feel rather queer if I was
 one of them."
 "If you ever do get rich," said Governor Gray, looking over his shoulder across the top of
 his cab, "you'll deserve it, Jerry, and you won't find a curse come with your wealth. As
 for you, Larry, you'll die poor; you spend too much in whipcord."
 "Well," said Larry, "what is a fellow to do if his horse won't go without it?"
 "You never take the trouble to see if he will go without it; your whip is always going as if
 you had the St. Vitus' dance in your arm, and if it does not wear you out it wears your
 horse out; you know you are always changing your horses; and why? Because you never
 give them any peace or encouragement."
 "Well, I have not had good luck," said Larry, "that's where it is."
 "And you never will," said the governor. "Good Luck is rather particular who she rides
 with, and mostly prefers those who have got common sense and a good heart; at least
 that is my experience."
 Governor Gray turned ro</t>
  </si>
  <si>
    <t>b'c\x91\xaa\x93i\x13\x87\xb9'</t>
  </si>
  <si>
    <t>6391aa93691387b9</t>
  </si>
  <si>
    <t>e
2024-25
248 BIOLOGY
physiological functions are regulated by hormones. On the basis of their
chemical nature, hormones can be divided into groups :
(i) peptide, polypeptide, protein hormones (e.g., insulin, glucagon,
pituitary hormones, hypothalamic hormones, etc.)
(ii) steroids (e.g., cortisol, testosterone, estradiol and progesterone)
(iii) iodothyronines (thyroid hormones)
(iv) amino-acid derivatives (e.g., epinephrine).
Hormones which interact with membrane-bound receptors normally
do not enter the target cell, but generate second messengers (e.g., cyclic
AMP, IP3, Ca++ etc) which in turn regulate cellular metabolism (Figure
19.5a). Hormones which interact with intracellular receptors (e.g., steroid
hormones, iodothyronines, etc.) mostly regulate gene expression or
chromosome function by the interaction of hormone-receptor complex
with the genome. Cumulative biochemical actions result in physiological
and developmental effects (Figure 19.5b).
(a)
2024-25
CHEMICAL COORDINATION AND INTEGRATION 249
SUMMARY
There are special chemicals which act as hormones and provide chemical
coordination, integration and regulation in the human body. These hormones
regulate metabolism, growth and development of our organs, the endocrine glands
or certain cells. The endocrine system is composed of hypothalamus, pituitary
and pineal, thyroid, adrenal, pancreas, parathyroid, thymus and gonads (testis
and ovary). In addition to these, some other organs, e.g., gastrointestinal tract,
kidney, heart etc., also produce hormones. The pituitary gland is divided into
three major parts, which are called as pars distalis, pars intermedia and pars
nervosa. Pars distalis produces six trophic hormones. Pars intermedia secretes
Figure</t>
  </si>
  <si>
    <t>b'\xa4\xa6E8rO\xf7\x90\x9e\xc8\x95\r\xdb8\xa6\xb0z\xbfS\xb7\x1b\xe8\x0eA\xdd\'\xa7T\xcc,p\xef\x97Xd\xe5\xff\xa9\x89I\xdao\xa0\xdc^D\x18Z\xe3p\x9eE\xe0&lt;&amp;\x19\x94\xbb\xa6\xd9\x17\x9d\x9d\xdcT\xfb\x05\x9a|\x15\xe5\x82JY\x90\x12\xce+K\xd1\x8c\x8c\x92\x8f\x98|\xb0\xc4YU/&gt;\xf0wi\xb4mV\xd8\x83\xa9bX\xd4?\x8a\xbc\x9f\xa4g\xfb\xda\xd9G)\xde\xe2\xd5\x9ex\xc0\x93\xe1\xb0\x96\x1e\xee@\xf6\xd2W\x82\xb9e \x81 z\x10,\x19z\x15W\x1bn\xc8^\xf5i\x19vndp\xde\xdeo\xd5\x18\xf7\x92\x1e\xa3;\x9bm\xd8&amp;e\xe3\xe1S\xb4\xb7\x08`\xec\xc1\xf5\xf1\x9a\xee\xde/Y\x96\x10\xaf\xf1]n]Low\x81\xc8\xa2g\xbbkq\x19E\xc6\x15\x0bA\xe3\xf5\xc5\'\xd3d\xb8\xe9\xf4R\x1b\xa3T1K\xa5\xb5\x93,C\xf4U\x14ceF\xc24$C\xf9\xbd\xbc\xfew\xa1\x03{p6\xa2e7\xf7\x9d\xa0w3\x1f\xe0c\xe0T#\xbf\xad\xc8d\x00\xc5\xc2\x92En\n\xc2\x10\xe6\xb9\xcf\xf9\xa5Jn&gt;\x04\xeew\x86\x9fM\xde\xf8\'\xed\x8c\x96\x80\x96\'\xbb\x9d\x83#\x8b\x9a\x17\\\x81M[\x88\xf4\xef\x84\x12\xd6\xeb\x96N2\xb8\x93\x88\xb3\xd8\xed\xfb\xef\xf1A\xac4\xef\x12\x8bq\t\x14\xdcsA\xac\x9b\xa7I\x9f\xfa\xb4\x0f\xf9\xc0\xfc=\xa5&lt;\x01\xa5\xd1\xa8\xe2\xd2\xc73\xc5\xbaweu\xcc\x1a\xe1\xc2\xdb\x94\xf0\t\x02\x16%,"4Rr\xa2\xa6\xce\x9d~\xf8bV\x0f]E\x1d\xdd\x1fD\xc7(C\x12o\xf1\xe7\x00\\w\xc1\xe1\xedt\n\xa3H\xdb\xf6\xac\xc4\xe0PF\xda\x0f|H\x03\xfao\x15\xe8\x91\xe4\x1fvt\xe8}\xda;\x82\x8a\xaaK\x8c\x1e\xdb\x0c=7j\x96\xd0\x89H\xe6\xbc\xbe\x00\xc1\x1e\x9d\xde\xca\x01\xb0&amp;\xa6\xf1E\x1a#\xcc\x8f\xe0"\xe7\x0e\x8cGL\xaa\xd8\xdaD\xba:\xfe\xf5\x069\xab\x0cr\xfa\xf4\x14\x03Mf\x07\xc9\xc7[\xac\xd0U\xa9\xba\x9f\xcbJ+[\xae\x88B\x8a\'\x8e\xea\xee\x8c\xac\xe4\xb7m\xed\xc4t5\x83nGP\xae\xeeB\xbc\x15 =U\x9fEM\x08\xda \xb5A\x93I\xd9ex\x1b1\xc8\x140\x94\xd1Y\xf64h\xa4\x1e\xcf\x12%\xe9\xad\x9eE\x0bd\xb2\x15\xec\xbe\xfe\x97tpE\xbf\x0e\x9fj\r\xbbs\xa1c\xefX\xa4\x01\x9f\xa8\x0e\xfd5\xf2\xfc\xe5\x9a\x85\xcd\xd4\x99\x80\xc0mGP\xe0-\xb2\x85m\xf4\x8a\xfb\xc2H\xbf\xb5\xf4\xe0n.\xe5\xcex\x7fo\t\xf2\n\xd0\x15\x93\xf2x\x9d\xcc4\x08\x84\xf3\xcaB\x88;\x0c\xc5_\xda\xde\xa7G\xb1)\xca6^\xf1\x93G[\x12\x01"\x87\xa2\x80w\xa1m\xacdx,\xb4\xa7lRW\x10Wh*\x02\x01\xcd\xe7#4\xbb\xde\xa1\x07\xfe\xc5\x96O\xa7\xab*e\x9c\x7f\xcd\xb5\xc7Z\xb0H\xfd\xfc\xd7\t\x88\x9d~\x0cy{a\x90\x91\xacb7&lt;\xb5\x9cr\x0cTI\xf2\xd5\xe5z\x94DG\xd2\x96#\\\xbf"\xc2Wq\x13~\x82Ks\x0f\xccb0\x9c\xa4\xc8\xc5\xf4\x9c\xb4\xa0\x9b\xc4\xe6\xb5\xc7\xae\x1d\xcduE\x15\x12;}v\xc3\xa8(\x9d\x95`1\x11!w\x94\x98\xb7\x18\xc1e8\x06\xcal\x9f\xa0\x96\xc8\xb7\x88m\xa6\xf2t\xf2\xe3u\x7f\xce!\x15\xcc\xe7]\xdc\x1c9tkz\xb9\xda\x85S\xb4\xddz!\xe6sO\n\xdf\n\xb6\x19\xc5I7c\xb4pI\xcf\x8d"\xe1"\xad\\\x16\x14Y\xf9\x0bv\xee\xe6\x98\x96\xa3z\xd5 \x1d$F\x9bk\xbb\x95c/-\xfa\xd6o\x8b\x08nk\x87\x98hIB\x88\xd2\xfe\x14p\xf0\xd5\x87\x97F\xe1\xf6\xe9\ty\xdc\xca\xeb\x82\xf5\xe0\xf1\r\xae0\xa0\x9f\xff\xb0\xaf\\\x0c\xf5\xd1\x06\x15\x11h\xfd\x99\x94\x01\x0f|\x15C\x9e\xe0\xf9/\x90\x9c\xbd\xad\x80+\x82:\x8f\x87\xb3\x87\xf9H\xeb\x04e\xdcnf\xd8\xa2d\x87T\xbf[a\xbev\x8b0\x88L\xaa\xecxDW5\xc7\xdd\xbb\xdfQ\xc7\xb3\x9bqk0\xba\xa2&amp;\x0e\xb3\x8cQ\xb4\x0f]\xe6&lt;\x1f\xe1\xc8\x99\xdd\xb6\x92K\xc8Rb\xa5\xc8&lt;\xafy\xc9\xa1(P\xca\xfc\x1eY\x9d#\x04\x90\x8e\xcd\xcc\x15\xb0\x1ep\xb4\xfc\xf1\x18\xed\x9f\xa1{#2\xf2"\xfa\xe6\xd2\x8e\xd5g\x81\xd2\xba\xca\xfe"8ZR\xeb\x15\x1a\x149\x07\x7f\xe4\x9aK\xe1v\xec\xdd\xf6{\x8e\x8ey\x83$\xe8\x17\x96M\xfcT\xb1\xbdQj\xe4\xab\xe6oQ\xa3\xadf\xaa\x82\x8c\xfaq\xb5\xb7?r\x80\x12\x8f\x7f\xcc :&gt;/\'s\xc4\xdb\x06\xce\x05\xa5RU\xb8\xbey\xbd\x8c\x18\xc9Z/\xca\x1b\xf0\x02\x8d\x90\xf5/\xa2\xcd\xf5\xf8K=\xa7S_\x10!wR_{\x9a=-8\x8d\xda\\\x80\x0cd?\xf5\xd7\xb0\xb6\x89\x19\xf6\xf9c\xed\x86_\x99nv3\xc0#)\xb7tJO)\t\xc8\xe1\x17v:\xc5\x87\xd4\xcc\x8c\x1a\x0eU\x1c:\xd1s\x9e\xaa\xd4\xe6\x02\xe3a\x82\xc7]\x8b*1\xe4\xc2\xe1SK\xa5x\xfd(|R|\xce\xad-\xb48\x94\xe4\x00\\@\xa5\xa7\xd6\xf6U\xa4\xed}\xbe\xb1-\x8b\x16\xa8\x11\xad\xe6\xe8n\xb8\xabi\xf4\xdb\xb9L;\xdc\xcb\xba\x92@\t\xa2\xcc\x88\x99\x8c\xe4\x90z\xfb\xf59\xceIQj\x05\xc7f\x98\xb3\xb3\xea\xcf\xf9\xf4\x04}\x86\x94*ZH\xfe\xf9\xc3\xa7\xc4p\xef/#\xd8\x97\xc9\xaf\xd8\xe4g\xb5\x13\x8f\xb7j(\xb6\x82\xa2\x98\xf6F\x00\x94\xa9\xac\x00o\xe5\xa3\x8dF\xdc/\x08\x8e\xcb\xdb,\x8f\xb5}v\xe7\xcan\x8dH\x05\xd3t\x8c|\x02,\x000Q\x0e\xa2\xf6\x1a\x1cUX\x8f\x15B\x94)\x1d\xb3\x89\x07IP\xd2K\x9ax}\xbf\xd9\x19\xfc?\x03|\xcc/\xe8\xf1\xd7mK\xd8/\xbe\x97\xcc\xad\x83\xe9\xe4\xb2\x06\x90\xf6\x83(\xa2\xf4n\xa6\x19)K5\xa3\xbb\x0f\x1a\x07\xa9i\xb6z\xb7\xba|\x18^\xe4U0\xe5\xa2L-\x93\xcd\x8d\xd5]\xd5\x97.\xf1"\x8e\x11)\x94\x81O\x85\xc9o&amp;OC\x9d\xd3W^\xac\xb7\xa4Bpyk\x12\x9a\xc1\x12&lt;+\xe6\x10\xb6\xb0@\x0b\xd2\x0fJ\xbe\xc1@\xa4\x89\xca\xd5\x8d\x11\xb6(\x08C`\x02\xc5|\xdbtH\x07\x8f\x91g\xa7\xa7U&amp;\x04J\xbf|\x85$\xf4\x07Lh\xf9\xdf"\x8f\xa9\xd3\x0e\x81?N\xba\x98\xc4\xf6o\x0c\xa9\xb0\xd1\x16\xa0\xcca\x05\x9c\xeb"\xb6/R\r\xa4:K\x7f\xa1\x86{RN\\\x92\x9b\xa1\xa3\xaa[u\x97,\xdf\x9a\xee\xda\x9c\xf94lC\xe0\xc4\xa1o\xe7\xef3_\xd3@E\xaf\x02\n\xee\xa9h=K\xbf\x1c9\\\x89\xf2\xaa8\x08\x19\xe1\xd5j\xbe\xb1P\xab\xaa\x15\xc7\xcc2X\xa2^e\\lT\xc7\xde\xae\xd5\xc0a\xddp\xa2,\xdc+\xc8\x9e\n\xf9\x96\x98\xe7\xbc\xa6O[\x10\x03\xba\xfc6\xd5\x1a\x1f\xe7\xc5\x05\x12g9\xc8p\xc3&amp;\xb51\x05\xae\xe4&lt;\x028\x12\x8e\xe2\xe7\xfdt\x98^\x9a\xa6&amp;6\x10\xa4\xbf'</t>
  </si>
  <si>
    <t>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</t>
  </si>
  <si>
    <t>b'\xa4\xa6E8rO\xf7\x90\x9e\xc8\x95\r\xdb8\xa6\xb0'</t>
  </si>
  <si>
    <t>across his lap. Heâ€™s looking at your website. Would he be able to grunt an answer to the three questions
 posed above? If you were an aspirin company, would he be able
 to grunt, â€œYou sell headache medicine, me feel better fast, me
 get it at Walgreensâ€? If not, youâ€™re likely losing sales.
 CLARITY PRODUCES RESULTS
 One of our early clients, Kyle Shultz, was a fireman in Ohio
 who looked into StoryBrand because he wanted to leave his job
 and pursue his passion of teaching photography. He had recently
 launched an online photography course aimed at parents. Heâ€™d
 worked hard to create terrific video training allowing moms
 everywhere to finally start using that basic camera theyâ€™d placed
 in the junk drawer because they felt it was too complicated.
 Interest was decent. In his first launch, he sold $25,000 worth of
 online courses. He was ecstatic. Still, it wasnâ€™t enough money for
 him to qui</t>
  </si>
  <si>
    <t>b'\x12\x9f\x8a\x1c\x8b\x9fa\xc1\xd5\xa7\x8c}\xdc\xc3\x86y\xcb\xd15\xc8T\xde\x14\xd7\\"\xbc\xc0\xb7[\xc7\xa0\x82\xdan\x13\x9e^\xb5\xb8%\x0e\x84\xd6\xeb\xaa8\xea$\xe9\xc8\x9e\xc0\xdbY\x06d\xae\tTC~\xc8\xb0\xc2\x8f0\xdb\x8a\x99\x00?\xf9\n\xf8P\xe28\xbf]\xb6\x9b\xa0\xbe\xd8\xa8qe\x7fd\x17\xc2\xe4\x8c\x88?\x8ez\xa4]\x0c\x1c\xc5\x9c\xc3+9\xb4&amp;X3/+Rr8\x82\xd0J\x03\x89\xb7PB}\xb2,\xce\x8f\x11\x12a)\xe2\xe75\x9e%D\xc4A\x07\xb27v\xb4"\xf8\x9c\xc0\xc9CH\xc5\xef,H\xdc\tn\xbaa\xf8\x13\xd2\x0e\xea\xbc\x1c\x04)9&amp;\x18\t\x92\xa8;\x9a\xbby\xa8Vt`\xa2\x96\xf2D\n\x01\xd7\r\x8a\x16\xd8k\xe9\xff[\xc0_9\xc0\xea\xe7\r\xc31f\x06\nz\xd7\xab!\xdb\x82\x91\xb9\x17\xa9\xb5\xfc\xf1\xd40\x82`p\xd9I\xaf\xf7V \xcb3E\x15\xbd\xd7h\xe7-&lt;\xc0\n\xf9t\x1f\xa3wrX\xbd\xc5\xe4\x17\x1b\x1c\x90\xc8\x08\r\x11\xe8\xb1^\xf4\xc4\xbd\xb9\xb9\xf2:2d\xa4\xe0I\x93\x1b\xf8_\xf0\xa8\xad{\xf4\xb4#\xd8\x93@\x03d\xd3\x1f\'\xd0. \x0fs\x07\xa7\xce\xdb\x80C!}\xcaZGV\xdcr\xca\xc19\xcb\x1e\xc0&lt;\xe3,\xd3\xc8\n"l\xfegYcR\xa8\x86\t\xab\x89t;)2E\x92t\x15}\xc7\x89\x13P\xb1\x8a\xd3\xd74f\x1e\xc8yw\xbb?\xff\xb7&gt;\x12\x06\xc4\xf8@n\x1c\xf5\x9f\x90E\xd8\x1e=*|\xabB\xb4*n\x14\xd9\xfe*@Y2\xd9\xd2\xa3\x0b\x8e\xa4\xfcv\xb2F\x1c\xfe\xb12\xb4\x17\xbb\x15[=\x05~I\xe4l\xb0|M\xed\x9c\x95\xae\x7fk\xbb\x03)\x0e\xa0\xb6\x80\xd0\xf1\x91\x8e\xc43\x87\xbc\x13\xd8z\xe2\xd5\xf2\x822\x07^)\xa2\xe4\xd05`\x9c\xf8\x85\xe2\x83\x80/{@\x95\x1d\x9d\xab\x06y\xc2\xf0\xe3\x1bW\xeaDk,\xfby\xb9\xe0\xef6\xfdZ\x99\x10\x1b\x17\xd3\xd2\xae\xef\xb1\xa5\x9fA\xe06\xabbk/\xd7\xb5O\xd7\x87\x8fW\x15z\x1d\xf5\xd2Rw\xb4\xc8\xc6\x12y\x9c\xd2)\x00\xf5/\xcc\\\xf2\xda\xd6E\t\x8d\x19\x12\xf280\xff\x06&amp;\xe6V\x8c\x8a\xfbO$\x19\xe2\x8e\xe3\x1f\xf8U\x87"\xc2M\xae\xfd~z\xbay\xe1\xcas\xa2pdO\xb2\xcc\x9bi5\xa9\x95:\xb9?\xef\xc0\xfd9?\xc9\xe5\xa7C&gt;\x8a\x86Z\x83/R\xee\xf1\xfa\xae\xb9a+\x94\x88\xff\x11\xc7v\xf1\xf0\xd8\xd8mK\xa8\xbcJ&lt;\xd7\x9c\x11\x00\x89\x8b\xbb\xf6\xdfj\x00\x1d\xa6\xce\xcf\x17\xaat\x91ga\xb6!\xba\x9b\x9c\xa4\x85e\xd0\x87\xff7.\x9fL\xa2/]q\xd0\xbb\xed:\xd9\x11\xaa\xa4\x7f\xd9p\x88\xbcBQ\xdd\xafo\xca\xf9\xecWa\xc3Z\xdb\xccaR\x88\xda\xf7\xdeVD\xce\xfb8M`\xf4\x08L\xb1\xfa\x87o\r\xcf\xc8\xe6\xb2\xbb\xf7\r\xa4\xeb\xac\xba.\x12$\xfbf\xf3\xa20G\r\xe5\xb9\x9e\xba\xf9q\xb3\r\xfc\x0fLU\xe67G\xaa8a\xecA\x90\xe7\xd7\xbd\xae\xfc\xd9\xb6\xe5M&lt;\xa6&gt;`D\xf6`b3~\xcd\xd6\x92|\xef\xa7\xc3Ir8d\x82:4\x96\x11HB&lt;^\xed~v\xfc\x0e\xcb\xbf\x08\xb5B\n\x82\x9f\x9aR\xa5\xd5\xc3z\xe0d\x97\xd9:X\xbd\xf7\xfas\x88\xa0A\xe9\xe4\x0fpO\x95\xf6qeT\x9c&gt;X\xf2\xb2\xb5\xe9\xf8&lt;\xa1\x01\x8d\xc2\x00\x05\x12\xad\x80\xb4\xd3\xda\xe4\xe9\xf6{\xd1\rD\xfaB\n`\x91\xd8T\x9a\xa2b#\xa3\x85\x85\xbe\x98\x8b\xda\xcd\xd5\x98\x0e\x06\xb8\x00\x00\xc9\x19\x10.\x1c\xc1'</t>
  </si>
  <si>
    <t>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</t>
  </si>
  <si>
    <t>b'\x12\x9f\x8a\x1c\x8b\x9fa\xc1\xd5\xa7\x8c}\xdc\xc3\x86y'</t>
  </si>
  <si>
    <t>Coins depict emperors addressing the army and historical reliefs (e.g. the Cancellaria reliefs and
The Roman Army 215
the Marcus Aurelius panel reliefs) show them celebrating triumphs (largely restricted
to the emperor and his family) and portray ceremonial set-pieces associated with
campaigning, such as the emperorâ€™s departure for, and return from, war. Inscriptions
record emperorsâ€™ victory titles, such as Germanicus (â€˜â€˜Victor over the Germansâ€™â€™),
Dacicus, Parthicus, and others, while imperator, the republican salutation of a
successful general, became one of the princepsâ€™ regular titles (Campbell 1984:
122â€“33). The various military manifestations of the emperor (as fellow-soldier,
military disciplinarian, and successful conqueror â€“ but also lover of peace) were
standard themes of imperial panegyric (see Pliny Pan. 12â€“18, Men. Rh. 2.373â€“ 4
[Russell and Wilson 1981: 84â€“9]). Suetonius typically devotes a thematic section of
his imperial biographies to military activities even in the case of unmilitary emperors
(compare Cal. 43â€“8 with Tib. 16â€“20), and military matters continue to occupy an
important place in works of history (such as those of Tacitus and Dio) increasingly
dominated by court personalities and intrigue.
The need for an emperor to present himself in the tradition of military commander
and conqueror to a domestic audience might lead to expansion that in purely practical
terms was of dubious value. Suetonius is scathing about the true value of Claudiusâ€™
conquest of Britain, but ascribes it to Claudiusâ€™ desire to win a proper triumph
(Claud. 17). Trajan was honored for his conquests even though some attributed
them to his love of war and a desire to emulate Alexander the Great rather than any
rational imperial strategy (Dio 68.7.5, 29.1, 30.1). In contrast, some later writers
(Fronto Prin. hist. 11; HA Had. 9) criticized Hadrian for consolidating rather
than conquering, despite his impeccable military background (ILS 308; Dio 69.5.2,
9.1â€“5). The bizarre pseudo-military activities of emperors such as Gaius (see Suet.
Cal. 44â€“6 for his â€˜â€˜invasionâ€™â€™ of Britain and faked skirmishes in Germany), and Nero
(see Dio 63.8â€“11, 20; Suet. Nero 44) must reflect either the emperorsâ€™ own desire to
present themselves as military figures (Gaius was the first to be depicted addressing
the army â€“ in adlocutio â€“ on coins), or, at the very least, the writersâ€™ perception of, and
desire to subvert, the stereotype.
The praetorian cohorts
It is hardly unexpected that the praetorian guard, in immediate proximity to the
emperor at the heart of imperial power, played an important role in bringing emperors to power and overthrowing them. However, it often proved less successful in
maintaining them in the face of opposition from other elements of the army.
The whole force was concentrated in a single camp in Rome in 23 CE, by Aelius
Sejanus, Tiberiusâ€™ praetorian prefect (Tac. Ann. 4.2), whose career provides a case
study in the power an ambitious commander might wield. Similar, later, figures
include Tigellinus under Nero and Septimius Severusâ€™ praetorian prefect, Plautianus.
However, for present purposes we should distinguish between the actions of individual commanders and those of the praetorians collectively.
Initially the praetorians were recruited directly from the civilian population of
Rome itself and central Italy (Tac. Ann. 4.5). Dio indicates that until the reign of
Septimius Severus most came from Italy, Spain, Macedonia, and Noricum (74.2.4â€“5).
Septimius disbanded the existing guard (which had opposed him) and replaced its
members with former legionaries, most of them from the Balkan legions that sup216 Nigel Pollard
ported him (Peachin, this volume). A second body of guards, the cavalry equites
singulares, was established probably by Trajan and coexisted with the praetorians
(M. P. Speidel 1994). The latter were finally disbanded altogether by Constantine in
312 CE, because they had sup</t>
  </si>
  <si>
    <t>b'L\x86\x84\x0f\xbf\x9eV\xa8\xfa\xc0\xce/\xb3N\xa8\xc24Jz\x1f\x1b\xe7\x8f[^\xcdX[}\xfc\xb7Mu\xc5\xb6\x86\\\xdcnu\xf9\xc0\xab\xaa~A\x11\xe6!&lt;w\xec\xcd\x1d\x9c?\x0f\xfd\xe0\xef\x99\xf3\'\xa9\x14\x0f1bm\xe2\x85\xa5\x878\xe0\xdc\x9bk6\x96|\xb5.\xf58\xd2\xa5\xc8\'\xd7\xcc\xe2z\xd8Yc(\xc7\x16"\x89\xa0`[Z&gt;\xe6\x1c5o\xab\xcd\xfc\x8d\x97.c\xd84\x19\x02\x7f\xa9\x13Q \x1a\xab\xb8\xd3`J^\x99i&gt;uB\xd0\x86\x18\xbe\xd2$\x07\xdb\x96\xceW]@\x9d\x87\xea\xe4\x9b\xafylr\xaf\xe2\x92`y\xed\xc7\x08w9\'\x7f\xf7&amp;@\xe4\x82\xa1~Nf\x81 \xc9\xa5t\xcf\xea\xb1\xff\x0cU\x8a\xa9!\x92\xa5\x16\xd9\x9c\xfe\xad_[+\xea\x8d\xd7\x14\x155\xc7\x8c\xa4\xe6o\xd1\x92\x01\x15\xf1\x91AiLV!\xf2\xb7G\xc3\n\xfd\x9e\x88\x05v\xc0\xcc\xf0/\xd0\xf9\xf6\xdb8\xca\xad\x0e\r?I%\t$)\x04\xcd \x96\x1c\xb0\xd8L\x92\xd1\x06\x14\xd8\xe4\xfcEw\x8b\x04\x8f\xac\xf2RS\x14\xad\xff\x92\xa5G\xfe\xb8&amp;\x1b\x90\xd7\x1b\xd09\x16\xf8\xcf\xdco\x05\xb2\xa4O#j\x1d\xe1\xfe\xa5\x12ob\xffb}\xcb\x85\xd2\x96b\x15}H\xa7(\xaa\xeaJ9e[\x95-\xb83H\x89\xfe\xad\xf3\xc8\xf0\xcc\xf7{\x95\x0e\xeb\xc0\x99?T\xde\xae\x8dE\xc3n\x94$\xd5\xa7\xcbdN\xae\x99\xe0xd#\x95\xf9D\xe4\x89\xd0{\xcc\xd5$\x9b\xc0"P!\x9b5\x80\xc2\xfe\xc5O\xc2\xde\xf0\r\xa76\x9e\x16\xae=\xbf\x01\xd7\x00\xd7\x99+\xcbZ\xb2\'\xc5\x89?\xa3\xc7\xdf\x82FV\x93\xbf\xa6`\xc6\xb7\xeb\x15m\x851\x03\t.*\r\rD\xbd1\xfe\xaf\xd5\xad\x856\\\x8a\xc6t \xe8\xaa\x1e\x92\x0e\x93\xd2\x02\xe1\xc2\xf9\x87\xd1/F\xa0\xa4\xe5\xe8Y?\xe8e|\xfa\xd0\xde\xff\xe0\xcfr?v\x812}\xbe\x14\xdf\xb7j\xc9\x08\xc5)\xc2\xbf\xbf\xac\x18\x05x\x870:*\x8c\xb4\x99\xbd\xc4\x1e=\x91\xff\t\x19\x97\x92\x95r8\x032_\xfaD\x01\xe9\x85wDO~\x9f\x7f\xd6"\x82\x0b\x0b\x1a\xbas:\x0b\xdb]vd\x86\x1b"`\xe1\r(\xd9\x1d\xb2\xb5\xee\xbe\x7fVO\xc0\xf1}\xc6\xe6L\x8e\xad)\xc4\xb5aN\xbd\x17#\xf5\xfbx\xed\x8d\xf2\x82\x07y\x87\x17J\xee\xc6\xc7|\xaa\xbf\x03\xdb\x94\x1b\xc7(c^\xf3+\x1d\xc1\xaa\x1a\x8b\xae\xb4\xd2\x14\x94n\xbfI$\xec\xf3\xe1z\xefBLR\xe0\'`\xb1\xd0\xeaNS\x99\xab\xa6\x96KfR\x01&amp;m\x16bz\xa2&amp;Y\xd6%\x9d\xd4\xde\xd8\x1f+`o\x92Pd+\xc5\xc0\xad _\xcf\x10\xc8%D3\x04\xb0\xd5\xd3\x11\x02\xd6\xcf\x8b\xa7)\xbc\xa9\x88\xfc\x0b\x96\xd6\xc6\x90m\x06\xc81\xd8!:\xd0%\x1b\x0f|\xb1\xc1\xf4\xf5\x0b\x0f\xc7\xc3f\xe1\xf0\xf6\xaa}\xf7-\xd6\xaa\xe1\x11Q\xb3\x06}\x17\xc4t\xaf\xaa\xa5\x97c\xaf\xd5\xfa\xc0W\xf3\x94$\x12\']\x95\xec\xd0Y\xccQ\x05\x9d\xfa\xbc*+\xeb|\xc2\xf84\xfd\x16\x95u\xdc\xfd\x89\xc1\xc2\xd7%\x81\x1f\x82\xe4v=\xedz\x8de\t\xf5E\xde\x87\x84\x01\xf6Q\x9d\xe1%\xb2\xa6\xa0\x1e\x15o\xb6\x11\x8e!\xba\xf1\xaf\xf9\xc9"Qo\xed\x0e\x1c\xb2[vEvS\x94\x99\xb0d\xb0p\x94&gt;\xdd\x85\xbe\x10\x17\x08m&amp;9\xb6\x13.\x12\x06\xb3\xcac\xb1\xcf\x89\xee#\\; \xa7kNkT&lt;\x87\x96\x1b\xb7\xa8\xd78\xf0\xfe\xe7\x1c[\x0e\xa7\xda\xc8\xf68@\xe2\x13\x9d(\xcdJ\xf8v\xe4\xb2\xe4\xf24\xb0@\xf8\xcd\xad\xcf\xe4\xe3\x1f\xf6\xaft\xf0\xb1\xf3\x90J\x8b\xe9\xfe\xbfa\xb3\xd5\x7f%\xf9z\xac\xb4\xa3\xa8\x19\xe6\xae\xcc\x9d\xa7y\x83\xfd\xce\xb6\xa5\x02\x9e\xa4\xf5jr:\xb5]&amp;?g\xe9Q\xc6Jh\xc4\xd2Z\\\xe7AL\xf7&gt;0\xf4a\x9c\xe3ccQd\xf7\x10\xd7\x02&lt;^\x91\x86w\xea\xdd\xfc,h\x86\x96\xd9\x941r\x94G\x8e\x7f\xed\xf9\x9a(x\x82\xfc\x95\x7f\xdeG\x1e\xd4$l|\xd6\xf7\xf78\xe3=&amp;\xf5^\n\xb7\xb3`x\xe1v\xe6\x14v\xc36P\xa1\xff\xdf\x9b\xf9\x94\x9f\x1c\x80\xee\x07\xf0^0\xbfaI\xd0\xf5y=\xbf\x88\x8ej\x02\x18\x08`\x01m(6\x16\x02\x7f\xb2q,+\xad\xbd\xc2\xd4\xfb.\xc6\x83y\x91\xb6\x1a"\xdd]\xf7w\x92y\xbf\xbd\xe2\x9a\xbbk\xd3s\x8a\x9d\x01:\xf8O\xac\xf0K\xd4@}\xc8\x18\xad,"\xcfO\x8b\xbf\x0b\x128\xdfL\x02\x19\xe3\t\xa9\xb0HH\x9b6GH\xb1\xd9T\xf4\xe0\x8d\xf2Bix\x13\x0c/\x94&gt;\xc2Cp\xc6\xa2\x1f\xa2\xbb\xd6\xf9\xcf\xc5\x057\xd3\x18W\x1b\\\xb2\x14T\x8d\x04\xe4G\xfd\x90\xcb\xe0\x89O\xcda\xe2V\xd0\xfc\xfc\x88\x90\x8b\xa9=\xb9t\x01\xdeEuo;:\xd4$\xbc\xee[h\xcc\xc2\xb7\xf7\xc8\xdf\x00#\xc2\xdd\xaa|\xb7&amp;\xefSLk\x82\xdb\xc3/1M\xa9N\x0eO\x12\xc4\x92\xab\xc8\xb7_bH\xa5\xf5\xbc\x93c=\xd1\xa3[:\x8f\xe6\x99\xe5\x0c\x82\xa9\xb6\x90\xa7\xd1\xbd\xf6\xa2\x17K\xa3\xcdI\x16\x8c\xf1\xa4z\xf0\xf7\xbeX]%\xf2v\xf7\x1c\xcd3e\x98nf\xf2\xe3\xccW\x9d\x97\x1b\x8e("L%\xa97\xcbcu\xc0+K\xe6a\x15\xe9\xe5\xd8\xbc\xc9\xcd\xe2\xbc\x18\xfdW\x8c\x81\xa2\xa1kL`\xed\xf4\xfdR!\xa9\x15\xd7\x0ck\xe8*\xb6a\xf0\xda\n0\xd5\xac9\x16\xa5w\x03\x18h\x1cF\x8d\xd5\xde\x0b_\xad\xc0\xf5\xd0\xc4\xcae\x06\xfd\x96\xe2jf\xbd\x8b\xcefa\x06@\xc6C\xa2\x13?M\xa7\x06\x03C\x93\xc9u\xf5\x99\xe8\x93bC\x9chr\xbc\xb8^ \x85{\x08\xef\xebS\x08\xedT\xbf\xebx\xde\x1e\xde!d\xb5\xf1\xd75\x1dn\xf3\xba[@\x05\xbc\x90\xbc\x9bI\xc4U\xe0\x8a3\x11k\xc6\xfd\'\xd22Bz[O\xd4\x81r\xa1Y\x125x\x00\x98K\x08nG\xe1\xdb\xa3\xe5)Sg\x1d\xad\xd8n\xda\xb3;\x9e\t*\x8f\xa5\x91\x0b\xf1\xf9\x8b\xfd\x92\xd4\xb5\x83\xfb\xfdJ\x9dp\xe3_\x03|\xa8F\x0b\x84S@z\xdc\xd7\xd7\x19lv\xf5\xa6=u\xc2\xebZ\x85o\xf0\xe3(U{TJ\x1c\xf2\xb3\xb9L|\xd1\xee\xc5\xe3\x1d\x06f=x!\xeeg\xde\xc9\xed\xde\x84\x8d\xe8\x88\t\xbfVB\xd3;\x92\xf1\xc0l]P\xc7D\x98\x06 \\\xe8]X4Y\x9cq\x14N\x84g\xfcR\rt\xab\x0f\xc5]K\xd6\x1c%9\x8c\xfe9kQBS\xbe\xab\xf6_\xcc\x0f+\x90=\xdd3`\xd7o\x94\x9d\xd2\xfb*\x04\xb8\xb2\xc3\xa7R\xb8\xaf\xdc\x00\x19D\xd7\xfe\x03\t+y\xa8\xa7J\xc4\x1d\xa0\x89\x101\x979\xc29A\xf1\xec\x17\xff\xfa\xa1r\xb8E\xe0\xe9\x19\xe3\x1e\xab\x97\xba\xab\x8e\xb5{\xdb\xff\xc6\x9b\xf9\xa5R\x93\xe2\xc26\x00\xde\xf7\xcdKc^*\x85\x1cs\xb7`\xad\x14\xd1\xedU\xf3\xc9\xa6\t&gt;b\xdbn\xac^&lt;\xb9\\\x87\x1bZ\xb0\x0e\xc7M\x8a\x87\xe7C\xebP/\xc8\x00\xdb1\xb5a\x1a\x0e\xed\x1f\xb9\xad\xcb\xa6 I10\x9d\xbb\xb8g\x9c\xa7u\xd6z/VA\xacs\x0b\xc6\xaf\xd1\xd3\x05U\xbb\xcfu2v\xc2\x16\x90\xb5\xb8\x0e\x9c\x17\x18\xac\xa1\xaa\xb1r\xc2s\xc1\xd9c5!\x84\xe0k\xb9f\xe4wm\xaf\x861r\xb9y\x80\xa7\xaa\xf5\xad\xbc\x1d8\xfb\x8e\xcda\xa2O\x19\\\x0f\x84\xce7\x98\xf5\xb6\xbf\x16&lt;&amp;,\xa7\x1d}\x87\xe9\x00\xb1=\x84g\xc3D\xee\x07\\\xa2\xc5P\xcb\xb5\xc6x\xbb\x0c\xf2\xb2B\x9b\xc8\xc7\x19"\x08rg\xef)q\xd9\xff\xd3\xaa\xa2\xce\xa0\x1a\xb0\x9a\x04\xe7+\x0b\xdf\xce\xeb\xf3b\xa6\xbe\xfb\'\x91BR\x80oyL\x84u\xc0\xf1\xa8\x13\xaf\x1b\x9c\xb5\x9e\x89\xb1\x13\x84\x13\xd7(\xd1\xcb\x99\x98\xf3\xd5\x10(o\xb7\xee\x9a\xd9\xa4\x18\xdc\xcd3\x8d\xc5w\x80\x16\x03sc\xba\xbf\x92\x06\xf3L\xa3\xbcZ\x9a\xa5f\xacS&amp;I",\xf1a\xafG\x1d\xdb\x83\x0c\xc2-\x07\x1f\xb4\xf6\xd3\xe9C\xb2`\x9a\x969\xc6\x8aa\xb0\xf1\t\x8e^\x17[\x17n7X\xa1\xa0Uq\xa3\x8e\xb3-\xfb\x99\x1e\xe1\x96\x9f\xc8b0\xa2\x05D\xd4\xf9;\x9b\x15\xcd\x9e\xe2\xa8\xaefC;\x93\xcbe\x97\x9es\xa2\xaa\x9b\x93\xd2\x17\xcd\xb2z\xbb\x1b\x15\xeeW\xe1\x8caL\xe3qSU\x8a\xf2\xf5\xc5\xb4\x89\xaa\xa0\x8b\xb4K\x14q&amp;\xd3c\x18N\xc5\x0c\x9e\xc4\x9d\xf9\xf9\x801\xf1\xf2(\x97K~\xec\x89_\xcc\xe6\xf2\xea2\x11d\x07\t\xf0\xd9\x87#p\xb7\xdbzQ\xab{\xe9^\xba\xec#\x89\x9c$s\x86\xf5\xd8\xd1F*\x97\xb3\xf6\x8da?&lt;\xafUzQ\xb3{\xc1HUv\xc2\xab\x8a\xd6\xe8\xfc\xd4\xc2n\x1a\xa7:\xf4C\x18\xaaql\xcc\x9cX\xba\x12L-y\x84N\x0f\xe0Pce\xe2\xff/__\xc5\x8b\xf3\xc1\xd82\x82\x8a\xc3`\xa5\x11\xc3\x07F\x08\x18#\xf9B&amp;\xa1M\x8a\xff\xc1\x18\xb4(\xaa\xac\x00\xa2j\x8b\xa6\t\x1e4\x8831\xec\x86k\x9c\x8f\xbf\xf6\x1a\xf8\xbf\xd0xZ\xfeY\xd7c=mw\x8a\'&gt;\xfc:&lt;\xf7\xb1~{vA\\\xe2\x93hC\xd8.\x0b\x9e\xc4"\x8a\xd3\xfc~\xc6\x90\x87\xb1W\xb8B\x1c\x1a\x8f\xef\x06\xd5`\xd7\xba\xa9\xac\xb7\x19\xd4y\xee\x04\x91dP\x80\xce\xe7?*lt\x85\xa3$1\x91\xf1\x1a\x0b\x19(\xe4\x84(e7\xcd\xbe"Z6\xc0\xc4aH\xa3\xc8&gt;\x18\xf5\x9d\x8cq\xec,w\x8dn\xe2;u\x11\'\xc9\xc3\x11\x16\xfa\xa2\x9b\x9d\x8a=\x80\xcfW\xdf\x7f;\xb5\x8d!\x13r5\xea\xd9&gt;\xa0\xbfo\x7fv]\'Hu\xc8&amp;\xf7\x1e~\x190M\xd3\xce6y\xbb\xc3\xdb\xd0\xde/\xe5#\xdd\xf1\xbf[\n\xc7}\xdb\x1agw\xddq7(\xdd7\xb2\x03\xd8B)\xee\xf4\xb2d\xa2\xe2m\xf0|\x90\xca\x08\xd7\x06 \n\x0e\xd1Xq\xa2\xd6C\xac\xf4\xd3\xab\x07^\x08\xf0\xa2\xaa\xff\xedje\xe2\x95tK%\xb5\x19\x87|^\xaf\x0b\r\xc8\r\xe0\x9f\xac\x15r\t\x1e\xd1Y\xadF\xe3\xc8\xe3\xa1\xc3)I\xdddNM\xe2\xc2\x1fE\x13\x8d\xabz\xec\xb9\x1c7\xcd\xac\x03\xb8/\x1d\x08N\xd2\x81\xcc\x0e\xad\xfeo?\x9b&amp;\x9aF\x95\x06k\xc0\x0c8\x14&gt;\xc3\x9f\xc8/\xb2\xa5\x89z\xecxq\xd7\x08\xca\xa1\xe9PNW\x08O=5\xda\xfd\x8f\x857\xf9$\xca\xd7\xaeHcL!\x85\x9f\x87M\xc2\xdd\x91\xba\x11\x91U\xdb|\xfb\xcb\x86_E\xccu\x8c\xa1\x03&lt;B\xea\x17]\x7f\x8bH=\x03\xf7)\x81V\xa2\xb0\x90nu\xe6y\xb7\xf5\xbc\x9aIRf\xd96\x87g0\x84\x07S0\xc1Ov\xac\xac\x8e\xd8#7\x10\xc7#d\x9e0\xefT+\xc9\xa1V\x80jJ\xef\x93\xe6p.\xf4\xcd?A\xb1\xe8\xca\x07\xfe!\xde\x90\x95qC\x05Mp"27\xed\xcd(G\xd4\x8b\x0e\xbc\xf7X\xb2u(5j\xcb\xff\xecj\nR\x7f\x1a\xe8\xbeG\xe3\x95\xc6w+&amp;\xc9\xe3P\xd0y\xb8T\xfcT\x12d\x1f\xd7p\x0c\xfe\xb8\xc2\xf2N1\x11\x1e.h\xad"\xbbW\tFe\xdb\x182\xeb\x86%\xe0\xf5\x0e\x8f\x95\x94\xb1e\x18\x15o\x8a\x118\x00\x0e\x7f\xa0\x83\xd4O\xa1\xcbw\x85!\xf1\x06\xb4\xc7\xe7\x92F\xc2M\t\x92\x05L\xacZ\x17\xac\xef\xc7\x14#0\xc2\x8e\xab\x90Q\x0f\xbf\x02{\xf3}?\x9ac\xf0\x1e\x17\x16&gt;O\xd1\xbe\xe9\x9b\x81\xe1p\x1e\t\x0ca|3\xc7\xb4\xf1\xc7,\xc5\xd8\xcco\xa9\x80\x7f\xa6\xbb\x03wp*\xe1\xd3\xae\x8e\xe3P\xda\xdc\xa1\xe53\xfeA\xec\x91\xd8g\x01#\x11D\x01\x96\x80\x1c;Z\x97*\xdb\xceasjM%\xa0S\x0b8\xb8\xc5C\xfb+\x84\x03r\x95\x16`\t\xf2#\xba\x90H\x97\xe4\xfd@\xc6Q\xa4U\x9b\xdb\x99$t\\\x8aI\xcd\x97\xba\xe1TFm\xf3\xb6\x8d\xad\xed\x8b\xe9S:\xca\xbbD\x07\xf3\x81-\x00\xe3{NO9\xf1\x818!\xe4\'\xfa\xa5\xff\xf0\xac\xb2\x1b\xe4-\x7f\x16\t\xa5e(H\xc0\xa2\xad\xb4\x03%):\x14(x\x96.\xcd\x08\xf4\xbf\xd0\xa3\xd6C\x15\x08\xce\xa6\xf6P\xb4\xf4\xda1M\x1a#\xbfg\xd4$\xc4\xc9\xaf\xb3(O|\xf3\x17\xc9\x85\xdf\xf6\x15\x8f\xbd\x8e\xb9\xf9\x8e&lt;\x8b\t\xd4\x85:\x98~!\x04\x01\xbc\xdd\x19\xde\xa9\\\x02\x0f\xfc\xc6HD\x17\x8c\xac|\xd5\xa92\x1a\x1a\xf5\x90\x8f\xca\x1a\xcb\xcb/\x97{u\xad5\x0e\xa8\xbf7\x94|\xfd\x1a\xb5w\xb4\x80B%s\x16{\xdc\xdb\xeee\xcfV\x05\x00\xff\xbe9i\xfd\xed\x92pJ~\xb3\xb1\xec\xd7Ij\xd9\x9fv\xcc\x01\xa4\x88\xa0\x05FcQ\xb5(\xc2=\x8exV\x1cD\xbf\xb3\x9d\x13\x99\xfft&lt;(\xbb}\xa5N:b\xc6\x92\xd2\xf7_\x82\xd5D\xce]\xb1b\xfb\xdd\xe0m\xb7\x8e\xe8\x98\xcfX\xb2\x8a\xcd\xad:\x04\x0e\xc8\x91\xdfg\n\x1ep0JJ\x11K\x06x\x89M\x10Q\xcbCvd\x86~\xe6\xae\xdc\xf8\x84\x84\x11\xf71\xa7p\xb4\xbb3\xaf\xf9-^\xea&gt;\x16\xccM&amp;\xcf\x9c\x99|\xd6\xd6W\x97\xc8\xe5\xe3\xf0/\xbb2\xea\x9e\xa5r1b\x96\xdc#\x8d\xc2Xv\xcdm\x84!\x8d\xbe\x02b\xa7bv\xcco\x97\x9cQik\x87V\x9c\x1e\x99\xe3x\xfae\n{n\xe1JS\xeb\xc3\xe0\x94a\x02\xa7\x810\xf0\xe4\xadz\xf0n\x1c\xec!\xbb\'\xb5\x8b\xa3\x9b\x8b\xee\x04jW\t\x9d\x9c`\x9d`\xb1\x1a\xae"\r\xf8%\'\xf0D)?\xbf\n\xf1X\x1f\x8b\xac{\x95\xba\xc5\x89m\xb9\xbesq\x94\xd9\x82\xd0\xed\x04w\xf6}E\xa4\xe9\xac\xf6 !\x1d\x9d\xa4\xb5\xe5|9\xd30a\x1f\xdc\xd2\x8d\xb8,\xf22b#\x13\x84\x87D\\\t\xa2\xf3\xf7\xd0\x07\xfc\n\x12\x10u\x02\x89\xdf\xc9\xb9\xebV\tr*\xa2\x9b\r(\xd2@\xb4\x11\xbf\xe53C\xcbo\x96G\x15\x05\xc6`!\xc6S;\xa6\xfc\x1f\xb7\x06Z\x9c\xf0\xe5Xm=\x93\xdcd\xf8\x80l e\xceY5\xa5\x00I\x81;\r\xad\x1f\x9d"tTg\x8f( \xb3\xf9\xc3?\xb2\xc3\xdd\xedE\xb3X\xb1;~\xe7\x8e\xfc\xe3\xa2\xb7\x17]\x95t\x9f\x9a\xb00d\xd1.K\xd8z|!fK\xf5\xca\xf0\xe8\xcef\n\x02\xad}\xa4\x9aV.\x88KEC\xebY\xf9fC\x95Ay\x0e\xbak\xc2\xf7\xf7&gt;\x03u4\xd8\xbd\x8cCn\xf1\x15\xa3k+\xa8r\x96Y\xfb$_\x8f\xa4\x8e\xa4\x80\x9b\xf1\xbd\x9b\xec\x95\xfd\xcb&gt;\xdc\xe6\x0c\xa6\xc9m\x8e\xf2\x9e\xd8\xb1\xf7\x08\xdf\xa2xM\x82$h\x85\x0f\xcbw@\x9a\x7f\x83\x9f\xc4\x84\x91\x93\xcd\x96\xb8r\xd6\x85,v\xd2\xc7\xf7\xc7\xc8\rO\x15\x1f\x89tD\x06\xa1\x1dXy\x8a\xa2\xd3J\x15D\xd40\x8f\x95\xbe\xa1\xe3\xc4}\xd5Z9B4@3\xee\x12\xed\x1a\x7f\xfe1bJ\xc7\x10\x05\x91\xf0/\x04\xd0\xad\xabJ\xc4=M\xf2YJL\x85\xe0|\x10\xbd\x11\x97&amp;H\xd4\xf93\xe1$@\xb1\xe6kh\xc3\xf7B\x81\x08\x94\xf09\xd1\xd9l\x9b\x81s\xe5\x90\x85_%\xb0\x8aE5\xd4\xa8\x93\xfaZ\x86\xbe\xf9\x9d\x8d\x88\x17\x921\xbf&lt;\x9d\xd1\x19\xc8\xae{z\xef\xbc\xc6T}f\xc8]\xefg\r\x15\x1c\xca\xef4\x1b\x895\xb74\xfae\x120\x16\xe5\xaf0`\x00\t[\xa4f\x93N\x14\xef\x08\x02&lt;\xb9\xf6\x04&gt;\xd8P\xf3r\x1cL\xf6-\xf4\x106\xf5\xa3\x08\'\xc5\x90\xeeY\xc5\xdc\xc3\xdd\xac1\x07o\xcd\x9b55\xbc \xa3\xff5\xb0c\x1d\xbe/_\xbf\xfd\xdfK\xda\xcf5\xe7\xa3G\xd6\',4\xd9\x1f~\xcf\xfe{\xc0\x1f=\x1d\xef\x86`\x08I\xc7sv\x89\xd8\xf1AG\xc7\xee\xa1\x94\x99B\x82\xda\xfa\xee\x85\x0f\xba\xad\x8b\xb5\x8bx\x90\x1d\xd6\xba|\x8c[\xf2\xf8\xf5te\x8d\xae\x81\xaa\xf5\x00\xdf\x86\xec\x1fj\x08\xd4$%\xd7HH\xdf\xd9\xfe\xe4\x97\x83\xcf\xca\x8202\xc54r\xcf\xd6\xd5\xc8&amp;\x0c\x06\xc3\x12\x13=}\xc2!\x10+\x9e\xe4\xa4`\xa0\xe0\x8fJ\xce0e\xc1\xb6\xba\xb2\x18^o\x9fP'</t>
  </si>
  <si>
    <t>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</t>
  </si>
  <si>
    <t>b'L\x86\x84\x0f\xbf\x9eV\xa8\xfa\xc0\xce/\xb3N\xa8\xc2'</t>
  </si>
  <si>
    <t>ire, England."
He had traveled far and wide since the day he saw Mistress Mary in his
study and told her she might have her "bit of earth." He had been in the most
beautiful places in Europe, though he had remained nowhere more than a few
days. He had chosen the quietest and remotest spots. He had been on the tops
of mountains whose heads were in the clouds and had looked down on other
mountains when the sun rose and touched them with such light as made it
seem as if the world were just being born.
But the light had never seemed to touch himself until one day when he
realized that for the first time in ten years a strange thing had happened. He
was in a wonderful valley in the Austrian Tyrol and he had been walking alone
through such beauty as might have lifted, any man's soul out of shadow. He
had walked a long way and it had not lifted his. But at last he had felt tired and
had thrown himself down to rest on a carpet of moss by a stream. It was a
clear little stream which ran quite merrily along on its narrow way through the
luscious damp greenness. Sometimes it made a sound rather like very low
laughter as it bubbled over and round stones. He saw birds come and dip their
heads to drink in it and then flick their wings and fly away. It seemed like a
thing alive and yet its tiny voice made the stillness seem deeper. The valley
was very, very still.
As he sat gazing into the clear running of the water, Archibald Craven
gradually felt his mind and body both grow quiet, as quiet as the valley itself.
He wondered if he were going to sleep, but he was not. He sat and gazed at the
sunlit water and his eyes began to see things growing at its edge. There was
one lovely mass of blue forget-me-nots growing so close to the stream that its
leaves were wet and at these he found himself looking as he remembered he
had looked at such things years ago. He was actually thinking tenderly how
lovely it was and what wonders of blue its hundreds of little blossoms were.
He did not know that just that simple thought was slowly filling his mindâ€”
filling and filling it until other things were softly pushed aside. It was as if a
sweet clear spring had begun to rise in a stagnant pool and had risen</t>
  </si>
  <si>
    <t>b'\x19\xc8c/\xc3\xbe3\x9e\x1b%S\x91\x1e\x86\xebS6\' ]\xc4nR\xcf\x1e\xc8`h\xe9\n\x8f\xcf\xb9`\xda\x80D\x87\xd7\xb1\xc2\xd5&amp;\x90\xb7\x19\xcf\x19V`\xbf*\x11*&lt;\xe4\xf8k\x11ik\x9eI*t~\x96\x0e\xf6\x06-P*E\xaf\x0f\x16\xe1CM\xa7P\xf5\xd6s\x15~f#O\x1d\x87\x18\xf2\xb6\xf5ND0\x9e\x98\xc3\xb6\xac\x08\xd1\xda&lt;\x04&amp;c\xab\xa4\xa6\x03\xe5\x7f\x87\x9e\x04\x11yt|\x03&gt;\xba\x8a.\xda4\xbc\x86\x99\x92\xdf\x85\x07\xd6\xf3\xd3]\x11E\xf0X\xb91\xa0J*\xdb\xfa\xce\xa2\x83\xb1\xd0\xc4D\xe6\xf7\xf0\xddNrK\x1e\xbd$\xfd\x12n\x8cz\xcc\xee\xb5\x1c\xf4$\xff\x06u|\xd1\x80\xcd\xefh\xbd0\xb9(L\xf1~\xa4\xed%&gt;1\xe2?\xaf\xc8\x1d\x96[\x86\x8c%v\xfaJ\x10\x05\'\xec%,O\xbf\xb2z5\xe6\xd2\x9a\x9f\xe9\xa7\xdf\x7f-\x0f\xa8I)\x85\xad}\xdfpf\xc1^k\xc42\xf8\xbc\x90\xd9\x1d-\x96\x02\x17\x19\x95\x1c7\x1dH\xa2\xee.6l\xc2\xed\xb2\xf2\'?\xe1*\xe5\xf8\xbal\xe4\xda\x1f\xe0\xae}\xda\xcb\x83\xfa\xe4\xa8\xc6\xaa\x82\xa6\xf3fe@\xef\xfd\xe0.\x90\xa0xU\x8a\xb7\xf8\xa0Jz\xf6&gt;B\x9ec\x1cZ\x0c\x8dH.\xfe;\x88\xc6\xe3\xe7l\x1dZ\xef\x87VR\xe4\xae1\xcd\xd9\x8a\xab\xcb\xb3\xd4\xa5\t\xaf\xe4\xc8\x1asp8\xeb\x91\x11\x8d-~\xde\xe4\xf8\xca+\x04\x8f\x84\n\x96K\xe6b\x97\xec\xef\xee\x83\x1a%\xd4e#\xb8\xa1\xc3\xa9gX\x86\xc72\x0ex\t\x14r\xd7\x81dAH\xf6\xe3\x03\xb6j#N\xd6\x12v\x8e\t\xb6Rw?J\xe3JaN\xe3\x0b\x04\xca\xbeT\xe9w\x08\x92\xcaw\x94w\x10\xce\x1e\xf1\x17\xb0\xea\x9e\x14\xcc\x1fu2\x0c\xaa\x8b3\xfb4\x92\xf4\xbd~e\x8e&amp;I\x85\xd8Ax8\x93U\xa4&gt;\x15\xb9R\xf9\xe3\xb6\xed?\xa6\x97\x9e\xc4\xd6\x7f;\xc8\x0c\x0eW\x08\xbf$\x19H\xa3\xec4\xa71\xf9B\xee\x1bv\x9c8^]z\xce2\x0fTP\xf3&lt;c\x84\xfc\x9e\xdd\xcb+\x81 \x84\xa1Y\x80\xfa\xe9=\xb9\x10\xe2\xee\x15zM\x19\xa0\x10\xcb\xf9\x87\x94NH\x9c\xf7\xe7SwI\x9ew\x15\xa1z#\x0clcU\x7fJ\xe0J}\x00\x17\\\xa6\x17U\xcb\x161\xc1\x0f\x08}\xa5\x9d\xaa\xc3{\xd0Z\xff\xc3\x9a5UJ\xe8\x95\':\xd8n\xad.\x83d5\x18Q_\xc5\x9d\x04db\x14\xb97\x07r\xe8nJ\xa5\xa2\xe2\x9f\xf7\xcaP\x1c\xbb\xa3\xe0\x11\xd6I\x0c\x025L\x1f\x127\xd43\xb3Y\xb6d\x97\r\x17\x98\xc7\xe5\xcc\x97\xdc\x7f\x9bj\xdca\xdeM\xd7\xbd\xf33=\xc7\\\xde\x90\xe0\x9a=&amp;}\x91\x1a\x03\xfd#&amp;3 \xc3\xb8\xae\xcb\x02\x12\xaa\x92\xf5\xe8m\xd5\x97\xec\xf9.@N\x83\xe1\x8a\x84\xdb]n\x87\xc3\xe0\x95\xf1&lt;\xfeuom\x8a7\xeb\xec\xa3\xc7a\xdd\xbb\xa3&amp;\xf7\x0e\x85\xe2i;\x1e\xc4\x93\xbcv\x9a\x95\x92\xb3M\x98\x93p\xa0\xd2\x0e\xdcF\xca\xef\xd7\x8c\x0bW\xad&gt;]\x15\xb7s_\x9cb\xdb\xa2\xd0;h\xady\x1c\x1a/\xefF\xacA\xe4\xfa 3W\xd0\n\x1c\xdcX\xdc7q/\xf8$\x08\x92\xd3Q\x01\x9d\xf3\x81\xad\xba\x98\xde\x8by\xc5\x17\xa9~\x9c3Bu\xe5R\xef\xa2\xee\xd0\xe7\x04\xbb2\x10&gt;\x85\x1c\\t\xcaz:\xc6\x94\xbc#\xfb\x8c`\xc8v\xf9\xe6Z\x96\x91[\xdb\xff9\xbfH\xf9\xcbr\xcc\x0f\t3z\x96\xc9\x050\xfd\xa9\x8c\xe0I\x1b\xe3\x81\xec\xe6\x9fh\xd0j\xfc\x97\x08\x9a\x15\xf1RVH\xb6\x0e&lt;\xdcu\x08\x15qzc\xbe\xc9T\x00ti\x8ak5\x1a\xfd2f,Q-\x87#i\xeb\xc1\x9f\x0f\xf7k\x10\xa29}\x87llsb\xd3Sx\xed\xfe\xde%\xaf\x13r!\xfe\x8e\xd9b\xa2\xe1 \xd51\'\x91\xf5;\x02\x0b\xe2\xdba\x01M\xa3,H\xd4\x1c\x13\x95l\x90\xde\xe1c|Ukp6\xf4\xb0\xd1$\x14N[pH\xb1\xe8\x80\xaa\x8e\x0b\x12}\x9a\xf0\xa2?\xb9F\xbcU\xae\xcd\x89\xcd\xb7\xf3|\x1e_95\xc0\x07\xef0\xf5\xd25K\x92\x80\xc5|\xb8\xb2D\xdf\x11\x0b\xae\xe8a9\xd0\xfa\x03V\x87\xb6\x87\x98\x03\xca\x953+*\xb2\x9f\x83\x07]\x0e\x91\xea\x01\xc6-\xe1\'\xd3u\x15\xc8\x90x\xdf\x7f\xde}?\xfaZ\xff\x7f\xe8th\xbe\xe7he\xc7/9\x16\xdex^\x04\x08\xbf\x99\xa5\xb7\xc6\x19\x97Sk\xf2\xb7\x18!\xf1\xb3\xc0\x80\xef\x1b\xba6E\xf0\xf7\xcb\x85]\xd6\xc6R\x11\x04\xa9\xd8\xd5\xe8\xb2p\x1d\xc0hN~\t\x89\xcf\x88\xdbY\x91\xa7\xf9\x7f\x0b\xb3\x89P\xa8\x08\x88 \x85\xfaB\xe1\xe8\xf0\xd0\xa5:P+t\xadt\xb8`\xf4\x7f\x1e\xa3\xa8\xe4\x0f{ctrC\x16\xa9\xfd\xe1Q\xed\x01\xc6\x0e\xe2\xbfk\r\xddG*\xcc\x00\xe6\x16\x01\xe7\xfb\x1dG\xf6\xb3y\xc7\x8b\xe3\x05\xf8l\xa3r9\x80\x02P\xa5S8\x02\xbd\xac\xa5\x9bln~\xc7\xe8R-\xd0\xfbo\x0c=I\x9aA\xa2\xd4\xe5a#\xe3\xfb\xb6\xa5"i\xd7$\xe9\xaf-*\x1ft\xb88)\x1eQ\xf1JY\x13B@\xfaR\x9e\xa1\x7f\xad;\xc5\x8bX\xc2\r\x7fZ\xd3E\x03y0\xe4;\xb0\x03\xc4\x05\x14\xd9/{2\xaa\x18\xb1\xe2\x0f\x15\x94\xe3\xf8\xd5\xc9\xbb\xd4\xd5^\xef \x1a&lt;\x0co\x04S\x82Z\x84\xb4\xd9\xd9\xcfz*\x19\xc68\'c\xfd\xb4\xb7n\xa5\xb8\xd5\x14WJ$\xce\xcf\x9e\xcfG\x17\x9eYQ\x18\xc6n\xce\xd3y\xd6\x82JF\xd1\xc4,\xe9#\xed[-\x17=\xe6\x13\xf2\x1f\xef\x12&gt;o\xda\x040\xccv\xe0cX\xdd\x9bJf&gt;\xce&lt;]\xbe\x8d2w\xbbn\x8d\x99\xc0\xb0@\xb3\x92\xfe\xc3\xe4\xe4\xcf&lt;\x03\x12\x02\xcb \x85\x1f#CQi\x8f\xafo\x17\x18s\xb1\x8c\x04\x8d\xcd\xf4\x0br\xfd\xfe\x05v\x10&gt;\xd0\xf1+\x94I\x08DJc\x93\xc9|\x93\x0e\xef\xde\xc6\xf5L\x81\\\xcb\xc5&gt;\x8e\xac\xfa\x92\x8a\xe9\x1b\x8c\x17\xb6\x92_\xf9=\x98;r\x08\r4\xedD}\xe0fX"n\x0b\xea%\x1d\xb8\x94\xdcCR\x17\xc5\xf3\x18|87V\xe7\xbcb!\x0e+I*_\x9d\xffPe\x14\x1f\x8e&lt;@\xc4\xf2\xa4=\xfa\x83R\xc1\xb0\xc8/g\xb1\nO\xe4\xa3\xbc+\xf0\xad:\x16}L,L\x15rl\xb8\xf2\xa7\x81\xa1\xe0IeF\x8d\xa5\xa3\x85\x85\xd6jx\x04\x0c\xbfr]\xb8\xb0\x06_\x90\xde\rz\x1c\t\xa5\xb1 K\x17 \xb6K\x19\x1a\x9c\xef\xa4\xfe#?\xb1\x13\xf9\\\x1f\xe9\xc3q\xa9\xdcAA\xbf\x94M\xa5\xe7\xd6C\x9dj\xde\x04\xb6\r\x14\xae\x17\x1b\x15]B\xe4\xd4L\xaaf\xfc\xcbb\xcdZf\x92\xddk\xa9\xe4\xb4\xbaNt\x87`.\xa6\xbb\t\xf3\xf6\x89q\x8c62~M\xee\xb7\xd8k\x14C \xafE\xd7F\x06\xb2\xfd_\x98\x81\xc5\xa3S\xc2\xbeO\x95J8\x86\x1e\xb2\xb8u1c!7G\xf7,b\x05\x89\xa2\xb7i\x1d\x99\xb2\x8f\x07\xff\xb5\xcf\x95\xaa9\xd5\xae\xf9\xc67{\xe3\xa9P\\\'\x12\xcd\x1b\xb0\x04i?n\x0e\x12\xd1\xf2Ou\x11\'\x8e\xf4\x1f=PQO&gt;\xa2\x9f\xfc\xa6\x19;\x17\xd8\x11\xe5:\xaf\x84+\xd4\xab\xa1Se\'-\x08\xaf\x88\xb4~\xa0=\xaa\x8c\xab\xcb\xb5ox\xbf\x81\\\xe4\x16\x82$\x8f?\x03\x983,?\xec\xc4\n sP\xb9\x84\xc4\x08\x03!\xe0;\xaf\xb4`\xf0\x10\xbe\xe6\xd3\x92\xf2\x82\xf2\xfd\xc8\xb2\xb3$xs}\x8e\xb7%\xcf/\x9ep\xf12\xfcja\x94\xa3[}\x81\x82\xfa*\xe0P!%\x85=\xc1\xaf]R\x07\xc6J^&gt;\xc4o\xbb]\xf7\xe6\x17 (\x9cr)\x9bl\x97l\xa8a\xf5\xa0\x87\x14\xde\xa0\x18&lt;\x86\x8d\xb8\x8f\xbbG\x9f\xf4\xaa\xb9o\xdbQ\xce\x1b\x86&gt;d.\t-j\xf3\xdf\xe4\x80o\x10\xc4\xa8\x17\xb9tG[7\x9a\x1b\x1e\x85\xea\xaf\xea\xe0*\xc1XQ\x8b(\xf6H\x06Ce\x98\x03\xb1\x99p\xb7%\x8d\xed\x0f\x99*&gt;\xc6\xe7BK\x08\xfa\xa5\xa7\xa3\xc4\x9e\xb3N\x07F\x96HC\xf0$\n\xe8\xa77F`U\xba\xa4x\x08\xecK\x02N\xdd};\xad9\xc8\xf3\x9c\xd68\x1b\xfb\xb2f\xc9\xdb\x15\x81\x0b-!&lt;)\x1fz\x1f\x8e\x8d\x8d\xcc\xea\xbc\x9dqpXa\xa1\xcc\xaf\xfe\x92x\x08;3\x0f+\x19\xc1\x0e\xe8\xb6\xab22\x15\x94\x13bX\xf0M\x02,\xd4\x0cN\x93\x8b\x91\x13\xb3 \xe1hs]\xd8v\xb0m\x1fq\xd9u\xa3\xec\xd7(\x1c\xf2\xcbe\x1cEbj\xb0Hp\x1d\xact\x9fM\x8e\'H\x82U\xb0\xae\xee\xab\x9bN\x83-\x06~t\x94\x1fu\x17\xb8\x87\x90\x1a2\xe6\x06\x8fg\xe8D*\xb5\xa0\xcdo\xb0$\x169\xd1\xdeg-\xd5\xecq\xd0\xc62\xde\xc5Az\xd3\xfa\xe5\x95P\x12\xe3\x17\t\x0b'</t>
  </si>
  <si>
    <t>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</t>
  </si>
  <si>
    <t>b'\x19\xc8c/\xc3\xbe3\x9e\x1b%S\x91\x1e\x86\xebS'</t>
  </si>
  <si>
    <t>induced current in the square loop flow,
  and what total charge passes a given point in the loop during the time this current
  f
  lows? If you donâ€™t like the scissors model, turn the current down gradually:
  I (t) = (1âˆ’Î±t)I, for0â‰¤t â‰¤1/Î±,
  0,
  a
  s
  I
  a
  FIGURE7.29
  for t &gt; 1/Î±.
  Problem 7.19 A toroidal coil has a rectangular cross section, with inner radius a,
  outer radius a + w, and height h. It carries a total of N tightly wound turns, and
  the current is increasing at a constant rate (dI/dt = k). If w and h are both much
  less than a, find the electric field at a point z above the center of the toroid. [Hint:
  Exploit the analogy between Faraday fields and magnetostatic fields, and refer to
  Ex. 5.6.]
  Problem 7.20 Where is âˆ‚B/âˆ‚t nonzero, in Figure 7.21(b)? Exploit the analogy
  between Faradayâ€™s law and AmpÃ¨reâ€™s law to sketch (qualitatively) the electric field.
  Problem 7.21 Imagine a uniform magnetic field, pointing in the z direction and
  f
  illing all space (B = B0 Ë† z). A positive charge is at rest, at the origin. Now somebody
  turns off the magnetic field, thereby inducing an electric field. In what direction does
  thechargemove?16
  7.2.3 Inductance
  Suppose you have two loops of wire, at rest (Fig. 7.30). If you run a steady current
  I1 around loop 1, it produces a magnetic field B1. Some of the field lines pass
  16This paradox was suggested by Tom Colbert. Refer to Problem 2.55.
 322 Chapter7 Electrodynamics
  Loop 2
  Loop 1
  B1
  B1
  I1
  B1
  FIGURE7.30
  Loop 2
  Loop 1
  r
  dl2
  dl1
  FIGURE7.31
  throughloop2; let 2bethefluxofB1 through2.Youmighthaveatoughtime
  actuallycalculatingB1,butaglanceattheBiot-Savartlaw,
  B1=Î¼0
  4Ï€ I1
  dl1Ã—Ë† r
  r2
  ,
  revealsonesignificant factabout thisfield: It isproportional tothecurrent I1.
  Therefore,sotooisthefluxthroughloop2:
  2= B1Â·da2.
  Thus
  2=M21I1, (7.22)
  whereM21 istheconstantofproportionality; it isknownasthemutual induc
 tanceofthetwoloops.
  Thereisacuteformulafor themutual in</t>
  </si>
  <si>
    <t>b'TOzM\xd7\xc4\xf2\x1c\x17\x9bS\t:\x9c\xbf\xc3\xdfR\xbc\x16\x88\xa6\xd0K/z\xc6@\xc0(\xb0\xa8'</t>
  </si>
  <si>
    <t>544f7a4dd7c4f21c179b53093a9cbfc3df52bc1688a6d04b2f7ac640c028b0a8</t>
  </si>
  <si>
    <t>b'TOzM\xd7\xc4\xf2\x1c\x17\x9bS\t:\x9c\xbf\xc3'</t>
  </si>
  <si>
    <t>int
  of stable equilibrium). As long as the displacements are small, the higher terms in
  the series can be neglected. Geometrically, all I am saying is that practically any
  function can be fit near a minimum by a suitable parabola.]
  Electron
  x
  E
  kspring
  FIGURE9.21
  z
 420
  Chapter 9 Electromagnetic Waves
  Meanwhile, there will presumably be some damping force on the electron:
  Fdamping =âˆ’mÎ³ dx
  dt .
  (9.152)
  [Again I have chosen the simplest possible form; the damping must be opposite in
  direction to the velocity, and making it proportional to the velocity is the easiest
  way to accomplish this. The cause of the damping does not concern us hereâ€”
  among other things, an oscillating charge radiates, and the radiation siphons off
  energy. We will calculate this â€œradiation dampingâ€ in Chapter 11.]
  In the presence of an electromagnetic wave of frequency Ï‰, polarized in the x
  direction (Fig. 9.21), the electron is subject to a driving force
  Fdriving = qE = qE0cos(Ï‰t),
  (9.153)
  where q is the charge of the electron and E0 is the amplitude of the wave at the
  point z where</t>
  </si>
  <si>
    <t>b'soN\xe6(\xces\x98\xc2\x84\x94\xd0\x95\x86\xa7\xc5-\xe5\x18\x8a\xe3h\xd2b&lt;\xe6\xd5\x9d/\xf1\xf3\xca'</t>
  </si>
  <si>
    <t>736f4ee628ce7398c28494d09586a7c52de5188ae368d2623ce6d59d2ff1f3ca</t>
  </si>
  <si>
    <t>b'soN\xe6(\xces\x98\xc2\x84\x94\xd0\x95\x86\xa7\xc5'</t>
  </si>
  <si>
    <t>itywas
  (r Ã—g)z =âˆ’Î¼0nIQ
  2Ï€l ,
  which is constant (independent of s). To get the total angular momentum in the
  f
  ields, we simply multiply by the volume, Ï€(R2 âˆ’ a2)l:9
  L =âˆ’1
  2Î¼0nIQ(R2 âˆ’a2)Ë† z.
  When the current is turned off, the changing magnetic field induces a circum
 ferential electric field, given by Faradayâ€™s law:
  âŽ§
  âŽª
  âŽª
  âŽª
  âŽ¨
  E =
  âŽª
  âŽª
  âŽª
  âŽ©
  Thus the torque on the outer cylinder is
  âˆ’
  âˆ’
  1
  2Î¼0ndI
  dt
  1
  2Î¼0ndI
  R2
  s
  Ë†
  Ï†, (s&gt; R),
  dt s Ë† Ï†, (
  s &lt; R).
  Nb =rÃ—(âˆ’QE)= 1
  2Î¼0nQR2dI
  dt Ë†z,
  and it picks up an angular momentum
  Lb = 1
  2Î¼0nQR2 Ë†z 0
  I 
 dI
  dt dt =âˆ’1
  2Î¼0nIQR2 Ë† z.
  Similarly, the torque on the inner cylinder is
  Na =âˆ’1
  2Î¼0nQa2dI
  dt Ë†z,
  and its angular momentum increase is
  La = 1
  2Î¼0nIQa2 Ë†z.
  (8.34)
  So it all works out: Lem = La +Lb. The angular momentum lost by the fields is
  precisely equal to the angular momentum gained by the cylinders, and the total
  angular momentum (fields plus matter) is conserved.
  9The radial component integrates to zero, by symmetry.
 8.3 Magnetic Forces Do No Work
  373
  Problem 8.8 In Ex. 8.4, suppose that instead of turning off the magnetic field (by
  reducing I) we turn off the electric field, by connecting a weakly10 conducting
  radial spoke between the</t>
  </si>
  <si>
    <t>b'\xb7\t\x83\xba\xad\xb7S-@&gt;\xe6\x91\x1dV\xb1\xbd\x15CO(\xf6h\x8b_\xf4\n\x8a\xf2\x02\r\xaee'</t>
  </si>
  <si>
    <t>b70983baadb7532d403ee6911d56b1bd15434f28f6688b5ff40a8af2020dae65</t>
  </si>
  <si>
    <t>b'\xb7\t\x83\xba\xad\xb7S-@&gt;\xe6\x91\x1dV\xb1\xbd'</t>
  </si>
  <si>
    <t>s signed up, not to attract all people of
 Earth. This is why successful network businesses rarely get started by MBA types:
 the initial markets are so small that they often donâ€™t even appear to be business
 opportunities at all.
 3. Economies of Scale
 A monopoly business gets stronger as it gets bigger: the fixed costs of creating a
 product (engineering, management, office space) can be spread out over ever greater
 quantities of sales. Software startups can enjoy especially dramatic economies of scale
 because the marginal cost of producing another copy of the product is close to zero.
 Many businesses gain only limited advantages as they grow to large scale. Service
 businesses especially are difficult to make monopolies. If you own a yoga studio, for
 example, youâ€™ll only be able to serve a certain number of customers. You can hire
 more instructors and expand to more locations, but your margins will remain fairly
 low and youâ€™ll never reach a point where a core group of talented people can provide
 something of value to millions of separate clients, as software engineers are able to
 do.
 A good startup should have the potential for great scale built into its first design.
 Twitter already has more than 250 million users today. It doesnâ€™t need to add too
 many customized features in order to acquire more, and thereâ€™s no inherent reason
 why it should ever stop growing.
 4. Branding
 A compan</t>
  </si>
  <si>
    <t>b'\xacB\x9f&amp;\x05\xef/7\x10\x02kVA];\xf3~\xab\xa0rG\xa2\x91\x1f\xd9\xb6UM\xa8\xbc\xd99\xe0w\xfd9\xf7\x11\xd7\xfe\x92wW\xff\x8bFhM\xa7:\xae\xd8$\xe5:$Q\xa7u^6v\xfdKF\xa6\xe4J\xeb\xd5@\x87\xe3\x92\xc8\xf1U\x88op\xfcy\xc0\x06\xda{\x87q|\r&gt;\xf8\xba\xdcF\x89\xa6\xf3\xc6n\x10\x90\xa2u\xcd\xd7u}yg6\t\x17\x9e\x94Gu\xc5f\xd3\x11\xbcsxebo\xad\xd2a\xb8\x97\x9f\x12\xbdT.\xe8\xd4E\xed?\xee\xd0\xac\xaa\xdb\xcb\xc7\xb6\xf3\xcb\xbb\xf4\xf6Y\xb9]\x04\xfa\x1e\xf57\xcf\xec\x16\x85\x0f\x82\xa0\xf7\xb3\xb0\x99*F\xe9\xa1\xfb^\xa0\xa8\x98\x00\xc0\x04\xafw\x85\x833Di\x8f\xdc\xdftxt\xa5h\xc6\xd7V-vk\xcd\xcf\x03\r&amp;\x8e\x83\x18\x99,\xbd\x9f\xda\xefSH\x9e\x00i(W\x10{]10\x05\xab\xcc\xed\xf4(c\x04d Y\xa4\xc0\x10\\\xe4\x84\xd1r\xde\x9c5LZ%U\xe0v#xa\x978\xda\xa7|e\xd8de$\xde\xdd\xad\xe4\x107\xc5\xfcy\xee\x06s\xe0\xa4\xfb&lt;v\xda\xf4f=P\xa9\xab\x0e\xa5\x84W5Ry\xbb\x13\x86\x88G\x1b\x96\xf2\xca\xc26\xd3I\x97\xc2\xb0\x84:\x7f\xe8\x00$H7a\xb7c4\x03\xe5\xfbw\xc3yG\xf6:T\x0f|\x89g\xf7\x18\x80%\xc8D\x04s\x02\xe3\xe6s\xde\xe7\xde\'\xe7\x90\x1f+q\xaa\x88b\xd6u\x8cD\x973J7\xfcp+\xa6\xb2b$\xed\xca\x1f1\xd7\x8d6\x1e4\x15\xdc\xa0RYuJM\x81\x9a\x9f\xd7\x8d\x17\xce\x8a!A\xa7pB$U\xa2\xbe\xa2=&amp;_\x9ebK\x06\xc1\xccL\x8fJ\x1c3\x9c\'z{\x03\xb9\xef;4\x0b\x15\xd1KXL\xd5]\xc1\x94\xb9\xd6&gt;[\xbb-u\x02\xc8\xb7\x88\r\xb2\xe6\xb1\x91\x05b\\\xc7\x06c\x94?\xda`B\x95\x86\xa8\xa3\x17.\x1f&amp;\x10{\x8e\xe4\xae\x18M\x04(\xe7ywC\x7f\x8c\x87\xbb\xf7C\xe2Q\x03^V\xb9&lt;\x9c\xfd\xe7\xe7\xa3\x8d=+d(\xc4/g\x12q\xa6\x95R]\x86\xac\xac\x1aLU\xeb\xd6\x0c\x92\xe7&amp;\xc7\xf7\t\xc3H\x81\x89a5\x88V\xcc\xaa\x89[\xc0~g%A\xc3!U\xe8\xa5\x8b\'\x93Voo\xb7\xfc\x81\xe9\x07\xbfy\x16\x03Lm\x1a\xf3Ku/+vG@L\xab\x02\xb5\xe4\xe7x\xa5\xc3B7\xec=\xe2\xa8\x8f\x00&lt;2\xbf\xf3/\xf4\x13ZV\x99\x86\xfe\x1a|b\xd3\xfd\xe9\xb5u+}[\t\xd09\x18m\x108\xba\x8f\xe19o\xefF\x00\x07\xd9\xc1\xa0%a\x8eO\x1c\x08\x01p\x95\x04\xa1\x17W\xd6\x0e\x0fMac\xc0\xa8"\xe19^\x9f3\x0e0~\xbbc\xc1w\xa1`\xee\x86W"lZ\xd1S\x87\xb3jHx\xe7\x9a\xfd\xd4\xbf\xdb\xdd5\x00CW}\xean\xa1\xaeA\x7fIka\n\xe7&gt;y\x90\x81b \x1e\x95\x8e\x1eZfzD\xdfz\x07\xe3O\x9e6\xd3u\xb5\xce\xd3i*\xd4F)\xee\x7f:I\xb9\xbfr\xb1\xa7-\xea\xed-\xf3\xab\x8ep\xb3\xc2\x1b\x0e\n\xc4\x08\xf1\xf2\xafh\xe8aa]a\x8a)\xa8\x05\xc0v$\x80\xe1\\]\xcd\xf6\xf3\xeb\x92\x1b\x9b6\x1d\xe2y\xfdf\xec\xcb\x90:\x17\xa5j\x93\xc1\x9e\x90\x89Y\x82\x8c\xba\xbb\xbc\xe2\x0f\x16\xbf\xb7\xb8"\x0f$Q(@\xce\xe8\xfd\xe8})\x18\xbc\x1a\xff\x97\xee7\xe1\x99\xc2A\xf8#\xa2s\xe9\xe6\xfap\x1a(\xf7\xb4\x80\n\xf1\x1b\x00\xdaC\xae\xd2\xc5\xfd\xd6\x8c#\x14w\x9b%\\m\xd2$,\xe8\xd3\xb0\xd8\x82/s\xc2\n;\x19\xe3}\xba?Kt\x8d\xe9;\xfb\xcc? m\xbf\x9avfS+\x90\x90\xd2\xba\x95j\x03\x0e\x02\xe7\x87\xee`\xf0T^\x1a\x94\x97x\xd1@\x99\'S;\xb1\xbck\xfe\x10#5O\xd1\xedp)&lt;\xec\xbf\x08\xf2S4O\xb7Fp\xc0\x11\xc9"$\x9c\xc9\r;\xfc*\x8a\xc3G{\xc18\'+\x8d\x93\xf1\xc7\x95\xc2\xc6\xc5[%\x8a\x03P[\xdd\x07\xadf\n\x85K\x86 \x81\x8ey]E\xe7\xbe\r\x0b\xef\'\xf3\x01\x16c3\x8cX \xf0\\\xc0\xeeWm\x95\xafCN\x06)A\xb2V\'\x7f\x1d\x99\x06\xd6\xc4\xa8\x18\x1f*\xa3K\xf3\xb2\x84Ym7o\xc0$g\xedK2L\xa7\x84\x8c\xfc\xb2\x13J\xc2\x16\xccH\xb6(\n\x9a\xcb{&lt;\x86J\xc4=\x8e\xf2\xb7Q\x89B\x84\x0e\xcdMbo\x83\xb4\xb2\xd5\x11\xb2H\xc2\x16\x97.nu\xb2\xd3{|\x89\xfb\x7f\xcb\xf6&lt;&lt;&amp;\nV\xe6FRf\xc6\xc56VE\x80\xf9\xcd\xb5\x0f\x10\xc7I\x80x\x91\n\x12\x1c&lt;C\xefg\xd9\xa4\xf0\x99\x95\xc9b4\x87M\xa5\xa3I\x1bt\xbb\x99\x1d\xc4Z\x8e\x08\xbb\x02\xb0\xfd=::\xab.z\x958\x19\xd7P\xac\xc1]t\x862\x99\x8a\xf2W\xeb&gt;\xd8\x90&amp;\xa6\xb0-=\xbcW*O\x88\x86\xaa\xe7\xd2\x0c &amp;\xc9\xd7\xe4I\x91A\x01\x99\x84\x95\xa8\xc9\xaa\xcb\x8d\x06\x0f\xf6\xf7\t\xf5\x9c\x9a\xb7\xcd0\xd6\xb3\x8d\x03\x1c\xe0\xf2t\xce\xd5\xa3\xd9K!\xfbJ\xd13\xc4\x92\xbb\x18X&gt;\xea\xf5\xfdCc\xf7\\\xcb2\x9e\x1cw\x1dV\x13q\xea\xd1\\*\xe5I\xdd/\xe0=1\x8cF\xd3\xe7\xf7\x12\xf9\x9f\xf0\x95\xdc]\xfap\xebi\x9eDi\xac\xf5x\x16\xfe\xe8\xb4\xa6`C\x17&gt;\xf2B:o\xa1\x11\x10\x9b\x07@\xc8\xfe5\xdd\xd7\xb1\xcd&gt;\xe3u\xcd\xdb=\xb4\xe0\xb4\x88^\xda\xe3\xea\xa7\xfa\xba\x0c\xa3o\xb5&lt;0\xf5~srK\x94N\xeb\xf7\xc0\x16 \xf7\xa9\xf8=\xf9\xa1\xedb\xb5\x8aQ\xf6\xd5\xcc'</t>
  </si>
  <si>
    <t>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</t>
  </si>
  <si>
    <t>b'\xacB\x9f&amp;\x05\xef/7\x10\x02kVA];\xf3'</t>
  </si>
  <si>
    <t>at she said. Then
 he made it out. She was saying that she thought she could get well again if
 children believed in fairies.
 Peter flung out his arms. There were no children there, and it was night-time;
 but he addressed all who might be dreaming of the Neverland, and who were
 therefore nearer to him than you think: boys and girls in their nighties, and
 naked papooses in their baskets hung from trees.
 'Do you believe?' he cried.
 Tink sat up in bed almost briskly to listen to her fate.
 She fancied she heard answers in the affirmative, and then again she wasn't
 sure.
 'What do you think?' she asked Peter.
 'If you believe,' he shouted to them, 'clap your hands; don't let Tink die.'
 Many clapped.
 Some didn't.
 A few little beasts hissed.
 The clapping stopped suddenly; as if countless mothers had rushed to their
 nurseries to see what on earth was happening; but already Tink was saved.
 First her voice grew strong; then she popped out of bed; then she was flashing
 through the room more merry and impudent than ever. She never thought of
 thanking those who believed, but she would have liked to get at the ones who
 had hissed.
 'And now to rescue Wendy.'
 The moon was riding in a cloudy heaven when Peter rose from his tree, begirt
 with weapons and wearing little else, to set out upon his perilous quest. It was
 not such a night as he would have chosen. He had hoped to fly, keeping not far
 from the ground so that nothing unwonted should escape his eyes; but in that
 fitful light to have flown low would have meant trailing his shadow through
 the trees, thus disturbing the birds and acquain</t>
  </si>
  <si>
    <t>b'X\xd1\xfb\xd7#\x04WA'</t>
  </si>
  <si>
    <t>58d1fbd723045741</t>
  </si>
  <si>
    <t>with mingled awe and
 expectation, hope and fear; and again the melting sweetness of the lute
 507
 was heard, and the same solemn-breathing voice. Convinced that these
 came from an apartment underneath, she leaned far out of her window,
 that she might discover whether any light was there; but the casements
 below, as well as those above, were sunk so deep in the thick walls of the
 castle, that she could not see them, or even the faint ray, that probably
 glimmered through their bars. She then ventured to call; but the wind
 bore her voice to the other end of the terrace, and then the music was
 heard as before, in the pause of the gust. Suddenly, she thought she
 heard a noise in her chamber, and she drew herself within the casement;
 but, in a moment after, distinguishing Annette's voice at the door, she
 concluded it was her she had heard before, and she let her in. 'Move
 softly, Annette, to the casement,' said she, 'and listen with me; the music
 is returned.' They were silent till, the measure changing, Annette
 exclaimed, 'Holy Virgin! I know that song well; it is a French song, one of
 the favourite songs of my dear country.' This was the ballad Emily had
 heard on a former night, though not the one she had first listened to
 from the fishing-house in Gascony. 'O! it is a Frenchman, that sings,' said
 Annette: 'it must be Monsieur Valancourt.' 'Hark! Annette, do not speak
 so loud,' said Emily, 'we may be overheard.' 'What! by the Chevalier?'
 said Annette. 'No,' replied Emily mournfully, 'but by somebody, who may
 report us to the Signor. What reason have you to think it is Monsieur
 Valancourt, who sings? But hark! now the voice swells louder! Do you
 recollect those tones? I fear to trust my own judgment.' 'I never
 happened to hear the Chevalier sing, Mademoiselle,' replied Annette,
 who, as Emily was disappointed to perceive, had no stronger reason for
 concluding this to be Valancourt, than that the musician must be a
 Frenchman. Soon after, she heard the song of the fishing-house, and
 distinguished her own name, which was repeated so distinctly, that
 Annette had heard it also. She trembled, sunk into a chair by the
 window, and Annette called alo</t>
  </si>
  <si>
    <t>b"&amp;\xb1q\xc1p\\\xbbn\x05'I \x8en[\xa1\xda\xc3S5\xb9\x1d/)\xad\x11\x0e\x0f\xdft2c\xa88\t\xe4XN1\xa7\xf7z\x9b\xdc\x8eA\x99\x05\xec\xb9\x19W\xa6#3B\x1aL\x9fI\xdc\x12\xd2?"</t>
  </si>
  <si>
    <t>26b171c1705cbb6e052749208e6e5ba1dac35335b91d2f29ad110e0fdf743263a83809e4584e31a7f77a9bdc8e419905ecb91957a62333421a4c9f49dc12d23f</t>
  </si>
  <si>
    <t>b"&amp;\xb1q\xc1p\\\xbbn\x05'I \x8en[\xa1"</t>
  </si>
  <si>
    <t>ber 2010
 This page intentionally left blank 
 1
 1 chapter
 Introduction
 You could say that the study of international trade and finance is where the
 discipline of economics as we know it began. Historians of economic
 thought often describe the essay â€œOf the Balance of Tradeâ€ by the Scottish
 philosopher David Hume as the first real exposition of an economic model.
 Hume published his essay in 1758, almost 20 years before his friend Adam Smith
 published The Wealth of Nations. And the debates over British trade policy in the
 early 19th century did much to convert economics from a discursive, informal
 field to the model-oriented subject it has been ever since.
 Yet the study of international economics has never been as important as it is
 now. In the early 21st century, nations are more closely linked through trade in
 goods and services, flows of money, and investment in each otherâ€™s economies
 than ever before. And the global economy created by these linkages is a turbu_x0002_lent place: Both policy makers and business leaders in every country, including
 the United States, must now pay attention to what are sometimes rapidly chang_x0002_ing economic fortunes halfway around the world.
 A look at some basic trade statistics gives us a sense of the unprecedented
 importance of international economic relations. Figure 1-1 shows the levels of
 U.S. exports and imports as shares of gross domestic product from 1960 to
 2009. The most obvious feature of the figure is the long-term upward trend in
 both shares: International trade has roughly tripled in importance compared
 with the economy as a whole.
 Almost as obvious is that, while both imports and exports have increased,
 imports have grown more, leading to a large excess of imports over exports.
 How is the United States able to pay for all those imported goods? The answer is
 that the money is supplied by large inflows of capital, money invested by
 foreigners willing to take a stake in the U.S. economy. Inflows of capital on that
 scale would once have been inconceivable; now they are taken for granted. And
 so the gap between imports and exports is an indicator of another aspect
 of growing international linkages, in this case the growing linkages between
 national capital markets.
 Finally, notice that both imports and exports took a plunge in 2009. This decline
 reflected the global economic crisis that began in 2008, and is a reminder of the
 close links between world trade and the overall state of the world economy.
 2 CHAPTER 1 Introduction
 Figure 1-1
 Exports and Imports as a Percentage of U.S. National Income
 Both imports and exports have risen as a share of the U.S. economy, but imports
 have risen more.
 Source: U.S. Bureau of Economic Analysis.
 If international economic relations have become crucial to the United States,
 they are even more crucial to other nations. Figure 1-2 shows the average of
 imports and exports as a share of GDP for a sample of countries. The United
 States, by virtue of its size and the diversity of its resources, relies less on inter_x0002_national trade than almost any other country.
 This book introduces the main concepts and methods of international eco_x0002_nomics and illustrates them with applications drawn from the real world. Much
 of the book is devoted to old ideas that are still as valid as ever: The 19th-century
 trade theory of David Ricardo and even the 18th-century monetary analysis of
 David Hume remain highly relevant to the 21st-century world economy. At the
 same time, we have made a special effort to bring the analysis up to date. Over
 the past decade the global economy threw up many new challenges, from the
 backlash against globalization to an unprecedented series of financial crises.
 Economists were able to apply existing analyses to</t>
  </si>
  <si>
    <t>b'0F\x02!\x00\x8a\xa2\x93\x84\xf5\t&amp;|\x88\x88\xb6\n\xc7j\xf3\xfbL\x18~\x04p\xc9gyYS\x03\x18\x99\xaaf*\x02!\x00\x8f\xafE4w\xe6\xc2\x93\xb3o*\x81\xc8R@\x10\x13\xd97\xae\xb6\x9a\xdb\xee\xf5\xcdZ\x81\xb8\xe29\xd8'</t>
  </si>
  <si>
    <t>30460221008aa29384f509267c8888b60ac76af3fb4c187e0470c967795953031899aa662a0221008faf453477e6c293b36f2a81c852401013d937aeb69adbeef5cd5a81b8e239d8</t>
  </si>
  <si>
    <t>b'0F\x02!\x00\x8a\xa2\x93\x84\xf5\t&amp;|\x88\x88\xb6'</t>
  </si>
  <si>
    <t>Worshippers evidently felt an important connection to the mythic past of
the island here. Classicizing styles in sculpture remained popular. Through the first
Figure 4.6a Statuette of the weary Hercules discovering son Telephos, found in a lateantique suburban villa at Corinth. Photo courtesy of the American School of Classical Studies
in Athens, Corinth Excavations
Art, Architecture, and Archaeology 95
century CE the city of Corinth minted coins emphasizing its identity as a Roman
colony (founded in 44 BCE, a century after its sack by Rome). Subsequent coinage,
however, increasingly emphasized the Greek identity of the city (M. Walbank 2003).
One widely circulated statue type was the weary Herakles, shown in repose holding
the apples of the Hesperides behind his back. The most famous surviving exemplar of
this statue is the colossal Hercules Farnese found in the Baths of Caracalla (Figure
4.6a). Many versions of the statue from Roman Greece, however, omit the apples,
and often Herakles is shown instead discovering his son Telephos in Pergamon
(Figure 4.6b). One could attribute this iconographic variation to a preference for
frontal display where details of the back of a statuette would be hidden in a niche.
Figure 4.6b Colossal statue of the Weary Hercules found in the Baths of Caracalla, Rome.
Museo Archeologico Nazionale, Naples, Italy. Photo Alinari/Art Resource, NY
96 Lea Stirling
Alternatively, a Greek audience may have been pleased to see the quintessential Greek
hero in a firmly eastern location with clear proof of his virility rather than bowed in
exhaustion at the western edge of the world. Pergamene myths linked Telephosâ€™
descendants to the founders of Rome, thus placing Rome into a satisfactorily eastern
context (Plut. Rom. 2). A bronze variant of this statue type found at Seleucia-on-theTigris raises questions of imperialism and identity in a different way. A bilingual
inscription in Greek and Aramaic details how the Parthian king Vologaeses took the
statuette as booty from the kingdom of Mesene on the Persian Gulf in 150 or 151 CE
and set it up in a temple in his own capital. A late Hellenistic piece, the statuette was
an heirloom by the time of its capture (Al-Salihi 1987; Potter 1991).
Epilogue
Difficult though it may be to define, Roman art offers an enticingly diverse panoply of
monuments through which to glimpse Roman society. Archaeological research extends beyond the monumental or beautiful, to the mundane objects and non-elite or
non-urban surroundings. Taken as a whole, material culture creates a valuable window on living, dying, ruling, and being ruled in the Roman Empire. It is clear that
cultural interactions between Rome and the provinces were complicated and continually evolving, involving strategies of adaptation, selection, and resistance. As we
have seen, evidence of these processes of change, however we choose to name them,
may appear in many different types of material remains. It is no surprise that as
modern societies cope with globalization, the question of how diverse peoples interacted with Romeâ€™s hegemonic power has come to the fore of scholarship.
Art, Architecture, and Archaeology 97
CHAPTER FIVE
Interdisciplinary Approaches
James B. Rives
Much of what I have reported and shall report may perhaps seem trivial and trifling</t>
  </si>
  <si>
    <t>b']3Cn)rz\xf9n&gt;\x03o\x90c\x1b\x9f3]0G*\'\xc6\x03\x16\xbe\x00\xedM\xe0\xf9\xd0q\xb9\r@e9d\xeb\xe1\x99\x13B\x80\x83x\xffO\x8e\x14\x93AS\xf8\xf3\x04\xf3\x8dl&amp;\xe0\x0e\x1eg\xc3W^R&gt;\x82\xaa\xc6Z6\xa5\t:[\xe3\xafCH}{_\x1d\r\xb3\xdcF\x0c.G\xef\xd8\x10\x01ApV\xd0s\xc4\xe7f3\xa8\x95\x9be\x01]2,\x96!{zq\xba\x9e4\n\x05\tY\xb2P-\x8a{\x89\xc8\xc5@\xfc\r\x18\x989Tv\x199\xbd\xad\x933[\xa9\xd5\xb8\xecR\xff\xf05&amp;\x8f\x15^i\x87\xb5\x98\x08\xdf\x97\xfbq\t\x9f\x95\x19?\xec\x8d&amp;\x96c\xe71\xfa\xfbP\x8eHU\xf0\x00\x89\x89\xc3\xee\xe1\xaf\xd2n\xe5\x02\\TLr\xca}\xdb\xa3]t\xe0]\x92=\x07\x9c\xf7\x9cL\x13\xdd\xad\x9c\x7f\x9c\xa3R\xf6\x8a\xb6\xc2\r\x87\x942\xd9\x1e1T\x91\xa7\xab c\x92\x11\x9c\xd8\xc4A\x97eu\xf3\x05\xb19\xb0\xe1\xab\xc4&amp;s.%\xd0oD\xf9\xbfnZ\xd5\x90F\x04\x86\xc0l\x13\xa2\x95R\xa8\x12\x05$\xbb|\xe3\x88\xc3\xf9\x0c\x9a\xab\xa9:\xa3\x02k\'\xd0\x94\xc1\xce\xb0\xa0\xf8\xcc\x8d/fPJ\xca \x9c\x192\xaf\x80}$r\xaf\xb3\xf8\xb4\x8e\xe9\x81\x05S_\x14\x1c\xed\xd5\xb7\x17\xc5\xbf"\x1f\xce\t\n\x12\xcc8E\xd5!A\xbd6&lt;VS\xa1:\xd5@3\xe4\x90:8\x13\xb6\xc11\xca\xe9b\x1c\x08&amp;\x99\x8d\x01\x18 \xab6R\x0bo9:Y\xcf0r\xb7 \x9dx\x82\xa0+.q\x02\x917\x11\xd5n\x05v\x8c\x0e\xc9\xa5\x1d\x85\xaaz\x84\xe7]N\xf9m\xb2\xf2\xcej\x00\xb7\x1eW\xa2\x12\xfa\xa1\x1c\xa9\x0f\xc3\x10\xd8\x1c\xd7\x87i\x03]\xf8\x88\x87\x94\xa8\xf1\x1b.\xb5\x8cD\x8a\xa7]\xba-C\xd52\x8au\tYo\xc0\xff\x0f\x17\xe71F\xf4m\x00\x1c\xd5\xc9\xbcN\x1d9B5ZJ;\xb8\xd21.\xaa\xdeEhk-\xff\x0e\x90\xd9V!0j\x01\xffm\x87)\rq\xe2\x87\xdd\x99\xb6\x19\xbb\xaf\x8aC\x9b\xf1\xff\x9cs+Z\x83\xf6x\x98\x81\xc2$I\xf6\xc9ar`\xc99\xb3m\xa9D\x04\x08T\xd8\xfe[?B\xd9\xb1s\xf6\x19 \xe9\t\xbf\x85\xf8\x0bZ\xe8q\x13\x82\xb6\x80\xb0\x9fR2\xfc\x15\x1fCN\x1f\x1d]%\x8d9uGl\x87\xbf\x91F\xbb\x9ap\x80\xd6\x14vp\x05%\xfd\x10\xf4Y\x93\x0bL(\xf2\xb1\'\xe4\x008x\xbfj\x8f\x92\xb6\x1a^\xd6\x94\x8aTpR\x0fF[~`\xb4\xe7\x0e?\x898\x8c\x87!\xf40)\xf6\xff\xc7\xf3\xeb\xc6\xb9TI\xf1&lt;_)\xe7\xe4@\xa4\xa7=H\x8f\xfe\xbd\x92\xc39t\xd0\xd5\xdd\xd0\xfa\x9d*\x18\xa7\xb72r\xc9fD\n\xf7qE[\xf6q\xea\xa6\xd7\xf9D\xad\xba\x8aT\xcf\x87}Y\x94| \xd0\xab\xef\x1cK\x06B\x9a&lt;\xd9\xfa\xdc\xd8\xe7ody \x91\x04\xac\xf7r\xf2g\xf3\x0f\xe8\xda\x84t!\x86\x9bq\xc0\x05D\x07Q\xc1[&lt;\xeb\xe87`\xf7P\xee\x91\x05\x15\xa2MP\xda\x03a:\xce{\xfc\x91r\x0eT\xe8yS\xa8\xf7\x01\x81\x16Y\x8d\x11aU\xa0#\xa9)\xfe\xbf\xa3\xee\xa5]\x88Qp\x98\xe1\xb9l\x8ccS\x19Ae\xcc}\x1e\x99\xbc\n\x17\xf7\xaf\x1cyz\xb9\xc8\xc0F\x96\xf5\xebJ\x06\x94\x98\x13\xe5k\xf36\xbc\x10\x908\x04;2\xddc\xd9\xa8S\x82Na\xe9\xd1\xe2\x91\xf9O\xfb\x7f\x10\x98HS\xe8\xb3\xe3h#VO\xb7\xd9\xe4\x17n W\x825|DS\xb9\xf7\x17x\x84\rT\xd3\xe95W8\x17\xaf\xf75`\x96\xb3[\xe0"K\'\x02\xec\xf9\x98\xc0\x0e\xfc\xdc\xf8\xfb\xe65\x8d\x91\xd6q[\xaa2h\x1f\xa9\x9e\xc1L0\x81\x04\xb1\xd2Z\xad\x9a\x05\x19\x0bm\x93\x158K\x15\xd1J\xaf*i\xf0%}\x1f\x9c9E\xbe\x99k\xc1\xd8\xa1\t+\xe3O\x7f9\x99\xfa-\x03\xb8\x15q\x12M\xf9,\x9e\xf5\xb2\x88\xd4z\xf8Q\xc2m\x9b+D\x91)\x89\x0f\xe2\x84\xa5{\xf4\x0e\xf3\xf7Y\xf0\xf5p+u\xf1k\x86\xaf\xe7\x13cc\xb0\xef\xc5v"\xd7\x0b=\x8f:\x119D\t\x0c\xf2\xbe\xda\x0c\xfcy\x94I\xdc!;\xfa\x1d\xc6\x0f|\xd6\xa2\xbcX\xa0\x7f\x07\xc8\x01O\xfdu\x189X\xdej\xa0\xf8id\t\xd3gv\t\x16\xdd\x13\x12\xcaX\xcc:\x19\x17\xea\xfeT\r\x12_pP8\x9d\xa8\x87e\x95\x8b(-A3\x1a\xe3\xe8\x13g\x01\xff\xc6\xa3\xbf\x9e\x88\xc8\'\xf1_\x17\x8f\x0c\xaa\xc4\xfd\x0f\xfc\x14\xd7\xcb\xe3\xf5\xf3&amp;6\xfe\xf5\x88a\x93\xb6\xd4\n\x0c\xba\xc1sp*\x98P\xc7\x1f\xc1\x9c\xe0\x1d\xe0\x91p\xcelI\xd8\xb5\xd5\xec\x85\x85\xe4\x86a\x0f]\n\xb4\xd9BIZ\xd3\x9e\xa0\x8c#O?\x02\xb7F\xb6fd\xbfg\xfc]5K\x8dr\x0b\x98\xb7\x97E\xc0\xfdd\xbfF\x0f\x01\x14\xee\x82j\xac#\xc3\x9f\xbbA\xb5\xa8\xefU\x86\x1a;G4(\xfabT\x9f_F+\xac\xd0\xa2\xcc\x8b\x84\x85$\x84GY8\xa5\x16\x8f@$=\x87K*$\x95\xb02L\xba8E\xab\xb7\x05\x9a3\x16B9U\x05\xdeE\xac\xd7\xe5Yw\xb3\xe3\x12\\\x02K\x8a\xce|u\x9a\xb1\xa2JP\x9d\x8c\xba\x12\x12\x0e\x97\x9c\xca\x87\xdeX\r\x8f\x96\x96Yd\xba%k\xe0\xb3^\xf8\x1di\xd9\xc5\x93@\x87\xec\xc1\x80\xa0l\xf0\xb6\x7f\x1a\xd3M\xbd=v;\xe3\xc5,\xe3\xbcr\x1dj\x086\xdb\x1c\xa0\x15&lt;\x12\x96\xf9\xdaVs\x99\xc7\x19\x06\xd2\xb3\x88+\n\x93\x17m\xb0Q\x9f\xa4\x9a~\x95\xd7X\xef\xd3\xcf\x08\x90\xc6\x91d\xfa\xd2r_&lt;\xd1w\xad\x00\xa6\x89\xaf\xccOQ\x89D#&lt;\xcaa\xbc\x93}d%\xa9\xf7r\xba=\tW\xb8b\xa4\xf3(\xce\xa3\xc2P_\xd4\xd7\xa9\xb2\x14\xed\x8e3\xec4/&amp;\x1c\xf3\xad\xe7]\x0e\xca@D\xee\xf5\xcfQ"\xd0\xe8\xfc\x92\xa0=\xc1\xb2\xb4\x04\xc7\xba\xd3\x07m1[\x0e\xe4~\xea\xbc\x1e\xc0-\n\x8f!\xf3\x9ba\xfe\x81\xe1\xf1\x95\xa9F\xb5\xa8\xcb\xd4;\x08\xca\xd2-\xf5f\xec\xc6\x84\xe6\x19*?\x05\xfc\x14\xf9[[\xa7\x8c\x85\xc1\x1a\x06N$\x8a\xc3\xbe&gt;\xac4\xf0\xf2\x84\x89g\x0c\xf3\xf6\xe3^\x1e\x17m\xe2\xe7\x956Do\x04\xca\x88Zyb\x96\x01\x92@\x01B\xa5\xc1\xe0\x85\x16\xc9t\xf6 d\xc9\xec\x1aw8@~\xfd\x03&gt;\xc9\t\x8bd\xf1z\xe6\xcc\xb58\xb9\x15\x02sW\x911jK\xdf{{Q\xf3\xf6\xd9\xf7\xa2\x89U\xf0\xee\xb9\xfa\x18RU$_M\x16\x02\x87\x06r\x06\xfaZjY\nl\x04\xcc\xf6\x0c3_\x12\xc7\xea\xcb.A\x8b\x9e\xdd\x96\x18\xbd5\xfc\xa2\x0f\x91@\x97\t\xf7\xd2\xb4\'\x1di8\x14\x86\xd3\xd6\xe9[d\xf9\x8d\x8b\x0b\xe3U\xd5\xb6\xf5D\x81D\xed55\xfbTn\xc1\xcc\xfb\xf6\x1bO\xb1\x8ciX@\xdb\xcaR&gt;\xb1jW\xe2k_4!\xc5\xb9-\xcb\x94H\x84\xe3l\x84\xb7E\xf3\x80\xac\xd9\xb8r\xf7\xbbG\x8em\xda\xbc\xc1P\xb2_.\n\xedb\x04\x14\xa7m\xf9\xef\x915v7\xd3\xc9\xafT\xe1Q\xa4#\xb7n(n`\xea\xfb\xdaC\xad\xae\x13\xb8\xde=O\xdcc[\xc5\xe2\x1e\xa1f\xca{\x1e\t\xe0\xc2\xcez\x05PRM\xa3\x08\x02GH[pp\x02K\xbc$\xea\x11;\x95\xd5\tl\x16o\xb9&amp;\xabc\xd0\xae%\x90\xa2J\x9e\x1e\x8ae:1\xbd\x9c^\xa7\xb7G\xed\xddi\x8e\x0e\xd5\x04C\x14\xff\x8a\x81}\xbdA\x01r\xfb\xb8!\x86k\x81y\x81\x93\x14\xf2\x90zU\xab\xe8\x92\xb4\xb2\xd1W\x18\xe0\xaa\xbb\x84[\x0f\xd1\xbe\xc2vV\x99\x1dN/\x1c\x1b\xcb\x80d\xc3\x037t\xff\x90\xf19\xc3\xba\xe6\xe9h\xacrw\xc1\xb2l\x92\x95&lt;\xd3\xe0$\x89\xbd\xe2w\xf19\x9f\x9aA10+\xf3\x89^\r\x8c2N\x17\'\xc0\x1e#\x84w\x0b\x0etU\xef"\x05\xa9?O\x958F\r\xed\x81[\xf6\xa1\xd5\x84\x02\xd7\x85Z\xdayK\x91KR\xb7DG\x81\xcaN\x05\x94b\xca\xa0\xda\xd5\xcb*\xc8\x19\xe8\xe4U.:\x14L{)\x18\xcaK\xde\xcb\x8eE\x90,\xd7\xc6\xb3X\xfeO\xd80T\xe0CC\x03St\xc9\xaf#\x8f\xe0Y\x84\xa2h,\x9a\xa9\x84\xdb\xc1\x0b\x8av\xaa\x15\x05\x14\xbf\x10^~7\xbf\xe0\xcf\xaa\xd4\x00\x12\xa2\x181\xdb\xbc\xb2\xd1\\KQk)\xde\x1d^\x8fb %\xe4\x83Z \x98\xc9u&lt;\x99\xa8\x1c$\xe3S\xffh`\xdf\x1dbz-O[l\x11\x011l\x16\x88b\x08\xe1-\x95\xb2)40\xddBdw\x0b\x1fV8\xeb8\x1e}W\xed(\xba\xe6\'\x13\xf4\x10*\xc9G\xc8\xf0+h\x11A\xd2\x1f\x141\xb69\xc5\xc9\x1a\xbc\x9a\x9e7\x12\xd0;\x83\xc3]\x89\xb4MW3\'7G\xe6EmG\xc0C{-\x83\xb2t\xaf\xd4I:~y\xa5v\xf5\xbdX\x92\xf6cTz\xfb\xde&lt;\x8c\xd4\xad\x16\x9c3\x80\x1e\x0e\xf8&amp;\xb2OOP\xc6\xe5\x1av\xb9p\xa8\x96}t\x1b\xb6P9&amp;\xfd\xe2=N\x0bvC\x02\xe6e\x18\x9b\x15\xfa\xc0\xa9\rK\xee&lt;\x9d\x7f\x812\x85\xa7-P\x0c\xcf\x17Wv\xf7p\r\x90N\x17o\x02M\xedJ3\xd7|\xfe`,\x13\x88\xc4N\x97\xbc\xa1oYe\xaf&amp;\xd6\x1b^\xe3K\xa8\xa5I\x95\xfcW\xa5`X\x02\xcbu\xfd\xd0\xfe\x98\x84\x1a)\xd3\xcd\xea&lt;\xc7\xe7\xbc,\xa4\x12\x98\xad\xf42\xe3laK\x1avo\x1c\xb8\x8b\x7f\x81\xb9\xff/\x91awy\x87\x17c2\xa1"\x13\x15\x0cJ\xcc\xd5\xe9,\xec\xb6p\x04TQ`$M\x83\xbb\x83\xce\xf2B\xcb\x17\xce,N\xba5kp\xff\x05\xc0\xe0+3\xba\x1d\xe8#]\x15g\x93U\xb6\x930\x14\t\r\xed\xfe\x0c\x1f\xa0Wn\x80\x84\x128\x00\xf8\x134s\xcbdwTP\x1a0\xd9\xacg\xed\xe2\x00\xf8\xe3Q\xd0&gt;\r\xf8\xacQW\x991[\xa4\xf8)\\=g5A\x987\xc9I\n\xa4~\x9b\x1aM7\x87.\xf9x\xc94\x15Y\x80\xb3#\x87\x1e\x1e\xf6H\xcd\x8d/E\xaff\x8fX\x06\x90\xac\x91Y\xf2\xbb\x15\x1b\x1c\xc4\xf1\xe5\x1d\x16\x1cq(V0\xac\x06\xeba\n\x1e\xad]\xa2#\xab\x8e\xa3\xac\x7f\xde\xdf\xb6`\xab\xa7\xc5\xd1\xb9p\t8\x88\x8fF\x1fVSR\x84\x90\xd9:"dl\xd4.2\xd9B\xdbS,\x81\xb7\xdbv\xf3\x1c\xc7\xf9\x9b\xfb\tax\x81\xa5\x1b7n6\xf5\xc5u/2\x00\x9c\xfc\x02\x92$\xcf3\xe9\x10\xcd\x9d\xb8\x92\x19\xbd&amp;\xb1\xff\x8d\xcf\xb1\xba\x00\x1d3\xba\xea\njw\xd0aC\x1e\x06\xf1\xb8\xc6\xd1\x82\r\xb2\xae\xca\xc4\xd8\xc3Y\xd4\xe7\x11u\xdbe\x12\x12muf\x88\xb01\xd1J\x9e-]\x16\x89\x0eH\xaeD\xb7Y\x00\x8d\x94\x0c\x98\x97\xa4\x0c\x0c1\xeck`\xde\xc8\xdfq\xadk\xf5\xce\xc6\xb8\xb8SA\x7fP\x04\x14M\x82]\x08c\xf3\xad-\xd9\x90A\x85IS\x8cyojve\xc5\xf2\xbb\xbc\x15\xbdS\xef\xc2oI\xab*\x14B\x80\x93\xdb\xb4\x1e\x07\xcd\x17\xf5\xd8sa\xf0\xae@\nT)\xdd&gt;\x95\xae5W\x1c\xbb\'\x8c\xf2\xc2\x03+)\xbb\xe6#\x87\xe0/8\xbd\xdf`\x03\xf35\xcc\xfa\xc6Q\xe9o\x9f/\xc5\x01\xb70teD\xe7\xcaL\x00E\x12\xcfZ\xb3\x8e\x8d\xfcbF\xa4s\xa9Y\x19h}\xa3P\xe1f\xa4\xb2H\xb4\xc7\x80\x7f\xae32\xa4\x82\x0c\xbc\x9d_\x02\x0b~\xd2\xb76\xc4\xa2vF\x0fu!1\x05\x97\xe4\xfd0\xc3\xc6\xdd8(\xc1\x14\xd2\xc2\xa3\xd8\x0eC&gt;\xc9N\x1c\xcf@\xae\xf8\xc6\x01\xafl\xc0F\xc4\x96\x92Y5\xf5\xba\xe2\xb9\xf1\x11\xdc\x02\xd2\xde\xee?i\x02\xfc\x0f\xcc\xa5H\xcd\x82,\x89o33\x80a~\x07\xb3\xd3\xe4|/\xbc\x15\xd6\x9b\xa8\xce\xf0\xe0L\x1d\xc6\xe0\xa8\xe1|\xf7\x92%\x13\xc4V\xfa\xa6P\xba\xd5\xd7Xe\xccs\x9a\x15\xe4,\xd0L\xdal\x9b\xa9M\xc5Lf\x08\x1a\xcc\xe4|\xcdwaw\x93+5\xe2\xbc\x8e\xce\x841\xfeJ\x0b6\xe2\x168j\x93:\x8e)\xf2\xdb\x9d\x13\x8b{\xd7\xf8\xb3\x9af\x0f\xdc\x11\xafx2s\xbdT;\x83RP"\xe7\xbb*\xd8\x10&lt;k\x10o\x9d\xb7k\x7f\xdbK\xfbt\x83 \xff\xb1\x9d\xebs\x04\xcc\x9d\x96\xeeoD\x89\xe7g\x17?mM\xe5m\tHM\xf6Gi\x18\xbb\xb87uv\x13e\x9c\xe5\x94*\xcd\xf8\xffL1\x8fPN[\x94o\x1bg\x03k\xf8\x07\x92a\\\xb9\x94\xde\xd5O@\xf6\x02\xc0\x96\xd0\xf5\xc6,m\xc9\x0b\xc2H&lt;l+fdY\x96\xca"\r]\x8e.pG\x83?}\xd0F\x8e\xefn\x7fP\x1a\xc7xN\xa2\x95\xf4\rr_\xb8\xd7?\x12\xf7\xf2\xaf\x8e\xa9\x1c\xf0\xcf\xe7\xe26\x87pa\xefY\x0b\xa9\xfb\xea\xc4V`\xe6+\xbe\x91\x9f\xbc4\x9a\x87"[D\xae\xa15\xf4\xe2\x11\xd4\xa2\x8fbu\x83"\x99\xdf\xa8\xb4\x19_|\x82ri\x8fX\x9b\xb09[\x9cN\xd5c\x8c (*\x12\x93\x86\xe9\x11$Y\xbdY\xf2[/\x97\xfbP&lt;^s\xc5\xd8`\x18\x9f,qI\xbb\'z\xe3jFj \xc6\x8cG\xce\xcc\xbe6\x05P\t\xb6Z7\xf5Q2g\xb9\xaf\x81\xea\x92U%\xdair6\x0fKW\x8a'</t>
  </si>
  <si>
    <t>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</t>
  </si>
  <si>
    <t>b']3Cn)rz\xf9n&gt;\x03o\x90c\x1b\x9f'</t>
  </si>
  <si>
    <t xml:space="preserve"> OFF state. If an appropriate value of the gate current is passed, the SCR begins to conduct heavily and remains in the position for an indefinite period even if the gate voltage is removed. This is the ON state of the SCR. But if the anode current is further reduced a point comes when SCR becomes OFF. This particular anode current at which the SCR becomes OFF is known as â€œHolding currentâ€. Thus SCR behaves as Switch. Being an electronic device this may be termed as an â€œElectronic Switchâ€.
5.8.2. TRIAC
The major drawback of an SCR is that it can conduct current in one direction only. Therefore an SCR can only control d.c. power i.e it controls only forward biased half cycles of a.c. However in an a.c. system it is required to control both positive and negative half cyles. For this purpose, a semiconductor device called triac is used.
A triac is a three-terminal five-layer semiconductor switching device which can control alternating current in a load. Triac is an abbreviation for triac a.c. switch. Tri-indicates that device has three terminals and a.c. means that the device controls alternating current or can conduct current in either direction. The three terminals are designated as main terminal MT1, main terminal MT2 and gate G. Triac physical construction, two thyristor analogy and circuit symbol are shown in Fig. 13.
 5.8.3. DIAC
Physical Construction Two-Thyristor Analogy Circuit Symbol
Figure-10
A DIAC is a two terminal three layer bidirectional device which can be switched from its OFF state to ON state for either polarity of applied voltage.
The diac can be constructed in either npn or pnp form. Fig. 11 and Fig. 12 shows the basic structure of a di</t>
  </si>
  <si>
    <t>b'c\x19\x12\x81\x85\x86\xe3\xf3\xe5vtWj\xd1\xbc\x87a!-M@`\x00\x14\xbfg5\xde\x7fp\xf3\xaf\x04\xe7\x12\xef\xa1\xcap\x90\x8c\xb28\x8b\x92\x86P\x96\xbf\xcf .\x93\xdf#\x1c\xf8NG\xd5\x17\xff\x12/\xa9\xffY\xc0V\xc2}\x7f\x9f\x1e\xdb+3\x03\xcfz\xe7[\xdc\xed\x08\x82\xb3p\xd2\xc4&lt;\x164\xb4[[\t8\x0e\xf0V\xbb\xbf\xbe\n\xe3;\x11\x848{\xe5\xe2\x11\x92\x9dw\x9b\xda\x87j\xf2N\x85g[\xf5\x8c\x84\xcc;W\xf7i\xa5]\'\x90i\xf1q\xee\x80\xe1\xca\x12/\xab\xef\x9d4ibB\x7f\xca\xea\xdaS\xe8\x87jir9Ub\x8f\x1f\xc7e\x89\xdd\xe1\xe2\x16\xa0\x8c\x17\xfd\xa7\xbe\xde\x19\xdb\x8f/\xfc\x91\xb8R\xb2\xfc\xf8\xc4[g\\\xeb\xdf\xa6ef\xa2\xad\x8f\xc3y\xd4\x84\xe6v\x9d.\xf4\xffN\\\xd8\x03\xc0\x8b\x9f\xb1c\x01i0\xc9@\xeb\xd6Rn\xe3\xe7e\xf2\xebN\xfa,\xd6\xb4\x8cF\xeb_\x8c\x89\xb2i\xd3J\xc5\xaej\x94\x1f\xed\xfe\xcdS\x13\x13\xbc\x87l\xe9\xff\x83\xce7&lt;\x0f\xeb\xe3\xcaN!\xef\xd1o\xfdZ\xc6@1\xf7*\x00#\xbbL\x9e7\x90B^\xaeV\x1a\xf4[\xec\x81z\x89\x16Y\x83\x1b\x857\xf3\xd2!\x04C\x98\xa5{\x0e^\x16\xb8\xb6B\xe8\xf1D\x1e\xeae[/\xeb\xbaL\xe3\xfe\xd8\x1c\x02\x1b\xa9 \xcd\xf9\x9aAno\x1cJT\xdd\xac\x89\x96\x8c9\xcb\x9eU\xdd\x135\x02\xb3c\xb2nZ\xc0\xd1&lt;&lt;\xa6Tw\x9e\x02\xad\x8c\x14\x1beIK\xea\xd6LzT-\x81\x16\x95G\x9eS\x9fVQ:/\xbd\xbc#\xa1o\xf7n\xa5X\x1a\x01\xce:H\x9f\x1b-0\xf0\xe3I.\xcf\xe8\x93\x87W\xb7\xe9\xda\xb2\x8c\xcel\xa6#dZg\xd1\xef\x94\x01\x11+`\xca\xad\xf0\xb6\x9e@P\xa9Bct\x1a\xaaKZ\x8d\xc6\xd5\x89\xb9\xf7\x8d\xa7\x16\xa2\xd9\xb1\xac2\x00\x1f\t\xd5\xc5[\x95\xdf\xc6\x95\xee\x80\xeb\xea\xa7H0{/\x04\x97{@\xb8\xde\xbd\xa6\xd3\x83\xf4\xc4\xe7\xe9\x85\xe7\x8c\xe7eb\xee\xb0\xeb\xaf\xda@6\xb0U\xda\xbc\x1c\xc2\xcb\xcd\xc8\xc1\xc4n"$\xee\xc1kY\xa4\x83S\x19\x04Z\xb0`/\x01\xa8\xa3\xb5\x8f\xf1\xc5\xcd\xa9\'\xa5\xe42\x15\xe4G\'\x88g\xda\xf1U&lt;\x8b\xe9#_6\xf9\x0b\xa0\xae\x00\x01\x92\xe8\x0f\x96\x89\xb5/r\xae9\x17R\x80\xdaa\x83\xb3,\x0c\xd0\xa0wu\xeaa`hq\xd8\xf5{\x94\xa8%\xdbYD\x91`\x8cD\xf4\x84S\xa3\x07\xf7\xbcL\x18\x8cEe\xdc\xe4^\xb3\xffG\xd7%\x1c\xf7\x99\xfb\x04{\x01\xe8&gt;\xc9l\xe3&lt;\xafj\xda\x17\xd8$Uf*\xd6\x08\xa0\xed\x18\x95-\xd2s\xbf\x13\x8d\xd7\'\xd9[\x86\x8ao\xf6i\x83\x0f\x13\xeea\x1c \tC9\xc8;\xa0*m\xf06\xa4\x81\x01\xe7\x10C=\n\xd0\xcf\xa8C\xa4O\xb2\x8d&amp;\x85\xb4\xd6]\t\x91\xa3JS\xc7\xb50\x1a\\ .\xbd\x99a\x94\xeeF\x13\x84\x96M\x11Dy\xa2\xab=\x89,PY$\x81@\x98h9\xcc\xf1\xbf\xa8.2N\x1e\x8cA\xc9|\xe5\xb1\xa42?\xfe\xf4X\x86\x99} \xb9\x92\xa5\xc3\r\xe1e\xd9\x9b?&amp;\x97\x11t#\xe3\xde\xce\x9c\x0c\x9f\xc8=\x83s\x81s\xdaUL~\xafI\x96D\x99`\x14\xe8\xd3\x9b\xae\x80\x9d\x11\x1a\td\xd9u\xe0\x1e\xc2r\x04\x9cg\xcb\xa6K\xe1\x04\x1f)\xd4.\xc1\xd9E\x8es\xe2v\x1c&lt;t%\x95\x0bK"\xba\xd3a\xfb^(\x8b\xfb5D\xdc\x0fo\xec\xd8\x9bK?c\x8f\xc4\xcdu\x81\xfeV\xee{\x16\xa79\xe0\x8d\x7f\xf1\xe4\x01\xb8\xd4\x971\xf9\xbcL\x15QX\xd7\xd0\xb4Z\x90n\xfe\x85\xad\xdd\x98\x8d`\xdb\xc2\xcf\xfd\xfb\xda\xc5\x11WL\xda\x9e#\xdc\xd5\xd2\xfer\xb2GX\x1d\xa0\xc0&lt;\xde\x0b\n+\xc4\xc9\x0b@\xbb\x8f\x16\x0e\x85\x86\n\x11\xdf(\x8cH\x93\xb40\xcbk\xba\x00\xa9\xd5\x99!\xee\xa7)\x85\xf9\xc8\x1a\x15m+\xf6\xf3\xca\xb1\x02\xed"#Q\x7fb\xa9\x0c\xaf&lt;\x84\x8fLX\xf8\xc2\xd5\xa1m/\xf2[\xacI\xd4\xd67\x0b\x86q\xa3\xebJ)D3\xb6&lt;2\xac\xca\xe5s\x8b\xe3\x19\x01V\xfe\xed\xbe\xcc\x15&gt;\xaarO\xaa\xf5\x8c\x95\x10\xb7(\xf46~\x9bsf\xe2\xfc\xdc\xfeC)P\x85\xeaXqNO\xb2\x9e`\x1d\x923\xb9\x9f\x14\x00\xc2\xd97;\xe7\x9ae\xb9\x8c\x18/\xf0f\x05\xb41\x1dkr&gt;\n\x13\xb8\xdd4,6\x85"\xe3\x88\x8fW\xcb\xc1]tX\'K@C\x81-\xd9\x7f\xe1\x92\x19\xf0\rqHm\x84a\x00\x98\xa5B\xd7\xf0\xb2k\xb7\x01\xd6e~\xcaw\xe5.\x8c\xaa\x05\xbc\x8d`\xa4\x9a\x99=.\xb1\x87\xa88\x8f\xda\x84\x0b\xb0\xdf\x9f\xe4\xff \x17+N\xba\x95\xd0\x1a\xcf\x04\xa0A\xce;\xd8\xc6\x10\x8f\x8d6\xa7\xfd\xa3"p\x1a\xaf\xb5\xee\x03p\xf2\x06\xb59\x05ht*\xcaG*\xbcb\xfc\xccy\xd0@\xdbx\xe4\xe5i\x0bq@\r7e\x9fL\xb1]o\xee\r\xf1+\x17\xc8\xc9\x02\xba{\x14V+\xce\xad\x1c4k\x92\x11$\x11IV7\xc8\xcc\x19\x0f\x05\xd2IfWm\x80\xf0\xa9\xb8&lt;\xc3\r\xd4}m\x9a\x13\xb5y\x8a 7\x02\x96\x0c\xdezrH\x9d}a\xc4\x95\\c\xff\xbb\xe1\x11oA\x86r3\xfb\xc9?\xcc\xcf\xd5st\xb7r!\xe8\xab\x848gd\xea/\xf8\x18\xd4\xbc\xa9\xd5\xc8\x8dA\xb8\xe9?\x12\x87A\xf3S\xa8\x99\x11\x04\xc5\x9a\x8c\xf0$6I\xd1\x8f\x14\xef\x83G\x05\x0f\x02*\xdd\x17\xcam4\xa3\xec1G\xa8\x8dnR\xa2\x10K\x0fVL\xbd\xdd\x16\x05\xd1\xb5\xc5\xa6\xe5\xd0\x83\xea\x9f!&amp;\xd5\xdd\x1dd\x9c\x99p\x97jq\x14j\x8fI\xec\xb2\xfa\x1f\x1f9\x18-\xf0d\xf8\x10\xe9g\xf3\xe8\xf7\xd1\xa2\xb1\x1a\xdb&amp;\xf3\x89\xefstu\xa6V[\x94\xc9\x9d\xa31,j\n\x94\xf8(\t\xb2J\xfc\xe7d5\xf7@\x0e:\tl\x0f\xf5\xc1#\xd0\x1a\xbbpVqffN9u\xccph\xe7\x04\xd1Yov\xfc(\xf7\x8b\xa7D\xf8.\x8e\xe4\n\x0ct\xfa\x85\xe6n\x86\xc6\x9c\x1cic\x1f\x00g\xba[6\xa3\x07\xbd\r\x8a\xee\x16\x94DV\xb0\xfc\xbaF[Q\x9a\xf4\xe8\xabn\x85\xf7:\x1e\x84\xd1\xfa\xc0S$\x18i\xf8\x83\xb9\xbbO\xf5"\xb4\xfb\xcb.M\xdb\xdd\xd1\xdfM9K\x12\x02l\xbe\xf2\xec\x89&lt;|=#\xb6\xc4\xe7\x9b\x16\x9fq\xfbMt\xd2\x92yc_x\xed\xc5\xd1\xc9\xecB\xe1\xf4\xc3\xfd\xba\x10M\x88\x1dO\xc0E\xce?9\x1e\xfb\xa0\x1dN\x02%\xf7\xe8~\xd3\xe4\xa5!\xcf\x85\xdf\x9e\x1d+X\x9f\xaf8\xd5T\x0b\x94\x0b\xaeio@\xe7Y\x1a\x93w\xed\x1a\x0e\xeb'</t>
  </si>
  <si>
    <t>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</t>
  </si>
  <si>
    <t>b'c\x19\x12\x81\x85\x86\xe3\xf3\xe5vtWj\xd1\xbc\x87'</t>
  </si>
  <si>
    <t>where the trees, opening, formed a
 circle round the turf they highly overshadowed; between their branches,
 vines, loaded with ripe clusters, were hung in gay festoons; and, beneath,
 were tables, with fruit, wine, cheese and other rural fare,â€”and seats for
 578
 the Count and his family. At a little distance, were benches for the elder
 peasants, few of whom, however, could forbear to join the jocund dance,
 which began soon after sun-set, when several of sixty tripped it with
 almost as much glee and airy lightness, as those of sixteen.
 The musicians, who sat carelessly on the grass, at the foot of a tree,
 seemed inspired by the sound of their own instruments, which were
 chiefly flutes and a kind of long guitar. Behind, stood a boy, flourishing a
 tamborine, and dancing a solo, except that, as he sometimes gaily tossed
 the instrument, he tripped among the other dancers, when his antic
 gestures called forth a broader laugh, and heightened the rustic spirit of
 the scene.
 The Count was highly delighted with the happiness he witnessed, to
 which his bounty had largely contributed, and the Lady Blanche joined
 the dance with a young gentleman of her father's party. Du Pont
 requested Emily's hand, but her spirits were too much depressed, to
 permit her to engage in the present festivity, which called to her
 remembrance that of the preceding year, when St. Aubert was living, and
 of the melancholy scenes, which had immediately followed it.
 Overcome by these recollections, she, at length, left the spot, and walked
 slowly into the woods, where the softened music, floating at a distance,
 soothed her melancholy mind. The moon threw a mellow light among
 the foliage; the air was balmy and cool, and Emily, lost in thought,
 strolled on, without observing whither, till she perceived the sounds
 sinking afar off, and an awful stillness round her, except that, sometimes,
 the nightingale beguiled the silence with
  Liquid notes, that close the eye of day.
 At length, she found herself near the avenue, which, on the nigh</t>
  </si>
  <si>
    <t>b'm\x0f\x81\xfb\xc8\xe3\xf7\xdf\xf78=A(\xf3{\xcf!\x9b3\x94g,\xb9\n\x8c\x0c\x1ct 3m\xed\xc9\xcaa7Q\xfc\x9f\\]\xe0\x8a\xd4\xea\x9db)4s\x95\xca8\x15\xa4!sk\xbe\xe1\xc1C\x11L'</t>
  </si>
  <si>
    <t>6d0f81fbc8e3f7dff7383d4128f37bcf219b3394672cb90a8c0c1c7420336dedc9ca613751fc9f5c5de08ad4ea9d6229347395ca3815a421736bbee1c143114c</t>
  </si>
  <si>
    <t>b'm\x0f\x81\xfb\xc8\xe3\xf7\xdf\xf78=A(\xf3{\xcf'</t>
  </si>
  <si>
    <t>es a large collection of variables. These
 individual series have idiosyncratic movements but also display substantial comovement and
 correlation, and the NBER selects the overall business cycle peak and trough months to best
 capture the general consensus among the various series of the high and low points in economic
 3
 activity. For detailed discussion of the NBER methodology, see Diebold and Rudebusch (1992,
 1996). Based on this methodology, the NBER publishes a historical chronology of the monthly
 dates of past business cycle peaks and troughs, which delineate recessions and expansions. (For
 a modern dynamic factor approach for measuring economic activity, see Aruoba, Diebold, and
 Scotti, 2008.)
 The NBER business cycle dat</t>
  </si>
  <si>
    <t>b'm@b\xc8&lt;\x8eJ\xbe\xea\xe9\xe2\x10\xf5p\xdc}\x93\xe4\xb9\xc4uH1\xa8\xad\xd7\x07w\xf7\xfeK\xf7v2l\xba\x99\x14\'\x16&gt;H\x1d\xf7\xab\xbb\xc0\x08\x05z\xfd,\\\xc2|=\xf9\x0e\x08\x93\xd7\xad\xad\x083\xd7^J\x07c\xa3\x82\xfe\x85M\xbe\xe5b\xe5\x008\xc1 \x96 \xf6&lt;\xaaG\xf5L\xf8\rr:*\x01`W\xfampqA\xdb\xba;\x96\xb5]\x81t\x83\xde\xf1\xa5B\xfd8&amp;pTH\x19\xeb\x07C\x15\xd3\xd51@A\xdei\xaf\xc7\xbc\n@N\x04&lt;\x0f\xdc\x05B\xbf K\xda0\x08r\x9f\xbau2c\x1d\x18\x1bUA\xd1\x8d"O\x7f\xb1\x02\xbf\x9e\xe2Q7\r\xda\xc6\xaa\x12\x92|\xd0\xb09\x86i\x87\xc5\xa5\x96\xf1\x9a\xc9\xed\x05\x9e\xf7\x90\xeaC\xfb\x17bD\x03k\x8e\x86}\x08N\x8a\xcc\x13\xf2\x1f\xe1}N\x17\xf9e\xbb\xben,E\xaa7\xcc\'\x0f\xdf\x8fyN\xabt(\xf1\x08T\x88\x9cH\xfa\xbaw\x98\x1c\xbbg\x91\x91\x01&amp;\xca\xc4#\x99\x96\x05\xe5\x1aVt\xe8\x98C\x86\x14\xcbW%Y\xc7:o\xbcb\xd8-\xa4\xbc\xb1\'2&lt;\xaa\x8f\x1fcPD\x91\x91h\x83\xea\x8e\xd7\x18\xb3\x19\x11(\xabl\xaf\xfd\x10\xd3\x17\x15\x1dd\xc6%r]SV\xf3\xfb\xd8\'\x7f\xdd{\xfa\xc2\xca\xf5\xf8M\xe0\xd3[e\x05\x1c6r\x8c\xec\xdf\xe5-\xc1\x0bc&gt;\xfc\xc8\x15\xccw\xf9\xd0t\x11\xd4\x8b\x8c*\x82\xf4\x93\x02;\x8a\xa1A\xea\xb34\xa1P\xeb\x08O\x8c\xd4\xa7\x1a\x11W\x06\x15\xca#SGVu_RS\x0b\xf4\xdfF\xe1\xe3U9\x15\xccb\x9e\xcc\xa7R\x89\xb2(g:\xcb\x99\xbe\x8a9\x1f=\xafi\x81\xae\xdb\xb9&amp;S\x8eR\x93\x0e\x93\xef\xfd\xd2}\x03\x0fQI\x03\x8c\xd3\xe9s\x1ao\x9b\x14D\x8e\x05\xc9\x0c5s\xe0\xd8\x82\x07\xac\xfey\xaa\xe0\xd8\x83/\xdb\x90&lt;7\x8b8\x1f\xb7_\xa9D\xd7\xbe\xa9\x1fz\x12\x80\xe6\xc96\xaf~[\xa6\xcf\x9e\xd7J\x1f=\x96D\xb2\xb4W\x92\xa9\x1a-\xdc-\xbdk\xc0\xed\xab\x05\x98\xc5}\xe7\x0b\xbc&amp;\x18Zr\xc8\x10.\xb3q\xde\xa4A:\xcb|?\xc2\x05\x8d\x8e\xf7\x87\r\x19\xfeG\xde\x8f\x15\xb5\t2\xa9l\xe5\xaa\xe7a\xf3\xe7_\x10\xbcw_\xf1\xab\xb4\x9d\x92\xd6\xf7hI\xc6\x95$5\x89w\xe3\xacO\xeb\x9e\xefr{_\x8ft\xfc\x14\xe5\xa0\xc4\x0b.{\x88N-\x06\x1c3\xf6\x8c5\xc2\x0fNf\xc3G\x93\x02\xd0g/\x9d\xf2\xd6\xba\r\x7f\xecn|\xc6\x82\x15\x93\xb2R\xa5\xe0\x92$V\xe7\x8fZ\x0e\xbc\x83]\xeaxO\x8d\xaf2\t&amp;+\x91\xf7&gt;\xcd\xe5M\xa7\xe1\xf758\x1fJ\x9as:L:!\xf6\x1c\x1cEh\xfe\x95\xc0\xea\x91zq\xb0\xc7%n#\x02\x943\xa20\xbd:\xf0\xff\xf3\x8f\xcdk72\xd1O\xd6\xa9u\xec\xd9)\xd8\xa7/%g\xb4\xa4\x07`\xbe'</t>
  </si>
  <si>
    <t>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</t>
  </si>
  <si>
    <t>b'm@b\xc8&lt;\x8eJ\xbe\xea\xe9\xe2\x10\xf5p\xdc}'</t>
  </si>
  <si>
    <t>er to,  
promote sustainable sanitation practices,  
and ensure that everyone,  
has access to safe,  
sanitation facilities. One of,  
the challenges in achieving,  
universal sanitation is the,  
rapid growth of urban,  
populations. In many cities,,  
urbanization has outpaced the,  
development of sanitation infrastructure,,  
leading to inadequate waste,  
management and sanitation services.  
Slums and informal settlements,  
are particularly affected by,  
poor sanitation, with residents,  
often lacking access to,  
basic services like toilets,  
and clean water. Urban,  
sanitation programs need to,  
address the unique challenges,  
posed by overcrowding, limited,  
space, and lack of,  
funding for infrastructure development.  
Another critical aspect of,  
sanitation is menstrual hygiene,  
management (MHM). Lack of,  
adequate facilities for menstrual,  
hygiene can prevent girls,  
from attending school and,  
participating in daily activities.  
In many parts of,  
the world, taboos and,  
misconceptions about menstruation,  
contribute to the stigma,  
surrounding menstrual hygiene. Providing,  
safe, private, and clean,  
facilities for menstruating women,  
and girls is an,  
important part of promoting,  
gender equality in sanitation.  
Sanitation also plays a,  
vital role in emergency,  
situations, such as natural,  
disasters and humanitarian crises.  
In refugee camps and,  
disaster-affected areas, providing sanitation,  
facilities is a priority,  
to prevent the outbreak,  
of diseases. Temporary toilets,  
and sanitation systems are,  
often set up in,  
emergency situations to meet,  
the immediate needs of,  
displaced populations. The COVID-19,  
pandemic has underscored the,  
importance of good sanitation,  
and hygiene in preventing,  
the spread of diseases.  
Handwashing with soap is,  
one of the most,  
effective measures to prevent,  
the transmission of the,  
virus. However, many people,  
especially in low-income countries,,  
lack access to basic,  
handwashing facilities. The pandemic,  
has highlighted the need,  
for greater investment in,  
WASH services to improve,  
global resilience against infectious,  
diseases. Sanitation workers are,  
on the front lines,  
of maintaining public health,  
by ensuring that waste,  
is collected and properly,  
disposed of. They play,  
a crucial role in,  
preventing the spread of,  
disease, yet they often,  
work in hazardous conditions,  
and are underpaid. Improving,  
the working conditions and,  
safety of sanitation workers,  
is an important aspect,  
of improving sanitation overall.  
In rural areas, where,  
access to formal sanitation,  
services is often limited,,  
innovative solutions are needed,  
to meet the needs,  
of communities. Low-cost, eco-friendly,  
toilets and community-driven sanitation,  
projects are helping to,  
improve sanitation in
# Comprehensive Overview of Mechanics
## 1. Introduction to Mechanics
### 1.1 Definition and Scope
Mechanics is a fundamental branch of physics that deals with the study of motion, forces, and energy. It encompasses a wide range of phenomena, from the movement of celestial bodies to the behavior of subatomic particles. The scope of mechanics is vast, covering everything from simple machines to complex systems in the universe.
At its core, mechanics seeks to answer questions such as:
- How do objects move?
- What causes objects to move or remain stationary?
- How do forces interact with matter?
- How is energy transferred and conserved in physical systems?
The study of mechanics provi</t>
  </si>
  <si>
    <t>b'!\x9b\x8d\x96\x86\xcd\x98\xccq\xe2Pn\xee\xe6\xbc\x13_5c\xc9\x8d\xcc\xb2\xcbo\xc3\tzz\x88\xa2i\x86q\xcc\x9a\x9f\x08\xfa\xe2\xb0\x86\xbc^\xdc\x1d\rzz\x0b\xc1s\xd2X\x8fQGL\xe6;\xf1#\xb6\xd4\xd8\xf8:\xc7\x17\xaa\xe40\x98\xfcI"\x90\xd2^rn\xaa\x17\xe4q\xf2\x00t\x9b\x0c\x8e)\xe5\xd3&gt;+\xe8\r\xc6(\xdb\xc5z\x95\xb6\xbc\x18p\xabY\xbc3\xe6\xf3\x82\x02w\xcf\x14TEVFw\x13,\x8d\xb30\x8f\xf8\xe2m\x82\xae\xe1@\x06\x8d\xf0\xb6\x15\xbf\xce\x1aVU\x83\x8bOl\'ZW\x8a\x9a\xea\xa97S[\xe0n\xa7\xee\xb7\xdd%Y\x87\x13\xcf\xd1J\x84\xb6\xd2\t\x80$\xce&gt;,\xe2c\xcdJ\xb9\xa7#\xa5We\xdd\xb3.\xaa\xddQXm\xb7\xd3:L~\xee\x04hzY\x17o\x8c\x8c\xeab\x9ch\x98|\xad\x04\xdb\xb4\xb4\x081\x19\x85\xb1\x90\x07:L\xd0\x89\xe5\xd9\xf3\x9a\xb0\x9a\x9c\xfa\x9a\xa1u%\xf6\xee\xf2kX\xc9\xd8v\xa0\x10\xe8\x84\x8c\x8b\xcd\xa2\xad\xace\xbc\x9a\x8a,=.\xd9\x1dfG\xb6L&lt;1@6\xc3*3\x97\xc9\xdcD\x07/V\xba\x10N\xdb8g*e\xe24\x03z\x04L\xd6\xcd\x10\\2\xd9\x19\xb1\x82 \x80qq\x9c\x82\xf8\x0e\xfe\xdfd\xb4\xb11\xb0K+\xb2\xa0\xdd\xaf\xd7PU\xca=*W\xcc$&amp;;\x08\x910\x1f~(&lt;UT\x9a\xcdI\xabg\x87\x92\xecbG=9w\xeb\xc4k\xb4\xec\xa8\x81\xeb\x921\x08\x15?\x1e\xec\xa3T\xf3b\xb5Fu\x102f-\xbdG\xea\xef\xd1\x9ce\x0c\x15\'G\xe7\xaf}\xc8O\x95YTUI\xa1\xc9\xf5\x1e\xd7\x8b%~M\xc4\xc7$\xe7e\xea\xad\xdaYq\xe6\xb0\xa4tRF\x13F\xec\xad\x18\x9d\rP\x1bzw\x82\xd8\xf7y6\x81\xa9\x9db\xdc\xb7"\x8f\xc8\x11\x146\xc0\x8fSJi\x8fL@[/y\xc0\x91\xd2\xc0\xb3X\xde\x97\x94( \x1d\x1d$\x8d2f\x9b6\x1dmo\x05?\xa7\x06 \x1e\xb3\x8b\xeb\x14o\xe7\xbb\xd3,\x82\xd8\x02\xae\xa2k\x92\x98\xc2\xdf\x9e\xa2(JS\xbf\xc1&gt;\xda\xfd\x90\xfd\x8f\xc7^\xa7\x8d\xd2n4\xc6F\x17\x04\xe2\xf3#^\xee\xdd\xdc\xd3\xc7B\xfa\x13\xe4\xb8\x10\x93wkz\xe6\xb5ej~\xe9\x96^\x0b\xc5\xc1\x01\x84\xcdF\xb2Q\xf6\x019\t\xabq\xe9\x14\r\xaf\xad\xbdZ\x13I\xb3\xe5\x83\x9b\x98\xf3$*y\xa1d.e\xb5V\xbc\x08\x1e\xb7 $\xa2\x0be\xf8\x98\x07\xa4\xb4\x85\xc9p\x9d\x9a\xb6t}7\xacA\xb2\xcfw\x88\x1d\xed\xacY5\x1aV\x9e\x14\xc8\x01ZJ\xc9N\x87\x19l\xc6\x87\x8a\x8fq\xa4\x1c\xa84\xfbhG\x9e\x01\xa2\xb1\x1cU\xd2\xebl\x84\xca\xc0m\xb69\xe4\x0c\x1d\xa6\x0ew\xe9C\xf5\x1a\x18\xeb\xae\xe4Y\xa5\xad\x1dj\x1b.T%c\x1b\xc5}\xc6\x94XL&amp;\xf1\xa9\xbb\x8d&lt;\r\xbcu\xa5\xb5\xe8\xa6o\xef\xa0\xae(\x9aK\xf1^Tvml`\x85\x05\xefS9\xd3a\x8eo\x93\xa5\x84!\x8b\x1f 8\xd1\x8b\x87\xb4\xc2\xd1\xa5F\xdfdyQi\x13@\x02\xe8\xb52\xb4|\xe2lQ\xda\xc4 \xa8\xa3;\x009&amp;\xebM2\xbaHK\xd5zJ\x071\xf9\xd9K\xc1h\x16\xb0\xb5+7\x13\xb9g\xd4i\xaerr\xbc\xd5\xd7\xf3\xb0\xcb\x7f\x819\x9de\x08\xb1\x94U\x1a\x0f5~)n\x7f\x84\xc2\x1as\xb4q1M\xe9\xe9\x05\xc5\xe1\xadM.\x9d\xafr\x0f\x00h\xa2\xce\x90\xe8!f\xc4=\xa7\xbd\x84\x1d\xb1\xb4\xa2\xad\xd6\xdeU\x85\x89\xab!5\x9bn\xe1\xfb\xfe#\x8b[\x16\xa5\xcc\xe7\x96\x99\xb3\x9bz\xb2\x19\xc7\xdf\tEq\xf1\x07\xb3\xefr\xf6D\x08\tkT/\xa9\x8c\xc2\xac$E\xd4\xe2\xebo\x86Z\x83f\x95=:\x12\xb9\xfb\xf4h\xbd\xf4\x03\n\xa1\xa9\xac\x9e;\x82\x03\xad\xc2\x88\xec^\xc1l\xf6k\x82\x9es\xb7\x1f\xb9\xe2\x0f\x12"|\x96!\x92fL\xe6\xaa\xe7,w\xd1\x9bn\xa4%5\xc2\xfb\x13\xb9\xf2@\xa8\xc4\xda\xb7\xd6\xbd\xd5\x05\xdc;\xcaA\xae\x8fT\xe93\xb98\xa1\x1cW\xa6\xc4\xb2[\r\x8c\xcd5c\xf2\xa6\x89n\x92\xa7KTF\x1che\x00\xac\xbb\x12\xf3\xc1\x16\x05)-\xe3\xde\x8fZB\xf8\xf0\x0bf\x96\x1d\xae\xcd\x8fT\xf1\x1dEi\xbe\xfa&amp;\x8c\xf4S\xa2\x80\xa6w\xd7&gt;\xf2\xdc\xca\xa3\xd6c\x8a\xe5}caK\xd1E\xe3t\x15;W\x7fJ\x06\xfcS\x18\x17\xbd\xd8c\x1d\xf1\xbb\xce\xa0\xd8\x8f\x1a\xf7\xe7\xbd\xd8[\xe7m\xb2\x95\xe5W\x87\xc6\x0cxm"\x97&lt;\x01\xe1\xb7Q\xd5q\xf7H\xa4\xc4\x16\x01\x94\xb5\xb8\xaf23\xa7\xdaW\x95\xafxq`\x94\x05\xbb\xa3C\xcb\x97\x0e\x1b\x97|92t\x0fwo\xc2P\xb4\x0eOA\x9a\xb5\x17a\x80\x89\xa74\x01\xae5\xde\xa7\xd1\x14"Z\xe7\x17s\x92)\x87W\xda\x9f\x10\x1b\x02\x86\xa7\xd2\xff\xd4\xa4\xb8\x9b\xd7\xfd\xadf0\xd9\xb1g\x0b\x083b\xac\xa0_\xb6\xaa\xcd\x80\\\x1apLH\xfa\xce)\xa4\x15OK\xc8\xf5O\x18\xda\xb1-\x04/4:\xb3\xc25\xa0\xfd\x1be?_\xc0\x1b\xd3aZ\xc6\\U\x06q\xdcO\x98\x9a\x9a\x82\xe1\xff\xc5*@\x9e\xafy\x16\xadWB\xb2+\xe1l\xec\x10F\xfc\x80\xf5\xfa\x1fT\x9f\xa3\x92Y\t\xcd\x9e\x8f1O\xe7\xb8R\xe2#\xa0\x17\xb8\xa0\xb2\x99\xcc\x14L\x9a\x06fg\xbf}\xafa\xcd7\xd9\xb5\xb8\x00\xea+\xf6\x84\xea\xc3\xf9.\x86\xfd\x8c\x01\x8f\xe1\x15\x03\xbe*1D\'i\xd5\x12\xcc+\xe3\x01\xf8\x88\rZ\x88\xf9$@&gt;\xee:Ge\x9f\xbf\xbe\x925\xe9\tp\xce\tW\xea\xc7\x8e-\xeb\x03\xf4\xe3\x1f\x18\xb7\xf8\xe3k\x9fp\x1f\xfc\n\xe0\xaa\n\xe4\x16a5\xfd\xecl\x82mu\xf5\xdeD\x03U3\xdc\xc5\xa0\xfe\x1a\x85!\xa9\xf8\xd9@\xb6\xd2r\xb1\xbd\xe8\xd9\xbdr\xdfV\xcfmfy\x88\xe1\xa1\xd3{\xd9M\xa5h\xbb\x14\x97\xe7B\xca\x06\x81\xbeSq\x11LsF\x07\x98u\x0c\xfd\xe7p\xfc=\x15\xaf\xbaM\x86\xe6\xd8\xf4\xf5\xd6\x8a\xff)6\x8c\xb0\xff\xa3:~\xb9\xa3A\xb5\x00)\x96 (\xd0\xb3*u\x08%_\xe7\xd5\x86\xff\xe0D\xd8\x95\xc0\x0f\xb4\x0fmy\xc5\xe2\xa7\xa4\x14\x82D\xf4\xb17\xc9c)\xd9\x85[\xda\x8a\xaf&amp;\x0f2QEK7\xe5\xcbhp\x1b\xc9\x8cYkN}Q\x94\xe6q\xc5\xac\xfc\n\xbc2\x7f\x9a\xedd\x9d\x17|\xce\x1b)\x99\x14\x8ez\x1b\xcd&gt;\x0c\x8f\x01\xd7\xe0\x14\xdey\xbf\x90P"\x0c\xc8\x87f2DxI\xd6\x99\xe2o\x90&lt;\xb2[\x8ei\x80\xfcg\x93\x04\xae\xe9\x9c\xadt\tg\xdb\xc1\xd3\xd1\xcfD,j\x8f=dB\\\xd1\xe9,\x15\x10c\xdeZn|@\x88A\xe1\xd1G\x85\xf3z\xb5\xe4\xb1\xa7\xd9\xa4\xa7\xf0H\xc7\xb6]\x94uu\rqENPt:#I\xcb\xec\xd0\x1b]e\xf7aD\xfcx\xb8\x05\x89\xb7\xdb\xabos\xdf\xfes\xe3\xfd\xab\xa4\xa1\r0it0k\xdc{9\xa1E\\\x02\x1c\xeeB\xdd\xfb\xad+2\x94\xbe\x9c\x1bc\xfa\x05?\x11\x19\xfc\xfad\xfez\xe1a\x95\x88]@\x80\xdc\xaccm.]\x08\xeb|K\xb7\xa6\xe3\xa9~0V\x83\x1ei\x81*\xf1\x02]3|\xc4+\xe8\x81\xdb\xc8;\x0cJ\x91s\xa5o\x9e\x92\xe4\xe4\xc8P\xa6\x1bs\x9c\xaf\x92&lt;Y&gt;d F\xbd\xd3\xa2\xb5\xab3y\xdb\xfe\xcbC3z\x86\xd2\xe1\xedw\xc3\x18\x0b\xc2\xf5wS\x8a|\xab\xf3\xdf\xb0Ms*07\x0e\xb66\x89\x9b5\xe1d6\xef\xb638LJ\x98\x11b\xcd\xc9\x169,\x8a@\x1c/\r\xde\xfa\x84\x8964&gt;\xf7\xb0\x08\xa2;+\x8b\xe9\xf1\xbdC\xc5N\xbc\x88\xb6\x91\xeb\xf9\xd0\\\xc7,^\xc8\xbc+\xd9\xbe\x88\xd9\xb6\x1cv\n\x14\xb8\x03N\xd2X\x1c\x1b\x93\x92\xb7\xc3bM\x03\xaf\xa3\x02\x97\xe8\x1b\x984\xe9"_\x92u\xca\xea\xc1\xf4;\xdd\x99\xdfq\xccm\xa6\x93\xe9\xe7\x1f.\xb36h\xae\x8c\xe6\x9d\xf0\x1d\xdc.L\xc0\xe4\xf0\x95\x0f,7\xabe\x9a\xcf!\xa5\x80\xc4(\xc1\xe0\xbfO\xf3\x00\x83\x9a\x04\xcf\xc66\xb4o\x07\t\x17@S\xe1\xac_9\xa6\x9b\xdcsE\xeb\x80I\xb0`\x1d\xe6\x1a\xa8\x88\nm|V\xbe\x9b4p\xf9\xaa\xb7\xb0\xf8O\x0c\x90\x94\xbb\x06\x7f\x93\x00!\xbc;\x95\x1d\x13]\xe6o\x97\x15e\x08, \x93\x81\x03\xfa\xde\x82\xa7\xd0\xbe\x89 k\xfdMm6T\x13Y\xc6\x7f\x19f\xcfY\x1aS\xcb\xbc\xc6\xe8\x96\xbc\xec\x1ekH\'z\xb7r\xb8\xbb\x8f\n\xfc*\xacF)\x97\x07n\x01\xf7n\xc1\xa49\x92j\x81=\x87\x18\xf9\xaa\x11\xf1M\t\x19\xc5\xa8\xc1\xe3k\x8f\x1e\x14\xb9\x8e\xca\x82+\xea^R\x93=%8;\xb2\x17\xbevS\x18\xd5\xd0\xe7\xd5T\xff\xef\xd7h\x15\x01\x13H\xe9\x06\xa1\xde\x9c\xf28\xd7NI\xe0\xaa;\t\xc5\xb3\xbd*\x94\x1e_\xc9L\xacx\xf6B\xe4\x1e\x92*\xa1\xe7|BWQ\xba\x18\xd9\x1a\x97;\xcb\xf3\xcaJ\t|8\xe5\x94$\xc2\x06\xce\xfb\xc2\xb5&amp;\xd7\tQ\x8cI&amp;K\x14\x8a\xb4L\xb3\xed\xe9\x81\x90\xf1\x10(\xf9\xb7\x85\x94\';i\x1a\xc5\xbdr\x8aC\x99\xb3\xe2d\x15\x81\xefe\xae\x100}\xdb\xbe\xe251\xed\xdb\x82\x80\xc5\xb2\xcf\xdbfd\x1d\xa2\x96\xf1\xe84\xe0h\x15\'v\xa4\xdes\x06=\x9d\xc2W_\x82\xe8\xffY6\xbd\xe9\x8f\xcbA\xa0o\xa3\xde&gt;\xc6x\xf1\xcf\x14 l\x17\xe2\xa2\xd91\xc1\xe7\x06\xe23_"R\xa4LF(\x06\x9cu(5\x12}\x02r\xa0\x99\xcczu\xf7{v\xcb\x8d\xcd\x0b\x06*rn\xd6\x04\x8c$\xf1\xbf\xf7\xfc\xbf\xe0\xc0T%\xde9\x98F\xd1B\x19Ie\xd7&gt;\xe20~\x15A\xfa\xe3\x12\x9e\xe0\xcc\x1e\x90X\x00\x066~\xb3\x01\x8d0/\x0b#"=\xd5N\xb4g\xbf\xb1\x8d\x1a\x146\xe2zx\xdc\xc7\x13d\xff\x82\x14\x8a\x9du\xde\x8e4O\xee\x0c\x86\xd3\xdf\x81\x8ay\xd8\xa8F\x97\xf3\x9b\xf9\x9e\xae\xcai\xbc\x0f\x16f\xae\xb0;\x85\t\x97|\n&amp;\xec\x12\xb3\xf8\xc2\xbb\xc7\xde\xac\x9c\xe1%&lt;\xc4+\xc8\xd0\xdaEqP\xcfd-&amp;{\xeb\xa7\x07[T\xc9\xbc\x9f\xa1V$,\'u\xce\x13\x0f5\xf4\xa6D\xb3\x0b\x97\x0f\n\x87A\x01\xb80&gt;&lt;A\xd7\xa2\x08!:J\x83\xa4\xb8O+\x8b\x1ak\xaa\n\xcbk\x93\x12\xedOe\x85\x80\x14\x91\xcd@\xd6\xa6\x18}\x87\x07\x8dB\xa8\xa3\x9e?\x19\xaa\x1d\xfc\\\xab\xa2\xce\xacK\xa6J\x0ci\xc3 \x10I\xe1\x05\xde\xdb\x9e\x0cD\xfb\xa0\xb4S\xe1G-\xfd\xeea\x1f\xeb~\xa1\x9a@/\xfc\xe0g\xb3O\x0c|\xd4c,,\x00%^\xae\xce3r\r\xa4\xabw`=\xed\xc4\x8f\x85D\xde\x1e\x90Xb\x1f\xe4\xc1\xc0\xc3\xa4\x82Po\xbd\xdc*\x8b\xa4\xf9\x9c\x1dTQ\xdf\xfad\xf1\xa7\xd5\xc8\xa5\xd1\xb5\xeb\x8c\x94\xe5g\xa3\xc5\xe4\n\xf5\xd7I\x16\xf4\x8e\xa7\x93\xb8\xa2N\x1f7\xf7\xa5P\xc9\x1e\xdc\xd8\xcc\xf4V\xee\x8d\xfa\xdab\xaaLIKjfp\xd6f]U\xd7\xf3\xff\xdc\xda5\xa4\xf1\x93I\xe3x\\\xea@\xed\xb1\xed\x9a\x9f\xa6C\x9c\xb6]\x043\xc0[\xcf\x91\n\xdaB\x03\xfe\xc7Y\x08k\xa4S\xf9\xd7)\xedq\xff\xcfZ\x8b\xc3\xeb\x0fO\xd5\x82=\x82l\xdc\x1f\x07\x8c\x9esdW\x99\xbbm*Z\x8f$]\x99zk\x0c\xefH\t\xd9\xc6\xbdl\xe8mg\x07\xee\xb8\x0f\x16\x07b\xde)HCr~\x1c4\xde\x7f0\xf1$\xcf\xff\xad_\xc9\xebp\xc4\xa8\xc6\x90\x18n\x8b4\x96E\x17&gt;[\xf4c\x84\xcaSH\xd8?(\x8e\xfc\x0f\xd5\xa2\xdc\xc3\x80\x96TM##\x15\x0b8g\x9f\r?3_&amp;\xe0\x9b\xbclg\x1e\xde\xc0)(\x0b\xbd\xac\x9an\xaa\xe4\x12\x8fE\xb0\x87D\x9c\x7fEdM\xa8\x83\xfe\xcc\x85\xadL\xd6sK3r\x7f3\xd9\xe0\xffO\xd9H;\x9e\xff\xb1\xd9@\xa8\xab"\xb0,\xee:\'o\xce\xc6\xbe\x16\xc6\x9dIp"\xe73\xc1p\xac\xc5t\x0eH\x9d:C\xbawA\xf4r\xf1h"\xd3\xfb\x91c?\xf8\x05\x94\xbe^\x94&gt;\x84\xc7\x01X$N\x9c\xbe\x84\xcf\r\x14].\x9a\xa5G\x81\xd5,\x11\xf0?\x1c_\'\xacw\x83\xf8k\xf4%\xbb\xbf\xea\x02\xad\xc2\xf79V\xf1\xde\x88\x00\xc8]cRQ\x80v\xa7\xadR\xd40\x06$\x03\xdd\xf8x\r`u\xd4\xef\xf6C&gt;]3\x06\x91\x16\xc8v\xce8\xda/i\xa3\xf3\xc7\x91P\xc0\xaeb\xe3\xc5 \xbb\xb9\xd7!5\\H$\xa9\x9f\xd2\x04t\xfd\x0e\xb1\xbd\xb7\xb2\xe5fe\x91\x02\xac\xb7".\xbe|-\x14:&amp;\x0b\xbeg\xfd2\xc7q\xb59{\x0b \x04\xd3\xfd\xa1g8\xd0s\xfdwU\x0c\x90\x99x7\xd8\xa8:\x98\xe8\xa0g\xc4\\2T\'"\x862Y\xa5\xae#\xa4%M\xdb\xd0\x8a\xf0\x16\x0f\xc6\xcb5\xabs\x8b\xd2\x8f\xd4\xbb\x88\t\xff5\x11T\x1d{x0\xc0\x86,*\r| \xb3I\x8b\x83#~\xf1\x93\x01\xc7=\xc1\xb4m\xf4|\x19\xef-h:*\xbdz\xdf\x81_Ue\xa6\x9f\xdc\xd53Lv\xf5E\xdc\x81\xed\xc7\x8d\x06P\x82\xe8+\xaf\xe9`\xb3 \x05\x17M\xb4J/\x83\xe1D`%\xd8\xb75\x86\x03\xd3\x84P\xecC\xcb\xf1\xae\x8c\x9e\x06`\xe2\xc1\xae\x80\x8c\xb5\x1c\x84\x8c\xcc\xe6\x82\xee\xfd&gt;G8"\x88\xbcl\xac"\xb5\x80t\x07\xec7d\xde\xf9F1\x13\x94\xab\x13\xab8\x87%\x8b\xe670lX\xc5c\xf0\x13z\xce\xfc\xb7?\x1c\x1a\xb4\x1b\xd1{\x90b\x80\xcd)\xb7\xa4I\xfb_\xe4~\xf2\xab\x1c*\xb5\x18E\xee\xecK\xe6"a-s\xd5\xab]y\xffb\xd3g\xe5\xd9\xa2\x84\xda\t@(\xd0\xc1\xda\xb0\xa3\x01\xb3\xacf7j\xf0XMA\x17\xec\xf0\x99\x1f\xc2\x9bY\xeb\x02T\x8eK\x95\xa7d\x9c\x92\n\xd9\x92sq\x91\xaf\xcb\xf7\x90\xa1\xadD\xa3\xf6\xb4\xf1\xfd\t\xcd\x96I\xab9\xf7\xe2\x022^\xc2\xd1&gt;&amp;_\xbf\xa9$F\xbf?\xa3[em\xcb\x10\xc5\xc1\xc4\x1f\xdc\x1a\x1e\xc9e\xc3\x83\xaf-r+\xbf\xe87{\xf1\x94!Iv\x98\xdc\xf4\xa8\x90\xe0\x08\xdfb&gt;\xe5^\xf0\xe2tl\xd4\x7f\xa4;\x12\xa5nEX\x81\xbe\x0eK\x03y\x93\x0c\xcb?\xb6w\xa7\xd3I#\xce9\xa9r'</t>
  </si>
  <si>
    <t>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</t>
  </si>
  <si>
    <t>b'!\x9b\x8d\x96\x86\xcd\x98\xccq\xe2Pn\xee\xe6\xbc\x13'</t>
  </si>
  <si>
    <t>ppeared 
 suddenly in the doorway and fell with his cutlass on the doctor. 
 Our position was utterly reversed. A moment since we we</t>
  </si>
  <si>
    <t>b'\x01\x18\x96\xaa\x9ai+L\xc1,\r\xd9z\x191\xc7\x82K\x9c\x81\xa23@\x8eX\xd5O\xb6\x19\xaaQ\x8b\x17\x92\x0c\xb7\xd3l\xbb^|f&lt;\xbdO\xb8\xbe:\xfb$L8\xc1\xbdc[\xec{\x15]\xb2s\x12\xd4\x17\xb7D\xc4x\x88\\)\x85(Qg\x95\x1c\x1c\xdcj\x9efHmp\xa2\xbf\x9b\x85&amp;c%F/F\xa50\x07wm\xda\x13\xd5e$\x89\xaeW}4T_\x13\xf8S\xc0\x96\xf6\xf0\t\xf8\x9e\x99\xac\x14uc\'o4\x00t\xab\xf6\'\xe58\x92\xfc\xfa\xd9\xa6)T"\x93\xad\xcf+!\xfcJv\xbe\xf6_\xbd\xaei\xd1\x08\xa30\xd6\x83\xf9_\xb0\\Z\x88\xee\xef6\xc6T+\x12\xef\xde\xd3\xc4]\xb1\xe5\xd2Jo\x97P\xf8|\xcb\x16r\xaaf ?KBF\xbe$\xe3Z\xc8\xdd\'\x86\x93\xfd\x19\xd6\xf4\xb8\xab\xd8\xd8\x94\r\n\xc8\x7fV`\xb2\xaf\xe5\xbc^\xf7*L\xe3b\xa7!\xf4\x87\x11\xcdt\x85YJ\x07\xe6\r\x8cJ\xb3\x97\xb3\xb6'</t>
  </si>
  <si>
    <t>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</t>
  </si>
  <si>
    <t>b'\x01\x18\x96\xaa\x9ai+L\xc1,\r\xd9z\x191\xc7'</t>
  </si>
  <si>
    <t>d turned our attention to 
 poor Tom. 
 The captain and Gray were already examining him, and I saw with half 
 an eye that all was o</t>
  </si>
  <si>
    <t>b"\x03\nqR\xd8yc\x15\xf5]&lt;\x9b\xc4\xe2\xe1h'\xc23\xc1~\x06T\xad\x8b\x87M\x15\xces\xf29-\\7q\xe6C8\xf5\xe8\xed\xfe\xb2\xf4\xc2^\xadW\xd7S\xc8\x9bD+(K\x87!\xa6-\xa2\xe5*|%\n\x0c\xe1\xe0+\xfd\xdaZ\xbf\r\x99\x16\xc0|\xea\xd6\xb2\xdb\x81_\xeb\xb8\xfc\xa9\xe7@\x00\x96\x98\xd5 \xf0\xe1j\xdc\x15g\nA\xc8\x08-\x01@?7i\x82\x98D;#Y6\xe2\r\xff\x8e=\x1a\x81}\xf0\xd9\xcbrJ\x84\xd2sF\x01I\xd1\x92\xbe\xdb\x81\x83\xd8\xf9!\xe0\x03\x91!\xb0\x86\x95x|~n\xba~\x13[##9\x99\xdd@\x11H\x02,!*\xe8%\xf2\xf6\x01\xbe1}q\xdc\xee\xac%f\xde\x85nV\xc56\x1b\x9f\x12\xdb\x9bs\xa1\xdc\x8aa\xe8!\xc6/\xf2\x16\xc8_\x13\xb5\xaf\xb0C\xdd&gt;)f=d\xf8i\xa66\x86/o\x8b\xf9P\x92Vp\th\xa3\xf9\xcd&gt;=3l\xe7Ym\xb6Q\x14zJ\x03+^F\xc6\xdd\xd5\xea\x88\xe3\x91\xcf\xa9\x96\xba\x15\xd3P\xfa\xdb\x8d\x839\x9d\r\x16\xabL\x99\x94\xf2\x14\x99\xfd\x1e\x08F\xfe\xcb\xc8- \xdc7\xf3\xda\x02w\xd2\x1eG\xa6F6\xc6\x9a\xb3t\x8cp\x17l\x1a\xc9E\x94\xef\xb1\xf1\xe550\xad&gt;$\x1b\xffa\x9f\xe9 \xcb\xa8\x19\xd1\xd2\xc2\xb4\xbd\x18\xea\xdc\xf5\xf4!&gt;uJ\xf7\x19\xc5x\x88\xdc\xe41`\xde\xf9!{\xb0&amp;\x1c\xedJ|\x97\x88\xdd\xce\xfeM\xd9N\xaa^\xa79\xdeT\xf7\xaaI\xd8\xd1m\xd5E&lt;Rw\xb9\x86}\xc2\x95\xbf\xee\x92w#&amp;!bEc\xac&amp;\x99\x17\xd7\xbeQ\xa63\x164\xe8\x89\x90\xc7\xa1\x91L\xbcL\x9d\x0f\x11k\x0b5\xa4\xd9\x93\x14\xcd\xd5\x84\xf9\x1a\x96(\x1eTS~\xd2\xeb\x8f\xbf\x0b6^\x00\x1at\xd67\xaa0\xca\x1f\xae\xd7\xdc\x93f\x83\xdb\x8d\x10*\xb1\xd1Z\x13\x8f\x11\x0c\xfd\xcc!\xc7X+\xe0(@\xa1\x9f\xfc\xf9\x15\xee\xbc\xf6d\x05\x06\xbc\xae\x95\xf3\xdf*\xf8"</t>
  </si>
  <si>
    <t>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</t>
  </si>
  <si>
    <t>b'\x03\nqR\xd8yc\x15\xf5]&lt;\x9b\xc4\xe2\xe1h'</t>
  </si>
  <si>
    <t>d sat
 down by the window. Annette, whom she detained, was, in the
 meantime, as loquacious as usual; but Emily heard scarcely any thing
 she said, and having at length risen to the casement, she distinguished
 the chords of the lute, struck with an expressive hand, and then the
 voice, she had formerly listened to, accompanied it.
  Now rising love they fann'd, now pleasing dole
 They breath'd in tender musings through the heart;
 And now a graver, sacred strain they stole,
 As when seraphic hands an hymn impart!
 Emily wept in doubtful joy and tenderness; and, when the strain ceased,
 she considered it as a si</t>
  </si>
  <si>
    <t>b'\xb9\x92\xbc\xf5\x04\xf1\xef\xa1\x00\x8c\xcb\xf5b$\xca"a_^\x19\xf4\xf7\xce~\xf8ue&amp;\x7f\xd1\xd5\xa1\xca\x04\xf9\xeb\x0e\x0b\x14\xe0\xd5\xbc~\xa7\x97\xbf\xf6Vu\x9c\xb4\xe1-{\xd50]7\x0ev\xbf\xfbU\xb5'</t>
  </si>
  <si>
    <t>b992bcf504f1efa1008ccbf56224ca22615f5e19f4f7ce7ef87565267fd1d5a1ca04f9eb0e0b14e0d5bc7ea797bff656759cb4e12d7bd5305d370e76bffb55b5</t>
  </si>
  <si>
    <t>b'\xb9\x92\xbc\xf5\x04\xf1\xef\xa1\x00\x8c\xcb\xf5b$\xca"'</t>
  </si>
  <si>
    <t xml:space="preserve"> important properties of enzymes.
2024-25
166 BIOLOGY
You have already studied the organisation of a flowering plant in Chapter
5. Have you ever thought about where and how the structures like roots,
stems, leaves, flowers, fruits and seeds arise and that too in an orderly
sequence? You are, by now, aware of the terms seed, seedling, plantlet,
mature plant. You have also seen that trees continue to increase in height
or girth over a period of time. However, the leaves, flowers and fruits of the
same tree not only have limited dimensions but also appear and fall
periodically and some time repeatedly. Why does vegetative phase precede
flowering in a plant? All plant organs are made up of a variety of tissues; is
there any relationship between the structure of a cell, a tissue, an organ
and the function they perform? Can the structure and the function of these
be altered? All cells of a plant are descendents of the zygote. The question
is, then, why and how do they have different structural and functional
attributes? Development is the sum of two processes: growth and
differentiation. To begin with, it is essential and sufficient to know that the
development of a mature plant from a zygote (fertilised egg) follow a precise
and highly ordered succession of events. During this process a complex
body organisation is formed that produces roots, leaves, branches, flowers,
fruits, and seeds, and eventually they die (Figure 13.1). The first step in the
process of plant growth is seed germination. The seed germinates when
favourable conditions for growth exist in the environment. In absence of
such favourable conditions the seeds do not germinate and goes into a
period of suspended growth or rest. Once favourable conditions return,
the seeds resume metabolic activities and growth takes place.
In this chapter, you shall also study some of the factors which
govern and control these developmental processes. These factors are both
intrinsic (internal) and extrinsic (external) to the plant.
PLANT GROWTH AND DEVELOPMENT
CHAPTER 13
13.1 Growth
13.2 Differentiation,
Dedifferentiation
and
Redifferentiation
13.3 Development
13.4 Plant Growth
Regulators
2024-25
PLANT GROWTH AND DEVELOPMENT 167
13.1 GROWTH
Growth is regarded as one of the most fundamental and conspicuous
characteristics of a living being. What is growth? Growth can be defined
as an irreversible permanent increas</t>
  </si>
  <si>
    <t>b'\xed\xc1\xd4HX*\x94S\x90\xf4\x85\xe6\xcaP\x8cz&amp;\xc6X\xdb\x01\x96*\x95\xe6R\xf0\xbc\xd4\xa4\xd6\xab\xb7\x0f\xf3\x84i\x05\x1d\xe1\x91\x87\x9b\x18}\x98h\x0bk\xc1?X\xeeV$? Uz\x12\xe0\xe8\x0b[d\x1f\n)L\xfc\x91,\x9fT\xb3\xf9(\xe6\xc3\xea&amp;\xc9\xfc\x8d[\xf6\x9a\xd9qQ\xd7&gt;\x8d\xb0\x97D\x01\'\xae\xb4\x95\xae\x85\x17\x90\x10\x8b\xae\x1d#v\xc0\x10\x99\xe2\xf3\xcf\r\xb7\xd4\x8djgek\xb4@\xf6\xcayI\x96\x00?\x90Z\xcd\x17\xaa\x96_zL3tK\xb6&amp;9\xc2\xaf]$\xdb3o5\xc0\xad\x86\t*\xe9\xf0\x1e\x87\xad\x11r\xba\x06[\x1a\xaf\r\xed\xd2j\xf4r\x81\xb8Y\xdb\x9f\xfe\xb1\xad\xbd\xf1E\x9dY\xdatm\xcen\xc9.\x14\x8b\x19\x10\x97j\x1a`\xf8G\xb3\x1f\xd6M51\xc4\x8d\x9f\\\\\xa0\xeek\xa9\x92\xfd9\xcd\xeb\xdcz2\xa7\xae\x93g\x05\x8c\n0;\xe2E\xed\xf9\xd3\x83\xdb\xf0\xba\x99D\xc7\xc6/\xc4\xbe\\\xc7K\xd8:\x08\xad3\xd9\xffc\x99\xf2-s\xc1\xd2\x93\x03\xe9^\x84\xb4Q\xb2~%\xc2O\x02\xa1y\xd9\xfd\xda#\xa5\xd4\xc9 \x85\xb4\x88\xb8g\x00B\xf9\x16\xda/&amp;\xd3\xfb{@\t%6\x1ahw\xc2L\xaa\xbak\xc5\x0b4A#\x18X\xdf\xefh\xc9\xea\t\xe1\xdaN\xc1\x9b\xc4\x11\x88q\x9c\xb7\x98\xed\x1aB&gt;\x9fY\x93tl\xce\xccA?U.y\xf9\xc3\xf7\x84\xd4T\xb1Db\xf3Of\xb2"d:\xea\x0cb\xde(\xc8\xa8\x8e\x04\x99\x85Ec\x8e&lt;\x86\xa56W\xd3\xcd\xa9b\xa9h$\x896\xf1\xbe\x90\xa7E\x87Z\x99\x97OHU\xed\xf6V\x92\x8d\x1e$\x8a) g\x90FV\xc1\xd7\xd5\xb8\xfbFx\xe9\x02$!\x8e&amp;\xea\x9bF\x8b\x85Gu\x80\xa2f\x14\xff\x87\x92\xe4\x06\x01b\xcf(\x1d\x00O\x12\xff\x9d\xc4\x16\xbf\x193\xe0\xe2\xa1\xd2V\x9f\x88\xaf\x06E%\xb67\x99\x0bb\xc6\xbd\xfb\xf7\xb7\xfcf\xd7\xdf\xd0\xa0\xfbu\xf2\xb7\x8d\x0bg\xcd\xbd\x19\x11B\xc7o\xb7\x1a"\xc5\\8q\x89\x15\x95\xa1\xd1\xcc\x83\x05\x92.\xb6i\xd5\xb2:z\x94b@\xf4\xd0]\xfc\xc0\x86+[\x05\xa78\x98\xbao$\xd5f\xf4y\xefD\x8c=\xf8\xb87\x98\xd2u\xc1\xc2\xd4 \x0b\x87S\xd93\x01\xbc!&amp;\x08Ur\xcaX-\x92\\tUa\xc3T\xf2\xb2H\xfe\xba\xf7\xaa9Z8,\xc4\xab\x9b,\xb4\xad\xe1\xdf&amp;\x9b\xb8{\x00\x82\xb7R06E\xb3\x8e\xef\x16\x16\xdfGL\x15\xb7\xd3\xf6\xc3|o0\xa0\xa1\xda\xdb9h\xcb\xb4\x99j\xc9&lt;\x90\xd23\xffb\x93\xb9\x0c\xaa\xdb\xe9\xd1\xc0\xe6:J\xc2D$s\x88\xe4\x17l\x82\xd6\xdd\x83\xdfC\x8d/\xb3\xce\x84\t\xc0N\xe9\xcf~\xda\x8a\xe0\x88\xa5\xf3\xa2\x9c\xe9W\xe7]\xb7\x06\xf9\x0e\xf8W\t\xfem\xec-\xdfT\xec\x156)\xb7\x04\xb1\xc8\xd8\x1e\n\xa4\x90rf\xfa\xae\xb4\x12\xabp\x9axS\xe9\xb3]\nB\x08t\xb1\xa6\x17?0\x96\xa6q\xc9`\xb9iY\xa3\x07\xe3\x80\xaf\xcfG\xf2\xf5 \x83\xed\x11\x93\x19\xb9|\x1c]\r\xebP\xb4F\xf4\xbf\x9d\t\x97\xb3\x95c\x7f\x86\xae\xe7\xdcg\x8c\xda\x97e\xf3\xa4\x17"\x0c\xe2\xc6\xb5/\x9e\x84\xe8\xdd\x8b#B\xf1\xfb9[\x9er.\x83\'\x93L\x1c\xf1\xaat.\xf3\x8e\x18\x8e\xf5\xd5\x0f\xe6\xc7\xad\x80)\xea6\x04\xc5\x02\x00\x83\x91V\xf5\xa5\x80\xd3,o\xef0\x88V\xd8\x9fb%}C\xa2p\x1f\x8d0\x0b\xb1)\xa3"\xbe\x17\xdf\x01m\xb8iHAS\x87:\xe1?\x9c/`\\f\xaa]\x94?\xaac\x0f?-R\xea\x81\x04\x06\x95gFH\xaf\x984\x9e\xf2\x91\x8fT\x92H\xd5uX\xecu\xa1\x99\x9d\xe9b|\xf4\x0c\tt\xa6\x04\xb2uVu\xd9\xfc|\xcd\x034\'\xcaj\x0eG\x98`\xde\x97\x1e\x1e\xddp\x01P\xa6\xd6\xc0\xb9\xf6\xda\xc4U\x13\xa4\x96\xa7w\xe4\xc5m\xce\xcf\xafr\x80ols\xd6\x84\xfe\xda\xe08\xa8H\xb2X\x92vE\xa5\x19a9\xdf\'z\xd2\x8e\xe6\xa7c\xe8\x8bK\x9d\x1aG\xfb\xb7\xe5\xaa\xcet\xec\xd0\xea\x89U\x08\x9d;Q\xaa\xb8-\xfd\x82\xb7\xce\xdb\x81E\xd83\xadl\xa5\xfa&lt;c7\x81\n^Y\xb2D\x83w\xf5G#\xf3\x84\xe5\xb7\xd0\xba\x1d\xc5\xe2\x01\x82j\x0c\xacM\xd7{\xeeA\xc3A\xd4\x9b\xcd\\\xdb\x18 $o&amp;&lt;\xf7I\xe9\xb7\xa4\xed\x8d\xcd\xf8\xae\x19&amp;X\x00\xc2\xb9\x88d0\xb2\x97\xa8S\xe1\n\xfa\x18\x96\xa3\x01e\xffE^\x1f\xcc\xca\xd4 \x93]_\x17\x0f\xd6S\x0c\xc7Z@\xfe\xf3\x11S[8"$\xd5\x9aK\x9dV\x8d\x05Qf1+R \x9ce\x89\xba\x92\xbc\x15d\xdd&amp;\x0b\xc3\xddHW\x97\x88k\x07\xde\x89\xc1\xf3\nq$U\xceHp\xb5\xa9\xcb{\x1d\xd0p\xc6\xde\x05u\xcf \xb9hut\x98\xc8_1\xdd07@\xd0\xe7R(\x9e\xad\xb4\xaf\xcc\xf19\xbe\xedM\xb6O~$\x82|\xd3^\xc7\xa2\x8b\x80\x92\xcfA\xceBh[&amp;$\xf9k\x9e\xee[G@\x84\xccF\xc6fRAV\xbb\xe0\x87\x06jI\xb3\xa7\x99\x89\x82\xbc\x16Nf\xccG\xf9\x1ef,\xb9ZQ\x08?\xd2\xabD\xbbe\x8ac\x90\xae\xd8\xae\'\xdf\xbc\xcf(`c\xcc+\xb7\xb2\xf9\x7f\xe1\xb8^\x95\xff\xae|*A]/\x88\xee\x19\xe1`j5\x02\t\xd7\x9f\xcb}\xecB\xe0\x05\xc1\x18 qR\xf4\xbc\xa4\x07O\xd7;\xe3v\x03\xf0\x15Q\xa5=\x95\x91z\x8d\xaf\xd3OY\x87\x12\xae/\xc8M\xd3\x85\xe5\xa7o\xf5\x0e\xeb\xec\xcflB\xc0\xe9\xc9\xba\xef9\xf9iaLXQ\xabQ\xf5ym\xe8@\xb2u=\xc7\xe4$\xed&amp;=\x05&gt;G\x16=X\x10o\xef\xdd\x8c\xda\xa4 {s\xab\xd3\xa5\x98\xafLP{\x95Ob,\x8a\xa9&lt;\xb4\xf8\xb7\x06Lx,L|\x7f88wz\xca\xb4\xb6\xf2\x95xr;O\xd60\xd3\x02\xa1v\xbd&lt;s\xa7\xac_1\xa6\xdc\xa5\xb4\x10\x98#\x83\x8a\xf7\x16\x14\x9f\xa8\xa2\x90Bx\xa6\xbf\xd9\xb8\xad\xc3Ax\xe2\xdfP\xf3D\x15\xe21\xad\xf2\\\xf4F\x14g\xa3K\xa1z\xe5\xc3L\x13\x1b-\xeb\x02\x17l1\xca\xf5\xd9\xcb@\xe9\x88\xa7o\x16\x8f\n5\xc6\x03t\xcf\xc9`\x7f\x9bE#\xf1E\xde\xde\xf6\xb6\xb8(\x1f\x98e\x7fVC\x89\x0e\xa6\x88\xa8&lt;\xff\x81\x7f&gt;q,^c\n\xb1kM\x12\xc9n\x9a\x9a?\xe9`v\xc2v\xbea[\x99{\x00\x01\xaf\xfa\x8d^\rf\'\xe3\x8d\xeb\xde\xa2\x8d\xcb\x9c\xfd\x9bLL\xc3\xa6Q\xd4\xa7Kn\xa9D\x85\x95\xee\xc9]}`Z\xa3\xcb\x9e\x85\xdf\x7fr\xe7\x89l#?3\\\xed\xd0\x07]\xe7\xf4y&amp;nC\x01}\x8d:\xd1\xfd\x8a-\x8e#e\x86\x93\xc9\xa5\x9dh\x88\x80\x11b!\x8a\xf8M.\\\xc6Hp\xea1\xd0D\x9czeV\xd4t E\x92\xc8\x10\xd8\xf5\\\x19\x9a$\x98\xfd/}#a\xbd\xf5?\xd4\xfe)\xe6+\xb2\xaf\x1c\x0b\x10\xb3\x82\x0c\x97\xbc\\\x81\xeb\xean\x15\xc0&amp;\xce\x00\xdf2\xc2\x7f\xee\x18\x8e\xb2G\xbd\x8a\x19FS\x83\x83HqV\x8brx\x8a!q\xf1\xe4\x9dS*[\x03\x91\xeb\x95\'\xf3\xb9\x1b4\xb3g7J\xac\xa3\xack\x8e\xe2 \xaf\x0c\xdc\x0e\x15\xab\x8bH\xa5\xdd\x08p\xcc\xc6\x0fQ@\x8f)ar\x90\xae\xce\xd6\xfe\x9c\xee\x00%\xba\x1a\x9a\xb4\xb4\xc7[\x1fCi\x0e\x03\xa4\xc6\xaa\x9f\xf8\xca\xc7D\xd9\xafSr\x8c\xa9\xec\xc6\x93a\xf0\x1e\')=\r\x0bNcky\xa38`\xe8\x90d\xa0\xdb\xd1K4\x8d\xe4\x94\n\xc8F*\x1f\x0f\x8dg#D\x8f/ GfJ\xfd(\x8d\xbb\x84*\x80[H \xe9\xed\x02\xf72}^\xa5\xe1:ot\x07H\x03o\'\x80\x89\xa5\xfc\x1fD\x91\x8eX\x87\xa3\xca\t.7\x89\xe7\xee\x98\t\xec%\xce6jx\xba\x1e^\x93HQ\xc2D\x1ct^]\x97/\xe1\xd0\x93\xe6\xb6^\xce\xe0\xe1[\x07x\xb8Q\xc85\x11t2,\xd8\x83b\x1f\xb4\xa1\x80\x9c\x90{U\x810\xef\xeb:\x9c\xd6\x1c\xb9em\xafh\xc1\x0f}]SN]\x1d\xae\xc6on\x1f\x83g\xd0\r\xb7&lt;\n\xe1\t\xd9\x84\xce\xc9\x16\x80.\xa4\xfd!o\xd0A\xb2\x1e\x11&gt;\xb8x\xb3N\xb02\x06i_\xe0\x9d\xda\x8b\xcf\xccj\xb8l\xad\x83\x9c\x04Z\n\xe7\xccA\xdbo\x96\xce\x8a\x96\x05SxK\xf5\x1b\xf4\xe2\xf0\xa0\xd5\x82\xec\x8c\xfe\xf6\xa8\xaf\xacW\x01\x82(\xd1\xde\xecT\xeb\xf1\x81\x8b&lt;\xf3U\xfb\xed*\xa2\xd9jCiR\xbfHt\x19\x7fs\xdb&lt;\xd7\xea\xad\xafG\x1b]1a\xab\xbd\xc3\xf1\xa0\x83\xf6\xf0Z\x17\xe6c\xa4p\x80K_\x16X\xcf\x8c\xfcu&amp;n\xa9$\xe0\xf6\xbdN\x0b\x8a\xb6\xff\x06\xcc\x97\x0c\x86\xa4\xa6\xc3\xc9\xa47\x17\xc3\'\x83\xdbp\x0c\xae\x9aj7f\xf4\xca\xc8{\x1fI\x1d\x10\xfe\x1b\xdeY\xd5\xd4_\xe9#\xe5\x95\x00\xf2\xbc\xaa\xceH\x8a\xe0:ERi\x88)\xb8\xb4\xb5\xf9\xe3\x06\xb7~2\xdb\xad\x8b\xb4\xe9\x18$&gt;\xfew*s\xc0\xc9%%\x88W\xa2ZZ\x11;\x8e\x92\x85f\xa9KD\xd0\xc8\xd6\x7f/F\x90*\xfbN\xc0\xdc\xe2$\x06\x0e2\xb7\x1c\xfbR\x82\x87\xe7&amp;6\x88\xfa\x86Li\x91\x88\xaf_+SS\x0bze\xc5n\xdf\xa8\x1e\x9b&lt;\x8a\xdc~\xc2p\xaf\x90m\xf1\x839;5X\xbe\t\xa2\xc8\x88\x98\xbf8\x9b\xabB\xb3\xf4\xe5\xf0\xe2\xdaT\xab\xed:\xf3zOJ\x1c\xf0\xda\x98\x06l\xa8'</t>
  </si>
  <si>
    <t>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</t>
  </si>
  <si>
    <t>b'\xed\xc1\xd4HX*\x94S\x90\xf4\x85\xe6\xcaP\x8cz'</t>
  </si>
  <si>
    <t>ee also Christianity
Paideia, 95, 243â€“5, 460â€“4, 469â€“70, 592,
595, 599; see also â€˜â€˜Second Sophisticâ€™â€™
Palmyra: auxiliary units, 213; as colonia, 161;
population, 231; trade, 160, 187; see also
Odaenathus; Zenobia
pantomime, 389, 395â€“6
papyri: archives, 61â€“3, 304â€“5; census returns,
57, 178; collections of, 53â€“4; distribution
of, 60â€“1, 179, 284; editorial conventions,
55; and history of medicine, 505â€“6,
513â€“15, 522â€“3; literary texts, 462;
magical, 554â€“5; restoration of, 54â€“5;
see also Vindolanda writing tablets
passions: control of, 356, 386
patronage: of groups, 233, 239, 274; of
individuals, 18, 59, 86, 180â€“1, 356â€“7;
literary, 439â€“40
Paul of Tarsus (a.k.a. Paul, St.), 147, 247,
331, 339, 590â€“1, 593â€“4, 596â€“7, 601,
603, 608, 610
pederasty, 334â€“43, 349
Perpetua, Vibia, 321â€“5, 330, 397
Persia (Parthian and Sassanian), 154,
157â€“63, 167â€“8, 428, 431
Pertinax (emperor 193), 140
Pescennius Niger (usurper): coinage, 38;
and Septimius Severus, 141
Petronius Arbiter: Satyricon, 334â€“5, 359,
372, 376â€“7, 448â€“9, 463
Pflaum, Hans-Georg, 53, 58â€“60
Philip (emperor 244â€“249): celebration of
millennium, 401, 437; government of, 68,
156
Philo of Alexandria (philosopher): on
Abraham, 610; conception of God, 576;
embassy to Caligula, 242â€“3; on Moses,
540; On the contemplative life, 365;
Platonism of, 536, 539â€“40; on sexuality,
331, 334;</t>
  </si>
  <si>
    <t>b'\x150\xecrw\x1d&gt;\xe1\xe0\x81\\\xce\xdb\x8a,z&gt;\x16\x12e\xf9\x97\x00\xc3\xba\xc9D=\x1d\x1f\x1a\x1d\x9d9\x9d\xe2"eyp\xa2\xd6Dm\xda\xf6\x94-RA\x95\xa1\xee\x88i\x00\xe2\xb0b(\xcb\x02\xe1tc\xd9\xf7am\xdfX\x1a\xd8\xb9|j0\xc0\xd7\xed\xf82F\x02\xeb#;\xed\xed\x12\xf3K@\xe4\xa48+;\xcb]i\xc8\xe6pn@\xa1\x0cU)\xedy\x99\xad\xcd\xb2(W\xa6\xdf\xfe|\x07\x18\xa9\r;\xaf\x93\xe1\xf5\xaa\xeb+qZu\xdb\x07A\xe2ZL\xbe\xb5\xf9J\xdb\xe1\x06\xad\xf4\xf7\x833O\xd9\x10\x8a\x88,\x89[\x1a\x10,\xcc]f\x7f\xa3\x9f]\xc2]\xc4\xd1)\x12\x86\xa7\x06a5ZMw\xdbM\xa2\\\x94\x81\xcd\xb5\x8a\xca\xd2\xf8\x024\x9c\xf8\x07!Dj+\xd7\xe9\xae\xd5W\xee\x8f=Hl&amp;\xdeR[~e\xe6\xc3:\xc6\xf7D\xbd/K\n\x9f\xf5\xa6\x9f\xa4\x14\xfb\xc1p.\x9c\xe3\x0e\xdb\x10\xa1\xc3\xcai!\xec\xc5\xfd\xa1\xa2p!}K}\xb2\xb4C\x0b\xe4b\xfa3\xed\x01\xd7{\x13\x92\x1f\x04kK\xe8/\xbf\x12\xe4\x92\xe0oB\xac\x9c\xe3\xe1\xda&amp;\xe1P\xa4\xe3\xc9t\x95\xcc\xaf\x97\xc7?\xc7\xe9#\xd0fK\xb9\xf0\xcb2\xac\xbf\xff\x80\xa6wYd&gt;\xb4\xd3\xb8NtY\xa0\x1f[\x8fy\xe7N\x91.pP\xa9\xfb@\x99O\'\xbd\x96\x8d\x85\xc1\xad\x83\xb2B!\xf0\xcf7\xe3\xc1\x04k\xb0\xb6\xb1\xdb\xcc\x18\xf5\xac\xe6\x00\xca\x05\xf0]O\x87lsD\xecqaM\x18{\x1f\xb3\x87\x97\xec@\xaa\xab\xebT\x96\x18\xa3\x92\xef7\x86\xd5-+\x96\x8d\x19\xdec\xcb-\xb9\x99\x80\xc6\xb0\xa4\x99\x16qo\x8c*\xab\x0fm;\xbb\xb0\xf85}\r\xa9&gt;\xe5\x1c\x85\xe8\xea\xe6\xf9\x08\x0c6\xd8_\xd7\xa5~\xe3\x0e\x1c\xbd\x046\xc9e\x991g2}\xcb\x91\xf6\xa4\x1c\x8a\x16\x91\x07\xd2\x1e\t\xcdR\xf9C\xe8\xdd\x8a\xb5w\xbcA\x0fI\xf9\xbf\xd15\xeb\xb1\n\x01\xf8W\xf9\x86#\x0f/\x91\xae-\'?\xa0\xcek{N\xab\xea\xfe\xfbE\x98\xe72OYAB\x0cg}\xafT\x861\xa3\xba\xb8\xd5\x84\xb0? _s\xc7\x1f\x98\x82\xbf)\xfc3\x12F\xf9\x0c\x93%\xd3\x1c+\xff,aO\xe3\xe8k\x7f\x0e\xe9v\xfd\xc2Z\xd7\xe0gC@\xb0A\x8b\xfb\xdf+\xff\x8f0\xeaJ\xe9y"\xca\xb1\xb2\xfeJ\xb6\xc2\xecK\xf4s\xc1\x06L\x08i\xde\xbfLT% \x8au\xf2`\x19\x8b\xe9\xebOSfX\xc9z\xe4\xc0\x07\x8e\xf0\x91\xc3\xb0\x92.Qb\xf7\xddn\x84\xbf\xc6\t\xdeb\xfc\xbc\xb5\xd0\xe7KV\xcc{\x1c\xe9\xcf"_\xea\xde0\x82\x87\xf4\xa0z&amp;`\xd8\xa7`\x02\xd1\xb4\xce\xcfQMaf]\xd0\x1a\xa3=@\xc3\xa8}L\xeevqi\xd3\xe6\xb90k\xa2\x1b\xe4\x9fV?\xbb9\x99\xd5\xc4H\x83\x13\x04g_\xc2\xec\xccYFG\xe71\xfa\x94Q\x91J\x0fP\xad\xdciV\x1b\x1dR\xcb\xc9c\xb4\x9b\xc2\xb3\x07\x03\x89-[\xef7b\xdf\xde\xec\x836}\xb5\x98\x8e7\x93\x80\x8ft\xceeL\xd9o\x1e\x18\x04\t\xf8V\x9dcy#y\xe7\xeap\x81\x989\x12r\x96h\x83\x8a;\x1c\x9f\xbae\x0bn~\xef\x87T\x01+V\xa9\xf2\xbc\xf9\xba\xbf\x84\xe5\xa2\xee\x04\x96\xa53\x02\xf5\xecC\x9exw\x8f\x03\x0cd\x84\xa4X\xb8A\xdfV\xab[Ps)\xc9\x04;h\x85\x00K\x1d\xf0C\xe1\xa7\xb9\xe3+@\'-Iq!\xcf\xab%r\xe2\xa9\xea\xe7cX\xae\x1bO\xb8p\xab\xcd\x9b\xe14zx\xed\x8f1q\x8c\no\xa2\xean\x81_D\xbc\x9d\x0c22\x979j\xb2\xc6OE7q\xd4\xf1\xd7\xea\x9c\xa3\x89\xbd*\x0e8}\x8d\xf9\xfaP\xc5-}Ef\xc5\xfb&lt;\xc4\xddj\xbfXgCn`\']I\xf5\xaa\x1f(tw\xae\x8e\xf5;\x96Ey\x1a\x9b\xad\'\xa8/\x04\xf0j\xb7\x86\xf6\xf7\xdfe\xf7\xa5\t2\xa2\x89\x01\x1c\xd2\xef[!\xce\xd6\x19\x89"\xa6\x90"\xcc ,\tW\x1b\x0f\x8e\xea2\xef\xd5\x11\x13\xae\x1ae\x9d9\x80Dj7\x17\xa8\x055_b9p\x18\\\x8a\x07\xda\xee\xba\xb7\xdafO9\x83\x85\r\xd2W\x92\x9b\xdd\x0b\x9co}`\x148\x02\x81;\xbdTDY3\x06\xf0\xcd\xc57\x03\x9en\xd8\xc7\xad\xd3~\x0b\xe9X\xe2\xa6\x87y\x07;\xe0\xd1\xbdB\xb8p\x16\xd2\xdf\x8a\xdf)\x1e\x1d\t\xbe\xf1b\xc6\xa8\xc3\xb2\xb0\x0fn\x8ee\xfe\xc3\xbf\n\r\x1c\xe8\x11\xd1G\x82\xb8*\xb4\x89\x1b\x92\xbbe\x0b?\xd4rV\xcfw\xcd\x90*R1\x13\xea\x85\x05E\x15\xfcE\xbd\xc0\xef\xf3\x88\x9e\x8b\xc0@\x13\xd4\xfaK\xa8\xc7^;X\xdf\xee\x92w7\x85\xdd|\\\xc2fVE|h\xdf\xcc\xf5\xa4\xd6\x8b#\xf0p\xef\x16\x9f\x1d\xae\x8e=\xb49@\xf2\xe51\xbb\x99\xd8D\xcdU\x1e8\xed\x0e\xdf\x11\xd91\x16S\x0e\xda\x07%&lt;\xe0\x11\xd1\x98\xba\x13uvr\x9ce\x19:\xab\xda\xa4\xea0\xcc\x99*8K_\xd8\x19l\xa2\x89@\xa3\x04\t\xde\x8f\xd6gq\x15$d\xd8\x85)\xb5\x8b\xdd\x0c s\xe3}\x7f\x8e\x04#\xc3\n\xc0\xd8\xf8:\xbc\xce\x92(\xeet\xf1V2&lt;\x11\x9b\x96\x98K\xde\xb8\x1c\x02S\x19\xfbM\x98\xdd\x14j\x02}m\xcc&lt;\xf0\xad\x13+\xfa\xa9y\x9c\xf59AX.V\xa3c^\x86\xdd\x16\x89\x8aR\xf4d\xe0f\xa2a\n\x1c\x8b\xda5\xf1\x92y\xda\xa4\x14\xa5\xaf\xca\x18u\xab%\xcc\xa5\xa6D\x8cA\x19[M\xc1P\xc6\x18\x8f\xd8=k\xa1\xbc\xd8\xdd\xcf-\t\x92\xb4Q;n\xa9g\xe4\x88\xd9\x90z\x07\xcd '</t>
  </si>
  <si>
    <t>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</t>
  </si>
  <si>
    <t>b'\x150\xecrw\x1d&gt;\xe1\xe0\x81\\\xce\xdb\x8a,z'</t>
  </si>
  <si>
    <t>tick and bolt.' He laughed, but in a hollow way.
 'Some day,' said Smee, 'the clock will run down, and then he'll get you.'
 Hook wetted his dry lips. 'Ay,' he said, 'that's the fear that haunts me.'
 Since sitting down he had felt curiously warm. 'Smee,' he said, 'this seat is hot.'
 He jumped up. 'Odds bobs, hammer and tongs I'm burning.'
 They examined the mushroom, which was of a size and solidity unknown on
 the mainland; they tried to pull it up, and it came away at once in their hands,
 for it had no root. Stranger still, smoke began at once to ascend. The pirates
 looked at each other. 'A chimney!' they both exclaimed.
 They had indeed discovered the chimney of the home under the ground. It was
 the custom of the boys to stop it with a mushroom when enemies were in the
 neighbourhood.
 Not only smoke came out of it. There came also children's voices, for so safe
 did the boys feel in their hiding-place that they were gaily chattering. The
 pirates listened grimly, and then replaced the mushroom. They looked around
 them and noted the holes in the seven trees.
 'Did you hear them say Peter Pan's from home?' Smee whispered, fidgeting
 with Johnny Corkscrew.
 Hook nodded. He stood for a long time lost in thought, and at last a curdling
 smile lit up his swarthy face. Smee had been waiting for it. 'Unrip your plan,
 captain,' he cried eagerly.
 'To return to the ship,' Hook replied slowly through his teeth, 'and cook a large
 rich cake of a jolly thickness with green sugar on it. There can be but one
 room below, for there is but one chimney. The silly moles had not the sense to
 see that they did not need a door apiece. That shows they have no mother. We
 will leave the cake on the shore of the mermaids' lagoon. These boys are
 always swimming about there, playing with the mermaids. They will find the
 cake and they will gobble it up, because, having no mother, they don't know
 how dangerous 'tis to eat rich damp cake.' He burst into laughter, not hollow
 laughter now, but honest laughter. 'Aha, they will die.'
 Smee had listened with growing admiration.
 'It's the wickedest, prettiest policy ever I heard of,' he cried, and in their
 exultation they danced and sang:
 'Avast, belay, when I appear,
 By fear they're overtook;
 Nought's left upon your bones when you
 Have shaken claws with Cook.'
 They began the verse, but they never finished it, for another sound broke in
 and stilled them. It was at first such a tiny sound that a leaf might have fallen
 on it and smothered it, but as it came nearer it was more distinct.
 Tick tick tick tick.
 Hook stood shuddering, one foot in the air.
 'The crocodile,' he gasped, and bounded away, followed by his bo'sun.
 It was indeed the crocodile. It had passed the redskins, who were now on the
 trail of the other pirates. It oozed on after Hook.
 Once more the boys emerged into the open; but the dangers of the night were
 not yet over, for presently Nibs rushed breathless into their midst, pursued by a
 pack of wolves. The tongues of the pursuers were hanging out; the baying of
 them was horrible.
 'Save</t>
  </si>
  <si>
    <t>b'\xe4\x07\x93:~%*\xad'</t>
  </si>
  <si>
    <t>e407933a7e252aad</t>
  </si>
  <si>
    <t>riday, October 4th, at
 6.35 a.m.
 â€œLeft Turin, Friday, at 7.20 a.m.
 â€œArrived at Brindisi, Saturday, October 5th, at 4 p.m. â€œSailed on
 the Mongolia, Saturday, at 5 p.m. â€œReached Suez, Wednesday,
 October 9th, at 11 a.m.
 â€œTotal of hours spent, 158Â½; or, in days, six days and a half.â€
 These dates were inscribed in an itinerary divided into columns,
 indicating the month, the day of the month, and the day for the
 stipulated and actual arrivals at each principal point,â€”Paris,
 Brindisi, Suez, Bombay, Calcutta, Singapore, Hong Kong,
 Yokohama, San Francisco, New York, and London,â€”from the
 2nd of October to the 21st of December; and giving a space for
 setting down the gain made or the loss suffered on arrival of
 each locality. This methodical record thus contained an account
 of everything needed, and Mr.
 Fogg always knew whether he was behindhand or in advance of
 his time. On this Friday, October 9th, he noted his arrival at
 Suez, and observed that he had as yet neither gained nor lost.
 48
 He sat down quietly to breakfast in his cabin, never once
 thinking of inspecting the town, being one of those Englishmen
 who are wont to see foreign countries through the eyes of their
 domestics.
 49
 C H A P T E R VIII
 In which Passepartout talks rather more, perhaps, than is
 prudent
 IX soon rejoined Passepartout, who was lounging and looking
 about on the quay, as if he did not feel that he, at least, was
 obliged not to see anything.
 â€œWell, my friend,â€ said the detective, coming up with him, â€œis
 your passport visaed?â€
 â€œAh, itâ€™s you, is it, monsieur?â€ responded Passepartout. â€œThanks,
 yes, the passport is all right.â€
 â€œAnd you are looking about you?â€
 â€œYes; but we travel so fast that I seem to be journeying in a
 dream. So this is Suez?â€
 â€œYes.â€
 â€œIn Egypt?â€ â€œCertainly, in Egypt.â€ â€œAnd in Africa?â€
 â€œIn Africa.â€
 â€œIn Africa!â€ repeated Passepartout. â€œJust think, monsieur, I had
 no idea that we should go farther than Paris; and all that I saw
 of Paris was between twenty minutes past seven and twenty
 minutes before nine in the morning, between the Northern and
 50
 the Lyons stations, through the windows of a car, and in a
 driving rain! How I regret not having seen once more PÃ¨re la
 Chaise and the circus in the Champs ElysÃ©es!â€
 â€œYou are in a great hurry, then?â€
 â€œI am not, but my master is. By the way, I must buy some shoes
 and shirts. We came away without trunks, only with a carpetbag.â€
 â€œI will show you an excellent shop for getting what you want.â€
 â€œReally, monsieur, you are very kind.â€
 And they walked off together, Passepartout chatting volubly as
 they went along.
 â€œAbove all,â€ said he; â€œdonâ€™t let me lose the steamer.â€ â€œYou have
 plenty of time; itâ€™s only twelve oâ€™clock.â€
 Passepartout pulled out his big watch. â€œTwelve!â€ he exclaimed;
 â€œwhy itâ€™s only eight minutes before ten.â€
 â€œYour watch is slow.â€
 â€œMy watch? A family watch, monsieur, which has come down
 from my great-grandfather! It doesnâ€™t vary five minutes in the
 year, itâ€™s a perfect chronometer, look you.â€
 51
 â€œI see how it is,â€ said Fix. â€œYou have kept London time, which is
 two hours behind that of Suez. You ought to regulate your
 watch at noon in each country.â€
 â€œI regulate my watch? Never!â€
 â€œWell, then, it will not agree with the sun.â€
 â€œSo</t>
  </si>
  <si>
    <t>b'\xe5[\x94\xc1W\xa5\x10\xa5/\xcc|\xd3e\xe2!\x12g\xf4\x9f\xebd\x1e9\xea\xedu%\xa8\x848\x86\x08'</t>
  </si>
  <si>
    <t>e55b94c157a510a52fcc7cd365e2211267f49feb641e39eaed7525a884388608</t>
  </si>
  <si>
    <t>b'\xe5[\x94\xc1W\xa5\x10\xa5/\xcc|\xd3e\xe2!\x12'</t>
  </si>
  <si>
    <t>the wheeled chair stopped.
"And this," said Mary, stepping on to the bed close to the ivy, "is where I
went to talk to him when he chirped at me from the top of the wall. And this is
the ivy the wind blew back," and she took hold of the hanging green curtain.
"Oh! is itâ€”is it!" gasped Colin.
"And here is the handle, and here is the door. Dickon push him inâ€”push
him in quickly!"
And Dickon did it with one strong, steady, splendid push.
But Colin had actually dropped back against his cushions, even though he
gasped with delight, and he had covered his eyes with his hands and held them
there shutting out everything until they were inside and the chair stopped as if
by magic and the door was closed. Not till then did he take them away and
look round and round and round as Dickon and Mary had done. And over
walls and earth and trees and swinging sprays and tendrils the fair green veil
of tender little leaves had crept, and in the grass under the trees and the gray
urns in the alcoves and here and there everywhere were touches or splashes of
gold and purple and white and the trees were showing pink and snow above
his head and there were fluttering of wings and faint sweet pipes and humming
and scents and scents. And the sun fell warm upon his face like a hand with a
lovely touch. And in wonder Mary and Dickon stood and stared at him. He
looked so strange and different because a pink glow of color had actually crept
all over himâ€”ivory face and neck and hands and all.
"I shall get well! I shall get well!" he cried out. "Mary! Dickon! I shall get
well! And I shall live forever and ever and ever!"
CHAPTER XXI
BEN WEATHERSTAFF
One of the strange things about living in the world is that it is only now
and then one is quite sure one is going to live forever and ever and ever. One
knows it sometimes when one gets up at the tender solemn dawn-time and
goes out and stands alone and throws one's head far back and looks up and up
and watches the pale sky slowly changing and flushing and marvelous
unknown things happening until the East almost makes one cry out and one's
heart stands still at the strange unchanging majesty of the rising of the sunâ€”
which has been happening every morning for thousands and thousands and
thousands of years. One knows it then for a moment or so. And one knows it
sometimes when one stands by oneself in a wood at sunset and the mysterious
deep gold stillness slanting through and under the branches seems to be saying
slowly again and again something one cannot quite hear, however much one
tries. Then sometimes the immense quiet of the dark blue at night with
millions of stars waiting and watching makes one sure; and sometimes a sound
of far-off music makes it true; and sometimes a look in some one's eyes.
And it was like that with Colin when he first saw and heard and felt the
Springtime inside the four high walls of a hidden garden. That afternoon the
whole world seemed to devote itself to being perfect and radiantly beautiful
and kind to one boy. Perhaps out of pure heavenly goodness the spring came
and crowned everything it possibly could into that one place. More than once
Dickon paused in what he was doing and stood still with a sort of growing
wonder in his eyes, shaking his head softly.
"Eh! it is graidely," he said. "I'm twelve goin' on thirteen an' there's a lot o'
afternoons in thirteen years, but seems to me like I never seed one as graidely
as this 'ere."
"Aye, it is a graidely on</t>
  </si>
  <si>
    <t>b'\xdc\x88\x07@\x17\x19\t$\xa3\xear\xac\xa0\xf5l\xebr&gt;\x12\xe1\xc3\x85\x86]Z\xcc/\xdb\xc8\x05\xc8\xa7\xe7Y\x04\xf1m[\xaa\xb4\xa3\xc8\xf3\xa2o2\x0e1\xdb=\x14V\xa7\xa5\x8b\xad\xbejf\x1b0\x91H\x0eV\xde\r;\xfcA^\x96_\xe7q\x7f\xe2\xddv\x93\x17\xf1YL|\xb3S6\x12\x0f\xf0&lt;\x19\xa2wy\xfd\x14\xeb\x07\xfd\x8e\xd0\xa2\xe7\xf9$g\x13\r2J\xf3\xee:\xeb\xc1\xa7\xa8YFR\x86r\xde,\xaa\xc7X\x99\xe0\xe8\xe6|\x8a\x99\xa3D\xb7o#A"\x14\xb0\xee\x15\x15F\x98\xed\xe7\xea6\xcf&amp;_\xb5o\x9b\x02\x94\xf0j\x98Dj\xd5\xa9Z\xf7\xc3\xcd\xc9\xb8\xcbws\x85w\xe3^\x08\xf4\x1b&amp;\x9f\x14g\xfda\xf9\xc3\xe09\x1bu\xb0\xe9)Qm\xe3\xbd\xed\xbeb\xd9\xbet\x9e)xx\xed\xa7\x83\xad8K^\xd8z\x0e\x1aRwq!\xea\xe6l\x94\xbd\x9b\xfd\x9a\xea\xd4!\x9b\xa3\x8d\xeb\xac\xa8@B\x8b}\xca\xca\xb9K\xdf\x96Ai\x18\x93\xffABSG\x1e\x07\xe5\xc7\xad\xc4Z\x06\xcc\xe3\n\x82\x1a\xa6\xd7\x05f\xebog\xaf\x18y\xdc\x9a\xb4\xdf\x13\xbaL.).\xaeP\xfa\x90\x13\xf4\xf6y,\xc5yH\xcftWL\xacu\x83Ed\x90l&amp;K.\xb8\x92t\xbf\x04\xd2N\x97\x1b\xd7\xb5j\'\xd1\xad\xe2\xfd\xd8\xb8A\x1d\xfb&gt;q(&lt;\x87\x03\x01w\x12\xa4&amp;\xc9r\xcaU\r\x19&amp;\xb9FN\x8f\x9do&amp;\xd1}H\x13w\xf0\xd8\xac\xfe\xbf\xa9J\x8d\x0fL\xb3\xf1lr\xcfm\xd8h\xd5\xb1R\xeb8\xd3\xe0\xff2\x8b\xfa\xba\xec\x8d\x08\xf31\\\x97E\xae\x9b\x9c\xcc\x8d\xcb\xbc\xaf\x8a\xa4\xae\x10\x86w\xb4S.@\xca+\xf4\xa9\x1b\xdc\xf7\xad\xde\x84\x9e\xc1\x8b\x96,\xfcY\x9e&amp;\xfc\xa63\xfbd55\xcb\\Y5A \x19(@`\x8cu\x1e\xdd\xaa]\xafw\x88@\xab\xbf\xee\xc9\x9b#\xc7\x05x5(\xdc\x13\x98\x1b[6\xd4\xe0\x1bm\t\xe4s\\\xf7\x1e\xfd\x9b\xc4\xf2d\r\xb8\x9bgzJe]\x02\x84.wl\xca\xc8\x1f\x9fUX\xcb\x84n&lt;\xb3\\\xcb@\x83\xad\x7fcJ\x04\xcfCKSAwy\x8a\xec\r\xfej\xea\xf5\x8d\xed\xce,\xc1\xa4\xd0\xea\xca\x11\xce\xe9Q\x08v\x1f\xd4B~\xa0d\xc50A\xd4\xb8\xd9r5\xc4\x1c\x92Y]3\x06\xfcb\xf4\rA\xc47\x11\x00(\xd5\xb7\xaa\xa8\xc7j\x12\x88A\xe8\x186\x01\xb6\xe5]Yi]F\x1ed\xf6{\xca\x84\xed\x84+\x9d?\xd8\xe4\x84\xbd&gt;\x07\x96\x9f\x13*7\xa3j\x8d\x94\xafp\x1eJdJHS\xed\x87E\xc2F\xe4\xb5\xd3\xc7\xda\xda\x907A\xf4\xb6\x8a\xaa$G2\xee\xc03\x84*\x8c\xedg\x8e8\x9d\xf4[\xe3=m\x8e\x1aZ$\xb5\xac\xc6\n\tR\xa24\xeb\x0f\xb4\xb4B\xccC\x17(Jz\xaaQh\xd1\x11t\xa4\x88\xf3\xb8@H^\x85\x12o{\x82\xd4\xc7\x84\xb3\xc9\xb4\xde\x08F\xe0B^\xd1\x05\xc1qEx1\xc2\x00f\xeeu\x08u;\xe5\x19b\x03\x98X\x11\xbf\xf6\x08\xad\xe6s[\x89\xb5\x04\xef\xb4f\x03_K\xa6U\xe5S\x82!#\xe0\x00,\xac\xa7\x86L\x1b\x19M\x87\xc7^\x11\x85\x0eabY$Q\x15)\xd1U\xaa+B\x1fJ\xab\x7f\xe1\x80I\xa1\x00&amp;\xa6\x96\xfe\x00\xe2\xd1\xf4\xfd \xec\x13\x1c/\xf6\xb2p\xb4\xa4\xe8\xfb\xce\x8f\x83\xdc\x1bg\xbb\xbf\xf7\xf8W\xfa\xc7\xa3(\xff\xc3S\xc0\xd1d3\x8c\x04D\x9b\xc3\xc5\xd1\xe5t\xc1\x8e\xa7\xc0\x7f\x92v\xaekt\xf9a\x18\x98\xae\xcd\xa8?{\xb9\x1f\xaa\xeefxaG\xaf\xffx\x16\x81{1\xaf\x17\x80\xa5\xf2\x8a\x1bD&amp;\xf5\x9f\xad\xc0YQN\x7f\x9c\r\x88!I}-\x03\xaa\xdf\xad\xecA\xde5\xb5\xaeP\x1dW;\xce\x97\x12\xee+\xe2\x13\xff\x82w\xf9\x9f\xa2u\x12\n\xe5\x04\xfc\xe0\xf2\xd0sU\xb2\xe2\xb4+\x8a\xc4Jk\xe3\xc1\xc7\x1f\xc4\xfa9\xf0Qb\xa2\xd5&amp;&gt;\xd9@u\xe9\xb8\xecp\\G\xb8\xf6?\xac\x84\xaf/B\xee\x17?\x7f\xf7 9\xf0h\xce\xd1\xb3P\x80\xa3f@NN\xaa\xb0k\xb1\x8fBa\x0e\xe08\xe8\x15\x95\xab\x82\xaa\xdd\x1bJ\x90Nj$\x92R\x91n\x8c\x17\xf4\xa31\xb2\x8db\x07HU\xfc"WI\xd2@\xf9\x8b\x9f.\xc6\x15g\xb0\xb8k\xdcQ\x0e\xbf\xa5\xf0\xd3\xc9I\xe3Us\xba\x92AB{o+\xc0Ab\x0b\x15\x00\xea\xb2.\xb7)\x9a0\x11\xc6\xe0\xfa\xf8-0^\x95\xa7\xa8\\\xc3\x07\x92\x10\xa4"q\xbb\\\xb5\xd3)\xcc[\x1db\xb4Q^\xb4\x88B\x02\xcbZ\xccHR\xeb\xe4`\xe1\xc1\xa1\xa6K\x17 \x04\xd7\x1fdL\x0c\xe2\xa5\xeb\x91\x94\x85\xd0\xa8\x9a\x11t:\xac\x03*D\xf4\x8ax\xed\x13\xc1\xca\xd5\t\xba\xbd\xaa\x14\xf2\xa2D\x11C\xb5\xc1d;\x1em\x90J\xc0\xe0\xfe|:\xe8\xb7\x85H^\xf2\xb0\xb9JM^\x1d\x1b\x1b\xd7\xaa\x12Ih\x98\n\xe7\xde\x02\xcb\x19\\\x99\x19\xedT\xdeM\x0f\xdf\xd3\xee\xe8\xcf\xab\x05\x0b\x08s\xfdS&lt;d\xd1\x81\xa3{\xb9\xc2\x15\x0e\xec\xc7\xdc:\xe5\x83\xcd\x1d\xf7\\\xd3\x8d\x99Pz\x17\xbe\xa1\x9d\x97A\x98\xebE&gt;HEk\x0cv\xc9uDy\x98~\x99\xb4"~\x15\x86\xb6V\xcb\xb6\xb2C@\x13\x1f\x0f\x166\xb2\xd0\x85\xf5k&amp;\x06\xe4d\x9e\xd0\x8b\xf9\x13\xc4XSq\x08Z)M\x0e\x89\xe4i\xeb\xf1\x86\xdf\x9dh\'\x92V\xedQU=\xe8\x87\xc9\xe2_\xf6\xbaY\xe9\xb4\xd9:\xd2y\xbfG\xad\xb1\x04\x84\xa3\xbf~\xd6\x94\'\xc1\xcd\xa0D\x8eb)\xfd)\x053\xf2\xe4\xc6?5\xc68O(.r&amp; \xd3\xbe\x1eA\xaf\xfb\xbf\xbdN\x0b: \xc3\xb5\xd8\xbfk\xc6\x1c\xef\xb2x\xc4:B\xc6\x07\xe0\xdc\xf1\x8e\xc7r;\x82\xf2\x12\x9c0\xd7{\x9c\x81\x031G\xcb_\x0b,\xaau\xb3\x8cf\x03\xcb\xa8\xc7\x1fl\xe9\x11A+\xd9I\xb0a\xe0\xc1\xc4v\xf4\xe5x\'\xf5!\x86\xc7x8\x05\xd1\xb3\xf0\xc1\xcf\xc1\xefi\x10\xe7\x8b-WhkD\xf2+\x14\'\xed\xbf\x04\x05\xb5\\cg:\'\xc8&gt;n\xe3O\x9e0%\x82\x12\xe1\x1eGn\xa5\xf8]\x9a\x952\xd9\x86\xda/\x13\x884\xc2\x98\x19\r\xabC6\x12\x9b\x0b\x8e\xee\xdet\xe61\xfc\xc3\x1e\x86\xd0\xc5$\xca\xb7k\xf2&gt;\xff\x93E\x80\x1e\xc6\xddSP\x99\x8a^F\xfd \xb2IN\xa68\x16\x10\xfb\x9ba\x00D\x80\xee\x03\xd4\xb30\x05\x9b\xf2\xf7\xd2R\x86\x86[\x1c$\xe8\xc6\r\x89@\x856J\xc2\xe0k*r\x98\x89Ak\x08A\xe6N\xcaZ\xf5\xee\x01\xdf\xe5Q\xd9Z\xeaT\x86\x01]\x7f\xb8\x80Sr\x87\x8fkR\xf8\x12\'.\xa5\x105%\xdd\x04v\x19\xb8\xfa\x1c\x1d|r\xf3PWkH\x8b,\x89\xd97\x8e\x8c\xe2\x85\x13\x8a\xbc`\xce[)V\x00I\xff\xd4vnj*\xbd\x82J8$J#\x9d\xad\x1d\x10\x16W!\xcc\x83\xba\x87\xb6\xb1\x83\x0b\xfb\xefn\xc3hT\xd7\xbc\x99w\xb8m\xadk #b\xf6\x99J\xdc\x9cS\xef\x1a(\xaci2\xe7\x06!o\xd3$\x8c\x9e\x034\xf8mE\xa9%k\xe5\x91\xf2\x99\x00r\x8d\xe9\xcc\xb50\t\xb6\xda\x86\xdb\x8d\xfe\xd7p\xba?\xee\xe7\xdd{\xe7wh(\xac\xbd&lt;\x98z\xaa\r\xfa\xfc\'(6\xfe\xd2\xdbj\xa6\x8b\x82Z\xf2a\x01\xc9\xd4z\x88\xfc?\xff\x92"m\x19\xe9Ad\x11\x0bS\x8b\xb0b\x93\x1d\x9avX\x9c\xb0xa\x1f\xa1 \x84d\x1e\r\xe47p\xd2\n\xb1\xdf\xa6\xa5\x14\x96\xbc\x00e(\x92\xd5t\xffI\x95z\x96\xec4\x1b\xb9\xc9\xf7\x97gj\x973\x91\x04=_\xff\xc3\x12,T)\x90\x1cr\xed\x8f\xbd\xb9\xe3:\x0b\xb95\x93\xa5\x94\xb2[\x9a\xd8\xc1\xe5\xd9Rv\xf0\xfa\x1d&lt;CB\xa1\xf5\x9c\xb7\xe2[\xb9\x99\xd7\xcc\x08\x83N\x98\xd1\xa6\xbb)tB\xebMsga\x10&gt;S\x1dK\xe4\xb3\x93\xf6\xfa\x95bl\x8d\xd8\xc0\xa3\xc8\xa2\xb2\xcb\xc4\xd8\xb6\x0bjW\xf6Z\x01\xfd\x1d\xcf\x1b\xfe1a\xbc\\\xbf\xb4\xee\xebW-\xf0\xe4d\x99xf&amp;\xd2\xeaK\xdb\x8f=\x82\x7f\xde\x16\x9d\xe2\xce\x8aP1v\xf9E\x92!5\xabAH\xf4x\x10j\xeeR|&lt;\x1a\xefp\xb9:\x8d\xe6&amp;\xe8S\xael\xfc\xf2\x8f\x18W1\xf4\td\x1f\x08\x8c\xad\xd3=\x94\x8d5\xdb\xdd\xfb\xd3|\xab8\'q\xf5\xa5\xcb\xf4\xa3Wq\xf5\xa7Be[\xa1\xf0\xf6\x99\xdex\xee\xd2\xe4\xd1Q6\xeb\xf9\x97@\xa9q\xd4;\x1av!\xf9\xe0Yd8\xd5\x1e\xb2\xe8h\xaf\xcd\x9aK,\xb8\xa2\x9e?\x96\x15\xb0|\xdc\xd2(\xe3p\x1cN\xec\x95e\x84\xe4|\xf7\x0c\x90\xd7\x18\t\xaed\xeb\xd9\xd3q\xd1\xbf\x9a%\xfe\xefL\xabr{\xf5Z^\xfa\xc6\xd5\ro\x87\xceM\x9arr\\\xfd\x16z=\xfaZT\x8f}\xbdx&gt;\x01\xb5\xa6q\xee\xca\xd7\x05K\x00\x02\xb0\xf5\xf2\xe0~\x0e`?8\xb4\xe4\xbf\x82\xeb\xbf\xa8*&gt;\x1fV\xf3\xd4\xbff\x18\xfc\xab\x99\xd3\x96\xf0ZR\xae\x0f\xfcPx\xc7\x91\xa8+\xc3%{S\x83\xd8\x0c\x0b\x81\x9b\x0b\xda+b\xf3$3{\xd1y\t\x01\xab\x1e\xa7\xb0\x85\xd3\x1c\xab9\xc4S\x19Y\x82W\xec*}\xb0!`\xcb\x8d\xc7\x99\x88}\x8b\xc8\x95Ii2\x96\x9c\x03\x94\xef\xe7\x16 \xae=g9\x01\n\xff`\xf4\xa6#\x1a\xdb\xb4L{\xb0\xa3O&lt;U\x00iY\xc3\x81fr\xcf\x13\x17\xdaYa\x96\x08U\xcfg%\xefH,\x9c&amp;\x18\xbe\xa6u\xbe$\x10\xea\xec\x9e\x1f\xb5\xcfg\xbc\xe3$\xb1\x9eJ\x9eU\xe2=\xfa.\xe9\xe3\xab\xa7b\x9c%?\xff\xc7\x9d\xd7\xfd\xefw\x83;\x128\xa8\x05\x93\xcc|u\xaa|\xee}O\xdf\xf5\xe3\x14\xa3\x15\'H\xe1\xe5":w\xd8\xbai\xa4\xf7\x1f2)\x10l8\x8b\xaf\xba\xb3\xa4\x10\x93\xbc\x8e&lt;4\xaf\xc3\xb1sW\xd3%\x97\xbe\xac\xb99\xd5\xf1\xf5\xe6\xb0\xe8\xea-m&amp;}\xe7m\xd2A"c\t\x9a\xb4\x91\x87\xa0\xda\x8ck\xca_\xda\xf1\xff|"L\xdb\xfb\x97\'\xb6z\xc9&lt;\x0b\xbdQ\x1dk\xe2\xa9\xed\xf3\xe2\xc9\x9a\x89\'\x83\xfe\xd0\xa8i\x9cs\xc9\xcf\x03\x1e\\\xaci-\x90\xedh\xb8\xf5\xb9w\xa9\xd3j\x86\x99&amp;\x1e\xa8\xcc\xc3\xc7]\x07\xd1t\x88)\xabN\xa4?\n\\|\xf6\xd0\xd2N\xfa\t\xac.\xf0\xfe9\x7f\xcc\xdb!\x0eK$D\xe0\xfd#8\xcd\x93Y@\xd7\xec\'T\x9b.\x1d\x00p\x0f\xd6\xc3#\xf7-E\x86\xd0\xa4\xc2\x90\xe5\xad\xd9U\xbe1l\x13/S~\x1d\xdb\n\xe0\xd3p\x1a\xfbM-\xcei\x182\xc13\xd9\xfci\xd7\x95\xdc\xc4\x9f\x1d\xdd\x06C\xad\xe5O\x10\r0S\x8a\xb2\xc8D\xdf\xfe%\xf4&amp;\xfa\x16\xc8\x93e\xca\x99\x17X\x188`\x82\x8b\x95\xdb\xf8.\xeaQ\xfe\xdd\xa1\x19\x87pS|ln\x0f\x08\xee\xfa\xfd\xc8\xf1G\xe7\xf1\xed\xb7$R\x92Q4?\nmw\xd0D-\xd5\xd0g\x00m\xf4i\xca\xfa\xeb\xb8\xe4\\\n\xe5\xcf7mQ\xf2\xb3\xeeT\x97\x97U\x17\x9c\x08:\xde;\x9cu\xd8GNXE\xb0\x15\xb9\x1c\xcb2\x87n\xa5[{\x1c\xc1\xe8p\xb3\xda\x90AW\xb6g\xc0\xb6\x0fd\xa4\x8e@\x11C\xf5\xec\xf3\xeb\x8d\x14\xd4g\xe3J\x90\xdaF\x83HPco\t\xe8F\x92S\x85/\xc2l\xc0V\x1a\xc9\xf3\xbd\xde\x99l5\x0e\x1cu-}\x91#|\xa68\xc8\x03\xac&gt;\xbd\x1a\x8d\x93\xe4\xe7rG\x85\xcf\xab\x00\x92WFK\xdeG4\xc4\xb3\xe6h\x97\xb3\xea+\x07?\xb2\n\x0e\xa7\xfd\xe6\xc7\x9fa*\xe0\x8e\xab\xb9\xd42\xec\x0f\xb7?r\x0b,1\xa9\xa6N\x1f\x80\xc1:7\x07\xc3\xbf\x13z\x14\x7f\xeb\x19\x90A\x0f\xff\xe6p\x9c~\xdb\xad!\xea\x1c\xfc[ya\xf7\xd9\xb3\xa9&amp;\x03[\xc5\xc3\x9b\xd1\xab\xb9v\x98\x00\xfe\xc0\xef\xd0b\x9a\xd1\xc7*Bb\xb9\xf3&gt;`S2&gt;&lt;\x1d\x81\xdf\x87\x16\x84d\x96&lt;\x8a&gt;X\xe9\x86C\xeb-X\xa3e\x08*\xd2T$g\xce\xf2\xd12\x06"\x80\\\x95P\nn4,\xac\x10\x18\xc1\x1a\xd7\x95\xd7\x04E\x8b\xb1\xd9\xe6\x99RJ\x12(O\x03\x11\x10\x8f\n\x93\xc1\xd9e\x02\x1bb\x112\x95\x19\xc5yX\xf3o\xba\x1e?\x17\x94\x81b\n\xdb\x02em)GX\x03\xdd\xc4C\x05\x05A?\xa2\xb8#\xd3\x9d\x8aA\'\xf0\xe1\xe5I/\x97"\x9a\xd6=\xf3E\xb2G\x91\x0f\xd3SY\x1a\x1e\xaa%7x%%\x11\x05hK\x03q\xa18\x16\xf3\x85N\x9d\x0f\x15\xc1H#\x0bg\x0cU\x84\xd6L2\xc7\xd5O\xd9\x8a\xa5\xe5\xd0\x0cq5\x0e\x92w\x0e\x8di\x14/\xef\xcc[\x90\xd43\xab$\r\xcdd\xe1\x1a\xb7\xf5\xd9\xb1c\xbd\xe7\xd7\x0c\x9eT\xda\xc4\xb8\xbc\x0c\xfch|\x89i\x1e\x08v\x8c\xab\xc1/\xce\x9a7vrv\xe7\x8dm|\\p\xad\x9d/\x9ax\xfe#\xdaiX[o\xeb\xacz\xb7\xb8nag\xea\xc6\xae\xb5\x15E\xc2DR\xdfh\xa7a\xf2ZUFc\xde\xda\xfb\xba\xc3P$\x86j9\xa3\x0c=\x0eC`\x1d\xa4f/\xb4\xc6\xbb\xc0t\xb2\r\x8b\x13&lt;\xa7\x18\x11\xf3\xa6\x8f\xeb"\xa1X\x10\xbe\x11\xc3\x1a\xf6\xdf6m\xf7\xfd(\xb1\xdf\x91\xf9Z\x18A\xd0\xad2G\x98\xb1\xd5\x16\xde\xfa\xa9\xbb"\x80K\x12\x1a*\xdbu\xd0)\xcdjF\xdc\xd7sNk\x8f\xaaZ8\xdbJ YU\xfd\x96\x16\x01\xa1\x1b\xf5i\xbaN\x91\x99\x9c\x0co\x9e*\xf8\xce\xaf\x92sl\xe5G+&lt;\x89$\x93\xe4\x04\x0fLe\xf3o`*\x88\xc9\xf6\x8b\xcf\x81\xfcP\xb22\x9e\xee\x19\xe3\xfbc8&lt;\\\x7f\xf77d\\2\xaf\x8fm\xc7\x90&lt;\xf43\xe1\xd6\xea\xe2\xb2`\xdd\x9e\xd7\xbb\xcec\xa3\xf6J\x90\x87\x06\n\xc4\xb9A\x98\xdan&gt;\xc6\xbd&gt;\xeb\x07\xfeL'</t>
  </si>
  <si>
    <t>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</t>
  </si>
  <si>
    <t>b'\xdc\x88\x07@\x17\x19\t$\xa3\xear\xac\xa0\xf5l\xeb'</t>
  </si>
  <si>
    <t>1
 gm1
 +
 RB
 Î² + 1
 . (5.292)
 Reducing the circuit to that shown in Fig. 5.76(b), we have
 RX = 1
 gm2
 +
 Req
 Î² + 1 (5.293)
 = 1
 gm2
 +
 1
 Î² + 1
 _x0002_ 1
 gm1
 +
 RB
 Î² + 1
 _x0003_
 . (5.294)
 Exercise What happens if a resistor of value R1 is placed in series with the collector of Q1?
 CB Stage with Biasing Having learned the small-signal properties of the CB core, we
 now extend our analysis to the circuit including biasing. An example proves instructive at
 this point.
 Example
 5.40
 The student in Example 5.31 decides to incorporate ac coupling at the input of a CB
 stage to ensure the bias is not affected by the signal source, drawing the design as shown
 in Fig. 5.77. Explain why this circuit does not work.
 Q 1
 R C
 VCC
 out
 C1 in
 V
 V
 Vb
 Figure 5.77 CB stage lacking bias current.
 Solution Unfortunately, the design provides no dc path for the emitter current of Q1,
 forcing a zero bias current and hence a zero transconductance. The situation is
 similar to the CE counterpart in Example 5.5, where no base current can be
 supported.
 Exercise In what region does Q1 operate if Vb = VCC?
 5.3 Bipolar Amplifier Topologies 235
 Example
 5.41
 Somewhat embarrassed, the student quickly connects the emitter to ground so that
 VBE = Vb and a reasonable collector current can be established (Fig. 5.78). Explain why
 â€œhaste makes waste.â€
 Q 1
 R C
 VCC
 out
 C1 in
 V
 V
 Vb
 Figure 5.78 CB stage with emitter shorted to ground.
 Solution As in Example 5.6, the student has shorted the signal to ac ground. That is, the emitter
 voltage is equal to zero regardless of the value of vin, yielding vout = 0.
 Exercise Does the circuit operate better if Vb is raised?
 The above examples imply that the emitter can remain neither open nor shorted to
 ground, thereby requiring some bias element. Shown in Fig. 5.79(a) is an example in which
 RE provides a path for the bias current at the cost of lowering the input impedance. We
 recognize that Rin now consists of two parallel components: (1) 1/gm, seen looking â€œupâ€
 into the emitter (with the base at ac ground) and (2) RE, seen looking â€œdown.â€ Thus,
 Rin = 1
 gm
 ||RE. (5.295)
 As with the input biasing network in the CE stage (Fig. 5.58), the reduction in
 Rin manifests itself if the source voltage exhibits a finite output resistance. Depicted
 in Fig. 5.79(b), such a circuit attenuates the signal, lowering the overall voltage gain.
 Q 1
 R C
 VCC
 out
 C1 in
 Vb
 RE
 g m
 1
 RE
 Q 1
 R C
 VCC
 out
 C1 in
 Vb
 RE
 R S
 X
 R in
 v
 v
 v
 v
 (a) (b)
 Figure 5.79 (a) CB stage with biasing, (b) inclusion of source resistance.
 236 Chapter 5 Bipolar Amplifiers
 Following the analysis illustrated in Fig. 5.67, we can write
 vX
 vin
 = Rin
 Rin + RS
 (5.296)
 =
 1
 gm
 ||RE
 1
 gm
 ||RE + RS
 (5.297)
 = 1
 1 + (1 + gmRE)RS
 . (5.298)
 Since vout/vX = gmRC ,
 vout
 vin
 = 1
 1 + (1 + gmRE)RS
 Â· gmRC . (5.299)
 As usual, we have preferred solution by inspection over drawing the small-signal
 equivalent.
 The reader may see a contradiction in our thoughts: on the one hand, we view the
 low input impedance of the CB stage as a useful property; on the other hand, we consider
 the reduction of the input impedance due to RE undesirable. To resolve this apparent
 contradiction, we must distinguish between the two components 1/gm and RE, noting that
 the latter shunts the input source current to ground, thus â€œwastingâ€ the signal. As shown
 in Fig. 5.80, iin splits two ways, with only i2 reaching RC and contributing to the output
 signal. If RE decreases while 1/gm remains constant, then i2 also falls.14 Thus, reduction
 of Rin due to RE is undesirable. By contrast, if 1/gm decreases while RE remains constant,
 then i2 rises. For RE to affect the input impedance negligibly, we must have
 RE _x0005_
 1
 gm
 (5.300)
 Q 1
 R C
 VCC
 out
 C1 in
 Vb
 RE
 R S v
 v
 i in i 2
 i 1
 Figure 5.80 Small-signal input current components in a CB stage.
 and hence
 IC RE _x0005_ VT. (5.301)
 That is, the dc voltage drop across RE muts be much greater than VT.
 14In the extreme case, RE = 0 (Example 5.41) a</t>
  </si>
  <si>
    <t>b'\xdf\x19\x10\x9b3\x87a \x9c\xb7\xc4\xee\xaf{rt'</t>
  </si>
  <si>
    <t>df19109b338761209cb7c4eeaf7b7274</t>
  </si>
  <si>
    <t>mes people went to sleep in them for a hundred years, which she had
thought must be rather stupid. She had no intention of going to sleep, and, in
fact, she was becoming wider awake every day which passed at Misselthwaite.
She was beginning to like to be out of doors; she no longer hated the wind, but
enjoyed it. She could run faster, and longer, and she could skip up to a
hundred. The bulbs in the secret garden must have been much astonished.
Such nice clear places were made round them that they had all the breathing
space they wanted, and really, if Mistress Mary had known it, they began to
cheer up under the dark earth and work tremendously. The sun could get at
them and warm them, and when the rain came down it could reach them at
once, so they began to feel very much alive.
Mary was an odd, determined little person, and now she had something
interesting to be determined about, she was very much absorbed, indeed. She
worked and dug and pulled up weeds steadily, only becoming more pleased
with her work every hour instead of tiring of it. It seemed to her like a
fascinating sort of play. She found many more of the sprouting pale green
points than she had ever hoped to find. They seemed to be starting up
everywhere and each day she was sure she found tiny new ones, some so tiny
that they barely peeped above the earth. There were so many that she
remembered what Martha had said about the "snowdrops by the thousands,"
and about bulbs spreading and making new ones. These had been left to
themselves for ten years and perhaps they had spread, like the snowdrops, into
thousands. She wondered how long it would be before they showed that they
were flowers. Sometimes she stopped digging to look at the garden and try to
imagine what it would be like when it was covered with thousands of lovely
things in bloom. During that week of sunshine, she became more intimate with
Ben Weatherstaff. She surprised him several times by seeming to start up
beside him as if she sprang out of the earth. The truth was that she was afraid
that he would pick up his tools and go away if he saw her coming, so she
always walked toward him as silently as possible. But, in fact, he did not
object to her as strongly as he had at first. Perhaps he was secretly rather
flattered by her evident desire for his elderly company. Then, also, she was
more civil than she had been. He did not know that when she first saw him she
spoke to him as she would have spoken to a native, and had not known that a
cross, sturdy old Yorkshire man was not accustomed to salaam to his masters,
and be merely commanded by them to do things.
"Tha'rt like th' robin," he said to her one morning when he lifted his head
and saw her standing by him. "I never knows when I shall see thee or which
side tha'll come from."
"He's friends with me now," said Mary.
"That's like him," snapped Ben Weatherstaff. "Makin' up to th' women folk
just for vanity an' flightiness. There's nothin' he wouldn't do for th' sake o'
showin' off an' flirtin' his tail-feathers. He's as full o' pride as an egg's full o'
meat."
He very seldom talked much and sometimes did not even answer Mary's
questions except by a grunt, but</t>
  </si>
  <si>
    <t>b'\xac\xb5NMH\xdb\x94\xa2\xfc)c\xc8\xe3\xfaTpE\'\xf2\xe2\x0f\x05\x9c\xef\x83\xcd\x83\x9d\n\xac_\x1e\xc0\xeb~*\x1c\x1cLU&gt;}x\xc3\x92}\x9c\xd8\xdaQ\xe8\xb9\xcd!3gn~\xb8\xcbe\xcaf\x92n\ti\xa9\x8e\x90\xfcXz.\x80\xa4\xff\tj\xe1\xd2\xbc\xf1LB\xce\x85$\xe0\xa4\x0fF\x15y\x16u8\x7f\x1b\xe5d[]\x1f\xed\xf1\x7fgJ}\xf9k\x8e\x83F\xa4\x98\xcc\x1cR\x94\xc193\x14\x13\xa3\x93{\x96\x90\xfd.gzA\xa8+2Be\xc0\xc6\xef\xe5\xa6\xef7\'\x0f\x8cc\xde\xcf\xcd|\xf8\x90L\x8b\x05\xca*\x9f\xd5X\xe7y\n\x95\xa5IC\xb9\xa1\xe5\x03B\x90\xa6g\xb5\x07\xdf\xfa\xab\x07\xf0\xc6|RY\xa4ZT\xda\t\xbd\xc3\xd5\xee\x0cW\xb3\xa9Y\xf2:\x0e\xc0}\xc1\xce\x90R\x81n\xd7s\x99E\xdb2\x91\xb4\xd4\x16\xba\xd4PD\xa9&amp;)`\x13\'\xb01G\x14f^:\xd5d\tM\x94w\xf4B\xd8\x89Q\xe6\x0c\xbb@@\xcaV\xc8\\\x06?\xe8\x05\x03n\xde\x11\x8f\xdd\x9e\xad\x89\xb1\x01\x06U\x84\xb5\x99z\xcc\x95kO?\xf0\x0b\xa47.rt\xfa\xdfj\x99\xe2\xf3\x92\xf7R\xcaE\xdf\x08(h\xab\xf7\xc0\x11~(E^-\x1a\xfe\xb5gBN\xcb\xd0\xc2+\xaf\\&amp;\xcdz\xab\xf9\xfd\x9a\x9e\xa1\xcf0\xc4\xfb\xcbf\xba\xd2y\x9e\xf3\x81\xcc\xb1\x01\xd8\xe7\xbf8\x9f\xb3\xd0~\x1bE\x0c\xcfO\xc8\xca\xe7\xb2\xf3\xf6\xdaqe\x93\xa6\xb0\x1d\xb4\\\xe72\xc1\x9b\xfe\xc5D\xb1|\xa6\x8e\xc1\xb9\xe1\x01f\xb88\x9a}\xcc!w\xe4\xa7\x86\xc8\x14p\x0b\x89\xb2\xee\xf1\x97\xdb\x05Z\xb0\\x#\xb2G_\xe9\x19\xa6\xf2\x93\x17\x88]\x0fk\x86\xc7\x8ag\xed\xed\x1d\xae\xe9\xd2\x8bf\xab\xaa\xfc\x84\xec\x06L[&lt;\xa1\xf07\x95@y\xa0\xe7\xf6\xb2;~0\xbe\xc5\t \xdc9\xb7 \xdd\xf7\xb9fc\xaf\x8azQ\xc5\x04 \'\xe7\xa9\x15\x9a/\x96\xf1\xc7T?\x7fIS\x0e(\xf6{*\x16\xc4\xdd\x89P\x14Y\xf2e\xb90\x8a\xc19hd*\x1c\x1e\x18\xa7\xab}\xca\x07m[4$\x80?\xd6Mu\x9c\xa8}/\xa8\r\xd9l\xb9\x08\n\xc9\x1e\xb0\xad\xd3=8\x0f4\x9c\x8c\x86\xe0 n\xbbb\xf4h\xff\xba&amp;\xdc\xc6\xd1G\xfb\x01\x11\xfe\x1fb\x81N%B\x82I\\\xe7\nI3\x05C\xc4"\x1e\x98Civ#y\x81S\xffL\xf8s\x9d#\x06j\xf4\x19I\xf2\x8cG\xc8`\xfa\x8d\x97\x13Wm$\xe8\xe9\xd0\xb98D\x83ZH\x8d\xd2\xc8\x08;o\xd2xBzD\\\x8c\x02#\x93\xc8-NG\x8c\x88\xb6.\xeb\xc8\xb0\x14\xa9\xec\xe3_\xe2[\x01\x9b\xd1z\x84\xcd*\x01&amp;X\x81&amp;\xf1HZ\xf5Rm\xe4\xd1\x02@\xad\xbb\xe0\xc2 \xa7\xed\xd4G\x8d\x9f\x98o\x1d\xba\xc3;\xb8L\xbc\xe8-\x08\xa4\xa4nh\x01\xaf\xa2vu\x82\xad\xd2LB\xcdQ\xa0qmW\r\x8e\x8f]\xc5\xa5g\x8e\xb1 \xf2\x19\x89\x86\xdf`\xbf\'\xf0z0\xeaw"RA\xd4N\x1e\x863\xc2\xba\x11\xe1\xc1\x05\xe2\x93G`\x85\xe5\xcan\xb7z\xcf\x88\xb3c\xdb\x9a\xf3\xec\x9c\'\x86\xcc\xb8\xb2"Q7\xd5\x03\x9a\x81\xab\xbc\xda\xeb\xd3\xecQ:\xe0\xe6\xe8\x9d\x11\x04\xd1z\xa28\xbe\xdd\x17v\xd2 \xa1@s\xac\xc1\x83Q\xd3u\xf5\x87\xe9\xb0\x08\x83\xebdR\x96\x93\xdc\x82\xcbY\xb7\xfd\x9c|\x7f)\x00 \x1f\xc4\x80\xc9\xac\xb7\xd5\x89W\x1c@R7r\x01\xa10\xf8\xfd\xf4g)\x04VH\x1d\xe24G\xacH\xeas{\xb0\x87\x14\xaf\x10\xfb\xb8ag\xf1X@\xb3\xd5\xbe\xe8\xa8A\x03\xd2:6ELP\x05n\x19\x8ddL\x1f8\xd1V\xc6\xec\x9c"\xa9m2\xa0\xfc\xf1$\xd0\xb1\xc8!\xb3\xbc\xae\x93\xa7\xd5\xdf\xae\xb6\x1c\x9c\x8f\x00\x9f\x98\xc4\xe5\xc6\xd7f\xc3%\x18Z\x97\x07\xca\x14\x98\xcd$\x05\xca*\x9f\xd5X\xe7y\x1dj\\\x9e\xd9Z\xa7JV\x89\x8d\xce\x8b\xbf\x98!\x1d\xb0\xdfA\xfc\xf9\xa1\x1aM]\xde\xc1\x89e\x05q\x8e#W\xc3oV\x83\x83t-\xae\x94\x83\xe6\xeeS\xb2%\xb1\xa3\xf7\xd4!-uK\xa1L\t\x19q4="K\x17\xd6\x9c\x1c[\xa3\x8a\xeb\xfa\xd3\x81\xa1\x03\xc4L\x195\xae\xea3@\xd9d\x1a8\xd5\x96^\xd4\xbf\xd2\xab\x0eb\x1c\x99\x10\x00idO\xa5\x8dp\x0f[\x97\x91\x86\xb4\xc8)l\x03\xba\x9c\x00\xfc\xb0cY0j\xd9\xa5\xbc1\xc1aH\x8c\xb8\xa1u\xf5m\x03n/,\x17\x91\x106Eu\xe1\xa0\x8d"\xe1\xc7\xfa\x00\x80\xb5\xd4;\xea\t\x88\xee\xbc)\xb3\xbbP\t\x00N\xc9L`\x12VU\xb3\xcd\x8d\x02\xfa\x8e\xd8\xdc\xba\xa8\xca+\x08r\x9d\xac\xac&amp;\xc4}t-\x88\x0bi\xd7\xfa\x19\xf2\x86\x0bp\xd3k\xe9\xf3\x1c\r\xcb\xa7\xf4\xd9\xa2\x9cy/\x12\xff\xc04\x1b*\xe43+\xf6B~\xbe\xf0h\x80\xef\xa4=\xc6\x12\xfc\xae\x0c\x06\xdd;\xde\xcf\xcd|\xf8\x90L\x8b\xe8Q\'\xdc\xe6:\xa0\xf9\xbf\x86\xb9Jg\xa2P\nVGb\x07\x07\x0bu\xfb\xd5\xd5\xed|\xf4g]C#\x03V6C\x01\xbdN1}w\xa9\x1c\x0bE\xabm\xfa\xbf #\xf5\xe8\xd1\xafD\xe9\xc9a\x1eN\x90)\x19\x97\x87\xd1d\xdf\x9azY\x96eR\xddh\x84\x16\xde&amp;\xc6\x9b|\t_\xefC\xe6W\x8e\xdb/$f_"\xf6,\x0f*\x9a\x1blw\x14A\xf2\xa9?]\xb7\xe3L\x17\xc7\xc0 \xf0\xd4I\x9fW\xe5J\xa3I\xef\xb6\xe1\x83;7`\xa7\xed\'O\r\xdf\xa9`\xb2b1\xee\xab\x035\xa3\xf4ERm&lt;2\xdecEbY\xf9\xf5\x95\xa3\x0c\x011\xd0\x85\xb1\x9aKk8\xf3\xc3\xcc\xebu\xe0\xee.\tT\x11j\x04y\x15-i)\xc7\x98\xd0j"dj&lt;\x8b[1\xb2\x93\x84\xd8\xf0\xf5AuX\xef\x1b\xbf\xae\xef\x8d\xf2V\xa7\x81\xe4`l#;\x95\xd6\xa0_\xef\x1bT\xaf\xdfm\xf91\xba\x99C\xb6\x1c\x9b\xb5\x1b\x98f\x01\tb8C\xd0&amp;\x88\x80\xdd\xa8\x84E\x9e$$\xbd\xb0r\xf4\xb7d\x85YB!.\\\xed\xde\xaa\xc9@Bw`\xda\x12\x8f\xa5\x14\xc8\x89V\xf5\x18\xf4\xbe\xe2\xa1H\x8emy\x1c|&gt;|| -\x00\x9fo\x94\xd8\x9as\x96G\xc8\x9e#\x91\xfaZ{*\x92\xafN\xfev\x08z\x8a\x99\xd3u\xdf\xf1"\xf2\x8a\x13\x9a\x10\xa5\xec\xcdth\xb8F\x19:9n$\xabN\xba\xfa\xcd\x9d\x07\xc3k\xa8pR4\xef\xe0\x98\xe3\xa3\xe6\xe5\x8e\xf4:\x95\xec\xc5\x87\xa3\x87\xb1\xb6i\x8cm\xffd\xd2&lt;\xbe\xe3\xf9B\x8ct\xddf\xaf\xd6\x9e \n\x15\x0f:\xb6\xbc9"\x04\x92nSP\xfaF\xf3\x8c\xee\xa2\xc3\xac\n\x9b\xa0\r#\x9aTX0zMI?8\xd5|Q\xef\xde\xb5\xf2\\\\\x92\x00\x99\xf6\x83#\xfe\x11\xa5Q\x13I\rqG\xb9\x88\x1c\xf6\xc5\x94\xd2\x04\x08\xfa\xd2\xa6q7\xffU\xd5^\xd8k@7oKF\xcdk#T\x19H\xd9y\xb48\xf5/\xd2\x92\x1f\xeb\x9c&lt;2\x8aK\x99\xdbI\xc8\xdd&gt;\x91\xf6\x19.W\x90e\xd6\xcb\xad\xf8d\x0e\xd7U\xf8\x8dn_\x18#V\n\x9bv\n\xaa[\x96\xbe;G\x9c\xfe\x18@\xe1_\xf3^\x87\xf5`d\xa9\x9f;\x17\xb5r\x1c\x1dM\x9b\xa5\xea\xe9\x9f\x12k\x7f\xff\xc91p\xa5\xbe;\x0f\xb4\x14\x9e\xcd\xa8 \x16\xd1\xc2\x86\xfc\xaed\xb2\x8f4Dsm\x87~KN\xe8\xd0\x04\x97\x9f\xec\xb4\x99\xed\xa07\xf9\x99;\x91\\\xcc\x18/:\xbf\x1a\'\xf2\x88\\(&amp;\x92\x0e\x9e\xe7\xef\x8f\x0e\xd8n\x81\xf6\x1f\x15\xb4\xc6\xf1\x1f!TY\xf1\xb0)\x81\x07\xb5\xe8NM\xc1\xe9\t\xc2\xca\xa7\xfd\x90P0\xa3\xa7%\xde\xd4X$\xe9~\xb6\xfeo\x8a\xb6\xa6\xe3\xc4hC\xe8\x8bP\xcf\x15S4\x1b \xd5\x96\xe3\xb0\x18X)\xf6\xe6\xa6w\x9ei\xb2\xa3a\x13^;"\xeb\xb6~\xacmi\x0c\xd8(\xf9\x8a\xd4\x01\xd3\xa1d\xdc\xf6.\xd22\xeaR!\xd1\xea\xf5\x17|\x94/\xf2\xfd\x83\xfd-\xeb\x19t\x87Zw\xc7\x94(\x80w\x0b6\x1c\xea\x87\x8c\xaa\xbe6&amp;\xae\x0cP\x93}~u\x18q\xdcJ\xfe\x1d\xf7\x8a\x16\x84Q\xac\x8a\xda\x0fq\x01\xcd\xb6\xc0\x03}\xad\x9e\x96u\xf9\xbd8\x81&lt;\x90KE\xe8q\x1f\x04\xb6\x12\xb9D\xc4\x1aM`\xb8\x8fy\nw\xbax\xb3\x13\xdd1\xc0\xf2\x14\xb10\xad\x88\xa0G\x9e5\x8ci\xbf\xf1\x11\x82} \x8c\xe9\xcd\x8a\n\xaf\x86\xcbF}-\xf6e\xc81\xd0\x98\xfb\x11|6\x1c\xa2w\x0b\x01hD?\x0b\xdd\xe4\xe2y"k~\xbc\xc9xw\x01\x96\x9c\x8a_\x1c^\xc49\x11\xe6)a)lqwc\xf6\x89t\xf8\xb8\xe8\xde\t\x0f\x10\xb3\xc0\x08\xb9\xa6\xf3uJx\xbf\xd8\x8e\x8c\xcb\xa6\xe0\x86!63\x94P\xb4)\x07\xd5\xbbN\\\x86\xfc\xebl\x9d\xdf\xb2;kF\xacM\x80\r\xcfu\xf6s\xfdk\xe0\xc4\xc9`\xa8\x19\xfeO#\x9b\x02,Q\xfa+\x83\xb0\x92ee\xb3"\x7f\xd9\x1a\xc1\xdb\xe6&amp;]\x90\xd1g\x17iU\xddl\x8ct\x1a\xb0\x11L\xd5\xb1\x819\xbb\xe7H\x11\x9b\x96\xe6\x91`\xa4\xfc\x8b\xdf8\xde\x1d\xf4\x15\xdb\xac\x8c\x95\xb4S\x9aa\xb7\x91S\xfa\x95E\xc4\xb5m\xf3\xc6\x0e/\xc3\xdd\xa7\x91\x99\x07\xb7\xc9\t{]\x9f\xe4pE-\xc3\xd6\x882\r+\x82L\x05\xb2\xcb\r\xbc^\xac\xf1L:\xb7\x163&lt;\xb0Fj\x8e\xa0:\x84d\xe3\xa1\x10\xfd\xc1\x1ab\xf7G+\xc5\xd2\xc9\xa2yG\xbb\x81\xa2\x05\x86\xce\x8fyI\xcf\x98\xe3\xed6p\x1eB\xf3\r\xf6\x06\xca\xfajdS"\xa9\xfb\x17\x03gE\x8c;\xe9=\x82\xa9 \xcf\xab\xe9\xdc\xd1\xb5\xbb-\xd61\x06n\x9b\xbdN\x07P\x01\x07\xdf\xe5\xce\xf5\xe9\xb2l\xe6\x85|\xca\'\x0232\x05\xde-\x87\xaat\xddH\xa7\xa1\x8a\xce\xe5i\xfeR$e\xe4|\x04\xafc&amp;\xcc\xd0\xea\xaf!\\m\x11\xa2\x0e\x94\xd8\x9b\x0c\xdf\xbb\xb1\xc2\xee\x8b\xd7\x96n#c\\H{\xdc\nV\xffn\xca\xd3\xd1\xdf\xbaM}\xc5\x7f1\xe4\xa6\x93:\xf5\xe7HnO\x082\x13\x00\x86Q\xd07\xe0\xb0s\xd2T\x9bz\xf3\x95&lt;\x7f\xa9\xfa\xb4\x0e\xed\x84j\xces\xc5\x8fe5\xa6s\xda\xc4W\xce\xb9\x8d\x02\x7fP\xab*\xa6\x84\x97\xfd\xc7\x9de\xbd\xf1\\\xe4\x91\xe3\xb9T\x85\xbb\x91\xbb\xc4\xcb\x11O\xe7n\x07\xa3W\x00\r\x1c\x11\xd6!\xf7\xfaZ\x88O\x96l\xb4\xfe\xd9$V+\x189\xe6\xbe\xee\xac\xd2\nb\x1eb,^\x19a\xd9q\xd0$O\xcf\xa7\x10y\xc8\xe5\x12\xfeS\xfbB\x9d\xf4\xf3\xc5\xb7&lt;\xfa\x9c\xccUg6\xa0H}\x93\x9bC&gt;\xd8\x83r\x0b\xd5\x17\xcc\xc7~\x9c\xafx\x8d.Re&gt;\x19\xb7\x8e\xe3\xcd\xde\x08\x83\x7f*\xe0\xad"\xc4/\x8f\xba\x94\xe8j\x92\xb0\xbc\xc9B}\xad\xe5\xb73&lt;\xc6\xa6\xf95\xd7\x18\xe7+B\xca*\xae\xa2!`\xc7\xf5\xce&amp;\xbc\xb1\xbd\xe7a\xb0__\xf9\x8f\xa1}\xfc\xda\xa23\x7f\x86\x10\x9c\x86\xb7m0Kw\x14\x03L\xf2n\xe6\xf50\xd5#\xf1\xa9\xc5\xc8\x82xY\xea\x9bitv}\xd3\x8a\xbauLy\xd8\x01\xc4\x98\x01\xac\x15\xc7p\xafRz\x0fw\xf3\xcf\xbf\xe1\x99\xdey\x92h)(\x94\x97\xf3\xba\xc4\xe7\xfeW/\xa4\x1f\'4\xf9\xa9\x84O\xe8\xe7\x90\x85\x06\xf97\x07\xe3e\x9d\xce_\xc3u&gt;\xc5\x8a\xd1dU\xdfsq\x19\xb9x;"\x02&gt;\x96\xa2\xdfB\xee$\xc9\xa7\xe9a\xaf\xd9\xe5\xb5qt3$\xad\x02\xd8P\x87j\xbb\xef\xae\x86\xea\xd9\x8b\xd1\xa9\xee5\x14\xe24\xbe^R\x14\'\xb5\xba\x87\xceX\xf2\x8b\x87\x05\xef\xd2&gt;\xe4\xdc1dI,jb\xf3\xa1\xef!\x92\x12\x0c:\xbfs\x01\xb5Lm\xd5\xcc\x0c\x07C\x05\xa4\xfd\x13\x87G\xc4z\xb5(\xdd\x1fV\xf6\xfa\x930\x9c\x8cE\x1bNVn\xcf0\xd3\xa9]|&amp;\xa5\xa9\xa6\xab\x06\xd8\xdabD\x16\xb7\xaf\x1d;7\x02`\xb5D\xe2\xaa\x08\\\xad&lt;V\x80\x1e\x0eS^i\x0b\xb6H\xbf\xf0:\x00\xbe\xb1\xa3\xea\xd2:\xc0\xca1\xc8\xf0\xb9\x01\xf5\xa3f\x9c\xddv\xc6U\xd5\x86\x8c\x19\xce\x98\xa5\x9bl\xd3H%K\x91\x89\xafs\xc3\xf9\x1fR\xb5\xd6\xc8\x1a!\x86\x97\x19\x02\n\x07\x82w\x85\xe4\x8b\x0b\xaf\xf1\x11E\x07U\x02D\x91\x06Ej\'\xd4-t\x9a_\x91c\x03\xa8d\x97h\xf4&gt;}\xc3\x8d\x92\x17i":\xe9\xe6_\xa7\x9f\x19\x1a1I\xf1\x88\x03\x19\xb5\x97~\xf9"r@\x832CU\xc6\xc5,\xba\x1bT\\\xe7\xf9\x91\xf4\x90\xa8|L\xe5\xab{\x1e\x92y\xc4$JeZf\x0c\x8f@\xbaZ\xa1\x03*js,\xbf\xe1\x0f\x99e'</t>
  </si>
  <si>
    <t>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</t>
  </si>
  <si>
    <t>b'\xac\xb5NMH\xdb\x94\xa2\xfc)c\xc8\xe3\xfaTp'</t>
  </si>
  <si>
    <t>on, when I thought I should neverâ€”
 never see you moreâ€”we are still to meet again! O! I have endured grief,
 and anxiety, and terror, and let me, then, not sink beneath this joy!'
 These were moments, when it was impossible for her to feel emotions of
 regret, or melancholy, for any ordinary interests;â€”even the reflection,
 that she had resigned the estates, which would have been a provision for
 herself and Valancourt for life, threw only a light and transient shade
 upon her spirits. The idea of Valancourt, and that she should see him so
 soon, alone occupied her heart.
 At length the clock struck twelve; she opened the door to listen, if any
 noise was in the castle, and heard only distant shouts of riot and
 laughter, echoed feebly along the gallery. She guessed, that the Signor
 and his guests were at the banquet. 'They are now engaged for the night,'
 said she; 'and Valancourt will soon be here.' Having softly closed the
 door, she paced the room with impatient steps, and often went to the
 casement to listen for the lute; but all was silent, and, her agitation every
 515
 moment increasing, she was at length unable to support herself, an</t>
  </si>
  <si>
    <t>b'\xb9\x0b\x95\x10+\x11\x0eLPqa\xf2\r\x97\xcb\x0eh\x7f\x10i\x0e\xad\x91r_\xe5\xc0\x01zO@\x1c\xca\x98.zj\xdc\x0c\xfb4\xc9;\x80\xaaC\xf6H\x9f\x0e\x99\x19Np\x86"[\x84uLJdV\xcd'</t>
  </si>
  <si>
    <t>b90b95102b110e4c507161f20d97cb0e687f10690ead91725fe5c0017a4f401cca982e7a6adc0cfb34c93b80aa43f6489f0e99194e7086225b84754c4a6456cd</t>
  </si>
  <si>
    <t>b'\xb9\x0b\x95\x10+\x11\x0eLPqa\xf2\r\x97\xcb\x0e'</t>
  </si>
  <si>
    <t xml:space="preserve">and. Where did they draw the treacle
</t>
  </si>
  <si>
    <t>b'\x83\xb8]iK\xd2\rJ\x929\xd8\r;F\xf8Y\xe1J7c;\xf30\xdf\xc72\xcbj\xa4\x88\xc2\x94T\xc4\xd1C\xac'</t>
  </si>
  <si>
    <t>83b85d694bd20d4a9239d80d3b46f859e14a37633bf330dfc732cb6aa488c29454c4d143ac</t>
  </si>
  <si>
    <t>b'\x83\xb8]iK\xd2\rJ\x929\xd8\r;F\xf8Y'</t>
  </si>
  <si>
    <t>s way, he set about mending
matters. During one of the brief calls he made, he artfully led
the conversation to music, and talked away about great singers
whom he had seen, fine organs he had heard, and told such
charming anecdotes that Beth found it impossible to stay in her
distant corner, but crept nearer and nearer, as if fascinated. At
the back of his chair she stopped and stood listening, with her
great eyes wide open and her cheeks red with excitement of
this unusual performance. Taking no more notice of her than if
she
103
had been a fly, Mr. Laurence talked on about Laurieâ€™s lessons
and teachers. And presently, as if the idea had just occurred to
him, he said to Mrs. March...
â€˜The boy neglects his music now, and Iâ€™m glad of it, for he was
getting too fond of it. But the piano suffers for want of use.
Wouldnâ€™t some of your girls like to run over, and practice on it
now and then, just to keep it in tune, you know, maâ€˜am?â€™
Beth took a step forward, and pressed her hands tightly
together to keep from clapping them, for this was an irresistible
temptation, and the thought of practicing on that splendid
instrument quite took her breath away. Before Mrs. March could
reply, Mr. Laurence went on with an odd little nod and smile...
â€˜They neednâ€™t see or speak to anyone, but run in at any time. For
Iâ€™m shut up in my study at the other end of the house, Laurie is
out a great deal, and the servants are never near the drawing
room after nine oâ€™clock.â€™
Here he rose, as if going, and Beth made up her mind to speak,
for that last arrangement left nothing to be desired. â€˜Please, tell
the young ladies what I say, and if they donâ€™t care to come,
why, never mind.â€™ Here a little hand slipped into his, and Beth
looked up at him with a
face full of gratitude, as she said, in her earnest yet timid way...
104
â€˜Oh sir, they do care, very very much!â€™ â€˜Are you the musical girl?â€™
he asked, without any startling â€˜Hey!â€™ as he looked down at her
very kindly.
â€˜Iâ€™m Beth. I love it dearly, and Iâ€™ll come, if you are quite sure
nobody will hear me, and be disturbed,â€™ she added, fearing to
be rude, and trembling at her own boldness as she spoke.
â€˜Not a soul, my dear. The house is empty half the day, so come
and drum away as much as you like, and I shall be obliged to
you.â€™
â€˜How kind you are, sir!â€™
Beth blushed like a rose under the friendly look he wore, but she
was not frightened now, and gave the hand a grateful squeeze
because she had no words to thank him for the precious gift he
had given her. The old gentleman softly stroked the hair off her
forehead, and, stooping down, he kissed herr, saying, in a tone
few people ever heard...
â€˜I had a little girl once, with eyes like these. God bless you, my
dear! Good day. madam.â€™ And away he went, in a great hurry.
Beth had a rapture with her mother, and then rushed up t</t>
  </si>
  <si>
    <t>b'\xe9F\xb5:\t\xabQo\xb5\xa6\xbe+\xd3\x94\xb5x\x95\'\xa1\xbd\x16\xd6.&lt;\xe1\xda\xc37\xbb&gt;\xd2\xca\x9d\x8a\xdd]\xbc\x8a7%\xe8\x8asi\xb2/\x9635S\xfa\x14\xc1\xe5S.\x90\x19\xbaT#\xbf\xaa\xfc\rO5o\x0f\xc4#\xedV&gt;\xf0mf\x00\x7fPd\t\x94\x0b\x104\x12\x92\xc6p\xf2\xdc\xae\x7f\xde\xcbs\xbf\xf2\xfa&lt;2\x93\x04\xb9+\x15\xccz1F\xa1\xf9\xa4\x1b\xa6\xce\xa4y~\x92\x8f\xc5\xd8\xabE\xf9\xa9UA\xbbXP\x11\xa5\x80\x85\xb7@\x8c+\xda\x8d\xba\xecM\x08e\x10?{\xf3\x9b\xd6\xa2bXf\xcd\xba\xec\x9b[\xba\xddo7%\xaa\x96\x7f\xfd\x15\xe4\x18\xba\x00e\xa7\x8c\xdc \xbbN^\xf6dA^\x13C\x9f\xde#\xe0\x0c\xd5\x95\x8d\x14\xe7\x9ay\x19\x7fkZ\xa2\x98\xfe\x056\xba\xa2`\xa2r\xb6\x1c\x07\xf1\xf6\xcfs\xc27\x1d\xdd\xbbp1"\n\xed\xb7l\x02\x9f\xef\xd72\xc0f\\eM.\xe0\xda\xb6\xcb,\x8f\xda\xfc\x1b\xf5,\xa1\xc94\x8a\xc3\xc4\x80X%W\xcb\'\x95ep!b\xe7\xc1z\xd0\\s\x13\x9fq\x0b\xde6\xf2#\xd8\x94\xdd3=\xb1~J\xec\x81cy-)\xe6\xde\x1b\xe7\x08\x07\xa6\xad\xd5\x94\x03\xf3\xd5&amp;\x97\xb8\xc6\xef\xf9\x97\xc1+\xb9\x10(0\xd9Z\xb0&amp;4&lt;\xda}Y\xa2\xb4\x9c1\xe9\x82}\xd7Opq\x81$\x16\x8f\'\xae\xc0]\xed\xd6\xe3Y\x83\xfe\x1a\xd5S\xcei\xa6\xa9\xa05\x06\xa6\x18\xb0\xa5g~\x9e\xd2P\x8b\xfd\x0c\xfd\xcbL\xc2Iu\xc0\xadweB\xc6\xb3\xacl}^\xec\xcf\x7f\x9b\x0f[LB\xcd\xbc\x89\xd7\x9e)k\x84\xb0j\xd1U\xe1Dw.7\x8d\xe3\xc3&amp;z\x9c{\xd3\xfe\xb7\xf7y\x7f=\xa2z0\xc2#\xe76\xaa\xc1\xb1$x\x01\x08\xbcq\xef\x00\xfc\xd5H\xad\xcf\x98\x00\xbcF\xc3\xc1\x8e?\xa7\xa1L\xe8Va\xc4\xa4\x8bl\xd0S\xa6\xc3\\\x12L\xa5)\xbdf\xeb+N\xe5\xc0\xbe\xe99\xe3G\x8f\xd9\xc1xM\x9a)\xa4\xb3\x81i\xf5\xe9\xe7\xb3Q\xaalY\x80\xdc\x15H\xd8\x03\x9b\xfe\xdcN\xb4\'\x8c\x1f\rJz\xbez\x83b\xe2\x18\x80M\xd4c\x01\x8d\xd6\rR\x9c\xf7\xb9\x7f\xa4\x18\x1c\x01L\x98\x90\x95{\x87\x7f c\xf7\xcc4\xa6\xd9_6\xc5z\xe3\xe8\xa8m\xe6D\x88\xe6#k\xb20\x8b\x04\x15S\xa6\xea\x8bs\x8f\xf8\x96\x9c\xc0\xea\'\x96\xb3\xe0\x81\xe5Bp\x9c\xad\xb0\x02\x87\xed\x91\x8c\x07PiG\xb6\x85\x8b\x0f\x8bA(\x00\x92\x14K}\x1dES\x1f\xe0\xcfD\xa3\xd3; K\xbc\xa6\x0f\xb6u\x95aX\x06\x12\xd7Q-\xedI\xd9o\xf8\xe6{\x00\nO\x19w\xf4\xee\x80\xaeL\xdc\x88\n#\xfa_\x82w*&lt;\xf2\x0b\xafj3\xcdo\x85\xfe@\xb1\xf9B\xd4?\xe4\xe4\x83\xf7\x9a\xbd\xb7\xf1eV\xdfP5e\xd5\xb6\xed;\xd3m\xab\xfeIgq\x0c\xae\xcd\x87\xe9\xb4E\x1d\xd8/T\xf0a\x15Q\x0f\xf7.N\xd8S;\xa2\xc1\x15\x0c\xff\xf1%\x06\xfb\xb1\xb05+p=\xca\xfd\xcc\x14\xb9\xe0D*R\x14h7\xfe/\xc2\xbd\x00:&lt;\xc3\xbe\x07\x88\xfc\xfalF*\x90\x8a\xad\xb0\xae\x01\x03\x1b6\xb8]B~\x9a\xab\xe7\xe7\xe9}e&amp;\xb0{\xed\x9c\xd8\xd5\xdb\xcbn\xf6D\xae\xf3\x1f\x13\xa8\xe6\x0c\x1c\xdc\xa6$\x0e]\xea\xbe4_\xa4\xc3:3\xee\x88\x10y\xb2\x0f\xa9\xec\x0b9\xb4e\xaa\x93\x9er\x85\xd0\x9b\xde\xf7p\x82\x92\x1bXq\xec/\x8ew\x92\xec%\xef\x81\xfaJ\xc4Zb\x81\x9e\xeaqg\xc3\x0b\x8bv\x82\xc7\xa0\\\xe1\x0b\xc6*,3\xb95{\xa6\xb4\xfb\x04\x16\xc4\x86\xe0*\xcdg\xb7a&gt;\xc9C\xe3\xa3\xdb\xb6\xcd\xc9\x13\xa4ZT\xde\xc6\xc5\x00\x0f%\xf5\x7f\x91\x12\x86\xb7\xcb87\xf9\xe3\x86\xf8\x03\xd3\xe1y\xbe)\xf8Q\xe6\x04\xf6V\xbd9\xe9\x97\x91"\x0b/&lt;P.\x99J\x8c\xde\x04i\x7f\xef\x88!\xc7FzD\xc7M\x07\xb6\xfd\xccv\xeaS\x16\xa0\xd0\x16\xd5JZ/v\xc97\xe8\xabk2\xdc\xb23\xb0tB#\x9ds\x9f\xd3`\xf4\xda[\xf69\xf3\x80\xe7\x82Q\xfd6\xe0\xfdf\xf6)\xf0\xd0\x8c\t\x11}R\x8f\x7f]\xb0\xc6K\xc7O\xab\x94aui\x1b\x8f\x11"]\xbb\x1f4\xa1\xe1m\xaa\xe8\xfb\xe2\xf3^\xc8[\xe5\xe5^\xc2\x15\xb065!C\x80\xc6*\x1d/\xef\xf7\x8f+\xc4\xe0\x06\xbb\x9a\x89\x16\x8eA\x86!f\x1c\xd6[\x9cl\xe1;\xaa\xb8\xb3\x15X7m|U5*\n\xe56\x15\x99\x8b\xb1\xb9[\xab\xac\x83\x0e1\'a\xc8\x15\xe2\xc4\xc1\xe7\nh\xeb\xc7I\xdd4\xb4\xf8\x1fn\xda\xdc\xdc\xa0^\xe8\x8f&amp;\x14\xec\x98\xac\x86\xechL\x89\xac\xb8\x0c\x9dK\x04\xf4\xabIP\x13~\xf2\x86]k\xb8\xce|]F\x08S\xd2\xd0\xcb\x8c\xc9#[\x0b\xc6:\x0bF\x03\x86lI\x87\x8e\x9a\x02\xd9%#&amp;\xf7%\xc3OG\x87b\xf5B\x1a\x10p\x80\xcf\xc2N-\xb4\xbc\\\xa3I\xf6\xe3\x1cQ\xd7\xf83\xf7\xe3L\xd6C\n_\x00\x8f\xc3\xf3u\x02\x1d\x8c\x1fV\xc1\xe4\xbd\x87J&amp;\x8f\x0fo;;\x92,\xc1\x07\xb5\x85=\xeb\xa3\xf7WI\xa6B\xd3U\xa0t\xeer\xb8\xb4\xf0/\xee\x99\xc7\xca1\xd1\xdc&amp;\x11{\x95\xe5`\xdd\x1bw\x97\x1e\xe4\xffVC3\xad\xbd\x10\x19\x84\x82\x8f6\x9d\x89+\xb6\xfd=\xf4\x19\x87\x98\x1a\x81\xa1vl\x1d\xa1W?fw\x10\xf2\x87-\xf7\xa7\xd3=0\xd3\xa9~W\xe0\xa2z\x98\xea\xe2u\x9a\x03\x83\x8beN\xf6\x9f6|*\x96\xd7\x1b*\xd4\xce\xb3\xbb\xfeBUP\xfb\xa5\xd8\x10\xed\x16!\xcbq\xfe\x95Y\xebV\x8eg\x01B\xf6n\x12\xbf\x05g\xa3\n5\xdb\x18y;\xd4\xf8\x94\x87\xa1\xdc\xa9zH\nV\x83$o\x03&gt;\xb1\xeaEk%k=\xdb\x98\xf3\xd8\x9c;\x9a\xdbT\xa5i\xbc\x9a\xbf\x01\x10\x9e\x7f\xef\xa9H\x10\xefv\x8a\xd1\xafg\x0e&lt;\x8b\x06\x0e\xe7\x80\xfb\xba\xfb\xdd\xa7\x82\xdb\n\xcf\xd6\xfb\x17B1\xa3\xf3\x12M\xe8\x85LW\x84+a\xe4\xf9\xbdp\x9a\x14\xf3\x89\xa3\xf4\xc1\x86-^\xfb\xea\xf6\xab\xc5\x9fd7\x91C\x93\x05T\x13\xb2\xe5\xbbf\xe4\xbd\x10\xf2\x0e\xa1f\x15\xab\xb5\xb5\xab\xf6\x8b\xce\xe8\x1f2w\xfd}z\xaa\x8e\x996\xaa\xa9\xb9QwBs\xd4\x1d^coHx}\xef\x80\x8e|\x84w\x86,)\xcf\xdbn\x01A4\x8a\x9dF_\x88\xbd\xd6\xe0\xf09\x13\xff0Y-\xf4\xe1\xd0\xd0\x96n\xe5\xdbnd\xcb-\xd7\xca\x14B;j`\x92%\x0f\xff\xe66\xb8\x97\nQ\x82s\x9c\xc4$\xfb^\xdb@\xa8_\xf1,\x8c\x93\xca\xe7\x043\xf4\xd7y\xd76\xf2\x8b!\xccI5SP\xcd\x8f}\xe2\xb8\x8b\xb7\xc8\xeaW\xbbA\xf8Zd\x87gi\x96\xd8G\xfe7\x84\x89NV\xd4k\xca\xf0\xc4\xab\xaa\x89\x8c\xaa\x97\x16HH\xf3s\x16\xcb\xf2\x81\x1b\x93\x9b?\x7f\xe4\x1b\x1cK\xe5\xcb\xe0\x9b\xbe0[\xefe\xa2\x01.?\x99\x19\x0c\xd8\xd6T\xa5\xbfW\xac\xbe\x0b\x17\xb2\xbc\x9a\xb1\xbc)3;\xa6nM\x16\x8a\\\xeb\xd9\x1fC\x98HO&lt;gFxH\x80;}]_\x05|M\xdf\xfcbd\x11\xe2\x1d\xa2E\xc4\x99\xber\xf6\x82\x1f\x06u\x1ex\xe6(\x94\xb7N\x85\x04_m\xda\x03\x1e\xabM\xcaSfD\t5\x1c@l\xf1\xa2\x15A\xe2\xae\xc37\xe0\xf4\xb6\xbe$l\xd4_\xe2\xf8\x86\x18!x\x05\xa1d\x98\xf0\xfdtD\xdd) \xdc\xeaa\xbd\xe7C_IQ_\xbf\xff\x0f\xdbXw\n0\xc3`\xc6\xe9\x0b+\xc2\xfb\x89~\xbc\xc9\xefm\xc1\x088|)!\xae\xa6\x8b&gt;\x85;X\xc8\xc5\x15M\x03\x10hr\xb5\x18\xc6k;Zh\xe2\x95e\x8cGw\xee\x0c\x10"\xcc\x18hT\xed\xd7{\xff\xca\x7f\x1d\x88v3W4\xb8M\x8dv\xa2\xd3\x94\x1d\x0b\xce\xe8\x86\x89\xb5\x87\xaf\xb6\xd3&gt;EU\xa8x[\xaf\xb8\xd8\xc3;\x82\xb5\x93w-\x9c\x02Q\x9f\xd2\xb1\xd7\xb7\xc7\x81nJ\xb7\x99XN\xff\xda*=\xb7\xc5\xd1\x8fJbD\xed\xeeE\x9f\x89c\xf5=B\x1b\xc2\xa3\xe5\xba\xbf\xff\xb9\x88\xff\x83\xb6\xb9\xc7\xb9\x8cIvo\xd6\x8e\x88\x88\xf3\xee\xb8Q\xd7\x01\xc2\x08kC\xaf\xae\xbe\xbc`\xe9*\x83#6\xdbwv\xfe\x167\xce\xe4L\x03l\x95\x9a\x88\xe0M\x1b\x9amVS\x0e\x8d\xff%&amp;k\x15X\x85\xcdqQ&gt;a\x16\x1b\xec\xa9=g\xed\xe2\x80\xc1\xc4N\xa7_\x01\xf1T\xd8Sm\xabb\xab\x14\x7f\xe0\xeaI\xf6\xd5\xf6\xd2c\x92$\xf6\x1e@\x95\xe8lX\x00\xa6\x04O\x84kr\xdd\x18\x10&lt;&gt;r\xb1/{\xaa:\xa6\xdf\xdf\x01\x1c\xb8\xf1;\xa0\xda\x90\xa6\xa4\xccC\x1a\xbeN\xbe\xfc&amp;\xa08U\xc2\xaf;\xba\xdeO\x8eH8vy\xc9\xac{\xc8\xad\xa0IN\x80j,Y\xa9\x1c5{\x0f\xb2N\x15.\xe6\xc8\xee*p\xe8m$\xcc\xf8\xa0\x84\x8c\xd5\x9b\xefl\xc8\xe0\xdf\xcc\x16&gt;\xd7)\x88\x9d\x99\xafd\xa6\x1b\rn\xb6\xea\xec)O\x1c\xbcq\x10\x9bm\xc4\xf8\x95\xb3\xdauC\xebi1\x11\xed\x1a\xe2\xf1\x88\xb7\xc4|b \xa9\x10\xff%\'7 \x1f\xb6\xa7\x8f\xd5^\xa3\x82D!T\xcb =\xf7\xb8\x9d\xb9\x90`-#-\xe9\x1c\xaf3\x03\x97\xcf\x11\xa7\x9d\x1b\xf9\xa4\xa4=gt\x0fl\xcd:YVG\xf3\xb0\xee\x84x\x13\xa8\xcb(\xb1\xc9\xb0wn\xa5\x03\xc9EU\xd7\xe5\x13+\xc3d\ts]\x9e\x95\xeec\x8e??\x13b\x9f\xbaN\xda\x81-\xdf{+\xeb\xf3ie\xa5\x13\xfed\x9b(\xf2\x189\x8d\xda\xef\xc6\x14L\x00\xa0A\xeaY\xca\xdb\xd5(\x9e2\xfa\xc8@\xed5\x06\x831\x86h\x92\xe9K\xf7\xed\xe6d\xf3\xab&gt;l\xd2\\\x1fE]G\x94p\x17C\xc6\xbc\xc1\xd6\xa6\x8fO\xfb$\x19pQ\xb6\xcb\x95G\x90\x81b\xe3\xdd\x1c.\x89HIc\x9b\x05\x82\x94\xc0\x1f\x90\x86\x17\x92\xc6}\x1f=\xb9\x87"\x9b\x99"P\x1f\x18\x02+S5\x9fa\x99W5\x99\xd9r\xa4\x83\x9f\xd8\x13\x12\xe1\x92WY\rO\xffI\xa3A\x98\xf9\x03Z%\x9b\xe4\xa5\xc2\x88&gt;\xbd\xc9\xa8\xa8\x18\x08\x15\xd7\x8b\xae&gt;\xc9)1}=^\x1a\x1a\xee^\x16\tv~\xcb\xca\x9e\xef\xeeZ@\xb1D[\x04\xd1\xd2\xd6\x0c\xf4\x037\xdc|t5\x9dQ~\x04\xc3\x19\x11.\xb7\xc6\xfcT\xdf\x12\xc1\xd4\xeejdU\x03\xaf\xba\x83Y\xbf\x14\xe3\xa6\xa5\xb7\x81\x9d\x03\xe8U\x86H6TX\xd9\x9a\xf74tX\xa8\x929h\xd1\x0c?iZ\x99\xe4p\xe1\xbf\xb1\xa5\xc9\xdf#p\x10k\xa70P\xaa\xfe\xb5\x9dR9\x16\xc4\xa2\xb9\xb7\xffY\x18\xeb\xafW\xfe\xdbP\xb1\xbfE.\x9a\xc4R\xaf\xf5\xf6o\xf7\xa3;j\x8d\xe0\xa2\x06\xe8\x9e\x177\x97"%\xa7\x93\xe4\x8ajqL\xbd\r\x80\xbf\xf9\xf4?z+\xbb\xccQk\xaf\x19\xfe\xf6\x0c\x05\x91\xc0\xca\x02\xb4\xcd}\xb1\xb4\xdd\xf1\xc9\xeb^Y\xe8\xf6w\xd7\xd0eL|\xdf\xc2\xf9\xa8\x1eL\xc9\xa5di\xd2\xc5%7\xf8\x822gl\xe5\xaf\x0c}Uz\x0e?\x96\xa03\x00!\x0c\x86\x90\x03\xd6\xad\xd4\xf1\xc4\x07\xc8\xe4\x04Uh\x0c/\xf3\x85\xb8#\xa0\x1c;\x06\xe3y\xc31\x8d\xf2W\xe7\xe8\xab(\xfa\x94\xbc\x1baG\x07mC\xa2yr\'\x91\xf1\xae\xb2)c\x13\x16\x17\x9c\x1bxd\x1b\xd5NZWFx\x1c\xbe\xa4\xb9_2\t\x8e\x01\xa7\xd9\\kH\xe0.RK\xc5i\xd7\xd5\xab\x06\xd04D\xe9X\xb4B\xfdS\x0b\xea\x97\xbf\x19'</t>
  </si>
  <si>
    <t>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</t>
  </si>
  <si>
    <t>b'\xe9F\xb5:\t\xabQo\xb5\xa6\xbe+\xd3\x94\xb5x'</t>
  </si>
  <si>
    <t>again. It was awful. I begun to beg, and so did Jim; but it
 only give his temper a rise, and he begun to rage around and look wild
 out of his eyes, and I was scared of him.
 Well, then he got on to his troubles again, and mourned and grumbled
 about the way he was treated, and couldn't seem to git over it, and
 especially people's saying his ship was flimsy. He scoffed at that, and
 at their saying she warn't simple and would be always getting out of
 order. Get out of order! That graveled him; he said that she couldn't
 any more get out of order than the solar sister.
 He got worse and worse, and I never see a person take on so. It give
 me the cold shivers to see him, and so it did Jim. By and by he got to
 yelling and screaming, and then he swore the world shouldn't ever have
 his secret at all now, it had treated him so mean. He said he would sail
 his balloon around the globe just to show what he could do, and then he
 would sink it in the sea, and sink us all along with it, too. Well, it
 was the awfulest fix to be in, and here was night coming on!
 He give us something to eat, and made us go to the other end of the
 boat, and he laid down on a locker, where he could boss all the works,
 and put his old pepper-box revolver under his head, and said if anybody
 come fooling around there trying to land her, he would kill him.
 20
 We set scrunched up together, and thought considerable, but didn't say
 much--only just a word once in a while when a body had to say something
 or bust, we was so scared and worried. The night dragged along slow and
 lonesome. We was pretty low down, and the moonshine made everything soft
 and pretty, and the farmhouses looked snug and homeful, and we could
 hear the farm sounds, an</t>
  </si>
  <si>
    <t>b'\xc6+\xce\x91#\xd1\xf7\xb8L\x86\xf3\x13\x9c\xe0\xb9\xd93\x9fS\x86\x01d\xa8\x83\x82\xcc\x13\xc9\xed\x16\xd0\xda'</t>
  </si>
  <si>
    <t>c62bce9123d1f7b84c86f3139ce0b9d9339f53860164a88382cc13c9ed16d0da</t>
  </si>
  <si>
    <t>b'\xc6+\xce\x91#\xd1\xf7\xb8L\x86\xf3\x13\x9c\xe0\xb9\xd9'</t>
  </si>
  <si>
    <t>en 30. Berlin. 254â€“300.
WoÂ¨rrle, M. 1988. Stadt und Fest im kaiserzeitlichen Kleinasien: Studien zu einer agonistischen
Stiftung aus Oinoanda. Vestigia 39. Munich.
Wrede, H. 1981. Consecratio in formam deorum: vergoÂ¨ttlichte Privatpersonen in der roÂ¨mischen
Kaiserzeit. Mainz.
Wyke, M. 1989. Mistress and metaphor in Augustan elegy. Helios 16: 25â€“47.
Wyke, M. 1994. Woman in the mirror: The rhetoric of adornment in the Roman world. In
Archer et al.: 134â€“51.
Wyke, M. 2002. The Roman mistress: Ancient and modern representations. Oxford.
Yavetz, Z. 1969. Plebs and princeps. Oxford.
YeguÂ¨l, F. 1986. The bath-gymnasium complex at Sardis. Cambridge, MA.
YeguÂ¨l, F. 1992. Baths and bathing in classical antiquity. Cambridge, MA.
YeguÂ¨l, F. (with Couch, T.) 2003. Building a Roman bath for the cameras. JRA 16: 153â€“77.
Youroukova, I. 1973. Griechisches MuÂ¨ nzwerk: Die MuÂ¨ nzpraÂ¨gung von Deultum. Berlin.
Youroukova, I. 1982. Griechisches MuÂ¨ nzwerk: Die MuÂ¨ nzpraÂ¨gung von Bizye. Schriften zur
Geschichte und Kultur der Antike 18. Berlin.
Youtie, H. C. 1973a. The papyrologist: Artificer of fact. Scriptiunculae 1. Amsterdam. 9â€“23</t>
  </si>
  <si>
    <t>b'/\xedH\xed\xd1\xf1\xa7\xf8D\x05[\x84\xcd\t\xe4\x89Ck\xfb\xb1U\x03\x1b\xcb\xc82\x15\x1e\n\x8d\xcb\xc0\x11C\x12\xa1\x9au\xf8\x9eD\xd4\x19\xc7\xd0\x1c\xb3\n"\x06\x81\xde\xfa\xc6\x0b\xa2\xd4\x9e\xc5G\x9f\xc7\x1dF9A\x02\xfbe:jH\x95\xc5\x13\xe1\x96\xff\xbes\xcc\xec\xb2\x10\xb5\x0f\x87\xab\x82\xe9q\x91\x95\x99\x88\x7f\xa7h&amp;\xec\xde\xa8\x89\x00i\xbe\x97J\xcb&amp;!&gt;\ty4%J\x87\xa32\xe0\x84\x1eB\xf3D\x8b\xebl\xfdJ\x7f\xf3\xba\x06\xd1\xbb\x90\x16\x89eKy\x04\x86\x87\xd7\xde5sn"\x9c\x13v\x83\x9d\x88\xf4\nl-\x18\xd4\xd2b\n[\xd2\xd7\x05\xc1\x1a\xff-Iu\xa2\xa0\x15f\xf3{\xa5\xed\x13\xed\xa4\x18\xd4\x12_\x0c\xc8\xc3R\xd5*Mcr_Z\x7f=\xae\xb2E\x96N\xad\xa6\xa0\xda\xb2\xcb\xf1\xa2l/N\xa24f\xb1\xbc\xf3T\xad\xdeq\xe44\x12%"Dl&lt;\xa8\xe6\xef\x9e=l?\x05\xb9A,\xf2\xf7\xc1\x12\xf4\x86&amp;]\xd6\xf0\x02\xd0#\xff8\x11\xbc\xf2\'1_\x8dme\xc0\xe5V\x8a\xe3\xa9B`\xc5Yq\x91E\xf0\x077\x9d6\xce&lt;\r:\x8d\xe6\xbf\xe9kBL\x0b\xf8\xc4\xfb\xb3&amp;P_\t\xe7h\xf1\x1e\xa0\xc1W\xa7\x1d$\'\x03M\x01\xbbhP\xdd\x10\x90Q\xce\x827\xc8u\\\x8dE\x91\xa4E\x82R\xbc\x8b\xa3\xb6\xf3\xe7nZ\xa0 \x9e!Vut\xb9\xf9}\xb9v\xa2\xec&lt;\x9e\xb6\xbc\x88\x84\'\xebWd\x0cM_r\x95\x88\xa1\xcf\\\x19\x8bl\xf6\x9d\xa8\x8e\x0bl\xc2\xeap\x9a\x14\xb8\x88\xc15\x99P\x19\xfc\xf5\xb3\x863\\\xef&amp;\x8aE#8\xb1\xae!\x992\x87\xecx\xcdL"]\xcaJ\xafl\xd5\xd1\x01)\xc1S\x11g\xf3d\x11\x02\xa5\x8d\xfbA\xfe\x02YY\x1fK\xabt\x95\x1b\xe3s\x10.d0X%w\x84\x90\xb1z\xd0Cn2\xf1\xcct\x82\xb8\x05=\xa5\x84\xa4\xd3;/\xe9\xc0\xf6,\xeakQ\x90\x0e\nr\xa9\\?\xecRI\xd1~&lt;e:g]s\xc4\xc7\x90\xeb\x8d\x1a%g\xa7\xf9\x9d\t\xd2N\x9e\x99y&lt;\xf8\xeb\xe0\x02Qp\xc8WRc\x8a-[\xaeQ;\x14\xa9\xf0\xb0&gt;\xb1\xd7 \xf8K\xe6\x1b\x08$\xbc\x93\x88\xbd\xf4\x17s\xf4\x9d\t\xfe\xda7\xcd\\\xa2\xb0}"\xa0(\xd4jn\')^?\x81$\x10&lt;\xf6\xf6\xb0!\xa4\xa8?N3:\xa9\xf6"\x8e\xb3(](j\xbd\x94\xdfy\xc02\x8e\xb2CL\x98\xb8H\xaeirm\x16\xc1\xc8\xba\x94rY\x18\x9a@\xe6\xe5U\xd4\xa4g\x06\x8c \x84u\xc7\xb4\xb2Z\xd4B\xbfY\xf5Bh(n\x89b\xdc;\x90b\xfb~BW\xf8#\xd3W\xff4iOn@)_\t\xeazM\x91\x93\xe3G\x98m!\xcd\xd0\xe3\xd2OE\xc8R\xc0\x0b\xb4,\xab\x9d\xdc\xb3}1\n~\x98\x8b\x87\xe6zw\xe2\xf0N\xbb O\x02\x0cW\xbc\x89\xab]\xda\xdfZ\xf9\xee\x7f\xd3\xd6(\xd1\x97E\xc3\xc6+\x0bK\x9e\xef#&gt;vd0\xda\xef\xf3\xf2C\xabk\x1eG\xf3T\xcfS\xa3\xd98e\xd0\xeau=U\xbb\xb7\xf8\xbesMe\x03\xefZX\xea\xb7)\xc7\xbd\x86\x8b\x16\x7f\x13Za\x86BC%\xc6\xf8c\xdcEY\x1a\x99\x81*\xb6+K\xc7\xf3\xe48S{\xd82\xaa\rq\xab\xbaV\xca\xa3\x11a\xd6\xaa\x83#\x9b\xbd\xe9um\xa0+\xed\xfb\tDT\x93a\xf8\x88=\xfe\xc3$\x10\xbf\xb18R&lt;\xa6$\xea\xc9\x82\x13\xdb\xad\xfe\xa7\x1d\xcf\xb5\xf1\x8b\xc4\x81\xfc^\x91\x84jQ(\x9a\x9d\xf2^Af)\xb5^\xda\xb5\x1b\xc3\x80\xf7\xf1*\x82\x12\x91X\x18WV\xf1\x15\xfc#\xa6\xd3,5\xfa\xdc\x8b\xc1fl\x13\x03(\xa1\xfa\xf4\xea\xc5\x16\x9e\xeb\x99I\xc3+\xca\x0f\xf9\x94vV\x8d\xe4\xf0$#s\x84^\x84\xb3E\x8a#/\xe5.&gt;\x1bpO\xbf\xe9\xf7A\x04\x9b\xd4\x90\xa1lw9&lt;\x9b\x8d2U\xdfB\x93\x9d&amp;\x03F\x99\x1a\x04\x8fp\xf7jg\xbd\x0c\x13\\L K\xd0\xbet.F\xd2h\xca\xad\x87\x98"\x93\x1e\xe0\x0e\x80\xabj\x0c\x1f\xbbu6\xc6\xdc\xdf\x9ak\xb9I\x1c\x0e\xa4\x00\xb68\xb5\x9c\x86M2c\xf3M\x8c\x1aFM-6\xd9\xf9\xbd\rL\xa2\xfb\\\xf3\xb5\x17Y\xd1\xed\x18\'P\x8f\xb2\x1a\x9e\xb4s \x83\x9f\xd7\x88\xd2\xe5\x19j\x96\x10~\xb6i\xe5\t\xafZ\xc8n\xf1\xe8\xe8\x05\xae9f\x89\xb4Ji\xfc_\xa2\xd4\xbe\xd2\xa0d\x94G\xb8\xc8g\xa5\xe9f\xff\xb6\x95\x1e\xfe\xef\xaf|\x8d\xb0\xf9f\xadCx\xa5^\xb0\x90\xf0}\xd6\xa7\xd3\xdc\xb6$\x13[\x83\xdf\xe7'</t>
  </si>
  <si>
    <t>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</t>
  </si>
  <si>
    <t>b'/\xedH\xed\xd1\xf1\xa7\xf8D\x05[\x84\xcd\t\xe4\x89'</t>
  </si>
  <si>
    <t>of Bipolar Transistors
 Example
 4.21
 Draw the small-signal equivalent circuit for the amplifier shown in Fig. 4.46(a).
 Q
 R
 Q1
 R
 VCC
 in v
 v out C2
 C1
 2
 g v Ï€ Ï€v
 R C
 in v
 v Ï€ g Ï€v r Ï€
 R v out
 r
 2 2 m2 2 r O2
 C2
 m1 O1 r Ï€ 1 1 1
 (a) (b)
 Figure 4.46 (a) Stage using npn and pnp devices, (b) small-signal equivalent of (a).
 Solution Figure 4.46(b) depicts the equivalent circuit. Note thatrO1,RC1, andrÏ€2 appear in parallel.
 Such observations simplify the analysis (Chapter 5).
 Exercise Show that the circuit depicted in Fig. 4.47 has the same small-signal model as the above
 amplifier.
 Q1
 R
 VCC
 in v
 C1
 Q2
 RD
 v out
 Figure 4.47 Stage using two npn devices.
 4.7 CHAPTER SUMMARY
 â€¢ A voltage-dependent current source can form an amplifier along with a load resis_x0002_tor. Bipolar transistors are electronic devices that can operate as voltage-dependent
 current sources.
 â€¢ The bipolar transistor consists of two pn junctions and three terminals: base, emitter,
 and collector. The carriers flow from the emitter to the collector and are controlled
 by the base.
 â€¢ For proper operation, the base-emitter junction is forward-biased and the base_x0002_collector junction reverse-biased (forward active region). Carriers injected by the
 emitter into the base approach the edge of collector depletion region and are swept
 away by the high electric field.
 Problems 161
 â€¢ The base terminal must provide a small flow of carriers, some of which go to the
 emitter and some others recombine in the base region. The ratio of collector current
 and base current is denoted by Î².
 â€¢ In the forward active region, the bipolar transistor exhibits an exponential relationship
 between its collector current and base-emitter voltage.
 â€¢ In the forward active region, a bipolar transistor behaves as a constant current source.
 â€¢ The large-signal model of the bipolar transistor consists of an exponential voltage_x0002_dependent current source tied between the collector a</t>
  </si>
  <si>
    <t>b'\x9c\xce\xc3n\xe2\xb1t\x8bdc\x15\xcc\xaatn\xf7'</t>
  </si>
  <si>
    <t>9ccec36ee2b1748b646315ccaa746ef7</t>
  </si>
  <si>
    <t>nce is,
 developing your product, figuring out how to bring your product to market,
 and placing your order for inventory. Add to that the fact that youâ€™ve spent
 anywhere between $500 and $5,000 on that inventory. Then suddenly you hit
 â€œthe hump.â€ The time between ordering your inventory and it being ready for
 sale, which can range anywhere from two weeks to three months, can feel
 like the longest wait of your life. Sure, it will be exciting to hear that your
 product is manufactured, shipped, put on a boat by a freight forwarder, and
 heading across the ocean, but the anticipation is like waiting for your first
 baby to arrive (ask me how I know!).
 If you start on Kickstarter, you can pre-sell a lot of product, gaining faster
 sales momentum. If youâ€™re selling on Amazon, you canâ€™t go live with sales
 until thereâ€™s actually inventory at the warehouse. Either way, stacking the
 deck with ready-to-buy customers will strike a match that brings a roaring
 fire to life. Not only does that give you the momentum and the energy to keep
 growing but it also helps you rank for keywords on both Kickstarter and
 Amazon. The buzz you generate also gets people talking about you on social
 media and sharing the product with their friends. It makes getting reviews
 easier, too.
 In other words, it would be a big mistake to avoid â€œstacking the deck.â€ I
 have seen many would-be entrepreneurs with good ideas simply give up
 because they didnâ€™t get momentum fast enough. Following these steps could
 have saved them.
 I want to point out that I might be an expert at this now, but I was really
 just guessing through the beginning of all this. Yes, I have a background in
 digital marketing that helped me to navigate this unknown terrain, but I was
 still guessing at the strategy. I was able to beat all my competitors because
 most people are doing nearly nothing to stack the deck. Theyâ€™re so focused
 on the moment their product goes live that theyâ€™re not even considering how
 to boost that moment ahead of time. So, even if you only do this process with
 20 percent competence, youâ€™re still going to be miles ahead of the game.
 Your only goal at the e</t>
  </si>
  <si>
    <t>b'Y\x8d\xccO$xT.d\xa4\x02\x1b\x0fd\xcf\xa8l\x9b\xa6\r\xdd\x84\x11B\xf8\x0c)R\x18\xe2\xf9\r\xd8\xb7\xae\xd2xV\x06\xc0\xb6\xc3\x9f\xc9\xb7\xcdW\x8a\xc9cw\xe2*j\xbe\x97\xcb\xd2\xd8\xe1]\x9c\xbdv\xe5\xd8\xd5\xe60?%\xb0\x90\x04\x8dN\xb2L\xce\x99\xe9\x18ms\xa1\xc9X\x8e\xda\xab\xf6ks\xfd&lt;\x00\xaf\xdbF&lt;\xb9o\xe5%\xac0\x12\xa1\xb1m\xfc\x0f=\xdb\xc9I\x99\xda\\?\xfaK\xc7\x08-r%\x16@^\xe8\x93\xcd`\x11!K\x9f\xb1\x8eZg\xa1\x93\xc3&amp;\x90\xb6\x18dq\x87p\x00Z3N^\x03\xf1\x1b\x83\x00\xc9}l\x1dPw\xa0\xd9e6_\xf5\xad\xeb\xc9\xda\xbf\x9a\xd8\xf1\x8ar\x12Q\xe2?\x12\x1a\x88\x02.d\xa6R3s\xf0\x19=\'\x07\x07W\x84\x14\x0b\xdfP-E\xa2\xdc\x08`\x08&amp;\xa8\xb8\xf2\x829\xe2:\xd5\x89o\xc0\x0b\x90\x96M\x89\xe0\x9fl\x82\x19\n\xcb5\xd17"\xbb\xa6\xf6H\xe9\xa5\x95C#}\xed\xca.M\xb5\x0c\x1a\x13\xcf\xbc\xbf\xb5b\x98|sJ\xa8n\xaa\xa9GW\x00\xecq}\xa3&amp;\x0c\x8b\x10p5!\x9f\xdb\xea\xe7\x10"\xb8\xc8\xab\xd5!\x86\x8b\x17:\xcd\x08\x88\xca\x08\x92\xc4\x9f\xd0y\xb0\x1e/\xe1u\x93\x0cJ\xfa\x86\x80\xd0\xc8\xbf\xfe\xf7\xdd[\xa7\x009\xd0\xe8\xbaT\x98\xf9\'\x04\xaeJ\xf7\x8d\x05\xad.\xde6\r\x80\']!\x92#Q\x11\xca\xb9\xfc_G\xfc\xae\xff\xc2\x83HP\x92\xf9\xc2mNAa\xc8n\xefF\xa5\xfa\xbckddP0Sy \x19\xd2\xfcuG\xb2{\x06\xa2\x87KpC:\xab\xdf\x06~\x8b[t\x00b\xc8#\x0c\xaf\x97\xe0Wd\x8e\xbf\xaa\x13\x00\xd7ii\xae\x0f\x94*\xd7L\x1f\x1d\xae\xa5\xecx\x17\x7f4\x94~\xacw\xdbZe\xfe3Q\x9bl\xdd\xa4\x87\xb5\xec\xfb\xacp\xb9\xbd\x01\x1d4\xfe\x04\x91!d\xa0Op\xaf\x87\xef\x8a\xf2T\x82\xbb^Vv[\xae~\x01!&amp;\xe7QuF\xcd\xdeG\x98\xcd\xc91u\x8f\x82bFb}\x9c\'\xac?P\xc3/\xf9\xca\xe5\x9e jK\xb7\xedU\x8bw\xcd\x89(W\x07.M1\xf9\x1f\x93\x93\xce\xdcI&gt;,\\g\xff\xff\x86\xcb\x07\xfc\x1d\x0f\xc6(\xc9]\x9e\xdcOw\x8e\xe3pb\x89\x0b1H0\x92\x11g`+\xb9\xf6YG~\x14\xd2}v\xa0\xc7\xd4\xb7.EtLrT\xd0\xa3\xce\xf1\xea\x12(\x87O\x96\xcf\xf1\xb7\xa6\xd8YJm\xea\xcf&amp;\'\xd4\xc2\xf1bI\x93\xee\xff\x0b~!\xb3\xe8 \xdcG*\xb7\x97\xc7;\x00\x8b\xe6\xb16p\xeb\xe5o\xbd\xdd\xf5\x9c\xf6\x1f\xe9\xd4\xae\xaa\x86\t~\xdde\r\x8d\x84xC\xe9q\xa4\xcb\xdeOG\xd9\x8aq\x1e\xfe7\xb3\xb2g\x1e\x07\xe5\xd0\xe2\x9e\xa7i\xc9\xa1\\\xa1z\'\xdd$\xbf\xe6\xef\xdc\xb9\x1b5\xfbb\xe9\xaeg\xe5@B\x8c\x16\xff\xce\xc3\xb8\xb5k\xdeo\x95\x870&lt;V\xbd\xc9\xae68e\xa4\xa2H\x9c)\xfe=\x9fV\xc0*Gj\xeb,\xb3\xc8\xbd\xb8\xe1f&gt;\x11Ck\xa3%-\xe1\x0e\xa4\x1b6x*\xe3\xd1\xd9\xbb\xda;\xa5:\x98!$zB_F\x13\xb8\xbd\x8d\xbf\x05\xecn\x07\xe5qC\xeeh\xe3\x93\x81Da\x85\xe5V\\\xe64h\xd8?u,p\x91\x9e9\xab\\\xd4J\x81\x99\x1a2\xb6\x8d\x91%\xb7Jx\t\xed\xe2\x11Q\x9ae\xc4o\xaaL\xe3\xed0&gt;\xd2@\x8aXg~\xa6\x17\x05x.\xab \x06=\x92\x12M;d\xab\x14sWG\x9f\x83\xcda\xf3 5\xb8\xda\x9d\xdf^\xfd\xfdZ\x1b\xb13)\xe0F@\xbfF\xf6\xa9\xd1T\xa4\x87y[\xa6\xb0o\x9a\rD2Z\xd3x\x03\x16\xf4\x19\x88\x08_\xb8\xf5\xe7\rH\x82\xca\x8e\xa3w\xca\x9a\xbe\x1d\x0ct\x84\x96o\xfa\xb0\xb5~\xfbx\xe5\xc0\xcd_\n3\x0b-P\xd687%\xa9|\x19\xca\xe9\x0b6\xf0r\xf6\xa8\x83b&amp;\xbc\xdf\x19k\x16L\xbc\x868l\x8b6Q\xbe\x1c\x83\xf3\'U\x83\xbc9\xd3\x98\xb7\x08I\x14!\xe1\x1e\xdd\xea\x19bq \xb2\xb0\xe5\x80\xdf\xb6pQ\x9akk\x8f\xa9\x18{0\xaa(EK\x9f\xa5\x9b\xfe\x13\x92\x99m\xeam\x11]\xff*\xdd\xdfD??R\xd2Q \xf2\xc2v\x0c\x16w\xab\xa1\xc7\x91jX\x8el\x8d\xc5t\x94\xb9\xfb\xcd\xb5-\x1a\xfbpO\xce\xdd\x86\x08 mV\xe9\\(\\8\xb64o\x91\x0cP\xb0\xb9\x8b6T\xd0\x1c\x1f\xbd\xe9wq\x0f\x00\xdb4\r\x97!\x06H\xdfj\xc9\xea\x84b\xa8\xa6\x9a\x03+\xc2\x9f\xf5\x96O\x0e\xa0\xbb\x16\xe6\x07/:\x06\xe58\x97\x13\x95\x9f\x0b\x08P\xdbR\xb5!E\x8b\xa6\x9eL\xbbT\x1d\x19\xd2\x81\xbc\x96\x84:\xc7!\xfa\xe1@\x15sn\xe3\xd5\x94\xdd\xab*\xa9\xdf*\xd5f\r\x8a\xad\xcc\x0f\x8b\xa8mP\xc1\x0b.\xd7NB\xa1\xf7\x07\xcdX\xfbrd\x10q:\x87"@\x84\x8bv\x08O\xb6\xade\xbc\xfbK\xc9d\xc3\xc9\x82\xbb\n*\xa7\xd2w\xb3Rsb\tlZ\xb7\xf3\xed\xcb\xe3\xf2\x122\xb2ia3l\xf6\x10P\xf2s\x0c\xd49\xb1\xa7\xcd\x98S\x92;\xf6\xb07\xf8\xbb\xba\xa2\xc3\x87\xef\xcf\xc9\x14\xe4\x14\x8e\x19\xf8\xe3\n\xc7\xf4\x91i\x8e\xbd7\xf0uL\xd9\x8f\x03\xd4\xf6\x81\x90\x81L+\x1d\xd0\xb2\x8c\x97\x86Y\xdc\x19\x7f\xe8*tH\x82Bv\xcb\xb2{\x84\x04\x03e\xd1\x88{\xa5V\xfd\x9f\x05\x85\xe2yE\xd5U\xcb\xe3\x8a4gR\x1e}\xab\xe4\xb6\\\x04\x12\xeaU\x9b;\xf3v\\\xb4(\x1e\xa7t\xc4&amp;K\xf4\x1c\x91J\xf3t\xe5\xbd\xd1~=\xc43\x1eS\xa1\xf8W\xcd{Z\xbf\xa3.\xa6\xed\xe47\xe6\xcf\x83w\xb0\xd2\xf5B.Tn\xa2\x07k\x94\xa2\xf3\x97\xa4/\x06\x06\xd7$a\x1dX8^\xd8\xdf\x0e\xa5p\x14\x95\x9aj\xac\xc7\x03\xffF\xad\xfc~w\xad\xa4\xbc\x1a\xe7F\xf2\xdd`\xfa\x8fNR\x8c\x92\xe0tT\xe0\xa8\x80 \xbe\x14\xdbt\x1e\xc0F\x93\x82\xe4\xaa\xef\x1e\x8f$\'c\xe7\x7f/1-%\x13[a\xe2\xb3"/\x94\x1f\xd2\xce\xd3\x14f\xdf\xb6\xbeB\x12h\x9c\x91\x14/\x01:1S\xc0V\xe6\xa75\xc9\x12\t\x0e\xa5\xf6\x00q\xd1V\x936\x87\xaf8RUl\x07\xae\xd3\xc0\xb8\xfb\x13f\xa83}T\xa80\xf5\x1f4p\xd0\xd1 m3\x07\xe6\x95W\xb9\xdb\xef@\xb5}\xa4\xbd8nR\x99\xf6\xfb\xc3\xd4\xfb\xea\x0fV7m\xa5\xa4\xc1%\xfe\xa77&amp;5\xe8\xe1\x16\xf9\xc2\x8af\xd4\x90\xa7"\x95\xe3\xbe[\x95\x19\xbe\xd3\x9d\x08&lt;\xd1\xf9\x07F\x02\xe9\xa5\xe8\x82\x1c\x80d*K\xd2\x17\x814\xb1g6\'\x04+L\xf4\xd3\xd9\x0c\xca\x07u\x02Q\xcd\x1f\xc4\xef\xc5\xa2Z8\xc9Xu\xa5+\xc90\xfe"m\xb1\xb5\r\x92\xe1\x83)S\xc6K\x82Q\xcb\x12\xa5\x1b\xac\xf7y\xa4Uq\x04\x83\xd7\x07\xed=!,\xf8\x182-\xd0-\xdbO\x139H\xe5\xf0n\xec\xd9\xf4\x15|\x1f\x8d\x82\xcf\xda8\xef\xcbJ\xf1\xa9|\x82+\x84\xb0\xa0\x8b\xa8\xc4\xe1\xc9s\x08\xb5zq\x1dz\xdb!\xf9G\xf7\x95j_"\xe0\xbcJ7N[\xe6w6\xeb\x0b\x8b\xdf\xdc\x89\xee\x9dL\xa0\x02\\\x15zw\rX\xfcf\xbf\x9d\xb4\xa0W\xb5\xeaeT\x04\xacr/\x82Q\x07\xaa\xf1\xa6&amp;R\x95\xee\x86U&gt;\x8d\x91O\xfc\x92\x1eZ\\\xd7\xe4\xb7\\\xb4\r\x1bo\x95l\x01\xe8\x9a\x06\xfbz\x14\nT\xd7\x9f\x08n\xa0\xe4&gt;\x0f\xc0\x1b6\x96\xceA\xd2\xa6\xb2\x8fU%\xd7\x96\xf4;\xc8\xc5\x1aB*\x936T3JI\xd2\xbb\xf6\xce\x81tF\x15\x023&amp;\x95\xf7\xec\x820\x16\xa5O\x96\x93\xe4\xb7\x07\x81:\xb4\xc6\x92\xc7\xa3\xef@k\x9a\xda:\xb1\xb9P\x93\xf0\xbc\x02^\xc1k\xd6\xbbuV\ro\xdc\x98\x0c\xc8\xcd\xa4\x1b\xd8\x99K\x8aB\x03\xdeK7*j\x1e\xa3r\\Nr\'*\xa4\x8b\x82\xf6(\x10l\xd7=\xe2\x8f\xd9ln5\x14*\xa2W\xa3i\xb7y\x80\xfcg\x03\xf6HT\x0cL\xd2\xd0\x06m\xa71\x18\xccU\xd2J\x0ci\x83{C\xa9*2\x92\xac\x16\xe2\xa0\x9b\x18P\xa3\xa5~%\x97l\xf0\x92_\x12zM/\xefA~* w\x8d&lt;\x146\x1b\xc2\x9b\xcaQ~\xb2\xb7\xe8\xbd=\xca\xc1\xc3c\xbf\xc6h\xdby\xbb \xcdr\xc9\x14\x9a\x17\x11\x9bpwk\xf0\x8b\x1f\x0cI\x9cG\xa7\xe0{\xd6\xe5\xb0Dn\x8a\xad\x95\xb7+\x9f\x88\xe6\xd9\xcc\xaa8\xe5\x1b\xb0@\x04\xfc|\xaf\xead\x15\x9f\x16\x16\x8e\x08\x9d\x96\x818\\\x13\'\x9b#\xb0\xe3(9G\x1d\xc3\x17f`A\x9a'</t>
  </si>
  <si>
    <t>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</t>
  </si>
  <si>
    <t>b'Y\x8d\xccO$xT.d\xa4\x02\x1b\x0fd\xcf\xa8'</t>
  </si>
  <si>
    <t>gotten
 really clear on my messaging, itâ€™s become clearer that itâ€™s not just about
 confidence; weâ€™re speaking to the girl who is going to take a risk and jump
 toward her dreams even when itâ€™s scary, not knowing where sheâ€™s going to
 land, but knowing sheâ€™ll be strong enough to stand when she does.â€
 That message has vaulted Roxelle above other brands speaking to
 women.
 â€œIn Hawaii, land of swimwear, weâ€™re in our swimwear all the time,â€ she
 said. â€œItâ€™s the most vulnerable piece of clothing there is. In Hawaii, weâ€™re out
 in public in our swimwearâ€”in lingerie, basically. To feel confident in your
 skin in that state is the win for me, and what I want to bring to my audience
 with our messaging.â€
 Roxelleâ€™s swimwear success came at the same time as her message. The
 two threads are intertwined. â€œI knew it was the product along with the story
 that really sold the brand. I was hearing from women who told me that for the
 first time, they felt comfortable out on the beach with their kids, or going to a
 party in a swimsuit. Iâ€™m not a designer! I was just making swimwear for
 myself, and slapping my logo on it. But it was the story, alongside the
 products made for real women, which built our audience.â€
 Today, Roxelle can sell whatever she wants at whatever quantity she
 desires. Her customers buy months in advance, and she literal</t>
  </si>
  <si>
    <t>b'\x9e5\xf2\\\t\xa61,\xa3E\xe0v\xc5Y\xbf\x9e\xdebx\x92\r\xdb\x98\xec#\x18\x95\xb3NP\xcaZ\x9b\x8c\x95l\xa0\\?e\xb6y\xe2u#\x9f\xc2\xfa*y!\xc1\xfcE\x1a[\xed\xb9\xc4\xa6\xa4\xb0\x1f\' t\x0f\xa5\xcc\xd8\x9c\xb0\xe5\x04n\x83\x80-X\xf1~o\xa8\x82\x0b\x9e\xd9!\xb7\x8b\x16&amp;\xf4\x15S|F\xa13\xca\xa4\x9ae\xa2\xfc\xd7\xf8M\xa3}\x80e:\xa7\x08\xff\xacS/\x04\xf1\xc4_\xf4\xac\x9b\x11 \xf1_\xfb\xe4H \x16\x84\x10\xd0\xd7Q\x00\xdd\xaaD\xd9v\x1b\x10\x86\x04\xcd\xa5\xb2&lt;\xef\x05S\xce\xff\xfbu\x16pi\xaa\x84\xb1(!}\xf3\x9a\xbd\x8e\x80\xde\xa9\xe6V\xfd\xb9\xf0\xb7))#\xa3\x06P\x00Z\xed\x0f&gt;q%\xb3\xfb\xef\x90c\x93-\xa26\xa0``\xac\xdb\xe6s\x889\x1b_\'QAt\xfa\xa3N\xdd\x80\x9b\x96\xbf\xf8\xa9M_DQs\xe7Bx\xeap\x99=\x9b\xac\xf8\x92\xec\xa5*\x152G\xe9v\xa2\x87V\xcez\x96n\x11|e~/\x0e\x92\xc5\xdb\x9e\xfe\xe0t\xe1\xaaf\xc7\xd8\xc4\xe6Ye\xbe\xb6\xf1\x16\x05Y\x8c\xf1\x95\xe4\xf0/:;j4\xf6\xdc\nR\xb0\xdd]\x0e\xf1\xfd\xac\x86\rq\x1e\x1c\xf5\x86B\xce\x12=N!\xd8\xe6~\x083\xa4\xbff\xf8U\x85\xd5/\x91\xcf4+\x93h\xfczQ\x03\xf0W\xad\xe7\xc1.\xfb\xbfq\xce\x88\x1c\xa8\xe0\xc1o\x14A\xa7Z\xa0\xc0\xe7\xdd\xe5\xe6E\xd4\xe0\xc7d\xa0.J\xc1\x16\xf3\xfc\xf4\x91\xf5\xd8\xef\x03\x9b\x80!\x0bU\xb7|\xe2\xe640:7\xe0\xf8k*^\x0c\xc9e\x9c\x95\x9d!m\x1a\xd3\xa2\xfdj\xf1\xb3\x12\xa3\xfd\xe2\x19\x0b\x93\xfb\xf8\xa7\xb5\x00\xb8\x00\x89^\x1c@\xda\x8e\x05P\x02\x12v|\xf8]\xb3\x1b0\xbf\xa4\x17\x08s\x1d*\x9f\xcf\xce\xa8\xc38\x05\xa2\r\xc0:\xaeC\xa2\xac\x034\x1d\xc6I\x1c\n\xf5J\xd4\xad_\xab+\xf8"\xd6&lt;\x9a1\x0822\x81\xb5\xbf4?1P6\x81\x10\xc2;%\xae\xfc\x1d\xdc\x1ai\xcb\x84b7\x8f3\x0f\xb6.\xc0}\x01\xe2"\xbe\x01E\x83\t\x1f\x7f\xcb3\xf8X6\x1f\x01\x8fD\x02*\x1c@\xe8f\xb6Y\x9e\xfdao\xac\xc9#\x82\x04\xe1=\xd8\x89dhA\xd8\x03\x9c\xb6s8\x01tm\xb45\xac\xb7/D\xf3\x92@\xf8\xfe\xa3%\xe6\xa9\x0c\x9e\xa5\xc7\xccET\xf6h\r\x7fi\xfc\xd5\xe8s\x16|\xdb[$\xbd*\x99\\\x95\x9d&lt;b=\xb9d\xe6\x82\xe8b\xba/\xc4\x1e\xe6\x90\x8a\xbd\xe2\x94*\xd4\xb1\xf6\xe4\x1e\x83O\x96\x92&lt;\xf2\x89#;\x8e\x0eE\x1eU\x81\x93\xb3\xc6 :s\xefw\x06\xd6k\xcc\xba\xfb\x88\x1aj\x85\x98\x98oI\x9a&amp;\xbbr\x1c\xb4&gt;\x1dr\xe7\x02\x9bcw\xf4\xbd\xc9\x7f\xa6\tT:H$\t\xb1\xd3\x871\xc6m\xcbT\xc6\xa7\xfb]#\x8bB\x05\xe4\xebW|\xc9\x84\xbf\xe7\xeb\x00\x1f\xba\xe0\xb3\x9f\xb8Z\xe5\x0f\x01\xa3\\p\xfb\r\xb6\xc3&lt;e\n\x90\x8b\x8c\n\xab$\x02?\xfb\x8c\xdb\xa4\x16:\x9b\xd2\xedm\x07\xab[\xc5d\x94&gt;4\xady\xe4G\xab\xac\xe1\xe6\xc6\xecV\xa8\x96Z\x82\x88\xad\xd63\x08!\xc7\x9b\xee\xf0v\x93A\xc9s\x94c\xdb\x90\xbe\x12\x0f8\xb7\xb6PS\xbeO\xde#\x98\xc7\x07\x941\xdb\xa4\x8f\xac\xf3\xde\tA\x8e\xe06\xd8"\x04\xd2\xde\xd5\xc76\x7f3o\x05_\x92\x0ft\x83)=\xb07\xd1?\xf1\x9az\x9a=\x9d\xd3asb\xb7w\xcb?\x13\xb9\xd3\xbdM\xfc\xc0\x17\xef\xfb\x12\xcdT\xb8\xacu\x1f\x81\xdf{&lt;\x9b\xf4\xb3W\xae\xa9aW\x1ca\x96Z\xf4`,\xaf;\x0e\x0f\xc2#\xc8\xe7\xe0\x1ff,\x1e\x88F-K\xa0D7|\xb8\xebd\x1e\x8d*\xbd\xbc\xfc\x8e\x13E\xa7:\x11\xeale\xc2\x14\x11\xa6z\xd7\x91p\x88\xc2\x9b\x13y\xe9\x94,\x08\x1e\x84"\x93\xeb:\xb04`\xf1\x906q\xbf$\x91\xa0\x98\x18J\x0e\x955\x99V\x8d\x0e\x1fl\xa8\xe3(\x924\xef\x84R\xf8\xd1\xfa6\x95e\xc2P k\xc8O\x10R\x1f\r\x97)\xb1u\x82\x94\xb5+J\xc0pg\xa1P\xb7D\x93U\x8da\xc0\x84\xff\x9d*V\xdcf\xb61sv\x1f\xa1\xb62\xfbO\xfd\xbc=\x8f]be\xb6l7\x15HL\xf3\xb9\xc97X\xc8\x87\xe0\xf6_\x8aH&lt;\xce\xda\xf3Z\xfaaO\xd9\xc1\xf3\xee\\h}*\xe9\xd3\xa3\x88\xa2\x00\xad\xfanYh\xf6\xae\x05\x8a\x92\xa78\xe0\x07"\xfcB&lt;6\x05\xe8\xff\x18\xe6\xe0J\x1a\xa5s\xf1w\x8c\xba\xae\xfa\xe6h\x7f\x89\xbfK\xbe\xcc\xc6\xedm\xe3\x05v\x9a\x8036\xfe\xb0\x03\x8f\xac\xe8\x90\xd3B\xcfx\xe1\xd7\x19^+d\'\xb2\xc4\xb5\xd7\x89+\x0b6\x86r\x1c\t\x05\x99v\x85\x8fj~\x84\xb3\x7f\xafbx\xcb\xeb&amp;\x9a\x8c)s\x0b\x8c\xd0X\xb0\x8d\xf2\x19&gt;\xc0g\xe4\xe7&amp;\x16\x1bG\xbce\x85\xa1M\xdesy?\x1e\xb2\xedz\xd7\xcb84i\xbfq\x94\xc8\x17(\xcdNQ\xcf\x95\xc3\xf51\xf0\xa0k\x86o{\x8e\x87\xd7\x98^V\xef\x83\x9fPz\xeb\t\xe3\x08\xea\xc2Kb\x11m\x00\x99e~\xea\xe4"\xdd\xacE\x07p\x975@!\xee\x0c\x13\x98\x90[\xf3&amp;\xd1G\x11\x97\xacb\x9c\xc5\x10\x85\xcep\rvJt{\xfd\xe5o,\xf6\xa3r\xef\x82M-pT`\xecvb\x9c|\x1a\x1b\xf7\xdd\x91\x1f\xa3\xbcR\x9a\x0e3qf\x8cr\x18p8\xb9'</t>
  </si>
  <si>
    <t>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</t>
  </si>
  <si>
    <t>b'\x9e5\xf2\\\t\xa61,\xa3E\xe0v\xc5Y\xbf\x9e'</t>
  </si>
  <si>
    <t>less numbers in fluid mechanics include:
1. Reynolds Number (Re):
   - Ratio of inertial forces to viscous forces
   - Re = ÏvL / Î¼
2. Mach Number (Ma):
   - Ratio of flow velocity to the speed of sound
   - Important in compressible flow analysis
3. Froude Number (Fr):
   - Ratio of inertial to gravitational forces
   - Important in free-surface flows
4. Weber Number (We):
   - Ratio of inertial forces to surface tension
   - Important in multiphase flows
These dimensionless numbers help in characterizing flow regimes and ensuring similarity between scaled models and full-size systems.
## 4. Thermodynamics
Thermodynamics is the branch of physics that deals with heat, temperature, and their relation to energy and work. It describes how thermal energy is converted to and from other forms of energy and how it affects matter.
### 4.1 Fundamental Concepts
1. System and Surroundings:
   - System: The part of the universe under study
   - Surroundings: Everything outside the system
2. Properties:
   - Intensive properties: Independent of system size (e.g., temperature, pressure)
   - Extensive properties: Dependent on system size (e.g., volume, mass)
3. Equilibrium:
   - Thermal equilibrium: No temperature difference
   - Mechanical equilibrium: No unbalanced forces
   - Chemical equilibrium: No net chemical reactions
4. Processes:
   - Isothermal: Constant temperature
   - Isobaric: Constant pressure
   - Isochoric: Constant volume
   - Adiabatic: No heat transfer
### 4.2 Laws of Thermodynamics
The laws of thermodynamics are fundamental principles that govern the behavior of energy and its transformations.
1. Zeroth Law of Thermodynamics:
   - If two systems are in thermal equilibrium with a third system, they are in thermal equilibrium with each other
   - Establishes temperature as a fundamental property
2. First Law of Thermodynamics (Conservation of Energy):
   - Energy cannot be created or destroyed, only converted from one form to another
   - Î”U = Q - W
     Where: Î”U = change in internal energy, Q = heat added to the system, W = work done by the system
3. Second Law of Thermodynamics:
   - The entropy of an isolated system always increases
   - Heat cannot spontaneously flow from a colder body to a hotter body
   - Introduces the concept of irreversibility
4. Third Law of Thermodynamics:
   - The entropy of a perfect crystal at absolut</t>
  </si>
  <si>
    <t>b'\xb0L\x0fB\x80\x86\x99\xe7\x19\xaf\xd1\x9c88\xb2AL(T\xbd\x0f\x10\xf5\xe8\xaf3\xd3@z\xcd\xad\xb5\x95\x04U\x97C\xf5\x88\xf0\xa9\xfe\xe18\x9cux\xa8\x1d\xc0\x14Q\x9e^\xacU\x88\x19\x90\xfa\xdf?\x0e\x94\x01\xbcD\x8e]\xea\x8fJxw^?\xb2\xd0\x1f\x02N\x84\x99%N\xde\xa9\r2\xe5/q\x91\xce"\x8d\x80\xe0w\x172m\x0e\xcf2\xe9\xf8\x1b\x8d\xcf\xa2\x8d\xbf\x0f\x84P\xd4@^\xee\xff\x82\xcacJ[(f9\xd0\x08\x03\xfbq\xaa\x1cc\xd9\x87\xcd4\x9fp\xf1{\xd9\x83\x93\'\xa5\xac\xad]7C\xf7l\xd9\xed\x1c\xbe\x1eK9\xa7\xa8\x03\x14\x0bp\x9dJ\xdd\xa5\xcc\xcbY\xc6\xcb\xfd\xe6\xb0\xe6\xd1\xeaK\xed\xfcE4VN\xe2@gyxT\x15!\xd9*\xf6"C\xfd\xb7\xc7Y\xd7|\xbf\xac\xe4\x97\x02fm\x0c;.\xc2\xfb0\xd3\xca)Hz\xa3n\xf2\x8f\x1a\x12K\x0c\x8dc\xea\x10\ti"\xc4\xda\x8f\x86\xa3\xa1\xc7\xd1\x0e\xb0)\xf9U\xbd2\xae,k\x1d\x08\rR\x02\x93\xcb\xc6P\x1b\n\xdf\xdb\tU\xda|9\x90]\x91u\xa2\'\xde\xbc\xf8eL\xe3\xa6\x00\xe2W2\xc0\xa7r\xea\t\xbb\xef\x86p\x06.\xb68z\xa2\xd81\xcftb\xf8\x0e\xb2\xe7+\x87\xe3\xeb1Y?\x0b\x90\xe4\xa1qN\xaeO\x922Q\nW&amp;+{B\xe0\xfb89\xe3\x7f\x84\\\xf2\xb2\xc9z\x0e\x15Np\x1b\xa6\x83I\xf8\xe8\x11h^\x93\x0e=n\xbe\x0c\x94\xf3\xc2\xf3\x9f\x85\xad\x19\xd4R^8G\x07n\x1f\x03\x1f\xb7\x9d\x8b\x1f\x18\xa3\x10\xe1\xaa\xa0\xfa\x0e\xf3\xc1Q\x93\x84\xb9\x0e\xe9\xf1\x9f\xaf\x8c\xd9\xa4\x16\x16W\xe5\x05[\xc1\xf1Y\xad.\xd8\xce\x1d/H\xee\xee\x1c\xe7J\x9f\x98\x8c\x06\x0c\xa9\xa1q\xc3\xc4*&amp;=\xde\xac6\xff\xa4\\\xcd\xd2D]\xe8\xd3f\xc4\x17\xf5\x89\xc6\x1f\xf4\xc8O\xdc\x9b\x806\x95\xd5\xb6N\x89\xc3\x07/\xe6\xb9\x84\xf5\xd4w\xddi\x0e!\xdd\xb1{\x81~\xcc_\xe7w\xb1\x87\xec\xb8L-\x9dL)\xbc\xca\x060\\%\xfb\x05\t\x11._7\xab&lt;\x0f\x81\xcf\xf9\nT\x8a*\x8f\xcd\x97\xfa\x13|\xfcU\x9b\x04\x1e\xe4\xbe9k\xf8\xe4Y\xb9\x03\x87i\xaa\xca\x16\x0f\xe4&lt;Wi\xf4(\xfc\x1b\xf2Q+\xd32\xce\xb5sH\xdb\xbf\x9b\x01l\x0f\x08\x02w\x152\xa8\x8bx\x00o\xe8\xda\x00\x88\xd3\xc4i\xcd\xa9\xe7\xf7[\x8e\xe9\xdf\x16\xd8Qt\n\xbc\x8f\x0b\x9b\xfa;\xcf9\xe3Vw\xdfO\xdf\xc5\xbe#.\xf0\x8fk\xf1^\xfb\xe5+\x874\x04\xb7*\x12\x91\xc4\xac\xbc\x0b\xbdP6\xd9\xe5\xa3\npa\xb6az\xfe\xc5\xc1\x10,\x92\t\x9b\xcdg\xff#\xea\x8d\xf3\xc6a\xb7P&lt;\xdf7\x81\xd0\x86\xba\xbb=-\xcc\xa0w};*L\x82h\x07:\x97\xf9Vp\xb8\xd3\xc6\xf3\xcd\xe8Sz\xa4\xe2\x1dxO2\\m\xe6\xff\xa0\xd79"\x1c*\xf0\xf6=\xcd\r\xadV\xb5o\x90\xbd\x02\xa2/\x12\xc3\x9c\x04-\xcc3\xe6\xd7:\xafe\x07\x06&gt;\xa6\x8a\x01\xcd\x8f\x8dE\x83\xa6\xdeNt\xe3\xb9\xd6W\\\x94ec\x80\xf2{\xc2\xa5$\x18\x0c\xfa+\xd53Kd\xd8,\x7f\x18/N\x1a\\\xea5\xcb?$d&gt;cw~\xf9i\x89\xec\xb4\xce\x8e\xb7\xe1\xb8\xbd\xcc\'5\x9a\x89k\xe3:?k\r\xffPO\xdc\xaf\x8e\xb7\x9d\xb5\xc7\x19{\x06B\x9f\xa5\xcdbd\xf6\xc6}U\x16\x93\xd4\xf5\xf8B\x9aOj\xb3\xfbcW\xf6\xb7Y\xa1\xa1\xc9\x8am\xb7`\x9c\x14#\xba&amp;C\xc0\xd6\x83\xcf\x7f\xa0\x96=\xc2\x06-\xa1\xf4\x88h\xc5\x9a$L\x8a\x93\x00\x7fM\x93_(C\xd33\xe2\xc9"\xf6vO@\xa6y\xe9B\xa1\x15\x07\xa9&gt;M\xe3\x08y\xfd\xc7\xef\xad\xa1\x0eh\xbeOb\xcdV\xd3\xc4[\xd7b\x8e[\xc3\x90\xa9\x9b\xbbk\x12:\x13\xe4YS\x8b\xa6\xe2\x16\x0b\x0f\xf4\x82\x16m\x05\xc52\xbd-\xa6\xaa\xbb\x8e%\xc7\xaf{\x0fSr\xbfO\xb9\xac\xc3~,;z\x12e6x\xa4\x97\xa0;\xee\x17Q\xa5\x01\x0e\xc47\x98\xfa\x13kb\xc1E\xb5\x8e\xcf\x9d\xb2\x8f\x95\x81\xc3Oj\xd3\xb9\x98\x11F\x80\xc4\xf2\x8c\xb5\xd3\xae\xfc\xfb\xe6U\xc5\x9b\x83A\xf3\xdbTV\x81V\xdf\xd6\xb7\x1b\x8cqX\x8dc\xa4~&lt;\xc6|\xad\xdd\x1fp\xa6o\xf9\xb0j\x86\xc1\x92\x061\x8c\x98\xe2\xbf\xd3\x89k\xfc\x89\x94a\xdd\xe9\x89\x07n\xd7Om[\x128\x0c\x97\x8b\x19\x9c\xe8t1\xd8\xf0\xa2T\xee\xdd\x9c\xa5\x9aaw\xd5\xda\xd6pOO\x86\xe0_F*\x04\xb39;\xae3\x97\xb8\xf1:\x7f\xefQ\xa0!\xf0awA\x01@\x95S\xbd\x87o\xde9B\x15\xe0\xff;m\x81\xf1\xdf\x92D\xb8\x06\xf9U\x13^ X\xa7\x06\x9c\xbb.\x10\xa1q\x18\xa7.nc\xc8b[\xdc?\x96\xbc\xa7\xb0\xd9)\xa7\x83\xa1n.U\xbb\xef\x82\xfc\xe3\\0\'\xa68Ct\xc4\\\x12\xf0\xe1\xd9\xc3\x13$\x99:q\x18\xa4\xc1\x1e\xf9\xfe\xb1\xd0\xc2\x0ccr\xb2]\xc7X\xc6\xf17\xcf\xa7\xfc\x1cG\xe3\'\xc1Gn!\x9d\xfaFo\x180U\xe5\xc5\xa6l\x97\xf9\xd7\xb3\xa3\xb5\xc7\x91\xba\xb8\x96$  3c\xb8y\x953\xa0\x8a\x9811\xff=\x1c\x95\x98K\xf6\xbdvs\x13\xf0\xcb\xdf\xd1ii)\x18\xe9"\x8a\xad\x83\x87P6y\xc4\xe8\xce\xb2\xba\xdb{\xf8\x98\xfd\xdd\xee\xa05\xf7UA\x00\xee\xd2\x98\xdb\x86\xc4\xeeSYAk\x98\x89O0`\xc8&amp;\x82\xe0g\xbf&amp;\xb3\xaa\x94\xa6hlQJ\xeb\x12k(\xa9z\x90\xb0\x06\xcf\xc4[\xae\xb0\n\x7f\xb8\x8b6\x1f?\x00],;\xbc\x81\x85\xe6]_\x15Y9\xe7\xde\xbe\xe2\x9d:&amp;T\'-!,?\xdeb\x99M]{\x13\x86\xea\xde\xbb3\x97R\x1bh\x05\xbd\xc2XJ\xa3g\xcd\xf6\xda\xcc\x89.\x95C\xef\x93\x1cW/\xa6\x1aq$\xd2\xfa\xa0,\xaaA\xc0\x18\x84|\xce\xfaQ\xce8\x08\xeb\xbd\xc5\xe7\xd2K\x7f\x03Y&amp;\x98\x997\x01N\xd3\xe7N%\x83s:g\x84\x9b\x98\xc1\xff\x0eu&gt;G[\xe5jIqv%+\n\x9dsBU\xd0\xa0\xcc\x18\xd5\xdd\xe5\x0f\xa8\x96\xd8\x7fI\xf8\x1d\xa3\x953|\xf42y&lt;\xc3\'\xb1\xa1\x91\xd7\x96|\xf0\x83\x01\x14\xd7\x05\xb6\xc25oJV\x03\x06?\xf2\xf4g\t\xfb8b\xba[\x00\xc1\xf0t\xef\xd6\x8a\xc5;\xc7\xac\x86\xeb!]\x1b\x05\x91\xf4\x94\xaa&amp;\x8e\xb2\xf6\r\x8b}{\xe2\x9dh\xe9\xb0\xc6@\x0f)\x90\xab\x83\xc8\xa7\xdcn\xf6\x0bc\xa8\xbc%a\x81\x867\x1e\x8a\x0fB\x08\xf4\xa4\xf9Zz\xd2L\x81K\xe3\xed\xc6s:\xc6\xcdl!\xd0\xce\xce\xd5uC\xee\xc0\xa6p\x82`\xabU \x8c\xd5&amp;\xef\x1e\x15-\x94~Ed\x85\x8e\x8e\x86&gt;[0\x1a\x08\x0b\xebb\xdfnM\xc80\xd5.\xb8\xd0a\x98\xf4\xfbU\xfe\xe4\x10\xb0\xe5=\xca\xac\x7f\xddk\x12P\xaa\x07FL\xefV%\xcb0\xb83Arh\xbfWE\xcc\x02\x13\xb8\xefm\xa5\xff!$*dE\x95@d\x82\n\tMx^\xc9w\x11\xbf\x9b\xc2m\xdbg\x13Wu]y\xfc\xed\xc5\x82y\x96\xa0\x9c\xb2\x03\xde\xc4*x\x17e\x94\xa4Z\x17#S5NUD\x01\xc2\xa0Dg\xf5\x87 Fu\r\xcer\xe9,\x13B\x93\xf9\xf7\x9f\xc5+\xbf\x01\x08\xfbDQ\x17|\x93\x12\t\x92A\x19\xce\x8d:u\xfb4\x0b\x07M\x04\xf1\xd1IGKb\xb0\t%I\xdcC\xb1*C\xca\x8b\xd4\xa1\xaa\x05\x10\xdb\'\xc9J\x96\xc9\xaa\\\x06 \xfd(\xe7G\x10a\x1a\xc2#\xd9w\x9e]\x06\xc67\xb8\x00J\xec\xb8\x91\x80{\x16\x89\x9a\x8a\xac\xe4\x04\x0fLca&lt;\xca_\xb5\xaf+\xb7Se\xfa\x10y&lt;\x878\xa7\x85\xe1\x0fg\x08J\x1d\x93\xd8&lt;\xec\x9b\x90\xeb\xf1\x91-J\xf6f\x8emK\xf9\xacC\xc2?\x85\x00G\x9ci5\xea\xe3\xc4\xf0z\xe1\xab\xd8\xc0\x89\xeeW%\x05l\x9a\xea21\xd7\xb3\x83\xbe\xda\xdb\xc2\xec\xe4\x978\x8d\xa1\xed\x03\xac\xa7\xbb\x1c\x88r\xa5\x1e\\\xcfs\xb0\xe8\xd8\xe8W^\xfa\x04\xff\xe1\xa4u\xdc\x02\xb6*6\xc8\x88\xbcev$a*"\xe2h\xe9\x87K\xd0\x93\x8d\x9cz\x05\xea\xc7+\xc9\x7f\xbd\xd3\xb0\x7fP\x8d\xb18\xa2\xe8\xd6\x8fG_\x06E\x16\xe0^\xc4\x9f\xac\xaf\xf4\xa5\xa4\xd1c\xf8\x81\x958\xa1[UZ_\x03MZt\x1e\xc1\xf0w[3\xb3[+\x0f:\xd6z\xd5\x9f\x1e\xd9\xc9O\xeb\x9fR&lt;\xf9\xd2.0\xc7\xc3\xd7Iry\\9\xe5\'\xf0\x9f\xa37=+\x0c\x85\x91\x01\x13\xbd\x18xH\x92`k\x9cq~\x92\xfd{q3\x9e\x97\xfa|g\xdedu %W \xfd\t\x83r@\x06\x01\x89\xe1\xaf\xb2\x80\x05\x0fwx/\xb4)wR\x00\xb0\x12t\xbc$\xe3y\xc8!\x0bz\xd2\xd0l\n\xa8n\xbc\x85\r\x92\xe0\xa7\xf0\xbb\x11\x86K\xd7e\xeb@\x84\x18\rU\xc2\xda-\xac\xc1 \x01\x0e\xe2\xfb\x0bv5\xcb\xf0-\x1d\\\x82\xb04&amp;\xd6\x13\xb2\xa5\xbaOr\xcd\xbc\x8cbj\xba\xe5;\xa7Q\xac\x8a7\xcf\x1a\xfd%\xc5\x89\xe3\xda\xaeH R\x97\x1efI^\xcaN3\xfa\xd2\xae\xfe+\x02\x9b\x16Q\x86\xdc31\x06Y4:\xfd\xa1\x95\x1c\xa3\xa8\xde\x88\xcf\xc8\xf8\xf55\xa21bUL0z\xc5\x8eFr\x90O\xe4\xef\xab\x89S\xde\xe4\x82\xb6\x96\x12\x99\x7fY\xce\xb1\x9fv%\x9b\x9a\xc3\xd4\x06\x99\xac\xdc\xe5\xec\n\xb8\x18\x80\xdb\x0fT\x8aG\xa0Q\xef\x98\x9e}\xb0\x01\x16\xd01&amp;F\x1c\x86\xd2\x18\xa2\xb7'</t>
  </si>
  <si>
    <t>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</t>
  </si>
  <si>
    <t>b'\xb0L\x0fB\x80\x86\x99\xe7\x19\xaf\xd1\x9c88\xb2A'</t>
  </si>
  <si>
    <t xml:space="preserve">
CHAPTER I.
Down the Rabbit-Hole
Alice was beginning to get very tired of sitting by her sister on the bank,
and of having nothing to do: once or twice she had peeped into the book
her sister was reading, but it had no pictures or conversations in it, â€œand
what is the use of a book,â€ thought Alice â€œwithout pictures or
conversations?â€
So she was considering in her own mind (as well as she could, for the
hot day made her feel very sleepy and stupid), whether the pleasure of
making a daisy-chain would be worth the trouble of getting up and picking
the daisies, when suddenly a White Rabbit with pink eyes ran close by her.
There was nothing so very remarkable in that; nor did Alice think it so
very much out of the way to hear the Rabbit say to itself, â€œOh dear! Oh
dear! I shall be late!â€ (when she thought it over afterwards, it occurred to
her that she ought to have wondered at this, but at the time it all seemed
quite natural); but when the Rabbit actually took a watch out of its
waistcoat-pocket, and looked at it, and then hurried on, Alice started to her
feet, for it flashed across her mind that she had never before seen a rabbit
with either a waistcoat-pocket, or a watch to take out of it, and burning
with curiosity, she ran across the field after it, and fortunately was just in
time to see it pop down a large rabbit-hole under the hedge.
In another moment down went Alice after it, never once considering
how in the world she was to get out again.
The rabbit-hole went straight on like a tunnel for some way, and then
dipped suddenly down, so suddenly that Alice had not a moment to think
about stopping herself before she found herself falling down a very deep
well.
Either the well was very deep, or she fell very slowly, for she had plenty
of time as she went down to look about her and to wonder what was going
to happen next. First, she tried to look down and make out what she was
coming to, but it was too dark to see anything; then she looked at the sides
of the well, and noticed that they were filled with cupboards and bookshelves; here and there she saw maps and pictures hung upon pegs. She
took down a jar from one of the shelves as she passed; it was labelled
â€œORANGE MARMALADEâ€, but to her great disappointment it was
empty: she did not like to drop the jar for fear of killing somebody
underneath, so managed</t>
  </si>
  <si>
    <t>b'P\t\ty\xd1?TT\x9d\x16\xa2&lt;\xb2\xc0\xa7\xb7\x98\xaa\xcat1\x94T\xf2j\xbe\x9d\xc0$\xe1\x9ch\x8fIn\x1d\x0c&amp;\xe6\xa2\xcb\xd4\x987\t\x15T\xe5\x83\xef|\x00"a\x1d7\xa1\x07"\xeb8\xe8\x91w\x12\xfd\x98\xb2\xc7\xd0\x98\xf0\x033\x01%\xddU\x0b\xcd\x81\xe7\x18\xb9c\xbfKZ\xcf\x06{\xc6\x88\x86\xf5 \x87W\xa3B\x14i\x1d]\xfb-\xe6\xc6\x04M\'\x113\x0ev\x00\x1cB\xc3#\xae\x82#\xe0\xe7&lt;6\xc7\xb1_3\x8d\'\xfb\xcb\xaa\r\xeb\xde \x89:\xd1U\x9e\x80\xe24\xfa\xb8z\x8f\xec!\xaeR\xb4\x0f.\xab\xa7\x9f\xbf\xf4\xa2;\x9d\xd2c:\xe0\x11\xa6gM$\x05i\xc2\xdcm\xf4\x0c\xe1wb6\xdboc\xda\xf4=\x8f\xbb\xc3\x8d?\xd9i\x13\\D\xf8\x0cC,6d\xcf\xeb\x1b\x88\xc6\x96\x08\x88a\xf3\'{\x0eM\xa9\xac^\x1cx\xa3\xc7\x05\xfe\xa9\\\x18\x84\x1a\x90c\xe8\xea\xc8\x9c\xc9h\xb5H\xd0\xe1\xc3\x1f\x90\xcf\xc5\xe8\xbb\xc5F\r\x18x\'X\xfa\x96D-\x14\xa5\x03t\x85y\xc2&amp;\xba\xb3u\x1e\xbb\xb0(V\x13\xe7\x82\xb40\xffT\xd0\xef\xe5\xd1\x1c\xcd\x94\x04\x01f\x868\x1a\xfb \xdb\xe7\xcc\x93:\r\xdeK82\xc6pT9\xe70@091\xf3\xfc\xf3R\x91\x1bP\xdd\xedzGT"1\xa9\xd4\xc9 \xe9\xea!\xe3\xb7ty\\r\x1d\xd4\x1a7\x93g[]\xa5VnB\x86+\xc3EG\xdd\xa7\xc4E&gt;$n\xc0\xef\xb2\x16P\x9b\x1f6A\xbb\xfa\xe31i\x12\xa9\xcc\xc5\x10\x9e\xab\xa6\xe9D\xbe~\n\x05\x82%\xf7\x94~\x95\x87\x8f\x9e)h\xdd_\xd5\xfcgE~\xbf\x05s\n\xffoaY\x95\x80&gt;\x1a\xb7lH&amp;5\x92\x82\x9dy\xa4\xa3$\x1b\x96\xd4\x04\xce\xad\x10%g?\xc2\x8c\xb7l\xee~^d~-&gt;\xfb|m\xa3\xb9\xfcE5E\xb3{b\xc8[x\xe3\xcb\xd2\\\x19\xbf\t\xa60\xa8\xf1@\xd2\x9a\x06\x16=\xec\x05HD&amp;\xc5\xf1\x8f\xca\xfb\xe0\n\xad\x97m\xe9P\xa0\x1c\xff\xb3v/\xaa6\xf9\xe2\xd9\xbf\xf0\xc0z\xdf\xfc\'\x01\xc58,&amp;\x9a\x88\xac\x81[\x03P\xcd\xd6\xf0\x87t\x1c`2AP\xcb\xb5\xfa?\xda\xff)\xcb,\xdb\x1fd\xdd\n\xc9&lt;\xbf\x802\x11R\xfa\xda2\x8c\xaa\n\xd1\xc3\x83\xa8\x7fBD!x)\x8f\xa1\xc5\xa3\xf3\xd3\x92a$\xfbVj\x94w&gt;\xe8\xa1\xab\xbcH\xe2\xea\xc0\x1aJ}O:K)\x91\\*P\xb9\x08h\xfa)\xb5\xa4\xf6\xc2\x9c\xabF\xf6\xa4ns\xa1\x95\xf7)\xc6\'\xfc\x92\x0bs\xa1n\xeeT\xcbD\xf1k\xf0\x16\x88\x1b^\xbe\x80\xe5V3\xb5\xac\x86\xa5\xe1\xac#\x9a\xcc\x97\xa9\x06\xaf\xe3\xc7\x14""\xfb\n\xccr\x97X\xfc\xbb\x9fb\xb4\xbc||\n\xa4$\xd3\x87\xeb%\xb2\xdbLQ\x99\x91*/\x97\xbf$#\x19\x19"\xfe\x81\xd7\x17B\x07\xab11\xaa&amp;\n4j\xd1|\xf6\x06\xf4\x99\x07\x05@\x1a!\x8e\xc2,o\xfcZ\xc3\x93\x16\xca?\xfa\r\x1au6\x8d&gt;\xd7\xf7(\n\x03\x19\xb5\xfb\xe7\x87\x86\xa8\x82\xab\xf6\xe4w\xbc\xd6\x038\x10hl\xfep\xfb\xfdh\xdeM\xda1\xfa\xef\xfa\x10\x19\x9c\xe3\xb8\xd9w:4\x9e+\xd5\x16\xcf\x03\xbd\x94\xffd\x97\x8f\xaa\x05?1W\x0c\xa1L\xfd\x85\x7f\x0cN\x98T\x1co\x88?\xeb\xc3p1\xd2\xe7\xdc\x1b\xa99|\xe9\x9f\x80\xe8\x8dCx\xf6Q\x8c\xa0\xc8\x19\xcb\xd3AB\xfc\xdd-\xd1[\xe8-\xd9\xee\xea\x16\xe3uw\xdc\x17\xc9\xc6\xf3\r\xaeB\xcc\r\xba\x94\x85\xb5\x12!\x88|\xf3\xef\xb7\xe5|\x12qml\x9b\xad\xf8\x0b\xd2O\t\x96\xc1e\xd1\x01\xeb\xda\xa8\xdct\x9e\xc9\xabY\xd1V\xa9\xe4\x80\xbc\x80\xea&gt;\xc6\tG\xfa|\x0f\xf1RY\x82\x8c\x8a\xbbb\x8f\x02 \xc4\xda\xa2@\xaf\xb7\x92u\x93\x82\xc6\xf2\xa6\x98\x18\x11i\xde\xb2r\xea\x1fP&gt;*\xd1i\x1e\x07\r_\xf5\xb3\x9e^\xbe\xa2\xd1\xaby\xcd\x0cJ\xd9\xdf\xa6\xfcqo/\xe2\xcc|3`\x9f\x8dd\xb5\xcc\xa1W18?\xf0\xe1N\xb6\x80\x1b\xfcWx\xc8\x16\xf3\xce\xdf:\x11\xf7\x9b\xf5T\x83\xac\x15\x16&amp;:/\xa0\xf007\x16\x90\x179\x8d\x04\xee,CEI\'\xa8^\x08v\x03S3(\xf1F\xb8\xc8\xaf\x9b\xb1\x94#\x19?\xe6\xb9\x94\t\xab1\xf6\xa0e*\xd1\x8f\x84\x88{C\xc2E=\xb4j)\x19B\xd2\rp\x96*c*Id\x89\x99\r\xf8\x1e\xfc\x8e\x82\xf7\x1b\xfb&amp;\x97\xec\x90S^\xf6\xac\x13\xae\xe2\xa1\xe7\xe4\xdc\xc9\x85+\xf7E\x7f\x02Q\x93!\x95\xdf\xe5\x1b\xfb\x16V3\xe2\xd4\xf4\x9eT \x19\xef\x93 R\x86t\xd1\x1fS\x03q\xa7K\x0c?P\xb6\x8bt\xf7\xd9\xc5\x9e\xdfp\xcbm\xe2@L\x81{\x8c\xf9\xd6\x0b\x19+\x01\xfc{P\x1b\x8d_\x8c\xb6\xd2\xcd\xce\tn\xec\xafc\x10dSbf\xd0\xf2b\xda%\xd3`,z\xbe\xba\xe1d&lt;\x9dNmT\x98\xdd7\\V\xac|Y\xb5,\xba\xa1\x15\xeay\x92&amp;\xbc3\xff\xbe\xb3\xf8\xcc\x1a\xe1\x95r\xe4\xfa\xe0\x1a\xb2\x89? c\xb8\x9f^-&amp;\xbe\xaf\x9f\xac\x8e\x9bN\xd8/\x04T\xc1[\xa4\xd8\xeeh\xe1w1\xa3\x01\xda\x9f]os\xdat\x83\x04\xba\xbe^\xae\x12\x98*\xabM\xaf\x9d\x84-\xb0\x96*W\xc4\x05\xd9i~\xfe\x88\xd0\x07\xfd\xe7\x10\x04j\x96\x16?/\x8c9\xdcQ\xecF\x1f\xa6\xfe\xf1\xd8\xff\x9b\xfb\xba\x9a$\x86\xdf\xaa\x15t\xf0\xf3\x01\xf1\xb6\x9a(\xc1(\xbf\xe0%\xc3(\xc8\xf2\x18&lt;%T\x15 \xb6\x99sr\xd3d\xb1\x03\nM\x9e\xe0\xc3\x99\xd6R\ry\xb9Qry\xa2\xb0\xbb\xf7\xe6\xff\xb9j\x90\x82\xef;%@\x0f\xdb\xad\xb5m\x18\x16,\x06+\xed\x93{$\x1dW\x10~\xed\xd0@/j\xd5}\x06\xa9\n\xeca~F\x17LS\x9eCK\x13S\x08\xe9e\x7f\xc0|\xbe\xd7\xcaC\x9a\xc7\x8b)(\x1c\t\xbcK\xd0[h\xfc\x0eO\x84\xa1&amp;fTo\x82:\x8e\xa7O\xcc\x1dI\xa6\x96\xa8\xacu\xac\xf6Y\xf8&amp;\xfc\x91\xb5z,\xd9\x99\xf5\x12G\x89\xc8*A\xba\x15\x83\x04^\xc3\xab\x93\xb5A\x9e\xc4\x8b\xf29r\x85\xd9\x9a)h\x08\x8f\xe2\xd3\x9aj\x01\xf4\xa7-\x89\x00\x93\xbd\xcfRj\x0e46\xbe\xca\x17L\xb1\xfb\xd6\x8a\x11$\xf6\x0e\xa7{\xe8$N\x0c.\x90\x97\x1c\x02m\xdc8\xc0\x95\xec5j\x9a\x81\xe3\xa6\x10\xc5\xa4;\x0f\x1c\xf4\xc3g\xd2Ag\x1bMJ\x85\x974\xb1R\xc5\xbf\xef\x18\x06u\x04Y\x8b\x8a\xfffZ\xe0\r\xdcb;\xc6\xfezg\xd92\x1b\x86\x16\xc21\xff\xbfGcMT\xcaj\x9aDa3\xda\x853\xfd\x8a\x8do@\xa3\xdc\xf1"L\xd2\x99\x88W\xe7k\x8c\xfb\xf9\x8a\xa6\xc4\x06\x13\xdai\x1cs\x15 \xe1#\xff\xfa-G\xc0v\xb6\x11\xe9rmv\xef\x90\xd6\x0c\x80J\xb6\xbf0\x02\xc8r;\x00\xc82^\x92\x82\xfb\xee\t\xe8EP\xf4P\x05~2\xa3SE\xfa\x19 `d\xa1\x99\x05gI\x10a\xba\x14\x01\xe0k\xbe\xd2d\x87[\xb0\xa4\xe0\xe18aG\xd1\xd4\xaaJ\xc8\x04s|\xf6\xce\xfd\xbc\xa1V|^\x96\x856\xc4\xa6\xd8\x9ai\\\xfeJ\xf0\xf4\'\x97\xdf\x0e\x85\x1b\x14\xf1G\x98-\x0fz~\xc5$t\xd2\xb7(\xe5\x89\x17+\xe5\xf8#\n0}\x01\xdd\x1e\x02\x0b0\xae\xeayJ\x7f2\x80\xc1"\xd1\x9d\xd7\x89\xd4\xdc3\xe0\xf4p@\x14I\x1b\xf0X\xd3\xef\x04\x10-\x92\x9bH\xa9\x83\xed\xab\xa5\r\x08Q\n\xca\'\xbbM\t\xb0\x81\x84^UB\x00\xb7.\xe7w\x83\xdf^\xaf\x87\x84\'\x05\x10\xd2@9O\xe21:V\r\xe0\x08|i\x94[\tX\xcby\xc7\xdc4\'\x97T!9\xe0\xaev\x9a\\5!=\x9a\xb3j\x8e\xa7$\x8d\xf1\xbb\x19-8\x1a\x9ax\xfb0~\xb7kh_\x87m\x13\xa3\xacs\x9f\xe8p\x05\xad\xc9-\xe7\xc2p\xed3\xf6d\xf3\x829\x03\xa0\x8a6a\x10\xa3N\xb5a\x0f\\x=\xb4\x8f\x0e\x88\x03Kd\x14|m\x11,\xdc\xb4\xbd\x8dI\xcf\x11\xae\xac\x86\x10\x13\xf8R]\x04w\xcb\x8e\xa7_:)\x04\x9a\x9dR\xfb!\x8d\x8e\x1e`\xc0\x82\xb2\xcb\xa6\xd6\x19a\x03lM\x88_X\xd9\xbe\x19\x9c\xae\x96\x192\xd9\xe2\xe5`\x11\xa2\xf7\xbf\xf0\xd1\xce\xa8\x16\xefO\x8a\xeb\x91\xd8\x97\x92\xd1\x97\x95\x03\xbd\xab\x19\xee\xa4\x0e\xc8v,\x92M\x10\x9a\xcbw\x1a\xe7\xcc\x9c\xb3\xd5\x13\xc6\xdduF\x17")U\x06\xefu.\xd4\xde\xda\xf1\x83\xff\x87\x11|\t\xcd\x18\xe6\xa2EY\xaf~MR\xa1E\xf9a\xac\x9a\x9am^\xd1O\x8b\xe8\xb7q\xeb/\x88\x92y|\x8bia\xfb|\x13\xcd\xab\xc9\xd4\xaa\xb7\xee\xa5Y\x08C4-\x04\xde\xa2\x1bf}\xfa\x18\xe2\xed\x93\xb1\xc4\x99/K\xee\x05\xe9&amp;4;o\xc3\x9dE\x07 \xbc\xf8El\x92\xb3 \x18\xa6n\xa0X\x9df\xff\xbb/\xe9\xb4\xf2\xc3@q\x16G\xa9qg\xbb\x82\x84\xc1\xb6\x1d\'|zA)?=&amp;b\xe6\xf0q\xc9\xbe\xf3b\xe0\xd4#\x8f\x8d\x07\x9f\xccv\xd3:\\\xcaJ\xff\xb1P\x1e\x8fL\xe3\xcc\xdd\xcf/J\x95\x7f\xb5`G\x9d6\xbc\x0c\x04^\x1f\xe9&amp;Z\xbe\xf4\xec^q\xf4\xa3\x07\x8fAi\x10JHS\xaf\x9b4h\x0b\x1d1\xcd\xa6\xe1\x15C\n\xf5\xe1y\xd0\x90P\xe7\xe5\xe2{k\xcc\x0e\xb3\xd5\xbd\x0f\xde'</t>
  </si>
  <si>
    <t>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</t>
  </si>
  <si>
    <t>b'P\t\ty\xd1?TT\x9d\x16\xa2&lt;\xb2\xc0\xa7\xb7'</t>
  </si>
  <si>
    <t xml:space="preserve">ection factor is called the deflection sensitivity. The deflection factor is expressed in V/mm and deflection sensitivity in mm/V.
Instead of electrostatic deflection, magnetic deflection can also be employed. The electrons are deflected by a magnetic field applied perpendicular to the beam over a short distance of its path. The electrons experience a magnetic force in a direction perpendicular to both the direction of the motion and direction of magnetic field. Consequently, on emerging from the magnetic field, the electrons travel at an angle to their original direction. The deflection of the spot on the screen per unit magnetic field is termed the magnetic field sensitivity. It is expressed in mm/gauss.
(i) Electrostatic Deflection
The electrostatic deflection of an electron beam is depicted in the figure. Let s be the separation between the deflecting plates, D be the distance from the screen S and l be the length of each deflection plate. Suppose that the deflecting voltage applied between the plates is Vd. If m and e be respectively the mass and charge of an electron entering the deflecting system with a velocity v and Va be the final accelerating anode voltage, then we have
12 mv2 = eVa
(1.22) (1.23)
 Or v2 =
2e Va Vy V mR
Î¸
V
Î¸
  S
+ B d1
Vd V A C â€“
Figure-4
S D
d2
 Basic Electronics
13
                 The force exerted on the electron towards the positive deflection plate
F = e Vd (1.24)
 s
The acceleration of electron is a = F = e Vd (1.25)
 m ms
The time taken by electron to move through the deflection plate is l/v. the upward velocity vy acquired by electron on emergence from deflecting system is
v = al = e Vd l (1.26) y v ms v
The electron leaves the region of the deflecting plates, no deflecting force exists, and the electron moves in a straight line at an angle Ã¨ with the initial direction, we have
 tanÃ¨=vy = d2 vD
The vertical displacement of electron in this interval is
(1.27)
(1.28)
(1.29) (1.30)
(1.31)
al 2 e Vd l 2 d1=2v2= ms 2v2
Here d2 is the additional deflection on the screen. d = D vy = eVd lD
  2 v sm v 2
The total deflection d = d
+ d 2
eVd l l sm v 2 2
+ D
=
=
The deflection sensitivity of CRT is S = d
 1
 Vd
1L 2sVa
The expression for S shows that deflection sensitivity is independent of the deflecting voltage but is inversely proportional to the final anode voltage. Thus, deflection sensitivity can be enhanced by reducing the anode voltage. But then the brightness of the spot is reduced. The disadvantage is removed by employing post acceleration. Here the beam is accelerated after it is deflected by deflecting system. Equation (1.31) shows that deflection sensitivity varies directly as the length l of deflecting plates and as length L of the screen from the centre of plates. Also, S varies inversely as separation s between deflection plates.
(ii) Magnetic Deflection
Let a uniform field B act on the electron beam AC emitted from electron gun over a length l of its path (see figure).
A
O
Î±
r
D
d2
 r
E RM
CQNP
IL Figure-5
Î±
  14
                 If the magnetic field is perpendicular to the plane of the paper , a magnetic force acts on the electron along the plane of paper at right angles to magnetic field and the direction of motion of electron. As a result, the electron beam moves along a circular arc CE in the magnetic field. The radius r of circle is found by equating magnetic force Bev to the centripetal force mv2/r , v being the velocity of an electron of mass m and charge e. Hence
mv2 Bev= r
r= mv Be
Let accelerating potential be V, then
12 mv2 = eV
1
B
The deflection d1 of electron is
d1 = PM = NE = CR = OC-OR = r(1- cosÃ¡) Where as, d2 = L tanÃ¡
(1.32) (1.33)
(1.34)
(1.35)
(1.36) (1.37)
 2eV m
v=
Using equation (1.34) in equation (1.33), we get
2mV e
  r=
 In practice, the angle Ã¡ is small enough so that only the terms up to Ã¡2 are important. Therefore
(1.38) (1.39)
tanÃ¡ ~ Ã¡ ~ rl
a2 1l2
cosÃ¡ ~ </t>
  </si>
  <si>
    <t>b'\xa1\x9aZE\x89Q\xe9WF]w\xe6\xf8\xb6\x01e\xce\xf4\x10\xcb\x08U\xe7\x1f0\xf8\x11\x07\xd5Pv}*Q%\xddF\xcf\xb4eJK\xab\xe0R\x11\xacJ`\xa8.\x1b\xce9I\xbd[BX\xdf\xc66\xdf\xbf+$L\tu]\xc8\x1c\t\xb6\xc6\'\xd3\xe4\x1c\xed6,\x8e=\x8f\xb3\xe4\x97\xe8\xeee3\x03\xdb\x97\xfb\xb0\x90PH\x03\xf0\xbcW\x16\xce\xc4\x88\xd8\x12\xe9P%g\xbd\x02\x99l\x1f\xa9\x13\x90\xc3\xf4A\x1ev;\xf8\x9d\x84\x97\x1d\xcf\xb0\x13\xf0\xe4\xa2\xc8\x95\x11$\xb3\xc0=\x84\x8b\x10\x12G`o\t\xa5p\xdc\x15\\\x1f\xfb.;\x8d}_y\xfa\xad\x931\xb2\x98\xb0J\x84;\xae\xce`y\xc6tDQ\xd1\x127\xe9\xb6tF\x97 a\xc3\x19\xa8W{BNJW\xce\x1fY\xfb\x88t\xb0\xfa\xccf\xaf|q\x98\x92\xd9b&amp;\xa2@{\xaf\xc3\xac8\xc7M\x9deS\x18S\x83\x9f\xd3\xf60\xe6\x9c\xf6\xaeX\x82g\xb7\r\xfb\x80\xa8\x97&lt;\x0c6\x8dHD\xf7T\xfa\x10j\x80\xa9\xd7\xf9\xfd\xec\xbe\xb0]L\xd3N\x05\x8c\xe6o\x98+$\xb5\xd8y\x9c\xdfr\x8b2~\x00\xe5\xe2\xeb\xcf\xda\x83VR\xcb\xcf\xae\xe4\xa1Z\xdcd.s\xc0\xcf;\xba\xa8\x8aC\x98\xeb\xc6\xc7\xb4\x9b\x94\xd4z\xb2\xbf!\x18;\xb3\t\xea]\x9c\xdc/\xfb\xa9$\xb0?\xafl}\x80\xe9\xc0\xdb\xe4\x1e\x9f\xf3\x85\xdd\x97\xf2\x85b\x1ecV\xa5\x94\xf2\x83\xc2Gjj\xa8-\xca\xc8\xd9mM  \x8bl\xe5-\xe4\x9b\xd0ExT5\x8e\x03\xfe\x11\x0f\x8a\xea\xefY\xfa\xeab\x82R5\x80\x9e\xc4V=\xc8\x11\x01\xfd6\x83\xc3\x88\x1e\xb2\xcd\x0f{\xdblU\\\x86\xea\xb33\xdc\x83\xf9O\x1b\xba=\x92\xcc\xa2hi\xac\xe1t6\xf1\xf9\x0f0\x8f6\xc5\x94\xf4\xe77\x93[\xef\x8fk\xceS&amp;y\xb1\xc8i\xcd!\xc6S&amp;D}\x8faz\xfdp\xd7\x96a\x9a$I\x03\'\xb7\x14\xe0Q\xce?\xc9!\x13\x16\xe3\x8a\xd8\xf4\x86\xfb\x94&gt;V\x10\x9bZO\n\xa7\x8a\xc6j\xdaH\x82\x9a\x17p\xc5n\xa7\xce\xe5\xea\x14\xb9\xa2\xa7f\x04LK\n=\xa3\xa4CO\xa9DWJ\xbe][\xf84}\xcc\xdc\xa7\xcec\xf6^\x17?2\x03\xb8\x96\xd0l\xa8\xc1y\xcf\x9a\xab\x04\x92\x97\xae\xb3\x8aL\x91\x01B\xe3o\xf4\x8dk\n\x1b\xfe\xda\xec{\xd6\xb6\xab\x15\xbe\xa86\x9b\xf4\xbdy\xa0\xcb\xb2&lt;\xc8W`Hm\xb5\xa6?i3w4\xbd\xdd\xbb\x01\\\x0b\t\x1c\x8c2\x1a\xa6\xe2\xd5\xb1?\x15_\x85k\xcdXK\tE\xbcPK/B8G\r\xa3\xd3S\xb2\t;,\xe3\xff\xbb\xe5&gt;^\x8eVc\x93x\x89}\xfd\n\xd8\xb1\x9e*_\xca\x84\\:\xde\t\xf7\xe2\xc9\xd4\xd7\x9de\xe4^\xafb|\xf8\xa2\xdfcx\xf0\x0b\x9be&gt;V\x15\xa5\x03#\xba\x14\xa5`\x16\xf0\x90\xf2\xc5\xa7\x97\xbc\x88]&gt;\xd0\xbd\x07\xae\xdc@\xf8\xc3\xc3P\x9d\x14\x9ad\xd2X\xb5\x18\xc5\x13O\xa6\xafx\xee\xee\xa1\xa5\xa1\x05\xd0#BF\x1c\x95\x0c\x88\x96\x91\xcb\ng\xd1\xe80\xab\n;[\x97\x81hD\x92:W8\xc8\xd4&gt;rB\xcd\xb9\xd9\x1cZ?=\x0b\xf9&lt;\xa9\x95\x8e-@\x14\xa0\xbf\xd6\x91\x0e\xf0\x1fo\xc8\xa2\xe1g\x1f\xf7\xc7\xf3\xb9x\x91f\x9a\xc3\x91d\xf4\xbf7\xcd\x94\xf6\xc2T\x08\xe6\x7f\x8dMx$\xa7\xb5\x18\xd54\xc5j\xd0\xbe\x8fc#\xf0\x17\xb9\xb6(\xcbf"\xd8\x1c\xea\xe2QH\x84\xc3\xe4\xc9\xa6\x1a0\x8d\xe8\x98\xf8coS\x00#\xfaSb\x1e\x13`t"M\xf1\xab\xa0]\xe2b\xf5\xb1\x94d\x1ep\x8aF\xbf\xf3\xc9A\xb9Q\xa3\xb1\xbc\x90\x00y\x82b\xce\x92\x84\x0f\x1b\xca\x91\xb3%\x1c\xd8"y\x8ai\xe0G,\x14/\xa5\xdb\xb5,k{\xf3\xcc\xff\xf8?\xd8\'\x99\xeeg\xb0c)\xaf\x99\xf4\xcd\x1f\xd0\x8f0|r]\xe9\x9a\xf8d\xdad\xdd\xbd\x02F\x06@\xc0\xd1w+\x1f=\xe1\x9cF\x8f"\x91T\xaf\x91\x085\xcc8t$G\xf24\xe544\xf9\x08q\xb4\xdd\xf9\x04H\xe5mH\x83^\xe3\x0b\x9c\xf5\xee%K\x80\x04\x11\xbc\x9b\xee\xeb\xf7Q\x07Z\xdd\xf5\xea\xce\x82}?]\x92\xd1\x9f\xd2J\x16d4?\x1b_\x10_,\xb3\x05\xc0\tB\x11\xe6\x0f\xa9\xa3$\xb7F)\xee:\xaf\x02F\x88\xb4h!;?\xeduYc\xa1\xf8g\xaf\xa6@\xfd\x18\xf3\xa4PW\xeb}\xfa\x04\xe7\xee-\xa7\x91p\x92Y\x0e\x0b\x05\x1b\x04\x00x\x9d}B\xac\x0e\xdc\xb9\x07\xae\xfa\x1f\xbce\x9c6\'\x9c\xd5ZU9s.\xa6\xd2\x80\x9a\x83\xfaN\x0f\xfa\x9bD\x91\x96e\x98v".\r5\xd1P\xce\xf7f\x0b\'I2\xb5\xf0\xba\x92\xf9\xe6y\x03\x9c\x02\x90?\'h\x027\x83\x87h\x87N\x8b\xe2G\xcb\x10\x91\xda&amp;^J"*\x0e\x153*p\x1d\x06oW\xe9\xeb\x17\x11\xbd\xf04\x08~-\xa8\x8b)g\xa2T\xf3i\xdf\xec\x9d\xc5\xcc\xf3(\xd5\x8dpm\'\x00\xbaMcM\xe3\x98f\xfc\xd2{\xc0\xfd\xa1\xfa]4\x0e$\xe8\x1f\xbc\xaezQ\xd8Dg\x836\x81\xad[.x\xbf\xed\x88\x1c-sCP\xe2\xf3\xac\xbd\xfbA_\xb5\xf6-5\xa9\xa1\xa7\xe2\x0e\xdb\xd8\x84yi\xba\xae\x19\xddt \x94\xe2tez\x1b\xd6O\t\xd6\x89I?fV\x9f\x1d\x97\x88\x812\xc7\xec(\xf9o\xda\xa8\x0cK\x91\x97\xe4\\J\x9aK\xf8*9\xde\xfe\x1e\xcb\x1cp\x84\xc3\x84\xd3\x16\xe6\xfe#;\x84\x02\x00\xbe\xa5\xa6\x10\xfa\xf4\xa6\xf8c~?\x9a\x82@\t\x13\xfd\x8d+Z\x17\xb8h\xe3:\x8a\xc3I\xc1^\x83\x03\xd7\x00U\x05\xb1\xedG\xc83\x11~\xbc:\x87h\xa3\x01\xf5\xe1&gt;2\xb3\x1b\x86\xb73\x9a0\xd9R\xc7\xb9\xc6?\x81\xcdx\xac\xb7r\x16\xc9\xabWI\x0fF\x8d\xbfIZ4\x10\x15\xcb]\x9e\xe1\xe81\xe0*\xb0#j\x9dM\x89\x03K2\x14M`\x16.9\xd7\x1e\xa8\xd1\x0c\xe2[Xu,\x958\xb6 \x96T\x91\x15\xdaR\x18\x8a.\xf2\x83\xe8\xb9\xb0k\x9f\x16\x97;\x8b0k\x82`\xae\xa9\xafK\xfe\x8fw\'H\x95\x01\xa9\x03_UN\xb7\xcdY\xb6\xee\xb8\xd5\xb3J\x80!yo\x80\xb3k&lt;\xd1\x1e.6\xfc\n2\x86\xe9\x96\xb2\xff\x02\xc6[\x89O\x18\xf6\xeb\xea&lt;C\xf9d~v\xa0\xba\x86*\x1f8\x00\xf4\xcd\xb2\x81m\xc9\xc1\xa5\x01\xd7\xb7\xbfH!\xcbgW\xad\x06:\xad\x7f\x86\xbc&amp;\x95\xa1\x987\xad\xfd\xa2;\xf2_\x05\x1b\xc0Y\xc9_l\x88&gt;\xbeq\xc7ZnR\x10\xc2/\x83L\x87\x17Me\x03\xbd\\\x06?\xfd&lt;\xeb\\\x9c\xfa\xf2}\xe0G\x1d\x02\x9bO6\xe3\xe9\'\xd4\xce\xb7\xb8\xaa\x8eE\r\x14\xeaM9\x901\xa3\xd4\x16\xc3/\xd1\xbd\xfb\xdfs\xf9\x8b\xc1}3p\x9c\xce\x97\x12\x9e\xb0\x1c\xa5[\xf0\xb2\x06\xae\xc5\xca\xd7\x95\n\x15\xa7%\x95n\xb8\xaa\x18\x82\xa06M\x9f\xe2\x1e\xbe04\xd5\x01\xba\xfd\xd0\xf8\xfb&gt;\x0c\x9d\xdb\x8e\xd6\x8d\x08\xd1;Z\xbcib\xa4w\xfe&amp;\xd7\xbb\x0fR\x82*\xf0\xbb\xb2\xcf^DM^9R \xc6\xb6\x9b\x9cQX\x98\x14\xb6\xde\xc3^\x95#\x08\xddI2\xda\xe6\xe2\\d\x96\x9e\xf94\xcf&gt;`&gt;\xdf=\x0e\x95o\xce\x16\x86\xef0\xacm\x10TAb\x9a,\x9f\x9cSY)v\xd8\xbc&lt;#j\x19\x101\xfcwj\xfb\xa2\xbb\x0c\xa1\xcabyi\xd1\xffAc\xe0\x0c}\x8b\xad\xff(\x1c\xb7\xd8b-\xde\xf9\xf1\xe1\xa5\xbd\x05e\xa1MS0\\5\xbbX\\k4\x1c\x93.\xba\xb3\xc9\x9aVa{\x8d\x7fh\xe7\xbc\xa8Z\xfe\xd2\x1a\xf7ph\xdb\xc00\xe5\x9cA\xbce\xe2\xec\xb2\x1b#\xc4\xfd\xbc)9\x97\xc2Jv\x86\xfd1\xdd;%"\xab7w!DK\xb8\x14\xb7g\xb2\xb5\t\xd1\xe5i\xd2\xf5\xab\xc4LtT\x91\x85I\xd9\xe9\x8f\xc4q\xcd\xc6\xbd\x11L\x12\xf1\xbd\xbeB\xe9\xceWXY2\xcbR\xa3Ic\xff\x10\xd1\xc6M\xc5!*[P\x91\xc0\xaf\xb2\xce\x13\x06\xdc&amp;\xb1\x8dG\xda\xc0\xd8\xc9\xd0\xba&gt;Kc\x13K\xf5\xca\xdf\x9fE\xd0\xd5\xe9zU;\xa8\xd2\xed\xbf\xb4\x1e\xe4\xd5\xfcjU\xc7\x12\n\t\xc0\xe6\x1b\x8a\xa7 \x96\x9c\x83\xf3\x85\x13\xb8\xe9_\x14\x12\x1a _\x00\x18\ne}D\xfa5\x82\xb8?4\xa8U\x13\xf2F\xfa\xa0o\xa2\xa6\x19\xb5\x83\xe5FfD\x12z$\x1c\xa3\xc0\xc6\xdf/s\x9e(\n\xa5\x04\xfb@\x8d\xde\x9d\x10\xc6\x0b\xd1 \xd5\x18\x96\xfc(Oe\xd5X\xa8L\x8aw.\xfaf\xb5?\xa9*`\x15\xc4\xde\x99\xd8\xb2F\xae\xc4Tf\x9b.\xcfF\x1c\x97\x99\xcdm\xe3\xac\x06\xedI\xdb\xad-7\xf3\xa7\x80N\xb9\xf8\xb4lH\x19\x97\x01?5\t\xad\x00@\xb9y0x\xabot\xdd\xf7\xf3\x0c\xbd\x0e\x04\x06\x96\xd9K\xd2\xb6\x12_.\n\xaf\xbd\x87\xb2\xc2\xfa\xc1\x0e\x97\xcd\xfe8@?\x10o\r\x1b\xd1H\x14|G]\xd7\x0c\xc0\x88\x1d\xda\x8fG\xd6\x05X\xefL\x00\x8b\xb6\x8f@\x97?6D}7ml?\x91\x80,\x7f\x885"t\xa5\x96Ig\xebA\n\xf1\x1c\x96\x9f`\x1cq\xb6:Xm\xca\xb4\xb0\x10\x15=\'\x7f\x08\xba\x12nn&gt;M%\xbd_^\xd3\'\x08\xa7\xa4\x19\xf3\x08\xc3\x8b\x9b\xc6\x89o\xb9(vz\xa9\xb0\xbaG\x06}khv\xfb\x1f\xe6\xd1\xb3\x0b\xf6\x8c\x9aIW\xdd\xeb1v\xe5\xb8\x9c\xa6\xeaC\x11p\x0ec\xc5\x12I\x9b\xd8\xa5\x12N\xedl\xb5L\xf0\xb4&gt;\xb9&lt;w\xb2 \x81\xee\x02\x17p\xb3\xadbb%9\x7f\x1dn\x9b\xc3E\xf1E\xf5G$o\xc3+Q\xd6\xcfn\x92Yk(\xeb\xe9vn@\x9eVh\xcfL\x99\xca\xd1\xd2X]\xe6\xc7\x8b\x08\x02\xd1\\ \xf8\xfb\xa9R\xa5w6\xd4\xd3\x11F\xf1\xf2pl\xec\x16\xcb\xa4\xfb\xcfF\x03\xa7\xd6\x9f\x83\x85d\xdf\x8fzXk\xa1\xd3\xcb\x80s\x03\xf4\x05\xb8\x92\xdcj\xc0\xee!l\xe5\x80\x9b\xd4Q\xd6\xe1AU\xfc\t\xd6\x15\x13":\x8e9\xcf\xa4{\xc6\xc1\xd1\xc5\xd0O\x10|\xdbDH\x81#\xe0\xca\x96\x98\x87\r\xac\x82\x9b\xfc\xac\n\x17/\xfe/\x9bVL\x1b\x16\xce\xff\xc8\xa7;\x9c\xd7\xef\x8e\x80\x0b\x06\xbeb\x13jP\xc1;`k\x91\xa4\x91\\\xe8q\x8d\xdf\xf0\x87\xde\xfbh0\xab\x13)\xb69\x1a?\xc2\xa6\xea\xf5D\xe0\xce\nu\t-\xc3iYH\x17\xc3\xb1k\x96\xb8\xf4\xe1\xb9\x0c6P\xa1q!\x08\x88n\x04$\x1a\xbbM\xa0(\xbe\t\xd6\xd0\x9a\xee\xa1*\xbb\x94\xdf=\xfb;\r\xc9\x10\xf1K\x85\x01_\xa3\xaf\x9b/\xb6\x1d=\x7fpd\xab\xf2v\xcc\xb9\x1fz\x0b}h\xb3\xf9\x8b\x1c;\x05I_\xda\xda\xb1\xdc\n\x9f\x88\xb2&amp;\xa2G=\xfd\xebg\xe1\x16\x00m\xe6|(\nQ\xf8\x8f3`5\xbd\xc2\x003\xb9\xe3\x0fR\x1a\xcf\x99g7&gt;\x9a\xc1,\x9a\x8d\xcbB\xbc\xc0\x90H\x1fB\xc7\x08\xde\xdb\x85\x83I&lt;&amp;\xaa\x0c\xc6\x0c\xc3\xd0\xfa\xb8\xdc\x12\xc6\xab[\xab\x0e\xaaS\x85v8f|\x1e\xba\xd4-\xff\xc5\x946\xa0\']\xab\x18c\xd8\x0b\xdb\xb9\xd2E\xf1\xb5\x85\x02r_\xa7\xf6\xa3&gt;\x11\x9a\x9b\xc1a\xce\xfa\x9e\xcb\xba6\xd2\x86#\x0f\xe8\x83\x1a2V\x13j{\xcb\xfeE\xbeS\xdf\x98{\x85\xff=\x83\x17[\x8c\xf4Wx\x1b\xc1=\xcdv\xa5\x01\xe5\x08\xd5g\x9a\x13\x97\xa8\xa31ha\x90&lt;d\xa3\x8e\xf1\x9b\xeb[\x90fuK\xe4t#\xf03\xf4)W\xcd\xb2\x15\x8cH:\x9c\xdc\xc1O\r\xd1\x05x\t\xedS("\x10n&gt;\x98\xb9\x03}\xe6\x99\xa6X\x95\xf8\xc4\xa4\x9f\xa8\xe7\x06\xd0Q,n\xecF\x03\r}c\x11&gt;\xc8\x85\x8b\xedO\xd3\xd6\\A8FA4\xfa&amp;\x93\xfe\x07\x12_\xde\xf3[I\xfdj\x86j\xcb.Vp\x1a\xa9FW\xbek\xa0\xc7W\xe3\x0f\x87\x90/O\x16+\xdb]\xa6|\xc3^\x91\xae\xe5\x85ii\x8b\x9e\xfc\xe0\xb2zJ.\x9b;\xcaa}jV\xcb,\xe7\xb2:\x8a\'\xd1\xd8\xcd\xec\x8d\x16N\x7fc\x9b\n\xd3\xf05\x14N\x9fU\x8fj\x9a\xfd\x97\x0f\x9b\xcbgU\xa0zs\xcc\xed\x92~\x95\xfej~}D\xdb\xdf\x8b\x1a\xc0\x0flz\xe2\x14\xc9\xd4-=\x12J\xaa\xcc[\xf1\x11\xc3\x96\xc9RJ&lt;~_nzGn\x90\xf3\xe9E\xb9\xe7\x1a[\xed\x871\xaa\x1f\xbb+JHy\xdb\xb0\x0em\xfe\x92\xf6t\t\xff\xdb\x9d\x06\xd4\xe7q\xa3\x90\r\xf9k\xb6\xd1Ur\xe8\xa7\x08\xca\x1dO5\x1b\x015z\xfa)\xa4\xe3IY\x96#hu\x8a\xf2\xd5\xa3G\x90%\xbf8W\xcePm\xab\x97C\xf4j\xc1\x90\xf6\x7f\x9f\xf5)P\x94}\xea\x9f\x15\x97G\x80\'"`!L\x13\xb1\xac\xb2\x86\xf2\xe8m\x8fv\x90\xa9\t\r\xe4=@\x0byZ\x84\x08.\x88\xce\xae\xf8\x03\xbd[\xc2\xa5(\x94\x17\xach\xea\x94""\x842\xbd\xf6L\xe7\xf9\xb0)h\x15\xb2\xd5\xca\x1fD\xd8\xca\x1f8\xc0\xc2S\r#ix=\xf1C\xabql"C\x19C\xc0\xdf\xb0\x06tSQ\xed\xeaRA\x04M\xb7\'\xb7\x92\x82.~\n\x10T3\xdc\xfc1\xf9s|\x18\xe5\x01E[\xa1\x08@\x89\xc5$\x92u\x19F~\x0f\xbf\xb9\x97\x0fE\xdb\xa4\x1fV\xc9D\x159\x99\x07\x1aq\xb8,\x84\xec\x0c;_\xa7\xea\x95\xe40M\x1c\x98y\xa6N\x91\xbd\xc4\xd9\xde\xde\xce/\x9e\xe5^B\x87\x83_E\xd39\xb8\xdc\xcc\x17#\x84"nGz`R\x14\x82XL\xcc\x83\xd9\xed_d\xfe\x85\xa0w\xaa;\xe6\x0bC\xf8\xb7\x04\xbe\x17/\xcak\x90,.\xaf\x82\xf4\xb8\xf4\xf7I\xed\xc4\xab\x7fi\xd8W\xa3%\xdf\xd1\x94\xc0\xab\xa3\r\x9bXW\xeb\xc8&gt;3o\xdfZ\xaa\x1b;\x06\xcb\x9f?\xa2S\xe6\xe5\xb0A\xbeY\xd8\xbd\xfcb\xca\xe6\x16TA\xe8-\x12C\xac\x10qf\x1b\xc5\x073K\x03\x16?\xec~\xb1\xa7\x97\'\xb5P\xbd]\x9fD\x14\xa4Y8&amp;\x88d\xb6,u\xec\xd6\xeb\xad\x8e\xd7Z\xc4\xd8\x97\xfaa\xd1h\xca\xccM\x0c%\x94\xbcz\r\xf2W)\xc2\xa2\xa8\xa6\xb8\xbe\x00N],\xfcD\xbb\x1e\xb7\xd5\xbb\xf1\xa9\x1fy\xcd h@\x05\xaa\xd8\x98\x96\xe3^\xf7qX\xb8L\xa1j\x88h\x88\xd2\x9a\x82\xd6\xa9`\xf1n\xd2\xce\x12;\'\x02Q\x1eQ\xae\x1f\x12\x8c\xb1]\xb7Nyk\ni\xe0L\x8ajI\xb4\x91\x0f\xa2\xb1\xce~\x92W9\x1dmq \xe0\xbfQ\xc2\xf1\xd0\x0e&gt;*I\x9d$\xbe\xb7\x909E\xc5[-!\xa2\'\xa2O\x85q\x1b\xabu\xdc\x0f\xbb\xb5\x08L\x9a\x87p\xe0\x8c\xbd|_+\x10\t\x8d78\xa0\x80\x94*\xff\xe2b1\xed !\x90\xf7\xdeB\x15\xf9\x9c\xe5\x10\xe8\xc3;\xea\x11\xbf\x12I\x1b\xcc\xde@\x01xbb\x11N(\x83K=\xb0\xdd9\x9a\xf1&gt;\x10\\\xbd\xe8\xff\xe5y\x1f\xd2L\x96\xdb\x12\xdbj\xd7&lt;\x08\x11\nc\xbe\xee\x92_\xb0\xfbr\x02\xba\x95L%\xcb{\xd38R\xc9\xe3\xff\x9c\r\xeehNi\x9e\xa8J\xb3bl\x8e\xa2"]\x98\xe4\xa0o\xe8\x7f\x96\xa7\xe3nd&amp;\xff\xbd\xafv\xce|c\x99(\x12\x03\\\xc7u6\xae\x98\xe1\xbf\xfc\t\xf6\x8a\xbb\x84!\x83\x90L\x9el\xa9\x84\xab\r\xf9\xa8\xe0\x185wBr\n\x1c\xfb\x01\'\x01\x80\x8fl\xc4\x12P\x07V\x1d\x8a$]\x87f\xb4\x83[:\x8c\xf50\xa7\\\xb2\\\xe5\x13\xbc\xa1\x8f\x0f\x99\xc6F*\xc7\xf1\x08r\xbcM\xc3\x12\x81\xe6\xd1\x05\xe8\x07N\xa7q\xec\xad\xf7\xf9\xb3R]s-\t\x04\xe1\x03\xd1\xf3\x15\xc1\xb2L\x00'</t>
  </si>
  <si>
    <t>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</t>
  </si>
  <si>
    <t>b'\xa1\x9aZE\x89Q\xe9WF]w\xe6\xf8\xb6\x01e'</t>
  </si>
  <si>
    <t>oard to mend 
 another. Mutiny, it was plain, hung over us like a thunder-cloud. 
 And it was not only we of the cabin party who perceiv</t>
  </si>
  <si>
    <t>b'\'w\xb2k\xf2U\xdd\x0fQ\xce\x96x\xb2\x1d\xd1]1\xc4\xd1W[\xd0\x82\xbe\x18g}2cb\x02\x90\x16\xa7Ps\xd3\xe1\xc2Q\xb7\xee\xf6_3\xd5\xde\xe6\xb6Gt\x126r]`\xdfSv]\x90\xeb\n\xab\x1b\x1bc\x1a\xcdz\xcd~V[\x00\xb4\xf6\x97cSO:\xf150.\xb0\xbf+&lt;\xb7\xad_{\x04\xae_\xa1\xd1^\xdd\x05\xb0\xee\x0b\xf7p\x02\x9f\xd5\xdbx\x10\x1f\x9f}gN\xe4G&gt;\x82\xc3\xf0\xe0\xaa\xbar\x17\x8e\xa9?pri\xf6x\x1eb\xc0\r\xb5\x03\xe4T\xaaP\xaa.\x82\xe7\xd4\xd3\xf6\x82\x89:\xf6\x7f\r\x14\xd42\xe6\xf7\xafr\x17\x06Y{\xb9\x98^\x12\x7fl\x0c\xb3\xd3\x06\xe9z\xda\xe9,&amp;\x06&gt;\x0e\xbc\x91oOx\xc6\xaa\xb7\xf73_!\xde\'\xe0\x0f^\xb4\r\xd3\xd4.tm\'*~\xb0O:\xe957]\xec\xe2\xf2\xf0\xc0\x82\xd6\x14ms\xa4\xc6\xa3n\x0c\x17\x88\xdcZ\x92$\x96\x06"\xb9\xb3\x9aQ\xf2$#D'</t>
  </si>
  <si>
    <t>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</t>
  </si>
  <si>
    <t>b"'w\xb2k\xf2U\xdd\x0fQ\xce\x96x\xb2\x1d\xd1]"</t>
  </si>
  <si>
    <t>teristic by varying the input across the entire
 allowable range (e.g., 0 to VDD) and computing the corresponding output. Also called the
 â€œvoltage transfer characteristicâ€ (VTC),1 the result illustrates the operation of the gate in
 great detail, revealing departures from the ideal case.
 As an example, consider a NOT gate whose logical operation is expressed as X = A.
 Called an â€œinverterâ€ and denoted by the symbol shown in Fig. 16.1(a), such a gate must
 ideally behave as depicted in Fig. 16.1(b). For Vin = 0, the output remains at a logical ONE,
 Vout = VDD. For Vin = VDD, the output provides a logical zero, Vout = 0. As Vin goes from
 0 to VDD, Vout abruptly changes its state at some value of the input, V1.
 A X
 Vin Vout ( ) ( )
 Vin
 Vout
 VDD
 V1
 (a) (b)
 Figure 16.1 (a) Inverter, (b) ideal characteristic.
 Example
 16.1
 Explain why a common-source stage can operate as an inverter.
 Solution In the CS stage shown in Fig. 16.2(a), if Vin = 0, then M1 is off, the voltage drop across
 RD is zero, and hence Vout = VDD. On the other hand, if Vin = VDD, M1 draws a relatively
 1The term â€œtransferâ€ should not create confusion with the transfer function.
 762 Chapter 16 Digital CMOS Circuits
 R
 M 1
 VDD
 D
 Vout
 Vin
 Vin
 Vout
 VDD
 (a) (b)
 VDD
 Figure 16.2 (a) CS stage, (b) input/output characteristic.
 large current from RD and Vout = VDD âˆ’ IDRD can be near zero. Thus, as sketched in
 Fig. 16.2(b), the input/output characteristic resembles that of an inverter.
 Exercise What happens if RD is replaced by a PMOS current source?
 Example
 16.2
 A common-source stage operates as a inverter. Determine the VTC for such a realization.
 Solution Consider the CS stage shown in Fig. 16.3(a). We vary Vin from 0 to VDD and plot the
 corresponding output. For Vin â‰¤ VTH, M1 r</t>
  </si>
  <si>
    <t>b'(N\xdc\x1e:\x1fY$/&gt;0\x06\x8f4\x0b\xb8'</t>
  </si>
  <si>
    <t>284edc1e3a1f59242f3e30068f340bb8</t>
  </si>
  <si>
    <t>ly by tears, and immediately
 began to talk on other topics. Emily, though she forbore to press the one
 most interesting to her, was greatly affected by her father's manner, and
 passed a night of sleepless solicitude.
 In the morning they pursued their journey along the coast towards
 Leucate, another town on the Mediterranean, situated on the borders of
 Languedoc and Rousillon. On the way, Emily renewed the subject of the
 preceding night, and appeared so deeply affected by St. Aubert's silence
 and dejection, that he relaxed from his reserve. 'I was unwilling, my dear
 Emily,' said he, 'to throw a cloud over the pleasure you receive from
 these scenes, and meant, therefore, to conceal, for the present, some
 circumstances, with which, however, you must at length have been made
 acquainted. But your anxiety has defeated my purpose; you suffer as
 much from this, perhaps, as you will do from a knowledge of the facts I
 have to relate. M. Quesnel's visit proved an unhappy one to me; he came
 to tell me part of the news he has now confirmed. You may have heard
 me mention a M. Motteville, of Paris, but you did not know that the chief
 of my personal property was invested in his hands. I had great
 confidence in him, and I am yet willing to believe, that he is not wholly
 unworthy of my esteem. A variety of circumstances have concurred to
 ruin him, andâ€”I am ruined with him.'
 St. Aubert paused to conceal his emotion.
 'The letters I have just received from M. Quesnel,' resumed he, struggling
 to speak with firmness, 'enclosed others from Motteville, which
 confirmed all I dreaded.'
 69
 'Must we then quit La Vallee?' said Emily, after a long pause of silence.
 'That is yet uncertain,' replied St. Aubert, 'it will depend upon the
 compromise Motteville is able to make with his creditors. My income,
 you know, was never large, and now it will be reduced to little indeed! It
 is for you, Emily, for you, my child, that I am most afflicted.' His last
 words faltered; Emily smiled tenderly upon him through her tears, and
 then, endeavouring to overcome her emotion, 'My dear father,' said she,
 'do not grieve for me, or for yourself;</t>
  </si>
  <si>
    <t>b"\xc2*\x91\x0f\xe2?\xdc \x8a\x7f'h-\xcb\x01\xb2i\x11\xe8\t\xb4\xbc.#\xdd\x85\x06\x83)\xab\xe9N\x14=\xd0\xa7\x81\xefM9\xb5\xa43LA1Z\xadk\x8doY`\xfe\x00\xd1\xfa8\x8d\xf0\x7f\xabo|"</t>
  </si>
  <si>
    <t>c22a910fe23fdc208a7f27682dcb01b26911e809b4bc2e23dd85068329abe94e143dd0a781ef4d39b5a4334c41315aad6b8d6f5960fe00d1fa388df07fab6f7c</t>
  </si>
  <si>
    <t>b"\xc2*\x91\x0f\xe2?\xdc \x8a\x7f'h-\xcb\x01\xb2"</t>
  </si>
  <si>
    <t>unmistakable signs of impatience, nervously pacing
 up and down, and unable to stand still for a moment. This was
 Fix, one of the detectives who had been despatched from
 England in search of the bank robber; it was his task to narrowly
 watch every passenger who arrived at Suez, and to follow up all
 who seemed to be suspicious characters, or bore a resemblance
 to the description of the criminal, which he had received two
 days before from the police headquarters at London. The
 detective was evidently inspired by the hope of obtaining the
 splendid reward which would be the prize of success, and
 awaited with a feverish impatience, easy to understand, the
 arrival of the steamer Mongolia.
 â€œSo you say, consul,â€ asked he for the twentieth time, â€œthat this
 steamer is never behind time?â€
 â€œNo, Mr. Fix,â€ replied the consul. â€œShe was bespoken yesterday
 at Port Said, and the rest of the way is of no account to such a
 craft. I repeat that the Mongolia has been in advance of the
 39
 time required by the companyâ€™s regulations, and gained the
 prize awarded for excess of speed.â€
 â€œDoes she come directly from Brindisi?â€
 â€œDirectly from Brindisi; she takes on the Indian mails there, and
 she left there Sa</t>
  </si>
  <si>
    <t>b'\x99\xdbf\x81\x1c\xeb4\x140\xfd\xd7\x85\xcd\x90\xd3\xf7\xab\x1a\x9f\xed:\x06\xafrx\xb6E\xe7}uK\xa4'</t>
  </si>
  <si>
    <t>99db66811ceb341430fdd785cd90d3f7ab1a9fed3a06af7278b645e77d754ba4</t>
  </si>
  <si>
    <t>b'\x99\xdbf\x81\x1c\xeb4\x140\xfd\xd7\x85\xcd\x90\xd3\xf7'</t>
  </si>
  <si>
    <t>rket the customer.
 A couple of years ago, I invited Dollar Shave Club founder Michael
 Dubin to the Capitalism Conference and posted the interview on my podcast
 at Capitalism.com. Michael told the story of his brandâ€™s humble beginnings.
 Michael hadnâ€™t started out as an entrepreneur; in fact, heâ€™d started out as what
 could probably be termed the polar opposite: a comedian.
 Michael honed his comedy for years working with the Upright Citizens
 Brigade and in various television and film writing rooms. He wasnâ€™t looking
 for a business opportunity at all when, randomly, one fell into his lap. A
 friend at a party told him he was having trouble moving a huge shipment of
 razors heâ€™d acquired from Asia. Michael was struck with an idea: What if,
 instead of trying to get the razors out on store shelves, he cut out the
 inconvenience of having to go buy this staple item most people he knew
 used? What if he just shipped them directly to customersâ€™ homes?
 He knew his exact audience: every guy like him who was fed up with
 having to pay what seemed like a kingâ€™s ransom every month for a few cheap
 blades.
 The basics of an idea hatched in his mind. Michael went about setting up
 the business plan and distribution method. When it came time to launch, he
 leaned on his comedy background to create a hilarious concept video aimed
 squarely at the identity his company targeted: younger men in their twenties
 and thirties who wanted a great shave that was both convenient and cheap.
 â€œAre our blades any good?â€ Michael asks in the first few seconds of the
 video, having cast himself as the hero of the brandâ€™s journey. â€œNo. Our
 blades are fucking great.â€
 Dollar Shave Club used humor and a brand story to appear to its target
 audienceâ€”to</t>
  </si>
  <si>
    <t>b'*\x04\xb9C\xfd\xc9Y=V\xda\xc8\x9db\xb2\x1b5\xed\xedT2O\xc7\xd78\xbe\x12\x82\x99l\xd5\xe1\xd3`\x9b9\xfbW\xfb\xd8\xba\x95#\xc5\xe5\xa4V\x95\xf8\x08\xa3\xb0mBH\xdd\xe4\x9a&lt;}~]\xc0]\xff\x1b\xb4\xebv\x86S\xaf\xc0-+\x9d[\x11\xe9.2H\x0c\xd8\xc2\x8a\xbbj\x18V\xc4\xbd\xff\x04\x14\xa1d\xc9\x1d%\xc5\xabH\xb5X\xd0\x16wH\xcc\xbb7b\xe9\r\xe8\xe8&lt;5\x1c\x18s\xd2\xcbl\xabT\xc7EV@\xf8j\xd8ob\x95\x067\xf2\x05\xc0k\x00\x06\xc0\xf2\xfe\xce\xd7\xe3\xb2\x18\xd5I\xa2rbJ\x97/\xb7dZp\xd2_\x17\xd8\x11X\x07\x84\t\xff\x11n\xd2q\x99\xeb!7k\xfa\x8f\xd1\xd4\xed\x8fuX\xdat\x86!\xed\xf5)\xcb\xaf\x9a\x8b\x0b\xe5\xa2\xf7\xe3\x81\xb3\xb42K\xfe\x91\xf2\xff\xef\xca8\xeb\xb37\xaf\x10\x84T\xca\xd1H\x1d\xd9\x85\xa2\tZ\n\xb2&lt;\x15v\xdb\x8b*,t\xbc\xac\xc6\xc8\x1a\xa6\xe1\xb6\xe3\x9b\xbc\xf4|\x90\xe9)\xb0W\xb7P\t=:\x18\x0c\x99\x1cYS\xe9\x14\x9f\x08j*\xbc\x03\x99\x80\xb6\x9e\x03"@#\xd0K\x8a\xb2G\xa3\x80\xbf\xd2\xbb\xe5a\xb3\x8a}%fj*\xb6\xa17(\xba\x9b\x96\x98\x060ET\xe3\x14\x1d\xad}\x1e\xf4\x95e8\x17\xdcz\x9c\x98\xff\xb9\xdc\xe8\x9bh\x10\x84o\xc8\xdf!+\xc44\x9fP|0UB\x96\x94\x82\x06\r\x1bb\xf7|\x9bD\x84\xde\xde\x0cl\xb2\xfd;\xe4&lt;&lt;\xd7;\x9fL\x96,[\x8a\xd0\xee\xecR\xa3}\xfdWn\xfc\xaeu1\x00.L\xf4G\xa2e\xe3\x94\x9ayBD\x90\t$\xfa\xd5\x0e\xabaF\xf8rv\xbbO\xcf\x95\xfa\xbd\x8c$\xfc\x04\x92\xd5\xc5\xf7v\xc4\x02y\x86\x84\xce\xe4\x8e\xf91\xd8?d\xec\xae\r\xed\xb2\xcb\x8cj\xfb\x10\x9c\xfa\xde\x0b\x06\x96^K\xcb\x8e\xc8\x1c\xa4\xc0\xdf\xaej\x9d\xdf\x9d[0L\xa8(x\xcd\x8f\x88\x0e\xef\x18\xf6\x14J\x12\xdb\x05\xf3@K\x80\xa9F\x10\xd4\xab\x02\\!\xb9\xfb\xa5\xe5\xc8\x07q/Ki\xd8\xd8\xa2\x9d\xe6f\xf5A\x80K\x9cZ\t\xb7\x1f\xc6\x9fy\x99V\xfd\'j\xea\'\x11\xcb\xd8]\xc6\'T8\x96\xf5\xc3\xb0\xb7\x05\x18\xdd\x04\x11\xc6\x85\xbd\xd7 P\x85rm\xd3\xf0\x04\x163\xfd?Cg\xea\xf3T\xbc\x1ci\xfc\xc2|jy\xff\x0f\xf4\xf1C\x9fj\xeaB\x1d\x84KH\xa7\x02d\x83\xd1\xd4\xdcJ\xc7\xce\x02\x0b5/\x85\x9cu\xbd\xb0\x03\xd9\x8e)\xd4\xcf\x0f\xeeU`4\xf2\xbaS\r\xae\x8a\xf3/Q\x11R\xe84\xd1\xac\xa0\x84X\\\xa9\xfe/g\x08?\x99LC6\xd8\xcdt&gt;\xcd\xc0\\\x80\x10S\x1a3\x08\xa6\xff,Q\x1e$\x84\xcc\xd7\xe8\xd4\xa5\xd75\xc7U\\U\x15\xee\x89?C\x95j\xa6yjn\xa5^2\x1bc\x86\xa11+$\x04\x15\xdb\xd4\xb7\xbe:&amp;i5\xf4\xc0@\xfc\xacA\x9d\x92]D\x15q\x85\x06S:Y\xd82\t\\\xcb\x9f\x8d#\x04\xd1\xbe\x9bsM\x88\x1e)\xe8\x04/\x96\xe8m\xcaH\x13\xde\xc8\xe7G:z\xd8\x0e\xca\x1d\xe7=\x86\xad\x14Q\xa4\xb7\xfb\xf0\xbc\xd1\xe9o,\x10\x14\xe7F_\xf8W\n\xd5\x9b/\xf2\x8b\x03sW\xa6\x92\x8f\xff\x90\x98\xe4\x99Mth_5\x0fK\xf8\xf1\xf2(\xb2\xff\xae\xfd\x11\xda\xc4$\xd7~\xd3n\xaaOBNh_\xb6\x060\xe7\x02\x8e\xaa\xb5\x8a\xd1\xf6d.?\xd4\xc8\xe3\xc3\x18,n\xbe\xea\x94\xca\\\x83\xab@r\x89\x93\xd7\x85:P 1\xa8[\xcd\xda\xd6\xd0\xcd\xc1\xfbp\xafS\x9b\x1eZ\x9f\xbd\xc3\x0c\xbf\xaa{\xa1\x03\xc7\xfe\x15\xd1\x97\xcf\xfb{\x1d2\x9f\xd2\x84S\x0e1\x01\x82\xc4V\xeb\x16\x9e\x8f\x8c\xb4\xb0\xb2\xcb\x87\xb3\xb9\xe57\xc7\x0b\xa0\xd2\xb9\x08\xa3\x92\xc1\xa2\xe1\x0e+\xcb\x931f7\xbf\xd7\xb7\xd5\xc9L\x99\xa5{*\x9fHe\xa2\xfab\xd9\xf9&gt;q\x82\xd2\xd3\x81\xabS\x1f)e\xda\xe2\xddh\xc6\x8b\xd0R\xa3\x1b\xf9\xdf\xbc\xf9|\xd0S\xab\xc9\t\xbcaT\x9db\x08y!\xab\x83+6\xda\xb5\xdb-\xce\n\xbb\ne\x0bY&gt;sF\x9b\x19b&amp;c\x89\xcc]\xcdC2=\xc1i\xec\xab!(D\xc0\x97\x87e\xe7\xcc&lt;\x89\x0b\xab\xfdR\xa7V\\\x06J{`?{\x12\x08\xb4v\xd8\x82\n\xa9.\x85\xd8\xa7Z\x1f\xcb\xc5\xbe5!\xcc\xb0\xa8{\xa5\xeb[\xa2\t\xee\x82\xe8%OImG=\x0bAd\x979\xa93\xb9\xa6jr\xc8\xe6\xbe\xdd\x0c\xa6)\xedl\xbc\x90\x9b\x1f\x84\xf2\xbd\xb3\xe4w\x9eV\x9a\xa2\x82p\xfa\x08C7\xfc\xc9=!\xd4\x99ha\x1aO\x13\xca|Q\x956\xeaF\xd2\x14P\xd7V\x80\\\xe0.A\x15\x0f "\xde\xe5\x08\xd9\x1e+\x153\x9e\xbc\x8e\x8d\xad}\x06L\x18\xd5\xb6\xa1\xf2\x84\xc6\x88w\xe5\xf5\xa3R\xc2\xb2;n\xf5\xe2\xc8\xec\xc8\x14\xd6\x9d\xd2Y\x13\xfa\x7f\xdb\x8bq\x9aA;\x9e_\x91 \x12\xed\xa5\'\x13\x94\xc1n\xa6]+\xb9\x00S\x83\xf8\xf5\xaa\x16M\x10\xf4l\x99\x861\x9af\x01|\x90)\x1eg\xe8\xab\x1fs0y+^\xc9,V,45\xd0\xddY\x96)r!\x13D0\xff\xc5\xc5F\x10\xce\xff\x97yr\xbb\xd0\xfa\x95Du#j\xd8\xecI.\xce\xbbg\xb5M3D\xd6\xc9\xd2\xbe\x988O~:L~Dz(2\xd4\xe3\xa7|C\xec\xc6\xb5\x00a[\xcbg\xbd\x9c\xcd\xf7\xe7\xd8\xf5\xe8\x88\x9e^\xff}]\'EvY\x1d\x81\xb2R\x93\x9dA\x0b\x89\xbb\x94\x11\xe3&gt;/O\xda\xa1;\xb7\x80S\x99m\xc4\x06\xab\x1805\x95\x9bNkI\xf7F\xac\xf1}:\xec\xb2m\xfa\xf0\x84\x813\xf2\xa11\xcc$\x9fb\xc9\x96\xdb\x10\xb3\xc8\xd9W\xaf4\xa2I\x93\xd58nl\xd4\xb9\x08\x9d^d\x9e=X\x96\xc6\x04F\xb4\xa8\xc7UJ\x05e\xe4\t\xa9\x0e\xc0J\xee&amp;\x1d\xd2\x8e\x9c\xf0\xd1Ym\x05K\xd3l\x1ej5!\x87^\xcc\x96\xcb\xf0vi\t\x91\xedt/\xb5\xf3~\x8b\xcf\x18\xe6\x9b\x9f\xec\x0ed\xb1sF\x1e\x08\xe7\xf1}b\xdbP\x98\x9d\x1f\xed\xbb6\x04\xaay\xd9&amp;\xe3Q\x88v\xbd\x96\xce\xd5q\xf7,a\xe2\x9c\xd2\xd7#\x9bU6\x1dy\x9dE\xd6\xe9\xa3\x0e1\xe9\x13\xe2E\xc7vtZ\xb2) Z\x1f\xe0\xb7\x98\xf8s\x16\xaf\xe4\x04a\xed\xd5y\xc4e\x0f\x97\x82L\xbd\xf6ni\xde\xdf:\x015\xef\x00\x81C\xbeH\xdat\xd2\x06\x1c9\xce\xaa\x83+b.\xf2\xa5\xe4\xb8R\x08\xbe\t\xdb\xc9\xa3\xf3\xeb|$\xde\xda\x04\tw\t\xbad\xd5\x19\x12\x88\x8a\xbe\x02\xbb\xa3\x04\x93\xd1(\x1b(\x17.\xc3\xdc\xc2uH\xe5}\xcd%\x0c\x82dj\xce\xf8\xc9\xf8\xe9s/j\x1c\xed\x86\xa6\x8f&amp;+\x99f\xb6\xea1\xf8\xbb\xca\x1b\x85,\xc6\xd6\x99\xe7\x13\xfepc\xca\xca;X\x80\xed=@Y\'a\xa5\xca)\xf3\xdd\xa9D\x86\xbf\x99\xe9\x8a\x82\x86\xde\xe8B\x08\xf2f\xa2\x15\x1a\x8f\x850\x18'</t>
  </si>
  <si>
    <t>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</t>
  </si>
  <si>
    <t>b'*\x04\xb9C\xfd\xc9Y=V\xda\xc8\x9db\xb2\x1b5'</t>
  </si>
  <si>
    <t>once, and they would have looked at the pictures and read some of
the gardening books and perhaps tried playing the games, and he would have
enjoyed himself so much he would never once have thought he was going to
die or have put his hand on his spine to see if there was a lump coming. He
had a way of doing that which she could not bear. It gave her an
uncomfortable frightened feeling because he always looked so frightened
himself. He said that if he felt even quite a little lump some day he should
know his hunch had begun to grow. Something he had heard Mrs. Medlock
whispering to the nurse had given him the idea and he had thought over it in
secret until it was quite firmly fixed in his mind. Mrs. Medlock had said his
father's back had begun to show its crookedness in that way when he was a
child. He had never told any one but Mary that most of his "tantrums" as they
called them grew out of his hysterical hidden fear. Mary had been sorry for
him when he had told her.
"He always began to think about it when he was cross or tired," she said to
herself. "And he has been cross today. Perhapsâ€”perhaps he has been thinking
about it all afternoon."
She stood still, looking down at the carpet and thinking.
"I said I would never go back againâ€”" she hesitated, knitting her brows
â€”"but perhaps,</t>
  </si>
  <si>
    <t>b'\xf0U\xec\xa8\x12\xd1e|cw\x1e\x0fq\xfe\xe5\x1c\x10]3\x9e\xe6}\xe8\xa3\xbdS`\xa6\xdegL\x1c\x18w\xcd0\x18\x7f\xa9\'Y\xc4\xf05\x8b=\xa7\x90\x9eM\x94\xc2\xe0\xab\xee#\xf1\xf6\xb3\xd1\x8a\xaaw\x93\xb0\xb2\xbf\xe1\xfc*\xbf\x05\xb4)Zg\x8a\x05&amp;\x1b\xde-\xad2\x87\xde\x0e\xae\x8d\xd9_\xbe\xf8O\xc3s\xad\xbcb\x0b,q\xd3J\xb9 \xae\x98\xd50.F\xe0\x82\xbe\xff\xd1\xc0\x8aGa&gt;\xa4O\xac\xe1\xd7\x8b\x97n\xb4\x8fM"l\x85\xa1\x07%\xb3\xd8\xc5.b\r\x9d\x9fE\xf1\xc1\xe2\xbe`\x13d\xa5\xa8E\x90\xdb\xfd\xd7~\xd1\x1d\xd3\x9f\xf9X\xf8\xf7\xb0\xf6%\x03}\x8c\xba\x8c\xf5\x93p\x1cS\xda\x06\xee\x191c\x15C~\x82\xd7\xf9\xa8U\x1e\x87a\x98\xa4\x15\xc4\x11\xc0\x18\xa5\x94?\xf3\x04l+\xbf\xec\x8b\xd2*\x86\xdf\xb8\x1c\xe5\xcdo\x1e\xc3\xb0\xae\xe8J\\4&amp;\xc5\xe5(\xd6\xe7\xde\xd2v\xb6\'\xc7\xc6Z\xd3\x1dm&amp;B\x1f\xe9\x1b\x18F\x9f1\xba\xcd\xa4\xecJ\xf7\xe4\x8fq\xa0"\x0fr\xcf\xf3;\xc8~\xd5\xe7\xd2t\x0b\x83\xe1a\xcbgd\x7f\x008\xf2{f\x11=6\xda\xf3q\x1a\xb6\xf0\xb7\xf2\xf8WA\xa2\x08\xff\x9ckj\xc76\xca\xc6\xf3\xeaX\x05\x98\xd8\x90;\x9e\xe7J\x92\xb2\xbc9\x01\x98~\xb6))\x1c\xfe\x02\xfa\x00\xe4O:jO\x18j\xfd\xac\xf4b\x85/\x8d\xb2\xddN\x07\xb0BN\xc0\xa1o\xcb\xf1^\x8d\x80@\x9b\x95%\xa2g\x1a\xae\xb0\xbd\x13f\xad\xdb\x1e1d\x8eL\xacv\xfd\x18\xc5w&lt;:\xe9\x91ZL\xe5\xd7\xbc\x894\x89\xa7\xc7&gt;\xb0\x81\xb7e\ny{`a[\t\x9d\xce(\x9b\xf2\xa2\xe5\x9e\xec\x15s\xe2qQ\xb0\xe8\xb0P\xba\x89\xa3J4jA7\xa2\xb7bR\x93\xf9:\xe4\x98\xa5\xd8;\xa8/\x91\x03\xc3l\xdeG~\x95Y\xec5W\xf8C\x0e1\xff2\xfb\xe0\xee\xe75\x93\x9a\x14\x9e\x1ao/\xeaO\xfc\xe3\\\x83\\\xf1 \x8d\x7f\x95\x124\xfb\xb6\x06\x8e#\x18\xbf!\xed}E\xbb7\x94\x1f\xdb0\xcd\x91\xb4\x00-\x9b\xa9M\x8a\xfc\x05\x06f\xc5"B\xeb\x11\xfc^\x14\x1f\xafx\xca\xb6O\x9a~\xf3\xc6L6n\x9a\xb9\xf5\xc0\'\xad\xd7)\xe88\xd6\xaa\xbcHoaR\xc7\x98{re\xc5\xed\xe7\xbd\x81\x88\xe8\x82\xc7xY\xdb\xb5\x80\x00z\xe6\x92j\xeeY_\x15\x00\xfcrr\x97\xc3Zgx5aB\x87\xe9:K&amp;\xf7\x17\xf1\xd0qv\xa4\xd3\xdb\x85\x93\xd5\t\x89\xaa\x7f9B\x7f\xa3\x90\xd1\xdb\xf9\x1d\x89/Q\xd2C\x8d\x82\xc6\x11\xa2\x1c `\xd4}F2\x03~\xaa\xd4\xf2\xf0";UE\x04$\x9bVH&lt;[\xecl\xda=\xc7R\xd0\x93$\xb8\xce\xf7UX/\xb6\x10\xf4\x8cd\xe65u\xb0\x11?\xf7\x1c\xf0]\xed\x04?\xae\xbeTwF|\xbb\xaa~\x91\x14\x85q\xac\x13d\\&lt;\xfcm!\xfco\x98\xe3\xd4\xdb9\xda\x86Yk:s\x9cl1%kF{\x93\xe7\xb4\xc9\xe1\xf2\x08%\xce\xa4&amp;\t\xeed1\xd4\xb4\x89\xeaFy\x17\x8b\xd9\xcc\xdb\xb0\xbdU\xe3\xbe\xcb\xa4|1\xf6\xe2\xbd\xba(\x90Z\xbc\xa5\x93\xa8x1\x01?\xae\xca\x07rV\xe8\x80\xc7\x8b,\x80\xb9\xde\x95\xfc\xddA&amp;$\xc3\x08\x170;\xd5\x0cz\x03\x96\xc0\x93\xfd\x1f\x8da\x8a\x8d\xafV1\xe8\x0b\xaef\xa0\xfa\xfd\xd0V\xc2\xfc\x08\xa4\xd9\xabj\xf1,\xc6,\xeb\xf2\xfc\x8b\xabSC\x1f\x170\x8d\xc6\x1f\xa3t\xa7\xe2:\xfe\xc6\x0f\xbdN\xe7.\x86\xdd.yk\r\xf3\x0e\x07\xf7\x97Q\x8c*u\x1f-\x1el\xc3\x9c\xc4~\n\x90O\x9c\x8a\x8bTUB\xc8\x1e;\xfbF2\xfa\xc7\x08_\xe5\\u\xc4\xda\xef\xfa\xc2e\xd6&lt;\x07\xcc\xc0\x9f\xd5&amp;\xad^\xcb\x1b\xf3\x0c\x9f\x9e$DcR\x9a\xacO\xa6\xfa\xe9\x92\x92\x8a\x880y\xab\xe0l\x95\xd9\xf3\x86\n\t\xe0h\xba\x19.p\tC\x15\x95J\xf5\xe7m\x9b\x9d\xf8[\x97\x0c\x89\xa2wV\xfa\xe9:\x8363\x15\xfc\x9c=\xcfq\xf9\xecu\xe4\xc4\x01\xb8,m\xd9\xf7\x16\xbc\x98\'\x9b}Zi/!\x94\xa0N\xd5O\x9d\x19\x12\x1a\xda\xf7\xc18.\xf7bq\xac\'\xa8\xf3\xf5\xba\xa3\x04(ji\xabJ\xd7\x9d\xcfv\n\x8a\xeeP]\x17c |/\x8c\xa61\x03\x0eh\x9e\x7f\x02@\xd5\xe9Q\xabF\xf1\x81"\x8f\x9f\xfc4\t\xcc\x8an\x88\x15\xb0s\x9c\xca\xe2\xb5\xad,\x8a\x04\xb1\xd8\xbc\xdc\xda\x87\xc4;1\x82\x05\xc3.\x0c\xd4\x1d\x12\xaa&gt;g&gt;\x042a\x91^u\xc9\x8f\xd1eT\x9f\xbb.\x1a\xa4\x9f\x86\x8e\x01\xb4\xd9\xf3\xae\xc3b\xf2\xf5\x00\xc5\x7f\x80C&gt;\t]:\xec\x14M\x04\xc9\xb6=\x0b]\xd6\x9e\x05"b\xe3\xc8\xc1\xebuk\xb8r\xa1\x96\x1f56\xa2\x06\xc2\x00\x13\xb6^\xd3\x0bQE\xf7:\x93Y{\xdd\x96\x14\xb5Vzq\x9a\x99K\x8d\x15rw |\xe6\xfc9\x1aE\xbd\xa2d\x91Y\xd7\xcd\xa6fk\xd0\x88\x1f\xb3\xe8a\x9e\xeex\x01\xa9\x1e\xdf\x14\xb0;\x8by\xdf$\xfe\x07\xc3\x90\x7f\x1d+\xc4\xd4Y!\x8e\x84\x93\xb0\xed\x8bo(p\xbco\xd9\r\x07\xb7\xe1\x18+0s\xc2\x04\x02\x14[\x88n\x16\xc3\x8b\xf4s\xd6\xcb/'</t>
  </si>
  <si>
    <t>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</t>
  </si>
  <si>
    <t>b'\xf0U\xec\xa8\x12\xd1e|cw\x1e\x0fq\xfe\xe5\x1c'</t>
  </si>
  <si>
    <t>o receiver or TV catches the weak signal through antenna and amplifies it.
Amplification means enlargement of a weak signal by an electronic circuit without any distortion in the signal. The electronic circuit or device which amplifies the signal is known as Amplifier.
In previous chapters we have studied how a transistor works in different regions after getting the biasing. We know if emitter-base junction of a transistor is forward biased and collector-base junction is reverse biased it can work in active region. This biasing is called DC biasing which is required for a transistor to work as an amplifier. Active region is the only region in which by carefully choosing the operating point transistor can amplify the input weak signal and produce the fruitful output without distortion. After proper DC biasing AC signal to be amplified is fed to the input of a transistor which is amplified by the transistor as per its configuration. Now the transistor works as an amplifier. Fig. 1 shows the circuit diagram of DC biasing for a transistor to work in active region. Fig. 2 shows the circuit diagram of a transistor amplifier which amplifies weak input signal.
Collector Reversebias â€“
    Forward bias
P P
   Base
  Basic Electronics
95
â€“
+
Emitter
Figure-1
+
  Figure-2
                 It means now it is clear from above discussion that an Amplifier is more precisely an electronic device that increases the voltage, current or power of an input signal with the aid of transistor by furnishing the additional power from a separate power source. At that time we can also say that it is a Transistor Amplifier.
5.2. Single and Multistage Amplifiers
When only one transistor is used in a transistor amplifier to amplify weak input signal then it is known as Single Stage Amplifier. A practical amplifier generally uses a number of stages for amplification and is known as Multistage Amplifier. Fig. 3 and Fig. 4 are examples of single and multistage amplifiers respectively.
Figure-3
Figure-4
In single stage amplifier the input signal is multiplied by the gain or amplification factor of a single amplifier. If input current is iB then output current for CE amplifier will be Î² iB that
shall flow through output collector circuit. Here Î² is the current amplification factor for CE amplifier. If input voltage is vi then output amplified voltage will be Axvi where A is the
   96
                 voltage gain of the amplifier. The amplified output voltage of amplifier will be 1800 out of phase with its input voltage signal for CE amplifier circuit as shown in fig. 2 &amp; 3.
The output from a singlestage amplifier is usually not sufficient to drive an output device. In other words, the gain of a single amplifier is inadequate for practical purposes. Consequently, additional amplification over two or three stages is necessary. To achieve this, the output of each amplifier stage is coupled in some way to the input of the next stage. The resulting system is referred to as multistage amplifier. It may be emphasised here tha</t>
  </si>
  <si>
    <t>b'\xe1\x10\x03\x7f\xe7\xf0&gt;\xe9\x10\x12OS\xd1\x998\x8ff\xa8\x80\xc0\x9c\x88P\x83\x9d\xd9G\xab-\x9b|z\x16\x0e\xd7\xb4\x00l\xc3\x11\x87OI7\xc6\x19+\x05\xc3\x12W&lt;t)\x82\xceR]\xd5Cd\xc7\xdboo\x06\xf9\xa1 %\x1c\xf5e8\xbe\x1dH-\x92*E.\xa1\x9035\x19\x96g\x15\xb5,\x86\r\xc7\xe1\xa9\xb7hn;\x94\xe3\x80\xd3\x81\xe6q9\x06\xae\x9e\xd2P\x04\x0cV\xab\x15\xcc\xbf^\x8668\xd7Wz\xfd\xab@C\xd7\x9a\xf6\xe7\xca\\\xb2\xbc|?e\xe5\xa1\x9d\xc0\x1b\xa8V\xe3D\x89\x0e\x08\xad//\xdd\x01u\x130\x0c\xdf\xcd\xc2&gt;-"*\x1cb\x16&gt;\xb1\x1d\xdc\xb3\xae%3s\x1c\x12;\xc8\xee\xd1H\x8aR\x1d\xce\x8d\xef\xac\x00\xe2\x9e\x04\xe3vT\xde\xc6M\x90\xf1\xf3S\x89\x0b\x04BV\xb0+\xcfLO\xffu\xe9\xde\xd9Di\xd7\x97~\xb5+\xc2\xf5L\xff#8\xcb$A\xa9\x05\xeeS\x87\xe7\x01f\xb0\x8f\xb2\x08\xec_c\n)\xc70\xa7\x02\x16\xd5E\x1d\xd2~\x82hx\x0b\xd58\xab\x89T\\tB\xdf@\xa4\xd1\xc9\xebQ\xcc\x91\x9c\x9d\x1d%\x96\xc5\xc8v\xc1\x9bQ\xe5\x9aT\xcd\xe6&gt;^*\xb2\x8edH\xfe\x94\xb0_Y,.#\x9e\xa5\x17\x14j\x0c\x13e\x8bj&gt;\xe7\x1d\xc46\x008\xef\xd9\xdd`\xbdon=\xae\xf6\xd9&lt;\x03\xa8\x97\x03\x01\x85I\xa2\x15\xcc\xb9\xc9\xb5\xba\xaf\xd5\xf8v\x92\x82\x86\xf7\xf5QX\xac\xcbre\xe3&gt;\x03\xc1\x1b\xdff\x1e7\x19\xd3\xd0\x87\xa9Y\xbb\xdee~\x13\x82\x15\xf9\xf8\x86\x9d\xe9\xc3r\xf60s\xe4\xe6"P\xdc\xcd\x87F\xeaN\x9b\x02\xddRP\x00\xa9\x0c4\xbe\xb3\xc5\xfb\xf8\xa7\x86[\xc5\xc1\r\xdc\xf0\xc7@b\xef\xd3\xa8RMz\x7f|\xc4\xf8\xa0\xc4{\x1e7\xderJ\x84\xcc}\xe7\xc7\xcd\x05B\x03jF\xbez\n\x89\x02m\x9f\xb8\xe9\xb9\xeb\x0c\x84\xb1"\xae\xb9\x7f\xad\x9d\x89\x0f\xeb{\x039R_+\x81\x8cz\x84\x83S\xbeu\xe4R\xd0\x9b\xf5\x8c8\xdaB\xf7\xbdh\xa0\xe7\xc6\x1e\xda\xe7\x90\xc42\xa3t\'@f\xdb\xea\x10Y\xfb4\xc0\xfa\nmc(\xa7Ab\xba\xce#\xb6Ul_\x8b7\x0c\xf9\x0e\x04\r\xd1\xa0\xb8\x84xT\x0b98\xcek\xe7dm\x08\xf4o\x87\xf7VF\x92SR0\x00\x031\x18\xbb\xb14\x88a4A\x89\xa1\xe4\xbe\xa0\xb2n\xf8\xcc#\xea\xc9\xee\x188#\xdbY\xe8M\x9c\xab \x8f\x02\xdb\xfb\xd6\x9f\x19\xccM\xde\xc2ez\x98\xc7\xb0\xfb2x\xc4 p^\xa9\x80\x9d\xbe\x96yt\x8c\xa2\xd4\x06=\x08\xb2\xe2\xbc\'\x92\xe7\x11\xde.T\xd3\xf2\x9c\xb9\x05\xb9t.\xe2\xd1\xaeR\x0292\x14\x93~\xf5Y\xa5~\x99O@\x99\xaap\x06\x84\xec\xc4f\xb9 $\xdb\xaal\xcb\xcf\x94y\xdb\xfb\xb69q\xe4\xa7$O\x0f\xc8e\xf6&lt;C\xb7d\xf5\x87J\xb3+\x85V8\x8a\xf0B\x8f\x88e\x1e\xe6\x1c%\x9a29$C\'v[e\xe6\xb0\xa8\xc4%\x90\x91Cu\x06,\x00\xa6\n\xe0\x98\x12\xaf\xbf\xc2\xff\xb8\xf8;\xe9\x1e\xdf\xd0u`\xe2=\x1f\xc0\xf9\xf1n\x9c\x8e\n&gt;?\x92\xde\xc3\xb6"p\xd0\xe6X,]O\xecq\x98\x99^\xb0\xeah\xa3F\xe3{*mfEE\xb0\x9b.+&lt;\xe5\x0e\xb2\x85\x91\x0c\x0b*\xc8\'\xb2\x8b\xccb\x97\x00\xf3\x84{\xe1\x81\x1aRF\xe2\xbemp\xfafZY\x93\xa5\x1e\xa7\x13 Y\xdet\xa2\x9a\xceA\xc8L7`\xb7\xda\t\x8b\xcfY\xfbd\xba\xce\xe9\x88\x15\xf4w/j\x141\xe9Q\x1f\xdcV\xc5\x94D\x1e\x9c\xaf\xcf\xcb\xf9\xa5\tR\xb1\xec\n\xbd\xfcS6 3\x8b\xf6\xe8\xf3\x18\xb4&gt;\xbb`\x93\x01,\xf6\xc5\xb8\x86\x1a\xf3s\x9e1T5*\xd8k}\xdc\xde\xf8&amp;\xf8\x1cc\xf7\x07\x84@\x97\x17\x12\x88\xc7\xcd^M\xd9a\x86\xf9\x93\xc9]\x98\xb9\x872\xd1*\xd1\x1a\xda\xb0\xb5n`M\xcc&lt;\x1c\x1db\x0c&lt;\x06I\xa0\x94\xb6\x99\x17\x83\xb9\n\xfb\xd2 K\x00\xfa\r\xe7\x12s8\xa7\xf0\xc7\xa1T\xee\xae\x9f:\xc8\xb5 FR\rT\x05O\x0c\xb8\xbc`Q\xf0\xff\xff\xb7\x15\x03M\x99\xd8\xb6n\xaaw:T-\xa4!\xdf\xb5M\x19\xf0\xad\xeb\xe8\x9f;\xf7\xd4\xd81g\xc2\xf1\xa8G\xa0\xa8\x1b\rAng\x917\xe31\xddh\x90m\x98\xd2\xf8\x1d\x002\xf87\xb2\xaf\x9d%\xd7\x91\x1c\xb8y2\x9b\x18\xa3\xbb\x11G\xe5\x99\xa0\xa7\t^;\xb6&gt;\xf7\xac^\xeb\xbb\xa1V\x86\xfc+b\x9f\x92\xbe#\xa8\xeb\x1d=\x0b`\x06\xbcDh\xcd@;\xe4\x8f\x89\xf2\xe9&amp;\xc0\xe6\xa4\xd4\x9e\xfa}\xc1\xdc06J%"\x17\xa3h\x08\xe7t\xa9\xeem\xbd%\x08\x90\x17S\xae\x916\x9e\x12\xc9\xea\xdf\xe0\x812}\xb8d*\x82|\x01\xf5N\xfe\x86\xc83\xa4\x18M\x8ae~s\xfe\xe0\xca\xf0U\xd5h\x8eo\x95/\xdb\xd8R\x85\xa9\x04Yp\xfcg\x0b\xe3\x01\x19p\xbaV\xc3=\x86\x87\x9b\\\x14FW\xf3O\xa73\x95Od\xf7\x81\xb0\x82\xec\'\xbce\xcf\x07\n\x81\x190d\xd0\xa4\xaa\x94%\xaf\x8d`@\x06\xb7\xcdX{\xc6&gt;\xfc\x07)\x8dT\x18\xe6i~\xc7\xdd\x81j\xe7\x0e=Ny\x128h#\x11/\xf8&lt;\x9a\x82\x04/Ls\xcaG9-\xb7_o\x13L\x9f\x13\xbd\x14i\xb0F2\x04-\x85\x81\xb0\x97\x05\x8d\xc4\x89\x00=\xe4z\xf3~*}\x8d\xee\xe2(\xe9 \xf3\xd0Q2\xf4 _\x8f)\xe2\xd2\x9cb\x8c\x13;\x06\x93\x85\xb6%Dg.\xf7\xbd-\x04o\xbb\'\xfb\x95\xd7,]\xde\x1d{\x9bc]\xbf:"\xe3&amp;\x07/\xe6+\xef\xb2\x83\x93\xa9b\x13\xc5\xf23PtM-6\xce\xdd|B\x94\xb8a\x00\x91B\x90n\xdf\x9e\x90\xe1&amp;\'\xf4\x03\xe9D[STq\x91\x1d\x10\xa3\xfbJ\x81\x10\xe9\tu\xbcl\xc4QvEZv\xab\xfb\xbb#Y1\xa4\x9b\x93@&gt;\xe0\x9d\x06\xd1\xa8?\xeb\xc4\x1a\xeb=0@N\x7f~mJ\xdcoI\x87D\xa9\x07!=\xd1P\x13P#\xb7\xa09#\xecB\xe9\x1f\xfd6\x18jS}\xc1\xa3^\x81\x8f\xcfT\xa9\xab\xb1\xb2\xd2\\\xcdk}\x96\xedM\x7f\xa9\xcd\xb4L\x1d\x06VT\x13\xbb\x9eH\x00\xc8^\x0cy\x19x\xd2\x86\xd4F\xab\xe5\x99suq5:\x9c\xe4&gt;k\xb5mK9&lt;v\x1b\x89\x84\x9c+l\x93d\xff&gt;\xfc\xc4zL\xc1~\x12W\xf6\xfa\x95\xee`H\r\xb9\xb0\xbb\xa3\x880\rq\xe5h\xbab)p\x02?\x91\x1e&lt;\x17\xf5\xc3=\x13\xa5T\xc6&gt;\xa1\xee\x1b`\xcbw\x85!\x01`\x11a\x98}\xf9\xb1\xe6u\xc8\xf9\xc5\x01\x0f{\x9a\xc2\xaa\x1c\xd4\x18G\xfe\x0f\x1d\r\xd1/\xdb\xa7\x9b\xa2\x87E\xb8&lt;\x80\x13\xb9\xcf\xe1\xd6\xe7:qn!\xde\xfb\xae\x87\xdc\x7f\x03\x92%\x01b`\xeb\xac\x86\xfa\xa8\xd9\xcc\xc5+\x1ekW\xe8\xdd\x85\xb8\x83\xb1N\xee\x83\x0b\x10#\x18\xfe\xb4\tn\'}\xae\xc3\xa2&amp;0\xa35\x16\xce\xde&lt;q|.&lt;m\x04&lt;\x04\xc7m\tL\x04\x86\x8a$\xd9\xebi\x01\x9d\xd1\x16\x9f\x0bR\xd9Z\xfe\xa7\x8c\x88\x9c\x15\xbe\xf2Bn\xfd\x11d\x86v\x05\x9c\xcc\xd4\xb6\xad\x7f\x8a\xb7\xa0m\xb5\xf4\x1b2B\x92\x12\xee\xe8{\xb4\xd92*\xe0k\xa5Jwe\x857sN\xcdM\xa0{\x98\x0cB\x8c\xc9\xae3\xa3&lt;\x0cO5\xe8\x19\xaaUM\xec#\xa8\xea\xb7\x19\x06\x19v\xc5\xe8L\x11\x01H\x0e\x84\xe71B\x08\xa5\x16\x02e\xf9\xb4\xc0\x95\xd0v\x9b\xde0Um\xfd\xda\xf7\x18\x19\xcc|\xcf)2s\xd2\x11%PHe\x9c\xf9Q\xe2&gt;x\xa0\xac\xec\xb1\xf4\xbc\x0c}r\x8bwH\xb1\xa7\xf0\xe2\x9b\x19A\xb9\xb8\xee\x05\x88D\xa5\x08\xe8\x16b\xbb\x08\x1d\x99~[G\xe9,\xca8\x82#\xe4\x11\xe2+Z\x00\x9d\xcd\x9bD\x86\xc0\x91\xe0\xab\xf8\x93\xea\x9d\xcc\xb39;M\xa1\xf2\x84\xfc7x\x1a\xcc\xec\xe3\xe8\xa2\xad\xf29\xc7\x8e\xf9\xb2\xd8`~\x8aKz\xc4|g(\xa6\xbc\x0f\xe38\x99J\x9c\xb0\xe7\x8e\xa9\x91\xa6\xcf\xe2\xa6\xfaT\xc7\xfc4\x97m\x0b\xdbo\x03\x19\xc6\x9e\xe5}\x99\xb1\x16-4\xc3O\x85\xee83\xbfQ4!\x1d\x97c\x97\xf5K\xd5\xa8f\xa6\x86\xd5\x98\xa0M\x89G#\x18\x9c]\xd7\xadp\xa0\xa4|IYj\xf4a\x13\x9b\x96\x02\x85\xb4h\xc2\x04\xfay\x03\x85NB\x18\x92\xa5\x8b+\xba\x00\xf7\x15y\xd8\x8e\x8e\x9dKyCB\x05\x9b\xbb\xfc\xf8\x8d\x90}9\xfep\xa6\x88V\xbe\xae&amp;{e\x06\xc1\xc5-o:\xca\x8f\x90\xa0S`[^\xc3\xd4\xbc\xcf\xda\xa1\xa3\xdd\xb74\xe5\xbc\xa5#\xf1\xd86+\xa6\xc5F?\xe6\x95qO\x0e\x1aj]1=9q\x19\x9c\x0b\xf8\x8d#\xf8x\x1a\x91\xf8N7c\x8b\xf0\t_\x88!\xd2n\x06\n\xc3G\x14\x0f\x86\xc4f\x80\x83\xc7\x83\xcc\xcfL\xba_b\x81\x8b\xe2\xbc\x12\x10\x94\xbf\tf\xac^-\xa9\xc2pup\xfc\xd0\xbb:\xe2\xf0\r3\x06\xe9#\xe7+J\xfb&gt;\xf1\xbc\xa1?\x8b\xda\x10\xa4\xdb\xdd\xd7\x9b\xdbi5\x12`_\x05*XJ\xae\xfa_\xb4U\xeb\xda \xb1pE~\x14\xe5X\x86\x84\xde{\x8d\xc4d\xb5\x93*6i\xd4\xe8\t1\xd0\x94\xdf"\xfdN`\x8e2U\xed;\xdc\x90\x9e\x84\xa3\xc8\x97\xf1\xfb\x84\xd6_\xd6\xc1\xdd\x94 \x8b\x14\x81\xc0X,j\xae\xf4Y\xfb\x06MA\x83\x1fC\x1chz\x9e\xf2]\xb47\xcb\xbd\x13?\x88\x81\xcbc\x7f##\xb8H\xcf\x8a\x01\xffR\x8f\'pg\xe1\x90j@RB\xd7\xa1\xc3\xda\xae\xb8\xd9/\x94k&lt;\x9f_\x95\x1eo\xfc\xb8,:\xff\xb4eq\xca\xcb\xdb\xe8\xb9\xa2\x85\t\xbd\xe4\r\xd6U\xc8aO\xf7\x13w\xadm\x83o\x96\xb7#\xeaiP\xec\x9d\x80\xa8=9\xc4\xf9\x1eY\x0fB\xf1h\xc8)\xd1\x9f\xbeS\xbb\xde\x01\xbb\xa4\xcd\x7f&lt;!}\x03\xfa\xf3\xb7\xd2U\xea9\'\xf4\x02l\x97\xda6\xc7/~\xa8}R\x03*\xf5\x8c\xa5(h?\xbdn*\xf4\xc6\xfa\xe48\xc4\xe2\x94\xa8\n)=&gt;\x91j\xe0&lt;\\%\xb6\xde\xc0\xf9\x87\xdb\x96\xa5\x92\xed\xa8\x88\x08M\xd8Q\n\x92mz\xdd\x82\xcc\xc9\xf5\xb4\xfb$v\xc4\xc1O\xc0zy\x0f\xc1z\xc4 7\x0cn\xc0\xdf\x84eU\xb2J\xd2\x19\xa6~\xfe\x02\xd3\xf6\xe5\xca8S\x990\xedTH\xbb@\xaa-U\x8bJ~\x87\x99\xb5Y\x97\x1ay\xb8\'L\x08\xc7\x99\xea^\x10E\x92\x96\xf6@&lt;\xff\\\xe5\xba\xbf\xcd\xf5+y\xf6\x16 2\xe5FU\xc7\\K\xf0\xcbz[d\xbd\tk_\xa5X-\xec \xfal\x01I\x97WF\x85\xd41\x1f\xa9z\x7fYR{\xd9\xb6\x94o\x13\x1d\xd7\xbdzr\xe1\xa1z\xe8\x80\x82F\x8e]m\xed\xf5w\x98\xff-M,\xd7\xb6PJq&gt;Y(\x8b2\xab\x91\x02\x1a\x0e\xc5rD=\xfaB\xef\xe8\x04\x97v%.\xab\xc13\x173\xe3\x99\xf7\xa6/\xe97\xc7\x97\xf27\xa5\x1b\x7f\xac\x19m\xcbb\x05\x13\xd8&amp;\xef\x8f"i\x8d~;\x07\xc0 \xe6\xa7K\x94d\xe4`\xd5\x7f\xf3\xe8\xd4\xb9\xfd.\x88i\'x\xb4\'\xd1\x07\xc3\xe9\xd8\xbe\x12bx?\xc9\x0e\xdcn\t\x90\x9c.D\x10 \x8c\xd5\x9es\xd5\x18\xeb\x8e\xd8\xa6\x90\xdb=G \x87\xb5\xc3h]\xda\xbfqh\xaa\x1c\xda \x97\x1b[J\x13g\xba\xf4\xec0{\x08\x85\xb0\\\xdbx\xe8\xc5\xf8\x87\x8e\xd2\x88\x16\x86f\xae\xd8\xf3\xe4\x1aK\x8e~{\xad\x08\xfd\xa4^\x0f\xc3\x82\x11\xe6\xd5G\xe0|Gp\xfb\xcb^\xc7\xb5\xd9\x150&lt;\xf0\x91\xb1"\xc71\x978\x8b\x9d\x04\xdfs\\\x0f\xfe\xfaHm\x8a\x13:}\xda\x16\xab\xf31\xb1H#\x979F\xe5cPk\xa6\xb4\x19\x04+\xaa$\x03\x02\xd7\x10g\xb4\xab0\xe06\xb0\xd7\xeasG\xe5\xea\xa4\x10.\x93\xce;\xcc\xf6\xd2\x05\xbc\xdb{T\x88)I\x9f\xc6\x81\xb4\x18\x15\xf7l\xb97\x9f\xb3\x0c\xec\xf2\x10t\x15^\xff+\x98+\xa3\x14*\xd4\x89T\x11_\xaay$\r\x99\xc7\x18q\x130D \xe6\xab`\x18\x0b\xces\xa6'</t>
  </si>
  <si>
    <t>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</t>
  </si>
  <si>
    <t>b'\xe1\x10\x03\x7f\xe7\xf0&gt;\xe9\x10\x12OS\xd1\x998\x8f'</t>
  </si>
  <si>
    <t>nd of environment, acting sanely began
 to seem eccentric.
 At least PayPal had a suitably grand missionâ€”the kind that post-bubble skeptics
 would later describe as grandiose: we wanted to create a new internet currency to
 replace the U.S. dollar. Our first product let people beam money from one PalmPilot
 to another. However, nobody had any use for that product except the journalists who
 voted it one of the 10 worst business ideas of 1999. PalmPilots were still too exotic
 then, but email was already commonplace, so we decided to create a way to send and
 receive payments over email.
 By the fall of â€™99, our email payment product worked wellâ€”anyone could log in
 to our website and easily transfer money. But we didnâ€™t have enough customers,
 growth was slow, and expenses mounted. For PayPal to work, we needed to attract a
 critical mass of at least a million users. Advertising was too ineffective to justify the
 cost. Prospective deals with big banks kept falling through. So we decided to pay
 people to sign up.
 We gave new customers $10 for joining, and we gave them $10 more every time
 they referred a friend. This got us hundreds of thousands of new customers and an
 exponential growth rate. Of course,</t>
  </si>
  <si>
    <t>b'\xca\xdf0\x89_\x8d=\xf0\xaa\xd8\xdd0?\x07\x9aX\x1dh\xff\xb9\xb9\xe2\xdfHZa!\x8c\x05\xc3\xe3\xff)\xa0\x9a8!e\r\xbd\xc2!\x00\xec$\x98\x1d\x06\x97\xc6%\xccG(\xe3G\xcf.V\x02\xcai\x80-\xf5\x9e\x02\x10\x01\xafK\xb4\x0f\xc3\xb4v\x9a\xa0\x11\x11\xc1:\xf6\xaa\xb2d6\x90k\x80i\x85y\xb2\x9f\x89\x08\xe9\x15\xbb!\x98\x11\x01\x82\x84^\xd5]\xdcd\xdbd\xb2\xe4G\xe3\x8b/T\xcc\xc6Z\x82j\xe2\xba\x0c!\x8c\xa9\xd4\x92\xb8\x00|\x17\x18\xec\xf5\x95$6\xdak~\x03\xb86\x02\xce\xe1\n\x9f\xae\xaf\xf0\x0f\xa9&lt;\xf8\xc8\xc3\xbd4\xf84\xbf\xa4\xfd\xa9E\x8a&gt;%Z\x1e\x03\xb9}\xab)\x17Rg&amp;\xe3%\x19*\x81\x83\xd4\x87t\xfa\xbe\nX\xf9B\x90\x8f\x8dy`\xcc\xffq]\xd9\xe2W\x9a\xad\xc0\xd1\xf0\xd1y\xfe\x10\xae3\x07O\xd5Mx`;\xda4\x0eV\xf4s\xb0-wB/T\x11K$8\x0eCr\xf1\n\xe7\x98\x85^\x9a\xb0J\xdfa\x11$^zs8\xbb$\x9c\x84\x9eX\xef\xca\xb5S\xc7!\xa5=\xc0k,\x8a\x7f\xe3}\x07\\d\xed\xd9e\xf9\xfa\xcf\xd3\xd3\xaeP\xe6a\x80\r\x0b\xa8\xf2&gt;,\xb9m\xa6\x9aq\xceq5\xf9L\xe4\x07l1\x9d;\x13\xaa\x8e\xfbQ\xf8\x1eZcA\xc4\xe45\xcc\x19\xcdeQ\xbc\xc1e\x03\xfej\x12\xa7\x7f\x8d\xf2\xe3&gt;\x11\x9di\xde\xd88\x85\xa4\xe7z\xa1\xbd\xa3\xe3\xabas\x915/\xa2K\x879\xaa\\{n\xb7\xb8_\x1b\x96/\xa0\x80\xfb\x80\xb3\x85\xf4\xa1\xbb\x0b2(FTJ\x8at\x83L\x0e#\x81q\xa3\x87\xdc\x96jMC\x9d\\\x9d\xc0\xe6\x8b$*ig\x889\x18Z\xad\x914\xff\n\xfa\xc5+\xe4\xfd"\x04\xed\x81\xbd}\xdc\x80\xe6\xb7\xa0\xb3\xee\xa4\xda\x06\xbbbv\x19\xd5\x8e;\x89;\x83-\x0f\nU\x8d\xf3|P\xed\xabC\x18\xcf\x03Q\x12\x16\x7f\x84\xab\xeaB\xfd\xcc\x07\x85l\x89R\x86j\x81\xcc\x05\xf2\x1aQ\xaf\r]\xd5-\xe3\xdb\xfdV\x88\xea{9@D\xf66\xc8?\x00AP\x90\x8d\x10!\x80\xb6\xc9\x0f\x94\x0f\xd3\r\x99\xb4\x93\xa0Pe2,\'\xb1\t\xb3S;\x0eD&amp;6\x8b\x15X\xcb\xfdk\x18\xac\xfd\x80\x88\xc1\xd5:\x9f\x80m\x8b\x06\xc6\n1\xfb\x84\x98\xc3\x90sW=9\xb9\xc7\x03y\xe03\x90\xc5\x12sw\xe2z[\xfcn\xf43\xc5N\xe9\x08(\x88\xd4\xdf\xa9\xd6rgf\x15\xe0\x15"\xd8\xffnD\xef\x9b\x02.\x83\xba\x14\x99\xcc\xb0GHKL:\xd8W\xf0\xc3\xde\xa5\xa6\xb8L\xc8\xa9c\x99\x89L9\x10b,\x19\xa1u\xff\xbbs\xdc\xdc\x13\t0\x16\x97\x01\xebh\x9d\xc9\xef\x98\xe5\xddy\x06aD\x06\xef\xff8\xbd\xd2\xc7\x83~\xb5\x19\xaa\x82rzn\x19l\x0b\xf1;@^\x9c\x14\xe2g\x82\xfe\xb3m=4\x89W\x83\xec\x15\x98\x0e\x13\xb0\xac0Z\x16V\xfc\xf3\x86Sba\x11\x7f\xf3\xcf\xa6\x182\xee\xe8\xa2i\xdb\xa0\xde\x17oDo\xe1\x83\x8d\n\x04\xae\xe4:&gt;*O\x0b\xa9M\xbb\xf7\xcdo\x11#\xab\xec\nT\x91c\x82\x8a\xf5\xe6\xef^\x13\xd21z\x81\xfa\x88\x95\xb5\x86z0\xa8G5\xed\xea}\x95 \x84\x1dJ\xb4\x92G\'\xc2u\xa5\xae\x86\xcf\xd6\t\xe7\xae\x8a8\xd4\xe1\x7f\x15\x05\x07\xe2\x14\x0c\x97\xf5&lt;#\x94\x9f\x1a\xb9\xb5\xc9\xfav\x88\x1bi0L\x1b\x85\x94\x00\xc3\x92t\xbd r\x81\xb4\xeb\x9d\xe1\xb0\xa3\xf7\xc2\x04\'N\x07\xb8\xd6\xb9\xfd\x1du\x01\x1d&gt;hl\xd6\xf9\xfa`\x9f\x8fENg\x1fK&lt;\xd3\xe9\x1c\x9fy\xcb\x1b\xab\xe3\xe8\xe0\x98I\xc3-\xd9\xf6\x06\xd4\xf7\xb0\xc8\xfaph7p\x8b{\xd1:\xffgQ\xfb6R\xdc\xb6\xce\xde\xf8g\x08\x82\xce\x8fq\xdb7\xb8\xa8\x08\x19\x1d4z\xa1\xee\x1d\x17p\xda\x01\x01\xa9\xdf\xc4\xd6\xf7\xaf\x1b\x0b\x93\xc6\xd9\x11+U\xf6\x1fkd\xb2i\xff\xf6\xfc\xf3\x17\xcf\xf1\xb8rK\xfc\x8d7\x94\xdb\xf0\x8c\x9e\x91\x83\xbc\xca\x88\xf7\x1f\xf5\xfb\xe3\xeb,6\x89T\x9f\xc0#\xab\x03\x19\xff\xdd\xc3D\x80\xe8\xe5\xe4\x16\x88\xdc9bF\x92N\xd6\x7f\xce!\x88\x96\xa1ic0"\xc96\xdb\x8bn\xa5\xb3\xa1\xeao\x10&amp;\xc5\xa7F\xb1{\x10\xc0\x8a\xf3\xda\x08\xe7\xae\xfb\xd3\x8e\xd0\xaa&lt;-\xf6\x1d.\xd2\x1e#\x97\xf9n\x01\x81\x15J\x83\xa8\x9e%\xed$\xd8z\xeb\xc6\x84\xef\xf5#L \xe1\x9fSUY\x95\x12\xb4nd\xben\x9d\nehM\xe7\xb5\x96\xf8\xbbv6~\x00\x06{\xd1K/.\xce\xec\xf25\xbc\xb9X\n\x96\xc5\x97=8\x07\r\xf9nxG|[\xe06\xf5!\xd8L\xf8/\x80`\xe3\xd5\xae\x9c\x8cs\xdd+^\xd8\xad.\xcc\xa2D\x93\x83\x82\x1a\xf0\xdbh\x1c\x9b[\xb5\xbes\xfa\x1dK\xa6\x08\xf1`\x131\xe1\x19'</t>
  </si>
  <si>
    <t>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</t>
  </si>
  <si>
    <t>b'\xca\xdf0\x89_\x8d=\xf0\xaa\xd8\xdd0?\x07\x9aX'</t>
  </si>
  <si>
    <t>X v
 R
 i X
 (a) (b)
 out
 Figure 17.2 Measurement of (a) input and (b) output impedances.
 Also shown are arrows to denote â€œlooking intoâ€ the input or output port and the corre_x0002_sponding impedance.
 The reader may wonder why the output port in Fig. 17.2(a) is left open whereas
 the input port in Fig. 17.2(b) is shorted. Since a voltage amplifier is driven by a voltage
 source during normal operation, and since all independent sources must be set to
 zero, the input port in Fig. 17.2(b) must be shorted to represent a zero voltage source.
 That is, the procedure for calculating the output impedance is identical to that used
 for obtaining the Thevenin impedance of a circuit (Chapter 1). In Fig. 17.2(a), on
 the other hand, the output remains open because it is not connected to any external
 sources.
 Affecting the transfer of signals from one stage to the next, the I/O impedances are
 usually regarded as small-signal quantitiesâ€”with the tacit assumption that the signal levels
 are indeed small. For example, the input impedance is obtained by applying a small change
 in the input voltage and measuring the resulting change in the input current. The small_x0002_signal models of semiconductor devices therefore prove crucial here.
 Example
 17.2
 Assuming that the transistor operates in the saturation region, determine the input
 impedance of the circuit shown in Fig. 17.3(a).
 g v m
 R
 R
 V
 i X
 in v X r O
 (a) (b)
 v1 v1
 D
 D
 DD
 M 1
 Figure 17.3 (a) Simple amplifier stage, (b) small-signal model.
 Solution Constructing the small-signal equivalent circuit depicted in Fig. 17.3(b), we note that
 the gate draws no current (at low frequencies) and the input impedance is simply
 given by
 vx
 ix
 = âˆž. (17.7)
 Exercise Compute the input impedance if RD = 0 or Î» = 0.
 17.1 General Considerations 805
 in
 Short
 (a) (b)
 R R out
 Figure 17.4 Concept of impedance seen at a node.
 To simplify the notations and diagrams, we often refer to the impedance seen at a node
 rather than between two nodes (i.e., at a port). As illustrated in Fig. 17.4, such a convention
 simply assumes that the other node is the ground, i.e., the test voltage source is applied
 between the node of interest and ground.
 Example
 17.3
 Calculate the impedance seen looking into the drain of M1 in Fig. 17.5(a).
 in v
 (a) (b)
 M 1 R out R out
 g m v 1 v 1 r O
 Figure 17.5 (a) Impedance seen at drain, (b) small-signal model.
 Solution Setting the input voltage to zero and using the smal</t>
  </si>
  <si>
    <t>b"Q(\xf0o'D\x85\xc6\xba\xc4\xd1\x0c\xc1j\xd4\xf5"</t>
  </si>
  <si>
    <t>5128f06f274485c6bac4d10cc16ad4f5</t>
  </si>
  <si>
    <t>lf
locked up. The master had better get you a governess, same as he said he
would. You're one that needs some one to look sharp after you. I've got enough
to do."
She went out of the room and slammed the door after her, and Mary went
and sat on the hearth-rug, pale with rage. She did not cry, but ground her teeth.
"There was some one cryingâ€”there wasâ€”there was!" she said to herself.
She had heard it twice now, and sometime she would find out. She had
found out a great deal this morning. She felt as if she had been on a long
journey, and at any rate she had had something to amuse her all the time, and
she had played with the ivory elephants and had seen the gray mouse and its
babies in their nest in the velvet cushion.
CHAPTER VII
THE KEY TO THE GARDEN
Two days after this, when Mary opened her eyes she sat upright in bed
immediately, and called to Martha.
"Look at the moor! Look at the moor!"
The rainstorm had ended and the gray mist and clouds had been swept
away in the night by the wind. The wind itself had ceased and a brilliant, deep
blue sky arched high over the moorland. Never, never had Mary dreamed of a
sky so blue. In India skies were hot and blazing; this was of a deep cool blue
which almost seemed to sparkle like the waters of some lovely bottomless
lake, and here and there, high, high in the arched blueness floated small clouds
of snow-white fleece. The far-reaching world of the moor itself looked softly
blue instead of gloomy purple-black or awful dreary gray.
"Aye," said Martha with a cheerful grin. "Th' storm's over for a bit. It does
like this at this time o' th' year. It goes off in a night like it was pretendin' it
had never been here an' never meant to come again. That's because th'
springtime's on its way. It's a long way off yet, but it's comin'."
"I thought perhaps it always rained or looked dark in England," Mary said.
"Eh! no!" said Martha, sitting up on her heels among her black lead
brushes. "Nowt o' th' soart!"
"What does that mean?" asked Mary seriously. In India the natives spoke
different dialects which only a few people understood, so she was not
surprised when Martha used words she did not know.
Martha laughed as she had done the first morning.
"There now," she said. "I've talked broad Yorkshire again like Mrs.
Medlock said I mustn't. 'Nowt o' th' soart' means 'nothin'-of-the-sort,'" slowly
and carefully, "but it takes so long to say it. Yorkshire's th' sunniest place on
earth when it is sunny. I told thee tha'd like th' moor after a bit. Just you wait
till you see th' gold-colored gorse blossoms an' th' blossoms o' th' broom, an'
th' heather flowerin', all purple bells, an' hundreds o' butterflies flutterin' an'
bees hummin' an' skylarks soarin' up an' singin'. You'll want to get out on it as
sunrise an' live out on it all day like Dickon does." "Could I ever get there?"
asked Mary wistfully, looking through her window at the far-off blue. It was
so new and big and wonderful and such a heavenly color.
"I don't know," answered Martha. "Tha's never used tha' legs since tha' was
born, it seems to me. Tha' couldn't walk five mile. It's five mile to our
cottage."
"I</t>
  </si>
  <si>
    <t>b'Y\xa7&lt;\xadk\xb5\x90\xb6\xf4\x8aYg\xc93\xbe\nBb\x93|\x18l5)\x97\x03!\xc6p\xf7\x06\x1a&lt;\x01\xd1&lt;\xd6\xbf\x05\x9f\xce\x89X\x12\xbe\xe2\xb2`{\xa2bN\xb5\xf87\x1c\x00O\x8c\xa7{\xf4\xd9\x9bA\x7f\x1b\xa0j?\x86\xfbT^)\xeb\r\xf0\xa3\x87t\x89\xdc\xf3\xf3$*"E\xf9U\xea\x1fq\xe0\x0c\xf8\x1f\xd3\xdaK{[\xb8\xd9\xaf\xd7\x8a\x08\xe1\xe8\x04e\x83v~}\x02\x86G\xefd \\\xb5\x13[\x9b\xf2h\x181\x11\x93b\xf3\xddG\x05\xd7\x03\xc4\xd3:\xcaa\xf8\x80Q\x9dn\xe3+g\xac\xc4\x94:\r\x0b\\\xf4\x80\x04\xday-isL)\xc3D\x11W(#\x19\xbdR\xaa0\xdfQg\xbaC\x16\xd4INX\xc74\x83\xdb\xe3\xbf\x9c\xd9V\xc6\x19\xbb\xc5\x08\r\xfd\xc9K4\xc2W\xa8 \xa6\x83\xceRX\xbe\xcc\x95\xe3\xac\xa6\x12J\x18@S\x8fKy\xc0\x87\x97m&amp;J\x89)\xd6q\xb0E\x0f\xd2]\xb1\xd8_w\x83\xbe\xf9\x1e\xaf\xab\xe2\xb2\xb9\x84\x07y\x06%\xeb\x0b&gt;\x1fI\x81W\xd3\xaeb\x8d&amp;\x91\xd3li/\xd4\x04\xf3\x9dk\x9f\x1b\x1f\xe9\x92\x0b\xe1\xe8\x93\xac\xeb\x91\xe2\'\xf26;\xff\xd8\x8a\xcf#1\xe7\xc5~2:\xe8K\x18\nK\xa3E\xc1|\x02\xcd\x9e\x83+\xd7\x8a\xd5\xa7\x94\xf8\xcf/\xc8\x99\x89\x97\xea\xe2\xe8P%\n\x80\x97\xd0\xea\xeb\xb1@wrx\xd0_\xacw\xeb\xecW\xc7G;\x08;\xac\x00WL\xbb\x1a;\xe3\x9cp\t\xfd&amp;qS\xda\xc2:\xa4+\xa3Rs\xc7hH\ns&lt;\xf8\n\xed\xe6#\xdeM\xed\x1f\xdah\xf0\xa8\xdc\xf0\xb3tX\x9eT\x9d\x96\xb0\x10\t\xf2\x17\x8d\xa6\x8e)\x13A,\xb4q\x14\xfe\xb9D\x1e\xa5\xc1\x1c\x9f\x84\xf9\xb0:\x93\xd7s\xccc&lt;mk\xc2\xfe\x87\x9f[\x87\xf3\xe2\xed2\xe0\x8b\xf2]\xbeZ\xafV\x8br\x99\xcb4esN\x9d\xca\xf4\xf2S\x87I\xa1\xfcO\x0e F6m\xa3\xe9\x7fP\xac\xb34\xb1@\xca\xc0\xccX \xcd\x97\xdf\xce\x8f\xe3w\xd5\x90\xfb\x96\x00\x1f\x848_\x11\xbd\x87\xc0\xdd|\x08w\x18\x9f\x19\xcaMW\xc1\x11\x0c \xb0\x01\r\x85`\xe1\x0c\x1b3\x7f\x8e\xcf\xe6\x8d\x85)\xb5\x03atk\x91H\n\xa4\x89\xae/~\xbf\xa6\x11l\x8d\x90\x18\xf1\xe8\x15\xdaJt;\x94rX.\xbc\x9f0`\xa6o\xb7\xe5I\xf4\xc0\xeeF\xde;w]3\x91\x13\x01\xeb\xe9\xcb\x012\xfa&lt;\xf5\xf3\xd1\xaa+)\xb4u%}\xa9\x0fU\xc7AY\xcf\x8d\x18\xe7*\xd7&lt;\x10O\xfbkZ\xa2Yhg\xfc\xe3\xeaI\xcdy0\xd8\x18&gt;\x9f\x9c\xf15\xa3\x11\x03&amp;\xaa\x07\x7ff\xe7\xb4z\xd4I\xf78C\x96\x89\xf1WT\xb4\x85\xac?\xe5?/+\xce\xd1\x06\xcc\x89\x9d\xe0O\xec,b\x9c)\xbc\xf4\xd5W\x92!\xfc\x98\xc0\xf4\x07\xbb\xfb\xde\x8a\x85\x14\xdav\xc04\x8cg.;:\xb27ez4\x04\xda&amp;\xea\x9b^\xf2\xd9\x94=\xec\xb6\x0b\xf4\xc2\x8d\xaf\xcd&gt; \xa1\xff\xeb\xbbFq\xc6+\x84w\x0b4v{\xe8J\xf5\xb1L\xdf\xb0\xf4\xb7\xc1\x02\x9f\xfbT$\xce\x9a\xada\x10[\xc52\xdat\x1cH\x84\x90d7\xcaoR\x0e&amp;\x03\xb7?\xb7D\xfb\xbd\x08(Bh#\xe3-\xc3\xf1\xf0\xb6\x81\xfd\xba\xcbo\xc9i\xab9\xcc9\x88\xc7\xa4\x1d\x00X\x7f\xd2iiK\x08\t=\xc2\x06\xc5l\x13\xf0q\xe8\xdfz\xfd{$\x96\xfcX\xdeQAn\x1e\xd5}IBw~\x12c\x947\xd9\x12\x9be\xe1\xa2\xceW.\xf0\xa1K\xc8\xd7\xdfxAjS3\xf2\xd9\x18&lt;B\x8a\x9b\x95?\xd7\x98\xbe\x1b\xc5;\x93\xca\x8a)@\x02t\x07\xc1\xe3B\x84}\xab\x05W$\x9c\xf15\xa3\x11\x03&amp;\xaa\xc0+w\x81 O\xf9X\xc2\xbb\x04l\xa4\xcb\x16R\x7f!8\xa2.\x13m$\x16y\x1e~]\x8fm\xd8\xf2\xc4n\xc3\x00\x88bX5aG\xb3\x9e\xe9\x01dF9%\x13\x96M1.\xc2X\x80\xb3\xd4\xf2\t\'\x93\x99vF\xf5\xdc\x01v\xf0C\x92n\xea%]\xf8^U\x99p\x08\x1fQ0W\x81\x96d\x9f\x11\xd3#\xdb=*\xef\xc5\xbd\x10\x8a\x06^M\xd0\xae9ih\xce\xf2=\xa1v\x8e\xae\x03\x06\xab\xa9\x9fF\xedJ\xe7U\x9f\xa6\xe2\xf2\x91\xa0o-"\xf5}\xce\xcf\xack\xb8\xf3\x08{\xf9\xf1\x87\x92\x99L\xd1EM\xf1\xc5hq\xe3Q\xa2F`\xba\xa7\xb9)\xa1\xc36\x07\xb0(\x12\x98a\x8cj\xad\xddQ[D\x82\xb1V\x8eP\xa9\xbbz\x0f-\xf7\x1d\xe9~+\x81\xfa\xa3\xa7h5\x8e\xd1\x1eXF(\'\xf1\xe5\x8e\x833#\x1a9\xee\xc4\'\x85\x0bl7&gt;8\x95B\xe0\xc5\x0b\xdd\xe6%\x88I\xa6\x9f\xb3\xdf\xce:\xca\x96N\xafQ\xb0q\xd3\xe3%\x17/\x8a\n\x179&gt;\x91g\xf5\xba\xf9p\xdd\xff\x02\xc1|\xfd\xc2\xcan\xcc\xa4\x10\xa6\xc0\x0b\xe0iD)\xaa-+g\x852\xb0_O\xef\x11!\xc6\xdd\xe9\xefVc\xf0O\xb21\xad\xdcFE\xdbI\x0e_\xe8\xf0\xde\x1a\xb6\xc5e\x9c\x07\xc5\x94\xcd0\xdf\x8f\xa3\x82\x0c\xc9\x8b\\\x0b\xa3)\x83\xe2@=\xa1 \xc8\xca\xb2\xa4\xd4\x9e\xc7\xf7\xc0\xe9L\xd2i\xcfI\xe1hk\x00i\xb8,\xf7\x14\xf9\xae#p\xf3%\xb0f\xbdj\xa0\xa5\x12\xf9R\x8a\x8a\xde\xce\x83L\t\xd4l\x90CXM1\x0cN\xf67ny\xf7`&amp;\x94m\xc6\xe1q\xb4\x9c\x03\x88\x0c\xad\x9a\xd8\xd7\x18X\x04\x13\xf0\x8a~Nz\xbc\x15\xed\xed\xe4\xc6M\x06\x8d\xb1Vx\xff&gt;U\xa5\xbed\xc4\xec\x18\x1b\xc0\x1bG\x9cp$\xb6\xe1\xb4\xfe\xf7\xfa8\\EC\xe6\xe7\x9e\xcf\xad\'^\t:/)#p\xbc\x99\xeb\xbe\x9fL[\x19goi\x88#\xfd\xe7\x80i\xf1\xfb\xb1v\x97Y@\xdbt\x0cu5\x84C\xee~x\xdf\xe4 \xc9\x13Na\xfa\xf4\x80\x17\xb92WbQQF\xac\x9a\x0c\xc7f\xffv\xf4M\x17+\x89P" \x0e~|\xaa\xe5\x80-\xe3?\xb7\xf6\xb3\xa4\xb9\xf0\xc4g,\xb0\xe5\xf3\xc6\n\xc3\xb1%\x81\x19\xb3K]\xb6\xae*\xcb\xc3\xfbQ\xb1\x10k_*\xf4\xacE\xc3\xea\x00\xdb\xa1&lt;\xc8)\xca\x99\x11\xbc\xe0\xd0I\xe0\xdb\xb5*%\x8e\x02\xb9\x03}\x13c3\x93#\xab\xe7&amp;\x88X_~\\\xa8\xf4\xc4^\x19F\xdby\x0c\x12\xfbS\xdc\xd5\'\xf1\xc7\x8c\xc0\xbc\xf9@)\xa1\xf9\x14Q\xa8\x8d\x81.\xad[\x89i\x0bY\x819\xe6\xfa\xffw[m\x82\x08\xb2\xc2\x8f4\xaa\xf1\xfc\xfe]t\x14\xd0\xday\xa2OA\x81&gt;v;l\x18\t\x9f\xfc\xed\xee\xed\x9f\xba-q\xe4\xa8\x82\x81O\x92d&lt;M\x14\x15{\x1f\xea\x1b\xdb\xb7\xa8\x91\xd4[\x84\x17\\\xa6\xa6B\xee\xabE\xb5\x12\x91\xf8\x9cC\xcd#\xce\xa5\xef\xd7\x02A\x1e\x1a#`i\xf8,\tT\xa4z\xa1e\x12\xa2i\xa3\xb9\x0c\xa8svs\xecU5\x92wV\xd2\xc6\xf5i\xe8\x84\xf7v\xf2\x9d\xd1\xd4\xa7\xf4\xfb!\x0c\xe0*e\xa9\xf4kl9\xa8&gt;\xdf\x88&lt;\xe3q\xa0\x01\x88\xba@]I \xc4I\xc5\x1dL\xd1\x06)6\xf3\x06\xcc%\xb7\xbb\x83\xb6\xf4B\xa0\xd3\xabrn&lt;G|W$9z\xa6\xc0\xb2[(\xcd\x1c\xca}\x19I\xb2\x7f\x97.|\xc0\xb4*\x96P\x17\x14e\x92N\x84T\x84\xd4zU\x83d\x1f\xdeQ\x8b\xa3*\xec\x9d!\xfe4\r\x8dq\x06T\xe8\x19\xf0\x9a\x99\xaeZ\xcf;\xbe)\x93\x9f\xa8\x90\xb1\x93D\xd6r\x98\xe5\xd7\x02\x96\x0cx\x0e\x83\xd40&gt;\xe1 \xf1\xb8\xd9TO~w\xf0,!\x83j\x89\x1c\xebT\xfe6O\xc2\xddW"\xdf\xef\xc6\x83\x9b\xe2m\xa76\xac\xe3\xb2\xd3\x04k\xd9\xaa\xf3\xd5#\xae(\xedj\xc9@\xfdm\xbd\x85\x9dpjdb\xb7\x05\xe9.\x90\xc7#\xcc_\x03\xa7\x98\xf6\x87l\xc2\xa0\xb0\xfb\xe2\x96\xd9\xaao\x1dQ\xc9#9]Vk\xde\x92\x9f\x0c\xb4\x0e\xceYD\xe5\xafYH\x8a1c7\xd6\xba@e\xef\x00\x03\xa0 \x90\r\x88\xf15\xac\x1fk\xb4\x9c\tL\xae#9BM\x93l\xb4&amp;\x13ZJ\xf6\x85V\x93\xc5I3\x14\x88\xbc9C\x83\xe2L\xd7\x1c\x87s\xd28\x1a\x8d\xa8Q\x95\xf4\xd9\x0c\x8b\x82\xda\xcb`\xdc\x0c\xcc6\xec\x9a\xda\x99"4\xbc1\x02V\xf9\xafN\n\xf7\x83o:\x1ca\xee@\xfe\xce\x99\x85\x8c]\xf6f\xf4Ks\xd4q\x8d\xc3\x18A!g\xbd\xd4\'-\x8aZ\x98\xe9\xf5\xac\xce\xcb\x83q\x7f\x8a\xba\x0e\xe91\xb5\xf7\xa8\xa2\x0c@\xf0\x86\xa5Z\xf4&amp;&amp;\x08\xbdtA\'\xf8\x1c\x89I\x87\\j*\xb2S&lt;\xc3\t\x96\x15\x16\x15V\x82\xd10+\x10\x90\xa8\\G&lt;D\x96\x8eT\x98\x12d\x92PW\x90B"1\x87\xb2.\xba\xe5\xa7pO~\x12wt%l\xc7A\xa3d\xbfY\x14H{\xd8F\xba\x90\xee\xb5\x99\x9a\x9a*\xe7\xf8\n\xe6\x83\xbd\x93\x19\x12\x1bg\x03rAE\xa3\x0c\xeb\xc5$\xa4\x94\xa60 \xe3\xc4J\xc8\xe7\xad\xbf)3\xeb\xcf\x95\xe6\xdaz\xe0\xb2-R\\d&amp;\xa3c\x1d\xcc8\xcfg\xb6]\x94\xbd\xf8\x05\x99}\'\x089+B\xf0kX\x9f\x94\xec\xcf\xf3\xf7\xe9[|s&gt;w\xc3%\xc8c\xd6\xb6\xa2\\i\xd67J?\x1d\x1e\x0e\xf9\x1cg\xdba\xe4x\xe8Z\xfcTD\xe0\xab\xaa\xc6\xdd\xb5\x84K\x7f\x13\xf4\xcbW\xa9\xf3\x8a\x88|2[\xa7\xed\xdcA\xe6\xbf`\xcb\x937s\xb1\xa6\xf1\xfc|cg\xa62_*\x02K\xc2\xe2\xaa\xaa,Y\xcf\x0f\xbb\r\xad\x02\x9ax\x0e+s\xa5t\xac\xdc\xf8\xcf1\xff\x9co\x12!\x9d\xf6VXg\xc6`@\x1c\xfc\xf3\xeb\x18\xc5\xd9\x88\x14\xf5\x08*r\xfb\x17\xa26\x02p\xe5\xec}\x01\x1f\x84\xa7\xa6l\x8f\xb6\x18+\x9aW\xa4^\x9b\xc4\x8f\t~$\\5\xcf\x13\xd8\x9e\xe9\x1e\x98\x18)UA--\n\xfbE\xaa0#\xbd\x18\xf1\xabV\xe1\x1bh\x10\x17\x1b\\;|og\xbdO\xf5\x9f\x87\xc8\x8fV\xbb%8\x9e\x19\xc4\xe9\x00\x86Fw\x10\xa2\x08\x92\xe5\x94\xccF]j\xb0_\xc3\x19(\x7f\x86\'\xd9\xeef^o\xb4\xf2\xfe\xf2\xc7\xe2\xf0\xb4\xbe\xe4\x08\xaf\x14\x95\x1bUuf\x0e|O\xf6\xe2\x13\xea\xd9\xd1\xf0q\xde\xddv\x1d\xcbCO8\x8f\x92\x13\x9c\xb72B\xa2\xa4\xbd\xaa\xfb\n\xd5\x7f;\xb2\xb0\xff\x14Q\xe2\x8ar\xee\xb6\xf0\xd0\xabB\xcfr\xa2\xee\xc6\xb7\xdf\xb9\x9cU\xa5\x90\xa3%\xca\xadi\x91\x0b\x9cy\xf8\x9f\xe5\x8f\xad\x9d\x83\x11\x96\x1eJg\x11vK\xe9\xe8\x13!-P\t(\x8d+\xac\x8c\xa4\x85@\x17S\xfcJ\xa6 a\x9e\xf0\xe6\xb8R\x06\'\x06\x0e\x9bX\'\xeaRNd\xf1\xd0\x00}\xa6\xe0\xf8\\\x1c\x16u\xf5\xec\x16\xfc3\xa95\x83\x1bU\x11\x8fh k\xcc,R\xf0g\xca.\xd2\x8f\xa7\x00|\x93\x83\xde\xaa\x02\xe1\xc7\x1f\xa6\xad\x14/\xd0i\x94\x05\xb3W\xb4\x9d\x14\xf3)\xb8\x96\xee\x07\x9a\xda\xfe2e\xa2L\x16N\xc8~\xf9S\xf0WX\xef\xda\x12~\xf0I)\x12\rrl\xe8\xa8.4\xfc\xb2\x19\xe6\xbe\xac\xa0\xb9\\\xbf\x00\x83&lt;&lt;\xfaI\xe0\x0bq\x1b7 \x8fa\xe7)\xdd\xde\x07YLE?f\xdc\xc8\xda\xb1i\xb8\x94\xfa\xd7A\xb4-d\x99\xabN\x92\xad\xbf\x92\xc7K\xb2\xf0)G,@m\xf2\xff-\x8e\xca\x84+\x04{ 6\x04\x1e\x8f\xf4$\xd1\xa0\xb5"\xf3&amp;\x1d\x06\x06\xd1\x0c\x8e\xa1\xfbd\x8b\xde"5\x90+\x7f\xf5\x0f\x13h@K\xad\xf5\x05\xd8!\xc9[=\xbb\x9fnt`\x8b\x94M\x88&gt;\xd3\xaf\xe7\x9d\x06\x1b\x13o\xcc\xfa\xdb5\xc7P\xdc;_\xbci\x1d\x17d\x19\xe3p\xcd\xd43\xa4\xbe\xe2\xa9:\xa44\x1a\nnY\xd3\x1b\xb7\x13]\xb5nM\t\xb4.t.\xcbCH\xa1F\x99\xcc\x02\xc3\x1d\xef"\xde\x0eFt\x81\xe2R\xe6(\x87\xee\xc6A\xc6U2!H#\x18\xfe)\xe3}\x8f\xe8\xda\x13\xf1\xdb\x02\xa66\x94\xfc\x7f`\xc0vQg\xe8e\x8f\xd7\x8f:\x01, \x0e\xe8h\x98Y\xa5l\x15=\t\xc85\xa0\x86\xb5\x99\xdb\xcb\xb3r1\x95P\x1bQ\xa2\xcc\xb84\xc1\x84\xfcrO\t"j\xe7Ux\xf7\xb9\xc6h\xd7\xf3t\x01\xf6E\xb9\x87\xb2\xeb\xc3c\x9d:\xe0y\xd8\x95N[\xc3\x17\xd1OqL\xa0\xc1\xae\x06\xa1\xcc(t\x8dNn\x1f\xafM!\xfc\x98\xab\x98@!uA\x93\xee\xd7\x9eQ\x04\x88Z\xd1c"5\xbf\x9f\xdc\xff\x1c\x95C\xa4H\xb5\x89\x95\xfa\x9f\xf1\x8a\x04\xb0\xcc\x80#\x0c\xae\x93\x9b\x19\xa0\xd0\\KU\xb8\xc8\xa8E\xb6\xf3\x89\xa8EcQ\x07\x86S\xd0\x19'</t>
  </si>
  <si>
    <t>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</t>
  </si>
  <si>
    <t>b'Y\xa7&lt;\xadk\xb5\x90\xb6\xf4\x8aYg\xc93\xbe\n'</t>
  </si>
  <si>
    <t>nd it came into my head, that this was the chevalier she
 ought to have married, but I never could learn for certain.'
 'What was the chevalier's name, Dorothee?' said Emily.
 'Why that I will not tell even to you, ma'amselle, for evil may come of it. I
 once heard from a person, who is since dead, that the Marchioness was
 not in law the wife of the Marquis, for that she had before been privately
 married to the gentleman she was so much attached to, and was
 afterwards afraid to own it to her father, who was a very stern man; but
 this seems very unlikely, and I never gave much faith to it. As I was
 saying, the Marquis was most out of humour, as I thought, when the
 chevalier I spoke of had been at the chateau, and, at last, his ill treatment
 of my lady made her quite miserable. He would see hardly any visitors at
 the castle, and made her live almost by herself. I was her constant
 attendant, and saw all she suffered, but still she never complained.
 606
 'After matters had gone on thus, for near a year, my lady was taken ill,
 and I thought her long fretting had made her so,â€”but, alas! I fear it was
 worse than that.'
 'Worse! Dorothee,' said Emily, 'can that be possible?'
 'I fear it was so, madam, there were strange appearances. But I will only
 tell what happened. My lord, the Marquisâ€”'
 'Hush, Dorothee, what sounds were those?' said Emily.
 Dorothee changed countenance, and, while they both listened, they
 heard, on the stillness of the night, music of uncommon sweetness.
 'I have surely heard that voice before!' said Emily, at length.
 'I have often heard it, and at this same hour,' said Dorothee, solemnly,
 'and, if spirits ever bring musicâ€”that is surely the music of one!'
 Emily, as the sounds drew nearer, knew them to be the same she had
 formerly heard at the time of her father's death, and, whether it was the
 remembrance they now revived of that melancholy event, or that she was
 struck with superstitious awe, it is certain she was so much affected, that
 she had nearly fainted.
 'I think I once told you, madam,' said Dorothee, 'that I first heard this
 music, soon after my lady's death! I well remember the night!'â€” 'Hark! it
 comes again!' said Emily, 'let us open the window, and listen.'
 They did so; but, soon, the sounds floated gradually away into distance,
 and all was again still; they seemed to have sunk among the woods,
 whose tufted tops were visible upon the clear horizon, while every other
 feature of the scene was involved in the night-shade, which, however,
 allowed the eye an indistinct view of some objects in the garden below.
 As Emily leaned on the window, gazing with a kind of thrilling awe upon
 the obscurity beneath, and then upon the cloudless arch above,
 enlightened only by the stars, Dorothee, in a low voice, resumed her
 narrative.
 'I was saying, ma'amselle, that I well remember when first I heard that
 music. It was one night, soon after my lady's death, that I had sat up later
 than usual, and I don't know how it was, but I had been thinking a great
 607
 deal about my poor mistress, and of the sad scene I had lately witnessed.
 The chateau was quite still, and I was in the chamber at a good distance
 from the rest of the servants, and this, with the mournful things I had
 been thinking of, I suppose, made me low spirited, for I felt very lonely
 and forlorn, as it were, and listened often, wishing to hear a sound in the
 chateau, for you know, ma'amselle, when one can hear people moving,
 one d</t>
  </si>
  <si>
    <t>b'3\xefH\xadM\xdcE\xb5\x83\xe3\xba\xbbs&gt;\x1dm\x81\xa5\xc1UX\x7f\x1e`y\rU\xa7]\x15\x9f\x0b$?Ef\x12\x95*\x85`\xd1\xea\x9c\xaf\xf7\xfa\x9fWo\x8e\x10\xde\x88\\\xdcT\x15\x90#\xd4f\xdb\xe7'</t>
  </si>
  <si>
    <t>33ef48ad4ddc45b583e3babb733e1d6d81a5c155587f1e60790d55a75d159f0b243f456612952a8560d1ea9caff7fa9f576f8e10de885cdc54159023d466dbe7</t>
  </si>
  <si>
    <t>b'3\xefH\xadM\xdcE\xb5\x83\xe3\xba\xbbs&gt;\x1dm'</t>
  </si>
  <si>
    <t>e was walking. And the weather--well, it was
 just roasting. And how slow they did creep along! We swooped down now,
 all of a sudden, and stopped about a hundred yards over their heads.
 The men all set up a yell, and some of them fell flat on their stomachs,
 some begun to fire their guns at us, and the rest broke and scampered
 every which way, and so did the camels.
 We see that we was making trouble, so we went up again about a mile, to
 the cool weather, and watched them from there. It took them an hour to
 get together and form the procession again; then they started along, but
 we could see by the glasses that they wasn't paying much attention to
 anything but us. We poked along, looking down at them with the glasses,
 57
 and by and by we see a big sand mound, and something like people the
 other side of it, and there was something like a man laying on top of
 the mound that raised his head up every now and then, and seemed to be
 watching the caravan or us, we didn't know which. As the caravan got
 nearer, he sneaked down on the other side and rushed to the other men
 and horses--for that is what they was--and we see them mount in a hurry;
 and next, here they come, like a house afire, some with lances and some
 with long guns, and all of them yelling the best they could.
 They come a-tearing down on to the caravan, and the next minute both
 sides crashed together and was all mixed up, and there was such another
 popping of guns as you never heard, and the air got so full of smoke you
 could only catch glimpses of them struggling together. There must 'a'
 been six hundred men in that battle, and it was terrible to see. Then
 they</t>
  </si>
  <si>
    <t>b'\x87y\xec\xd7\x81\xf6\x004\x88\xc9x\xda4\x0ef\xc9\xc3f\x87/P\x07\xba\x92e\xae?7\x92\xcf\xafz'</t>
  </si>
  <si>
    <t>8779ecd781f6003488c978da340e66c9c366872f5007ba9265ae3f3792cfaf7a</t>
  </si>
  <si>
    <t>b'\x87y\xec\xd7\x81\xf6\x004\x88\xc9x\xda4\x0ef\xc9'</t>
  </si>
  <si>
    <t>ilver, an old Spanish 
 23
  watch and some other trinkets of little value and mostly of foreign make, 
 a pair of compasses mounted with br</t>
  </si>
  <si>
    <t>b'wq\xd6\xec\x99\x9b0\xd2\x02\xc6\xa2\xc3,\x97T6\xee\\\x9a_|d\x08C\xbfd^*\\*l\x0f$\x83\xba?\xc1b\xf2\xc3a*\xb5&amp;F0 \x9e\xd2\xe4\xf7"]a\xb6\x8f\xe6\t\xd7\x1b\x8bVF\xb1i\x12f\x13\x041j\xde}&gt;3zb&amp;\x8c\xa4\x80\x11\x98\x86\xa8\xe9BI\xc5\xd7\x14\xa1\xbbO\xed\x92\xb0\xb3cf^M\x9b\x05\xa0\xc4F\xf3\x1a}-L\xc67\xc6\xed\xe414\xdd{\xc0\x0b5\x89\xc0"S\xa4\xaa=W\x02\xa9c\xf1\xd9\x1a8\xfa&gt;\x98\xc69\xe2G\xa0"\xc0\x81\x13\xc6w\x1bY{\x12\x19\x9a\x85j\xf1\x85G\xe6\x8c\x95\xc6\x8d\xee\xee\xbc\xaf\xb7u\xda4\xd8t5\xef\xee\xf9\xc0\xe0E\x1cL\xcc\xf8N\xad\xb9\xb6\xb9\x0b\xfcTs\xce0d2p\xf5b1\xb3\xdb \x89\x0e\xe8\x81\xf9\xadB\xc7+{y d\x86\xa5\xedJ\xce\xe8\xc6~\xc5\xeety\x83U\xdc\x8c\r\x85\xb7&amp;3\xd4\x9c\xce\xcf\xc7\x1b\xa4\x0b\x98\x8aU\x00'</t>
  </si>
  <si>
    <t>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</t>
  </si>
  <si>
    <t>b'wq\xd6\xec\x99\x9b0\xd2\x02\xc6\xa2\xc3,\x97T6'</t>
  </si>
  <si>
    <t>n interest rate, the schedule lies to the right of when 
 is greater than .
 The Equilibrium Interest Rate: The Interaction 
 of Money Supply and Demand
 As you might expect from other economics courses youâ€™ve taken, the money market is
 in equilibrium when the money supply set by the central bank equals aggregate money
 demand. In this section we see how the interest rate is determined by money market
 equilibrium, given the price level and output, both of which are temporarily assumed to
 be unaffected by monetary changes.
 Equilibrium in the Money Market
 If is the money supply, the condition for equilibrium in the money market is
 (15-3)
 After dividing both sides of this equality by the price level, we can express the money
 market equilibrium condition in terms of aggregate real money demand as
 (15-4)
 Given the price level, P, and the level of output, Y, the equilibrium interest rate is the one
 at which aggregate real money demand equals the real money supply.
 In Figure 15-3, the aggregate real money demand schedule intersects the real money
 supply schedule at point 1 to give an equilibrium interest rate of . The money supply
 schedule is vertical at because is set by the central bank while P is taken as given.
 Letâ€™s see why the interest rate tends to settle at its equilibrium level by considering what
 happens if the market is initially at point 2, with an interest rate, , that is above . R1 R2
 Ms Ms /P
 R1
 Ms
 /P = L(R, Y).
 Ms = Md
 .
 Ms
 Y1
 Y2 L(R, Y1 L(R, Y ) 2
 )
 Y2 Y1
 Interest
 rate, R
 Aggregate real
 money demand
 L(R, Y 1)
 Increase in
 real income
 L(R, Y 2)
 Figure 15-2
 Effect on the Aggregate Real
 Money Demand Schedule of a
 Rise in Real Income
 An increase in real income from
 Y1 to Y2 raises the demand for real
 money balances at every level of
 the interest rate and causes the
 whole demand schedule to shift
 upward.
 CHAPTER 15 Money, Interest Rates, and Exchange Rates 361
 At point 2 the demand for real money holdings falls short of the supply by , so
 there is an excess supply of money. If individuals are holding more money than they desire
 given the interest rate of , they will attempt to reduce their liquidity by using some
 money to purchase interest-bearing assets. In other words, individuals will attempt to get
 rid of their excess money by lending it to others. Since there is an aggregate excess supply
 of money</t>
  </si>
  <si>
    <t>b'0F\x02!\x00\xc6\x19\xf3\xb6\xbd\x11[/)\xd2\x0e\n\x15\x82]\xac\xf01\xc7z\x1f1\x02\xf0\xb8\xa0~z\xe6\x1f\x04\xcb\x02!\x00\xeb\xae~V\xf7h0\xac\x05*\xfe\xeen0P,\x80i\xccc\xf7\xb5\x15\xf93_Wi?W\x07\xc2'</t>
  </si>
  <si>
    <t>3046022100c619f3b6bd115b2f29d20e0a15825dacf031c77a1f3102f0b8a07e7ae61f04cb022100ebae7e56f76830ac052afeee6e30502c8069cc63f7b515f9335f57693f5707c2</t>
  </si>
  <si>
    <t>b'0F\x02!\x00\xc6\x19\xf3\xb6\xbd\x11[/)\xd2\x0e'</t>
  </si>
  <si>
    <t>ce, cucumber,
cooked squash, cherries, sour apples, boiled meat, and vinegar. Celsus admitted that
medical men did not agree on the precise benefits of the different foods, because each
man tended to follow his own prejudices, rather than what the combined experience of
many had made clear over the years. Conservative as Celsusâ€™ statement sounds, he was
far less impressed with the qualities of cabbage (brassica) than was either Cato or Pliny.
As this quotation from Catoâ€™s On Agriculture makes clear, he considered the entire
cabbage family as both a foodstuff and a medicinal drug:
It is the cabbage which surpasses all other vegetables. It can be eaten either cooked or
raw. If you eat it raw, dip it into vinegar. It is a marvelous aid to digestion and a good
laxative, while the urine is salubrious for everything. If you want to eat and drink a lot at a
dinner party, eat as much raw cabbage with vinegar as you please before the dinner, and
after dinner again eat about five leaves. This will make you think you ate virtually nothing
and you will continue to drink as much as you wish. . . . If you save urine from someone
who eats cabbage frequently, heat it, and immerse a sick person in it, you will speedily
make him healthy, as experience has shown. Likewise, if you wash babies with this urine,
they will never become sickly. (Agr.156.1 and 157.10)
When discussing cabbages and kales (olus caulesque) as pl</t>
  </si>
  <si>
    <t>b'Q\xbf3`$\x10\xee&gt;U\xefq{k\x04Yv\x1a\x15RZP\xf2\xaf\x91\xb8.\xe8\\\xf2&gt;j\x1a\xdeW]\xf9^\xd5}\xc7\xaeH\x7f\xf3\xad&amp;8d\xa1B7\x12M\xd5\xef\xd7\x1c\xd1G m\xacB\xb8\x17\xec\xb9e(\x02\xf9\xbd\x98\xf7\x9b\xd4\x9b\x91\xfe\x1f\x84m\x9a\x18\'y\xee~jeX\t/t\xd2\x94\xca\xae\x8f\x807\xa4\x9e\xfdXI\x86\xb8o\x85\x0e\xbf\xe8\x8f?\x94D"\x015\xb9\xbc\xb6Wg\xf1}\xa1J\x92\'&lt;\xc7Rkv\x8a\xf3+H#\xc2\x88\t+\x82\xe44\xf6\xb0\xde\x81qC\'\x07\'&amp;\xb7\xc9\xcc\xa7B\xbf\xff\xa9\x80\xc1\x07-Q\xd4\xd7eo7\xfa\x8b\x83.h\xe5\x91\x8b\x89\xc6\xed\x01\x9e\xda\x1c\xb7\x93F,\xc5v\xd5\xf1\xad\xbc\xb4\xf25w\xa5iC\x0c\x0c\x8dn\x9c\x97\x1b\xab\xc6\xff\xf7\xd8BN8\xb2\x93H\xc1Mh\xc3\x83\xda?\xe9+\x8a\xc8S\xdb,*\'b\xd6\x7f\xcc\xdf\x7f&gt;\xd7/eJ\xc2\x1b\xc3?7\xfb-\xe9v4\xe4\x7f\x8f\x98\xa5\x8f\x84a\x1bf{\x10\xc8\xd7YA\x11\xc0\x8eZ\xfb8\x91\xc9\xfd\x7f\xce\x084t\xa1\x88\x95U_\xe1\x9c8\xef\x96\x85\xb4x\x9f\xe60\xbb\x0c\xd0H\x9db?`3\xac\xb0q?\xc6\xb6\xdf\xde(z8\xeb\xdc\x11\xc6K\xd9\x1d\x97\xfd\x94r\x07d\xab\x84t\xb6X\xd1e,\xe0\r3&gt;\xa4\x9dr\xbd\x1c\xb95u\x90\xca\x8e\x8d\xa9{\xa0\xb5[\x12hr\xbb\x02h8\xe8\xe4\xe1\xb9"r\x1cP\x1c\xa13&gt;\x069\xe2\x8c\xee\xa7t\xf5\xb0\xf9\x1b\xf5-\xd4\xb7\x84\x8a\x8fE\xa9\xd5\x10,-&lt;\x06\xe4w$]S\x80\xe6qy\xb2}O\xbc\xf9\xae\x9eF\tE\x1b\xa93\xef\x98\x12$\x17co@"\x9b!z\xbf9\x126\xfa\xe8\x90\xa0\xe3\xa1\xeeRV\xc7\xa7\x12\xda\x14&gt;DBUG:\x0e}%\xdd\x9d\x034k\n\x01\xdd\xcc\x04;\x9e\xf2\xa9^\xddB\xfc\x0ep$\x1f\x80T\xda\x05\xe3\xca\x1e\x04R\x0c.\x98$\xa1X\xb3\x1d\xc0\nNr\xda\xd1\x13\xe8\x86\xed\x05\xa0\xd5?q\xa5\x17c\xdd\xf8\x94\x11\x99\xdb\x91(? 95\xbb\x95D-\xfa\xe5|\xf7\x10\x8by\x84\xa1J\xd6\x90\xfc\x18\xdb[\xfe\xad(8&lt;\xbd\xe7\x13\x93=N\x05\xf3\x88G\xd0\xc8}\xbc\x11u\xa0\xcc\x90\xab\x87\xf5\x9b\xc0\xdc\xe5\x8bt\x8b\x8c\xe1J=L\xc7F\xdd\x98\xc1\x9b\x94\x0eOf"\x7f,\x03|\xaf\x84\x8e\x14\xdc\xec\xfdV\xdb\xec\xb9 z4\xd1\xee\nP\x95\x06\x16\xe2\x80y\x12Ci\x9a\x84\xb7Z\x89\xca\xd1\x8d\xd6\x1fT\x06\x17GH@\xaf\xa0\xdf\xf9\x0f\x05!\x8b\x9c\xc8\xf5\xd2/\xc5T\xd2\t\x89\xc7\x83N)\xd4\x07!,o\x89\x0fu\xb9#JcC\x9e \xf9\x08\x97\xb0\xa8\x9ed\xdfkA\xde\xc1\xecW\x0c\x0b\xcf\xa3\x85\x8b\xd2\nPAh^\xcfV)\xd3JD\xdf7&amp;\r1Kq[\xee\xf7\xab&lt;\xc2S\xeeo\x15\xba\xaa\xb9\x86\xe3M{\x93[d\x11\x85\xe7\xc4c\x82\x94\x15\x19\xc1g\x8dd\xe600@\xdf\xe4\xd4\xab\x17\xad\x9b\x04\xebJ\x84\xaa\xa9P\xf0\xd0\xdf\xbaD\xf7\xdaKp\xf7\x0c\x9e\xa6[\xdd\xaf\x01s\xc5\x1f\x19C\xf9\xc4\xa4\xeb\xa0}\xc4\x1aU\x1c\xef\xf9\xb2\xa8P\xe0&lt;wz \x04\x92\x83\xaa\x0f#\xf7\xc4\xe5\x9e\x85\x0c\xf4\x83\xe19\xc6\x17\x99Q\x9b\x84\x01\x910\xf3\xa2Z\xb6\xa7M\xa1\x86w\x020S\xb0\x88?\x16\xce\x94\x7f\xa7\xc1Jfl\xcf\xf9\x07\x9f\xf0\x1f*\x9cv\x8b\xa0,(\xe4$\x91\xdc\xf1\x86\xbc\xff\x87F\xebDz\xed\xb3\xb1\x02&gt;\x8f\x10\x87\x90\xe3\xcf\xc6a\x83\xd6;\x97}\x1f\x00\x17\x95F\x86\xec:\x0b\x08+\x15\xb8b\xa9\x8b\xba\xd8\x84d_d\x89\xcb\x00\x04\x18\x0ch\xa4\xa5!\xfew\x0f\x93\xc6w\xf5,i\xd2\xab\xe0F\xd2_\xb5Bap\xe4{\xdeO\n\x9a5\x08OV\xc2\xe4s\xc9\xab\xe7\x87q\xa3\xe8\xf6gN\xbep\x87\xa2\nQ}p\x12S\x96\x0b\x804\x08\xabH\xf0\xac\x11w\x08\t\xab\x1a\xe4K\xfb:\xeb\xf9\x87 | \x83\x88\xdb;\xc7\x07\xed\xc7\xdf\x15\x01\x065\xdb\xe2U\xf2\x04k&amp;\xea\xd0\x85@\xc4X\xbfj}\xf9J\xc5\x00\x11!\x93k~\xb4XM4\x0f\x12Vi\x97\n\xdd\x9f\xf3C\x97\xf7\x15\xaeg\xcek\xd1\xaa\x1f\xae\x1c\xb5\xa37\xb5\xf2\xc3|@\x1f\x86\x85\xf4Z\xfd\x1a\x08\xe4?d\xbd\xe7\xf4\x96P1\xfa\x98\xfc\xd7\xb6\xf7\xadT\xa1\xd1bZ\x07\x9e\xf6J\x8518\xe6\x0b\xa2E4\xe0E&lt;\xb3\xd4\xf1\xed\xb4\xdb\'\x1d\xf6\x13GU*\xec\xd1\xd5\x12\xfe\xbaD\xfbxf\x84\xf9%\xe3:\xd8\x82\x9d\x04\xea\x12\xa8\xa3\xc6S\xe8\xa6\x0eS\xc3\x99\xdb\x9e\xaf\x19\xac?*-\x02WdfcD\xe2\xa0N\xf1-z$xS\xabT!\xb6yo1\xc9@\x029qJ\r\x9c\x1fS \xcc\xfa0\xab\xcc\xfe\x82\x8a\x96&gt;\xaa\xa7iv\xaf\r7\xa2\xec\xbd\x90d\xc7\x82\xf2\x0bUoY\x16\xb4\n\xf9\xf0A\xa7\xce\xd0\x8d\x9e\xe2\xde\xbf\xb1\xd1\x88\xea\xb6\xe2\x7fI\x0f:\xdd\xc95q\x14\xed\xe0\xea\x07\x88\xb0\xb1l\xad#c\xc6\xeb[W\'\xca:\xaa\x1d\xbd\xdd\x07\x98v\xfb\xe0%\x15yT\xd3Q\xea\xa3k\xf1K\x15\xc0\x05\xbc\xa5\x07\x07\xc8\x8dW\\\xb2\xe75\xeeL\x01\xa8\xd76\x8d\x01\xb9\x98?\x83\x07=\x8dl\x15H\x80n2\xc5\x81\xff\xc5\xbd\x92Q\x1bX\x80\xfd\x96c\xbd\x18\x120^\xb5\xe2\x96\xd9*\x14\xc4~\xea\xba\x8d\x1c\x1f\xa8\xdfu\xca\xc3\xd1\x80~\x02\xf0f\xd1\xadL\x92\xf9\xa59d31\x92\xd2i\xf8\x95\x0e\xd0n\x14fLs\xf1a8Kyp\xcd\xcd\xd5e\xdbj\xb1\xbe\xef\xc0\xa6-\xe7\x07\x86P\x010#\x03'</t>
  </si>
  <si>
    <t>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</t>
  </si>
  <si>
    <t>b'Q\xbf3`$\x10\xee&gt;U\xefq{k\x04Yv'</t>
  </si>
  <si>
    <t>. Any other intermediate
conformation is called a skew conformation.It
may be remembered that in all the
conformations, the bond angles and the bond
lengths remain the same. Eclipsed and the
staggered conformations can be represented
by Sawhorse and Newman projections.
1. Sawhorse projections
In this projection, the molecule is viewed along
the molecular axis. It is then projected on paper
by drawing the central Câ€“C bond as a
somewhat longer straight line. Upper end of
the line is slightly tilted towards right or left
hand side. The front carbon is shown at the
lower end of the line, whereas the rear carbon
is shown at the upper end. Each carbon has
three lines attached to it corresponding to three
hydrogen atoms. The lines are inclined at an
angle of 120Â° to each other. Sawhorse projections
of eclipsed and staggered conformations of
ethane are depicted in Fig. 13.2.
2. Newman projections
In this projection, the molecule is viewed at the
Câ€“C bond head on. The carbon atom nearer to
the eye is represented by a point. Three
hydrogen atoms attached to the front carbon
atom are shown by three lines drawn at an
angle of 120Â° to each other. The rear carbon
atom (the carbon atom away from the eye) is
represented by a circle and the three hydrogen
atoms are shown attached to it by the shorter
lines drawn at an angle of 120Â° to each other.
The Newmanâ€™s projections are depicted in
Fig. 13.3.
Fig. 13.2 Sawhorse projections of ethane
Fig. 13.3 Newmanâ€™s projections of ethane
2022-23
384 C</t>
  </si>
  <si>
    <t>b'\xa6HZ\x1a\xe7\x9c6\xea\x93\x10\xcbG\xd5\xe8*\xbd\xbd\x9f\x17w\xa6u6&gt;\xd2\xeb\x92h1\x04 X\xd55s{\xf5\xb9\x1d\x81jw\x13#\xddw\x93\x96\xe2m\x1d\x96\xbe\x86\xe4\x06w\xb9\x02Vo*Gb\x85&gt;\x1c \xfe\xb6\xc6\'\x06\xdf\xd9\xcah\\\x82\xdc:!_OI\xe7J\r\x88,\xc4_\x95slZP&lt;?\x02\xd1\xd4\x9eY\xfeP\x80R\xe8\x18\x9b\x81\xe0\xa1\xdf\xa3\xc1\xbb\x12\x1d\x9a\xb2\xd8\x1d\xc0\xd8\xa8$XT\x16\xbb\xca\xd4\xb4\x14\xa1\x9deJ1\xbaZn\xa8\x1e\xb4;\xf78\x0e\xfb\xfb\xb9\x16\x80~\xf8J\xca\xc3%\x12t\x856 d\xce\xbf\x04*g\xa2h\x95%\xc4\xc9\xe9n\x8c\xda8\x8a\xa0o&lt;x\xf5M\xe6}\xce?\xcb\x850\xa2\xc1\\\xd1\x8e\xfbQ\x10\x0e\x8c0\xef\x94B\xb8LW\xb9z\xc6\xd6\xeeSX\xa2e3\x98A\xccM\x93\xe7q\x19\xcf\xc6\xc1\x8f\xf2\xdf\xff\x84\xf2\xad\xb4c\xdf\xeb\xfe\xeaob\x1d\xc9\xf7r\r\xf7$f\xfd\'\xb5\xbe\x00\xa6\xcbM\x8c\x95Gt\x0b\xd3\x02u\xfe\x85\x02\xe9Y\xbb\x00\xb4\xd7\xc8\x19\x1cu9\x19\xaa\xa6\x03\xe1\xb7^\xafd\x043qQ\xd6\xd6\xdd2\xac\xc0|}\x81\xd7\xab\xa82\xfcU\xe4\x88\x12e\xc1Mt\xea\xea\x94\xc58\x06m\xee\xf5T&lt;\xc4\xec\x07G\xd1Jv\xb9\x9d\x9f\xf7\xbf\xfc\xf0\xa1\xadt\xc49\x8eT\xe6J\x91-\x19\xe9\x02\xf6\x0c_\xb9\xafG_F-4\xf2\xcf\xa0\t\xd3sJ\xcc\xe4\xac\xe8#\x03\xe8\xe1!R\xc4\x1a]&amp;q\xa1\xb2;\xf8\xbeV\x8d\xe3\xcf\x1f\x04\x1e\xea\xcb\x8f\xbf\xde\xf5\xe3\r\xc5Q5e\x9f\x10\x8efi\xc9\xd4\x93q\x01hVO\xad\xca\xea\x85*\x8fw\x83\x11\xfc\xc0B\xdf\xaf\x83\x11\xfb\xd9\x8a\xb8x~\x88\xc1\t\'\xb6H]\n\xbb\xbf\xf3\x82\x82\x1a\x9d`\x04\x18\xb3\x0f\x18\xbc\xbc\x85\x7f\xe0\xcb{@\xbe2\xb3x\x02\xa1\xd9\xf9\xa9\xbda\x86\xdb\xb9\x89\xd3b\xe3r}|\xa1\xbd\xb9\'\xc4`vH\xba\x1e9\x15\x8b\xa6\xbd\xdd\xa1\xe9\xff\x10\x990c\xc2.\xb8\x8f\xa8\xaa,\xe4\xb060c&gt;\xbc\xd8\x1e\xfc\xc8x\xd4\x8b\xbbV w\x1a\xa1\x91\x05\xd7\xd8\xd07\x15t2\x15cD\x15\x9a\x93\x89\xa1\x06%\xb8\xe8?\x15\x85\x01"7\xce\xc6\xf2M\x8f\x9e^"\xf6\x89\xf1\x01\xfeuu\x1d\xa4\xbe;A\xa5\xedS\xd7\xbd\x8e\x86\xf2I\xdf&amp;O\x9b\x1c\xb0z\x03\xd8\x9e#\x0c\x07\xf1\xec\xd6\x0f\r\xbaG}\x02k\x01(\r\xd3\xd5-q\x94\xd0\xacs\x9fv\x11\xf2/y\xec\x9d\xcd\xf6s@\xed\xf0A\xa0\x97\xa6\xede\xd5\xf6\xcac\xdd\xc4\x15Ha\xf8EyqZX\xa2\x04\x89[\xfamu\xc9,\nN\xb36\x8a\xa1\xaaD\x908\x9dkk\x8cm\xb3=\xa54\xfd\xd8#\xdc\x1b#I_\xa9N\xa9j\xd6\xdaN\xb6\xb8\x9fE\x0b8\xff\xdc\x15\x01{\xf4\xac\x18\xe5z\x0e\xa79\xf2c\x88\xa8z\xf4Y]\x9d\xf8\xc9?z\x9d\xa9\xd5\x98V\xbexu\x03{\x80\xc8\xe2\x04\x05\xec_\xdc\xff\xae\xab\x80\xc4\x118\xb8x\xef\xc8\xd5\xc8\xf0y ,\xd1\x1en,s,W\xf5\xb6\xf5{\xe1\xba\x8d\x14i\xd6.2t\xc4\xd3\x05\xd3\xfe\xf6{\xbf\x97\xe8\xfa{\x13H\x06I\xef\xbb\x9b4\xa6\x1d\xb5\xfdK\x95&amp;\x10\xcdh\xd7g\xc7m\x9c}d\xaf\xf4tb?\xbe\xa0^\xba\xe7\x13\xd6\xd9\x82\xd0\xcf\x0eU;\x9b\xa5\x8a\xd4\xabh(\xb3\x07G\x03K@\rZP\x8c\x00\xb6e\xc6\xf2\xf7\xfb\n?/&amp;\xdd\xf1\x01\xa3?@aH\xf1=\xda\'qc\xd2\xfaB\x97\x17\xd2b\x13.\x86&gt;]\x96\x85\x89\xcb\xb1\xce\x8e\xf7\xb0\xbc\xa2/\xd2N\xb7\xc80LM\xd3\xf1\xa1\x9f\xa9\x9f\xf9\xf9\x16lc\x06;!\xf0\xcc\x1a\xc4z\xff\xe1jD\xe6\x18\x0eO*\xc3\xfe\xd8f\xf2G\xbd\x12\xa4e\xc9\n\xf67\xf8\x0f\x91!\xcb\xf4\xad\xed\x99L\x82\xe9\x9fw)\x19\xeb\xf5\xf9x\xe7jj\xba\xabs\x0e!\x04f\xf5\tW\r\x1c\xc4\x9e&amp;\xa8AM\xf4\xd5z\xce&gt;\xd0\x08\x158\x1b\xda\xfc\xc8-\xf8@\x0b\x12\x90rJ\x05U(\xd0U\xf6\x19\x17\x8f\xb06\xed\xf6\xd2\xc2=tF\xe3`\r4\x0f\xc7\xedj\xd7\xbd\x9b\x03\xe4\x83}\x1b\xe3_\xeeb#\xbd\x82\x83\xc6\x1c\xbd\x8fz$f\xd3_w~Li\xc0\x99|]\xb0;\x11\x98NK\x07\x81f\xc5\x9d\x90\x86\xe1\xb5\xe4\xf1FU\xab\x7fM\xa9\x04\xd8\xcf:\x03&amp;\xca7\xc7~\x84\xb2\xb1\xfd\x87y\x04\x8c\xdb\x8cvyZ\x84&amp;|\xdc6\xe0\xa6~\x12\x8a&gt;C\x1c\xc1\x7f\xc4\xe8z\xf5\xad\x88\x14\xb8Ok\xdf\xe3\xde\x9b\x98\x83n1\xe5\xaf\x8c5N\x8e\xeb\x13{P\xe4\xe1]\x81B\x1c\x89\xe1#1\xb9\xc9\xfd\xa8\xa9\r\xc2\xa3O\xb9\x98\xcf\xcfS\xd8\x85\x0cz\xa7\x8e\r\xe1\x921y;\xe6Ci\xca\x95\x84\'_\xcf1,7?Wh\xfa\x1c\r\xa1\xa9]_\xce\xdc\x06\xe1\xdc\xb5\x8a\xd0\xed\xf4)\x7f\x92\xcfo\x1c\x94\xff\xae\xc4\xf0\x86S\x101\x8375\xe9\xc2\xfbG\xf5\xff\xa0\x9e&lt;\x14\x1ew\xd3\xac\x8b\x9fC\xc9\xf0D\xc4\xfb\xa9\x15\xc4\xee\xe0\x1ay\xf9\xa0v\xbc\xe4\xc4j\xc5\xb7\x9cL"\xb9\xcc)\xf0t}\x9b6 \x030\xd1u\x84\xb5\x0e\xe50\x15m\x04\xe1\xaa[lP;h\xc9\xa1\xcd~\xa8\x8c\x8e\x9d\x9fU\xa5\x85\xd3*\x01\x88\xf8~e\xb4l\xf8\x81\xdaBy\xae\x91T\x8d;c\xcc\xa1\xfd\xb6\x92\xac%\x07\x1eg\xd4.\xd0i?\x14RYx\t\xd4\xc7\xbfr\xb5\xbf+\xb2\xfa\xd7\xbb\xed2\xfa@uegyn;Pgv\xfe\xc1/F\xbcBAn\xbata\nt\x94\xf6\xb4*Uf8$\x16\xde,-\xd3\x065\xe4\xecB6\x1d\xff\xb1)\x08\xf7Rz\x00\xb4a\x0ch( \xde@\xc5\xd2\xe9`\xa9\xed\xcf\xabt&gt;c\xae\x0e/\xefP\xdc\xa6\xca9\x03\x80/\xb7\xa2\xa1\xaf\x92\x8e\xe5\xbc\xf7;\xf6\x81\x15\xaf\xe5\xe2\x02'</t>
  </si>
  <si>
    <t>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</t>
  </si>
  <si>
    <t>b'\xa6HZ\x1a\xe7\x9c6\xea\x93\x10\xcbG\xd5\xe8*\xbd'</t>
  </si>
  <si>
    <t>led as an instant classic, and became part of the
elite system of education, a fact which cemented Vergilâ€™s reputation as a poet of
Augustus and made interpretation of his poetry even more difficult. Later poets faced
with his monumental achievement also tend to construct Vergil as an Augustan, for
442 K. Sara Myers
the purposes of competition and comparison (especially Ovid and Lucan). The reality
of Vergilâ€™s relationship to Augustus is doubtless much more complex than this
biographical tradition suggests. Born outside the ruling class, Vergil, like his fellow
poet Horace, was a small Italian landholder. Vergil may indeed have owed much to
the support of Maecenas or Augustus, but all of his poetry reveals a complex, multivocal, and wholly individual interpretation of his world and times. His first work, the
Bucolics (â€˜â€˜Herdsmenâ€™s songs,â€™â€™ now usually called the Eclogues or â€˜â€˜Extractsâ€™â€™), a
collection of ten poems, were written largely during the turbulent triumviral period
of the late forties and early thirties BCE. The work took as its main literary model the
refined pastoral poetry (Idylls) of the Greek poet Theocritus, who had composed at
the court of the Ptolemys during the height of the scholarly and literary activity at the
Alexandrian library in the third century BCE. Vergilâ€™s poems, sophisticated and refined
in form and composition, present a pastoral world of shepherd-poets, but also admit
elements of the political world. Recent events, such as the land confiscations in 42â€“41
BCE (Ecl. 1.9) and the assassination of Caesar (Ecl. 5), are acknowledged obliquely,
but they are assimilated into the pastoral world and poetics of the collection. Vergil
followed this with another rechercheÂ´ genre, the Georgics, a didactic treatise on farming (published in 29 BCE) which took him ten years to write. The Georgics are both a
learned combination of a number of Greek and Roman models (Hesiod, Homer,
Greek Hellenistic poetry, Lucretius, Varro, etc., see Farrell 1991; R. F. Thomas 1988)
and a profound meditation on nature and the nature of the world. In the poem
agriculture serves as a metaphor for manâ€™s struggles with nature, civilization, and an
understanding of his universe. Many scholars have felt that Vergilâ€™s stress on the
violence, violation, and struggle required in the conquering of the natural world
ultimately calls into question the results of manâ€™s labors and presents a dark view of
Romeâ€™s (and Octavianâ€™s) achievements (R. F. Thomas 1988, 2001; Ross 1987). In
Georgics 1 Vergil prays for future salvation from a leader (clearly Octavian), while
comparing the current situation to a charioteer being pulled along with no control
over his horses (1.500â€“14). In the Eclogues Vergil had only obliquely referred to
Octavian in the first poem, as the shepherd Tityrus relates how his confiscated land
was restored to him through the intervention of a god-like youth; the failure to name
Octavian here is perhaps a reflection of the insecurities of the time (for the argument
that the eighth Eclogue also refers to Octavian, see Bowersock 1971). In the Georgics
he had portrayed Octavian as a potential savior (1.500ff.) and as a divine figure
(1.40ff.), and at the beginning of Book 3 he seems to promise a future work in
honor of the emperor, claiming that he will build a marble temple and â€˜â€˜place Caesar
in the middle.â€™â€™ The Aeneid seems to fulfil this promise, but the poem is no Augusteid. By choosing the legend of Aeneas Vergil liberated himself from the panegyrical
tradition of national epic (Naevius, Ennius, etc.) and was able to problematize the
issues of Roman history and of the principate (P. Hardie 1997a: 319). The theme is
mythical, in the tradition of the Homeric epics, but at the same time historical and
national, tracing the struggles of the surviving Trojan hero A</t>
  </si>
  <si>
    <t>b'\xf1\xfe\xdc\xd8R\x96!\xfcX\xb93\r\x00\x8a\xa2D\x93{\xb4\xe0;\x9f\x02\x91\x19\x03l\x83\xdfc\x8a9\xd51;\xab$\x06\x1e\x81T\xaf`\x9c\xdc\x9fD\xa9\xfe0f\xf6\xaf\x04bV\xf0\x00\xd7\x16\xfb\xe3\xe8+8\xc5\x8dk0\x8b\xd6\xfa|m\x93C\xf3\x15\xea\xfd&gt;D\x03\xc65\\F\xe1e\xa8\x02\x197\xa6\x91o\xd8:\x8d)\xe1\x83\xfa\x9a\x9cA\x8bz5\xdc+\x1c\xad]\xaf\xe7]Y\x0b\x8f!\xc2\'r*\xf2\x93Yy\x8f\xa2\x12z\xbe0\x16\xdf\rl\x029\xa7Q\x1d6\x17S\xdc\x02\xe6\xcd\x0b\x9fX\xb4\x03W\x19w\x84\xd4\x04\xdd1x\xf0\xf7:\xab\xea\x12\xf64\xb5s\xee\xebe\xba\x9as\xe9\x19\x9f`\x9c\'I\xf9y\x90\xa6\x04\xaalx\xd9\xdbJ\x90\xbbn\xa4\x99Gx\x13\xc0\xd7\x9f\x82\xf7\xc6`\xd4\xa6\xd3\xcd\xf3hkh\x98\x94P_\xac9\x02\xaa&lt;\xef\xb4Cu\x1a\x85\xf6\x17E*N^3\xf0%\xc1W\x81\x8c\x07\x9a1Md\x94\xd3\x81\xd8\xba\xb6\r\x1d"\x90\xc2#m\xfaw\xd5\xb1\x12\xae\xc5,\xd7B\x99\xf9\x07\xe9\x1c~\x19\xdd\xf7\xe1wM/\xa1@VOr1%\x14\xc0\x08E\x02\x8cc\xd5\x88\xd8\xeeD\x14w\x92\xed\x89\xdf\xb4sC/dp\xf9Kp\x01\xe9\x1b\x16{g\xad\x1a\x92\xc1\x00\xdf7b.bC!_s\xc4XY\x0b]nb\xc12\x99]\x86[-;Ib\x0f\xe6\xa2\x13\xae\x11\x84\x0f\xb0\x99\xaa+Mwd\x90Z\xbcC\xfdI\x97{\xde\xe1\xe2\xfd&lt;o\xac\x10\xeb\xa8\xb1\xb6F5h6,bw\x86M\x9bHCom\x16\x8cs\x06j)\x1d}V\xb9\x07$\xefQ\xd4.t\xf2X\x1e\xc3\x95uz^\x17^\x03\x92f\x11\x0c\x96rK\x14\x19\x9e\xd8r\xaa\x8b@D&amp;s.\x05I\xf5\x84[\xb3o\x89`\x82#\xf4\xe3p2U\xeb&gt;\x83\xddhFMa)\xd8\xae\x90\x92\xdbO\xb2\t"d\xd6\xa0\xf0\xd1p\x9a\xfd] mo\x95\x17\x16\x83g\xde8\xf1M\x8a\x86\xc6\x80\xa0\x8c\xb0\xe2\xd4\xd00B\xe7\t\xdb\x19\x02AB\x88\xafO7\xe5\xb1\'\xf9\xed\x99;\xde\xa3\x88\xc0\xbd\xf4\x8fn#\x8a\x10\xe5\xa7\xfd\xbc@\x98\x88\xc2M\x16(\xe2\xeeo\r\xab5\x8c\x19\xee\xb0f\r\x14\x88k\xa2)7\xb6I\xbf"\xbd\x9a\x0e\xdcK\xe5\x90u\x1bZA\x10:\x84\xd9\x9cHuA\xb9\xd4\x12\x9b\xdcvy\x80\xb2\xbcH\xbf\x98-_%\xda\x98\x84\x9d\xd9\xe8\xea\xe9\x05\xdc&gt;\xb9\x9e\xf0F\x1a\xec\xd2=Rz\xa6\xcde\x94\xeaf[\xd7\xfec\xe6]QI=c&gt;\xc3_\xe8\x17\x0b`\x12\xe9\x0f\xed\xfe\xfe\x0e\xb1C\x96\x9b\xe6\xca\x90=\x9c8tr\'g\x84mD\xa7^\xe4\x9a\xb8\x9fV\xaf\xb9J4\xb1\xff;)\xb2\xa4\xaa(Cj9\xe4o\x94\xcdMjeE\xcc\x12\xe4V\x0f7{\xddv\xe3\xeb\xe5\x1e\xf0\x8bB~\xaf{[\xa7&gt;\xcal\xdc\xdb\x88\xff\xda)\xbd\xeb\x8b\x9c@PIZy\xb6:\xfaP\x90\x1f\x05\x01\xb9&lt;\xbb[\x85\xf0K\xc3\xf1\x96\x8e\xbbU\xce\x9d\xf5-\xaa\xc0\n:\xc9\xba\xa3\x01m\xe6}\x13\x1f\xb1O\x85\xf4\xfaJ\x05\xc1}\xf4&amp;\xec\x11\xbbb,r\x9c \xde\xeb&lt;\x84an\x8bo\xb1\xc2-\xfc\x0c\xb2\xcfJf\xfb\xd0\xb7\x88\xd0\xd4\xef{\xdf\xa0{S\x17\xa0\xc2\xf16D&lt;\x15\\J\xfb4P\xe1Q\xe8\xe2\xbc\x0eg2y&gt;\xbd\xe6\x87v\xae\xfb\x06\xbd\xb8\x01|\xe4#{\x0fp&lt;\x97+`T[\xe3p\x1a/\xcbK\\\xe5B`\x9a\x82\xfe7(\xd4\xa3&lt;\xe1\x03\xc2\x1c\x02?B\xdbI1\xd4\x9fz\x14f\xb4V\x87\x8bIKk\xb3\xee\x94\xcf%)\x810\xef\xe3\x96\xb0\xa5\xc4"\xd8\xff)\x1b\x80P=\xd4B\xa7\xb4y\x9d\xc6\x11G\xc3=6\xe8\xf32\xbfz\x8f\x01\xa7\xcf\xeb\x8f\xed\x82\xa1\xa2\x8f\xc9q\x13\xea\x12\xa6\xfb\x14\xb2\xd8i\xad");{\x18M\xac\xc1\xc7\xf9\xc1\x1e)i6\x9e\xce\xe7\xa3\xe9+5\x8b\xc3\x18\xd4\x8c\xd6\xc7\xf7_\xd1{u\r\xcc\xbb\x84\xa5\xeb\xaf\x9cE6oC.\xae\xd1\x98\xb6H\xce\xa4j6x\xd4t\xf3\x1a:\x1f&amp;0\x94\xb7\xe5 \xad\xc8\xd7\xc8\xc2`n\x18\x05{\xaeR\xb1\xed`kh#J\xd9\xff\xa2\xcdT\xc9\xa6\xc7L\xd8\xc7\xe7\x99\x9a\x92\x06\xac\x81\xacj\xc6\xd3\xd6\x1e\xec&amp;\x1eFI\x15\xa0\xf0V\x8f\xabO\xa2\xbchf\xb9\x9c\xc7d\x94\xb6\x81\xdc\xdde\x029\xd8\xc3\xbf^\x08P\x9c\x81\x9b\xc2r!O]`h\xf5Iz\xb2\x81\x8c\xb4\xd1]w\xee\x98\xe86\xcf\x91h]\x1c\xe0\x95\x9f\x88\xf3\xd5\x17\t\xff\xc5\xcd\x03\xe8\x88\xb3\xbf\x80v\xa5\xa0I\x88\xcc\xac\xfd7\x8c\x8c\xbb\'\xbf\x83\xa3\xa4c\xb3\xa0&gt;C2\x03\xe7\x1c~r\xfa\xb1\xe1\xb0^\xcb\xf7)\xffD\x00\xab\xa0\xd4\xa3E\xbc$q\x97N\xe0\x11\xa3\xf0s\xf7U\xf0\t\xd8&lt;.\xf0\x83\r\x82|\xa3\x82FX\xd9\xc8z\x1cb\xf7\xd7&gt;\x9di\x9c\x82J\x91\xc0u&gt;\xbc\xa2\x98S,\xe1P\x18\xfd\xf5\xf1^o\xc0\x9a\xe5\xc09\x05\x92\x08\x95\xe7\xdfC/\\\xf3e.\x85\x8a\x13":(8\x7fdh)\x02\x04!$&amp;\xad\xd9\x1ac\xf8[H\x0b\xf4K\xf9\xfa\xd6\xb5\x93\x93\xef\x9c\x13\xe0\xb537\xad\xcfR&gt;|\x82\x03223\xd0\x03T\xf0\x07\xc7\xf5\x9a1\t\x1f?\xfc\xd7\xf0\x00\x95\'\xb5\x17R\xd6\xd6;\x06\x1b\xd7\xe8\xec\xb7\x15g|\xc6&lt;\x86`Tn\xc4\xb9aNn\xaf\x8bD\x87\xf0\x18\xdf;\x87\x95\x15+\x8a\xe0\x89\x01 \xe6\xccY\xf9r\xb7\xe6\xf8=\xa8#\xb5\x90\xf0)\xf7}\x1cE\x95=\xe0B\x05.\xc69\x1e\xc3\xe7\t\xd8\n\x1b\xbc\x7f\xc9r\x06\xd0\xf4{\x9c|hP\xe7\x0b\xe4\xe6\x00h\x96\xac\xa1\x11\'\xb7\xb0\xd0+\xd0\xf3\x98r\xb2C\xfd\xcdZ\x08\x97\xfa\x90\xb79\xf5e\xd8\xb9vP\xbf\x9e\x1e\xf6\x82\xa08\xcd\xfe\xc6!(\xf7\xfe\x0b\x1awMO \x1d3 \xc6?\x13\xf9\xd9\x1eVcr\xf8\xe0\xa3 I\x18/?\xe7\xb5=\xfe\xe5\xe7\xf3k\xcf\xcc\xddE\x9f\x9f\xd5)\x9ck\x7f\x12m^\xf9\x12\x02\xfe\x1f&amp;\x8fsf\xa9\xf5}\xc5\xbc\x95\xaa\xe5\x05W\xcbc]\xf0\xb5\x9f\xf5\x1fI\xcc\xc6zc\xdd\'\x8f\xb6*\xd2p\rln[B_\xed\xca+\x0fg\xc9\xf2\xe7`\xcb1oh\x82I\xd2O\xcc\xf6\x06S\xe4~A\x87\xc4\x86\xadY\xf1\x19\x90G\x1e\xdc\xc7\x8e$YRL\xa4}\x9dI&amp;\xd4ha,\xeb\x9d]\xbe\xb4\xb4\xf8\xdfR\xa5F\xe4\xbf\x171\xe9\xa1\x14\xd1,@\x17_\x99`\x8a\xfb^\xe0y\x18\xcc7\xed\x91\xf1\x87\x89\x0e\xe2e\x0c\n\xa2q\x07\xd2Z\x15D\xaf4\\\x85O\xc2w\xbc\xb2\x12\x8d\x12\x96\x06\xb7=\xb3&amp;\xcc\x8f\xbc\xd1&amp;\xc9\xdd\xcd\xb2`q\xffCO\x853\x87\x8al\xcb\xbd\xdd\x81\xa0jiu\xde3k^\xc7-\x96\xbci\x14\x83\xd2@\xee\xe8@torF\xd7\x16{\x91NN,!:"9(f)\xd3\xb5\xbf"&gt;\x88*\x8f\x97\x8c2\xf9\xd3\'wm\xb4G\x19,\xf2\xd0\xc8\xfa\x9d\xe4\x1e\xd5\xe7\xb7u\xaf8r\xcd\xf9\xa6\x83\xe5\xe9\x18\xd5gO\xfb\xead@\x13\xd9k\x81\x1a\x14%\x11K|\xeet\x9d`\xc3.|\x0f\x99}\xbd\nt\xe7Zqt\xe7\xf7\xd4;2w\x7f!\'=\xd3tE,\xdc6I8&gt;\x10\x97\xb6\xf4\x8a`&gt;\x0c\x10g*`\xc4\x10\xc1\x84\xbd\xdez\xb5\x01\x9e\xbdN\xc6D\xe4U\xa2*\xce\xd2\xbd\x8f9\r:\r\x04\x1b~r!t*\xc4ZQ\xdd\x04\x03*\xa4\x03/F\xf4\xdcS\x85p\xfe\xeb\xe2&gt;\x9b\xc4\xbdU\xf1\xdd\xb9CV\xb2b\x01\x11\xaf\xec\xdf\xac5\xbctGL_\x1e\xee\xf3M+4\x8f;s\xe3\xb1\xfdN\x0c`E\xa1\x0e\x9f \xb6\x8e\xcd#D=\xf39\xeb\xed\xee\xda\xd8\x87\xbd\x1fc\x81\\\xd6,w\xc0\x80\xec\x17\xed\x04\x8f\xcb\x0b\x19\x9fv\xd0o/\xd6\xe5\x00\xdf\x1bf\xab*x\x1c\xa1#\x06\x9d\x1a\xbcL\x8f!\xcd\xd0\xb5\x1f\x1cU\xf9f\xc0PM\xca\xc7\xae\xb9\xdb{\xce\xb9\xf4\xb0\n\xb3\x10\x9f\x9c\xd7H\xd3\xa9\x14N\x07f\xa1\xc8\xf9Ye \xc4\x89*$\x19\xe3\x87\x0ej\x05\xe3\x1d\x81\xe6\xd8{xv\x91\xd2\xff/\xb51\xf9M\xef\xd5\xa9\x80\'\x1e\x8c\x06E\xf7\xe7Iw\xael\xea\xc3\x9a\xeaT@\xd4\\zG\xd3\xc1\r\x10E\x969\x9f\x98f\xbc\x11\xedIK\xc7_\x97\xd7\xb9d{1\x1a\xd3\xfcg\xb4\xd5k\x96\xfez\xda\x14\xda\xea\x03l\xc79\x07c\x9f\xce\x9d\xd28\x8f\xe8n\xa6\xc0\xa7\x80\x9f\t\xbdA\x8b]\x16L\xcd\x816\x19+U\x91\x08\x16Mk\xdb\xe8\x95|Z \x14\x98p\xd3\xc8\xc4\xa3g\x1a\x06\xb2\x8c\xc1\x0e\xe7\xb7\x83\x8a\xf6\xf1\x8e8\xe8\x03f\x87\xa2U0~y\xad\x93\x08\x837h\xfd\x13\xfd\xa8\xaav\x1e\x90\x14O\x97\x9c\x96\xad\x071\xec\xea\xd2\xa4$\xb6\x082\x903\xf0\x0fQE\xd4~\x05\x06K\xd9\x9d\xa5\x95\xb1u{.\xbe\x85\xdbr\x0e\x1bY\xff\xd5\xf0\x86\x19`R\xfb\r\xb5]E&amp;\xb0\'\xb0\xf5J#+\x7f\xf5\x1d9\xe4-/1A\x0f\xde\x89\xcf\x16,\xcd\x9f\xbb\x80^\x17@\x1c\xb1\xfd\xee\xabc\xc2^\n(C\xfc\x81\x180\xc6\xa9\xfd\xf2+\xfdY\xec\xd9\x02\xf9\xe3\xd5\xd0\x18\x98-\xef\n\x8cI\xcfE\xb1\xc2\xe4\xbf\x90\xa5\xe3\xb5PP\xa9\xb0\t^\xa3\xb0\x80p\xa6\xd3\xe2\x84Q\xec\xd0\xbf\x96\xc5{\xc8q\x1c4D\x04Tj\xf1iSN\xcb\xf2\xadr7Z@\x1e\xa8\xeb\x83\xd9\x13\xbb\xe8\xdf\xa2\xcd\xb1\xde\x1bn\xed\x82l\x12\xec\xa3M\x9e61\x0cS!\xc23\x1d\x91sFw\xba\xfd\xb1\xfc\xb1y\xa2@\x9c#\x9bFz\xf2\x05\xbd\xe36\x99\x9f2\x00\xf7\xea^\x83\xf3k\xecg\x95\x89\xd2\xc6\xb4\xec\x84\x1f\xd2\xb3\t\x91v\x97\x98\xd2J\x99\xad\x93=\xbb\xd0r\x99I\xa2&lt;^\x94\xad\xb0V\xa0\xdaK*\xa2j\xc8\nB\xc6\xd8d\xc0K\xd7\x11-z\xe7\xd0\xe5\x81\x0eV3D\xe9\x1fif\'\x89\xa7\xe3\x14d\xdb= u_\x93\xaf\xb4\x88j&lt;\xdbq\xc5\xccb&lt;m\xad\rG\xfb\xa4`g&lt;\x93\xe0\x84\xf2\xc9\x7f\x8a"\x01\xf9\xbbp\xa4\xd1\xd9\xb6\xa6\x05v\xb8D\xc3\x1b\x1b\xef"\xc5\x05dN\tL[\xf6\n\xb5i\x11\x83*\x90\xde\xd0\x1f&gt;\x96\x95\x9c\xbb\x95\x1f\x1d\xe1\xe7{\xd8\x97\x05\x08q\xf7\x90\x98\x06\xc9HId\xe2\xb0qD$\x0e\x87\xcee\x15}\xaf\x08z\xcb\xb5\xd3\xb4\xc2t\xcc\t\'nD\xb8\x95\xcb\xba$\xf5\xec\xa4\xf6\x91\x9a\x8ay\x89\xa8q4\n\xb5d\xbeg\xf8\xee\x81\xb5Pg\xa7\r\xd7\xf0*\xbd\xe9N\xe9}y\x04\xec\xed\xd7\x13\x0b\xa0XA\xea"k\x99\xf6\xfe[\xc61j\xeb\x1e\xcf\x83\x0b\x93l\t\xdd\xea(\xee\xad+\xe5\xd7\x99\x89\xd2\xcd\xc9h\xaerr\x83\xa3f\x19\xa5J\xdd2\xf7F\xb3\xf1\xd6U\xea\x12/^y\xc2\n\xedi\xe4\xc7\xce\xe9o1\x99q\xec\xc8\x89\x81\x0ed\xe4$\x1a\xae\x7f\x93\xa9\xc7\x86\x9f\x8bS35g\xf4\xf2\x03Buu\x0c\xb9\xb2\xf4\xef\x8d\xb8\x07\x04\x08\xec\xf0_^\x8a\xd9\x0b\t\x01q\x00\xa16\x07\xaa\xd3\xb2\x90)A\x1c\xb9\xbc\x85\x13s\x90\xcd\xbc\x99R\x1b\x84\xde%\x12&amp;\x1eU*\xda\xb1G\x8e\xb9:\xea\x9dDo9\xf7y\xe0\x81\x8bp)\x9d\x9a\xc4e\xa1\xd1\x85\xe3gP \x02Y\x172\x16\xd7\xbb\xed{\xcaSS\x07c\x7f\xb6\xa9p\xa7\xdf\xb3\xbb\x96i\xf0aj\xac\x14\xeeDsL\xfeS\xc9\xc5\x1fm\xc8?c\xbb\xf5\xb8D\xd9\xc8\x96\x7f*\xc8\x8a\r\x00Y\x00\xcf\xd9\x8e\xbc*XK\xe6\xf9mYq\xe8\xd4\x1e\xe8a&lt;\xd2\xffQOx#ls\xb0\xce\x0f\xe2$\xc8\xca\x18\xde\xe1\x98:\x88\x11\xb9\xc7\xe1\xa8\xd4\x10\xbe\xdc\x08\x93n\x85N`Q\xe9\x89\x9dF\x0c\x94\xceKU"\t\xc0\xb7\xcd\x9fcA3J\x985R\xa8\xb2n\xdc\x9f\xda\x7f\xa1\x87yN\rq6\xe5\x89\xe3x\x93\x91\x00\xcd.j\x1cPfPJ\x1d\xd6\xfb75\xfbE\xb2\x83e\xd52\xbd\xfd!\xe5l4a\xe4\xc4\xcd\xebv\xc5\x0fFa\xa5j^\xe9\x06!\x17\x0f\xd4#\xe0\x13\xd4I\xad\xea\x13\x19*\xe3\xa5,\x01\x95\x8a\xc3}\x9a\\5\xf8\xae\x15@\xe4\x0b:j\x1c\xf9\x8f\x87\x9d\x1e\x89\xd5\xa4@\x92G\x92 |\x01\xde\\\'\x1f\x8c\x9b\xa6a9\xc8b\xedM\\_\xee8\x82\xe1b\xf4\xd9\xad\xfe\x07\x80\x8c\xcd\x99/\xe22D\xaf\xa5LL^\xe8\xd7z76\xccj\xd8A \x89\x06\xf7\xb4F\x00o;\x9aJ\x03\xe6\xf7\xdf\x12\xecdK\xefe\x9c\xe9l3\x11\xbdw\x83\x0f\\\x13\xaax\xdc\n\xf7\xe0%\x96\x02c\xd1\xb1\x99\xf5\xa4\xe3\xa1\xa3\x8d\xa7jE\x94\xf1E\xc4\xee\xa1#\xc3z0\x9cn,\xed\xbb\xa8^B\xf9b\xe4\xfcI\xb6\xa3\xff4T\xa4:\\\n\xa7`O\xb1:\x84nL\x1e\x8b\x19\xb3\x8c\x1b\x8cU\x9fQ\xec\xa2\x14\xd9\x16\x89\xd4\xcbp\x8f&amp;\xb1\x1e\xc1\xcc\xedy\xf0Q\x11\x1b\x97+w\x87\x8a\x1c:\x8b\x139q\x8d\xd7\xb6K\x86 76\x87\xd6\xf3$\xb1\x8a\xc1\x87s\xb9\xc2"\xd8\x01\x8b\x8a\xec\'2d{\x063\xec\xf1\xeeD\xe11\xa604n\xbb\x93z\xd6?3A\xed\xb2\xcb-)|\xdb*ug\x03C"U\x9e\xc0w\x8a\xde\xf7\xc8S,b}\xeeG\x03F\xf8\x8b&amp;\xff?\xd71s9\xbbR`\x1a\xf9?4\xc6\xb1\x97\x9f\xab\xa7\n\x8a\xde\x89\x14$!i \x88\x1c3\xc2lRi\xf6o\xdb\x8b\xecXz\xc6\x99\xbeK#\xc6\x10A)\x19l\x99\x10\xa8Cl\xd1\xc5)\xf9\xea\t\x9dR\xc3\xaa;\xc2\xfe\x02)w\xeb3:\x86\xd4\'\xee}\x9d\x85\x0e\x85\xd2Px:\xa7D\xbaS\xa7Ns*,\xee:A\xacW\xe3~\x9b\xe1m\x91\x9c=&lt;\x8d\xb6l\x0f\xa9\xc2\xf9\x0cZ\x7f\x03G\x0e\xb67\xf4\r\x837\x99_\x84s\x80\xdf\x07\x81\'\x8d\x1e\x8e}\x83\x1e*\xa4\x96\xd2\x1e\xe7\xc0\xb5\xfa\xd9v\x0c=\x8b\x93\x18D\xa1\xc4\xa0!\xf3m\x18\xb3\xf9D9^g\xb0y\x16\xd4e*\x05\xbe\x8c4YTV\xd0\x05R0O\xeb\xb02O\xbc\xb0\xa3;&amp;g\xc5\x8d[(\xe2Cc\xa01\x81t\xdc&gt;\xbe\x1f5d\xbf\x19\x8c\xf5\x80\x8f\x9ex\xeb\xc8\xf2\xbbY\x03#\xad0@\xcak\xb5\xde\xeb\xfa\xb89I\x873\xe4\x0cq~ 1\xfc\xf7\x03\xe1\xae\x90Ig\xc7\xf9\xb4\xac6\xcf\xee1\xbc\x1d3:y\xa8\xa5]\x82\xe1\xd7k\x8c\xcf\xf5B#mP\xe0&lt;\x9e\x12\x9a\xa25\xe6\x0co\t\xcc_\x857\xae\xd7\xbaCy\xdc\xafG\xaf9G0\x119\xe8\xb7\t\xa1u;\'\xe1|~\xd4\xf4\xfb\x87+\xe5\x16\x9f\x0eg\x93\x1f\xc4X\xe6.MB\x1a\xe0\x1b\xb6\xa0m,\xac_\xe6\xea\xbe\xe2r\xef!\xf0/\xaf\xca\xb4\x03\x85\x0c\x7f1B\xc4gl\x7fH\rO`\xb1\x10\xf9\xc0\x9b\x1f\x99\xd0;+h\x0eZ\x0f\x88]\xca\x9bpj{IM\xcaA\x9c\xa5\\I\xfd\x04\xc4U\xfc\xddm\xbd\xf2\xdf\x89\xe5^\x07\xba \xb1\x8e\xa8\xd7\x8a\x99\xc8N\xbf\x18\xc5,\x01\xf4\xa4\\{\x86G\xc2\xc1\xe3\xd4\xfb\xd9%G\xa5\xf6\x84}\xa6\xd7=\xb8H__wPt\xd6\xf3\x1bCx\xfd|g\xc9\xb8\x8f\x10\xa8Wc\x83\xea\xa5"\xe5w\xe0z\xfb\xf3t\xf9\xab\x80\x84qJ\x9f?=r'</t>
  </si>
  <si>
    <t>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</t>
  </si>
  <si>
    <t>b'\xf1\xfe\xdc\xd8R\x96!\xfcX\xb93\r\x00\x8a\xa2D'</t>
  </si>
  <si>
    <t>t.com and roll it out in each of its
 35,000 stores. Thatâ€™s an audience of millions handpicked to view a proven
 product. You would do well to pay attention to it.
 If you can win on one of these platforms with your marketing, you start to
 win as a brand. When you prove yourself a viable brand, you get bought up
 by the big companies. I believe the day will come when Facebook buys a
 retail conglomerate such as Target; you will advertise on Facebook
 Marketplace, and the product will be sent from your nearest Target.
 The old brands and the new brands are merging, and the world is waiting
 for your small brand to enter the fold.
 How to Create a Billion Dollars with a Tweet
 In 2014, the famous investor Carl Icahn wrote on Twitter that he thought
 Apple stock was undervalued. He said heâ€™d just bought a ton of the underpriced stock.
 Appleâ€™s stock absolutely soared in the days after that tweet. Carl added
 billions of dollars to a publicly traded company because he tweeted about it.
 How does somebody do that? I watched it happen and was absolutely
 fascinated. He had fewer followers than some news pundits, but he added
 billions to a company. Thatâ€™s the power of having a responsive audience on
 the internet.
 Investors follow Carl Icahn. When he says a stock is undervalued, his
 community follows. When you influence the right crowd, you can put any
 message on the map.
 Author and entrepreneur Tim Ferriss is another great example. Tim
 literally creates trends because his audience is so responsive. Thereâ€™s a
 famous Forbes article titled â€œThe Tim Ferriss Effect,â€ which outlines the
 growth of brands after Tim mentions them. Many brands can point to record
 sales days after Tim discusses them on his podcast. In fact, entire brands have
 been launched on the back of his audience. The mushroom-coffee company
 Four Sigmatic originally caught fire by advertising on Timâ€™s podcast, and
 their Amazon sales took off. Today, youâ€™ll find them in retail stores all over
 the world.
 The average person on the street likely doesnâ€™t know Carl Icahn or Tim
 Ferriss, but those two guys have enough of a dedicated base to literally put
 other companies on the map anytime they happen to mention them. Heck,
 Whole Foods reported running out of stock on a brand of sardines that Tim
 once mentioned on his podcast.
 We live in a world where Kylie Jenner, the youngest sister of the
 Kardashian clan, can use strategies like this to become the worldâ€™s youngest
 self-made billionaire in history. She didnâ€™t get there through the reality show
 she starred on for most of her adolescence. She didnâ€™t get there through
 licensing deals, endorsements, or appearance fees. She got there exactly the
 same way youâ€™re going to get there: by using an online audience she built to
 boost a small internet business into a huge success.
 Now I get youâ€™re not starting out with the kind of built-in audience Kylie
 had. For a time, her Instagram was the number-one, most-followed account
 on the platform. She definitely had a leg up. But in every other way, her
 process was the same one youâ€™re going to learn and use through this book.
 She identified an audience: young, social mediaâ€“savvy, beauty-product
 devotees. She created a brand to serve that audience: Kylie Cosmetics. And
 she came up with a single launch product that capitalized on her most famous
 and coveted physical asset: Kylie Lip Kits.
 The hype surrounding her product launch was insane. The audience sheâ€™d
 built was so stoked to throw down money for a product that no one had ever
 even seen that the product completely sold out, earning Kylie $19 million in
 revenue on the very first day. Eighteen months in, Kylie Cosmetics had
 earned $420 million in revenue. Within two years, it was valued at $1 billion.
 The important takeaway here isnâ€™t that you need to go start a reality show
 with your posse of sisters to</t>
  </si>
  <si>
    <t>b'W\x13\x95k\x1b\xd5\x18\xdd\x9c\x80\xf0&gt;9\xf7\xd8\xda\xc0\x191[\x13F\x90\xc3W{\xb2\xff\xbbq\xdftk\x91\xab\xdc@\xf3\x85\x94=n\xb0\x19\x9ew\xa8GE\xac\x18`\x0f&amp;\x8bs\x9e\x12RK\xbd$DW\x80\x97n\x86\xf1\xcd]\xb1\xac)\xa7\xf2\x89\x16I\x98l\xe7=\\\x14\xd8\xb6)\xbc4\xc6\x9a\x9f\xa5\xc8\n\xd3^\xde\x96\x90\x89\xa8\xfa-\x10(?lGh]V\xa0\xf3F\x86\xc2\xeaRL\xe5\xa0\x8a\xed\x99\xd3\xdf^\xe0\xcb}\xe4\xcbt\x87\xfa\xad\xd33\xb9\xa0\x87%\x19\x1f\xbb\x91\x8f\xfc\xaa\x02P\xc7\xbe\x99\x8b*0\xd7Q\'\xb9\xa7\xa6\xcd6\xa6\x94\x8c\x07\xca\xd8\xb7\xf5C\xcaA\xc4\x04Z\x84\xce\xa29\xbb\xee\xfeT\xcf\xf3Di\x93\xc9\xe5\xeb\xc6])\xc5E\xdbu\x96\xcb\xe3\n\x83\x92V\x8a\xf7\x07\xfc\x9e\xd5\xf3\xaaL!\xd3\xb5\xaeF$\xa1\x065\x8a\xe2+\xf8g\xf4k&gt;\xe8wJ\x0c\xda\x89x\xeae\xe3_\xda\xd1\xf6\xdc\x82p\x07\xf8\x00\x07\x05\x88H\x06b\xc4\xd7\xddr\x87|\xa0@\xde:\xef\x82m\xb7O\x8b\x01\x8f5\n\xc9)J\x83\xfaM\xd82\x95\xc6;\\=l\xc9\xac\x0e\x13\xb4r\x98\x00}\xb1Gyi\x93\xab~q\xc1\x92\xcc\xf4{\x8e{Y\x9cI\x9a\xa6\xbdI??"h2\x05\x82\xfe\x9d\xd2\x91ZYN\x07\x01!q\xb9\xd2\xa5\xe2e\x9c cHM\xab_i\xdb\xb0\x9a2\xc2@\xc3~`.\xf2\xde\xbe\xb57\xcf\rc\x17\x82@\x80\xad)\x86\xe4%\x9d\xd8\xe1\x9c\xb1\x81Z!\x88\xd6\x83\xb9\x11P}\x83\x1d\x88DX(\xae\xd1\xc5\xc3/\t\xd0\xbd$\x8b\xc7K\x9eO\x8d\x83\x8c\xce\x91\xd5n\x05\xaf\x9684\xc5c*\xa7\xb4\x81$F_\xbc!\xcaJ\xd4\xb4#p\xfas\xb1V\xcb\x91\xfe\'\x8b\r\xfc\xa5\x8eJ@\n\xb0`\xa1XxV\x9ey\x9f\x8b\xab\xd81\x92r\xd5G\x88Tu\xcd\xe0\x13S\x80\x14\xb07\x88\x9b\xefx\xed3\x17h&lt;6[\xcc\xe6BKI\xe9\xea\x9f-r\x8b\x08f$\xaay\xdb\x80k\xd1G\x1eq\xaa%\xc7\xec\x07y\x8d\x12\x16\xf3\\\xdb\xd6\xc2\x96?\xdc;\x8b\xb5rt\xfa0\x98Ox\xba(\xcfrs\x04\xf5e2\xf6\x03WA\xc4\xfc@f\xc1O\xea \xee^\x80~\n\xb6\x95\x1c\xee6\xfe3\xfa\xb5\x03]\xc6Qm\x8fb2\x9dn\xd28$[,^S\xf1\x9e\xef\xe7\x17/\x93s\xfc\x8e\x00\x14\xf9o\xc7\x15\xe3q\xb2N\xc1T\xbc\xf5\x96\x1c\xac\x0c\xc5\x87?v\x8a\x9b\xfaXB\x91$\xbe\xda\x00Q\x95\xe0\\L6\xaa\x00\xc9\x9ch\x9b=Ai\xe8\xb2\x92a\xedeko\xb2+5\x9b|*\xb2\x8a\x07\t~^8\x82Mm\xe7V!\x07\x9b\x9a-20\x93\xa0\xec\x02\x11VH+*\xaa\x14OL\x1e\xe4\xd2\xe0Oz\x8a\x1f\xfbV\xa7\xe1\x82\x9eJ1B\x15\x86&lt;\xd8\xcb\x03\xc0\x05\x98\x1f\xd1\'\x8f\xd8\xceC\xe7@\x16Z\x8b\xd7\xc0y]F\xfa\x91\x1erF\x96\xdd%\xc8\x0e_\x11a\xff\xb5\t\xee\x9d\x8d:\x83)\xe9$\x1e-g6\xd2\x9e\xf3\x81Q\x9b;\xe3\xc5`\x92\x8d\x06\x96\x9c\x86\xc0\x15\xb6s\xae!\xfa\xf4d1\x9dv\x08\xff\xb3\x82\xf7\x16\xf1i\x14&gt;(\xc4=d1\x0f\xb5$\xf8\xa1t\x1c;\x80b\x9d\xa5:I\xf6I\x8c6\xd6\xbc\xd4\x00(\xb7\xf3\xf4`OQQz\xd7\xbe\xba\x9b\x0b\x83\xfe\xf4K\xf8G\x82\x8c\x06\xffZ\xcc\xb8&amp;\xb1\x81R\xccE\x8ah\xea-!%\xed\x13\x9b\xbd\x87,\xd2\xd8\xe4E\xa3\xe5\x02\x11-\xb0f\xdf\xe5\xeaa`\xc6\xdfv\x16\xf6M\xd2\x87\xc3F\\\xe5\xba\x98\xd9\x8eg!*n\xba\xac\xb8\xbb\xfa\xc0\x17\t]E\x07\xc9?\xfd\x88X\xf7\x9c\xd1\x9f\xef\x96\xef\xe3O\xc6\x1a\xf7(HVc\xff\x85\x04\x07\xa9)\xb9\xc7\x0b\xc7q\xb5fN\xaa{\xd7d\x1d\xf9P5T\xb0\x04\xdfh\xa3}S\xcd\xd73\x1b?\xa4\x81\xb0\xc8\xc65\xc4ou\x95/A\r\x05\xad\x15\xae\x11\x80d\x8a\x1b\x94\xe5\x164\xb5\x07\xc0\xc8\x84:\xdc~a\xf5A!\x9eT\x1a9I\xcdn\x0f\xec\xceI\x85m\xc9C.\xe2-\xf4(}\xc1+m\xcen\t\xaf\xa8\xc5\x92x\x86P\x8b\xe1\x99\xd5L\x9d\xae\x99\xcaa\x99\x05\xd8U3\xe1\xbb\xdc\xf2$\xff/\xdb`c\xfd\xbe\x97!\x99%\xb0)\x0b?\x87\x0b\xf8\x8a7)\xb4\x1c\x84\x9eJL\xad\x9e\xd7?\x10\xc7\xdf\xe5j\xc6\xfd\xfbn5\xd9Q\xb0\xae\xce\xd6\x18\x10\xb8x\x02)\xde\xb4\xef\xe93\x81\xc3\xb9\xc1lv\x8c\xab\xd9\x19\x824\xcc\xfd;\x03\xde\x82\xbbH\xe2\xc8\x99D\xaa\xf6\xcf\x836\xef\x1e\x18\xb3q\xe0\xf8\x08&amp;i\xc4}\xc2:B\xd5_\xfe^3\x01J\xef\xd4\xc3"1E\x90Gm\xe6\xc4\xa7\x0f\xd9\x03\x85lm\\\xb5o\xb9\x9e\x1evRV$h\nr\xe9\x93j\xe0\x88\x14\x8e\x0c\x94\xb5h\x92c\x1dP\xbd\x82\xac\'\xf7\x89\xda\x06#\xa6\xc7-\xeb\x0e\xa9\x00\xf0#q\x97\xd5-\xcb\xf8\xb3\xd2}}\xa5\xd1\x9f\x08\xcb\x97\x03y\xfe\xc0=S)\xb69\xbe\xe3"\xc6\xe9\xf4\xba\xa3&gt;\xe8\xe8;S^qV\x03\xcf\xe7\xfb\xd1^G\xa7C\xcc(z\xfb\x85\x9f\xda\xc6\xfdup\xe7\xdc\x14\xd6zu\xbc\xbc\xe7\xa2h\x0e\x7f\xee0\xb7\xe8\x92\xa6\xf8\xfaI\xf4\xc7d*\xdd\xa2\x16K\x9dS\xa5\x99\xf7\xb6\xf2\xbf\xf3Zl\xb6\xea\xff\xb3\x19\xdd~\x8f"\x82\x9a\x01p\x0c2Iv\xb3\xb9o\xd2\x19j\x19\x9f\xe8\x00\xeeg,S\x944\r\x03[\x86\xf4\xc7I\xa2\xb9\xe8\xa6\xb5(\x89&lt;w&lt;sL\xb124\x81\x1a9\xe8\xe6\xb1U&lt;\xa4\xe8v\xc6d\xc3\xa6\x08\x1a1\xd1h\xaf\xfb\x0e\xe9!\x8b\x1f\xe2\t57\x13=i\x9e\x81\xc4\x90W\x05\x83I\x89\xc6\xe9k%r\xc1\x9f\xae\x90f\n\x05\xd8\x90\xb0E\x1b\x93\xea^\xfc\xcf,\x9b\xa4\xf9\xe9\xd7fQ%\x9a\x17\\\xba\x1f\x9d@]\xb8M\xbf3\nH4\x8c\xc1\x944Q\xc6B\xe4\x95\xc2a\xa1\x13\xce\x00[\xfe\x84\xc0\xe8\xfd\xfbHn\xb2\xe4\x85K\x06s\xe8\xd7b o \xe1;\x07!\x1f\x81S\x99g^a\xe8|Ij\x8c%r\xd9\x0c\x96\x92ljK\xe9Xg\xa6&gt;\xcfN\x89@\x05&amp;%=\x19\xb8x\x83 \xd3\xa4,#]\x99\xa9\xac/\x1d\xc3j\xc1\xfa\xc9$(0\xf3\x1e\x93s\xbe\xc4\xcf\x11\x08K|\xae\x90 ~\x9dPU\x10\xab\x13[\tEG\xfc#&lt;V\xd7\xa9\xa3\xce@y=l\xf4\x91\x980\xc0D\xaf[}C\x1b\x91H\x80\xf9\xc0q\xc0\x1b\x15\x08\x002:\xb3\xf6\x9a\xf6e\xb5\x8a&amp;w\xa5\x12\x06;\xbai$/\x06\x8du\x0cKl\xa5q\xb0\xac\xb3\x14E\x85&gt;+:[&gt;\xf5b9\xdf\xff\x18\x1e4\xef\xe3\xd2\x15\xf0\xcf\x7f\xd2\'G\xbc\x86\xc9\xdd\xf34\xe1\xc6m`\x1c]\xc4,\x1d*\x97D=\xda\xd6\xe7\xbe\x8f\x85\x9a\x93\x009\xa5S\xb3\x0ca\x1c[\x88.\xc4\x8c\xe9"3\x0f\xc8\xb7\xc2\xd4P5\xa65\x9f\xb1V\xff\xd1TpR\xb1\x8a\xab\xfa\x90~1\xe12\x04\x8c)\x90i\xdd\x87\xbfol\x033\xab\xeb\x8a\xba\xba\xe0\x07!\xff\x84\xfc\xaf\xe9P\xe08g\xb9\x95%\x1a\xe5pq\x9e\xbb\x9f\xfe\xe2\x06\xaa\xcfG\x8e/\x7f.y\x01l`D\x06\xf6\xb0\xbe\x88\x9d#\xc2\xb1\x8d\x07w\xdc\xc0+\xd1s\xd3\xc73\'}\x98jie\xb7\x17_\xea`*\xa1\x95\x18\xc95\xfa\xea,Z\xe7\xda-\x16\nV\x03D/\x1e\xff`^m\xb2\xe82sG\xd0Icf#\xd7n\xda\xe4\xdf,\x19\xda\xf6\x19_\x0e\xe1\xc1\x9d\xban\x11\x1e5$\x83\xbc\xcc\x80Pk\x0c\xb40|D\x16-C(|\x8e_*I\xc20\xa9\xcb9\x805?\xec1S\xd3\xf1\xecB\x92\xacf\xaas\x8c\xb6\xf0\x1a\xce\x10\xf5\x9a\x87\xdf\xaf\xa1\xca`5\x1a\xbdE\xfbC\xebAP\x98.\xe0\xce&lt;l\xe8\x04\xff\x9c\x94D\xdbj\xad\xf9\xa8\xda\x01\xbeb\xdf\x13\xf3\xd5w\xdd\xe2vV\xec\x88\xb5\x97\x1ag\xa8\xe3j\xb8\xbbk\xbc\x9c\xbbi\xf5\xa7\x8f\xba\xa2}\xc6cwt\xba\x1f\xbc7\xbf\x85R\x84L\xe3O&lt;\xb9Iyp\xb9\xda\xda,\xc1\x88^p\x08&amp;Ujr\x8e\x8a\xed\x92\xba\x8d\x0eN`\xd2\x80yM\xfarV\x04\xfd?\xd5\t\x84\xc7\xd9\x86\rM\x82\x19\x94iE\xc1\xa7\xd1\xea\x0c|\x91\xcf\x8bk\xe7\x00\xb9\xab\x10\xf3Q\xc7\x11\x84\x90\xec\xc1e\x8eB\xc4\xcb\x84\xa2\xbd3\x11G\x95\x18\x8f,\xc4I\x15\xee\x8f\xad?"\xc6h&amp;\x9d\xb2\x18\x83\xef\xf1!\xe9\xbfZ\xaf\x9f\xf0\x1d\xea\xaf(h\x9ft\xcf@\x0c\x82qJP\x8a\xe4\xbaJ\xf9r_\xfb\xaa\xae\x89\x983$\x93\xaaQ\x12\xc8y\xad\xd2%wU\xa8c\xda\xea\xc7\xf7M\x84:t^\x8b\x01\xbdLk\xd8\x15\xa2\xb2@\xf30Hk\xf0+\xb3%V\xd4\xcb\xe7w\x94\x1d\x03\x9a8*\xfc\xde\x9b4\xa8)\xeaE\x08\xb9\x18\xd4,\x86\x01\x10\xad\x8c\xca\xaeW\x89V\x94\xe0Z\x1b\x06\xc6|\x93n\xce\xcc:\x8ay\xd8b=\xf0e\x90\xc4}\xafA\xd0\xd8[y-itm\x10\xee\x97\xf7\xc6\x86\x91#\x8b$\xabZ,\x8b8\xc6m\x08\xe4\x08\x8c\xae\x98\xbdH\xe6\xe0|{5\x13\x1b\x065\xe6\x90l\rz\xdd\x0eedU\xd7\x84\xb3\xce\xf2t\x91\x1c\xdat\x87\xc8Q\x0c\xb1\xa7\xb0~w\xdc\xf8\x97\xba@\x178\xe8\xbf\xd3\x9f\x90%\xfc\xbe\xdb\x9e\x89C\xa81\x81\xd9\xf2\xb6\xa5\x1a\x19\x1a\x82\x99\xd7%(\x0f\xfd\xeb\xf3\xd7\x074[\xa1.L&gt;yR\x14\xdc\x07\x7f\xc5\xadh\x11"F\xfdm\x1a\x88\xce\xc7(\x16.G\x11A\x88\x03#L\xe3N\x8b(\x9e[\xfa\x8a\xd5\x04\xa4\xa9zDuz\x92\xdc[=w\xc6\x0cO\xb8U\xc7\xe4\x8eD\x8dQ5\xeb\xb2\xaa\xfd\x9e\x89a!O\xad;\x00\x9e\x1c_B\x057\xe0\xeb\x08`\xa0\xa2-\xe4\x84Y\x081.U43\xaaHw\x94\xecF&lt;\x8ea\xdf\'\xecw.\xc2\x19v\xca\xabD\x07\xae_\xb2\x89\x92a}85\x9c\xcdd\xdfJ\x03\x05/K\x9e\xac\xbd\x86\x1a[\'\xca\x96\xe1q\xbat\xca-9NK\x7f\xeb\xc4iSM\xe1\x9fdd\x85\xe6\xbb\xc4\x00c\x9bV\xbdO\x15\x08\xa5C\xa4\x07\x99\x870(-\xd35\xcf\xa6a\x17\xbb\x0b-\xd7\x87j;\xa4\xa6\x84\xb3*\xb6\x1d\xad\xd2\xa8J\xd4\xaa\\\x12\xb2\\\xc5\xd5_@i\xac0&gt;\x04\x08*\xbdT\xba\xe2\xa3\xef\xb8\xd7+E\x15k\xa6\xaba\t]\x9bA\xcf\x15\x0e\x00_\xfcY\'SO\xd8q\xa6\x9a\x17\xdb7H\xa2\xd5\x06\x10\xe5\xa7m\xee\x1a\xef\xdb\xdd\x03\xe2^\xa65H\xf4q#\t;&amp;\xd5\x1d\x02z%P\x10\xe6\x14\xaa\xef\x05\xf7\xf6\xdc`A\xcd27\xed\xbc2\xa8\xb2L\x8c5\xce\x9dY\xa7\xf9s\x1d\xc5\x91;w\x0b03\x1eC?9\x80U\xa5\xf4T\xed\x07@;\xb0\x03\xcf\'\xae\xe4\x19\xb1!\x0b\xef\x90\xd4\xb6W\xc9&amp;\x90\x91\xf6P\xda4c\x8fk\xfb\x07\xc4\x00\x8d\x0b\r\xf9\x13\x9a/h\xac U\n\x10v\xa0\x14\xb4\x18\\j\xcf\x80\xcf5\x9c\xb0\x13\x82~\xd9\x8a\x8d\xc5\xb7\x8dq\xd6\xcap\xe1\x0cW#\xf5\\\x18\xc4\x85\xa9\x92\xb0\x10\xa6\xcaWjv\xedG\x10\xd1\xf0\xf2H\xca:+\x1bD\x9c\x02\x04\'r\xf5\xa0\xc7\xf5\xd7\x93\x81\xd4G\xeb\xcdh\x9a"\xd9\x06j&lt;&lt;A7?\xf3\xce\xe9f\x91\x86k\x9e;\xce\x07X\x91W\xb7t:\x15\xfc\xf5\xcbc\x85P\xb0\x97=Sx\xa5\xe3\xa5\xfc\xdf)\x92\x08\xe0\xa7-\xf8\xa5LQ\xfd1:\xb7\x89m\x01\xf5\xf2\x13\x9e\x92\xa7\xc2\xe6\xf7\x8c\xb0\xf5\x86w \x82\xf0\x98g\xa0op\x0e\xb6O-\x87\xd2\xbf\x88\xbaTV\xf4R\xa2\xdf\xcc\t\xc9\x00\tZ\x00U\xb5\xd7\xbf1o\xdf\x9c\'\xf8Oe\x1b\xa3\x83\\\x9bi)\x18\xf4\x15]q\xec\xaa\xe69\x85\xe1\xe8\xd6\x06N\xc3\xfe\x04\xf4B\xc7\xf6\x96S\xceZ\xffw\xe40g\x99\xdf\xddv\xae\xc1-D\x9b\x14\x0c\xfe\x87\xb5\xd2\xc2d\xb8\x16rn\xe7\x9c\xd6B\xdd)\x848\'D\xb4\x85\x90\xb2\x01\x0f\x01d\xfaM=\xa7\xa7\x04\xb6\xc8\xf3O\xb1\xffk7~p\x82\xc9-k\r\xdc\xfatKZd\x89m\x7f\xda\xff\xbfd\x7ff\xda_a\x10!!~F\xca\x08\xf0\xd4l\x8f\x94\xec\x1d\\E\x07\x04\xb1\xe9\x9b\x16K\xeb\xdf\x8c\x7f\xd4\xd0\xaf[\xe1\xb6\xfa\x91\x92\xb1\xd5\xec\t\x8a\x10\x8a\xd2\xdb\xaa\xb7lMQ\x19&gt;}\xadz\xa7\x94\x10\x9c![\xeb}\xc3nP\xd0\x8dW\xfc\xa3\xc1\xd9NbsS/\x18\x8c\xa0\xd9\nt\xd7\xafU\xc2\xd4\x9b9\x84.l\xc1p\x83^"%X~K7\xdc\x9dY\x82\x92\xea\xe0\xec\xd7\x11\xf1\xbd\xe8F\xf4\xc3G\xd1\x93\x0cq\x11)\xa6h\xa2|\x02 G\x7f2\xc6\x1e\xc1~\xa2\xe8\xa9\x9e\xb2\xa7\xa1\xfc\xd5\x99\xba\xe5\x1f}\\P\xf4\xd4\xcfJ\xca{*\rb\\!\xbe\xbd\xa2\xdb;F\x01\xd1\x11\xee\xf6I\xccp\x04\xe2\x95\x81\xd6\xef\xf8\xe0\x18\xdf\xd8|\xa6\xac\xdf\xd1\x84M\xd1\x864\x1dD\xc8\x19h\xf3&lt;\x86\x19\xc6\x08\x1d\n\xdd&lt;\x1d\x1e1\x07\x81\x971T\\D:AV\x1a\xabZo\xdd\x99-\xc8\xee\xbf\xb6\x9e\xe3;\xb5\xec\xb0n\x10\x07\xa6\x14\xb6\xa1"A\xf2\x81\xc70\xb7@\xecb\x97\xb3f\x93\x92\xd4h\xad\xa3\x1f\xf4\x0c\xe2\xf6\xd9\xa7\xd6l\x8e\xc2\xd7\xdf\xe9\xd0\xc8Sr\x05\xb9$`E\xa4\x10\xc1\xd3\xa6H\xa0&lt;A\xa4(d\x15J\xda\xe2O\xdd\x97\x9f\xf1\xb632\x0f\xed\xd1Z\x18/\xfb\x19\xf2\xd7\xd7\xe3\xe2\xbbV8i\xd5\xed\xa1\x1f\xd2\xe8\x88\xc9\x9e6\x8b\x172\xd7|\x10\x03\xc3J=\xb7\x80\x01\xc8\xba s\\\xfaJR8\xc6\x16\t\xcfq\xc0\x1aQ=pU08$\xe5 \x1bT\xce\xe3\xbe\x0c\xa7\x15\xed\xf1\x08\xd2O\xd4\x01\x85d3\x86\xb8\xb4\xa8\x1dY\r\xe7\xff\xf9\xc9\xb9\x8ed\x01\x08s*e\x122LNW\x9a|\x92\xba\xec\xd9\xdf\xf7\xe6;\xf7IYw&amp;*\x1aH%\x0fc\xcb\xd1N:bO.a\xef&lt;\xa8\x98\xb8\xabT\xe6\x96k\xd2\xb7\x1d\x04N\xcc\xb1n\xaa\xce\xe8\x16\xa3\x10\xebo\xc4[\x9b\xc0\x871\x07\x0e\xe4\x1e\x86\xf3\xf5\r\xe1&lt;M\xf6\xbbx\x85\x90\x8e+\xa4\x13\xf5\xc1u{R\xc2\xa6?W\xed\xe9FOz\t(\x8eF\xd0\xa5jm\xca\x1d\xf9\xf6\xd5\xfc\x03~\x05\x13w\x8d\'12\xb6Z8\xc7\x1e\xe6K\x1f\xe5f=\x0eKF\x8c~\n\x0b\xab4(\x9a\xa9\xe2\xd7g/\xa8c\xf1\xb9\x12H\xb3A\x1dz\xe9\x1c\xba\x05\x07\x85N\xf5\xb9\x00\r\xeb\xc0\x10;\x8fR\x8aLsT\x05\xf8\xdb\xc9XM\xc5\xa7l\x86\xb9[\xf9\xde\xae\x85\xd5\xa9\xdb\x80\xf9\xb6\xc4\n:&amp;\x1e\xbe\xcb\xfc\xe6\x93\xc3\xe9\x8f\xb8\x98\xb3B\x8e\x98\xe1\xdbv\x08\xc5g}\xb9\xd1&lt;tb\xa1\xe3\x12\xec4&amp;\xde\x9d\xf3\x89\x1eg\'\xaa\xa4\x83\xbc\xf1\x88\xfd\xc4\xf2\x93\xf8\xe1y\xb4\xa9\xa6\xbc)-\xdd\xbe\x94o\xeaO\xbb?\x7f\xe8e\xe6\x87B\xf5\xb3\xdf\xb7X\xf8A_&amp;\xbe\xdc\x7f\xb3\x81O/\x17\x9b\xa5&gt;\xc1\x13\x8b\xbf\xabB\xce\xa1\xe3\xdc\xc2\xc5\xf3\x96/\xaeH\x91\x80TV\x1b"\x96\xf6\xd5/\xc2I\xe7\x87\xce\xf1\xba\x83\xa4\x93$\xb9\x9bY:\xaa\xd7\x8f\xcf\x9b\xea\x0f\x96:uV\x91t:\x87'</t>
  </si>
  <si>
    <t>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</t>
  </si>
  <si>
    <t>b'W\x13\x95k\x1b\xd5\x18\xdd\x9c\x80\xf0&gt;9\xf7\xd8\xda'</t>
  </si>
  <si>
    <t>d of a church, and they called
 themselves Whirling Dervishes; and they did whirl, too. I never
 see anything like it. They had tall sugar-loaf hats on, and linen
 petticoats; and they spun and spun and spun, round and round like tops,
 and the petticoats stood out on a slant, and it was the prettiest thing
 135
 I ever see, and made me drunk to look at it. They was all Moslems, Tom
 said, and when I asked him what a Moslem was, he said it was a person
 that wasn't a Presbyterian. So there is plenty of them in Missouri,
 though I didn't know it before.
 We didn't see half there was to see in Cairo, because Tom was in such a
 sweat to hunt out places that was celebrated in history. We had a most
 tiresome time to find the granary where Joseph stored up the grain
 before the famine, and when we found it it warn't worth much to look
 at, being such an old tumble-down wreck; but Tom was satisfied, and made
 more fuss over it than I would make if I stuck a nail in my foot. How
 he ever found that place was too many for me. We passed as much as forty
 just like it before we come to it, and any of them would 'a' done for
 me, but none but just the right one would suit him; I never see anybody
 so particular as Tom Sawyer. The minute he struck the right one he
 reconnized it as easy as I would reconnize my other shirt if I had one,
 but how he done it he couldn't any more tell than he could fly; he said
 so himself.
 Then we hunted a long time for the house where the boy lived that
 learned the cadi how to try the case of the old olives and the new ones,
 and said it was out of the Arabian Nights, and he would tell me and Jim
 about it when he got time. Well, we hunted and hunted till I was ready
 to drop, and I wanted Tom to give it up and come next day and git
 somebody that knowed the town and could talk Missourian and could go
 straight to the place; but no, he wanted to find it himself, and nothing
 136
 else would answer. So on we went. Then at last the remarkablest
 thing happened I ever see. The house was gone--gone hundreds of years
 ago--every last rag of it gone but just one mud brick. Now a person
 wouldn't ever believe that a backwoods Missouri b</t>
  </si>
  <si>
    <t>b"\x0f\xc3\xf3\r!o&lt;\xe0\n\xe0\xdd\x95vO\x9e\x0bO'\xb7\xdb\x0e\x0f\x91\x92\x04\xbf\xe6\xe9[\xcae\xe7"</t>
  </si>
  <si>
    <t>0fc3f30d216f3ce00ae0dd95764f9e0b4f27b7db0e0f919204bfe6e95bca65e7</t>
  </si>
  <si>
    <t>b'\x0f\xc3\xf3\r!o&lt;\xe0\n\xe0\xdd\x95vO\x9e\x0b'</t>
  </si>
  <si>
    <t>from itâ€”
  done, as I thought, with great spirit. 
 "Prophetic," said the doctor, touching this picture with his finger. "And 
 now, Master Billy Bones, if that b</t>
  </si>
  <si>
    <t>b'\x95\xec\xb7\xe9\xb5K\x9ap\x05,\xd4\xbe3\xf3k\x15\xe8d\xd4B\x81M\xe3\xdb\x13~3\x07\xddW9I\xfc\x8b^\xd4\xe7\xe8i\x91i|\xc6eO\xb5\xe8\xf3\x8b\xf4w\xb8m\xb3\x9c|\xb1L#\xb6\xde\xc6U\xa2\x1d_\xb0\x1a#\xc3\xc2\xd8VgQN\xe7\xaf\xaf\x84\xf3\x03D\x9bb(h{\x9f\x86\x81\xb3VFrXE\xa5\x01\xce\x8c\r\xfd\x8bO\xd2\x0bTq\xc9\xb8&amp;\x1e\xdd\xd4)\xcc]%\x87\x19\xb4r#\xcb\xb0\xa9\x11AJ\x0f\xef0\xf4\x01\xc0k\x9c\x0c \x16\n\x1c&gt;\xb9\x10\x84\xb6\x93\xe0\xc3V\x0b\xecM\x1c\xc1Cf\n\x00m\x13[\xe8\xcc$\x16\xcaB\xb0\x8b,\x7f\x19\x143bP\xe2\x90\xd9\xceD\xdfL\x91K\x86\xc3\x18\x8c\xe4&lt;\xa9\x10\xaa|\xb2\x92\xb5\x08\xfd\x7f\xc9\xa0\x96s\xe08/\xd53$\x0f\x0e\xa1/\x07 }\x1b\xc5\x0f\x17\x86\xe0\xbcI^5\xfa\xcd\x12\xb8\x94\xda\x00\xac\xcd#\xd1\xae\xd6+M\x03w}\xa9\x82\x80\xbbI\x8ep'</t>
  </si>
  <si>
    <t>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</t>
  </si>
  <si>
    <t>b'\x95\xec\xb7\xe9\xb5K\x9ap\x05,\xd4\xbe3\xf3k\x15'</t>
  </si>
  <si>
    <t>691â€“692, 694â€“695,
 698â€“699
 Q
 Qualitative analysis, 273, 437, 442â€“447, 450, 459â€“463,
 480â€“482
 Quality factor, 720
 Quantitative analysis, 482â€“486
 Quiescent, 81, 139, 175â€“176, 806â€“807, 835
 900 Index
 R
 Recombination, 23, 132
 Recombine, 24, 26, 48,132, 154, 161
 Rectifier, 73
 complete, 66
 diodes in, 93â€“99
 full-wave, 86, 93â€“99
 half-wave, 86â€“99
 nonlinear circuit, 67
 resistive load, 89
 ripple at output of, 91
 Rectifier diodes, reverse voltage, 100
 Reflections, 226, 841
 Regions, active, 285
 Resistance, 123, 53, 82, 100â€“101, 122, 134â€“135, 138,
 141, 183
 base, 179, 189, 208â€“209, 231â€“233, 252
 internal, 23, 123
 output, 148â€“149, 183, 200, 209â€“214, 219, 229, 231,
 235, 244â€“245, 250â€“251, 319, 322â€“323, 328,
 384â€“385, 396â€“399, 401â€“403, 409â€“410, 456, 524,
 539â€“541, 546, 573, 577, 591, 652, 689â€“690, 822,
 824, 826, 830â€“833, 843, 856, 886
 Resistor, 19â€“20, 60, 62â€“66, 68, 75, 78, 81, 85, 89, 122,
 123â€“124, 131, 134, 139â€“141, 143, 148, 152,
 170â€“172, 178, 184, 197, 202, 204â€“207, 211, 216,
 229, 231, 234, 238, 241â€“242, 246, 271, 273â€“275,
 278, 282, 317, 330, 357, 363, 365, 375, 378, 402,
 411, 441â€“443, 455, 461â€“463, 467, 474, 476â€“478,
 481â€“482, 522, 568, 572, 578â€“580, 589, 593, 595,
 597, 605â€“606, 609â€“610, 621, 643, 646, 652, 654,
 658â€“659, 661, 691â€“692, 711â€“712, 716, 724, 729,
 731â€“732, 734, 737â€“741, 760, 763â€“764, 773, 776,
 778, 781, 785, 801â€“803, 805â€“806, 809â€“812,
 820â€“821, 824, 826, 829â€“830, 833, 839, 874, 881, 885
 degeneration, 185, 193, 211, 228, 320, 396, 400, 843
 ratio, 358â€“360, 616
 Resistor-diode logic, 760
 Resonates, 44
 Return duplicate, 602, 604, 608, 612
 Reverse bias, 41â€“46, 48â€“49, 51, 53â€“56, 61â€“63, 68, 70,
 77, 88, 96, 98, 112, 125, 145, 150, 180
 Reverse-biased, 42, 45, 61, 71, 72, 89, 125, 127, 131,
 160, 175, 273, 292, 518â€“519, 677, 882
 Reverse breakdown, characteristic, 53
 Reverse saturation current, 47â€“ 49, 134, 413
 Ripple, 90â€“91, 93, 438, 441â€“442
 amplitude, 90â€“92, 119, 438
 effect of, 439
 in magnitude response, 614, 625â€“626
 signal paths to output, 438
 voltage regulators and, 99
 waveform, 438
 Risetime, 8, 769, 772â€“773
 RLC realizations, 724â€“729
 Roll-off, 11, 380, 502â€“504, 509, 515, 524, 532, 553,
 727, 728
 S
 Saturation, 30â€“32, 47, 49, 78, 134, 150â€“156, 176,
 179â€“182, 184, 186â€“188, 192â€“193, 195, 197â€“198,
 216â€“217, 225, 245, 273, 284â€“289, 291â€“292, 294,
 296, 310â€“317, 323, 325â€“326, 330â€“331, 334,
 373â€“375, 384, 396, 413, 443â€“444, 446, 519, 529,
 616, 643, 646â€“647, 659, 666, 684, 690â€“691, 762,
 776â€“777, 781â€“782, 806, 811, 815â€“818, 820â€“821,
 823, 832, 834, 837â€“838, 840, 848, 853
 Saturation region, 150â€“151, 153â€“155, 273, 284â€“288,
 290, 293â€“296, 310, 502, 519, 804, 809â€“811, 813,
 818, 835</t>
  </si>
  <si>
    <t>b'\x0fi\x16Xwv\x0e\xe2\xee\xae\xce\xde"\xc3q\xb4'</t>
  </si>
  <si>
    <t>0f69165877760ee2eeaecede22c371b4</t>
  </si>
  <si>
    <t>ate opinion must be. Her private opinion was
 that the redskins should not call her a squaw.
 We have now reached the evening that was to be known among them as the
 Night of Nights, because of its adventures and their upshot. The day, as if
 quietly gathering its forces, had been almost uneventful, and now the redskins
 in their blankets were at their posts above, while, below, the children were
 having their evening meal; all except Peter, who had gone out to get the time.
 The way you got the time on the island was to find the crocodile, and then stay
 near him till the clock struck.
 This meal happened to be a make-believe tea, and they sat round the board,
 guzzling in their greed; and really, what with their chatter and recriminations,
 the noise, as Wendy said, was positively deafening. To be sure, she did not
 mind noise, but she simply would not have them grabbing things, and then
 excusing themselves by saying that Tootles had pushed their elbow. There was
 a fixed rule that they must never hit back at meals, but should refer the matter
 of dispute to Wendy by raising the right arm politely and saying, 'I complain
 of so-and-so'; but what usually happened was that they forgot to do this or did
 it too much.
 'Silence,' cried Wendy when for the twentieth time she had told them that they
 were not all to speak at once. 'Is your calabash empty, Slightly darling?'
 'Not quite empty, mummy,' Slightly said, after looking into an imaginary mug.
 'He hasn't even begun to drink his milk,' Nibs interposed.
 This was telling, and Slightly seized his chance.
 'I complain of Nibs,' he cried promptly.
 John, however, had held up his hand first.
 'Well, John?'
 'May I sit in Peter's chair, as he is not here?'
 'Sit in father's chair, John!' Wendy was scandalised. 'Certainly not.'
 'He is not really our father,' John answered. 'He didn't even</t>
  </si>
  <si>
    <t>b'\rUm\xc0\xdd\x87\xd7\xc2'</t>
  </si>
  <si>
    <t>0d556dc0dd87d7c2</t>
  </si>
  <si>
    <t>If an economy does not start out at full employment, is it still true that a permanent
 change in fiscal policy has no current effect on output?
 14. The box on pages 450â€“451 suggested that even when a fiscal expansion is permanent,
 market actors might expect that, because of the resulting rise in the current account
 deficit, some part of the initial currency appreciation is temporary. If so, how would
 this affect your view of the short-run effects of permanent fiscal expansion?
 15. See if you can retrace the steps in the five-step argument on pages 445â€“456 to show
 that a permanent fiscal expansion cannot cause output to fall.
 16. The chapterâ€™s discussion of â€œInflation Bias and Other Problems of Policy
 Formulationâ€ suggests (page 441, paragraph 4) that there may not really be any such
 thing as a permanent fiscal expansion. What do you think? How would these consid_x0002_erations affect the exchange rate and output effects of fiscal policy? Do you see any
 parallels with this chapterâ€™s discussion of the longer-run impact of current account
 imbalances?
 17. If you compare low-inflation economies with economies in which inflation is high
 and very volatile, how might you expect the degree of exchange rate pass-through to
 differ, and why?
 18. During the passage of the U.S. fiscal stimulus bill of February 2009, many members of
 Congress demanded â€œbuy Americanâ€ clauses, which would have prevented the govern_x0002_ment from spending money on imported goods. According to the analysis of this
 chapter, would U.S. government spending constrained by â€œbuy Americanâ€ restrictions
 have had a bigger effect on U.S. output than unconstrained U.S. government spending?
 Why or why not?
 FURTHER READINGS
 Victor Argy and Michael G. Porter. â€œThe Forward Exchange Market and the Effects of Domestic and
 External Disturbances Under Alternative Exchange Rate Systems.â€ International Monetary Fund
 Staff Papers 19 (November 1972), pp. 503â€“532. Advanced analysis of a macroeconomic model</t>
  </si>
  <si>
    <t>b'0D\x02 n\xb7i8\xeb`\xcc\x11\xbflE\xc4\xf2\x88r\xbb\xe8\t{\xd8c~\xdd\xcf\xeb&lt;"uS\x10j.\x02 "`|6\xfb\xa0\x9e\xba=\xea%tE\x94\xb0\x91I\xa6\xea\x05\x19?G\xa0\xd7\xb6\xe3\xd0,\xe2\xc4U'</t>
  </si>
  <si>
    <t>304402206eb76938eb60cc11bf6c45c4f28872bbe8097bd8637eddcfeb3c227553106a2e022022607c36fba09eba3dea25744594b09149a6ea05193f47a0d7b6e3d02ce2c455</t>
  </si>
  <si>
    <t>b'0D\x02 n\xb7i8\xeb`\xcc\x11\xbflE\xc4'</t>
  </si>
  <si>
    <t>have dared so much as 
 even to grumble. 
 The next morning he and I set out on foot for the Admiral Benbow, and 
 there I found my mother in good h</t>
  </si>
  <si>
    <t>b'\xac;x&amp;k\xb1Cl\x06\xf7\x9c7I\xb0\xed\x97\xdd\x81\xa31}\xf1\xc7\xfe\xc0\xb0j \x90Z\x0e\xc2\x1d\xe8\x81\xbf;E\xb9F\xd4\x0f\xc4~\xd6\x84\xa4\xfcK\xc4}\x14?5\xcf\xed\x9b\x97d\xe5P\xdc\x9bc\x1c\x85HF\xc2\xaa\xe0\xbe\xd9\x8eg\\\xff\xff\xdf\xf6\xec\xa4s!\xe8_\x88\n\xbax~\x17[\xf2(\xfe\xe9\x9eI\xf3\xfe\xa0\xca\x1c\x90rZ\xdd+\xaf\xefP\xd2\xe03\xe7(\x12\r0\x08~\xcc\xfe\x94\xad=\x08\xb5Y\x0b\xd0/\xd3+\xf9\xe3\xb2\x1f\xb3H}W{\xdd\xed\xbd\xc2h3\x1b\xffHo\x7f\xedCB J\x87m\xe5\xd9\xb7\x8e9\xc7\xf6[m\x05s\x12\xa5y\xae\x84\xaf\x18\xb3X\xb0\xd1\x13\xc8OBf\x18\xb5\xdd\xb1r&gt;y:\x88\x12\xe5/\xed?\xce\xf8\xea\xd28\xc1\xcf\xe2P\xa8\x98\\\x12\xb9\xee\x18E7\xe8b\xf8_\xd3\x11O\xce2\x97\xc1\x89-\x85\xdb4\xf87G\xaa\x9b\x7fQ\xc5(t\xd2\xd0\xbf\xf3=T\x96\xef\xbd'</t>
  </si>
  <si>
    <t>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</t>
  </si>
  <si>
    <t>b'\xac;x&amp;k\xb1Cl\x06\xf7\x9c7I\xb0\xed\x97'</t>
  </si>
  <si>
    <t>ontravariant) 4-vector, if Ï† is a scalar function, by working out
  its transformation law, using the chain rule.
  Problem 12.57 Show that the potential representation (Eq. 12.133) automatically
  satisfies âˆ‚GÎ¼Î½/âˆ‚xÎ½ = 0. [Suggestion: Use Prob. 12.54.]
  Problem 12.58 Show that the LiÃ©nard-Wiechert potentials (Eqs. 10.46 and 10.47)
  can be expressed in relativistic notation as
  Î·Î¼
  (Î·Î½rÎ½) ,
  AÎ¼ =âˆ’ q
  4Ï€ 0c
  where rÎ¼ â‰¡ xÎ¼ âˆ’wÎ¼(tr).
  27Incidentally, the Coulomb gauge is bad, from the point of view of relativity, because its defining
  condition, âˆ‡ Â· A = 0, is destroyed by Lorentz transformation. To restore this condition, it is necessary
  to perform an appropriate gauge transformation every time you go to a new inertial system, in addition
  to the Lorentz transformation itself. In this sense, AÎ¼ is not a true 4-vector, in the Coulomb gauge.
 12.3 Relativistic Electrodynamics
  571
  More Problems on Chapter 12
  Problem 12.59 Inertial system Â¯ S moves at constant velocity v = Î²c(cosÏ† Ë†x +
  sin Ï† Ë†y) with respect to S. Their axes are parallel to one another, and their ori
 gins coincide at t = Â¯ t = 0, as usual. Find the Lorentz transformation matrix 
 (Eq. 12.25).
  âŽ¡
  âŽ¢
  âŽ¢
  âŽ¢
  âŽ£Answer :
  Î³
  âŽ›
  âŽœ
  âŽœ
  âŽœ
  âŽ
  âˆ’Î³Î²cosÏ†
  âˆ’Î³Î²sinÏ†
  0
  âˆ’Î³Î²cosÏ† (Î³cos2Ï† +sin2Ï†) (Î³ âˆ’1)sinÏ†cosÏ† 0
  âˆ’Î³Î²sinÏ† (
  Î³âˆ’1)sinÏ†cosÏ† (
  âŽž
  âŽŸ
  âŽ¤
  âŽ¥
  âŽŸ
  âŽ¥
  âŽŸ
  âŽ¥
  Î³sin2 Ï† +cos2 Ï†) 0
  0 0 0 1
  âŽ 
  âŽ¦
  Problem 12.60 Calculate the threshold (minimum) momentum the pion must have
  in order for the process Ï€ + p</t>
  </si>
  <si>
    <t>b'=~\x06noR\xd4\xb7\xf2\x14qE\xa3\x03\xf3\xd6\xd1\xfdUx~o\xb6\xed\x1b,u\xfd;-\x0b\xf7'</t>
  </si>
  <si>
    <t>3d7e066e6f52d4b7f2147145a303f3d6d1fd55787e6fb6ed1b2c75fd3b2d0bf7</t>
  </si>
  <si>
    <t>b'=~\x06noR\xd4\xb7\xf2\x14qE\xa3\x03\xf3\xd6'</t>
  </si>
  <si>
    <t>ctors rather than the details of political and
military developments. This Annales school of historiography, as it is called, emphasized issues of climate, geography, technology, agricultural practice, manufacturing,
and trade, and made greater use of statistical analysis and quantification than had
hitherto been the norm. It was also concerned with mentaliteÂ´s, the pervasive structures of religious and social belief that characterize different societies. In all these
respects, Annales historiography applied the concerns and techniques of the social
sciences to the study of past eras. The most famous work associated with this school
was Fernand Braudelâ€™s La MeÂ´diterraneÂ´e et le monde meÂ´diterraneÂ´en a` lâ€™eÂ´poque de
Philippe II, first published in 1949 (Braudel 1972â€“3). Braudel insisted on the primacy
of what he called the longue dureÂ´e, the long term effects of climate, geography, and
technology on human life and social organization. Since the Second World War, and
particularly in the last 30 years, the approach to historiography advocated by the
Annales school has been increasingly applied to the study of the Roman Empire.
It is difficult to summarize or even survey the impact of the social sciences on the
study of the Roman Empire (for a stimulating discussion of some particular aspects,
see Phillips 1986: 2681â€“97). I shall instead make some selective observations on
three general issues: environmental studies, the use of social scientific methodologies,
and cultural/ideological analysis. Several of the studies that I shall mention, particularly in the first two areas, are not limited to the specific period of the Roman Empire.
This fact is in itself significant, since one effect of much interdisciplinary work has
been to question the convention of defining significant historical periods by political
events (e.g., the battle of Actium in 31 BCE and the death of Constantine in 337 CE).
One of the most striking results of Annaliste influence has been a drive to expand
historical analysis into the study of human interaction with the natural environment,
to investigate both how the environment shapes human activities and how these in
turn alter the environment. In this regard there has been a very fruitful interaction
between Annaliste historiography and archaeology (see Bintliff 1991). Several
recent archaeological projects have aimed to map out human interactions with the
102 James B. Rives
environment in fairly limited areas over long stretches of time. These projects typically
rely heavily on the technique of survey archaeology, often supplemented with some
limited excavation, and combined with scientific disciplines such as geomorphology,
paleobotany, paleozoology, and paleoclimatology. For example, one of the most
ambitious of such projects studied the Biferno valley in central Italy from Paleolithic
times to the modern era. Its goals, in the words of the project director, were to
examine how â€˜â€˜the topography, climate, resources, and natural communications of
the different parts of the valley offered different constraints and opportunities for
settlement and land use,â€™â€™ and to map out â€˜â€˜the complex ways in which different kinds
of societies have reacted to these from early prehistory to the present dayâ€™â€™ (Barker
et al. 1995: 308). Intensive local studies of this sort over the last few decades have
allowed for a more</t>
  </si>
  <si>
    <t>b'\xaeo\x0e\n\xf2\xecO6\x92\xf1\xe0\xb0\xde\x17EG\x8fg-YJ\xfa^\xeb\x8c\xd2\xc8\xa8\xb2\x81+lY\x88r@H+\xe7B\xe1\xabg\x81\x9dX&lt;\xe1\xe3V&amp;\xb0uE\xe7\x9d\xf97\x02"i\xe0\x8b$\xaa\xd6\x1e\xcf/\xb7p\x84\x00\xab\x03\xc7\x19M\xc9eR\xacc\x9c\x9cB\xd5\x02\x18\x84\x83p\x90\x9a\xd3,!Sk\xffDQ\x0b\x8b3h\x9eC~\xd1\x1a\xf3\xf8\xba\xd0\xe1{\xa4a\xaaB/|\xfb-f\x9d\xf99\xf1-P\xc5\x0e\xd6\x1a(\x9e\xc5pP\x81S\xed\xd3\xbb\xcfG\'\xdc\x91\xfc*v\xe0\x84d\xb1&gt;\xfa\xddu\xbbX\xee1s\xa9\x9fr\x04I$"b\xe1\xd1q\x1e\x9cX1\xb5Nikj\x81\x14)\xbe~z\x05v\xf4,Y\xefB\xd6\x99(\xf2\xe1\xbd\xbb\xd7\x99\xd8\x8a\x03}\x80\x83*\x08\xd97f\x9e\x85\xf0\xf2\x8dG\x8d/\x81G\xf46s2^\x0eh\x08\xc39\xa7\xcc\x04\xb3#\xb6\xd9c\x80"\x0f\xc4~\x98\x9e\xb7\xa7\xc4\x8d\xb3c\xcd\xe5\x1a\xdd\xda\x05s\'v\x1c\x8a\\\x06\x9fz\x82\xc1N\xe0\xfb\x05\xa3\xae\x04\\b\'\x8a]\x89\x95\x05\x86\xcec\xf2.#\xc3\xf2\n\x06\xf3HJ\xcbJ\x01\xda\x90\xed\x98\x93\xf6\xee\xb28\xd5k\xa8\x82\x9aw\xb0\xba\xcb\xf0\xaf\xdcv\x11\x88\x98\x80*\xe7\xebh\x14\xaaX\xd7\x8dB\xc1\xb5\xaa\xdb2\x02~EL\xb8\x0e\x1b\x14\xb9f&lt;\xdey\xad\xb3K\x94p\x05?\xe8\x9e=\xe4-\xabdW\'\xecF?^4\xe58\xe5uBh\x16\xf6S\xc8\x08J\xe3\x02\xc9G\x90D\x1a\xb6\xa4\'\xd2\xd4\xe27\x8e\x8c\xbf\xdbGh\xb5\x86\xb2\x14\xb9\xa6\xefY&lt;/\x02\xdb~9\x8f6\xc9\x05i\xa6%\x92\x87K\xf4\xc1\xc9\x91\xdc\xc0:\x1a?\xf6\xfe\xcb\xa1\xe8\xbe\x91\x7f\xe7\xa7\xd7j\x08&amp;\xc3Z\xaf\ny\x83?\xc6\x08\xfdR\x13\xbb\rq\x08uIUW\xbe\xc9\x16\xac\xa0\xa8\xbd\xa8\x8c5\xe3W\xe2E\x81\xaf\xa5\xaa\xd61\x85\x9aP\x17\x80\xacI\x9c=\xcb2T\xf1\xdd\xfe\xd6\x8d$\xcaK;\x08\xf8\x12\x83\xd7\x0bwm\x1f\x8c\xfa\xeb\xcb&amp;L0\x16\x9e\xc2\x96\xce\x01C\xb9\x81h\xbf\x94J`\'\x99\xd8\xc2_C\xa8^p8\x7f\xaa\xe4"\x12w\xcc\xf8\x93"\xc7\xad\xe3\xb6\xa4r\xf2\xa6\x17\x03\xe88;\x03\x11u\xb9\x8e42L\xffA\x12W\x87@\x14\xa9\x11\x15\xf6f\x1d2"\xde-k\xab\xc5U\x8bS\x9a\x9d\xc3P\x01\xe9\xab\x9a\x9f\x1a[\x06)z\x15\x10\xfe\x16\xe50\xd6\x08y\xdc\xd9\xec\x81=VKNe\x1c\x82\x8c\xeeH^ \xe7\xd1\x92:x\xa2\xa8FUl|U%\x86\x95\x1e\xf6\xd1\x85\x8c\x033C\x94X1_q\xd3\x80\xc0\xab\xa9\x8c*\xce\x0c\xffYr2\xbd\x18\xed\xe6\x1b\t\x8c\xa8\x1c\x1f*\xe1\xb8\x08\xd2\xb1?i\xa4A\x9504\xd6\xd1$\xd0\x9a\x17k^]\xac\xcd&amp;\x8ai\x02\xe1\x04\x08\'\xaa&gt;\xeb#\xa7\xc7\x12\xd9\x05is\x8f\x19B\x9cB\xd0KF\xff}\xd2\xde\xc6\xbc\x0f=\x05\x95n\x18W\xa2at$"\xb0\x15\xff\x8f]x\xed\x99\xf8\xcb\x1f\x1e\xd2}\xa9:\xf1\xd1\x95\x02"\x1d\x0fe\n\xd1\x8f\xfb\x1d\x07T\xa3\x93co\x88\xb6\xb7L\xc8"l\xa9=%\x13\xb0\xdd\x0cy\x14\x87ey\x0bND"rR\xa4\x90\x08\x86\x8d\xde\xffK\xb9\xd9n\xaf\xd8\xb6A~G\x89K\xbeW\xa3Z\x19\x8f\xe23\xea\x83\xc6\xf9l\xfe\x9e\xecz\x9bun\xddF\xe1\xa9A&lt;h\x93#iJC\x10\xbe\x9e.H\x1b4\xaf\x12\xeb(\x0c\xb7\xd8=\xa0\x00\xe2\x03HI\xf7\\\x16\x97(\xd1_\xdau\xf0\xb9&lt;\xa5\xcb\xb3}\xa5\x93\xfdT\xa0eo\x03\xf2\xfdl[m\xd9\x15\xc4\xa4\xe2\xbf\x13y\xbc\x7f!\xdcdE\xf2}\x97\xd8\x86,\x13\xc0B\xc3\xdd\xbf\x90\xe85wq\x86d\xae\xf3\xb4\xe9M\x1fA\x98J&amp;"\xc2\x0e\xc1\xf6\xf1\x8c|\x05cf\x0es\x0c\xfed\xad\x1b\t\xbdrZGa\xd1\xc3\xb0\xb1\xae\xd5\x0b\xe8\xe8\xff\xe1\xe5\x99\xcak\xe4\x8dC~\x8e\xcc\xf3\xbd\x8b\xd0\xaaP\x85.\xc7\x07m\x1b\xa1#\xb8\xb89\xbe\xbb\x15ha\x0f=\x14\xbf\xa3c\x94\x1di)\x00\xf1\x16v\xf65\xfcwm\x8aR\x97Jx`\xd6r\xab\xa7&lt;seXs"Q^\'\xe4\x854\x14\x94Ty\xe6@Z\x95zJ\x13*\x01&amp;\xd92B\xa8\x99\xe6\xee\xfa5+\x86\x89\xb2\xb8&lt;\x12\x8d\x08\x12\x04\xb7\x9b(z\x8f\xf4[^J\x86\x1e\x03\xf3\xd7\xad{.\n9\xe4\x8c\x1f\xd8\xa10\n]\xc0\xd4\xdd\xdf{(\x9e\xce\x7f\xac(S\xb9\xa4\xddYe\xb3\x1b\x18f\x15{\xe8\xa2\xce\x83\x1cDl\xf9\x9e3\xf9+K\x9e\x11\xb4\x1bj\xa4\xd02k\x7f]r\x86\xd6w\t7b\x8f!\xd0\x8fyi[!\xef\xc5\xce\xec\xee\x93`\x98\xab\xfd\xcb\x8b\x92\x97&amp;\'\x16!\x1e\x80=\xa9\xf6\x19\x8bR\x9b\xb8+\x08\x05\xd7p\xae\'\x03\\Nr,\xff\xb2#6XOT!D\xd3Kl\xf6\xb6z\xb2\x98\xff\x97\xbb\xea\xfa\x08=\xe99\x8a\xb7l\xbc\xd3\x81,4\t\xbaZ\xf3x\xd8\xb8\xe0\x04\x91\x12}\x02\x95Xh\xb7rP5\x89\xf8\x92\x92\xcdD\xf4&lt;\xfb\xc3M\x887\xc7\xd6?Q1\x86\x06d:\x0c\x86\x06-\x04\xe3Q\x0eZ\xb3aQ\xf7\x15 |R3\x94\xf4\xbc\xfeS\xd1\xb5\xd0\x91\xaf\x95\x95\xe40\x88\xd2@U\x10\xa2j\x882\xf0\'\xc7\xc6\xb2\x1c\xff\x16\xd6\xf3\xe4\x8e\xde\xec6W\x1eXO(\xf9Xe\xea&gt;\xa4K\xba\xd7hY\x8f\xc4=\xc7P\xf8\xc1\x9f\xc6\x9f!\x91\xa4\x9fzx\xd1\xab\x9d\x8c\xd6]\xcb{\xfa\xfe\xce\x85k\xd0E\x19\x0c\xae\xd3\x99\x04\xe2nM\xf9\xc6C\xa5{\x82\xb8*6,\xfb\xe0\xf1\xd1\x89i\xceT+\xc7\xe5\xa1\xf1=u\x97o\xdb \xd3\xa3\xb3S\xc5`2\x94\xea\xb5\x16\x8ce\xbb-B\x94\xa5\xc5\x82!\x1d\xc3z\xdeft\x94\xd2u\xdd\xe2\xbeM\xcb\xeb\x96@\xc1K\x18+\xa1\xadf\x88\x04\xd0\xe8\xc2#*,\xc6\xb0U/\x82G\x83\xfe\x1b\xa3\xbf\xa8\x96\xd7\xf7\xfc\xd38\xd7#\x0ebN\xc9\x0c\xfcQ\x871\x92\x9d\x1cZt&gt;\x7f#\xe6\xc2\x81\xbe\x94\xe8\xd2\xb9eO+\xcfe\xc9&lt;.\xb0c\xc4\xd2\xfe\xfcB\xa9\xe5tn\x19H*\x8d\x85\xf0\xefX\x96\xc7\x0f2\xba\x1aN\x9f\x9b\xd0\x8c-\x17W&gt;{q\x1e\xd1\xfe\x97=\xbdV@\x91P\x947\x91\x9e\x80t\x88$\xd1V\x01]mX\xffS\x9dD\xb3g\xcdD\xd6u\x9cL_\xbc\xccZ\xcb]\xb2\x92\x93\xed\x95\x07\xc3n\xbb\xda\xb6f~\xa9\xaf\xca\x8eX\x82\xebu\xfe\xf2\x14\x19\xdd\x11A\x18\x8ax\x89G\xe6\x96\xa1)\xd3\xe8\xc5\xc3d\x9e\xd6\xa3\x08g\xb4\x1e\xb4%x\xb9K\x02\xa6O:\x18]\xe3\xfdR\xb2B\x87R\x92}(\x9f6\x85A\xd2j\'\xfc]\xba\x9a\xd2j\xa0\xfb\xe1\x07;\x17\x860B8A\x7f\xf7(\xc1r2\xf9\xf7\xb0\x98\xea\xcf\x9ch\x7f"\xf6h\xb0b/\x039\x1c\x92\x8b\x00\x8c\x94\x9dwj$\xd9\xc3\xdeR9-\xd2\x9d\xd6_j\xd1v0%^\xd7\xa3\x11\xaf\x82\x8a\x84\xbe$\xbf\xcc1\xf1\xe3\x83o\x1d\xfbtu\x1c\xf9\x0824p&lt;\xaa\x1cw}4\xbdq\xc5\x90v\xee1\x98M\x1b\xdaU\xf8\xea\xd4\x83}\xf3\xc8)\x15\x82\x8e[\x19\xbd\xec&gt;\x1c\xcb\xf3\xd9e8\x95\xcc(Z\x07\xc5.\xd4f8\x98D\xcd5\xeb\xbc\\\xea\xe5\xcfQ\xd8h"\xae\x89\xc6\xcc\xfdy\x11\xb1d\xbaB\xe2Y\xca&amp;\x8b\xb6\xaa\x89P\xfe7A\xdb\x1b\xe2\xb2jw\xfb\xd2u\xb0\x12Wx\xc0&gt;^eb\xa8l\x18\xf2a\xa5\x1dl\xa6DUp\xfb\xbc\xd5\xc61s\x10=\xf3\xf9\xb5\xd8\x89\xf2U\xc7F\xfa#\xbbQ]RK\tM\x8ff\xa0\xba\xdbw|\xb2\x84\x8b\xd4\xd4q\x9fg\xca\xc7\x02\xc2\x16&lt;y\x17\x04\xe0r\xe1L\x96\x8c\xc2\x0f\xeb&lt;\x0c\x06\xc5\x98\xe4\xab\xd0\xcb\x17C\xa8\x03\x15\x1dg \xde\xc6x\x86!hw\xc5\xc3_\x98\xb0\x14\x1e\xbdk{U\xd7\\J\xe1\xfbQ.x\x19bNs\xc14$PQ\xf0\xe2\x8e\xac\xd4$J\xf3;\x16\xe8\xc4\xb3\xd5\x8c\xd9\x01e\x1f\x1b\xe9\xf1\t\x82A{qo%\xc4\x9b\xd7yD\xdf\n\xf2\xac\xca\xf9A\xea\t\x82Y\x1f\xd0@\xda\xdb\xb2\xe1\xf8/\x82-\x99\x08T+\x8d\x9c\x01+\xd88$\xd1\x91\x15K\x0e\xcb(\x87\xf2i\x9c\xf5v|)2\x01\x13\xe4\x04\n\xff\xab\xd5\xcf\x1aQ\xf8i\x1a\xee\x19\x99\xfd`X\xe3\xd0\xae\xbb\xec\xdb\xe9\xcd\x020\xb8\x9d\xb5\xf2\xa6*=\xee\xee\xad&gt;\x8fc\xff\x1aBD\xc5\xff.@\xb1\tTD[\xe1t\xcc\x19\xf4\xc79\x04\xaf\x98\x13\x8elL\x0e\x91\xc6\xd2hl\xec.\'$q\xd8\x8b\n\x1d\xe1\x8ds]I[;\xa8\x1e.\x9e\xd8\xf6\x18\x8c|\xa3\x8cKM\xdfG\xa7xz\x80\xfbI\x99\x95\xf7\x0cF@\xe3\x0cp\xa0\x04Xs\xbe\x98\x89Z\x8d\xf5c\x19\xe5\xf4\xf2\x0eg \x0c2\xb8\xfa\xa3\xd3\xb2H\xbf\x96\r\x19\xb8\x95\x07=\x8e\xee\xd5er\xe4\xfe|l\xdaK\xa6V\xd8\x989^ \xbe\x07\xdc\x148AUR\x85\xd5\x81\xc0Sx\xc4\x14e\xb1\xe6\x14\xe2\x83\x1b\xea`\xe9\x84\xf2"\x18\xbd\xca_\xa6\xee\xbcB\xff\x0b\xf4\x86\x8e\xf9\xd6$\x10~X\xcbt\xeb\x16)\xa9\xc4r~\xeehk\xb8\x1a\xcdO\xb4\x92\xbd\xb5\xf5\x88 2\xc2\x0f\x9fX?q\xd59+\xbb\x87\x15`\x0c\x05:)\xbcV\xd2\xd7\x0cP\x07P\xff\xc6Yt\xa1\xcd\xcd\xd740\xe6\x06\xaf\x8f\xbe\xc3c\xd7\xeb[Ur\x86\xc5t\x00{ \xab\xdf7N\x01m}\x81\x14\rS\x13T\xe0\x00\xbdK\xc1\xee\x97P\x94\x91d\x08D\x84rR\xba\xe2\xf0 y\x9a\xc87\xc3\x0b\x83~W/\x94\xf4\x1b\xd7&lt;\x8b\x17\x8c;\x02#Ts\xd2\x91\xb0\xc5\xfeXN\xd4McTV\xb1g|\xa0\xfb\x85\xc1Dv\xc7Z\x1c\x1f\x1e\x18:\xed\x9cgF\x916C\xc0\x18\r\xea\x11\xc1\x8a\xe7\x9c\x9c\x82\x0f\xa6\x04\x8d\xdfr\xcc\x068E\x8c\x8c\x1b\xfei\x8d*q\x98\xbc\xad\x82\xfb+1\xf1\xb9\x9c\xe5}\xbf\xd9\xb5\x82\xe7\xf5\xc6\x15\x13D\x16\xbapz\xc7\xe9\x0bM\xa6\xd7 \xc0\x99\x0e\x19\x8b:P\xa8\xba\x9e#\xcbPd&gt;\xe7\x82\x04\xc1\x856\xc1\xf2=\x18u\x81\xdd\x1b\xd50{T&amp;h\x88\xa0\xea\xd6\xe9\x12w\xd4e\x8c\xcc\xf6\x1bm"^}\xea\x9b}1\xd3\xf8Z\x97\xbf#t\x9a\x03\xaa|\xea\xab\xe1r]\xf0\xeb\x1f\xce0Ai\xdfcgJ\x0b8cu\x82\xc4\xe4\x8c{\xe4\xf8\x98\x8a&lt;D\x82\xdb\x8at,\xdd\xfd\x87\xab\xb3&amp;\xafL\x163\xadO;)1Y&gt;\x82\xfc\xed\xc6\x8bF\xec\xe8UZ\x91\xcfL+\x8e+:h&gt;\xaa\xa4\xd5\x12|C\x80\xd9WW\xb2\xe4Q\x90&lt;Z\xef\xf6\xe4\xb9&lt;u\x02\xfa|\xbf\xe7\x0c\x05^\x04\xcfW\\\xdc[\x00\xea\x9bo!;vC\xca\x99\x00\x7f\nC\xa0\xb1\xa0z*\xfc\x17\x9bV\\w\xaf~\x115\x0f\xbc\xdalt\xc5Y\x8c\xbf\x08B\xfcY\xa9\x15\xb2\xe7;\x0bU(\x07|\xc3\xf6\xbdp\xff\x1c\x9d\xf0E\xf8\x02t\x16z\x84\x00\xef\x83\xa4\xcdgXF\x98\xd72!g\xfb\xcb4#\xcfM-\x18\xcb\x12\x05\xa4x\xcb\x1bG\x9a(J\xb36\xccD\xd6\xbem;\xb0J~\xd2\xc0\xd9=,\xbb\xf1\xfb 6y1K3\xden\xbe\x95\xe9\x93\xfe\xc71\xa5\xf0\xb8U\'\xec\xc5hc\x1cWB\x18h[\xf7\xc8\x17$m\xfdEEM)\xca\xdd\x07\x88a\x84\xa2\xee\x1c\xa6Q)&gt;\xce\xdd:{D7Z)\xba?\xa3c\xd2\xf9\xd0`\x8a%\xcd\xc5\x0c\xfa\x08I&gt;\xe3\xe4\x84 \x89c\x84\xdf1\xf7\\\xe0\xa9\xa5\xbeC\x88B\x92\xdbv\xd6D\x8c\x11\xc0rr\xda^b\x17s+\xfeA\xa2\xd4\x99@\xeck=\xd7\xc3\x13\xd2S\xd6\x10\x91\x12Tfh\xa0\xd0Z\xa8\xff\x94i\xf1.\xc7\x01r9\xd7\x98\x01\x80\xc5\xf7\xd3\xc8\xaaI.\xa7\x13G\xea=O\xb4\x8f\xe5\x12|\xb1\xda\x1fn,\xe3\xecG\x13\xe6\x13!\x8d\x00dH\xb0\xee\xd2\xd2\xdd,x\xcccY\xbd\xba\xe0\x96R\xbb\xaf\xa4\x9d\xa6\xa1Y;\xd6\xe3\x1a^\xaf*\xf6\xca\x032\x0f\xc6\x96P\x0f\xc73\xe1S\xe5\xbc1^9\xb4-Na\xc8\xa0Id\xbcK\xa4\x93\xe8Y\xfa\x0e\xb3n\tpzFdmi|\x92\x03\xd1@aOY&gt;c+u\x05\x1a\x1e;3\x12\x1d\xef\xa1\xe2\xbb1u\xd9\x03\xc3K(\xe0\x8e\xd8\xa1u\xda%\xa1\x15\xbfLn\\4d\x86\xa0e\x84U\x88\xf1.j#\xae\xf9s\xdd9\xa8\xe6`\x9e\xb1\xcb\xa0\xce\xbf 0\x89\xd1\'\xd3\xe1&amp;a\xdd\xc5\x8f\xdc(\x88\xdf\x04\x01\x8f\xe0\xac\xbb(\xc6\x1d\x88\xeb\xf9\x8a\xc6\x0c\xb4UA\xde\xe0\x12\x0c\xfc\x07\xfd\xe1\x93\xf5\xbc:rk(\x1c\xd6&amp;\xaf{\xf86\xb0\xe5\xdc\xf4\x19pQWwGaGA\xa0\xfc\xdbBT\xf3\xc3)\x9fe\x17\xe5\xcc(\xe5\x1a!\xfa\xc7\xca\\\x10$&gt;Aw\xc7b\xbf\xed\x9b\x9dp\x8b;\xa4\x981X\xeal\xd6\xd4!^\x9c.T\xaa\x0e|\xcd\xbb\x91\xc70\xe0\xd9\x90O\xed\xd5_g\x86\x8f\xf74\xbb\xaf\xd4\x9f!\xca!S\x8dL\x1d\xeck\xec\r\xb2"\xd0\xccN\xff\xdbb\x8f\x98\x04\xfb]\x18\x10\x1e4\xd5\xe61{\xfb\xc8\xe5\xe1\xea\\\x06L\x01\xbc@I\xd8\x80\xc66f\x19\x94\x9bH\xb9Y5\x89\xd2\xa8\xfa5\x80&amp;\xf3*\xa8=\xeb\xa3\x88a\xd7\xf769g*\x19Y"\x05x\xe0\xb4\x84i\x9f\xc1{\x8ceN\x15\x90&gt;#'</t>
  </si>
  <si>
    <t>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</t>
  </si>
  <si>
    <t>b'\xaeo\x0e\n\xf2\xecO6\x92\xf1\xe0\xb0\xde\x17EG'</t>
  </si>
  <si>
    <t>, 167, 181, 192, 412â€“413
  induced, 98â€“102
  magnetic (see Monopole)
  quantization, xviiâ€“xviii, 380
  uniformly moving, 461â€“463,
  560
  589
 590
  Index
  Delta function
  Charge density
  line, 63
  surface, 63, 102
  volume, 63
  Charge invariance, 553
  Child-Langmuir law, 109
  Circular polarization, 392
  Clausius-Mossotti equation,
  208â€“209
  Coaxial cable, 76, 431â€“432
  Colliding beam, 541â€“542
  Collision
  classical, 508
  elastic, 540
  relativistic, 540â€“543
  Completeness, 135
  Complex amplitude, 387
  Complex notation, 387, 400
  wave number, 422
  Complex permittivity, 421
  Complex susceptibility, 421
  Component, 5, 39
  Compton scattering, 540â€“541
  Compton wavelength, 541
  Conductivity, 296â€“297
  Conductors, 97â€“112, 167, 296
  â€œgoodâ€ and â€œpoor,â€ 412
  perfect, 296, 346, 352, 425
  surface charge on, 125â€“126,
  129, 299
  Conservation laws, 356â€“381. See
  also Charge; Energy
  global, xvii, 356
  local (see Continuity equation)
  relativistic, 536â€“542
  Conservative force, 25
  Constitutive relation, 186, 285,
  342, 573
  Continuity equation, xvii, 222,
  224, 338, 356â€“357, 359,
  367, 565
  Contravariant vector, 526, 570
  Convective derivative, 443
  Coordinates
  Cartesian, 4, 575, 576
  curvilinear, 38, 575â€“581
  cylindrical, 43â€“45, 575, 576
  inversion of, 12
  rotation of, 10â€“12
  spherical, 38â€“43, 575, 576
  translation of, 12
  Cosines, law of, 3
  Coulomb (unit), 60, 585
  Coulomb field, generalized, 460
  Coulomb gauge, 440â€“441, 569
  Coulombâ€™s law, xviii, 60, 63â€“64
  magnetic, 339
  Covariant vector, 526â€“527, 570
  Critical angle, 433
  Cross product, 3, 6
  Curie point, 291
  Curl, 16, 18â€“19, 579â€“581
  of A, 243, 436
  of B, 229â€“233
  in curvilinear coordinates,
  580â€“581
  in cylindrical coordinates, 44
  of D, 184â€“185
  of E, 66, 77â€“78, 313
  of H, 280
  in spherical coordinates, 42
  Curl-less fields, 53, 78â€“80
  Current, 216â€“223
  bound, 274â€“279, 287
  displacement, 334â€“335
  enclosed, 230, 233, 280,
  333â€“334
  free, 280, 287
  induced, 315
  polarization, 340â€“341
  steady, 223
  Current density, 220â€“223
  four-vector, 565â€“566
  surface, 220
  volume, 220â€“221
  Curvilinear coordinates, 38,
  5</t>
  </si>
  <si>
    <t>b'\x83\xef\xe9\x94\xf7O\xcc\xc7\xe1A/\xdc\xc3\xd5c\x92\xb5g\xe5:3\xfd&amp;\xb3\xd2\x01\xf5C\x84\xce.\xf4'</t>
  </si>
  <si>
    <t>83efe994f74fccc7e1412fdcc3d56392b567e53a33fd26b3d201f54384ce2ef4</t>
  </si>
  <si>
    <t>b'\x83\xef\xe9\x94\xf7O\xcc\xc7\xe1A/\xdc\xc3\xd5c\x92'</t>
  </si>
  <si>
    <t>of them did well, but most of them got crushed.
 Why? Because there are only so many ways to sell more spatulas.
 But if you know a lot of moms, and you want to honor the fact that busy
 moms still want to take an hour to cook for their children, then you can create
 a series of products for that person. One of the products might be spatulas.
 You start there. Then you can make a line of products that serve those moms.
 Suddenly, by starting with people instead of products, you have a brand!
 People are what make you money, not products. Think of it this way. A
 product is a onetime transaction. But a brand says something about a person.
 It tells a story that goes beyond the product. That kind of power leads people
 to buy multiple products and tell their friends about them. If youâ€™re just
 selling random products, youâ€™re robbing people of that storyâ€”a story about
 themselves. Youâ€™re getting sales rather than getting customers. And sooner or
 later, your business will come under threat by the next person who can sell
 your product cheaper, faster, or slightly better.
 In the case of RXBAR, founders Peter Rahal and Jared Smith didnâ€™t start
 out with a burning desire to get into the already flooded protein bar market.
 They did CrossFit, were friends at the gym, and were dissatisfied with the
 protein bar options available to them. So, with an incredibly focused
 customer in mindâ€”their friends at CrossFitâ€”they created a protein bar with
 â€œabsolutely no BSâ€ aimed directly at CrossFitters.
 Starting from a basement headquarters making the bars themselves, they
 built the brand around their customer avatar, put the ingredients on the front
 of the packaging, rather than in small print on the back, and watched their
 product explode. Four years later, they were acquired by Kellogg for $600
 million.
 Itâ€™s important to define your customer around someone you know well.
 Donâ€™t pick a group of people you know nothing about unless youâ€™re prepared
 to do a lot of research on themâ€”make sure you can identify at least one pain
 point shared by the group, and how you can serve that pain point with a
 collection of products. So, just because youâ€™ve heard that Gen Z high school
 students have disposable income does not mean that you should target them
 as your customer. More than likely, you have no idea what that group wants
 or needs. Who are the people in your life? You know what they want and
 need.
 Once youâ€™ve identified your person and their pain point or way to help
 them, it becomes much easier to identify three to five products that can kick
 off your new business.
 A word of warning: The absolute worst thing you can do is ask yourself,
 What products are super popular right now? For example, I canâ€™t tell you
 how many people I know chased fidget spinners or tried to sell diet
 supplements. Both trends exploded brightly, and, sure, some people made
 some moneyâ€”but they couldnâ€™t build a business, because fidget spinners are
 a one-off product that donâ€™t serve a direct person, and diet fads change every
 year. Those people thought they had a business, but what they actually had
 was a short-term cash flow machine, and most of those selle</t>
  </si>
  <si>
    <t>b'_U\xc7=(\x8e\x00\x87\xb8\\cc\xf4}\x12\xdc\x9d\x00D10\x9f\x93\x90G\xc2\xe0\x9c\x12\x1f\xa7\xf3E\x8e\x9a@,jC\xa0\xf9\x847$\xe7\xb8\xc8\xf7\x1aev\x84\x0e\xfa\xfb\xae\x83\x89\xe5c\x1a\x01:\x9d\x99^#9\xf9\xc5\xb9\xe3U\xa8\x04\xb4\xf2:\xb5\x96Z~\x8e\xb8\xa5\xfc&amp;\xa5\x1f\xd7\x15U\xee]\x1a\xff(\xcb\xcbb\x00\xf5\t\xc5\xe7\xd9p\x9c n\x03\x8d\x9f\'\xf6\x18\x03\xf2\xd2\xf2fvE\xedaO\xf0~\\\x90w\x93&lt;U&lt;P\x12\xd0\xf3\x95\xbaz\x82\xed\xcc\xb3m\xba\x0c\x9bu\x11\x95\x9c\xe2&lt;p$\x18\xd6P\x0e\xe3\xea\xf9\tA\x1av&gt;A\x97\xf8F\x17\xc6\x08L\x9cs\xdf\x91\xaaFW\xee\xfa\xba\xff\xd0\xc1a\x8b2\xd7P\xbf\x90\xae\t\xabA\xd8\x90\x1d\xca\x1b\x1b\xe6\x01\xc4cu\xf4\x0f\x1e\x0e\x15@\x8b9\x8cJ\x16\xfcn=~~B\xe4#\x8b\xaa8\x0bR\xd5~\xab\xc1\x80\xa0\xeb2\xb8 \xac\xb8|\xed\xa9\x99\xde\xe7\xa6\x9e\xee\xadc\x0fP\xdb^\x85\x0e\xf0V\x1d\xcf\x94nl\x1e\xb3\xe4\x14\xe8\xe0lJ\x0cL\xf1\xfd\x13&lt;\x04\xdc\xae\xef\x18\xa9^\x07HLb:d \xec\xa9k\xffg\x02\xbf\xee\xa2\x11\xb5~pEA\xd8\x98\x9f\x8eA\x13#7/\xe1#2\x99#.\xd3?J\xc8\xf0\x06e\x02v\xe4\xd8R\x88\xf9[c\x03\xac\x93\x01;\x06\x83\xe2m@\xcf8\xcd\x8d\x93\xefgv\xd6\xb5\xf2\xc7\xa8\xba\xda\xa4\xf5\xed,\xba\x90\x86^\xf0\xd0^\xbc\xfd\xdb\x0f\xa7k\x07JL_O,\xd2\xcd\r\x8b\xd5\xa3\xab\xc1\x90\x85\xd1\xc8\xa9\xe3Oux45\x99\xb7\xc6\xd0\xc8\x18\x83\xef\xbegC\x14\xb1\xff\x8b\xee\xf1\x9b\x9c\xa80\xf1\xd5x\xa3\xd1xdsf4f\t\xfb\xb4\xeeN\xff\xfbB\xf5\xe8\xf46\xad\x85\x98\xecK\xec4\xab\xf6-\xeb\xdbK\xb5\x96y@\x19\xcb1Z\xfd`r\x8f\x93\xce\xd1\n\xd9\xa5\xe7\x1e\xdf \xac\x88Jv;\xa4\x8b\xf1\xde9\xcd\xc0}\r_m&amp;\xf8\xa7\x11\t8\xb0\xe0\x99\x8cj\xcez6\r Wg\x1b\xbb\xc3\x9eL\x85\x01\x9e\xdc\xb2Xjj\xa1\xafr\x89v\x9f\x15Ecv\x02\xb3[\xd9\x8d\x07D\xbe\xdd9l\xd6F\x1b\x80\xbd\xfe\xeaz1\x81\x89l\xff}|\xf6\xe7ej\xa3\xb6V\x82\x82\xca[\x0c\xb5\xe2\x1b`[r\xde\x85t\x18\x1dW\xc0z\xcfn\xe20p\xf4\x03\x19\x00\xde\x87x\x04V6T\x93b\xb2\x01J\x80\xbe"\x18\xab\xa2\xa4\x8b\xc7\xbc\xeb7\xe4A\xbfi\xc3\xd0 \xcb\x7f\x0b\xab\xec;\xaf\x80"k\xb61M\xba\xe8m\x06\x84\xeai\xe0@\xcb\xab,\xe0\x9cG\xb5\xbc\x0b^\x94\xe0z\xdf\xb1O$\xae\xcco\x90\xa3,\xd1\x18JB\xa3P\xcb\xfd\xf2\xf1\x05\xec\x05\xf3,,=\xa4We"\xca\x14\t\x993\x97+\x8f\xda)(B\xdc!%\x15\x02\x91\x07\x83\xdfb&lt;\xf7\xf9\rS\xe5\xff\xa2K\x03\xc3@\xa1\x83\x0e\xd6\xe9\x85\xe4\x91\xd6 \xee\x00_\xfa\x99\x1e,\x13\x04\xef\'\xea&gt;\'\xd2\x86\xa0\xda\xda!QB;\xfd\xf0\x90q2\xc4\x07\xdb\xa2\xfd\x81\xb3\x17\xd0\xf1p`\xe8\x9f\xc7\xa6\xb6\xae\x9b\x91N\xb4\x97\x95[1\xfb\xe6&amp;\xbc\x8e\xc9D\xff\x92\xd4\x98\xe8\x18\x85.\x96qrJVt\xc3uy\x87\xd9\x7f^\xab\x8e\\\xfdo\xe2\x9cek\x90u\xea\xabY,\x04\xd5\xac\x00\x19ka\x03L$\xf5\xad\x18\xef\xd7\xf5.X!\xae\xc2\x86\x1dW&gt;\x021&amp;X\xb8\xe8[\x98&lt;\xc5\xe6\xce\x88\x1b\x07m%\xcah\xaf\x1a\xb3bh\x11w\x00x\xc6\xb1\x9b\x13\x81P\xe2Q\x04\x8d\xb8\x8aYn\xe4e\xd9\xe12cK\xef\xabW\x14\xae:\xcc\xe2\xbf:RH\xd1\x8c\xc0\x1f\x98\x83_T2\xb9\xe0\xe4\xc2\xa6;ly\xc9&lt;s\x97\xc8\xca\x90q5\xe0\x81}\x9e\x8f^P%\r&gt;\x82\xc9\x87\x1c5?\x92YC\x0bwB\xa9*T\xc4Z\xef\x85\xa7;\xed@\x94{\x18?\x99\x7f\x0bt[\x13P\xd2\x0fq\xac\x04\xfa\x19\xd0\x89\xebx&lt;\xabI\xfd\xa2\x1a\x9e\xe5C-\xbe+\xc9\xa0LG\xca\xf6\x9d\xc4F\x9d\xd2TD\xef\xba\x03Z\xb7z\xae+\x89\xff\x1f\xefA8\x04&gt;.\xc4\xc2\n\xa4\xf9T\xe3\xb9\x1e\x04}\x9eq\xa1s~\x13:Vf\x8eM\x87\xf5\xb2\x8c\x11\xf4\xbe\x93\xe5\xdb\xd2HW\x151x\'6\x93\xc7\xedL9Q\xf0\x88\xdc4iq\xf5*\x15\xdd\xeb\x1f\xf6\xf3xO\x06B\xb2#V6\xb6,\xa4\x1eO\x07\xb5TFa\xa41\xee\xcee\xae\xa0\x9b\xa8\xb2~\x8e\xfc\xcdt"\xb2L\xf5\\A\xea\xa1&gt;X\x03\x8a\x0e\x98,]\xbd\x87\xd4H\xca\x15*c\xba\x13\xd8\xfe\x9e\xe9G\xfc\x1d\xc4@\xf3\xe8a\xd2\xf3\xf3E:Ww\xdfA\xb6\xe4%|:\x8c\xa2\x01\xd3\xbd\xe8\xa3\x05\xb3f\x86\xb2Bd\xf0\x89\xf1\t\xe4\xf9O\x1b\xa8]\x8b`K\x0c\xa3\xb6\x8b\xd3pIVv1h\xda\x06\xdd/\xa4\xd8$\xed\xd8\xed\x15\x04\x00\xd1U\x01\xe3\x0e\x9b\xd4\x84\x7fR\x13\xd5J\x01)\x87\x1d\x86\xd2\x82\x16*GR\xef\xf6\xfc\xf5\x02\xb8"\x06\xd1V\xe5D\x9bf\xae\xc0\x02\xa5q\x073\xfem$5.j$\xaa\x148\xda\\\xa3X\x1d\xb9t0\xf0\xc9\x94\x88z\xc5\xb1\xf7\x8dbDw\xf9\x16\xfc\x1b\x04\xc4\x1d!\x96\x88&lt;6\xc6\xd5\xa7W\x99\x06E\xa7\xd7M\x07\xc5[\xe8\xd1\x10~W\xb8O\x97?\x0c`\x95 ;I:\x96\x99\xb6\x04yD#z\t\\\x9e\xbe\xd3\x156C8?\x9e\xec=\x84\xf5\x07\x95\x08X,\x9cB\xe8z\xeb/\xefW\xb4\x06S!G\x1a \x07\x1d\x98Rc\xf6\xba\xa4A\x9f\xf0\x0e1A\x04\x1a\xa7\x15\x02\x1a\xff\xc7\x041BL\xd7T\xe0\xdc\x03[\x8c^I\xdd\xc1F\xf1\xdb\xb1H7\x0f\xe5`\x9f_;\xf1\xafbi\xc3\xe0\x01\xe5c\xf4\x15\x04\xda#\'\xf8\x0b^\xa2\x06\xffV\xd1l(0J\xf6\xb3WB`)s\xa0$\xf1$\xf0\xb7\x06\x8b\xd5\xe1n\tI\xc3&lt;e\x9a\xa4L8\xddbYQ\xc7iO\xbc\xe4\x02k\xd8\x82\x18lR\x83\x97\x9f\x07\xdd6\xd5\x15&amp;\x98\xae\xdd8l\xe1\xd1\x8a+\xafoq\x17O\x10Z\xc2\x96x\xf9*\xe2\x13\xd7\x15\x06\x08\x8f\x84\xe2\xfb!r\xf1\xb9\x0c\xda\x10\x07\xd1H\x06\xfaK\xfa8\x7f\x90Z\xca\xa6\x04\xcc\x92\xf7\xf2\x81(\x04\xd8\xaf\x1e#]\x7f\xddU\x9a\x9e)\x00O\xce\xa7\xa3\t\xcb\x14\xb79F\x01\xb0y\x97\x08n/j\x18\xe1\x8c?\x91\x89(/\xbf\xb9N.M\x97\\\xef\xbc`\xad\xbf&gt;\xbd\x10\x06\xee\x9cl\xb8\xb8\xab8\xe7\x04\xd4\xf1\xd7{&lt;T\xbe\x1a\xdb\n\xa8ibu8\xefi\x1c\x17\xc7\xf6\x95\xcc\x97\x1a/\x86\xa0\x8bF\xc0\x1e\xf9\xa7\xefQ,\x94q\xf2\xfcK?\xac&amp;U+\xc45\xa4\xf7\xd3\x9f\xb3^\xe4\x1aV\xdc\xa9\xc2\xedZ\x1arS\xab\x9e\xe4c&lt;\x11\xdcW\xe2i\xfaq\x0e*;\xc2*a\x87\xbe\xe3,\x9d\'\xd3\xef]\x99\x04\'J\x0b\xd0\xe8v~%\xe90\xf6VP\xe3\x8e\x1eTP\xde\xdba\xb6\x96g\x8f\xe6\x9b\x96h!\xff\x0b\x918\xf2\xa9\x80\x01S\x86a\x00\xc9N\x05bp\r\x8f\xe9\x99mX\xcfu\xaa\xc8gM\xee"\xb6\x93\xaa\x89\xd3\xb7u\x0e\x03-J(\xfdoD\x15_?\xd7\x83\xe1\xa0\x90_\xfc!\xfd\xdd\xb2\x04\x13p\rA\xde\xe7\x97p\xa7\xbbk\xf9\xbdN\xcc\xc4\x14\xaf\x18\xac\xe3\x02z\xce\x1e\x125\x19D\xe8\xd0\xd7\x04\xeb\xe0#\x9c\xf0\xaa\x8e\x99\xe9\x9a\x98\xdd\xeax\x1f\x14F\x04\x12\x14\xda\xa83sn\xf2,?\xb8e\x07W\x1aw\x0b\x9e;\xed\xdb\xa7\x98\x12K\x98P&gt;\xbfmK\x99E\xf6\x80\xa7\xe3\xd6\x96\x85\x98m\x9c\x17\x15\xb7B\xb9\xbdS\x16.\xd9#\x19\x08\xd9\x90\x89\x02\n[\xaf8&gt;\x07\x8f\xc4R\xdf@e\xfb\xae\xa2N\xbfFr\xd9t\xbf5v\xe3\xcb`\xdb\xd5\xa6G\xaf\x8a\xb1\xd5\x8fC\x17\x03H\xcb\x7f\xa9\xa1~*\x85\x02\xb5\xae"\xf9{c\x91,\x94g\xa2\xd0\xabyd\x95\x04\x04@z\xfa\x0fL\xe1\xab\xe1\xed\xf6\xd1x\xbdA\x9c\xad\xfc-\xd0\xffxD\xfal\x82\xd0}\xfc\xfb\\\xd8\x96\xe0N\xd7&gt;x\x00\x02Km\x96P\x9e\xaf\xfc\x99\xfa\x14g\xc2374P\xdf_\xe6\xab\xca\x0bC\xe5\xc8[\xe7*I\xff\xbef|\xf5\x0e9 &amp;]W\xf2\xfa\xed\xd6*\x90"\xee\xf0\x04\xaedh\xb2|%$\x01\x17\x10\x9e\xd0\xec\x16\x7f(\x97\x11y\x8c\r\xfc\x88\xdd6\xaf\x10\xd6\x95c\xe02|N\xb3_\x14Z.\xf3\xc4\xdd\x94\x13\x97\xd4\x96\x18Fh\x81\xbeLE\x16\xed\xa9{\xe4\xf0E\x10E\xed\x97\xc6\xd6\xd3su\xc0\xe5\xa5?\xcd\xaa\xa5\xc4\x9e\xc1v\xdax\xd17\x00\xcd\xcd-\x06\x1eAw\x06z\xb1\xd4\xc7\xf3\xee\xb5\xb0o\x03\x11\xa8\xc9\xc3R\xcc\xdf1\x9aH\xb45oc\x07`\xda,\xe4\xb4y\x11\xa8\xad\xbc&gt;\x02\x0e\xd9\x8c\xb9f\xdeHm\xb8\x9f\x85(\xc4\xf7\xb1\x07\xb6\xfaO\xd6Ai\x10\x16E\xa3\x88(\xfb[\x98u\x9dA\xa3c?\xf27\x07\xf4~6\xdaf\xc8\x9bc\xffw\xd9\xe1\xc7l\x06\x9b\x0f\x9e\x18}=v\xb9j*\xc3i\x83\xb9\xc0\xc5\x99W#\xe1\xc9\x84\x9bC\xfe\xddo\xe4D\xee\xe45\xb2\x975\x8b\xe8\xf7\x97\xa8\xf7F\xb0\xf4\xa2A]\xb9\xad\xfc2\xb3m\xbc\xfc\xc6\x0fUQ\xd1\xa2\x17/\xd0\xc9\xf6f\x02W\xaa\xe9\x99W\xe5\'o\x05d\x95\x8f\x1cM\x90\xfd\x10\xf3\xb1\xc7U\xbd@\xf8H\x98\x8a\xc7Z\xf4\x91\xc2N\xaa\r\xb1M\xa0\xf8\x00C\xc5F\x1d@\x93\xa6h\x9f\xb8&amp;\xcb\xcf\x0b\xe5\xec_\xad\x8a\xb6\xdc\xb5\x89XO\x93\xbd;9\xa3W\xdaC=\xc5\xdb\xa93\xfe\x97\xbd\xcd\x87\xe5\xb7\xe2/\x1a\xb8W\xb6&lt;\xb7\xc4\xa8\xb6\x9d\x8c\xa1\x1b\xbc\xf4\xb3JN\x8d\x88h\xff\xbd\x16\x94\x84\x10\xcc@\x0e\xda\xe4Z8\xb0\xb7FB\x0f\xdb=1\x06\x00\xbf\xe3&gt;\xe1j\x01\xc3\xdf\xceP\xa8\xa8\xa4\xc7A\x8ck\xc6\xc9\x89BzNM\xf3\xb9\xb6\xedp\xcc\xcb\x8f\xbe\x8eC\x80\xfa\x1b\x1f\x92wP\xf5\xfc\xe4`\xec\xdaO\x9ah\xfep\xac\x7fQ\xd2\xe5\xad&gt;\x84\xc0\xd3\x1e\x17\x10V\ng\xe7\x08\x10c\xf1\x8e\xc1\xe5\xa3-\xec\x04\xc8\xdfg\'\x1c\xa5\xec\xd96\x07\xa6c\x97\xfcr)\xc8\xf7\x90w4\x04j\x10@\x1ao\x8d\xa9W\xd5\t\x9eD\xe3\xccN6\xd1n\\\xf0\xd8\x9bL\xb0\x8c;\xd1Y\xb4Gz\xf3\xcf\xb3\x02\x1aG\xd2\xd0}\xf5\x19so4\xa7\xea7\xedH\x95\x08\x86\x01i\x01]\\\x12\xe9R\xd1[\xfd\xdb\xc5\x85\x87\xef,\xb8\xb0\xech\xe7\xe5\xdcD\xf8\xe6k\xb9Q\xa59\xf2|\x85\x8fY\xac\x82\x0b\xc2\x1cN\xceV\xb4\x86oH\xa0\xd6\xbe\xb8o\xa8\xf0\x0c\x18m\xb1vP+\xf1(p0\x1fL?\x9c\x83\x1f\x01\xb00\xdd\x84e\xf5\xab\xbc\x9b\xe2fA\x17\xc2\x8b3\x8c\xf4\x96\x89\xed3U\x10\xdaU\xc20/F\x10_\xc4V)vUO\xf6\xb5\xe6\x86\xfevP\tb\xf1\xac\x18\xd0w\x94\xe2\xb4R\xef83\tdt\xf8\x7f\x8ab?\xa5\x9c\xd4\xf6\xa6\xc2\xa2D}\x0ce\x19,D\x8d\xc7\x83\x99\x8f)\x90/\xdc\xd5\x1et\xfc\x9a\xd7B\x1a\x16\x8d\xff\xd5\xc9\xa49rv\xd3Y\xda\xe8tc\xd1}\x87\x0b^ \xfes\xa7$\xf6\xd8\xd8\xe8j\x83\xbd\x17\r~\xb6U\x04\xecU\xc2\x0f9\x04\xba\x9dJW&gt;y\xc2\x97\xa7y\xa5\x98\x182MH}\x03\xb5\xe2\x11\xbf\x93\x1b \xff\xef\xe57\xf7\x85\xbd\xdcl"\xf6\xb4\xbb~\x86\x1e$\x98s\xf6x\x8d\x03\xe2e\xed\xc1.BFSH\x80d\xa9_\xe6A_\xa8\x03\x1a\xb7\x9f\x13\xcb\x14O!O\xb9&amp;\\\xd2\xf4k\x08N\xaa\x82\x11\xe6{\xf8\xd0I\xb59\x12=\xce\x1d\xa0\xd5D\x06\x18S\xa2,9\xdc\xc5Ek\xd2\xf6\x0c8\xcb\xdd\xafm\xa6/\xb3H\x9a2r\xcc)Z\xa7\x19g:\xef\xd7C(T\x93\xe2\n\x1a\x13\x9f@\xb1HwfTbr\xea|]\x00\x0bU\xa6\xe2)\x1f\x82y\xdf\xf1\xe7\xb9\x1e)O\x9b\x1801\x88\xb9\x89\xbf\xe1\x8d.\x93\xdaI\xd42/\xb4\x03\x04S\xd8\x85\xcc\x85P\x92\x9a\xf7\xbb\x93\x01/\x84\x8d\xfe:\xc80\xbd\xc4\x01R\xb3\x17\x9c\xaa\xb0qPh\x056lX\xb6,7"\xa3O\xea\xcd\x1ers7\xed{#t1\x8et\x05\x1b\xc5"N\xa36_h\xde\xfb\xadn\xf1Wy\x1e\xfcK\xdc\x14\x9bH\xd4\xe8n\xdc$\x89\x1c\xc1\xeca\x04\x90\x1e;I\xbf\xdfw\xbfNP\xc8\xda\x87t\xfeN[\xaa\xad\xda$\xef\x80E\x12\x82\xb6j]\xc54'</t>
  </si>
  <si>
    <t>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</t>
  </si>
  <si>
    <t>b'_U\xc7=(\x8e\x00\x87\xb8\\cc\xf4}\x12\xdc'</t>
  </si>
  <si>
    <t>Waves
  As time passes, the entire wave train proceeds to the right, at speed v.Atany
  f
  ixed point z, the string vibrates up and down, undergoing one full cycle in a
  period
  T = 2Ï€
  kv .
  The frequency Î½ (number of oscillations per unit time) is
  Î½ = 1
  T = kv
  2Ï€ = v
  (9.9)
  Î»
  .
  (9.10)
  For our purposes, a more convenient unit is the angular frequency Ï‰, so-called
  because in the analogous case of uniform circular motion, it represents the number
  of radians swept out per unit time:
  Ï‰ =2Ï€Î½=kv.
  (9.11)
  Ordinarily, itâ€™s nicer to write sinusoidal waves (Eq. 9.7) in terms of Ï‰, rather
  than v:
  f (z, t) = Acos(kzâˆ’Ï‰t +Î´).
  (9.12)
  Asinusoidal oscillation of wave number k and (angular) frequency Ï‰ traveling
  to the left would be written
  f (z, t) = Acos(kz+Ï‰t âˆ’Î´).
  (9.13)
  The sign of the phase constant is chosen for consistency with our previous con
 vention that Î´/k shall represent the distance by which the wave is â€œdelayedâ€ (since
  the wave is now moving to the left, a delay means a shift to the right). At t = 0,
  the wave looks like Fig. 9.4. Because the cosine is an even function, we can just
  as well write Eq. 9.13 thus:
  f (z, t) = Acos(âˆ’kzâˆ’Ï‰t +Î´).
  (9.14)
  Comparison with Eq. 9.12 reveals that, in effect, we could simply switch the sign
  of k to produce a wave with the same amplitude, phase constant, frequency, and
  wavelength, traveling in the opposite direction.
  f (z, 0)
  Î´/k
  Central
  maximum
  v
  FIGURE9.4
  z
 9.1 Waves in One Dimension
  387
  (ii) Complex notation. In view of Eulerâ€™s formula,
  eiÎ¸ = cosÎ¸ +i sinÎ¸,
  the sinusoidal wave (Eq. 9.12) can be written
  f (z, t) = Re Aei(kzâˆ’Ï‰t+Î´) ,
  (9.15)
  (9.16)
  where Re(Î¾) denotes the real part of the complex number Î¾. This invites us to
  introduce the complex wave function
  Ëœ
  f (z, t) â‰¡ Ëœ Aei(kzâˆ’Ï‰t),
  (9.17)
  with the complex amplitude Ëœ A â‰¡ AeiÎ´ absorbing the phase constant. The actual
  wave function is th</t>
  </si>
  <si>
    <t>b'_.9&gt;\x1d]\x01\xa3N8\x03+\xefL\xd4[\xf9\xa8\xa5I\xa0\xfd\xca\xf4\xf3\xca\x9f\x99\x8d&lt;N\xe1'</t>
  </si>
  <si>
    <t>5f2e393e1d5d01a34e38032bef4cd45bf9a8a549a0fdcaf4f3ca9f998d3c4ee1</t>
  </si>
  <si>
    <t>b'_.9&gt;\x1d]\x01\xa3N8\x03+\xefL\xd4['</t>
  </si>
  <si>
    <t>a knot, he turned, and, with a terrific look, pointing to
 the ground, the Baron saw there the body of a man, stretched at its
 length, and weltering in blood; a ghastly wound was on the forehead, and
 death appeared already to have contracted the features.
 'The Baron, on perceiving the spectacle, started in horror, looked at the
 Knight for explanation, and was then going to raise the body and
 examine if there were yet any remains of life; but the stranger, waving
 his hand, fixed upon him a look so earnest and mournful, as not only
 much surprised him, but made him desist.
 'But, what were the Baron's emotions, when, on holding the lamp near
 the features of the corpse, he discovered the exact resemblance of the
 stranger his conductor, to whom he now looked up in astonishment and
 enquiry? As he gazed, he perceived the countenance of the Knight
 change, and begin to fade, till his whole form gradually vanished from
 643
 his astonished sense! While the Baron stood, fixed to the spot, a voice
 was heard to utter these words:â€”'
 [Ludovico started, and laid down the book, for he thought he heard a
 voice in the chamber, and he looked toward the bed, where, however, he
 saw only the dark curtains and the pall. He listened, scarcely daring to
 draw his breath, but heard only the distant roaring of the sea in the
 storm, and the blast, that rushed by the casements; when, concluding,
 that he had been deceived by its sighings, he took up his book to finish
 the story.]
 'While the Baron stood, fixed to the spot, a voice was heard to utter these
 words:â€”*
 (* This repetition seems to be intentional. Ludovico is picking up the
 thread.)
 'The body of Sir Bevys of Lancaster, a noble knight of England, lies
 before you. He was, this night, waylaid and murdered, as he journeyed
 from the Holy City towards his native land. Respect the honour of
 knighthood and the law of humanity; inter the body in christian ground,
 and cause his murderers to be punished. As ye observe, or neglect this,
 shall peace and happiness, or war and misery, light upon you and your
 house for ever!'
 'The Baron, when he recovered from the awe and astonishment, into
 which this adventure had thrown him, returned to his castle, whither he
 caused the body of Sir Bevys to be removed; and, on the following day, it
 was interred, with the honours of knighthood, in the chapel of the castle,
 attended by all the noble knights and ladies, who graced the court of
 Baron de Brunne.'
 Ludovico, having finished this story, laid aside the book, for he felt
 drowsy, and, after putting more wood on the fire and taking another
 glass of wine, he reposed himself in the arm-chair on the hearth. In his
 dream he still beheld the chamber where he really was, and, once or
 twice, started from imperfect slumbers, imagining he saw a man's face,
 looking over the high back of his armchair. This idea had so strongly
 impressed him, that, when he raised his eyes, he almost expected to meet
 other eyes, fixed upon his own, and he quitted his seat and looked
 644
 behind the chair, before he felt perfectly convinced, that no person was
 there.
 Thus closed the hour.
 645
 CHAPTER 7
  Enjoy the honey-heavy dew of slumber;
 Thou hast no figures, nor no fantasies,
 Which busy care draws in the brains of men;
 Therefore thou sleep'st so sound.
  SHAKESPEARE
 The Count, who had slept little during the night, rose early, and, anxious
 to speak with Ludovico, went to the north apartment; but, the outer door
 having been fastened, on the preceding night, he was obliged to knock
 loudly for admittance. Neither the knocking, or his voice was heard; but,
 considering the distance of this door from the bed-room, and that
 Ludovico, wearied with watching, had probably fallen into a deep sleep,
 the Count was not surprised on receivin</t>
  </si>
  <si>
    <t>b"U\x8bS\xc2\x03e\x10\xea\xf0\xf8\xda\x15\xfd*\xc9\x86\x91\x01\x81w\x96'J$Ru\\%B.?\xf2F@o\xcc\x0eO\xc1\xb5\x01\x92\xc3\xc8\x0cSJ\xb3\x85m\xb5\xfb\xb35'+\xa8V\x81r\xa23\xd4F"</t>
  </si>
  <si>
    <t>558b53c2036510eaf0f8da15fd2ac9869101817796274a2452755c25422e3ff246406fcc0e4fc1b50192c3c80c534ab3856db5fbb335272ba8568172a233d446</t>
  </si>
  <si>
    <t>b'U\x8bS\xc2\x03e\x10\xea\xf0\xf8\xda\x15\xfd*\xc9\x86'</t>
  </si>
  <si>
    <t>hed and
stared at. You know that!"
"You seem to be out all day but I do not think it has done you harmâ€”I do
not think so. The nurse says that you eat much more than you have ever done
before."
"Perhaps," said Colin, prompted by a sudden inspiration, "perhaps it is an
unnatural appetite."
"I do not think so, as your food seems to agree with you," said Dr. Craven.
"You are gaining flesh rapidly and your color is better."
"Perhapsâ€”perhaps I am bloated and feverish," said Colin, assuming a
discouraging air of gloom. "People who are not going to live are oftenâ€”
different." Dr. Craven shook his head. He was holding Colin's wrist and he
pushed up his sleeve and felt his arm.
"You are not feverish," he said thoughtfully, "and such flesh as you have
gained is healthy. If you can keep this up, my boy, we need not talk of dying.
Your father will be happy to hear of this remarkable improvement."
"I won't have him told!" Colin broke forth fiercely. "It will only disappoint
him if I get worse againâ€”and I may get worse this very night. I might have a
raging fever. I feel as if I might be beginning to have one now. I won't have
letters written to my fatherâ€”I won'tâ€”I won't! You are making me angry and
you know that is bad for me. I feel hot already. I hate being written about and
being talked over as much as I hate being stared at!"
"Hush-h! my boy," Dr. Craven soothed him. "Nothing shall be written
without your permission. You are too sensitive about things. You must not
undo the good which has been done."
He said no more about writing to Mr. Craven and when he saw the nurse
he privately warned her that such a possibility must not be mentioned to the
patient.
"The boy is extraordinarily better," he said. "His advance seems almost
abnormal. But of course he is doing now of his own free will what we could
not make him do before. Still, he excites himself very easily and nothing must
be said to irritate him." Mary and Colin were much alarmed and talked
together anxiously. From this time dated their plan of "play actin'."
"I may be obliged to have a tantrum," s</t>
  </si>
  <si>
    <t>b'G\xea\x9c-w\x97D\xd7\x8f\xdeq\x900\xc4\xa1\xa6N\xbe\x87\xd7W2b0\xffT\x93\xb6\x04\xa8\xb9\x1a~\xd6\xa0\x9az\x1fMX[\xd5f\xd7V\xf0\xae(\x90+\xdblA~\x15Xk4\xd3e\xa1\xad\xd7FSWs\x1a\x14\x8d\xe5\xdc-\xe6;x46\t,\xeb\x89\x15\xf1\xbcq\xce\xb5\x89JbB\xf7GTN\x80l\xd9\x90i\x95f;\xae\xc5\xefOo *%\x9b\xef\xb0D\xb3\x0f\xb1y\xc5e\x9d\x14)\x05i1u\xca\x13\xd6\x9d\xa8\x96~\x10a\xd3C\'v\x86\x1a\xe36\xfc\xcb6/\xa2\x82P?\xc7\xa9\x96\xa7\x18\x81\x88\xaf\x0e\x85\xe2\x1a\xe2\xa9$\xd5\xfeb[\x0c&lt;\x99P\xca\x88\x9d\xf7\xc5\xfd\x8f\xdd\x95x\xba\x08\xe5\x16N\xd1\xdd\x850JC\xb9\x16\xd8\xe3*\xf3F\xb4\x86\xeaV\xbd\xd2\x91\x86\x9e\xc2\xee\x15\x8bG\n\xef\xf1\xabf3o$\xa8\xbfjI\xe3E\x96&lt;:}#(\xcb\x8c\xa3\x88\xd3\xd2\xd8\xe4\x9af\xe2\xde\xad\n\xb5V\xf3\x0cV\x8b\xea\xa3\xf1\xba\xb89\x1a2\xc9\xc5m9\x9e\xeaw\'\x8eG\xdfy\x00\x9aR\x1b\x0er/\x98\x00n9j"qwK*W\x9eZ\xab\x1d\xfa?\xb9_|O9|\x97T\xf2\xf0\xea)\xbd\r\xe1n\xd6\xe1\xa3l\x8a\xf9d\xcc\xa0\xda\xb8\x00!\xbfS\x871`\x8f\xc4b%P\xac\xfb-\x8e\xe5\xc1\x0cH\xe8\xed\x1bQ\xdeX\xba\xe6g\x91!U\x87\x0b]\xf1.Z\xcf\xb0\x0b\xc3\xb9E0\xa4\xfa\xd5\xafb\x91,\x99\xd5\xb3Is\x1aT\x98\xe8}\xed\xe7\x8f\x9fS\xf5W~FAj\x99M\xb5\x11}\xc3\x8f\x06\xe7\x07)\x9a\x90\xcc\xdb\x0e\xc4\xfa\x0c"h\xde}g+\xa4%\r\xcd\x9d;\x03\x17({\xfd\xfe\x8a\xc9Ei\xd0\x1f\x84A\xc4|\xba\xb5\xcf\xea\x17%Y|DI\xa6\xc7\xf4\x13\xb7\xbb\xb48\xd4\x80\x04X\x83\xce\xa3\xbf\x17^]\xfc\r%\x89\x9e|W\xc6\xdfv7Z\xcf(\xfd\xcc9\xb7\xe1\xdbU%\xed\x145\xda\x071\x94\xb1\xb10ZD\x18!\xa6F-\xafC\xa3\x08\xed \x0b;\n\xe9(\xba\x82\xa3\x80\x8es\x86\xfb)969$\xbd&gt;\xb2\xc4\x97\xa8+0-/$\xb6\x80\xc2yl\x10\xe1J\xd9\xaf\xa7\xb8\xc9\xdc\xdd7E\x98\xda\xb1\xa6\xb9\x0c\xd6K\xf9\xd3g\xc3\x18\xe9\xd3v\xf4\xed-\x94\x81EpjA\xc5\xe3}&lt;5\xd8\x1d4\x94S)\xf1\x05\x82bvD\xf8\xec\xd7\x1d\x93\x87\x7f\xe3hl\x10\xf0\xad\xd6\x82\x88C\x92\xb0\x8akSN4U\xba\x1d\x7f\'\x00\xda\xa6\xfa\x8b\x9a\xe3\xfa\xaegv\x9c\xe0\xc2r\x1e?1\xc71\xe8\xe1\x18\xe8\xdev\xf4\xc3\xc6\x07,\x99\xa0\x90\xc4^ZG\xa0xKO\xb6M\x98\x1dO\xda&amp;\x93\x7fY\xeb\xf8\xd0\xe6s\xe0\x88S\xc5/\xd9~\x93\xba~\xda\xf5S\xefI\xa2\xbb\xf5/I\xa6\xe9\xd5-=\xf4\x11JT2\xd7\xa9\xdce\xf8F\xc3\xe6tR\x1c2I\xf2\x82\x1d\xb7\xccx}2\\\x91`\xee\x96\'\x92\x06=ok\x88\t\xbc\xfe;\xf6\xfc\xb0]\xe8\xbd/\xe94\x0ek\xe5\x9f\xa6\x1f\xf9\x95k\x9a\x98L5\x18\x86\xd2\x0bf\x18M\xb6q\x07\x84\x90J\n\xd5@\xd4&gt;`\xfe\xabRrqO\xef\xdd\xae\x94R\xa3\xf3HqW\xc8\x13\xdfi\x1b%\xbb\xe6\xd0\xae\xb8`o\xf4\\f"w\xed@\xf6\xd6\xf4\xa0H\x1a\xc9\xa9(T\xe1\xd5\xe6\xf4=&lt;\xce(.KU*r\xc8\xb0\xd8\xa91v\xe1\xa1j\xb1\xc1\xc5\xc1\t&gt;\x01\xee\x8dEp~K#$/\xe9]\x9a\\\xfem\x9b\xdc\xa8&gt;\x8a\x0c\x0fV \xb8\xa3v\x9dT\x85$\xf8ng\x19op\x10\x96\x93|\xa5\x96qD\xcd\xf9\xc8\xb1\xa2q\xdb7\xbd\x8e\xc5\x8d\x8b\x122\xb8\xe0\xa4\x0b\xac\rC\x08=B\xfa\xb7\xa7\x0b\xc6?D\xe2\xfa\xe9\x9b\xe4LfF\x9f\x90g\xf1g$\xe90\xd4Xd\x88z\x06,\x8bL\x18\xd02\xb2F\xcf\xb4e\xc8c\xe1\xe6\xc4\x98\x1fG\xde\x11\xb6\x13\x04\x05\xc4P\xdb\xf9\xbe\x1aa,\xcf\xae\xa64kT\xc0po\x95\xdd\x99%\xd10\xa8\xfe\xfc\x0b]"\xe2\xc3\xda\xb5\xbc^\\@\xa6~\x8b\xaa\xa4\x84)\xa4\x00\xad%#\x90\xcfp0s\xb5\xc9\xba\xf4\xea\xe7\x99\x1du\'\xc2?\x03#\xea\xcc\xdd\xb8*!\xe5\xd8\xe4\xfa\x184v\xdb\xd68f\xd9h\xf6v\xd3&amp;\x1a\x0f\x11\xf9\x04\x8b\xe8`\xbe=d\xd9\n\x9cP\xd7f\xa5m\xcfAg%)\xe1m\xdfjoQ-B\xa9\xd7\xd1\x1e\x90\x00p\xfeB\xc5v3\xd1\xe1\x82\x97\xbc\xc5Z\xfd\xe6\x0f\xbf\xc6\x91\x98\xe2h\xd2x\x8d\xb8\xb5\xa6\x8b\xa5\x0e\x15\x98\x8b\xa3\xe7\x87\x15R\x07j3\xa8\xdc\xac\xe8\x824\xa5c\xa6\xcb\x1c\x85\x90\xef\xcf\x91\xf4W\x01\xe1\x97:w\xdd~\xf1}$\x1d\xbd*\xdb\x9e\xeb\x13$\xc0\xa4\xab\x95\x11\xc6@_\xe0\xf5:\xd4\xeb{ 8"I\x03\xcd\x8d\xa1A\'\xa4\xdc=i\x9c(\xa5$L\x9f\x8e\\\x14\x8e\x8d\xf0\x1e+\x7f"$N\x1f\xf1\x9c\x8e&amp;\xaa\xd3\x817\xdfD\x84\xcb\x0e\x0b\xc2\xd3s.p^o\xde\x0b.\x80\xcaC\x8e1\xc7\xcb\xae%\xbaW\xdd\xbe3\xb8QP\x1c\x11\xa7\xc4Z\xb9&lt;\xa8\r\xf4\xbc\x1aY3\x8e\x18I\xab\xdf\x1c\xc5\x06*\x82y\xd0A\xdd;\xa3P9\x19\x7f\xffu\xf7\x08\x92\xe40a\xa9\xbe2\xcf\xc1y\x00&gt;\xb3\xc1\xe9\xc3n\xf0\xa6\x8c\x14\x0c\xd8\x19+\x8a5}P\xfe\xbcy\xef\xd5@\xed\x02\xc2\xba\xd6\xc4M\xbb\x7fjg\x9b\xb7\xc2\xea\xe5\xbb1\xf1;:[\xec\xe7\xe5\xd0\xe9\x8d\x91\xcc\x8bp#\xe0\xd3\xd1\x99\x0b\xf2\xfe\x0e\xf6\x18,\x18\xd0A\x03+\x98d\xd4\xc7\xe2F.\x93\xac\xc5\xfc\x95T\x86\xf1\xd1\x00\xa8:\xbd\xd2\x13d\xe6\x87g\x1c\xa0E\xe1(\xfb\x1da\xb8\xdf\xeb\xa9\x8a\x93\x0f\x89\x9e\xa0&amp;]\xba\xe4l\x86+\xd5\xddy\xa2\x88\x04\xb0\xd0\xf4RU&gt;\x1a\x1d\xcec\xdes\xbfN\xc3L\xe9\xb12\x01\xf1\x06W90\xee\x95p\xf0\x04\xe8\x8d\x06\x04\xa3iV6\xf7\xe7!\xb6\xdf\xee\xf6.\x08\x0f[a\xfb\xff\x97\xd8K675O\xb8\x88@\x84\x0e-Ax\x07\xe1&gt;=\x93\xdcP\x80\x84\xc1\x02\xe5y\xac\xa65\x06K\x82p\xec\x8f8\xf0\xb2mk\xd1\x0c\xc1\xcbb@I\x9f\xb4\xd7L\xb7\x8d\xa98\xf1\xc1\'{f\x12\xb1/[~\xdbE\xfe\xdd \xc82p\xc3\xb7\x07C\x04\x88\x0c\xb4\xc8\x90\xbad\x04\xf9\n\xb4\xe5X\xa4\xa3\x94\xee\x83\x04&amp;\xd2P\xca\xbd\xd0\xb4:I\x99(\x83T\r:`\x12\x02\xeaK\xcc\x95~6\xec,\xdd\x1e\xfbW\xa6\x8d\t\x9aB|\x17\xbd)\x15i\xe3\x0b\xffk\xe4\xb7\xe8\xd86\xfb\xbd`\xb2\x8f\xeb\xe2\x05\xf2H\x1e\xdf\xffFx\xe9\xe0\x80\xe1\x94\x0f\xc0T^\xab\xccz\xae*_\xd8\x19\xf3mzS\xdeqD\xd1\xa8\xf6$9\xfdh.v}\xd0\x88\x12\xbe\xab\xaa\xac\xa5o\xca\xc3q\xe6\x99.\xacq\x84:\x19;!4\xa9\x16\xcb9\x99\xde\xfa\xd0\xaa\xc1\xf8`\xd8\x8d\x9a\xc4O\xc5^Il\x07\xed.\x7f\xb7\xb1\xae\x10\xd4\xbc\xac\x16\xab\xd4,\x94L\xa9\xb3\x01K@P\xd16.\xce\xb6\x9aU~Pf&amp;\xb8P\xb51\x11\xae\xb1Re\xec\xb7\xabHc\x1f\xe4!\xe1\x80C\xda\xedF3\x84\x8f\xc8\x80\xb6:iE\xb1k\xa1\xb9\x87\xc7\x1e\xbc\x1a\xa3\xfb\x81\xd6Q\r\xd9v\xeb\xb3\x1c\x9284]8\x9c\xed/\xe1\xf6\xf8wZv\x1c\x85j\x1f:\xd0o\x07\xa0\x88\x93.\xdf[\x81oKS\xe5\xc4"1+\xc4tF\x0c\xe6\x95\x18Y`\xbc3RRK\xb1\x98\xbfz4\xc9pu\x9e\x83\xf8GF\xce\xf5\xb5\xdfG\x8e=\xea\xc5B\xe7\xbb,}\x96\xa4/\x8e\xe8+Vf\xc6F%\x12\x986\xba\xf3\x861&amp;\xf7\xda\x9cw\x8eim&gt;2YB\xba\x8a|\x93\xf3T\xad\xa0J\x12\x91\xc619w]\xa0\x8f\x96&gt;\x90\xa9\xd4"a\x0f\x8cn#\tM+*\xda\xe4\xd4\x03\xb4\xa2\x85\x8e\x07[\x1do&gt;\xd3\xa6\x98e\x0c\x95x\xe8\x15#\xac\x98\xdcI\x19\xe8\xa4m\x9c\xcc\xfa\x04x\xde\x0e;J\xb0\xa5\x89\xd4\x93\xdfny\xf2\xb2F\xd7\x1fL\x9c\x06\xb0:\xa2\x0cB\n\xc8_Z\xa0m\xdcIR\xbf\x9b\xf2\x8f\xb7H\xbe\xf1^O\xb6\xed\x04\x18\xbaA\xd9\x0c\xb7p)G;X\\)'</t>
  </si>
  <si>
    <t>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</t>
  </si>
  <si>
    <t>b'G\xea\x9c-w\x97D\xd7\x8f\xdeq\x900\xc4\xa1\xa6'</t>
  </si>
  <si>
    <t>us of Nazareth, remarked that â€˜â€˜this
people has made its way into every city, and it is not easy to find any place in the
habitable world which has not received [them]â€™â€™ (in Jos. AJ 14.115).
Establishing themselves in their new cities of residence, these Jews, over the course
of four centuries, absorbed and adapted Greek language and culture. As their vernacular shifted from Aramaic to Greek, their scriptures shifted too. By about 200 BCE,
Jews in Alexandria had completed the Septuagint (LXX), the translation of their
sacred texts into Greek. Through this medium, Jewish ideas about divinity, worship,
creation, ethics, piety, and practice came to be broadcast in the international linguistic
frequency. And due to this same fact of translation, the vocabulary of paideia â€“ Greek
ideas about divinity, cosmology, philosophy, and government â€“ was established in
these texts. Their creative interpenetration would have enormous consequences for
Western culture, as we shall see.
Living in foreign cities put Jews in a potentially awkward situation. Like everyone
else, Jews had their own ancestral, thus ethnic, traditions. But unlike anyone else,
because of these traditions, Jews in principle were restricted to worshiping only their
own god. Some pagan observers comment</t>
  </si>
  <si>
    <t>b'1\xb0w\x8e\xccL\xf5y,3c\xfc\x17\x08(\x10\xa6\xf3\xb0\x13\xab\xdc\xea\x1f\xe5\xe0\xad\xc9\x02(T0\x9a\xac\x9f\xb2\x8b\x18\xc3-Cj\xa3Vu\xb3A\xe0\xf2b\xcd\xee\x15\xec*\xb2\x16\xd7\x88\xfd\xf0k7Y\xfc&lt;\xb7\xaf\x96\x1a&lt;G\x0c\xdf\xad\xd2A\xe0\x87\xd0\xa2\xe0!\x9c\x03\xb4\x9f\x19\xcdRF\xad\xc7\xae\xcc\xf4}\x98IK\x1e\xeb\xd5#\xdf\xb6P\xa2\xa5\x98I\xf8\x9e\x1a4fL\x1d\xeb\xbc"\xa6\xbd@\'l\xa1?\xb9a\xf06\xe1g\xca\xc0\xb9\xd8e\xa0t\xaev\t&lt;?\x8a\x110g2\xb0s\xab\x07~\x82\xc9u\xa8n!\xa2\x98f\xd2Q\xf6P\x04\xf8\xa1\xaaN\r\x07\x93\xa5\xd5\xe3?\x0bRG\xec\x97\xe6\xefB\xb1z &gt;\xd9\xa3\xa6\xfe\xd6\x8c\x9d\xee\xe7\xa7\xa7\xc8k\x95\xb6| )\x15Dn\xb4\xf3V\xeb\xb7\xa9\xa6\xd2\xdef\xca\xde\xcc0\xad\x97X&lt;\xee\xbb6\xe9\x94\x83\x90h0\xe8U\xee-_b\xad\x8f\xbe\r.\xf87/\xa3\xb8\xdb\xe0\xbb%\xeb(N\x93^#\x86\xf0\xe0O}k\xc5*[&amp;h\xd1\xd6fz\x16\xac\xba\x8c\xb3\x08\xbd\xc3$\xdb\xd5\xb7\xc7\xe92\x935Ln\xec\xf2Dy\xdd\x12\xc0,\x0f\xf4\x00\x8b\x88\x89\x99\xd2v\x15\xdb\xf7\xa7\xf2\xdf\x0e\xea,\xc0\xb1\xb2\x97\xe8\xacT$U\xe2\xa8\x99U\x87{\xaeu\x89\xb3\xec\x95J\x89\x0b\xfa\xa6\xd2f\xa7\x9b#\xfc\xd4\xeeM\xab\x96\x89q\xee?\xf5=\xb0.q\xc5\x83\r`\xbc=\xac\x05b\xf7\x81&gt;\x16*\xcbv\xd9[\xa9\xbc\xdb\x02\x86V|e\xed\x94\x81gYLVgR\xa9D\xb4\xa4\x1e\x18h\x07R\xfe\xa9V\xcb\x89\x83p\x05\xdb[\x0e\xbf\x9d!%v]\xc4@\x87\x85\xe1\xc7\xad\x14\xeeJw\x146\x9b\xd7\x0c\x9b\xc7\xe0\xd8\xe3S\xae\x1f=9\x15y\x0f\xc4o\xc9\xc4\xf0\x80\xbe\xc9\xdd\x800\xe3\x1d\x90\xef\x8c\xb1 d\xe03o\xa0_lh\x06\x1d^\xb2\x15\xc7\xe5Z\xe3U\x11\xb4\x17\xf3\xa0G\xaa\xbf\x18j}^7\xed;\xfaj\x96\xbdh\xbeg\x83\x0e\x84^\x14\x98\xb3h5j\xe0o:x\xb7\xe2\xea_\x91+l+\x9c9\xa1\x89\x02\x90l&amp;z\xc5\x90j\x7f\x88C\x88~\x11\x97\xd8\x0f\xec\x1b\xcf\xf2!7\x7f\x9a\x07v\xf5\'\x1b\x85\x8b\xc6!xd\xa9\xb3\x08\x19cUp\xb4\x83R\xcex\x8d\x1c,\xee,\x94\xf8#_B\x0e\xd4+\xe5\xf4\x9cy\x18*&gt;\xbbD\xfe\xb6\xa7_Y\xdd6\x9c\xe3\xcbS\x1cV\xc7\xdc\xafo\xf2\x03\x01[\x83\x02L\xcb=\x01\xa8F\x0f\xd5U\xe0"9\x19y\xe0\x86\xed\xb0.\xf0\xfbTW\xaf\xb9\x90\xe2v\x90Y\xba8\xe9\x94\x95\xce\x90\xe5\x95\xebk[\xf0\n\xa5x\xe9+\x94\xdc\xf25\xa7\x12\xf0\x03h\x16i\x97n\x97fx\xd89P \xda\xab\xa8\xe5\x8e\xe0\xfb[\xec\t\x86\x13,[r]\x1b\xc53y^\xd7DK\x1d\xda-T\x82\xc6\xdb\xaag\xe7|\xfe\xcc\xd7;O\xb8S\xc4Z\x97+9\xf68\xffx\x9f_S\xfb\'^\x13\xc0\xc3(2\xe9\xee/&lt;\x90\\\x9a\x12\xb5\x83\xffW\x93;\xc7\xfa7\xa3\x95\xc1\x0b\xb4\xf2\n\x8ej&amp;\xfe\x93t\xd4}\xdaT\x7f\xed\x0e7J\x95\xc0\xbb\x03\xcf\xc93/8d\xe6q\x9e\xecS\xfeN\xb2\x01\xc0\x13\x15\xa4\x8b\t\x91\xe9\x04Y\x17\x84;\xa5\xe5n\x7fs\xa6\x8c\x98Z\x08\xc8\xfc\xdd\xe5\xf3\xf3\xaeT.\x03\x1f\xa6\xa2\x8dI\x13*\xc2\xe7&lt;\xc4\xa7\xc5\x87\xed\xdb\xe7\xf6\xdf\xade\xb1\x84\xbc\x10\x14\xa9+^\xcac\xc9\x8e&gt;N\re-\x9d\x80\xd53\x16\xce\n\xae\x8f\x84A\x936"2\x91|\xd6\x8f\xce\x80wZ\xb5\x9f[\xe23/\xc1p\x8a\xc7\xc3\xd1\xafh\xd4p\xf5\xd5{\nw9/v\xea69\xec&amp;\xd3\xf8\x9d\xf4\xf2S\xe5Eyz\x1e\xf7\xbb\x94(\x0c\x8a\x97\x9aSV\x1c\x93%\x08b\xc48\xdck\xe6\xd5\x1cX\x87\xe0\x19KW\xcc(\x0c\xc0,\x10\xb3\x8c\x9c\xb0$`\xcfE^\xb4\xa5:B7\x99\x05\x17.\xcf#\xd26\xdc\xbb\x87:X\xfdg\xee\xa0P\x16\x8c\xd8D\xa1\xa0a=\x8c\tl*\x16\nq\x14\xda\x04\xa3\xc9\x13\xf9\xc6\x08\xb5\x070\xae#\xd6$\xb2\x8dvB\x0c\xf2\x00\x8c\xc8\x14;_\xb7\xff!%\xcc\x99\x91\xac\xd7\n\x82D\x0e-\xfd(\xee\n,\x10\x17{WfB\xdc\x1c\xee\x97\xcc9\xfd[\xe5}8\xd8\xbeO\x03\x01o\xa4\x08\x9d\xb3\xfb\x7f\x12\xe4\x01|\xa2/\x7f\xb6\x84\x9e\xd6\x93\xb4\xb7\xe3A\x9e)\xc3o&lt;\xe7f\xd5\xaf\x8cW\x9epd\xc2\x13\t)\xaf\xfe\\\xd0\x17\xe3_\x83\x82\x86\x8f\xe7\xbc\xf8\x17eu\xbcva\x81F\xbe\xc0\x13\xc7\x82\xf7\xab]\x03\xad\xc0\xa8\xc5\xaf\x8a\xbc\x80\xbe\x7f\x99L\xb9\x99\xca\xc2\xb8\x9d\xf1\xd8\xc7!z\x0f\n\xb7\xc9Ot\xa9[\x80.\xc4eJ\x98Bt/\x9c\x92k\t&lt;\xd0Mm\xf3\x88\xf6\xe5\x08\xb4\xb8\xc9\x8fb\x9a\xe2\x11\xd6\xe1p^XQ\xb9\xa4\x17v\x91\xea)\x8b\x15[g9`\x92\x8cC\xfd\x8c\xeb[+\xb3\\J\xa2Y\xad\x10\x98\xd1\xe0\x8d\x12\xff\x12\x85\xa5+o\xebiwJM\xd1\x8b\xd4\x01\xb3\xd5N?\xbf\xa6\xdd*\xa9\xbf~o\xb6\xcf?\'W\x1e\xc7\x0c\xcai'</t>
  </si>
  <si>
    <t>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</t>
  </si>
  <si>
    <t>b'1\xb0w\x8e\xccL\xf5y,3c\xfc\x17\x08(\x10'</t>
  </si>
  <si>
    <t>ed to the problem of maintaining full employ_x0002_ment in open economies. Because temporary monetary expansion and temporary fiscal
 expansion both raise output and employment, they can be used to counteract the effects
 of temporary disturbances that lead to recession. Similarly, disturbances that lead to
 overemployment can be offset through contractionary macroeconomic policies.
 Figure 17-12 illustrates this use of macroeconomic policy. Suppose the economyâ€™s
 initial equilibrium is at point 1, where output equals its full-employment level, denoted
 . Suddenly there is a temporary shift in consumer tastes away from domestic prod_x0002_ucts. As we saw earlier in this chapter, such a shift is a decrease in aggregate demand
 for domestic goods, and it causes the curve to shift leftward, to . At point 2,
 the new short-run equilibrium, the currency has depreciated to and output, at , is
 below its full-employment level: The economy is in a recession. Because the shift in
 preferences is assumed to be temporary, it does not affect , so there is no change in
 the position of .
 To restore full employment, the government may use monetary or fiscal policy, or both.
 A temporary fiscal expansion shifts back to its original position, restoring full employ_x0002_ment and returning the exchange rate to . A temporary money supply increase shifts the
 asset market equilibrium curve to and places the economy at point 3, a move that
 restores full em</t>
  </si>
  <si>
    <t>b'0F\x02!\x00\xc4\x8ap\x9a{}\x96/\x96\x14\xca\xeb\xb6K\x1f\x87h\x95\x9d\xed\x9b/\xbcF\x07S\x99\x16X\xd7\x96\xc5\x02!\x00\xda\xa6Z\x8a:\xbfL\xa6\xdb1\x94{\x04\x81\xdd\x17I\xa6\xb5\xc1\x82l*]\xeb\x8d6\r\xb2\xb4s\x17'</t>
  </si>
  <si>
    <t>3046022100c48a709a7b7d962f9614caebb64b1f8768959ded9b2fbc460753991658d796c5022100daa65a8a3abf4ca6db31947b0481dd1749a6b5c1826c2a5deb8d360db2b47317</t>
  </si>
  <si>
    <t>b'0F\x02!\x00\xc4\x8ap\x9a{}\x96/\x96\x14\xca'</t>
  </si>
  <si>
    <t>hink he was very determined in anything he set
 about. His voice was pleasant and kind; any horse would trust that voice, though it was
 just as decided as everything else about him.
 One day he and another gentleman took our cab; they stopped at a shop in Râ€”â€” Street,
 and while his friend went in he stood at the door. A little ahead of us on the other side of
 the street a cart with two very fine horses was standing before some wine vaults; the
 carter was not with them, and I cannot tell how long they had been standing, but they
 seemed to think they had waited long enough, and began to move off. Before they had
 gone many paces the carter came running out and caught them. He seemed furious at
 their having moved, and with whip and rein punished them brutally, even beating them
 about the head. Our gentleman saw it all, and stepping quickly across the street, said in
 a decided voice:
 "If you don't stop that directly, I'll have you arrested for leaving your horses, and for
 brutal conduct."
 The man, who had clearly been drinking, poured forth some abusive language, but he
 left off knocking the horses about, and taking the reins, got into his cart; meantime our
 friend had quietly taken a note-book from his pocket, and looking at the name and
 address painted on the cart, he wrote something down.
 "What do you want with that?" growled the carter, as he cracked his whip and was
 moving on. A nod and a grim smile was the only answer he got.
 On returning to the cab our friend was joined by his companion, who said laughingly, "I
 should have thought, Wright, you had enough business of your own to look after,
 without troubling yourself about other people's horses and servants."
 Our friend stood still for a moment, and throwing his head a little back, "Do you know
 why this world is as bad as it is?"
 "No," said the other.
 "Then I'll tell you. It is because people think only about their own business, and won't
 trouble th</t>
  </si>
  <si>
    <t>b'f^a\xd9\xd8\xa5(|'</t>
  </si>
  <si>
    <t>665e61d9d8a5287c</t>
  </si>
  <si>
    <t>we had gone a 
 hundred yards. 
 The captain made us trim the boat, and we got her to lie a little more 
 evenly. All the same, we were afraid to</t>
  </si>
  <si>
    <t>b'C\xbeH$u\x89\x87\x0e:\xde\x8f\xc0$\n\xa4F\x05\xfe\xc9\r\x02\xfd\x9au\x97\xc5e\x86O\x1c.V\xe6-\x90\xcb"+\xd8\'!\xdc\xf0F\x19\xd8&lt;\x0f20\x9d\xb9U\xa5\xef\xbc\xb4\x95j\xcb\x9aT7o\xd9\xc8\xf0\xe3\xa2\xd8Y\x05\x87\x1f^\x95\x9e|%*J\xf2\xbb\xee\xd0g\x84\xad\xd7d\xdb\xf5&lt;\x06\xb5\x90\x86GN\xb4\xc2\xd3\xf7\x82\xbc\x07\xe1}y\xaf\x04\x05\xe1\xfa\xb1\xd3\xd8\x03|\x03n\x83m)\x91 \xf1&amp;\xe2\xbe\x18\x05\x0b\xd3\xb8\x9e\xd5\x8c\xb4dlH\xcc\x13\x10\xf6\xaa\xa5\t\x9bK\xc7d\x81\xbe`\xf9\xce\x81a\x89%\xca;\xf0\x83\xa0\n\x9c\xf3\x83\r\x817\xe8\xb9\x95OU\x89:\x8f\x85\x0b\xe1I[\x06!\xaf\xb19\xfc\xaf\xdb\xf3\x86T\xd6\x9eu\xf9\xa0\xb9\x8f\xe7\xdf7*\x8c\xa1D\xefV\x13\x11\x00\xa7^\xa0\x98DM\xa5[\x87=\xbeL\xa6\xaf\x1f\xfe\xb7\x90\x96\x17T\x1f\xb2\x11\xfbA\x1c\x1f+z\xdaH!;?\x7f\x00\xe5\x01'</t>
  </si>
  <si>
    <t>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</t>
  </si>
  <si>
    <t>b'C\xbeH$u\x89\x87\x0e:\xde\x8f\xc0$\n\xa4F'</t>
  </si>
  <si>
    <t>ro arises from C2. The arrangement in Fig. 15.12(c) provides the following
 transfer function:
 Hc(s) = (L1s)||R1
 (L1s)||R1 +
 1
 C1s
 (15.5)
 = C1s
 R1L1C1s2 + L1s + R1
 . (15.6)
 The circuit exhibits a zero at zero frequency and two poles that may be real or complex
 depending on whether L2 âˆ’ 4R2
 1L1C1 is positive or negative. Figure 15.13 summarizes
 our findings for the three circuits, where we have assumed Hc(s) contains complex
 poles.
 jÏ‰
 Ïƒ
 R C
 1
 1 2
 â€“
 jÏ‰ H
 Ïƒ
 R C
 1
 1 2
 â€“
 jÏ‰
 Ïƒ
 R
 1
 1
 â€“ R C
 1
 1 2
 â€“ + C ) 1 2 (C
 (a) (b)
 Ha Hb
 1C â€“ 4
 L 1 R C
 1
 1 1
 2 2 + c
 1C â€“ 4
 L 1
 1 â€“
 (c)
 R 1 C1
 2 2
 Fig</t>
  </si>
  <si>
    <t>b'f\x81\x15\xfdd\x07f:\xa2L\xbd-\xfd\xa1\xaaL'</t>
  </si>
  <si>
    <t>668115fd6407663aa24cbd2dfda1aa4c</t>
  </si>
  <si>
    <t>.10(b), where CL charges toward
 VDD through RD. We therefore have
 Vout(t) = Vout(0âˆ’) + [VDD âˆ’ Vout(0âˆ’)]_x0004_
 1 âˆ’ exp âˆ’t
 RDCL
 _x0005_
 t &gt; 0 (16.19)
 (This equation is constructed so that the first term denotes the initial value if we choose
 t = 0, and the sum of the first and second terms yields the final value if we select t = âˆž.)
 The time required for the output to reach within 95% of VDD, T95%, is obtained from
 0.95VDD = Vout(0âˆ’) + [VDD âˆ’ Vout(0âˆ’)]_x0004_
 1 âˆ’ exp âˆ’T95%
 RDCL
 _x0005_
 . (16.20)
 It follows that
 T95% = âˆ’RDCL ln 0.05VDD
 VDD âˆ’ Vout(0âˆ’)
 . (16.21)
 If we can assume VDD âˆ’ Vout(0âˆ’) â‰ˆ VDD, then
 T95% â‰ˆ 3RDCL. (16.22)
 In other words, the output takes about three time constants to reach a voltage close
 to the ideal high level [Fig. 16.10(c)]. Unlike ideal gates used in basic logic design, this
 inverter exhibits a finite transition time at the output.
 Exercise How many time constants does the output take to reach within 90% of its ideal value?
 The foregoing example reveals a fundamental limitation: in the presence of a load ca_x0002_pacitance, a logical gate cannot respond immediately to an input. The circuit of Fig. 16.10(a)
 takes roughly three time constants to produce a reliable level at the output and, as such,
 suffers from a â€œdelay.â€ That is, the speed of gates is limited by the finite transition time at
 the output and the resulting delay.
 Playing a critical role in high-speed digital design, the transition time and the delay
 must be defined carefully. As illustrated in Fig. 16.11(a), we define the output â€œrisetime,â€
 TR, as the time required for the output to go from 10% of VDD to 90% of VDD.
 2 Similarly,
 the output â€œfalltime,â€ TF, is defined as the time required for the output to go from 90% of
 VDD to 10% of VDD. In general, TR and TF may not be equal.
 Since the input to a gate is produced by another gate and hence suffers from a finite
 transition time, the delay of the gate must be characterized with a realistic input waveform
 rather than the abrupt step in Fig. 16.11(a). We therefore apply a step with a typical risetime
 at the input and define the propagation delay as the difference between the time points
 at which the input and the output cross VDD/2 [Fig. 16.11(b)]. Since the output rise and
 fall times may not be equal, a low-to-high delay, TPLH, and a high-to-low delay, TPHL, are
 necessary to characterize the speed. In todayâ€™s CMOS technology, gate delays as little as
 10 ps can be obtained.
 2This definition applies only if the low and high levels are equal to 0 and VDD, respectively.
 770 Chapter 16 Digital CMOS Circuits
 VDD
 0
 VDD
 t
 VDD 90%
 VDD 10%
 T R T F
 t
 Vin
 Vout
 VDD
 2
 T PLH T PHL
 (a)
 (b)
 Figure 16.11 Definition of (a) rise and fall times, and (b) propagation delays.
 The reader may wonder about the nature of the load capacitance in Example 16.9. If
 the gate drives only another stage on the chip, this capacitance arises from two sources:
 the input capacitance of the subsequent gate(s) and the capacitance associated with the
 â€œinterconnectâ€ (on-chip wire) that carries the signal from one circuit to another.
 Example
 16.10
 An NMOS inverter drives an identical stage as depicted in Fig. 16.12. We say the first gate
 sees a â€œfanoutâ€ of unity. Assuming a 5% degradation in the output low level (Example</t>
  </si>
  <si>
    <t>b'N\t4\xb6*\x86P?\xa6\xd1\xf2\xa2\xb0q\xc7D'</t>
  </si>
  <si>
    <t>4e0934b62a86503fa6d1f2a2b071c744</t>
  </si>
  <si>
    <t>ious to be
good and made
many excellent resolutions, but they did not keep them very
well, and were constantly saying, â€˜If only we had this, â€˜ or â€˜If we
could only do that, â€˜ quite forgetting how much they already
had, and how many things they actually could do. So they asked
an old woman what spell they could use to make them happy,
and she said, â€˜When you feel discontented, think over your
blessings, and be grateful.â€™â€™ (Here Jo looked up quickly, as if
about to speak, but changed her mind, seeing that the story
was not done yet.)
â€˜Being sensible girls, they decided to try her advice, and soon
were surprised to see how well off they were. One discovered
that money couldnâ€™t keep shame and sorrow out of rich peopleâ€™s
houses, another that, though she was poor, she was a great
deal happier, with her youth, health, and good spirits, than a
78
certain fretful, feeble old lady who couldnâ€™t enjoy her comforts,
a third that, disagreeable as it was to help get dinner, it was
harder still to go begging for it and the fourth, that even
carnelian rings were not so valuable as good behavior. So they
agreed to stop complaining, to enjoy the blessings already
possessed, and try to deserve them, lest they should be taken
away entirely, instead of increased, and I believe they were
never disappointed or so</t>
  </si>
  <si>
    <t>b'\x1f\x15\xbe\xbd\x1dW\x7f\xe0\x86\xeb\x99\xdb\xa7\x95b\xbd\xbd\xf1Z\xeb\xbe\x10r%\xdc\xabC\x8eq\x1f;a\x02mOP4I\xbd\xb8\xac\\\x98]M\x02|\xa0\x93\xbcT\x92\xd8[\xee\xc3\\k{h\x8bF}\xe8"{\xfcc=\x1bD\xe3\x02\xea\xaa2\x1c\x83RL\x7f \xa2\xd9A\xb4\xf3\xde\x8e\x80\x838B\x0f)\xb6f{\x08\xac\x19\xf4\xc6~\x84\x8bB\xd4\x84Y\xe9Cx%\n"\xca\xfbb\xc8+-=\xc38\x1e\xd2\x07\xfe\x85\xd2*fkgc@\xe6\x07\xdd\x89\xd7\x82\x9912&lt;\x97z"\xc6\xe4n\x00pA&lt;\x19`\':\xec\xac\xee_,\xa65\x9c\x85&gt;\xac\x95\xf4\xb2\xab\x8eoU\x1b\x7f~\x92\xcd\xc2\xc778\x10\xe1\x17H4\xa5&gt;\x9d\xb4\x9f\xf9\x8fi\xa3\xcc\x97`\xb5\x17ekt&lt;\xad\xff\xf7}\xf4?\xc1\xfclKkI\xa2\xe9h\xc30}\x95\x9f\x17%\x80(\x1eHB\x10.\xa446\xa9\x1av\xfaNk\xe4\xbc\x9d\x16Q\xdd\xa9,1\x941\x98Z\x9a\x08\xb2I\x06\xe2=\xe9\x19&lt;\xf7\x9c\xbe\xb8\x8eL\'\xf06\xc3,\x07\xc8\xf7\xf9Q\xe9q\xbd\x97;i\xb42$Y\xa6\xcct\xdb\x9e\x1d\x80dEC\xe9a%\xc4\xf5\xbd\x14\xd0\xb4\x8e\x0cul\xe3p\xf5\x8e\x00\x84\x1a\xb31\xa5\xffmn\xd0\xb3\xe17\x9cr\xd4:u\xad\xbd\x8bC\xcc\x9f\xc2D\x17\x07\xfc\x95\xe2\x03\xdc\xe9m\x03\xa0\xb8\x95\xc3`/\x87\x07\xec\x15\xc7\xf1\x9f\x91n\x92\xd3\xebKj\x19\xe3\x81L\xa3\xe7Gbu"\x7f\x0bM\xc9\\s\x9f\x82\x8f\xde\x1b\\\x1f\x8b\xbbI\xdbdU\xf7g\xb6\xcb\x9e=\x1d\xa2(a\xa3\xfc\x98\xd5)\xc6\xb3\x10\x01\xaagwJ\x82]k\xaa\xd0\xa2\x9a}\x91\xc2\xd0f#\xe4~\xd5\xd5\\\xe8\xd8:\x85\xe4h\x9d\xe6\x1b%2:\xe8\x862\xc2\xed\x04\x90\xd4\x9c\xf7\xa0\xa0\xb6G\x01&amp;\x87\x8aT\xe5\x92\x9f2J6+e\xfa\xbd\xef\xfa\n\xa9\xbf=`\x02J\x0b\x14\x84\xd6\xf0X-G\x9f\x90\xd9C?\xc7\xcb-\xb7\xfd\xbf\x9d\x80\x92\x16\xd8\xf6\xffk&gt;\xdf\x87\r\xae\xba\x05\xc3\xe0\x95\x14J\xe4)[\xff\x91\x10\xc4\xe2\xd0\xbbe\x00\x11/\x90\x08\x93m\xac\xb5m\xd2\xc7\'E\x84s\xb76\xe7\xa0\x0c\xab\xdb\xddr\xcc\xb6|\xc4\xb1\xac\xd1o\xab\x11\x90\x89\xd3\xf5\xa8\xed\xc2m\xad\x1c\xe4\r{\x94\'\x87z6{\x92\xa5\xd6\xbe\xe6sv\xdb\xf4{&amp;"\xbb\xdca\xd3\x15\xbe\xe1\xd5s\xa3\x06t\n\xdc\x89\xe2\x92\xe9\xc9\x1f{_8\x86\xf1\xd2O\xb8\xde\xcf\x1f\x92\x953L\xedre\xb2\xe2\nD\xa3\xa751\xcdd\x8a,Y\x18\xc0\xdc1\xa1\xbf\xfa\x88\xb9u\x89r\xa1f\xd6uz\xbeAb[5Y\xaf,1\x91k\x81U~7%#m\rQV\xe2\x82\xd9\x1e\xa8m\xda\xd6%\xe0\xf8&gt;\xf31\x07s\x07\x81K\x13\xfb\x87\x0f\xc5:\xf1\x1a2\xb4\xa7W\xf8\xd7\xca\xbe\x1d\xfb\xf2x\xaeZb\x0b?\x03nX\xa3\xe6(\x91(m\x07F\xdfgep\xf9-=\x8c\xad\r=\xd5%\xd4\xb1\xe2\xf3k6S\x9b\x0bl\x8e|\xe8\xe0\x8dR\x90ZY\x88\xea|\x13\xc97+\x8d\x08\x03\xa0\x8d\x9f\xb4"\xa1L\x8c2\xb1\x13\xde\xb1\x8f,\xd1R$\xfc%\x02\xd7z\x83oj&gt;\xb4\xfd0\xcc\xf1O\x08`\x06\x96\x9bl\x92\x8f\xff\xbd\x16a\xd0\xf8\xda1\x1f\xa2\xf7Z\xe4\x9cD]\x9e{\x1e\xf8_\xc1,\xe0\x80\x08\xadE\xf1h\x84o&gt;\xf6\x10\xea\x8a\x93q\x1f\xbd\xa3\x0c\xb2\xd6\xfe\x19Z\xb4\xed\xf6h\x80TeI+H\xed\x83\x9fn1\xc1\xbc\xa9\x1fE\x1c\xd8\x18\xbdh!\xe3\xb0I\xd7\x8az\xef\xc3\xb4x\xc8\xdb\xb0\xfd\xea\xd4\xf2\xaf\xa3z\xfd\x15C}\x7fSj~\xaae\xd1Z\x1a\x03L\x83&amp;\x8f\xc6P\xf6\tM\xa8\xf1\xce\xf9\xbf\xa0$\x1c+\xc4\xa1\x16\xf8l\x8eK\x15uI\xda\xc9F\xcef\xb2\x03&lt;\x98\xcc\xf7\x99\xe8\xdf\xe8hR\xf2\xb0\x83~=\xac\x07\x7f\xf35\xd8\xaf^\x8f\x95\xe6\xf6\x12\n\xc1\x1c\xdf\xe4\xeb\xe6\x9a\x87\x16\x86?\t\xbb\xdd\x9aC\x08\xa6~u\xed\xd2\x92\x97\x96\n+\x91\xceV\xf7e\xfd\x00`0\xa2\x85A\xe8\xaaL\x83\x87A\xad[\xdd\xcd\xf4t\xb1!x\xaa\xe50\xffX\xa8_r\xce\xca\'H`\x8ed@\xbb\xca\xf7\x8b\x12\xb7\x84\xec\xf5r\x85\xa1\x11\xdb4\x13\xb0\xacQ/\x8f~\n4\xc5&lt;}.\x04\xd1\x06\xec\x83\xd5/%[\x87i9%\x1aN\xda\xf4C\x169fn\xe2\xe2\xb4\xa4-\xd0\xb5&gt;Y\xed\xdclfL\x93\x070\xc8\xa1U\xe3\x03x\xba/\xd7\xc0I(!\x805\x1f07\x18\'\x99\x8a\xa1E\x81\x96i{\xdc\x82*\xf9\xf9\x80E\x9bf\xb6\x83h[\xa5&lt;\xc6P\xc5c4\x93\xccn\xeb\xb7\xfd\xdf\x8f\x14\xe1\x9e\x95\x14\xa9\x0e\x06&gt;\xd8w\xebK\x17\xab\n@X_b\xae@\xf9^\xbc\xe1\x1a\x9fc\xbc\xae\xf2]#\x1c\xe0\x18\xca\xe9\xd3r$\x92\x8bO\xb2\xd6\x85\x93Tf&gt;\x0c1\xf0\xf3a\xf9\xb9\x97,\xd1\x80^\x81\x95!E5Y\x0c "\x85\xaf\x83$\tiU\x81\xf4c6\xe0d\xae\x01\x94w\x91\xe8\xcc\xb0\xdc\x98\xa71\x1b-\xd3\xdb+N\xe7\xf4m74h\xf7o\x16\xde\x1c\xec \xc4s\r\xcf;\x9d\xc0\x1a\xdb\n'</t>
  </si>
  <si>
    <t>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</t>
  </si>
  <si>
    <t>b'\x1f\x15\xbe\xbd\x1dW\x7f\xe0\x86\xeb\x99\xdb\xa7\x95b\xbd'</t>
  </si>
  <si>
    <t>output, (b) simplified
 small-signal model.
 218 Chapter 5 Bipolar Amplifiers
 Solution (a) A collector voltage of 1.5 V translates to a voltage drop of 1 V across RC and hence
 a collector current of 1 mA. Thus,
 VBE = VT lnIC
 IS
 (5.219)
 = 796 mV. (5.220)
 It follows that
 IB = VCC âˆ’ VBE
 RB
 (5.221)
 = 17 Î¼A, (5.222)
 and Î² = IC /IB = 58.8.
 (b) Speakers typically exhibit a low impedance in the audio frequency range,
 e.g., 8 _x0003_. Drawing the ac equivalent as in Fig. 5.54(b), we note that the total resistance
 seen at the collector node is equal to 1 k_x0003_||8 _x0003_, yielding a gain of
 |Av| = gm(RC ||RS) = 0.31. (5.223)
 Exercise Repeat the above example for RC = 500 _x0003_.
 The design in Fig. 5.54(a) exemplifies an improper interface between an amplifier and a
 load: the output impedance is so much higher than the load impedance that the connection
 of the load to the amplifier drops the gain drastically.
 How can we remedy the problem of loading here? Since the voltage gain is proportional
 to gm, we can bias Q1 at a much higher current to raise the gain. This is studied in Prob_x0002_lem 5.53. Alternatively, we can interpose a â€œbufferâ€ stage between the CE amplifier and
 the speaker (Section 5.3.3).
 Let us now consider the biasing scheme shown in Fig. 5.15 and repeated in Fig. 5.55(a).
 To determine the bias conditions, we set the signal source to zero and open the capacitor(s).
 Equations (5.38)â€“(5.41) can then be used. For small-signal analysis, the simplified circuit
 in Fig. 5.55(b) reveals a resemblance to that in Fig. 5.52(b), except that both R1 and R2
 Q1
 VCC
 R 1 RC
 R 2
 C1 in v
 Q1
 R
 RC
 v out
 in v R1 2
 (a) (b)
 Figure 5.55 (a) Biased stage with capacitive coupling, (b) simplified circuit.
 5.3 Bipolar Amplifier Topologies 219
 Q1
 VCC
 R 1 RC
 R 2
 C1 in v
 Q1
 R
 RC
 v out
 in v R1 2
 RE
 RE
 (a) (b)
 Figure 5.56 (a) Degenerated stage with capacitive coupling, (b) simplified circuit.
 appear in parallel with the input. Thus, the voltage gain is still equal to âˆ’gm(RC ||rO) and
 the input impedance is given by
 Rin = rÏ€ ||R1||R2. (5.224)
 The output resistance is equal to RC ||rO.
 We next study the more robust biasing scheme of Fig. 5.19, repeated in Fig. 5.56(a)
 along with an input coupling capacitor. The bias point is determined by opening C1
 and following Eqs. (5.52) and (5.53). With the collector current known, the small_x0002_signal parameters of Q1 can be computed. We also construct the simplified ac circuit
 shown in Fig. 5.56(b), noting that the voltage gain is not affected by R1 and R2 and
 remains equal to
 Av = âˆ’RC
 1
 gm
 + RE
 , (5.225)
 where Early eff</t>
  </si>
  <si>
    <t>b'\xf0$\x80\x9bW\xd0\x8a-D\xd5|\xcbv\xed2\x95'</t>
  </si>
  <si>
    <t>f024809b57d08a2d44d57ccb76ed3295</t>
  </si>
  <si>
    <t>ssue is fully burnt, all the
carbon compounds are oxidised to gaseous
form (CO2
, water vapour) and are removed. What
is remaining is called â€˜ashâ€™. This ash contains
inorganic elements (like calcium, magnesium
etc). Inorganic compounds like sulphate,
phosphate, etc., are also seen in the acid-soluble
fraction. Therefore elemental analysis gives
elemental composition of living tissues in the
form of hydrogen, oxygen, chlorine, carbon etc.
while analysis for compounds gives an idea of
Element % Weight of
 Earthâ€™s crust Human body
Hydrogen (H) 0.14 0.5
Carbon (C) 0.03 18.5
Oxygen (O) 46.6 65.0
Nitrogen (N) very little 3.3
Sulphur (S) 0.03 0.3
Sodium (Na) 2.8 0.2
Calcium (Ca) 3.6 1.5
Magnesium (Mg) 2.1 0.1
Silicon (Si) 27.7 negligible
* Adapted from CNR Rao, Understanding Chemistry,
Universities Press, Hyderabad.
TABLE 9.1 A Comparison of Elements Present
in Non-living and Living Matter*
Component Formula
Sodium Na+
Potassium K+
Calcium Ca++
Magnesium Mg++
Water H2O
Compounds NaCl, CaCO3
,
PO SO 4
3
4
âˆ’ 2âˆ’
,
TABLE 9.2 A List of Representative Inorganic
Constituents of Living Tissues
the kind of organic (Figure 9.1) and inorganic constituents (Table 9.2)
present in living tissues. From a chemistry point of view, one can identify
functional groups like aldehydes, ketones, aromatic compounds, etc. But
from a biological point of view, we shall classify them into amino acids,
nucleotide bases, fatty acids etc.
Amino acids are organic compounds containing an amino group and
an acidic group as substituents on the same carbon i.e., the Î±-carbon.
Hence, they are called Î±-amino acids. They are substituted methanes. There
are four substituent groups occupying the four valency positions. These
are hydrogen, carboxyl group, amino group and a variable group
designated as R group. Based on the nature of R group there are many
amino acids. However, those which occur in proteins are only of twenty
2024-25
106 BIOLOGY
types. The R group in these proteinaceous amino acids could be a hydrogen
(the amino acid is called glycine), a methyl group (alanine), hydroxy methyl
(serine), etc. Three of the twenty are shown in Figure 9.1.
The chemical and physical properties of amino acids are essentially
of the amino, carboxyl and the R functional groups. Based on number of
amino and carboxyl groups, there are acidic (e.g., glutamic acid), basic
(lysine) and neutral (valine) amino acids. Similarly, there are aromatic
amino acids (tyrosine, phenylalanine, tryptophan). A particular property
of amino acids is the ionizable nature of â€“NH2
 and â€“COOH groups. Hence
in solutions of different pH, the structure of amino acids changes.
B is called zwitterionic form.
Lipids are generally water insoluble. They could be simple fatty acids.
A fatty acid has a carboxyl group attached to an R group. The R group
could be a methyl (â€“CH3
), or ethyl (â€“C2H5
) or higher number of â€“CH2
groups (1 carbon to 19 carbons). For example, palmitic acid has 16
carbons including carboxyl carbon. Arachidonic acid has 20 carbon
atoms including the carboxyl carbon. Fatty acids could be saturated
(without double bond) or unsaturated (with one or more C=C double
bonds). Another simple lipid is glycerol which is trihydroxy propane. Many
lipids have both glycerol and fatty acids. Here the fatty acids are found
esterified with glycerol. They can be then monoglycerides, diglycerides
and triglycerides. These are also called fats and oils bas</t>
  </si>
  <si>
    <t>b'\x87M\xb3\xacg[\x16\x9f\x8fy\x03\\\x91c\x8fg=\xf9=s\xc9\xd8\x00~?\xf2#\x19\xb1Z\xc6\xf2\xd4\xc8\x8b\xca\xfc\xa1\'\xf1\xa8T%\xce\xb1}\xbf&amp;.G\xf72\xb2\xb92\x00\xb3`\x89Qsa\xb5v\xe7#\xfc\x1c\xd0\xef^2\x1e\x1d\xc9\x17\x94[ \xbdo*8\xfaM(\x95a\x08W\xd0\x85\x14\xdbva\xd5\x1b\x13\xe8F\x8c\xd2\x1a\xab\xbd\x85\xd4o\x04\xa6e\xb5\x06\xa4\xd1\xa5\x92\xd8\xbe7bH*]oO\xa8\xe7\x1f\xec\xa7\x19\xaa\xa6\x02\x83\xfa\x84+\xfd\x7f\x0b\xd2 \xa7)\xb7,\xd3u*\xd0\xf0l{\x95\xce\xe1\x0e\xdav*\xf9;\xd1\xcf&gt;\xc9\x9b\xc3\xd5\x89\xfb\xd4\xcd\x97\xaf\xa0\xdf\x10\xf29wZ\xfb?\xcaw\xb4\x97\x12\xa8\xe9\xf4@\xc8m\x1bq\xb7\x171\xbf\xdd\xf2\xf0N3|j\xb5!\xf8\xf4\x03\xd1\nd\xd7\xb7\xc3\xf5C\x90\xa04\xf3\xea\x1c\xe2\x98\nI\x98\x01\xf1\xe0\xae\x9c\x05s\xff\xde\xf8b\'\x16\xb7\xe3UT\xc9\xe7R\x81\xb0\xe2\x9aG\xfd\xaf~\xa8]Kht0\x91\x8e\xe2\x92\x8a\x04\x93\xdd#\xfd6\xc82\xd2u\xec/]\xa3\xe4U\x13\x1aq\xa9\xd7\xafN\xd1\x1f9\xf6\xbad\xbe*m\xec\xcc\\HR\xaaYt\xd2\xd2\xeb\xe1\x1fj\x9bT\x96\x07\x88\xf7A\x1ar"\x0bb\xfa\xfd\xa1\xc1G\xbez\x18\x0b\x1c\x12r\xe0\x84&lt;\xe0\x87\x8a\x15\x1e\xa96\xeb\x92G[p\xf6\xdd\xeajL\xf8`\xfbIr\xc6[({\xb8v\x0f\xb5\x9a\x9aX\xa0N\x1d\x05Cd\x13\xee\xe1\xf6\xe9\x03\x19v\xdaR=JZ\xcet\xcb=\xf6\xb0\x87^\xf2\xb1\xe7\xf6k\xb4\x8c\xe0\xf3Y\x8d\xe00\xeb\x1b\x84\x1cz\xd6\xe1\x80M\x17K`l\xce\xc6vg\x9c\xac\xbd2\xb6\x1c\x104\xe3\x8b"\xe7\x1bc\x8c\xcc\xe4)v\x83D\xa6%\xdb\xe0\xaf\xd6K=\xc2\xce\xbb\xe8\x87\xd4g\x10\xe3K&gt;9\x98\xed6b/S\x18\xf3@2\'g\xd1\xbe\x93\x8a\xca5\xf9\nP\x06\xb15\x14 \x17b\\\x03\x15\x11\xeb\xa5\x8f\xb0\xbc\x02\xcb"a\xfb\xdcU\xedY{\xa9\x9d\n&lt;v\x14\x82\xa6[\x1a \xa5j\xbf\x9d\xc1\xe7fm\xab\x18\x1f\x19$\xe9\xba\xc9\x90h;\xe0p\xadNrw\xa5\xeeV\xde\xc1\x97\x15\xcaUp\x9c0\x0b\x8c\xd5\x97\xd6\x85r\xf6\x1dD\xad\xf4\xcf\xab\xf2I\xf1\xef\xe7\x91\xeb\x8d\xf6\xd4_\xed\xb8:\x02\xb4MP^)\x00l\x8e\x1d"\x1b\x8a\xfe\xc9fnKg,J\x88&gt;y)%\xf9\xc4\xda\x90\xa1\xcf\xb7\xa8\xb0\xa5\xa2\xc3\x9a\xa8\x19cl\xd6\x03\x061(\x8f\x8a\x9c\xec5\x93z\xd4\xdd=I\x85y\xfd@\x01?Ty\x97\x9a\x08\xf3\xb8\xe4\x1f5$\x9a\xc3\xed\x82\x8dnZ\x1f\x91s\xdc@xkQ\xfb\xdd\xfd\x0e\xd0$5\xaei\x1f}\x874\xa7\xc4\x9d\xbdP\x1d\x8ep(\xa7\xb1\xd1X&amp;\x9a&gt;vXE\xf8+\x06\xa3\xa4c\xb8J\xff5y\x0e\xdd\x90pJ\x00\x1aeU\xdc\xa83!\x81\x83 z\x07\x96lw^\x0e\xc5\x10\xbf\xbc\xfe1\xc7\n\xbe\xe3\t\xbb\x8c\x19\x1b=\x93v\xcc]w\x9e \xdd\xd5\x07\x99\xe8\x08\xfd\x9c\x0e\x0c6I\xbf\xf3\xcc\x1a(\xdc\xc3w\xf7\t\x89\xf1\xb6\x1c\xcb\xa2p\xdc\xb0P\xa4\x9f\xde\x97u\xca&gt;c[\xd7\xe3Ql;\x84\xd9\x1bH\xfe\x7fW\x0c\x8f\x14\x9b\t\x0b\xe9\xae\xf8\'\x88\xb3\x06\x97\x16\xdfd\x7f\xeb\xda\x89G\xf0\x98-W;\xcc\x87\xc8\x0e\xb3v\x8c\x0bng\xce;\xab.\xcb\xb0\xa2\xf8|6\r\xfa\xd79D\x8e\rD\x9a\x06#\xed[&amp;\xd1h\x86U`\xfc\xb9\x1b\xae\x057&gt;\x82\xac\xf6\xd3T\xd0\x86*\x11C\\,\xc3\x87\x95\xdc\x9d)\xef,\x83/5\xa069\xbdk\x12\x1f\xcc\xc7\xdd\x9bj\xf4Y\xc8\xa8\xbf\xaf\xba_6\xf3\xe2\t:\xae\xdcZ\xb9t\xf3\xe8\xb2\xc2eED\xdd\xfe`\x0fM\x91\xff\xb1\xb7N\x9d3\xf6e\xf3AS\x11\xc1\xd2\xe4Y\x80\xf0N?u\xcdV\x92q\xcb:\x15Lv\xaab\xf8\x19\x05\x16\x1d\xcd\xafo\xcd\xf4T\xf5(.N\xf7\xa5\xc2\xc4u\x02\x08\x19\xe1\\\x98\x17\xf5\xaa\xa0@\xc7"Sx\xbcs\x13m\xef\xa9E\xa0i\x92\xed\x80 =\xe9\xb8\xba\x89\xb2:\x18\x92\x18\xc72\xb4\xb8\xfc6Q\x80\x9b\x00\xf6\xb8K\x07\\J\xc9\xb0\xcfm\x97\xf1\x0e\xdf\x18\x0c\x82\xfc[e\xb1A\xac\xf5V:o\xa8\x12\xca%a\xf5\x08\xf36\xc7\xc7\xde\xee\xdc\x9e\xef\xf0\xfa\x85\xff\xca\xf8\xc5OH\xa7\xfdOQ\x94&lt;K\x06\xa0\x11\x82M\xbe:\x80c\x82&gt;\x8e\x11\xbf\x13\xd3!V\xd0\x08h\xd4\xce\xc8\x140\xfa\xfd\xba\x9c\xccf\xe8\xffB\xc0\x08\x03\x8a\xca\xc6b\xa4\xd7g\xaf\x82\xb5\xee7\xbf\xe7I;\x86E\xbaT\x90\x10-\x12" \x0b\xe7\x1aw7\'v\xad\xfc\xeb\x9527\xd8p\xe3S\xb6\xc0\xa14\xea\xa1d\xcd\xb3Fc\xe7\x87E\xc8\xc1\xc1\xa1M\x00/\xdc2\x13\x90\x8b\xbca\x10\xa0\xa4e#\xfd\xe8\n\x92\xe1\xb7\x14T\x1bb_*/T\xbf\xe8\x17|\x91\xe7\x93N\xc7\xa2\xdag\x94\x95\xa2Y\xeb\x1d\xfb\x8cJ!\x00r\x95\xb8s\x97yw\xc8S@\x89\xad\x02\x0f!Q\xb0\xa0\xdd\xc1\xeb\xdd\xffrU\x83\xb68O\xdd\x1c "16\xa6\xe6q\x1f\xed\xf1\x99W\x86\xf6\xc7kh2\xfc\xe1\xfc\xf1#\xdc\xbdY\x18r\xef\x9b\xe9\x1b8"\x7f^\x9e\xaat\x9d*kK1\x8c\xcd\xea\xff\x84\xf2b}G\xc2\xc0G\x18p\xab\x93_\x923\xaal\xb9\x9e\xec\x9f\xdf)&gt;\xe2b/\xfcE\x8bG\x86\xc3Cn\xfc\xd6\xe4\xccHz\xb0g\x83\x06\xfdR\x95R\x15\xe3H&amp;\x05\xa6\x89\x95\xd7\xc2\x81iT\x07~UG\xfd\xbc\xcc\xcc\xd9\xf2\x1b\x96\xfdD@\xd0$N\x1c\x1f\x1eJ\xfd\x93\x9dzY(\xeeS\xbf\x9a\x0f\xa5"\xe5Y\xbd7\xf5\xde\xf7\xe5\xf0\xe4q\xb5\xa1"\xc5:\x0cC\x84\xb4\xc5\x94\xc4\x8b_\xfb\xe3\x1d\x93\xc8\xcc\xc8\x14\xc6\x1a\x0c\xef@\xc4\xda\x04Q\xa2\xc7\xfb\x1d\xbe\x8e\xa6\x1c$T\xa0]l\xf8\x93\xe3n\xdf\xf4n_N\x97a\xe4\xbe_-A\xa0\xfb\xd9=Z\\\xfa7\x01Lj\x8e\x11\xbb&lt;\x1e\x06R\x1d\x19\x9f\x0b\x98\r\xd2\x82\x14\xeb\xf3\x1b-\xaf\xdf\x89\xae\x90\x88|\xf9Y\xddM\xcb/\xc2A\xbaD\r\xe4\xb4\r&gt;N:;\x83\x19\xcc\xcf\x0c\x829Vw\xc1\x9c\xf2\xb78g\xe7\xd2\xf10-\xf8\x19m\xb2\x8fb\xd3\x88~H\xfa/\xd8\xdf^K\x05x^\xf7\xa3\x16\xdf\xc3\xa8~\xcd#T\x1bpJit\x12Y\x18\x0e\xdf\xf9&lt;\xe0\xa4\r"\xf2@\xdb\xe2&amp;\x96\xd2\xc1\xcdy\xcd\xb8\x00\xf2\xafG\x96\xf9\xa1c\x1e\x8b\xfdvZ\xa7\xe8A\xc0\xa9\x83\xb7\xad\x02@\xb5\x14\x1b\x1eOo|\xc3\xcb\xd7\xba\r\x0e\xa6\xe4N\xb6S\x80vE\xa2)G\xc4\x0c\x1e\x08\xb5\xaaf+\x07\x95\xa3\x84j\xc3\xcb\xf5\\&gt;\xfc\x81\xd7\xa0\xc0\x1f\xa2\xc3yo\x03R@\x82:\xedt\tl\xd2\xb0\xfcw:U\x9ep\xf7\xf1[\x19\xe5\x19\x95\xd4`\'\xe2\xd5S\xd1\xe6\x8c~\xa8\xfc\x9d\xb0\xa4\x0c\xf6\xdek\xc5\xd2\x1aN\x99 \xacn\'\xae2\xf5\x89:C\x07e\xacA\xf3\xee\xdf\n\x1e#\x9c%G\xabm1\xa9\xca|!Iz\xd3.\xdd\xe2\xca\xac\xe6\xf6\x1aa\xb9\n\xe0S\x11U\x04\x8a\x9d\xbe\t\xeb1I\xc9\x19\xbc\x82\xfd\xad\xc6\x83\\\xa6\xe6\xfdfx/\x8c\xe0d\xfc\x1d5\xc4T#\xdc\xd4\xa6\xca\xda\xf6a\xb0_\xdf\x9d#ggmp\xca\xe7MS\xb17\xac\xcb\xad#A\xcf\x99O\x83\xf3\xe0$WA\x16\x91\xbb\x81\xf5\x82\x19f\xa2]IF$g\xebs\x9d\x16\xeb0\xae:\xae^6\xc0\x83@=\xfb^[\x86E\xa5\x9a\x05\x95&amp;\xfa\xefQ\xd6%N}\x94\x17\xea\xf0\x15\xc3y@bO&lt;&amp;\xfb)UsoT\xd7\xad\xca\x04\'\x10\x7f\x90$\xc7.:\xb6\xa0i\xa5\x0c\xb6\xd6\xb0\x91nw\xe2\x80\xc0!\x16\xc1\x8f\xc7\xd3\xe8\x93\x9b\xceE\xc9\xeb\x0b\xcc\xb7\xcb1e\x9d\xf2)\xbb\xfe\xccR\xe4\xd6\xac@\xca}\xa7\x16C\xde\x1fD\xc9\'\x1a\x8d\xc0\x8b\x8fb\x0c)I\xd45\xc3\x17\xf3\x1a:F_4\xcf\x91\xd6\x9a&amp;\x17m\x06\xab\x19\xee^\x14\xbb\xcc4\x0f\xee$\x90\xa3\xd2=\xffI\x94h\x90\x9d\xe4\xaa\x05c\xe9\x84\xd0\xdb\xca\xed+o\xc1\x95\xd5\xe9?\x16c\xb3%X\x95K\xd8\xd4-\xb0\xd0^\xb6\xcf\xde8\x19\x83\x99T-\xc5\x17\xe4}\'\xfdh\x1f|7:5f\xc9\xd9\x9d\xa3\x87\x12\xf0:\x11P\n_\xf8\x0e\xe2\xea\xb0\x8e\xb5@\xc0T\xd7\x9bb\xed\xcf=C\x00B\xe0\x03siEB\xcaa\xfb&gt;w\xf5\x9e.\xedp\xa0\'\xb7\xc1\x03\x7f^\t\xbe\xef^\x04\xdbJdo\xd3~\xca\x07\n\xee\xe4\xcbf\x98g\xa0\xdb\xf3\x92\xa7\xcbN\xafWp)g\xd6j\xc2\x7f\xbf\xae\xe5\x95/\xe3{\x0fY+\xd0e\xd4\x93\xc1\x8e\x18\xab\xa8h\xb1\xf4O!d\x9e;Q_\t\xa3\xdbE\x8a\x9bUN\xb3\xcfI\xd94:\xeaB\xcay\x9e\xea=H\x91\xce[)\xe6\xb2\xd2}\xe3\x0e\x9b(\xed\xd1\x0b\xf5\x81\xda \x8e\x1e\xd1\xdb\x85\xd3\x92?\x95&amp;V\t\xb7\x01I\xac\xf3\xf4\xdf\xedG\xb8-\x15(0O\x1c\x85#p,\x0e\x1c\xa9\xa1-"\x80\xd5\xfc\xc5\xf2aiN\xda\xd3\'r.\x95\xfc\x1e\x8dt\xdaZc\x1ed\xed\xdb\xcfg\xb5|\xfe\xb6A\x16(\xc4#\xf9\xd8\x84u\xcco\x89\xcb|\xe6\x95\xf8\xf5JL{\xf7Q\xf3\x07\xb5\xde\x18\x9a\x804\xd5\xf8\xe2\x98\xf7\x1d\xc9\xeb\xd3`\xc1\xe0\xf6\x9e\xa6\xf5\xec\xbfNh\x08\x0f,\xf0\x96\xa3\x82\xd4\x06}vNTr\xdf\x9f\xd2\xbe\t\x12\x05\r\x94\x13\t\x9c\x03\x9e\xd3\x08^\xdf\xd7&amp;i\xd5\xcd\xd9\x94@\xad\xba!\x8b\x99T\xec\x7f\xa1\xed4-\xb6?\xd4H&amp;FDJR\x02g\xdf\xb9?\xdaL\x06)\n\x8d\xc3\xaa\xf5|h\xd8\xb3^\x84\x82\xf6\xfe\x127\xd8\x1c\xe5\xe6h\xf7\x83\x8a\xe0\xdc\x8d(\x86\xf8eU\xd7\x0e{\xd9}\xacs\xf6\xe7\xe7\x0fN)G3\xe4\xd8K\xcc\xeb\xcb\x84\x19,\xb5\xb9\x02\x1e\xce\x16\xd6\x89u\xbcz#3\xdc\xa4\xcb\x17\xa7Y\xd5\x18x\xdd\xfb\xe9\xfb\x92\xdf\xdb\xf4O\xbf\x11\xa5\xff\xf1\xd3\xf05\x90\x92\xcb\xf0\xc2`&amp;;i\xb7\x8a^\x8f6\x8f\xb2\x92\x93\xc5\\\xd4\xf5\xfaR3\xc5)\xc7\xea\xf7q\xed\xc6&amp;\xff^\x15\x9f\xda\x0c_\x1c\xcc2\x9a\x7f\xef\xacrTJ\'\xa8\xee\x84\xa7\x99o\xae\x87\xa4\xf7s\xe4\xca\xbbc\xc6\x98\xcf\xa2J\xd2\x83r\x10n&gt;\x03\xbc\xf8F\xee\xf5yxW\x9aV\xe3$\xabw7\x05\x9d\xf8\xa1_n\\\x89\x89\x9b\xe32\x90i\x1aj\xeeX\xc3\xd5I\xdd\xfcz\xea&amp;a\xa2\xf1\x8dww\xdegl\xf7\xdb5\xfd\x156E\x08\x86\xb3\xce\xb7\xcf\x06\xa0\xac\x89-c\xd2\x9c\x99\xc9M\xdc\x8e\xc5\x00\x16\x92g\xeb\n\x06\x90g\x8c\xce\xa6\xe0\xbc\x9b\x96\xefG\xf7\x9a\xeb\xfd\xb4}\x08k\xe25\xfe\xf5I\xee\xf3q\xb5\xe1\x16\xc6\x93\xd0\xc3\xf3\xfe\x89 \xaf&lt;{\xe7\xa6\xeel\xddyr\xc5\xb1\xf9\xe9\xd8\xaeb\xae\x80\x8b\xb3\x88\xa6%A\x1f\xb3;"*\x1c\xe8q\xeaA\xa3-6{\xa5#\xbfX\xba\x9f\xecQ\x02\xad\xd8\xc2bG\xa03\xd6\r\n\xd4\xbc8\xabZ\x0c&amp;Wp\xbe\x11\xf7\x9a\xb6\xa8\x9e\xa6\x8f\x0f\xae\xde\x11\xd9NW\'\\\xd2\xc3t\xe6\xde\xc7}M\x07\xb5\x1b\xee\xddn\x8bn\x7f\xed}\xff\x13H\x05\xc7\xeeub\x1b\xaf#1\x12\xcd.\xf2:I\x89\xaa`\xaaG\xb1\x08\x8b\xc9\xccs\xb69\xae\xeb\x8e\x91e\xb2v\xce\xe4\xd1\x91\xea&amp;\x05\xb0\xa0`\x198-7G\xd27\xc0\xb0\xbd\xceI\xc2\xf2p\xfd\xbe\xba\n+\x16\xedg\xec\xf7*\xf3\xe8}\x03b\xbfz\xb6QDZ/M\xb7N\xe2\xbb\xf6udH\x04e\xd4\x8bU\x99\xf5\xd2&lt;+\xb5=b\xa6\x1bv\r\xc3\xee7\x9bNBQ\xd8\x10\xeb\xe6\xe7\x98\xb4\x17\xd2?,\x95\xe4\x96\x88\x1f\x1e\x81\x82U\x8dO\x07P4\x1f\xa8\x1b\xede\x04\xbe6d\xc6\xa0s\\\xe6R/\x08&lt;\x90\x06#F\'l\x12\x80\x03Wa\xf8\xa5&lt;\xd4Q\xfcs\x00w\xa4\'G\x88uR\n\xd8\x01\xfa\xc0\xf37;\xba\xe7Kq\xccc\x10\x95\xee\xb4w\x95}\xd6\x0e(\xa8\xa5\xca\xaf\x01\xccX\'g\xe1\xb0\x18\xe6\xcf\xd33\x82F\xae"\xa8\x88S0\xd8O\xaa\xc7&lt;\r\xb4\xa9\xa2\x93\xbdz\xecE\x99\xca\x05B7]\x13\x10\x1e\xa9=\xd9\xa9\xdc\xa6(\xa1\x98\x7f\x88\x8c\xad\xae]\x88Y\xda\x99\x01\x06\x11\x1a\xa2p\x0b]\x01T\xa4@6\x90\x18\xf89\xc8\xc7\xff-RQ\xc1\xac\xe4\x86@\x02\x9b_\xea-\xe3Z\x0c\xc2\t0v~\xf4\xe7\xd2\x1e\x9a\'\xff\xdb\x15\xa9w(\xe0\x16G\xa0\xfd\xf0\x98\xadO\'\xd7t\xf5\x86`&amp;\xda]@+\x16\xe9\xc2\xccI\xc6q-C\xe6\xd9\x88\xadV\xfd\xc1[\xd1j\xaa\xfe\xd5k\nX;F\xb2=\x9dy\x84\xe5\xc9\xeb\xa0t1\x12{/3or\xb0\x00\xca\xeb\xcf\xedRbE\xbd\xb3\x88\'\xf448:j\x10J&amp;L\x1e\xcd\xc7I\\@\x15\xb5\x1e\x15BTw\xe8\xb7\xf1Ak\xeb\x043\x9a{}\xc5\x01\xb4-\xaf\xa5[+\x03U\xe1\xbc(\xfa"qD[\xaf\x1f\x1a\xd0\xa8\xf0\x7f9\xc6\x03\x01\xa2P\x88\xca\x80\xbd\x8e\x89\r#\x9b\x08\x9d\xb3\x0e3\x0c5""\x11\xb2\xdb\x96\xf9\x8a\xccV\x01\x86d\xbd\x99\x87%Q)\x83%\xf3\x8e-!\xadPu\xe2\x116}\xf2\xb1\xd6m\xf0\x97\xf9\xfc\xdc\xb7\xce\xcb\x84q\x11\tQ\x0b\x99\xc5\x008:\x9e \x82\x91\xcd\xc8sHN\xc5\tM\xdb\x1a\x1buO\x87#\xac\x08\x94\x15\x1b\x06'</t>
  </si>
  <si>
    <t>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</t>
  </si>
  <si>
    <t>b'\x87M\xb3\xacg[\x16\x9f\x8fy\x03\\\x91c\x8fg'</t>
  </si>
  <si>
    <t>material; for linear media
  P = 0Ï‡eE, and M=Ï‡mH,
  so
  D= E, and H= 1
  Î¼B,
  (7.57)
  (7.58)
  where â‰¡ 0(1+Ï‡e) and Î¼ â‰¡Î¼0(1+Ï‡m). Incidentally, youâ€™ll remember that
  D is called the electric â€œdisplacementâ€; thatâ€™s why the second term in the
  AmpÃ¨re/Maxwell equation (iv) came to be called the displacement current.
  In this context,
  Jd â‰¡ âˆ‚D
  âˆ‚t .
  (7.59)
  Problem 7.40 Sea water at frequency Î½ = 4 Ã—108 Hz has permittivity = 81 0,
  permeability Î¼ = Î¼0, and resistivity Ï = 0.23 Â· m. What is the ratio of conduc
 tion current to displacement current? [Hint: Consider a parallel-plate capacitor im
 mersed in sea water and driven by a voltage V0 cos(2Ï€Î½t).]
  7.3.6 Boundary Conditions
  In general, the fields E, B, D, and H will be discontinuous at a boundary between
  two different media, or at a surface that carries a charge density Ïƒ or a current den
 sity K. The explicit form of these discontinuities can be deduced from Maxwellâ€™s
  equations (7.56), in their integral form
  âŽ«
  (i)
  (ii)
  (iii)
  DÂ·da = Qfenc
  S
  S
  P
  BÂ·da =0</t>
  </si>
  <si>
    <t>b'$\xe0\xddf\xd5\x00\xd9\xb8(\x9b\xda\xb1Hc1\x07\xa7\xf59\xfd\xf6\x9aB\x975Er\xa5J:\xba\xf7'</t>
  </si>
  <si>
    <t>24e0dd66d500d9b8289bdab148633107a7f539fdf69a4297354572a54a3abaf7</t>
  </si>
  <si>
    <t>b'$\xe0\xddf\xd5\x00\xd9\xb8(\x9b\xda\xb1Hc1\x07'</t>
  </si>
  <si>
    <t>osing the apprehension of alarming you in the excess of my emotion, I
 could no longer be silent. O Emily! these are moments, in which joy and
 grief struggle so powerfully for pre-eminence, that the heart can scarcely
 support the contest!'
 176
 Emily's heart acknowledged the truth of this assertion, but the joy she
 felt on thus meeting Valancourt, at the very moment when she was
 lamenting, that they must probably meet no more, soon melted into
 grief, as reflection stole over her thoughts, and imagination prompted
 visions of the future. She struggled to recover the calm dignity of mind,
 which was necessary to support her through this last interview, and
 which Valancourt found it utterly impossible to attain, for the transports
 of his joy changed abruptly into those of suffering, and he expressed in
 the most impassioned language his horror of this separation, and his
 despair of their ever meeting again. Emily wept silently as she listened to
 him, and then, trying to command her own distress, and to sooth his, she
 suggested every circumstance that could lead to hope. But the energy of
 his fears led him ins</t>
  </si>
  <si>
    <t>b"\x82r,\xe4A\xea\x84\xfcGQ\x0f\xa0'|G\x1f\xd4\xecQ\xb3\xc4\xe0cm\x07\xd2\x99B\x86\xcfdZ\xber\xe4|\x0cF\xb1z\xa0\xb0\x12\xf2\xfbT\xd0]\xeb\xce\xdf\xcf`\x90\xb9\xa6)\xdc\xcd\xfa\xb6Bu*"</t>
  </si>
  <si>
    <t>82722ce441ea84fc47510fa0277c471fd4ec51b3c4e0636d07d2994286cf645abe72e47c0c46b17aa0b012f2fb54d05debcedfcf6090b9a629dccdfab642752a</t>
  </si>
  <si>
    <t>b"\x82r,\xe4A\xea\x84\xfcGQ\x0f\xa0'|G\x1f"</t>
  </si>
  <si>
    <t>* W6.
 a
 qU1C12 + 11 - q2U1C22.
 U C C
 C2 = [aH2 + 11 - a2F2] * W.
 C1 = [aH1 + 11 - a2F1] * W.
 a 1 - a
 F2
 1 - q H2
 F1
 H1
 q
 W
 676 MATHEMATICAL POSTSCRIPTS
 For a risk-averse investor, the marginal utility of consumption, , falls as con_x0002_sumption rises. Declining marginal utility explains why someone who is risk averse will
 not take a gamble with an expected payoff of zero: The extra consumption made possible
 by a win yields less utility than the utility sacrificed if the gamble is lost. If the marginal
 utility of consumption does not change as consumption changes, we say the investor is
 risk neutral rather than risk averse. A risk-neutral investor is willing to take gambles with
 a zero expected payoff.
 If the investor is risk neutral, however, so that is constant for all , equation
 (21P-3) becomes
 which states that the expected rates of return on Home and Foreign assets are equal. This
 result is the basis for the assertion in Chapter 14 that all assets must yield the same
 expected return in equilibrium when considerations of risk (and liquidity) are ignored.
 Thus, the interest parity condition of Chapter 14 is valid under risk-neutral behavior, but
 not, in general, under risk aversion.
 For the analysis above to make sense, neither of the assets can yield a higher return than
 the other in both states of nature. If one asset did dominate the other in this way, the left_x0002_hand side of equation (21P-3) would be positive while its right-hand side would be nega_x0002_tive (because the marginal utility of consumption is usually assumed to be positive). Thus,
 (21P-3) would have no solution. Intuitively, no one would want to hold a particular asset if
 another asset that always did better were available. Indeed, if anyone did wish to do so,
 other investors would be able to make riskless arbitrage profits by issuing the low-return
 asset and using the proceeds to purchase the high-return asset.
 To be definite, we therefore assume that and , so that the Home asset
 does better in state 1 but does worse in state 2. This assumption is now used to develop a
 diagrammatic analysis that helps illustrate additional implications of the model.
 A Diagrammatic Derivation of the Optimal Portfolio
 Figure 21P-1 shows indifference curves for the expected utility function described by
 . The points in the diagram should be thought of as contingency
 plans showing the level of consumption that will occur in each state of nature. The prefer_x0002_ences represented apply to these contingent consumption plans rather than to consumption
 of different goods in a single state of nature. As with standard indifference curves, how_x0002_ever, each curve in the figure represents a set of contingency plans for consumption with
 which the investor is equally satisfied.
 To compensate the investor for a reduction of consumption in state 1 , consump_x0002_tion in state 2 must rise. The indifference curves therefore slope downward. Each
 curve becomes flatter, however, as falls and rises. This property of the curves re_x0002_flects the property of ( ) that the marginal utility of consumption declines when rises.
 As falls, the investor can be kept on her original indifference curve only by succes_x0002_sively greater increments in Additions to are becoming less beneficial at the same
 time as subtractions from are becoming more painful.
 Equations (21P-1) and (21P-2) imply that by choosing the portfolio division given by 
 , the investor also chooses her consumption levels in the two states of nature. Thus, the
 problem of choosing an optimal portfolio is equivalent to the problem of optimally choos_x0002_ing the contingent consumption levels and . Accordingly, the indifference curves in
 Figure 21P-1 can be used to determine the optimal portfolio for the investor. All t</t>
  </si>
  <si>
    <t>b'0E\x02 gl\xb5 \xbe\x1f\x7f\xa1\xf4oV\xdd\xc26\x97\x13\x1b\x1e\xc0\xcc\xea\xe4\x91\xd8\x07`\xa6\xb9\xa4\x95\xf6\x85\x02!\x00\xb2\xf7\x98\x92\x13$\xed\xbcE\xc5]n:\xd0\xc3\x86\xf8\x02\x8b\x0e+\xca\x88\xa89\xc4\xf0\x7f\xa8#J\xb4'</t>
  </si>
  <si>
    <t>30450220676cb520be1f7fa1f46f56ddc23697131b1ec0cceae491d80760a6b9a495f685022100b2f798921324edbc45c55d6e3ad0c386f8028b0e2bca88a839c4f07fa8234ab4</t>
  </si>
  <si>
    <t>b'0E\x02 gl\xb5 \xbe\x1f\x7f\xa1\xf4oV\xdd'</t>
  </si>
  <si>
    <t>d like an apple. I ran on 
 deck. The watch was all forward looking out for the island. The man at 
 the helm was watching the luff of the sail and</t>
  </si>
  <si>
    <t>b"q\xc5\x13|=\xb7'M\xe7\x16\x08;\xb1+\x19\xd3\x84&amp;\xfaAJ\xfe\x92\xc6m\x95\xf5\x804A\x9e\x01f\x12\xf2M\x0b\xb2\x9f\x85y\xcd\x98a|\xd3\x81\x08;\x88\xbeg\xaez8OS\xc4\r\xf6Q\x9aO\x12\xe2\x01Z\x82\x08\xc3\xc9$\xd3\x9b\xf1\x90\xd6\x0f\xca\xc2w\x95\xb5\xd9\xafm\xc8K)`\xad\x92\x80\x05\x86\xd1I\x12\xde\xc7i\x1f\xefA\x00\x15\x95S*\xca$\x88\x855\x08\xc4\xd0\x7fcK$\\\nY\x13\x0e\t\x17\xb5&lt;\xcd-\xb4 Z\xd2\xd7N\xbc\xa3Q\x16\xb9;hP#\xba\xbf\x04\x97,an]\xa1\x15\x92\xe9A\xc2\xc7v,D\xd6\x83u\x17v\xea\xd3 u\xb1\xb8\xd6\x85\xa7\xb6\xc1\x0e\xfbP\xb3\xd0S\xf5?\x8b\xd6\xd8#3Y\x9e\xecW\xf0}\xfak\x85t\xec\xc7o\xad\xeb7\x18\xef\x90\xdf\xc9\x8c\xf6\xe3\x1b\x0e\xf7{_\x8d\x88C\xc7!q\xa0;\xae1,\r\xbc\x99\x86*\xbbz\xf6n\xa4\x19\x9e1\xa6&lt;^\xa5P\xb4\xafU\xb2"</t>
  </si>
  <si>
    <t>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</t>
  </si>
  <si>
    <t>b"q\xc5\x13|=\xb7'M\xe7\x16\x08;\xb1+\x19\xd3"</t>
  </si>
  <si>
    <t>t his job and pursue teaching photography full time.
 When Kyle subscribed to the Building a StoryBrand podcast,
 he began to wonder whether his message was too confusing.
 The night before his next launch he bought our online course
 and edited his website using the SB7 Framework. In fact, he
 removed 90 percent of the text heâ€™d previously used on his sales
 page, and he also stopped using inside language like â€œf-stopâ€ and
 â€œdepth of field.â€ Instead he used phrases like â€œTake those great
 pictures where the background is blurry.â€
 BUILDING A STORYBRAND
 26
 The next day, Kyle sent a mass e-mail to the exact same
 e-mail list heâ€™d contacted only six months before and offered the
 course again. He wasnâ€™t expecting much because heâ€™d already
 sold to this list, but to his surprise the course sold another
 $103,000 worth of registrations.
 The difference? He highlighted the aspects of his course
 that would help parents survive and thrive (build stronger tribes,
 strengthen family connections, and connect more deeply with
 lifeâ€™s greater meaning), and he did so in such a simple way (with
 fewer than three hundred words on his sales page) that people
 didnâ€™t have to burn calories to figure out what was in it for them.
 Overnight heâ€™d gone from a cluttered mess to the clear guide in
 his customersâ€™ story.
 Today, Kyle has quit his day job and runs shultzphotoschool.
 com full time. Every day he gets e-mails from parents thanking
 him for helping them feel great about the photographs theyâ€™re
 taking of their children.
 WE NEED A FILTER
 Alfred Hitchcock defined a good story as â€œlife with the dull
 parts taken out.â€2
  Good branding is the same. Our companies
 are complex, for sure, but a good messaging filter will remove all
 the stuff that bores our customers and bear down on the aspects
 of our brand that will help them survive and thrive.
 So how do we come up with these messages? Itâ€™s simple. We
 use the same grid storytellers use in telling stories to map out the
 story of our customers, then we create clear and refined statements in the seven relevant categories of their lives to position
 THE SECRET WEAPON THAT WILL GROW YOUR BUSINESS
 27
 ourselves as their gu</t>
  </si>
  <si>
    <t>b'\xb6v\xd6\x98P\x96\xdd\x87\x13\x00T\x0bP\x06\xb6_\xe5:\xb5@\xa2\xcb\x91\x03\x07\'1\xefV\x86.\x9e`\xc9\\N\xff\xe9\xbfq(D\xca\x06\xe5\xaa\xe2\\\xf5\x1cv\xf9I\x91\xf7 &amp;\xd5h\xee\xa8\x03O\xf7$\x13=\xf3dr\x81"\n\x00\xb5\xa3\x96\xd8\xe5s\xbd\x8f\x9e\x00m#\x19\xb4\n\xda\x1cj\x1b\xcb&lt;#G\xe5\xf3C\xd8\x82\xd6\xe4c\xcf\x8c\x04\x85\xb1&gt;\tLm\x8as\xb5\x80\x19M\xce\x14\xf6\xf4\xc9}\x92|\x8b\xb4\x8d\x97\x08s\xedY( \xa1t\x07,gz\xd1G\x14\xb0PuXn f\x91\xe0B\xd6I\x93\x03\x190\xfb\xf1\xa6\x15p\xb2\xfa\xdc\x02\x80T\x8dj1:\xd0\xc5\xd38\xea\x90}\xe5\xc5l\xa5\xb2y\xcc\x91\xc1V\xfcx8\xec\x0b\xcb\x91@\x93\x01\xe6\x8c\xc2Ep\xd3\x11\x131Y\xcer%_\xaa\xae\xc2\xa0\xf5\x99K_\xc6\xb6\xd9q\xaa\x95br~a\x1f5nz\xd5wR\x8e2\xc3\xd2\x9d\x80I\xcfJ\x91\xce\x1b\x0f\x8e\xf2u\x97\x8f\xea\xa8\xd3\xaf:\x1e\x14&amp;\x85,U\xe9\x91\xc8\xd6b\xb7\xc3\xd5\xafMOF\xc0\xb2B;\xdc\xf7\xaf\xc9\xc8\xde\xdeq_,\x02\x9a\xbe\x8dl\x1c\x15\\\x18\xfb,4\xeaR\xda\x839\x11\x9f}\x87\x90\xbbXs[\x14\x0c[\xdb9_\xd2\xe2M\xdbp\x9b\xd9\x1f\xb1\xbfD\xb0\xc4\x18Uh\xf8\xf3q\xdc\xdc\xaf\xf7z*\x05\rPC\x98\xf7\x9eH\xe5\xfc\xba\xaftJ\xbe\x0f\t.\xa2\xd4\xd2\xe8\r^i\x9c%\x91lr\x12T\xf9\\\xf8\x0b\x1a\r\xa9\x001\tT\x01\xa3\xf8\xbfX\x1c\x11F\xb1\x05\xa4\x1b\xef\xd8C\xa2\xac\xe4\x86\xd5\xf4\x81\xe7L9V\xbf\x0b\xee\xe9/\x13&lt;\xb4}H\xeaB\x90@DN{\x9d\x9d}#\x17]\x06\x15\x03\xf4\x19\x01\xcd\x7fF\xf9-i\xfe\xb6\xaaH\x02\x01\x11\x8aW\x8a8\tA9\xe52I:D&gt;/\x10@\xd0\x88\x0b\x97\xed&amp;\x14b2\xc2\\\xf9#\xe0&lt;\x8e\x00u\x06\xea\xda\xca\xf5\x9c0\x1a\xfe\xe7\xf3\x80Q\xca\xc4\xb4\x03\x15\xef\x9b\x96\xc1$\xca\x1e \x01\xebu\x8a\xbd\x145\xa2\x18xM5n\xed\x04\xaf\xb8\x0f%DJz\x00\x94\xb8\xe8\x1e#\xdb\xe3\x81\'\xc7a\xdbY\xc5U\xe3\xe6\xfa\xdb\xb8-E\x9a\x12\x11\xe0\xcbMT\x97\xa23\n\x9b\x1cq\xb1u%\xe8r\xdeg\xdf"o6\xd6\x08\x9f\x1b\x8f\xb8\x97\x95EX\xd8\x9fS\xda\x8co\xb0\xdf\x04\xdaty\xbf\x13W\xe2\xab\x00^!\xa3H\xa6\xae\xde\xf5X/\x11^\x1d\xb8\xe6\xfd]&lt;\x06\r\x8e;\xe9\xc7\xb4\xda\x9f\xcb\x1ac\n\xc3\xea\xbaP\xaa\xed\xe5\xc9.FY\xb2a\xc7\x7fAnTN\xc3V\x9f]-\xdd\xed\x97\x0cI\x92\x8ed\xdb\xf3\xe2R\xbf{?C*\x93\xcd\xc9\x000\x079\x07\xff\xff*\xdcp[S\x9f;lO\x88\xddH!(\xc3ch\x15\xef\x17\x02V\xe4h\xa1Y\xa4~=Z\x04w=\xa61x\x99\xae\xb7*\xb3G\xe9,B\x1b9l\xa0\x8er.\xbbP@\xb87\xfa\x975\xfeq\x92$@\x1c\x14\xe6\xdag\x06$S\x81\xf9\x82\xe1\'\xd5}-y\x98\x10+\xd9K\x1b\xa4[\x82\x03\xa9\x18\xbf=Z\x85\x1c\x19\xd7\x7f\xa8dw\xbdHZ?\xe8\x95\xc3\xf6\x8589q.JU\xe8P\xed\xdb\xc1\'\x13\\\x03\xf1\xc3\xa7\xe9\x7f\xd7\xbdPv\xb0!\xae\xc2^\xc5\x08o\xf9\xbf\x84:\xdc\x9f\xbbQ\x918\xa8\x11\x9e\xa4\n\xb6\rKki\x85\x06\xedwF!\x87\xd8,Lt\xacs\xcb\x1e\x0c\\jm\xb5\x93\x93.|IC\xc3\x0f\xd7\xbdG\x7fe\xf5\x02\xf9_/\xa9\xc0\xc34\x8b\x89\xc3x4!(\xdf\xac\xf2f\x1fX\x86\xd5\xffV\x1c\xa2\x7f\xc3n_\xdd\xa7c\xe1\xaf^\x87A\x9bLP\x8eJ\xf4M\xed\x92\xf0\xd4\x07\xe0h\xcc\x1d"r\x95\xe3\x10C\xbd\x9c\xb0\xdc_\xc3\x7f\xebGl\x01\x08\xba\x1c\x10\x002]S\xde\x88\x0b\xba\x9d\xa6\xa7\x13dR\\aX\x9aP\xf0\x10\x83%\xd2q\x9a\xa2\xed7\xcc\x8b\xfc\x9eV\xc2\xdds\xeb\xf4\xb2\xf4\xa9\xf5\x81/\xec\xa6\xa0\x00Y\x16\x94P\x99\xe6\x08\xc7\x04yN\xfcg\x95\xcbe\xc6\xe90\x19 M8V\xa7\xd5\xa8\x88\xcf$\x87A\xdf\x9c\xf6E\xadD\xc2\xabX\x83=\xc5Q\x19\xcc\x96\x89:X\x88\x04t\xcc\xbd\xb6\x1f_\xb4-\x07\xd3\xcf"\xac\xa4\xbbxB\xb6\'\xd1\x1a\xb1\xf7:D\xf0\x83\xbe\x1c-\x1c\xae\xf8I\xf6K\xe7\x05C\xab\x17\x9a\x19\xd0\xa3\xe8\x9eT\xf0\x96\x84\xcfQ\xadN\x86-\x15Z\x9c\x8cg\x13\xf4MY9&gt;P\xf9\xa3\xd2)\xc5\xd3+H\xcc?\x80\x0eh\xe3\xa2\x1f\xe0\xd9=\xce#n\xe5\x96&amp;\xbae\x9a\x83!\x9azZ\x83\x19\x86\x9a\xadD9\xb749N\x90\xe8\xb9@\x86\x938\x83\x966P\xcf\xe6\r\x98\xa00l=\x80|\xa3\xb3\xbb&gt;\x17\x98a\x19\x98\x93\xca\xfc\xbb\x9bL]\x8c\xefE\x18]\xb3\xbf6\x80:4\x1fT\x84\x87\xfc\x8bw,\xf8\xfd4L\xf7\xd0dI\xe6\x97\x94j\xcb\xff-\x81\x9a\x99\x9d\x96\x1fi\x1f\x7f\x01\xbdv\xc6\x1dc\x8b\x93\xe7h\xa00!\xf0\x81\x8c\xbf\x0c\x8b\x02\xa3;\xadZt\x0b\xd8\x05\x03D\x89\xdb\xf7\xf2\xf9\xa8\xd7d\xe0\x8dnE.h.[\xec\xd6ayn\x07\xab\xa5L0\x15.\xeb8 \xe6\x8d\x91\x15\x93\x82\xc4&gt;\xff6\xe8\xcaY\xe2s\xca\xcb)\xed?u\x9e\x1d$@\n\xb0\xef6\xb9\x94iPJ#2p\xfc\xc2\xf7\x8b\x0f\x86V\x04;4\xdf\x81\xa0\xcf@U\x1e\x81\xea\xfa\xe8\xce@\x9bI(\xa6\xf9\xcb\xf0\x045?\xdf\x85#\xaf\x9c\xe9\x88\x95\x10&gt;l./\xa8oC\xec\xc7\xbf\x0f)G.\xdb\x9e\x05\x15I\x01\xf2\xcfxQd\xf6\xcerx\xbb\x9axD\x9d0\xae\x03\x9b![*\xcd\x08,\xde2\x12\x7f\x95]\xce\\d\xeb+\xce!f#\x15\x06\xbc\xe0\x1a\x00\xd4\xae\xfe/\n\\\x0br\xc2\xdd\xef/\xd31r\xa0nS]\x84\x94\xe8&gt;\xd7#\x97\x92\xe8@\x03\xe1\x0b\x0f\xec\xae\x82@T\x1c|W`\xe6\xec&lt;o(~F\x9cLc\x9dg\xee$J\xc0\xcfO\x11{\x97\x896\x86%I\x1d_\x15|\x168\xebV\xb4c;\xaa\xc3\x11{h_\xea\x01\'\xc1\xe8m\x98\x12|JL\xaeb\xb5\x83\xcf\x94\xf18\x07;\x01\x08\xe1r1\xf7\x892\xd82\xe6f\x83\xac\xfd_:\xa5\x96Y\xf1A\x81\n\xdf\x08\x1bs\x99 V\xa2\x1a&gt;\xbf\xb6\x8cO\xfb\\\xd8O\x992QZ\x88\xa6d\xc9\xa1D\x17(P\xb7\xb9\xbe\xfcc*\x89"\xdb\x0c\xc6\xa9\x90NN\x1et\xc1\xe6tr\xd0\xc6\xbf\x12\x1f\xf3,\xfdh\x1d\xc7g\xe6\xbe&lt;\xcf\xf5\xd7\xc1d\x14\xe8*n\xc1~9\xe3\xa2\xfc\xd3\xeb!1vwU\x92\xf3\x17\x10\xb4\x9c\xa2\x91e%\xfb\xab\x1cva\xb8ts\xc0qg*I\xe7\xa4]\xac\xf0\xe4\x9e\xce\xaa1i\x88\xa6VX\xb4\xd7\xea\x17\xee\xee\xb2\xf6\xa1\xdd\x84?\xc4\xb2\xc8\'aS\xdf\x97\xb3X\x14\xc1#\xeb_\xa6\x01r\xa1\x1el&amp;\x97\xd6\x8fO\x05\xb5\xddy*\xf7/X\x12\xcf\xdf|\xb1\x1b\x92\xffqR\xe3\xa7\xbc\xaf\xfc\xb8\xfa!\xdcV\xa3b\xca\xd3\x19D\t\x0c]\xadx\x8f\xd5\xc5%\x19\x87\xcf\x88\x1c\xb4\xf5\x04\x18\xb0\x7f\xea\xe1a/z\xcbc\x97\xe9\xc1*n\xb7\xa0A\x83\x90\xdc\x15\xd4W\xa3\x85\xf5\xb4\xb8f5R\xe3\x1fS&gt;\xf2aM\xbfk\xf7z.M\xf1\xfb\xd0\xad\xe8\xc5R\xba\xd6\x985_\xd3\xeeF\xe8M\x06\xd2)*C}\x96\xd7\xa56\\\x95\xc7t\x10@\x8e\xde\xf7\xc7\x86\xb4\x92qj\xc8"\xfb\\\xa9\xabF\xe9IM;31\xa8\xa6\xe9\xd69Y\xad?&gt;\xb0\x02y\x8e\xacf\x86 9\x96\x99\xd8\x89\xf9\x92\x1f*\xeb\xaawdyB\xad\x02\x18`UFH\xf5I\x10Q\xde\x87\xd5=\xe7jv\xac\xd1K\xea \'}o\xc3\x9fr\xac\x04\xec\xd6-8\xab\xa7\xeb_&amp;\xcd\x9a\xb6\x86e\xcfcz\xd9\x1a\rEw\x93\x02\xccs\xd2i\xa9\xe0\xaa`\x01\xaf\x10r\x06\xa8n~/\xcd\xf8\x92\xe7\xca\xdb\xcd3\xb3\x7f\x16\xa0T\xea\xa4vF7\xc1\xd0Hg9f\xbe*\xe2S\xf5\xb0\x9c\xdd\x06,[\xe2\x84\xbct\xca\x8d%\x85O \xbb=3u:\x90!\xad\xbc,&lt;\xecp\xa3\r\x1a\x93C\x9a\xbe\x07\xd5T\x96\xfd\xf4\xa7E7\x08\x1f\x0e\xfe\xaa\x12R\xa70\xbag:\xc8=\xee\xd4\xb6\xa1\xc5\x1dL8\xc8n?\x90\xaa\x8d\xca\xaf\x8a\x9a\x9d\x91\n\x07\xcb}\xc5/\xf1&amp;\x81\x83\x10k\x88\xaa(\x88T\x98\xed\xb3\x18\x16\x1fh\xea\x07\x05X1\'4\xf2f\xadEP\n\n|\xa7-"4d\xce~o\xefZo\xa6\x1c\xa2&lt;\x80'</t>
  </si>
  <si>
    <t>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</t>
  </si>
  <si>
    <t>b'\xb6v\xd6\x98P\x96\xdd\x87\x13\x00T\x0bP\x06\xb6_'</t>
  </si>
  <si>
    <t>length of a board. If itâ€™s at rest (with respect to
  you) you simply lay your ruler down next to the board, record the readings at
  each end, and subtract (Fig. 12.12). (If youâ€™re really clever, youâ€™ll line up the left
  end of the ruler against the left end of the boardâ€”then you only have to read one
  number.)
  But what if the board is moving? Same story, only this time, of course, you
  must be careful to read the two ends at the same instant of time. If you donâ€™t, the
 516
  Chapter 12 Electrodynamics and Relativity
  Board
  Ruler
  FIGURE12.12
  board will move in the course of measurement, and obviously youâ€™ll get the wrong
  answer. But therein lies the problem: Because of the relativity of simultaneity the
  two observers disagree on what constitutes â€œthe same instant of time.â€ When the
  person on the ground measures the length of the boxcar, he reads the position of
  the two ends at the same instant in his system. But the person on the train, watch
 ing him do it, complains that he read the front end first, then waited a moment
  before reading the back end. Naturally, he came out short, in spite of the fact
  that (to her) he was using an undersized meter stick, which would otherwise have
  yielded a number too large. Both observers measure lengths correctly (from the
  point of view of their respective inertial frames), and each finds the otherâ€™s sticks
  to be shortened. Yet there is no inconsistency, for they are measuring different
  things, and each considers the otherâ€™s method improper.
  Example 12.3. The barn and ladder paradox. Unlike time dilation, there is
  no direct experimental confirmation of Lorentz contraction, simply because itâ€™s
  too difficult to get an object of measurable size going anywhere near the speed
  of light. The following parable illustrates how bizarre the world would be if the
  speed of light were more accessible.
  There once was a farmer who had a ladder too long to store in his barn
  (Fig. 12.13a). He chanced one day to read some relativity, and a solution to his
  problem suggested itself. He instructed his daughter to run with the ladder as
  fast as she couldâ€”the moving ladder having Lorentz-contracted to a size the
  barn could easily accommodate, she was to rush through the door, whereupon the
  (a)
  (b)
  (c)
  FIGURE12.13
 12.1 The Special Theory of Relativity
  517</t>
  </si>
  <si>
    <t>b'\x8c\xb3\xa6\x0bU\xd5\x95\x87X/\x8f\xabi\x19\xb0\x96G6\xac\xb4&amp;\x97\x98\x9f\x93\xd6\xeb\x7f\x17S\xf4$'</t>
  </si>
  <si>
    <t>8cb3a60b55d59587582f8fab6919b0964736acb42697989f93d6eb7f1753f424</t>
  </si>
  <si>
    <t>b'\x8c\xb3\xa6\x0bU\xd5\x95\x87X/\x8f\xabi\x19\xb0\x96'</t>
  </si>
  <si>
    <t>bursts, the mast is riv'n;
 The sounds of terror groan along the air,
 Then sink afar;â€”the bark on rocks is driv'n!
 Fierce o'er the wreck the whelming waters pass'd,
 535
 The helpless crew sunk in the roaring main!
 Henry's faint accents trembled in the blastâ€”
 'Farewel, my love!â€”we ne'er shall meet again!'
 Oft, at the calm and silent evening hour,
 When summer-breezes linger on the wave,
 A melancholy voice is heard to pour
 Its lonely sweetness o'er poor Henry's grave!
 And oft, at midnight, airy strains are heard
 Around the grove, where Ellen's form is laid;
 Nor is the dirge by village-maidens fear'd,
 For lovers' spirits guard the holy shade!
 536
 CHAPTER 10
  Oh! the joy
 Of young ideas, painted on the mind
 In the warm glowing colours fancy spre</t>
  </si>
  <si>
    <t>b'\xcc\xaaI4&amp;\xe3\x1aB\xff1\xe1\x08R\x9d\xfeT?\xd8\x91\xcb\xb2A9V0\xfe\x1f\xb7\xad\xd8oC\xbae\xb1V\x95\x9f\xeaA\xea\xba\xc4\x94}\xe6nx\xa6\xed\xea\xf2\x1a\xe2\xd5\x1a\r\xa2\xc7\x84\x0e\x8d\xda\xbd'</t>
  </si>
  <si>
    <t>ccaa493426e31a42ff31e108529dfe543fd891cbb241395630fe1fb7add86f43ba65b156959fea41eabac4947de66e78a6edeaf21ae2d51a0da2c7840e8ddabd</t>
  </si>
  <si>
    <t>b'\xcc\xaaI4&amp;\xe3\x1aB\xff1\xe1\x08R\x9d\xfeT'</t>
  </si>
  <si>
    <t>have very little information as to how they were cultivated,
whether by slaves, tenants, day-laborers, or some combination of all three. Recent
archaeological work in Africa confirms the impression offered by inscriptions and
literary evidence that this region of the Roman Empire also saw the growth of
substantial estates, often devoted to the cultivation of olives as a cash crop
(D. J. Mattingly 1988c; M. De Vos 2001: 21â€“9).
Some parts of the empire saw the development of large private estates comparatively late, as in Egypt, where such estates began to appear in the second and third
centuries (Rathbone 1991), or Palestine, where large estates apparently only formed
in the third and fourth centuries (Z. Safrai 1994: 322â€“64). In these areas, the absence
of large landowners could mean that other institutions played a significant role in
setting the conditions under which agriculture was practiced. In Egypt, agricultural
land in the Nile valley and Fayum was often divided into relatively small parcels,
separated by embankments that were designed to capture the Nile flood. Grain was
the usual crop in such land. Land not reached by the Nile flood needed to be irrigated
artificially. Often irrigated land was devoted to orchards and vineyards. Much of the
land was privately owned, but the state also maintained control over a great deal of
Landlords and Tenants 303
land in most if not all nomes (administrative divisions). This circumstance, in all
likelihood, promoted greater equality of land distribution, since state land in Egypt
was customarily leased out in small plots to individual cultivators, who enjoyed
security of tenure and could often pass their cultivation rights on to their heirs
(Rowlandson 1996: 70â€“101). Egyptian agriculture required the continued maintenance of irrigation dikes and drainage canals to make sure that the flood reached all
the land that had to be irrigated and also that the water could be drained to allow the
sowing of the crop.</t>
  </si>
  <si>
    <t>b'\x8c\xc7\xb9U\xdeu\x80m\xba\x1c\xf8\xfa\xefGi\xb8YG\xa2\xcc\xfb\xf9\x05\xfb\xffvMuB\x12\xd2\xe7\x82PL \xd5\xd9\xbe\xee\x9fc9\x8aK]\x83\xba\xd6\xbd9\xfd\x866\xa2_]\t\x92r\xeb\xc1\xc1\x86# \xaa\x97|\xc3\xd5\xbf\x945\xc3a\x03\x8e\xb7NP\xc0\xce\xfd\xb2\t\xbc\xe4m\x98I2\x81od\x0c\xd2\'\x01\xa0\xc4X\xde\xc6\x9f\xc1\x1d\xbeG\xac!bB\xc2\x01 %\x91b\\\x1c(W\xe7\xb6e\x96\x83\xfbD\xcd$\x0c\x9a\x17\xc5\x15\xeck\x03\x82-\'+\xff\xdd\xe9\xa6\xf4FH\xe4\xc6\x00e.A(t\xcfU\x8f\x88-\xe6\x83-\r\xc6\xcag\xc5p\x8a\\\xfd\xb6EXZU\xde\x97\x1c\x02_\xfe\xa4\xabDJH\xccD\xedU}f\xbd|r\xbc\nLX+PW{\xa1x\xdd\xe7\xa6\x99\xfd\x06\xc6\xeax\xc5U\xfbg\x1cm\xc8\xc3r\x91\x1f\xb7\xed\xc9\xac\x95\xb4\x93M7\x18\x0e)\xfa\x08\xbf\xa9\x02\x1dd\xf9\x15&lt;p\x10\xc0 \xd1K8(\xad\xa1E\x06%\x02\rb\x9crQ\x19\xcb#w\xc28~\x1e\xb1\xee\t\\\xdb\xcd+\x89\xe0`6u\x1dv+\xc4\x86\x18x\xd3\xe0\xd9\xc4\xe2\xbc(\xdd\xa7^\xbc\x92\xe5\xa1pR\xe3\xedt\x17\x12\xda\x1e\xda\x06\xa9\x89F\xbd3,;\xd7u\xf4\xd0&amp;m\xc6\xbf\x05w\xab\xc8sk\x8aa~*\xdbK\xb6I\xd7\xea\xb3\xbe\xfcI8T\x8f\x93\xdc\xfc\\O\x11tJd\xc1e\x8e&gt;\x8c\x93\x80\xf2\xb5uf\xd6:\x08\xe2\xad\xb6#3\x9084\xc5 \x18\xfc\x0f1i\xa2\xfe\xc4V\xfcnf\x04\r\xaa0\xcf\xc9Z\x87qb)\x9d/\xc0+}\xec*\xbbe\xab3\xdf\xfc\x8e\\\x07\xbbX\xe1 j\x91\xcd\x9b&gt;I`u\x11M\xff\xf1\x01\xf6\xbfF\xc0\x1eO\x92\x0f\xec{9\xae\xee&gt;&lt;e|#\xb4\xbc\x94?M\xdb\xd1\x88\x9c\xf0\xc7_IR\xce\x1a\x85\xd1\xe6\xff\xd9\xda)\xf0dCa\x88\x05mH\x81\x9c@\x828-\xb4\x04k\x9d\xa0\x02\xa7\xb5}\x99\xd2\xfa`\xa3\xb3I#\xd2\xf6\xfaIb\x88P9&gt;\xc1G\xb9\xfb\xe17\xc3S\xbd[\x19/[Bs\xe5\x03h\xa5-\x94\x85\xca\x17T\xce\x9c\xf5\xf4\xd1H\x94\xf3\x8aT\xa7f\xb6\x90`\x0b\x8dTr\xd6\x00\xc2.0{;\x06\xfa$\x9dC\x1bh\xe3*\x84\xb0z\xeb\xc6O\x88l\xbeWi\xcc.PQl\xf5\xd3\x8a\xd3\xe4\x12Yx\xb1\xf4\x0c\x91C\xbb\xf2\x9c\x10[\x1a}(Jj\xae\xe7\xc0\xcci\x1d\x93`\x19\xf4\xcbp\xc64C\n\x0b^\x00\x84F\x99\x10L\x9dDyZ\x94\xf6@\xa3NX\xbd\xae\xce\xf8\x9b\xe4\x0f\'\xac\xb5\x9fw\xce;\x95\x18T\xa7,\x18\x83\x1c\x1b\xc4\x87\xeeK+3\tZ\x1f\xa2_kJ\x01\xbe\xdb\x87\x83\xa4\x95\x98\xc9\xa5\x17\xd9J+\x872\xa9@\xf3?h\x86\xa3\x08AWa&amp;.\x83\x85%\xd7\xb1\x1cx\xeb\xb5)C\xca\xafku\xd7K|AX8\xf0\xc4\xf4\x88X\xd1\x1c\xe8\xda\x87#x\x97\x84i\\t\x03Fvd\xb2)\xbdq\xca4\x15\xe7{\x13\x92\xb8u\xa6\xd6\xa6&gt;\xc5\x8b\xa4\x03\xb4L\x06\x998\xe0\xdd\xd4be)gU\xcas^\xe0!$\x07H\x92\xbbupsa\x8a9\'\xfe\xe8`\xf8\xe0?M\xa0\rr~\xb5|6JFe\xf3\xf6\xc6\xa6E\xdfc\x98\xb9\x982\xa7\xe7u\'\x04uE\xf6\xe0\x94H -\xf7\xf5\xbdH\x85&gt;\x9efS\x00\x9f\xa7"D9\t\xfeh\xf25\xab\xc14\xff:\xa2/mGl\x01\xd8:\xa8\xcd\x04P\xda\x82aR\xb0\xb8\xa4\x95\xaa\xe7\n8\xfbNo\x88\xe0\xa6\xbeZ\x1a\xa1+$\xae6$\x97l\xbb\xafy\xc5\x9d\x9a\xc1s\xbbt\x11q\xfb\xece\x0bB\xa1l\x88\xa2\x00\xd9\x83\xfb\xacs\xe5\xc7G\x0eE\xb6[;\x9a\xbar,[:\xddU8T\x88\xe0\xdb\xca\x91\xb1E\x89\xee\xab\rf\xfcw\xaaQ\x0ctoAc\xa3\xcaf\xd1(\xae\x0c\x9a\xa97x\x16Rsn,x\xdb\xb8$9\xfb\xc5?\xef\xc5A\xf1\xfd\xb4\xb4G\xef\xd9\x94\xd2\x13W\xdb\xe5\x9b4\xc1Lh\xab\x16\xf4\xbb\xf0\xca\xbc\x94M\xf3\xb5e\xecuVIl\xce\x84\xb7;\x87;\xbc\x1aLdo3\x07\xd3$\xbex\xbbRgH\xf2\x0bM\xdfW\x1d\\\xaf8"U\x1e\xc1\x84[\xb4k\xea\xff&lt;\x03\xef\xccTTtg"\xf4o\x9a\xa6vxK+9\x1f\xb2\nrS\xbc\xa0\xf0\xfd\xc8\xd7H\xb0\xf2\xb6\xafI\x95\xf5\x97\x83+tq\xfdkV\xd6\xa6U\xa4\xd2\xb9\xfe5!!\xa4F\xcf\xac\xf3y\x01\x159P\x8d?\xcd\xd2 \xfc\xd2\xb2\xc2\xa8\xbc\xc0i\x81\xb2\xba\xfc\xb0&gt;\xd2\xb4\xcbF\x80\xa8\x9b%\xf2\xf6\xa5`\x1f\xb8\xa8-s\x13\r\x17\x94}\x91\xcej\xce\xaf\xd2%\xa2\x96\'*F \x8bX\xc4\xa3\xa7LX\x99\xc4\x11\xa8r\x9a8\xb5#-US\x0c(zb\x97V\xd1\xec\xbf\x8c\xa5\x8f\xbd\xb5x\x99\xd5Bh\xdb\x0fP\x13\xf3|9\x91\xe1\x90\x87\xf3\xe5Z\xa7\xa2\xb4\xdc\x8e\xbaW\x9aE\xc5\t\xe7\xda&gt;\xd0\xb1\xec\x1dsnH&lt;1\xe9\xfd\x9fi.\xcd@L`.\xd5\xcf\xb2\x8dB\xbd\noL\xcf\x809[\'\xa2\xcc\xa8\xd7\xe4\xc6\x95\xd8=\xe8\xb5\x9fM\xdc\xc4\x99^A\x1fVSr\xe4{\x1dm\xb5\xf8\xf5\xbd\x12\xa7\xce\x96\xf6\xfb\'d9\xb9\\~\xeb{\xaa\x8a\xf6r-\xb8\x89&lt;\x04\tO6\t\x1c\x1cU\xf4^\x19/\x059!"\xbb7\xcbK\x9e\xe8\x03%{3\x82\xf1\xa6D\x0cz\xfc\xc6\xdb\xc4\x1c\xbd\x86\xfb~(\x95\xdaA\x96ut(&lt;^\x97\xb1pM)/\x1dyj\x1e\x87\xb0\x1c}\x14\x9bvx\x14\xe9\xb5\xac\xb2\xde\xca~Sy\xb3\x94t\x92D{5F\xd5}\x03\x91\xf2\xb5\x00&lt;"\xa1\xb4\x97\xc0X,\xef\xcc\x99\xae3\x8a\xc8fS\xdd\xf3\xd2\xe9tK\x9f\x1bm`\xe1\x14C\x95\xd7\xfa\xf3,l\xb4\x1e\xbd\'U\xd3$XY\xfdch7\xb8\xeb\xf7\xcd`c\xd2\xd2\xfc\xd8\x90V\xc0\xf91\x96\xc7\x02\x96(\xdf\x9c\x857\xed\x99J\xa0\x1b\xb1\x8dj+\x9c\x95\x1b\x9fe\xceH\x80\x86\x88\xc6\x9d\x95\x00Yi\xc5\xf8_\xc8)\x1e\xce\xa1\xf6\xb9("9I\t\xfe\xe8e\xeaar\xf6\x11\x80\x17Mrs\xa2\xc7\xa7$\xcf\x1a\xcb\x98]K\xe7\x97\x08\x8c\xeaes9\xe5K&gt;:\x7f\xe4\x07j_&amp;)^\xf3,\x18\xfd5\x84\x7f\t\x0cls\xf16\xa1\xa8;\xa6\xf18\x96\xaa\xee+\x02WH\x16 \xd5\xd2\xc26f%\xb5`\x1bOq\x12\xb8\x10\xd8\xe9\xe0\n/\x88\xb2+\xd0\xe3\x14\xc2\xd9)\x9f\xad\xfc!\x95\xd8\xd9`\xf9\x0bc\xcfA\x8d\xed\x1drW\xd0\x11\xd8\xb9h\x06\xe2u\x14.\xe3\x8eE\\\xd7\x87/\xf9W\xb5\xfb\xcai\xb2\x13e\xd4\xe7\xf3k\x1e\xa6V\xdf\x8a\xcc\x1dX\x1a0w\x9e\t\x99\xcfW}\x02l\xa8\xf5\xd7.\xcb\x83\xd9\x8c4Jo\xb0\x8exX\x18W\xfe\xa5\x06\xaa\xce\x81\x1f\\.5\xea\xf0\xb5\'I\x06\xb1\xc9.)\xb8e\x9d\xfa\x12.\xd8K\x9aD\xdbkH\x8eGP\xb6\xa4[b\x0e^\xd8\xe4\xf2\x8aiS\xf1l\xe5\x1eE\x97\xcd8u\x07&gt;\xe8vcQe\xdf\xa1Ec\xbf\xf7\xfa:7&gt;\xcc:F\xe6,U+{\xc4\x7f\x9e\xe7\x1d\xcbI\x90\x1f\x98\xd4\xcfG\x89\x8b5Q\x88\x08\xc4\xe1\xb5\xa4\x06\xf9\xc0\xd1\x89\xab\xdc\x17Tw\xc7\x0c\x1c\xc6vM\x87\xfc?\x8eQ\xb3\x87\xbez1(\xf7\x9e-\x7f\xcek/\x7f\x93\xdb\xa0\xfb\x90k.]K\x8dF\xe0\xed\x06\xabh\xca\xc6\xeas\xd6Ya\xf3r\'\xc1\xc1\x8aG\x88B\\\x80\x15\x9c\xd3h\x14\xa3\xb7"\x8e`\x99\xc77\x1b\xf5\x11\xd3\x1f\x13\x85\n\x0cz\x7f\xd9\x9bUI&gt;\x8b\xf9p\x88\xe6H\xb9\xde\xdb\x06z#\xe36\xd9\x1e\xb8L\xae\xce\xb0\x89\xb3\xd4zd\xf6wR\xdbF\xbe\x89\x9e\xdd\x02U\x12.\x9d\x97\xe2\xa2K\x82\x9ei~\xa9\xd6\xb2\x06U%\x93'</t>
  </si>
  <si>
    <t>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</t>
  </si>
  <si>
    <t>b'\x8c\xc7\xb9U\xdeu\x80m\xba\x1c\xf8\xfa\xefGi\xb8'</t>
  </si>
  <si>
    <t>into
 promoting it. The partners just threw Luna up on Amazon and their
 website, taking it one day at a time.
 They had a lot of help in the beginning. Jeremy joined my small
 mastermind group, which helped remove the unknown. It added to the
 good foundation of knowledge Jeremy had from being well versed in
 internet marketing, online business, and marketing in general. He went
 into Nested Naturals prepared to do the work, to do whatever it took to
 make it successful. And with that mindset, success came more quickly
 than he planned.
 It was that ethos and mindsetâ€”and sta</t>
  </si>
  <si>
    <t>b'\x99te\x9c\xdf7l,\x98\x05N\x93\xd2e\xd9d\x8c\x8cU\x90\x93zP\x93\x91X\xabA\x061Q\x01\xde\xd5\re\xb3x\x1b\x1e\x1c/\xe6\xd13\xa1\x8dZ\xab9&amp;\xa7\xa6s?\xff\xa8\xa8i+\x8b\xa5(\xa8\xcdZJ\x18\xee\xc5\x8c&amp;\xa3\xd0\x0b\x8a\x92#c\x89\x04\x00&lt;\x19&amp;\x8e\x0es\xe40R\xbb"\xcd\xa6\x80\xb6j\x00\xb2\x90kU4:\xc3,\xd5\x8a\t\x88o\xdc\x12A\xfd\x1d{1&gt;R\xc1\xa8\xe3Y\xb1nqc\xb2\xc9\'\x10=\xe03\xa6omO&amp;\xf3\xf3E\xef\x90Z\x1ecD\x8bz&amp;\xcb\xd4\xd5\xf9*\xd0\xc1o\x88\xd0\x1d8s\xdc\xc1\x052\x93\xd9H\x8dA}\xc6\xabmmH\x1e1oe\xe4\x1d\xfe\xb5`-VJ\x99\xc3\x01\x9b3\xc7\x99j\x1b*\xaeN-\xb51\xffn\x8b\n\x00\xb2|_\xf6\x86\xe3\x8b\xe2&gt;\n\xf4\xdc\xdd\x8d\xd9\xd8\xc6\x903\xa6\x85\xb7\x87V+\xfa\x95\xc0\xa6\xe0\xf6&amp;f=U\xb4 \xb4\xeb\xcaz"Np\t\xb6f\x06:.\xfd\xde\xee\xa4\x8dC\xe9\xb8\x80\xad\x8d\xb4i\xcb\x04\xda\xd3p\xd4\xa8\xcfG\xfe\x1b\xba&gt;5J\x8f\xe4\xe1\xc1\\\x80\xa7\x01K)\xe7\x91\xba\x97f\xcc[\x9cmM\x8a^z6\xf4\x07\xec\xc2\xd3\x08\x15\x9b\x9b\xc7\xa4\xda}\x02I\xfdP\xc2\t\x1bZ\xdf\xbc%J\xb2"\x87\x06\x92\xf7\xd0T\x974\xec\x84\x16\xec\x02\x83L~\x91\xc5\x9f^\x98S\\:\xf5+\x9d\xf4"\xe6b\x9b\\\xad2\xfa\xe2:\xaf\x826\x18\xcd1\xe3\xe0\x1c\xc7\x8f\x01\xe7\xb8\x82\xa7\xac\xc85 \x8e\x14\xb3\x9fd\xafy6\xa8F4\xa5\xca\xe0\x066j\xe4\xd4Og{\xc9\x85J\xef\x8a\xb6\xc9\x80\xeb\xa2\xda\xdc\xc6\x0fn\x9d\xb6\x80\xd6\x01\xbd\\\x9f\x0bS\n_9P\xec\xe5\xe6\xaf\x01\xe4\x1cxF\xbd\x1bv,0\xef\xdd\xbc\x95\x94\x1f\x80\xed\x06e\xca\xa6&lt;a\xa9\x10\xb3G{n\xa7\x9d,$&amp;{s\x89\xcc\x0f\xca3\xe2\xf4Lkl\xe8\xf4\xd4\xee\x03\xad\x03-v[9\xb4No\xc4\xf4\x15I\x96[8\x8b~d\x16\x10\x1d-^\xe0\xa6\xc0\xe8\xcc\xbb\xa8\xbbj\xc8\xef\xdf\x1a9\xd02\xd2\xca\x80\x95\xf6\\\x84\x1eaX\x9c\xa4\x8c\xbc%$[\xb1\x9f`\x9be\xd2,\xe6%\x90'</t>
  </si>
  <si>
    <t>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</t>
  </si>
  <si>
    <t>b'\x99te\x9c\xdf7l,\x98\x05N\x93\xd2e\xd9d'</t>
  </si>
  <si>
    <t>each sector) by allocating more labor and capital to the
 production of cloth (which is labor-intensive).5 As labor and capital move from the food sector
 to the cloth sector, the economy produces more cloth and less food.
 The best way to think about this result is in terms of how resources affect the econ_x0002_omyâ€™s production possibilities. In Figure 5-8 the curve represents the economyâ€™s
 production possibilities before the increase in labor supply. Output is at point 1, where
 the slope of the production possibility frontier equals minus the relative price of cloth,
 , and the economy produces and of cloth and food. The curve shows
 the production possibility frontier after an increase in the labor supply. The production
 possibility frontier shifts out to After this increase, the economy can produce more
 of both cloth and food than before. The outward shift of the frontier is, however, much
 larger in the direction of cloth than of foodâ€”that is, there is a biased expansion of pro_x0002_duction possibilities, which occurs when the production possibility frontier shifts out
 much more in one direction than in the other. In this case, the expansion is so strongly
 biased toward cloth production that at unchanged relative prices, production moves from
 TT2
 TT2 QF
 1 QC
 1 -PC/PF
 TT1
 (LF/KF)
 1 (LC/KC)
 1
 L /K
 (PC/PF)
 1 L /K
 (LF/KF)
 1 (LC/KC)
 1
 (w/r)
 1 (PC/PF)
 1
 PC/PF
 5
 See the appendix for a more formal derivation of this result and additional details.
 4
 This relationship between goods prices and factor prices (and the associated welfare effects) was clarified in a
 classic paper by Wolfgang Stolper and Paul Samuelson, â€œProtection and Real Wages,â€ Review of Economic
 Studies 9 (November 1941), pp. 58â€“73, and is therefore known as the Stolper-Samuelson effect.
 CHAPTER 5 Resources and Trade: The Heckscher-Ohlin Model 89
 point 1 to point 2, which involves an actu</t>
  </si>
  <si>
    <t>b'0F\x02!\x00\xba\x15\xdd1hO\xd7\xb6\x13\x96\xd4d.\x10\xfe\xa7\xc6\x9e\x06V%\x9f\xb8Z\xc4\xd3\x01\xdci\x9e\xc2J\x02!\x00\x8b\x16.HC#\x9b\x1er;\xa1e\xa6|\x7f=O\xc6\x11\x96\xea\x1e\xdf\xbd\xa2\xea\xc0\xaa\xfe\xfb\x97\xf3'</t>
  </si>
  <si>
    <t>3046022100ba15dd31684fd7b61396d4642e10fea7c69e0656259fb85ac4d301dc699ec24a0221008b162e4843239b1e723ba165a67c7f3d4fc61196ea1edfbda2eac0aafefb97f3</t>
  </si>
  <si>
    <t>b'0F\x02!\x00\xba\x15\xdd1hO\xd7\xb6\x13\x96\xd4'</t>
  </si>
  <si>
    <t>ult to calculate,7 but
  easy and dramatic to demonstrate. You may have witnessed the classic experiment
  in which an aluminum disk mounted as a pendulum on a horizontal axis swings
  down and passes between the poles of a magnet (Fig. 7.16a). When it enters the
  f
  ield region it suddenly slows way down. To confirm that eddy currents are re
 sponsible, one repeats the demonstration using a disk that has many slots cut in it,
  to prevent the flow of large-scale currents (Fig. 7.16b). This time the disk swings
  freely, unimpeded by the field.
  (a)
  (b)
  FIGURE7.16
  Problem 7.7 Ametalbarofmassm slides frictionlessly on two parallel conducting
  rails a distance l apart (Fig. 7.17). A resistor R is connected across the rails, and a
  uniform magnetic field B, pointing into the page, fills the entire region.
  7See, for example, W. M. Saslow, Am.J.Phys., 60, 693 (1992).
 7.1 Electromotive Force
  311
  R l
  FIGURE7.17
  v
  m
  (a) If the bar moves to the right at speed v, what is the current in the resistor? In
  what direction does it flow?
  (b) What is the magnetic force on the bar? In what direction?
  (c) If the bar starts out with speed v0 at time t = 0, and is left to slide, what is its
  speed at a later time t?
  (d) The initial kinetic energy of the bar was, of course, 1
  2
  mv02. Check that the en
 ergy delivered to the resistor is exactly 1
  2
  mv02.
  Problem 7.8 A square loop of wire (side a) lies on a table, a distance s from a very
  long straight wire, which carries a current I, as shown in Fig. 7.18.
  a
  s
  a
  FIGURE7.18
  (a) FindthefluxofB through the loop.
  I
  (b) If someone now pulls the loop directly away from the wire, at speed v,what
  emf is generated? In what direction (clockwise or counterclockwise) does the
  current flow?
  (c) What if the loop is pulled to the right at speed v?
  Problem 7.9 An infinite number of different surfaces can be fit to a given boundary
  line, and yet, in defining the magnetic flux through a loop, = BÂ·da, Inever
  specified the particular surface to be used. Justify this apparent oversight.
  Problem 7.10 A square loop (side a) is mounted on a vertical shaft and rotated at
  angular velocity Ï‰ (Fig. 7.19). A uniform magnetic field B points to the right. Find
  the E(t) for this alternating current generator.
  Problem7.11Asquareloopis cut out of a thick sheet of aluminum. It is then placed
  so that the top portion is in a uniform magnetic field B, and is allowed to fall under
  gravity (Fig. 7.20). (In the diagram, shading indicates the field region; B points into
 312
  Chapter 7 Electrodynamics
  the page.) If the magnetic field is 1 T (a pretty standard laboratory field), find the
  terminal velocity of the loop (in m/s). Find the velocity of the loop as a function of
  time. How long does it take (in seconds) to reach, say, 90% of the terminal velocity?
  What would happen if you cut a tiny slit in the ring, breaking the circuit? [Note:
  The dimensions of the loop cancel out; determine the actual numbers, in the units
  indicated.]
  Ï‰
  a
  B
  FIGURE7.19
  a
  FIGURE7.20
  7.2 ELECTROMAGNETIC INDUCTION
  7.2.1 Faradayâ€™s Law
  In 1831 Michael Faraday reported on a series of experiments, including three that
  (with some violence to history) can be characterized as follows:
  Experiment 1. He pulled a loop of wire to the</t>
  </si>
  <si>
    <t>b"7'\xbb\xaa\n\x963}\xae`\xb8\x13\xf9m\xb7\xea[3\xb7\xb8\xc1\xd1\x94\x99\x8d\xad\xd2\xd0mn\x10\xbc"</t>
  </si>
  <si>
    <t>3727bbaa0a96337dae60b813f96db7ea5b33b7b8c1d194998dadd2d06d6e10bc</t>
  </si>
  <si>
    <t>b"7'\xbb\xaa\n\x963}\xae`\xb8\x13\xf9m\xb7\xea"</t>
  </si>
  <si>
    <t>. (Heliod. 4.8, trans. J. R. Morgan [in Reardon 1989])
294 CE: Domitiana, Egypt [date uncertain]:
Urbanus, whom Urbana bore, Domitiana, whom Candida bore, bring him to her, full of
love, raging with jealousy and without sleep over his love and passion for her, and make
him ask her to return to his house as [his wife]. . . Yoke them in marriage and [make
them] live together in love for the rest of their lives. Make him her obedient slave,
desiring no other woman or maiden, but Domitiana alone. . . . (Ant. Fluch. 5, trans. in
Kraemer 1988: 108â€“9)
Kraemer notes the relation of the language in this magical papyrus to the Septuagint, but
I would also draw attention to Domitiaâ€™s investment in the values of the Greek romance.
Rabbi Abba bar Ayvo (also known as Rav), the founder and leading scholar of the
rabbinic academy in Sura, Persia (in the mid third century CE):
â€˜â€˜She eats with him every Friday night.â€™â€™ This is euphemistic. (Rav at yKetubot 5.8 30aâ€“b;
trans. and disc. in Satlow 1995: 270)
This famous dictum suggests that a husbandâ€™s duty be performed every Friday night.
Sexuality in the Roman Empire 345
364 CE: Rabbi Avin, Palestine, 360s CE:
The Holy One loves procreation more than the Temple. (bNiddah 16bâ€“17a, trans.
Boyarin 1993: 125, with lively discussion)
434 CE: Ausonius, rhetorician and courtier, Bordeaux, 380s CE:
Eunus, because you lick the putrid genitals of your pregnant wife, youâ€™re in a rush to put
your tongue to the buttocks of your unborn sons. (Auson. Ep. 86)
This is one of a string of epigrams on the repulsiveness of oral sex</t>
  </si>
  <si>
    <t>b'x\xfeq@\x1f&lt;Y\xe3oD\xb2\xee\x85\x9b\xbbB\x8bEly#\xdf/\xd7\xd0\xb8\xad\x8e5\xe3\xe8{\x8f\xa9\xc8X\xaf(\xaf\xcb\x8dB!5\x97\x90\xa2\xf4k\x9dfM\xc6\xdf\xc0\xee\xee\x0f#&gt;\x1d,S\x04\xd2\xe5\x84\x8f\xd6\xc4\x19/\xf4\xda\xdd\xe0\x0f%\x9f\xa8\xaa\xe3\xac\x98\\\xbd\xe9\xf9#\x88\xb88\xe4\xb2\xf9F\xacH\xf5\xe9f\xe0\x9b\xabK\xef8\xc0\xa7r\xdd\x08\xb0\x19\x81\xe6m\xb5H\xcf\x14\x9a\x182\x19\x1bV\x9c\xd1]\'\x01\x84\xf2o9\xa2\xd6\x0f\x89{H\xeb\xe3-\xe4\x83\xb0-\x8d\xa2\xfb\nM\xdeW\x0eVI\x1f\x84\xdc\r\xfc\xf0\x01=";\xd1\xca\xba\xae\xac\xc62\x98\x1e\xd8\x133\xfb\xaf\xe6\xca\xbb\n\xdchq\x12\xb2x\xf4\xe5\xfcxx\x0fa\xe8@t{\xa7\x19\x8f~&amp;\xeb\x96\xe0\xe3d\xe6\xc5\x1dFL\x02E\xa0\xc8t{\xe0\xe8mi\xc8\xd1!\xb6\x1b\xd8\xa4\x08\'\xdb$\x0bs\xc67\xb4\x17\xa5Q\xc8\xb4\xc1\x9d\xef\xb0\xe38\xd6t1\xba\x05\xf1:\xc9L\x05W/_\x87\x11\xf0!QNc\xcd`\x8f\x1d\xa7"\xa9\xcbFf\x1b\x0e\x08\xe7\xe6w.k\xf2N\xc0\x02\xa3\x1d*\xd7e. ["L\x91D5y]\xa1r\xe0\xbe\xfa\x10\xb5\xd8\xd5h*a\x10bLz\x90\xc3*#&amp;O\xc2\xbad\x01\x99\x80)\xa7\xe3\x92\x00{\x93\xe6\x0e*=JV\xeb\xba\x92(\xf5\xb9\xc2/\x95:\x8cmo\xe1tz\xd8em\x94\x18\xc6\x82\xa0\x10\x04\xe3\x8a\x93\t&amp;\x8axO\x0fO,\xbd&gt;\xe4D\xfa^\xb4\xccR\xbe\xfb8e\xc7I\xce\x83L]gV\xe9&amp;A\x0e\x9a\xc1\xc6n-\xe1\xe1\xa2\x00y\xe6\xe9\xd9\xb2\x13\xdb\xa5H\x86f \x9b\x16.W\xc7\x1aO\xad\xe3\xb7o\xd5z?Y0wiO&amp;\xd4D\xffO\xd6\xce\xb1\x95\x06\xeel\xc3\x12\x96\x8f"\xeb\xa5\x7f\xfe\x17\xd7\x8a\xef1\xf1\xed\xf4\x01\n\xceRp\x01\xfcB\xaa7\xe1\x05^\x9b\xf2=\x90%\xbbk/(\xb8\xfc\xde\xf6O\xac2\xf4\xbb\xa4\x04\xc9\xa4\x07\x94\xf9\xfa/!\xa5E\xa0Z\xc5\xa7\xa9\xa9;*,&lt;\xd5\x93k&amp;\x9e-\xa7\xaa\xd1[o\x03\xd2\xf3\xfe\xfd\x85"\x16\xee.\xd9\x06\xdd\r\x08M\n\xa2\x06\xfa\x88\xd4\x1c\x8b\xdb\x17\xa1\x84\xc4w\x11U\x0b\xe1\xeb\xee\xeb\xa3$\x1b\xd4\x7f\xdb0\x15\xe4d\xa9B\xf7\x99z\r\t&lt;_\xef%\x87B\xe8[q\x0b\x98\x1aNP\x84\ts\xa0\x94\xf9\xbc\xab\xdb\xde\\T\xa8\x16\xc8\x02|\xfd\x0f64\xeb]$\xc7&lt;j\xc2;\t\xa3\xbb\x81\xde\xa6\x9b \xf0\xb6\x9c\xdc\xfb\x95W\xeb\x85\x1dve|=\x9bB\x08.\x84j\x03\x14:\xe89\x7f\x10\x06\xee\x06F\xf5\x0fSg\xc4\x18\xa6\x18\xbf\x00\x06\x1eW|\x06\xbc\xe0\x90\x18I+\xe7I\xae\xd3\x9f\x89\xfey\x93\x05\xd7\xc6\xd0\xf9\xdf\xf6\xf7gh\xed\xff\xa4:7\xab\x01\xd7\xab\xd5\xfen\xba\ty\xf7!`L\xa4\xa1;\x82G\x0f\x1dc\x13!\xda`\xef0\xd4\x03\xe1\x10hq\x8e\xbc[Z\xea\xf2,\xf0\x9d!\x82\xbf\xe5\x1fc\xe6\xa2?\x08\xfd,\xa9\x8c3\xe0\xae\x8ez-%@"\xe8\xb6b\xf0\xcc\xc7\xca\xa3\x1ayZ\x89\xb2\xf0\xbb/\xe7I{)\xd2\xef\xcaw\xb9\xa9#\x16js\x01\xc5nV)\xec\xd2\xb8\x87t\x9e\x95\x90C\x8e\xfa%16\xb0\xb7\xc8.\x93_\x8c\xb0[L\xdb(\xc9\xa4\xd3\x9f\xb5\x0bXT\xa6?\x1d\xa6\x9d\x92\xb2\xa8\x10\xed\xf8\x80AX\xde\xbc\'#\xe2 \xb4M\x17;|\x82\xe9\xb4A\xcc\xde&gt;\xbei\x99\xc8\xfegP\x12\xea3u^&amp;\xce\xd4\x9eAZ\xfe\xbe&gt;\x00\x06W\x81\x0b\xff\x81tl\x99\xe0\xbaw\xc8\x94\xe2\x14o=\xf4\x9e\xfe+\xe9\x19\xd3\xc7\x0bKJ3\xb2\xd2f|(\x84\xee?\xb4\x03d\xc8I\xa6\x7f\xd8@6\x15\xa3\xfc\xc4\xddA\xfaY\n\x8b0v\x89\xe7\xbfM\x8bR\x87D9\xa4s\x8f\x87\x1c,\xab\xb2\x10]\xfb\xec8\xbe`\xb5-y\xaf\xb0\x15\x1a\x15V\x80\x81\xe4R@\xd6-A\xd9 \xac\x02\xff\x9e\xafV\x9c-\x0c_\x059\xed1En\xf4B3\xbc\xd0G\xbd&lt;\xe8\xa4\x17{\xc8\xc61[\xa3\xe6\xb7\xd1\xe5\xad\xaf\xac!\xc2ea\xbdK\xb1\xbe\xdbGZ\xbd\xec\xe4\xba\x93\xa4\x98\r\x0b\xa1\x16\xe8W\xdc\xba\x9f^7\xe1\x0e\xc4L3\xc1\x95\xd4{\'\xbeYn\xb0E6\xeewTVu\x05\xe4i\xb16\x99\xaa\x14*MW\xdc\xa3\x81;\xa2\x1ayy\xc3u$k\xf6\xfe_\x01\xf4QC\x8b\x9d-\xdc\xc8\x85\x17\x8f\xc1\xdb\xae2\xf0B\xd6z\x98}\xf8\xe7\xe2\x93E(\x9f\xb2\x9a\x99f\x953\xef\xbfEN\xaa\xc5(\x86\xe1\r\xcd\xca\x83\xe8qY\x86c\xb3\xa2&gt;\x06\xca^Y\x17\x8b&gt;O\x04tz\xeb1)(\xd2V\xf7\xdca\xe09\xeb)\xd2\x7f\xcd\xaa\xf1\x06x\'\x8e\xb4\xf3\xa5\xc2\xbc\x19\x8e_\xe0{\xcb\x13d\x9b\xb7!\xaf\x02W_\r\xec\xc7o\x92&gt;{\xdb=U\xf7\xe0N\xeb\xe8nW\xca\xc4\xbdN\x81\xf8,}I\xd3\xc0\x06d\x17\xde\x01i\x93\xc5G"\xbb\x81W\x9b_\x9d\xec\xf0\xf5\xe3\x9en\xc78c\xce\x17\x7f\xb9&lt;\x07\xb4\x7f&amp;\x92W\xb1\xbe\x83\x00\xa8\x93\xd3\xe7\t\xc1\x12\xfd\x84\x01\xa8N\xb5\xc3\r\xcb;p\x9f\x8c\x1eu\'\xd4\xdb/\x7f\xfa\x96\xbd=\x19c\x16C\'\x11\x9b#B\xafc]\xd8\xdf\x07\xeei\xa8di\t\x80\xfes\xf6p\x10\x81\xba\x98e\x13\xf2\xf2\xf2F#\x08&lt;\'\x95\x9a\x0b\xb1l5\tT\xae\x03\xf6\xfc\x0c\xff@nx\x912\\K7M\x04)\xc3\xbc\xce-\xf2\x84\xcd@\r\t\xaf-\x9c\x81\xe6\xb7\x1f\xe0\xef\xb7At\xfeS\t\xe8T\xa3\n\xe1i\xd8\x05^\xa6w\x9f,\x91\x9a\x87\x16\xa1=%\xe4\xe7x\x16_6\xfdy\xe4\xd2\xaa4q\xae5\xbc\xa8/n\xf7W\x1b&amp;\x99\x97\xc6\xfaDV\x9d\x07i\xf7\x0e\x8a\n\xe7S\x07\xf3\xf2\xb3\x06\xec,~m\nrVZ1QF\xee\xc4\xf2\xef\xe7\xd7@\x16\xdc\xfb\x8da\x1b\xe0*\xd0\xf0\xe6\xc4\xeb\x1b\xf9\x8diE/\x12r\x98\xf8\xff\xa7\x03\xc41\x0c\x9c\x86p&lt;\x1br\xd4\xe1R}\xb4\xf6w\xedk\xef\xa8\x17\x93f\x19S\xb7\x07\x06\x02\xa4\xc6t\x16=[\xa6\x08|s\x11\x9b\x06\xb4\xbc\xf53\x16\xab/\x02\xac\xfcp\x92?\xd9]!7i\xf2ne\xdc\x13\x01\xfd\x1ep\'\x06\x9c\xdb'</t>
  </si>
  <si>
    <t>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</t>
  </si>
  <si>
    <t>b'x\xfeq@\x1f&lt;Y\xe3oD\xb2\xee\x85\x9b\xbbB'</t>
  </si>
  <si>
    <t>is it you?' said he, and he blew a shrill whistle, which signal was
 answered by another from the soldier on watch; and the party, then
 passing forward, soon after emerged from the woods upon the broken
 road, that led immediately to the castle gates, and Emily saw, with
 renewed terror, the whole of that stupendous structure. 'Alas!' said she to
 herself, 'I am going again into my prison!'
 'Here has been warm work, by St. Marco!' cried Bertrand, waving a torch
 over the ground; 'the balls have torn up the earth here with a vengeance.'
 'Aye,' replied Ugo, 'they were fired from that redoubt, yonder, and rare
 execution they did. The enemy made a furious attack upon the great
 gates; but they might have guessed they could never carry it there; for,
 besides the cannon from the walls, our archers, on the two round towers,
 showered down upon them at such a rate, that, by holy Peter! there was
 494
 no standing it. I never saw a better sight in my life; I laughed, till my
 sides aked, to see how the knaves scampered. Bertrand, my good fellow,
 thou shouldst have been among them; I warrant thou wouldst have won
 the race!'
 'Hah! you are at your old tricks again,' said Bertrand in a surly tone. 'It is
 well for thee thou art so near the castle; thou knowest I have killed my
 man before now.' Ugo replied only by a laugh, and then gave some
 further account of the siege, to which as Emily listened, she was struck
 by the strong contrast of the present scene with that which had so lately
 been acted here.
 The mingled uproar of cannon, drums, and trumpets, the groans of the
 conquered, and the shouts of the conquerors were now sunk into a
 silence so profound, that it seemed as if death had triumphed alike over
 the vanquished and the victor. The shattered condition of one of the
 towers of the great gates by no means confirmed the VALIANT account
 just given by U</t>
  </si>
  <si>
    <t>b'v{QZ\xeb#\xd9\x93V\x80\x16KRCt=l\xf0\xe9S\xa7\x01@]\x8b\x89)\x15\x96\xa8?\x1d\xf7\xee\xa46Et\x1a\xadJl\xcdT\xa6\x9d\r\x82\\\x8cF\xe6\xb3{\xebee\x8e\xcc\xac\x7f\xef\xfc\xc9'</t>
  </si>
  <si>
    <t>767b515aeb23d9935680164b5243743d6cf0e953a701405d8b89291596a83f1df7eea43645741aad4a6ccd54a69d0d825c8c46e6b37beb65658eccac7feffcc9</t>
  </si>
  <si>
    <t>b'v{QZ\xeb#\xd9\x93V\x80\x16KRCt='</t>
  </si>
  <si>
    <t>phase shift necessary for negative feedback. As depicted in
 Fig. 13.3(a), the loop contains one net signal inversion (the negative sign at the input of the
 adder) so as to ensure negative feedback and another 180â—¦ of phase shift at Ï‰1. In other
 words, the total phase shift around the loop reaches 360â—¦ at Ï‰1 [Fig. 13.3(b)].
 X H (s) Y
 180 at Ï‰
 180 at
 Low
 Frequencies
 1
 X H (s) Y
  Ï‰ 360 at 1
 (a) (b)
 Figure 13.3 (a) Phase shift around an oscillator loop, (b) alternative view.
 13.1 General Considerations 643
 We must now answer two urgent questions. First, where does X come from? (We just
 stated that oscillators do not have an input.) In practice, X comes from the noise of the de_x0002_vices within the loop. Transistors and resistors in the oscillator produce noise at all frequen_x0002_cies, providing the â€œseedâ€ for oscillation at Ï‰1. Second, does the output amplitude really go
 to infinity? No, in reality, saturation or nonlinear effects in the circuit limit the output swing.
 After all, if the supply voltage is 1.5 V, it would be difficult to produce a swing greater than
 this amount.1 For example, consider the conceptual arrangement shown in Fig. 13.4, where
 a common-source stage provides amplification within H(s). As the output swing grows, at
 some point M1 enters the triode region and its transconductance falls. Consequently, the
 loop gain decreases, eventually approaching the barely acceptable value, unity.
 R
 M 1
 VDD
 D
 X Y
 H (s)
 Figure 13.4 Feedback loop containing a common-source stage.
 Example
 13.1
 An oscillator employs a differential pair [Fig. 13.5(a)]. Explain what limits the output
 amplitude.
 X Y
 H (s)
 M M</t>
  </si>
  <si>
    <t>b'JF\xbb\xe7&lt;\x07\xd2E\x81\xcb\xabi\xe9\x01\x9fO'</t>
  </si>
  <si>
    <t>4a46bbe73c07d24581cbab69e9019f4f</t>
  </si>
  <si>
    <t xml:space="preserve"> c d
2024-25
PLANT GROWTH AND DEVELOPMENT 175
The â€˜bakanaeâ€™ (foolish seedling) disease of rice seedlings, was caused
by a fungal pathogen Gibberella fujikuroi. E. Kurosawa (1926) reported
the appearance of symptoms of the disease in rice seedlings when they
were treated with sterile filtrates of the fungus. The active substances
were later identified as gibberellic acid.
F. Skoog and his co-workers observed that from the internodal
segments of tobacco stems the callus (a mass of undifferentiated cells)
proliferated only if, in addition to auxins the nutrients medium was
supplemented with one of the following: extracts of vascular tissues, yeast
extract, coconut milk or DNA. Miller et al. (1955), later identified and
crystallised the cytokinesis promoting active substance that they
termed kinetin.
During mid-1960s, three independent researches reported the
purification and chemical characterisation of three d</t>
  </si>
  <si>
    <t>b'Cb\xebnp\x90E\xf6\x19\x19\xe0\xc2\xca\xf7N9\xc4oTj\t\x87\xc3\x1e+\x17\x12\xb7N\x1cf\xab=\x88\x1cz\xd6\xcf\x88\x85zrF\x0b\x17\xe4\xf7\xf6\x08\x9ec&gt;\xbfo\xb6\xb0\xa7\x1a\xcaw\x0e\xd7\xc0\xd6\xfe\xe6&amp;\x0b\xbb\x14\x15\xf94v\xed\x8ap\x8a=\xaf\x90\x1f\x91\x987\x00\xff\n\xa5\xc5c\xc7y\x92\'\xc4\x10\'\xc5\x1b\x11_\x84\x02\xd4\xac\xa0\xee}W9\xb8\x04\x1c\x9f\x8e\xde\xb8\xf7\x8e\x1e(\xaaX\xa2\xc2d1\xbcXN\xde\x83\x8d ~\x07TK\x03\xc7\x11f\xe1\x7fo\xd2\xff\'\x06\x15\xaa\xc4U\x9f\x0c\x07x\x13\xd7\xec\r\x12\x14\xa0w\xd7cB\x03\x1a\xf8C\xa51\xacO\x94\x84\xb6\xf4\xe4|\x173\x87.t\xb8J(\x8a\xd9\xd7\xc4\xd8\xf9\x14\x80\xea\x81gP\xbf\xe38\xb6\xe4m\x97R\xb2\x1d,\xd9\xc3\x8d\x95\x1f\xbf\x11\xcc0 \xa0p\xea\xc0\xca\xa2be`*\x06\x9e~\x11(\x9b\r\x0c(\xa9\xd9\\\x0e\xfb&lt;c\xb0\xa2D\xeb\x85\x97\x85\x1f\x98\r[\xe6\x00a\x8b\xb6\x81\x0c7\x83\x94\xf0\x8b\xc4{\xfa\xb6\xc0;\xdc\xc7\xd2*\xd4\xb5\x1e\x0f|\x02\x01\x12`\xb8\xf0\x11Po\xbd\x96\x97\x8f\x0f\r\xba|\xfa|{[kJ \xb8\xc4\x82e+\x90\x91\x97S\xf5\xaa7W\xab\xdf/.u\xbb\xae\xd4\x94\x01.\x90vGY\xb7\xfa=\xec\xc9\xd1\x18\x88\x99\x8a\xa7\x98`J\x82\xb0\xc1\x8e;\xd9\x93\xc3\xcc\x05\xf2\x12&lt;\x08d\xb9\xafG\x92\\\xdcQZv\xe3\xd4\xdc\x96H\x9c\x9e\xf0o(\x9c\xab\xe2Fww\xcc\x80F\xe4q\x81\x11\x0c;\x15\x16\xc6\xdb\xe3\xe2\x9bdf\xear\x0f}\xdbO\xb6\xa5X \xd2\x99\xab.\x10\xbb@\xcb\xf9\xb9\x86\xc89\xd2\xd4\xec9\x8d\xc5\xc9BX\xc2\xafIs\xf7?\xf2\x96\x14\xb7\x16sr\xc1\xff\x93\x7f\x0f\xd9\x90\xdegt\xf3\xbd\x99\x949\x9eE9\x1f\xf9\x00\xa4\x8b\xa2\xf0\xb5^\xe2\xe5:\x02\xcb\'\xb1\xb0\x14\xa5\\\xf45#\r\xa6\xe2E\xe8\x83\xc6;+_\xe3{\xff\'O\xcf\x1d\xf1\xbf\r\xff\xc0i\x0e\xed\xaa\x96D\x893\r\xa8u\xd7\xd1@}\xc4\xc7\x12 \xbe\xffN\xda\x9b\xea\x96\x8br\xae\xca\xc2O\xf2\xb9\n\xce9"\x0eeW+\x0e\xe4h\xa5~\xc7M\xf5jn&amp;\x16\x1a\xe8\x83\x92:\xa4\x0f\xf5\x057"\xe5RH-\x95Gz\x7f\xbc-\xc9\x87}\x0fm\x1a\xac\xc7z=\xd1y\xd9\xfd\x96vmY\xcc\x9a\xea\xb7L\xe6u\x17\xaaG9F\x12#0\x01\x97\x1ab\x91\xf6S_\xd5\xe6\x81}\x8a=\x9b\x83\x0e\xad\x9b\xc6\x95\xaf&lt;\xec\xb5=\x11\xf7\xc3\xd1\x9a\x13\x9d\x0fZ[?\xdc\xc7\x03E\x93H\xcf\xfal\xfb\x99h\x1e\xcfZ\xfe|\xd2 \xe1X\x0f6\x12\xc0&gt;~\x04\xdbR\xdd\xb4i\xd0\xdf\xb2(`k\x9b\xa6\xdf3 X&lt;})~qN\xba\x83/K\xa3\xf4g1\xa5[L\xb0Au\x04\x10&gt;P\xe8\xc5zg:~\x15\x03\xa9n\xb9XE\xe7\xff[\xf4KJ\xc9^\x9f{\x88\xbf\xa6\xddB,\x96sK\xb8P\xe4\x85?o\xe6K%\xd7\xbb\x8e&amp;\x9c\xb9\xe8\xb1Pr\xa9\xe7 \xf0\x0c]O\xff\x9f\x94\x8fj\x11\x83\xd7\xf4\x1f+\x97\xf8v\xcc\xc5B3\xbaz \xec\xe4\xec\x8f\x8eW\xfc\x1c\'\x01\x1c\xb2\xa5^\xb6,\xd96d K\x02\xa7\xa0E\x9fq\x88\xf8\xae\xea@H\xf7$E\x90v7"\xa8\xe6%n\x0b\x9b\x83\xbf\x85\xe4C\x1b\x98\xf7\x00#\xe4\x1a\xa9\xe9|k\xfeIQ4nT\xf0\xa3i\x9fF\xc2w\x08H\xb1\x0f\x84\xc3\xf1\xdb,\xf6\xf7\xe9s\xf8\x9dg\xe0\x99$\x97\x90\xb4\xa9``\t\x84%\x0b\xab\xc0C\xcc\xe4s\xb2='</t>
  </si>
  <si>
    <t>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</t>
  </si>
  <si>
    <t>b'Cb\xebnp\x90E\xf6\x19\x19\xe0\xc2\xca\xf7N9'</t>
  </si>
  <si>
    <t>rence events, where he shared how he built the
 company. There was no clothing line specifically for active men, and wearing
 traditional dress attire felt restricting, so he made the company for himself
 and people like him. And it took off like a rocket.
 While new companies like Public Rec and Mizzen+Main were growing in
 market share, industry leader Dieselâ€”a major clothing brand that reigned
 supreme for decadesâ€”filed for bankruptcy. This is where we are in the cycle:
 Small brands grow quickly, and big brands are scrambling to keep up. The
 â€œold wayâ€ of hoping that your product â€œtakes offâ€ is null and void. Today,
 your idea and your product can partner with the biggest online retailers in the
 world. To start, you just need to define your audience, launch one product,
 get it to twenty-five sales per day, and then repeat until you have a milliondollar business.
 From there, a new world of opportunities will open up for you.
 It was a true sign of the times when Amazon bought Whole Foods in
 August 2017. This, for the first time, was the merger of the â€œOld Wayâ€ and
 the new, the first time an internet retailer purchased a physical re</t>
  </si>
  <si>
    <t>b'\xd9Z\x8bKv\x16\x9d4\xafm\xc6(\xd4dz|\x94\x03T\xbc\x17\xe4\xfe\x18Q\x87\xd2\xab]#^`\r\xf9\xc0.\xfbX\x8e\x16b\x82+;\xabB\x88$\xcd7\x03\x81\xe8*\x0c\xb8#\xff\xdc\t\xb3F\xdcD\xc1\x8b\x1e\xb28\x0e\xf4\xa0\x8c\xb7\x90\xd2\xb5\x11\x17\xa5J\x0e\xd1m\x99p+\\-\xc4g\x82X6\xec\xd1\xfe\xc8\xe3\x00\x12\xc6k\x9c\x94\xb4P\xd0\x04~\xb7\xa1\tw\xb5X\x18\xcfZ\xdd\xd9\xeeAre\xa2z\xc7*+\xdd@s\xa3\xc2y\xbc5`\xf0\xc0v\x03$\x82\xc7\x03\xbeH\xe3\x8d|\xa6\xb5%a\xe7A\xdc~\xb6v\xe0:r\x85\x9f9\xb3L\x10\xb0Q{2H2\x00\x83Bz\tl\x82:\x19\xab.-\xd1\x1b\x17\xda\xc2\xbc\x8d?\xbb\xc3hMp7\xeb\xc22fy\x1c\x13\x1f\xd1`\x90&amp;e\xde\xbe\xe6\xd1U\x86\xc3\x00$\xb3\xe5\x9eU\x7f\x8c\xd1]\x8d\x91J^\x16\xf48\x0b\xda\xeb\x99-\xa5\n&lt;\x19]C\xb1(}\x98\xe4\xe6\x93\xf7\xe5+\x9d\x98\xa8\xfb\xc80\xf3\xe0\xf9\x1e\'y\x0c9+z\xd4\xd8\xb0A\xd3\x85\xd7\x8b)@-\x13\xd0J\xe9x\xd2\xfb)\xaa\x8f\x80\x9d\x83\xb5\x90\x98&amp;\xa8.\x01\xa2\xa1\xec:\xd5\n\xd40\xd7\xcdCI\x98p\xcdt\x9cMN\x13\xdb\xc0\xde:\xc6s\xaa\xb4\xd8\xf7\xcf\xe0\xb6]\x14\x9f1\x93\xd4\xe2\x1e\xe8\xc2\x1f9\xff{\xba\x8c\xe3u\xc1\xd4\x05\xcb\xcc\xf1\x94([\x9d\xdeQ\x89cn\x03\xe2\xbb\xeb\xb4\x8cG\xd7\x00\x84\xfd\xe4\xf4\x94\x04\xdc\xcc\x9f\x15\xffGI\xcf7@h\x19\x8e\xa3\xd8\xd0T\x8b\xed\x10h\x1c\xd5e\xfe,\xaa\x95\x04v#R\xf3R\xd8\n\x91qj\xe0\xe0\x01\x03\xa8}\xf7$\xbc\x9dW\xb2\xf7\x906\xcb2?\xa3I\xf6\x9b}\\n\xc0\xd9\xcfh\x84\xf8z\x9d\xd9\xe9v\xf0\x00\xdaS\xe33\x07\xafvtR\xb0\xc0\'R\xc1\xc5\x13\xd1\xe0\x18O\xcd\xc3\x80\x1e\xd0\xd7u\xc7)\n^\x0fL=\xba\xcd5\xd9\xa7\xf9x\xebG\xdf\x17g\xfc\x92\xd3\x7f[\x12\x9e\xee8\xa0\x10\x8d5\x1fe\xde(0L\xf0\x9e\x00hm\x8a\xea\x97\xf7C*\xbe\x80Q\xd0\x1c\xf8\xda\x0cG\x08p\x04\xe5\xdf\xfc\xe3\x89\x99n\x06\x02=\t\xdc\xd0\x91j\x82\x83\xc0\x87\x89\x99\x8b\xf5\xf6\xfb\x1eX\x0e/\xca\x0bX\xf5h\x86\xef\x11\x183K\xbfu\x7fO\x88\xcb\xc7K\xfd_\xcd|}V\x17\xd3\xe0\xa0~E\t\x98\x9a\xa7\xce\xec\x0f&lt;z\x8a@/\x95\xd1\xb6\xee5\x91\xf6\xd5d\x15\xbd\xca\x987\xbf\x1d\tw\xd2!\x93\xd8\x8b\x8e\xaa\x08\xce\x0e:\x10?\xeb\xec\x14\x9f\xc1\xc27B\xc8\xbe6\x1f\t6{&lt;\x0c\xfe\x01\x92\xe7\xae\xc5\xfd\x8c\x04\xcbR\xf2\x1a\xd6\xf2\xe0\x9a0\x185{\xb3\'H\xc0GSw\xa5\xf5\xf4C\xcbq\xb2\xb47"l\xab\xfd\x7f\xbf\xed\xec\xae;\xa2\x92\x97M\x18\xa6\xafqIL\x8em\x1dv\x99\xec\x9eB\x03[/\x8c\xaa\xb7\x86\x12\xe0\x8d\x98[\xe98\x89X\x08\x1e@\x8f2\xfa\x01\x0f[l\xaaz\xb9\x06\x05\xcey\xc3\xbcc\x8e\xfe\x8a\rb\x1d\x99\x81\x92u\xcb5\x87\x14k\xc5Ue9j\xa2E\x93#\x1e\xc3B\xd8]\x90\x95\x0e\x86E[\xc2o\x92\\\x19\xba\xffP4\x9d\x7f\xcc\xbc4\xc4\x00 \xe0\xc3\xf3k\xf3%&gt;\xa9\x936P\xa0L\x83[\xd3\xf6\xa3\x99\x0eu\xf2E\x1d\xb9ky\x8e\x8e0T\xdf\x11\xd9d}\xf5\x08"\xb5B\x16pz_\x90\x8f\xe2\xb0\xbd33V\xa5\x1b\xa4\xfd3\xbd8\x98\x16a\xaeJ\xad\xa3\xd7\xa8\x89C&gt;b\x1c\xf9\xdbU\xfe\xe63\xf3s\xa8_\x05\x01\xb0\xa4\x0f\x0e\xac\xa7\xd4\xf0\xc6\xf4\r\xe6\x81\xec\xe6r\xcc)K\xd8\xcd~P\x94\xd7\xf1KO\xeb\xb1\xcb\xb5~g\xe8\x16\x0e\xbe\x17&gt;a\x87d@\x99\xb0"\x8ay\xea\xdb\x90\xbb\x9eO:*\x00\\M\x11kh\xd4*\xb0\x10 (:P\x84j\x1b2\xdb\xde\xdb\x93Z\x9d[\xf4/\x0bp\xc2\xb8\xbe\x0fN\x11?\x91\xc5\xbc\xf1\x01\x15d\xad\xa8\xc4\x14\xb9N\xe3q \xf7\x90\xfdT:\x1fJ\x99\xaa\x12\x00\x1a\xff\xc8$.\x7f\xf7\xb3\xd7^2\xdb\x04"\xb1e\xd2\x0e\xf58j\xd5\xcep\xe0y[\xd1\xd47\xe5\xd0\x0b~\xa6\xa2\xa2\x98c\xa6\x9a\x9a\x19\xdb\xf3D\\\xfb\xde\x18\xc5*\r\xf7\xf1\x1ct4"S;\xee\x8bm+\xffJ\xed\xc7\x9d\xc0?\x83{o\xac6\xd7;\x81\x1f\x10\x10\x8e\xa4\xa4\xa1\xe1\x17\x90\xa0Y\xd2\xd98\xfd=\x9f\xcd\xa9N\xf3\x10\xef\xebwW\x00\x1d\n\xdf\x01\x1d\xc49\xc7\xcay\xb5\xda\x83\x05\xebq\xdb'</t>
  </si>
  <si>
    <t>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</t>
  </si>
  <si>
    <t>b'\xd9Z\x8bKv\x16\x9d4\xafm\xc6(\xd4dz|'</t>
  </si>
  <si>
    <t>hich allow the passage of current through them are known as conductors. The valence band of these substance overlap the conduction band as shown in fig. 3.1. Due to this overlapping, a large number of free electrons are available for conduction. This the reason, why a slight potential difference applied across such substance causes a heavy flow of current through them.
 Basic Electronics
55
Conduction band
Valence band
Conduction band
 Valence band
   Insulator
Semiconductor
Metal (Conductor)
                 c) Semiconductors
The substance (like carbon, silicon, germanium etc.) whose electrical conductivity lies in between the conductor and insulators are known as semiconductors. Although the valence band of these substances is almost filled and conduction band is almost empty as in case of insulators. But the forbidden energy gap between valence band and conduction band is very small (nearly 1 ev). Therefore comparatively a smaller electric field (much smaller than insulator but much greater than conductors) is required to push the valence electrons to the conduction band. This is the reason why such materials under ordinary co</t>
  </si>
  <si>
    <t>b'\xfa\xa6\xd6\x11\x81\x00\xe9"0=\xe2\xf0XR\x96\x98+\x80&gt;\xfa\xe2\xb4B\x82M\x7f\x02.\x06U\x18D\x7f\x04z\x13\xfe\x18\x192\xbf2;\x08 \x01nD|\xb6\x1a\x02\xe1\tu\xab\xa0\xa3\xe6\xccB\x7fw\x10O*\xd4tw\xff\x85\xf1\x1f\xf0!J\xd0\x1c\x83\xf6\xa7E\xcf\x9d\xban\xf8\x1dr\x87\xc4\x05\xc4\xe4\xb1\xbd\xf2\x02\x91\xb6\x8e\xa3\xb3\xc85\x1fy\x0ce\xcc\xe18$\xfb\xd3)\xacQ\x1an\x8d\xff\xa4d\xc3!1\xb3:\x10\xfc\xcb\x88\x05\x04\x1bX74rS|\x7f\x0c\xd9K\xd4\xaf\x06$v\xda\x033\x0c=G0(!\x8a\x9e\x1d\x1d\x9e8T\xd6\x1f\x1a\xdf\x99\xdd\x00i\x04C\xe0\x93\x8a@\'\xb5UgJSD\x81\xb7\x19\xa9\xc2\xa4\xc9\x05\xfd\xf19\xb0}2\x95\xf7\xa9\xdd^\xa2\xce\xe0\x9b\xfd\xdb\x9c\xd7\xd3E\x0fyv\xc0\xf5\xc5\r\x964\xf4\xab-\xc3\xb5\xf1D\x13 \xc9\x05\xf2\x8b\x98\xf6\xdf\xcbg\xf6\xfd_\x9c\xebIc\xc0\xf9e\xe1V\xaa\x1efYG\xcc\xd5&amp;\xc3\x17F\xee\x80:\x96\xd1L\xa6\xb2\x04`\xa90\xc5R\x0f \x8a\xefn\x1a\x15\xe0\xf3(\xb0\xf4\x90\xed&gt;\x8d\xb9W`\xf7\xd6\x02\x90n\xe6\x80\x1d\xd2%\xd1\x1a\x15\x88\xec\x01h\xc1\x18\xadK\xbc\x89T,\xa1\x9dx\x0cT\xc5a\xbf\xda\xee\xe4\t1[\xd5\xf5&amp;\xaeh\xf3\x0c\xdb\xd2\xc7\xc5\xf5w&gt;\xbb\xf9\xca|c\xddfW\x11\xc3\x1f0\x99\x84\xf6,\xab_7J\xc27\x8a[\x83/\xe0\x15nm{o|\xb9\xd6\x1c\x12k\xff2[\xe3W\x02N$\r\xeb_\xd5\xc8\x96\xe8\xf3h\xa6\x8b\xdfG\x14\x85\xbf\xaeN\n\x0bN\x91\xea)U\x02^\xabVC\x8e\xd4\xd2\x96}\x036\x8dLOY\x85~Qp\x9a\x88\xa3~V\x87*\xf3b&amp;\xecL\x12\x9e&lt;%\xa4\xa8\x84k\\ \xd8\xd8\xb0B\x80?\ttU\xdb\xdad\x9eyp\xa5N%dos\xd1\xa2&gt;+\x9c8Bz\x9e\x80\r[?\xf4\xfb\xc6*&amp;\xf8\x08\xf7\x9c\xc0\x9eP\xefq\x8dF\xf8\x7f\xc5\xe7!\xa5\x17(M\x08U&lt;\xdb\xb9$\xb9\x9b\xbb\xf7\xfe\xfbF\x13\xd3\x97\x0e\xf6\xa6C\xbcc@\x14\x05\x07B\x92\t\x90"\xca\xf7\xe7\xa8H/\xa2%)-\xf0\x1f\xa8\x96i\xe1W\xd2\xf9JO\x97\xe5\xa4\xe5=\xe2\x043\x9dA\x1b\xa7\xfa\x1b\xa5\xf2\x0c~\x1f()dl\x1bf\xc5S\xff\xf4wPS3\x10\xca\x8aQ8\xa6?oJ}\xe9\x1e n\xa8y\xd5Q(\xe7\x08\xb7\xc2\x08\xd9\x1c\x824\xe0\xe9\xb55\xe52\xd3\x9c\x83\xce\x98\x9c\x8e\xe5\xd7\x9a@\xc3,\x02\x11a\x10\xacyi\xccW\x07\x88i\xbd\xb5l\xa1GX\xad8.U\x84\xf5\x0e\x8e?\x03\xf4G\x0eW#\x84S6\xa6K\x95\xd7Qg\'\xff\xe3H\xd3g\xfe\xbe:\x0c\xb3h\'\x9di+\x8d=\xa6\x068"\xf1\x16M\xce\xf4"PXF\xe5T\xb4{\xb8\xa9\x0fW\x7f"1\xccT\x12\x1d\xbe\xd1\xd0\xf3\x82\x88`\xbf\xf4\x9e\x88\xf3\x04w\xe3D&amp;\xaf\xf5\xb2\x03\x97T&amp;\xec\xe1~\'\xfd\xf4i\x9dh\xbf\x8f\xad\x1dn=WY\x1c\\\xbb\x00\x9ae\x1b/\x83*\xe0Vp\xd16gd\x05\x92Xz~\xbf2\xfeD\x8ce\xfca\x7f\x93\xdc2n\xc4\xb1\x17c\xe3)\xed\xb1\x86\x05\xa1\x14\x82\xadS\x11@\x0b\xba\xfa\\\xb0\xca\x16O\x82\xbb\x19\x14s\xa1\x12\xaa\x9c\xdc\x9e\x06c\xcd-a\x8fG\xa8D\xf1\xeeqF&amp;K\xf0b\xac\x8f\xf3w^\xce\x8fV-&lt;\x8a\x844\xb50|a\x0e\xfb\xef\x0f)&gt;\xe9^AF\x81\xfa0\xf7\xcd\x18\xef(\xa3\x80F4;Xq\xe5\x12&lt;\x8e\xfc\xd7Ez\x0eL\xd4\x04l\xbf$\x95\x9er\xb6{\x9b\xfd\x95*\x0e\xe2+T\xe1\x84\x81%\xc4I\xe7\xbdn\x9f\x0b\xe9\xa9\x16K\xcbD\x80\xd2fN\xb4w\xd1\xfc\xb5S\xff\xedW}\xcc\xfd\xa2\xad\xf2\x9a\x9bO\x12\xe6\t\xfc4#\xe5T,\xdf\'\xcf\xe9.\x0f\xc1\x06\xc5r\xea\xf4h\xc33\xe1\x1b\x13\x8c%\x9c&gt;\x9e:\x8a\x8e\x14e=^\xfeP\x08\xf3NU\x90\xbe\\\xd2\xe2\x11\x9e\x84"3e\x83X\x82\xe5\xb9w\xbc\xdf\x04\xc7\\PEU&lt;%\\\xb1\xbb"\xf7v\xfa}\x1fTJ\xca\xa1\x9b\x8f\x12o\xf9\xbbb%\xac\xbeH\xdc}\x9d\xdaB\xea\xb6\xd3i\xc2}4\x03\xbb(A\xd3-\xcc\xc7\xd0\xa17#A\xf6Y\x9e\x98\xb9\x87\x1d\x07\x1bi\x1a\xc5\xd9\x02\x1f&gt;\'9[\x95\xa2\xd4\xca\x00fGA\xc0\x1b\xd2+\x98\x89\xa5\x12\x1f\x8c\xe6\xed\xfe\x00\xb2\xcb\xdc'</t>
  </si>
  <si>
    <t>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</t>
  </si>
  <si>
    <t>b'\xfa\xa6\xd6\x11\x81\x00\xe9"0=\xe2\xf0XR\x96\x98'</t>
  </si>
  <si>
    <t>l away; I thought he might be afraid I should tread upon
 them. But it was not so; in the evening poor Skye brought them back again, one by one
 in her mouth; not the happy little things that they were, but bleeding and crying
 pitifully; they had all had a piece of their tails cut off, and the soft flap of their pretty
 little ears was cut quite off. How their mother licked them, and how troubled she was,
 poor thing! I never forgot it. They healed in time, and they forgot the pain, but the nice
 soft flap, that of course was intended to protect the delicate part of their ears from dust
 and injury, was gone forever. Why don't they cut their own children's ears into points to
 make them look sharp? Why don't they cut the end off their noses to make them look
 plucky? One would be just as sensible as the other. What right have they to torment and
 disfigure God's creatures?"
 Sir Oliver, though he was so gentle, was a fiery old fellow, and what he said was all so
 new to me, and so dreadful, that I found a bitter feeling toward men rise up in my mind
 that I never had before. Of course Ginger was very much excited; she flung up her head
 with flashing eyes and distended nostrils, declaring that men were both brutes and
 blockheads.
 "Who talks about blockheads?" said Merrylegs, who just came up from the old appletree, where he had been rubbing himself against the low branch. "Who talks about
 blockheads? I believe that is a bad word."
 "Bad words were made for bad things," said Ginger, and she told him what Sir Oliver
 had said.
 "It is all true," said Merrylegs sadly, "and I've seen that about the dogs over and over
 again where I lived first; but we won't talk about it here. You know that master, and
 John and James are always good to us, and talking against men in such a place as this
 doesn't seem fair or grateful, and you know there are good masters and good grooms
 beside ours, though of course ours are the best."
 This wise speech of good little Merrylegs, which we knew was quite true, cooled us all
 down, especially Sir Oliver, who was dearly fond of his master; and to turn the subject I
 said, "Can any one tell me the use of blinkers?"
 "No!" said Sir Oliver shortly, "because they are no use."
 "They are supposed," said Justice, the roan cob, in his calm way, "to prevent horses from
 shying and starting, and getting so frightened as to cause accidents."
 23
 "Then what is the reason they do not put them on riding horses; especially on ladies'
 horses?" said I.
 "There is no reason at all," said he quietly, "except the fashion; they say that a horse
 would be so frightened to see the wheels of his own cart or carriage coming behind him
 that he would be sure to run away, although of course when he is ridden he sees them
 all about him if the streets are crowded. I admi</t>
  </si>
  <si>
    <t>b'\xacT\x10\xc9\xb1o\xe6~'</t>
  </si>
  <si>
    <t>ac5410c9b16fe67e</t>
  </si>
  <si>
    <t>I like: Find out what
 the customer wants, find out what solving their problem is worth to them,
 then charge them a little bit less than that.
 More sales are not necessarily better, especially if that means dropping
 your price. Most people think higher-volume sales are the goal, but thatâ€™s not
 always the case. Kia sells more cars than Cadillac, but the profit margins are
 higher on the latter. Iâ€™ve seen a lot of people play the volume game and end
 up getting caught dropping their prices to the point where they can barely
 turn a profit. That quickly results in a race to the bottom. I would much rather
 have moderate sales with a high profit margin and a raving fan base over high
 sales that canâ€™t scale. A high-margin product makes it much easier to scale
 because you have more money to spend on advertising or rolling out second
 products.
 One of my friends, Drew Canole, started a juice company called Organifi.
 There were already a ton of juice powders on the market, but Drew went with
 a premium pricing strategyâ€”instead of selling for $19 to $29 as his
 competitors, he charged $70 for his thirty-day supply. That gave him the
 flexibility to create an amazing product, and it gave him the profit margin to
 advertise it to new customers.
 Organifi charges two or three times as much as its competitors and
 outsells most of them. If it had worried about competitors, it would be
 struggling to sell a $29 product and wondering why it couldnâ€™t generate sales,
 even though its product is better than its competitors. I see that happen all the
 time.
 Hereâ€™s a quick marketing tip: If you listen to podcasts, youâ€™ve definitely
 heard an ad at some point for one of the following: Casper Mattress, Blue
 Apron, Harryâ€™s Razors, Stitch Fix, or Brooklinen. The list goes on and on.
 When Drew was first scaling Organifi, I recommended he advertise on other
 peopleâ€™s podcasts. It gave the brand a huge surge of momentum. Podcast ads
 can be outrageously effective, but itâ€™s nearly impossible to afford that type of
 advertising if youâ€™re selling a low-margin product. If you are going to pay for
 endorsements, influencers, or any form of advertising, you need the profit
 margin to be able to scale. Thereâ€™s just no way to afford that kind of exposure
 if youâ€™re selling a $29 product.
 Hammer Down the â€œWhoâ€ Behind Your Product
 One of our Sheer Strength products was, at one point, the second most
 popular on the market. This should have felt like a h</t>
  </si>
  <si>
    <t>b'T\x0e\xe9n\x17\nx-\x8d\xe4\xf7~\xc3\xd0\xee\x0f\x8c\x0br\xf2t!\xbb\xef\x06X\xfd\x11y\x16\xf1,F^:\xa8@\\o\x99\x0b\xbb\xfaJ\xc5\xc0\xda\x17\xab\xca\xed\xe4\x14\x88\xc2c\x7f\x83\x91b \xf90E,\xf8\x8d\xe5\xa8h\x14\x0f_y\x13\x8d\xe8\x8f\x1a\x84+\x8ai\xf8\xcdboGi1\x02~\xefL^\x1c\x84N\x96B\x98\xd9%\x16;n\xd1?\xe8Y\xc3\xc8\xf1\x17C\xfcq\x14h\x9f\xcdE\nA\xf5\x91\xfb\x94\xfc\x07L\xdf~\x8c\x1a\x08\x98c\x8d9\xcd6\xd5W\xf3f8\xe0\xa8w\xadX\x12=\xb0\xb7:\x1f\x10)\x01\xce\x92\x10ty+H\xdb\x87\x1a_\xfc\xe2\x9f\xbc\xc3\xe4b\x1ag\xf4\xe1o@\x1c\x0b*f\x7f\xb6\x89u\n\xa6\xe5\xdbu\xd39\xab\xde\xa5\x9b\xafu\xd9\x08$F\xae\xdc\x00s\xfap\x8et\x91\x8cTo\xbaK\xcat\x83\xa5\xc9\xf1:\xd2\xb0`\xcd\xcf\xbdX\x08\x84\x8a}\x83\x06rfK\x91u@\xcf\xad{a2\x8aM|\n&gt;\xd0\x05\x14\xb2\xe9\xa9\xe6\xbbm\xc6\xd8\xb4\x19\xa5\xe1\xcb\xf4@\xee\x1b\\MQ9\xd7\xbf\r!7\x02"xm\x07\xbd%xS$\xd4&lt;\xc0\xe2;\xa8Yb\xa7\xe1\xbd\xecm\x88e\xe4g\x90\x90x\xf4\xd0}]\xfc\xdd\xea\x07\xeb\xa1\x07^\x89\xf5\x00)\x8c\xc3\xcfi\x83\xb4\xff\x89\x9d\x92\xc7=LV\x05\xb5\xd8\xc5\\\xed\x1eu\x01\xbc\xaep%\xa3\x1b|lf\x877R\x9b\xb5\xc9\xcfU\x04s\xcc[\x91\xcb35\xaa!\x85\x1a\x17a \xa5\x04:\xdb\x96$\xecKL\x1e\xf9]\x88\xb4\xf0Ka\xe7\xde\xc9a\xdf\xcd\xdf\xa3\x9b\xa9\xdc|\xc8 \xef\xc4\xc6\xc4\xd0\xd3|\xea\xdb\xd0\xc6\xc7\xe8O\xfa\xec\x0e}v|I`\xe9\xef\\\x1f\xd6\xe5"g\xcf=\x0b\xf4\xe6&amp;\x8f\xe5\x0c\xb7/\xcc\xf6:\x8e\xe8\xb6P\xe2_\xb2\x94n\xd1\xc2\x87c\x07\xb1!\x02\xb6\t\x1c\x88s\xb8k\x1br\xed"W\xecg!\xb7\xf5,\xaa\x98\xa5^\x7f_\xcaL\x11\xd5``\xafkV?\xc61]\xf2\x9c}\xdc\x98\x86\xecCZ\x9d\x87I;B\x9e)\xf4]\x1a\x10\x98EV\x0bx\xa1\r\xc8Gg\x16\xcat\xf7j\x88\x98\xb0t\xb2,\xb5\x86g#\xf6\x1c{\xcc\x1f\xab\x95\x122\xf6r\xdfE\x8aN1\x7f\x9a\n\x08\x98\x04\xda\xd9-k~\xc5{\xb9\xd8\x9c\xd6\x8c\xf6\x16@\x85.P\xb70\x97t0\xf1!\xefma\x96\xf8\x84\x035HD\t\xbd\xec\xddR&gt;\xa6\'\xd24\x029m\t\rd\xafk.\x8a~\xfb\xce\xd8\xcb\xdf\x85\x06S\xf2\xe1\xa4nv%`\x0f\x18\xdf\x17+Lv\xbfX|\xddGn\x15\xc0\xd9_\xe8\xba\xd5i\xe2 \xd6|;\xca\x0f\xb0\x06-\x8e\xb0xM\xe6\xb2\x1a\xb7.M\x11S\x98-A\x8c\x84\xb1R\xb3@J%\xd5-\x0f\xd0\xa5\xc9\x17uz\x8e\xaa\x8c\x0e\xd0\xe5\x06\xba\xe1\xf7e\xe7\x02\xbdQ\x10\xd3\xfc\x143s4&amp;S.\xcdc\xfb\xf2\xe8^%C9\xd3;\xe3\xd7\xccz0*\xccP\xbe\x85\x10\x8cPi\xb9\x13f\xbad\xbe\xfa&lt;\x8b\x1fA\xe8$X;\x17\x82\x17\xe8f\x1a\x0eG5\xdfu\xb1\xed\xc0\xab?\xc38\xb6|\xc4Tq\xb0\xc18\x11\xeb\xad\x80\x05\xc5\xa6\xfa@A\x1a\xba\xebz\xce}\xd0\x1f\xd5\x13H\xb9\x13\xc0\xb1=\xb7\x9f\xc0hrg\x14\xfd\xc9\xea\xe4N\x03\xe9\xfaIi\x97\xdcr\xcb\xd9\x15\xa0\xfaJ.\x98\xdd\xdad\xe9D\x0fi\xa0\xbc\xeb\tkT\x92\xfe"\x06\xa0\x86{S\xa5\x8d\x0c\x81\x92\xab\xf7\xa5o\xcd\'a\xd1\xeftj\xad[v\n|\xc0\x0b\x99\xcf\x0b\xa4\xac\x89\xae=Tl\xb5FGM~5ILr\xd7\xb5\xd3\xd4\x91sp\x1fj\x97\r\xc8\x04\x01\x18\x01\x11&amp;\xac1v\xa2\x8cH\xcc&lt;\x1d\x87\xcc\x97V\xb6\xe4\xed\xd8zm\xa0 ]j\xadv\xed\xd0r\x1f\x00\xdb\x14\x1b\x9b\rs\xa1\x04D\xfc|\xce5;Tz!\x7f\xa9\x9c\xe1j\xf7X\xf3\x18\x89\x18\xc9\x0c\xc2\xfdKf\xe0\x80|2l\xaf&amp;\xb3\xc3#\xf1\x92\xf6\x93\xc8-V&gt;\xf9\x887i\x93\xad\x91\x1cL\xff!\xe8\xe9\xe3#\x1e\xcc(S;fz\x95\xff\xd0\x02D(\x96\x04\xab\xd3\xc5V\xc8r\x1d\xee\xbf\xf1?\x9dB\x13\x83y\xac\x9ak\xb2\xae\x05$HM^\x07\xde\xf6\x80\x84\x05\xfe,e\x08\xce_\x89P\x82\x9ax\xce\xdd\x95aCv|:\x12q\xaa\xb2\xed\xf6\xe75\x84\xc4\x16w\xf4\x94\x17\x07h)\x1d\x7f\x85\x1e\xf8\x12K\x8c\xf0\xb6\xff\xac\xd0\xd6[\xb2I\xfc\x88+u\x16\x82\x80\xd7\x08\xe47\x0399b\x8fU\x9f\xfe\xae\xef"?\xa5(\xac\xd8bD\x83\x90\x8e\xa2j\xb2\xa3\xb5V\xb7\x97\xc4\xa2p)!f\xcc4\x84\xd1I\xbe\xe1)\xd5\xcb\x80\xd3\xe9\xe5\x19\xb7\x1f^\xe2\xfd\xa3\xa8#\x85CtW\xc5\n\xa3\x0f\x0f\x9f}P\x01\xd5h\xfb\xb8\x90x\x83\xdf\x93\x13u&gt;}\xb0\x89V\xa6\xf8\x85dkIk\xd4\xbf+p9\xd7\xc0\xea\xd3\x1e\xf5\xe2(F\xb9\xda\xdcN:\xa6\x1c\xe6\xb7\x04\xe3\x07\x7f\xd2\x9a\xe48\x0fJ\x89Gx\x95\x17%\xc2V\xb7WL\x06kwH?\x11[5&amp;j\x88\x81:\xba1\xc6\xa6\xf2U\xc0\x03\x14ZG\xf3\xd5\xf8&lt;\xda\x8d\xda\x1e\x93E\xcb\xd5 \x05P\xd16\xa3\xd5\xd0\xb7\xd9\nam\xb3\x1b\\`\xb7\xc5\x8ec\x087\x0b8\xce\x15\xbb\xa4w\xad{\xbb\xc2\x16\xd5L\xbekJF\xff\x03h\xc2G\xe9~)\xa102\xba\xd9\x1d\xf3\xb8\xbd$=\x171\xbc\xd7\xce\xb8@\x17\xe3\xbc\x9c\xf4U\xca\xd6\xfc\xf0\x1fua\xde\x1f\x9a\xec3\x8c\xaf\x9bw\xc8\x81 \xccS\xd4Fs-\xcc-3\x8c\x9e\xacE\t\xa8\xcc|\x14x\xf5\xf3\xbc\xf8Ha\xe1)_8dk\xd7\x96\xe9{\xf5\x8e\xf5\x0cV\xfd\xa8D\x9f\x848nFMc\x99\x1d\x0e@\xb75\x13St\xe6\x17Z\x87\x92QG\x08\xb05"\xb7w\xc7\xe0\xc96\xe4\x1c\xfc&amp;\xd8]\xc6\x86|u\n\xcb\x06\x82=\xe1C\x14\xd2{\xcf\xd1j\xff\x12\x1e6H(\x19\xdc\xe6\xb7\xbej\x18~\xa7;\xbb\xd0\xb1O\x1b\xf6I\xbaO\xa7\'\xfa\xcc\xc5\x1e\x94\xea\xa4.\xb9`\xd3(Gs\x05\x7f\x06\x94\xa1tU$iP&lt;\x16tZn\xd3\xf5L\x07\xa9\xb7\xef\x10o%\x80E\xa2\x94\x05V\xdbA4y\t\x93\xc6`\x86\x1e\xca\xc26p\x17\x8d\xf6\xa8\x0b\x181\x9c|qh\xb1\xa0\xeeW\xbb,\x02\x04\xea-\x0e\x9f\xf5\xdbv\xade\xd2\xedwA\x83\xc0\xbcY\xeb\x1a\xd1&gt;@\xf7\x90\xe0\xc9\x02F\xfd\x07\x95\r\'\x95\xec9\x1a\xe1P\x82\x16X\xe09h\xd6\xdf\x11\xa6\x90\x14\x1d\xf5:S\xd2@\xd7\x13\xc5UF6Gs$\xd6\xda\xa5H\xf8\x14\xf6\r\xa3o\xe0\xe0\xce\x9f,N\xd0\xe1j\x11\xd17\x0cN@\xc43\x98\xd5H\xa8T\xfc\xeem B\xe0*n\xa4\xfb\x83??2+\x90\x8e(\xf7"\xfd\xf5\x0f\xe3;\x83\x9c\xf1\xedZH\xffF\x98\x96\xaf\xbc\xa2!\n\xb7\x912\x14\xca1\x05r\xe2.\xf5\xf7\x9d\x89=\x9e\x10\\\xf6\xd3a\xabH\xc7\xf0\xac~W$\x06O&lt;u\x0c?\x04\xba\x16\xd1\xf0!\xad\x87\xc0\x1ck&lt;\xb4\xa7k\x85\x83\xa7\x8d\xf8\x0eN\xfa0T\x1dJ\nK\xfa\x88\x9b\x89\x9d|K\x81\x83\x160\xaf\xb1\x89\xd916|\xbbf\x10\xc5\xa5\xf5\xbb\xf3"\xb3\x9eP\xe1\x92\x94\xb2\xdch\xf6\xcah\xa4\x0e\xe2\xba7\x83k7\xdc\x7fEP&lt;\x02zx\xc2\xa3e\xdd;\xbe\xbaN\xc4#\xed\xc8w%\xd3\x0b\xae%d\xfa\xed\xaa\x0bu\x87\nV\xe0h\x08\nw\x7f%\xd3\xbd),\x9aC1\xc4\x8d#\xca\xe9\xa7\xd9J")\x02\xe8\x80\x98\xb3*[h~\xa4]\'\x19\xb8\xa2\x1e\x9b\x96\xbc\x82\xbc\x9c\xe8)ns\xc7\xc0\x845\x1a\x84\xd9\nY\x82D`\x90p\x01\xc75\'\xa3\xdd\xbam0f\xab\xf7\x91!s\xa0\x90\r\xdb\xf8)\xa1\xe5\x95\xac\x9e\xcd\x0c\x0c`\xda\x7f*\xad(\xd3\xb4\x8b\xcd\x188d\xa0\xe4\xfc\xbcA3\xc8\xd326~+\x96\xc3\xc2\x0c"8`\xdf1\xc8p\xc1\x02\x12`\\(\xcf\xae\xcf\x90\xb1\xe1C\x1b2\x97\xdd1@v\x19\x10\x99\x84\xd4\xd2\xe0\x9e\x03c\x06\xb4\xab\xa1\xa8\x86F\xf8A\x9c\xe1\xd3)+m\xa1\xc9]\xe5\xaf,\x0c\x831\xe4\xcf\x93|`vu2\xa7\x0e\xf1\xf9W\xdc\xf6\xdc\x8c\x175\xd5\x89\x0eX&amp;=\xc4\x11\x0b\xf5\xd5\xe3V\xcbZ\xe7-\xdb\xe9F~J}=T\x84\xdcf\xad\xd8.\xde\xcd\x9dP\xb1UB\xdb\xa1\xf1\xb22\xf7\xda\xf5\x1f\xcf\x82\xbd\xccq\xc6Nn\xc0d\xdc\x85\xfb|_V+\xa6\x9a=\xb7\x88\x9a\x05iE\xd3\xee\xd9C\xef\xc7r\x89\xa8{6\xf6\x9a\xd6nI^?\xe2\x1b\x93{l\x91\xa4h`\x87\x17\xbd\x08\xe2d"\x13\xf9d\xb1kb0\x00D%\x8e\x8e4\xc8r\xd3\xb7\xaf\x15\xf7t\xacO\xab\xc8!d\xd4\x0f\'\x0c\x04\xf7\xc2\x95\xa3\xc6\xf6r\xc7\xea\xd5\xb2~w\xe8\x17\x07\xc4?3\xfa\x08*],\xd3R\xbf&gt;V\xeb\xc18\xa3!\x90\x18\xea\x1d\x11a\xc5\x007\xc7\x0e\x9c\xdf\x07\x07h\x9aL\x9b\xe1\xbe\x1er\xd1{MH\xbf4X\xbe{*\x80f1\xdb\xfcn4O\x91|ij\xe0\xae\xcf\x02\xdcYM\xb6\x96Xr\x1f\x0fl/\xda\\ *\xb7\xf9\x1a\x10\xa8Od\x8d\x1fL\xf5\xd0\xa4i\xc0N\x0e\x18\x01O\x90\x9c \xf4x$\xfbz\xe5\xbf\xaa&lt;\x9b\x82f\x86\x80\x92\xbe\x17\xd5\xe0\xe7\xdf\x18\xc9S\x7f\\\x15\xbf\x17\x7fhC\x08n\xc5\x00\x08\xf2X}&lt;!\xa0:\xad(I\x9a\xe8X\xffB\xa7\xc1\xcf\xcb)\x9dx\xd3\xb7B\xf5a\xa5\xf1\xe0p\xed\xfb\x0f\xc9P\x90\x02\xa1\x9dv\x8a\xde\xa6\x19\x9c\xefb\x9c\x11\xdb\xc2\xf8F\x89\xf3\xda\xa9d'</t>
  </si>
  <si>
    <t>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</t>
  </si>
  <si>
    <t>b'T\x0e\xe9n\x17\nx-\x8d\xe4\xf7~\xc3\xd0\xee\x0f'</t>
  </si>
  <si>
    <t>mash was! and so soft and healing to my
 mouth. He stood by all the time I was eating, stroking me and talking to the man. 'If a
 high-mettled creature like this,' said he, 'can't be broken by fair means, she will never be
 good for anything.'
 16
 "After that he often came to see me, and when my mouth was healed the other breaker,
 Job, they called him, went on training me; he was steady and thoughtful, and I soon
 learned what he wanted."
 17
 Chapter 8. Ginger's Story Continued
 The next time that Ginger and I were together in the paddock she told me about her first
 place.
 "After my breaking in," she said, "I was bought by a dealer to match another chestnut
 horse. For some weeks he drove us together, and then we were sold to a fashionable
 gentleman, and were sent up to London. I had been driven with a check-rein by the
 dealer, and I hated it worse than anything else; but in this place we were reined far
 tighter, the coachman and his master thinking we looked more stylish so. We were often
 driven about in the park and other fashionable places. You who never had a check-rein
 on don't know what it is, but I can tell you it is dreadful.
 "I like to toss my head about and hold it as high as any horse; but fancy now yourself, if
 you tossed your head up high and were obliged to hold it there, and that for hours
 together, not able to move it at all, except with a jerk still higher, your neck aching till
 you did not know how to bear it. Besides that, to have two bits instead of oneâ€”and
 mine was a sharp one, it hurt my tongue and my jaw, and the blood from my tongue
 colored the froth that kept flying from my lips as I chafed and fretted at the bits and
 rein. It was worst when we had to stand by the hour waiting for our mistress at some
 grand party or entertainment, and if I fretted or stamped with impatience the whip was
 laid on. It was enough to drive one mad."
 "Did not your master take any thought for you?" I said.
 "No," said she, "he only cared to have a stylish turnout, as they call it; I think he knew
 very little about horses; he left that to his coachman, who told him I had an irritable
 temper! that I had not been well broken to the check-rein, but I should soon get used to
 it; but he was not the man to do it, for when I was in the stable, miserable and angry,
 instead of being smoothed and quieted by kindness, I got only a surly word or a blow. If
 he had been civil I would have tried to bear it. I was willing to work, and ready to work
 hard too; but to be tormented for nothing but their fancies angered me. What right had
 they to make me suffer like that? Besides the soreness in my mouth, and the pain in my
 neck, it always made my windpipe feel bad, and if I had stopped there long I know it
 would have spoiled my breathing; but I grew more and more restless and irritable, I
 could not help it; and I began to snap and kick when any one came to harness me; for
 this the groom beat me, and one day, as they had just buckled us into the carriage, and
 were straining my head up with that rein, I began to plunge and kick with all my might. I
 soon broke a lot of harness, and kicked myself clear; so that was an end of that place.
 "After this I was sent to Tattersall's to be sold; of course I could not be warranted free
 from vice, so nothing was said about that. My handsome appearance and good paces
 soon brought a gentleman to bid for me, and I was bought by another dealer; he tried
 me in all kinds of ways and with different bits, and he soon found out what I could not
 bear. At last he drove me quite without a check-rein, and then sold me as a perfectly
 quiet horse to a gentleman in the country; he was a good master, and I was getting on
 ve</t>
  </si>
  <si>
    <t>b'\xa0A\x9e\xf4\xfd\xa7rY'</t>
  </si>
  <si>
    <t>a0419ef4fda77259</t>
  </si>
  <si>
    <t>gencies may infringe on the
outdoor experience for others around you. Calling for help inappropriately may put search and
rescue teams at great personal risk and use resources, including financial resources, unwisely.
New technology definitely has benefits. The ability to call for help can save lives when the calls are
made by people who are truly in trouble. The following is a description of some commonly used
devices.
SPOT Device
The SPOT uses GPS (Global Positioning System) satellite technology to track the device and send
messages. The user has options for one-way communication when they are beyond cell phone range.
Pushbuttons can send preprogrammed messages to let family and friends know you are OK, alert your
personal contacts that you need help in non-life-threatening situations, or other custom messages. The
SOS button is provided for use in life-threatening emergencies, and sends a message to the GEOS
International Emergency Response Coordination Center which provides your GPS coordinates and
information to local response teams (local 911 responders.)
SPOT is lightweight and easy to use. A service plan in required. Access to open sky is needed for
satellite communication. Common concerns include users who activate the SOS in non-emergency
situations, and one-way communication does not allow rescuers to contact sender and assess the
emergency. Once activated, emergency personnel are committed to respond, similar to a 911 call.
Delorme InReach
InReach GPS satellite two-way communicators enable you to receive text messages and send
messages to email addresses and cell phones, track your GPS coordinates and trigger an SOS. An
SOS is received by GEOS, and emergency contacts and responders in the area are notified. GEOS
also stays connected to provide updates on your location or to communicate with you. Advantages
include ability for two-way communication with other devices, and emergency responders can assess
and communicate with the caller. Access to open sky is needed. A service plan is required.
33
Cell phones
Calling 911 on a cell phone connects you to the nearest PSAP (public safety answering point). A 911
operator answers, and a computer finds your coordinates using your phoneâ€™s GPS chip. If youâ€™re a lost
hiker, the 911 operator transmits that position to local rescue personnel so they can locate you.
In the back country, service may be spotty or non-existent, so your 911 call may not go through. Your
wireless provider may still have recorded the time you activated your phone to make a call. These
electronic blips require little energy to send or receive and may transmit when your phone shows no
reception. Sometimes they go through when they shouldnâ€™t and the data trail is logged by the wireless
providers. If someone is reported missing, law enforcement officials may call the provider to access this
data trail. If you own a cell phone, bring it on your hike. Include your phone number and service
provider in your emergency contact list. Leave your phone off during the hike, but occasionally check
for service (leaving a data trail). If you are lost or injured, dial 911 even if you donâ€™t have service. Higher
ground may yield better service. Common problems include no service, no charge, and problems
related to inattention on the trail while focusing on the device.
Technology is rapidly changing and its use continues to increase. New devices offer th</t>
  </si>
  <si>
    <t>b'\x97YY\xd5\xe67\xdd\xb3^+\x15LC^\x90\x19\xa5m\xc4V\x88L\x87\x000\xd1\xa5:*\xb4\xbd\xd4\xd7\x19\xea`\xca"&amp;few\xf2sQ\xae-\xbd8fR\xa7\xfen\xb2"\x18\xc2n&gt;\x7fkz\x02\x89n\xc7\x8ae+_\xd9`&gt;J@JKo\x82\xc8a@4\xe4\xc9sz\x9e\x10v\xe9\xadFy\x83h60eO|6\xf2\xdc\x13\x85li}7\x9e-.\x04i\xe9\xb7\xf6\xfaV_\'\x88\xf0\'\x9e\xf5`d\rq#\x12\'\xbci\x11\xea\xc8\x00L\xd1\x1e FbE\xa4h$\xe0\x96\xd5\x1bg\xeb\xa8\xa9vg\xc3\x9c?1\xc8`\xd1\x1d\\\xb1r\x89\xb81U\x1b\x03\x9dIaR/\xf4Q,u/,X\x0c\x0c\xf9\x1a-&lt;\x11\xccQ(\xcd3\xba\xb9K\x16\xce\xd6\xa62\x96o3tn\xf4\xb7\xb5\xa6\x9fx\x96\n\x015\x97\xf2Q\xadO\xa1\x13L\x15\x85^\xdbP\xb1\x97\x9fk\x8dN6Oj$\x00\x8d\x9f\x87\xfc\xbe\x8c\xdd\x1b4/L\xc8&gt;\xaf\xabgj\xaa\x0c\xab\x83\x8d\xc5,G\x8f\xd9\xd6\x9b\xfe\xb9\x8d\xc1\xa4\xde\xb1\xab \xf5\xf9\xb4}D\xe0\xabH\xda\xfeA\x87\x9a\x94&lt;\x9d\xbb\xda\xee\x91\xda\xd0&amp;ZZJmu\xbe\xa2wl\xb7\t\xf0\xee\xf3\xc6\xc8\x94\x05\xc8\xf0\xc3\xfc\xfa1\x0f\x9a\x18s+*\xbf\'M\x16;\xa0\xa9\x11\xa4\xc0r\x8d\xcc\xd6$\x18\xc4\x1a\x05\xaa\xbc\x06zc\xab\xee\xae\xc4\xa6\xc0N\xa8\xc1=\x0e\xf8\x81/\xa5\x12\xef\xf1\x85\xba\x9c\x1c\x86)\xb2\xc5\x12\xd1\xb0\xe7\x90g\x02+\x9c\xe7q\xe6m\x00\xa7\xd4S\x98\x1bm\x1c\xbd\x8aU\xac\xfc\xc9\xa3\xfaY(\xc8Dw\xc7\xe0\xa7\xa4G\x07\xfb\x1d\x83?\x84^\rS\xae]\xc7\xe3g9\xf3p\xe9,83*\x98\x7f\x04B\xea\xd0T\xba\xe1w\x1b\xbeCd\xf7\xd9\xa0\xec\xca\x01`\x91P\x95\xfc\xa3B|\xff\xb2{\x9b\xb7\x8c\xd5.\x1a\x1e\xe2W\xaa\xe7\xba\t\n\xbd\xa0\xa9\x19#\xad\xca\x91\xa5WA\tC\xaf!\xa5\x02\xaf"\xef\x15a\x86\xdf\xd2\xa6;\x10\xdas\xb2wC\xf8C\'\xd8\x8d\xf6\x8b\x8c\x08\xea\x19\xb7.c\r\xd0\x85\x86\x18g\xce\x14d\xca^\x05k\x06?\x05&gt;x\xabV)\xc2\xc55}_8\x15\xa2\xc9\r\x16\x83\x05\xdfj\xddY\xb1C\x9c\xe3FP]\xae0\xa0\xfc\x83\xf1\xdd\xe4\xb7\x0c\x06\xb1\x11\xc9X\x14\xb7\xb8\x14\xa8[9\xaa:\xfa\xc3@\xd4\xeb\xe9tp\xfaN\xb0\xfc\xad\xacZ\xb6\r\x19\xf0\xee\xe8{g\x8fp\x8d\xe2\x84\xc2\x9c\x81\xbbn\x94\x11N\x00\x93\x14nB\x19\xbcS:\x04L\x98R\xd4\x9c\t\xb6\x03\xed\xab_\xf5U|CG\xe1.\x81#\x16\x8b\x1b\x1d\xc3h\x83\x0b&amp;\x96\x83\x94\x84X\xfe\xed|\xd9^\x17M\xa1\xceU\xe7\xebv-jJ\x865\x18\xee)\xa7\x0b\xf2\xdb\x90\x1b\xc9\xdeH\xfb`\xac.\xd7Z\xbd\x9a\xa4\xb3G~5i\x9d\xea\xcc\x85\x03T\xd1\xea\x85\xf97\x90\xad!\x19]\x8cF\xb0\xe0\x7f\xeb\xcc\xd0\x96\x80$\xa9\xf2b\x94\xceV\x8a\x7f\x8f\xf5\xd8+\xd2\xa7\xff+K\xe7\x08\xd2\xc13\xaa\xcd\xc7\xed7\xf4\x8f\xc7\x04\xd0\x9b&lt;\'3\xa5BJ\x1e\xf6\x84\xda\x11W^\xf0\xb7\xe9\xe2o\x8bS\x00\x14\xf3\xf5\xfaY6\xf8\x0803E\xdfY/\xd9\x00\x9b1\xe8\xb7\xdf\x13x"o/+\x7f\xc0\xbb\x87\x07\x91G\xed\x8d\r^\xb4Z\xb6\x98\xceX[\x99\xcc\x9d\x13\x907\xa7\xc8\xc4\xf4\xfe1C!OwZ\xfb\x00\xde\xc9\xca\xb9zv%\xa2\xe9\xe0\xb9\x89\x9b\x9a\x85\xb4\xcb\xed\x00W\xe2i\x06\xef/\x833\x92\xf5\xd6\xa2\x000gh\x98Q\xa4\x93\x9f&lt;D\xdb-\x14L|&lt;ed\xf6\xab\x97\x00\x91\xcd\xa7\xf7\xed5B\xc4 \xaf\xff\x19.P%BB\xe6b;A\xb8\x90\xa7^\x14Z\xd0c\xbbI\x80\xaf\\\x1cSS\xb8\x98\x86\x0eWK\'\x80\xda\x96I0\xfei\x87%5F\xa9\xba\x87\x89$\xee\xd1\xb1v\xa8\xe2s\x97\x1c\xf3\xaeF\x05l\x17\xb3\xa7$\x1b\x83\x8ePj[\x90\x05\xee0lSYQ\x95\xc0\xcf\x07T\xcb\xd2\xffY\x83\x96=\xb1_\xc3/\xff\x06t\xeeD\xbd\xd2\xa2:\xf6\xb3\x9f\x94 \xaa"\xe5\x9c\xbft\xf3\xd7d.\xd7\xc6\xf4ob\x0f\xa4\xc8\xaf\xccm_\xb9\xe9\x04\xde\x8c\xd5\x05l\x94M6\xd8\r\xf0`WM:_\xc41mU{\xd7\xc8\xde\xb7\x95\x86V\xd5\x90\x19H\xab\x12VZ$\xb1\xa0\xa6\x9e\x90\xee\xce&amp;\x83\xff\x82\x82O\xe9T\xeazw\xc9\xda\xb3\xa6-\xed\x1f&lt;\x88\xb9*&gt;U\x88\xb1\xba\xa2o\x14\x0c\x91%T\x95?x\xc5/@\xef\x04\x1f\x05\xe2\x93\xdd`%\x7f\xd5\x12\xf2\xba(\xbc\xb7\xc6\xbc?\xca\x84\xe8M\xd5@\xd5\xe1\xb3\xe4\xf2q1F\xc0\x9f\xb4 \xd8f\xf4Pu&amp;\xc9=8\xba\x0c\x94\xb0d\xf9F\x84\xc3R\x046O8\x80\x9a\xf8\xfa\xe1\x0c\x03\xf1u\xa3\xb3\x99)\xe1\xdaH\xa3[\xb4\x00vol\xb4\x89\x08\xe1\xa5\xa4\xa1C\x8e\x89\x1d9\xda\x11\xefV\xd2\xf2\x19\xddj\xd8\x90\x9a6\xd5\xd8\x12-N&amp;\x05Xu\xbd\x19sb\xe3v\x8e\x03\xfe\xd9\xe16!Nq:\xba\xf4\xc6\xa8\x13\x0b\xfdN\x15Z\xba \xd6\tV\xd0\x81\x02\xe7m\x19`\xeeB\x87\xcd\xf4\xf8\xa1L\xfa\xde\xaa\x19!=\xc5\xc9\xdan\xac\x0f\xa2\x8cH5\x9eW\xb9\xd24\x8a\xfb\xea\xfc\xc1\x11\xd8\xc7MY\x95b\xd1\x04L\xbcy8\xd8\x9eUL\xffD\n*\xd4\xb3E\xfe!\xf6\x99-c\xb8,\xbc![\x13L\x9f[=?\xac\x14\xc7\x8e\x00|\n;\x9d\x970\xc1\x8f\xc8\xad\xaa\xee&amp;`\x01=-\xeba\xc4\xc9C\x0by/=\xf4\xafX\xdc\x9c\xcfN\x84\x99:\xad\xe6\xd2V\x0fu%:\xfb\x8eR[+-\xf5nB\x19\x8d\xed\x03)\x80\xbe\xbe-\xc2(\x92\x14HjL\xac\xcbL\xa3\xd7\xc5xM\x01_\xb2_\xec$\x06\x1e\\\xcb$Wlm\xd7+\xc6}\x91\xc5\xa7\xe3\xec\xf9Sq2\xad\xe1*2c\xb5\xb5\xcc\xe5\xdf\xfa\xc9\xb1(\x85N\x95\xfa1\xba\xd0\x15\x8bD\x18\x08,\x95uC\xd9\\\xf2^\xfd@\xd1 \x86z\x9c\xcda\x1f\xe3]\x9a6\x03\x10r\x03\x15\xd3A\x8d\xf7\xd1\xd3B8M\x9a\xd1\x9f\x9c*-kL\xa6\xe0Lmx\xcdy\xc8+\x87Y\x03gp\xaf\xad?Nf%\x98\xc7\x0b\xa3/;IT\xb52\x15\x07G\xcb\x9dCd\x1b\xb3Y\xbb\xad\xcaq\x11\xc5p\xb3)M\n\'L\xb4\xd1\x92\xa4\xd96w\xd5\xfa/\xca\x10\xf9\x1a\\g\x15\xc1\x1c \xd7\xedS\xd1\xcf\xe2\xf6\xc8l\x07{\x00\xec-\xc7\xf6e\xab!5f\xdez\xb6B\x1d\xcf\xdee\x19\x96\xb1\x8d\xc39\xcc]\xe1\x9a{2\x07eq\xc6\xb5\xd1\xc1G\x8c\xa6\xbe\xc3\x12Ko\x85\xd6\x9f\x81,\x1e4H\xd05\xcb\x1d\x81J\\\xdb\x85p#\xf9}\xc5R\x90,\xf0\x99\xcf2\t\x0bjj\xc2\xf2\xac\xf8\xe7\x92\xb5Q\x1d\x06\xf2\xbb7[\x1d?3g5\xff\xe9\x86G\x7fN\xd5h\\\xe30HP\xb0-v\x1a\x01\x8c\xa5\x1b\xea\xe63\xca\xa7\\5\x81\xd5G\xa9\'\x95\x90\x84\xb0\x80O_\x10Z\xf2\xc5\xb1\xcc\xa6\r\xa7\xcf\x9c\x85\xee\xae,)QV\xca\x05\xd9\xcc\'\xceeH2\xe3\xb9CH\xcf\xd9\xc7\x12n\x05\xef\xfcy\x82\r\x85\x98&lt;\x1c\xc4\xdd\x86\xb8\xdaz\xb2\xee\x8dw\xd0\xe9\xf5!1$\xd0\xd3\xa9\xdc\xa8\xa1\xf4\xb3e\xb8F\x89\xa1\xa27\x03b`\xb0\'m16k\xa9\x1e\xac\xf1\x1d\'\xcd\x16\x8a\xc7E\xb1y\x94\xb2\xb6\x93@{\x9eqW\x15\x02\x1fk\x9e4I\xe9\x90n\xc4\xd2\xd3\x84l3q\x11~\xc6^\t\xb7\x8fWXBUkS\xd7\x12\xd6O\x9d\xc9|\xcb2\xc9\x8c\xd7T\xdf\x8b\x05^;:\xbbB\xbe*NT\xda15C`\xa5\xc1\xbei\x04\x92\xabU\xb4/d\xb7\x17\xe10\xc7]\x92\xaa\x10yd\xc4\xb7\xb3F\xa6\xd3)\xdb\xc7F\x7fFuY=\x9b\xc2\x96\xa3\xb9m\x12\xc9Z=\xffg\xe69\xfa\x9c$\x0c\x98\xa5\xe1\xeb\x12\x97\xe9-PI\xb0\xc7\xd8\x96\x87\r\x15v&amp;S% }\xd1\xfa\xa6\xaa\xcc\x15\xd3\x91\xd2\x90\xbe#\xf7\xf3\xc2\xb2\x8d\xe0\x80\xc0\x17~\x17\xe4\xd6\xea\xb6v\x99\xe5\xaf\xa4\xbc]\xa7\xff9"b\x06\x19)\x8d\x8f\x80\xe5\xd9@\xa2\x03\x89\x05\x7f\xb3P\xdaiu\xb7\xcbX;\xe6\xc1X\x1b`\x8e\r\xc4\xe6\xa6\xfe\x82\xa4\x93\x0e@\x9fD\xaa\xff\xe1\xdc\x90\x01\x9b\xfcq\xd9\xc9\x12\x15Aw\xa8\xdaj_\xb9S\xa0m\xf4\xf5d\xe1\x11\x14\xc2)\xa5r|\x86`\x8f\x12\'0\xc6\x18J\x08a\xcf\xaa\x98:L\xa2x\xfe\xdd\x83\x11Ls\xe7`\xe1\xfb\xdb\xde\xceyoE\rm\xbdG\x89KV4\t\x94\x1cq\xba\xa8\xec\xf0K\xcd\x18\x03i\x9f\xb3\xff\x04\xa1\xd08e\xcbM\x87\r\xed\xeaKW\xb4\t\x1e/\x9e{F#\x91\x87\xbf\x08\x15\x04y\x9e\x82\xd0l\x0f\xec\xb7\xa9L\xad\x16\xc8\xe4G\xd5l+\xab\x80\xa6\xe6g\xf2\x0f\x9fM\xa8\x07TB\x1d\x147\xfc\xe4\xd3||\\.$7\x80\xd4\xde\x85\x8f)\x82\xac[\x8e\xc9\x9aA\x9a\x1a\xa4@H\xa3/\xea\x8f\x84\x98\x9bx?\xf9\x88\xb2\x19\xef\xaa\xeeY\xff\xd37e\x92`\x95\xcf\xa6\xb0\xf8\x16\xbe\xc7\x9d2\x85\xe0\x08\x0e\xb4\xe4j\xbb\xb5\xe2u2\xb5\x17\x18\x83\xaf\xf70A\x84\xc9\xc0\xcfka\xc2\xc1\x9c\xa99\td8 f\x8f\x1d\x1c\xd0U6O\xe9I\xea\x88\x14\x96\x17\x0bF\x8a=\xec\xad\xf1D\xa7\xac\x16\x1b\x8a\n&gt;\xff\x0c\xb6\xa0h\xe5\xb1\xc4btU\xab\xe4\xc2r\x98,\xd6\xcfM\xe2\x03\x9d\xf9\xa9\x8b\x9dd\x85\xba\xc6\xbbvg\xa3\xa3ll\xd6\x11\x0c\xcaE\xd2\xd6OW\xdd\xa3\xb6\xd1\x86\xed 3\x93\x9b\xd5x6\x88\xf1\xf4\xde\xe9\x80\xbeg\x14%\xff\xccC\xbc*dI \xdd\x07\xbd\xfdf|\x07^\x03\npn\xce{\xa0b\xa4\xa0\x9b\x8e/\x01E\x80\x04\xccU\x96\xc8\xee \xde\x88\x87\xfd\xda\xc3A\x18\x0c\xaa\x8a\x87#\xf5\x0e(\x96\x95\xc2\xaf\x010\xdce\x1fO$\x946\xfb\x82\xa6\xf8\x89M/\x03\xd9\xcb\x03$\x0f\x1fL*\x9a\xd2\xa1\xfc\xd0_\x16(\x80i\x06E\x10h\xdb_\x91!\xfb\x0f\xf9\xffr\xf6\xa5g\t8\x06\x17\xde\x1f\xf4z\xe3\xe5L\x8d\x89\'g\xc7\x8a\x86\xac\xd9\xb8\xd7\x0b\xa8\xe3yrMm8.\x03\xe7T\x05\x85w\xe0\xb7\xc6dD\xd5\xe4\x00\x83\xfdTY\xe5h\xe5\xa0\x85o\x13\x02h\xeev\x15q\xc5\xab\xcb\x83VM80-~j\xd0\xde\xf9X\x93\xc4\xe8=\xeb\xcc\xcf\xc2\xe5\xdb\t\xb9\xeeh\x80\x0c7\xc0\xceY\xfc\x99XC\xc8\xc9\x84\xc5\xd1\x01H\xa0[\xfc\xa7\xfe\xd4/\xdb\xe4\xa6.\x99D\x94\xd0\xd3\x13\xeb\x96\xe6\x166\x1fh\xbeE\xfb1/+K\xb0C9_N\x1c\xec\xc1.\xaa\x1c\x95\x12\x8f\xe4\x11\xea\xfd\xb0\t\xfc\x85\xb1\xadf\xb1c\xce\xb2@?\xf2\x84\x90\x8b;\x8a\t\x15\xa5\x86\x01\xa7D\x08\xb2\'\xbc\x05\x1e\xef/"\x1c\xf6Q\xea+\xf6\x80;\xf3\xad\xdd\x8b\xb3\xb0\x12\xec\x88\x15\xc99\x07\xcd\xf1g`f\xad\xf1\xe3\x93\xb1\x96\x97t\x87?nP\x12\x1aJG\x9e\xaa\x16\xa6]\x83\'\xed\xaaLh\xf3{*1&amp;\xb8\x05\x05\x08Wa\xf8\x12\xbc\x9a\xde\\\x8e\x90|(R\xb6\x99\x99\xed\xc7\xe07jzVn\x13H8\xb1\xa2\x17\x89\xe6\xb9\xe5\x96\x9ba\xe9\x8d\xf83$z\x86\x98\x8f\x0bO\x8e\x87\xf4W\x18\xa9\xba_\x8c\x1c\xb3\xcc\xf8\xc4*\x8b\xaco\x07L\x92W\t\xa9\xbe\x03X\xa3W\xce\x19\xaa\xc3V\x0b;gg\xf6$\x9b\x8d\xd0\x01\xa3\xb02\xa6\xb3\xb2M/\xd3x\x00WJ\x19|\x81L6\xe6\x8bGa\xf3Ti\xfe8},\x90\xe3,*2\x82\xa6\x93\xbfD=\x04\x00\x9e\x8a\xf1NOOW\x87u\x89\x08\x1e]\x83\xf5Yc\r\x12*B\xfd\xc4\xfdv\x8ak\xb3Z\x8f\xbbyhL+d\xeb\x08\xd99\xe12}\xad\xb9\xa2\xbdi\x92\xcd\x16\xe5b\x8b;\xc9&gt;\xd40~w\x81\xa6\xe7\xf2\x8a\xe5Q{af[\x06+i\x82vo\xa1\x9a\x16eB\xeeN\x80\xac\xdfjWak\x8e\xf5\x90\xef\xbcB\x95\xd5g\xf2\x91\xa6t\x10_\xf5\x94\x9d\x08"L\xa1\x99\xfe\xf7\xde\x12 \xf6M\xddWl\xb7R\x92jo;\xf5,nH\t\x11\xa5O\xd0\x7f%\x90\x06\xbc\x82\xd6bm3\xcdk~\x1e\xbe\xc1\x04\xfe\xfd\x01\x16\xb7\x1b\xe0\xc2QA*\xc4\x92\xf1Gl\xf8\xcf\xeb\x98\xe1q}\x8f(?vQ\xef\xf1\x14jY\xe7\x15Q\xa8\x7f\x9c\xc3U\x0b\xfc\x99\xd9\x80\xae\x97\t+\xb2\xd8\x8a\xd6\x00o\xa0\xb3Hu\x11\x90\xdc\x93d\x9b\x88\x7f.Ik%\xebk\x9c0w\xcf\x0e\xa3P\x04\xbd[\xba(\x07\x04v|n\xday\x1b\xcc\xaf\xc6\xe7\x13 \x96/\x12\xdc\xe7\tO\x98=\x06t\xe4!*^&gt;\x19\xca\xb0\xd6\x15\xbf\xce8y\x0773\x06p\xfb\x80\\\xfc\xa4f~\x92w\x87\xf5GI\x8e\xcf\xderO\xd3\x9a\xfdpa\x99\x9e\r\xb2u\xab\xa7oD\xf6\xe7H\xf8\x84\x08\x12\xda\xbfh\x13\xb6\x90\xbfX\xe8\x13\xe6\xd2(dh\xfd\xc2S\xba\x84&gt;\x18\xaf\xab^\x8e_\xb4\xfb\xccM\xd2\x13\x90\xbd\xb3&amp;&amp;\x99\xdf\x03\xbe\xfd\x9c\xe8\xa4\xa1\xb5\x1c%\xd7\xb7&gt;O_,\xa8\xda\xf6YRk\xbc\xc3D@\xed}\xc0A\x10\xd3~m\xd7\xcc\xda\x10\xac`\xc9\x19\xc8\xfe\xfe\xa7\x19\xd6c\x88\xd0y#\x10?l\xfc\xe9\x16~\xe1\x14\x19\xf9#\x8c\xe3\x7f\x9d#Y\x0b\x0b\xc8\xf4\xee\x8e\x83\xa8\x9e5\xa2\x0f\xd9\x02\xc3\x019%NYs'</t>
  </si>
  <si>
    <t>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</t>
  </si>
  <si>
    <t>b'\x97YY\xd5\xe67\xdd\xb3^+\x15LC^\x90\x19'</t>
  </si>
  <si>
    <t>ales per day, start
 queuing up the next order.
 I know that running out of stock is the worst thing that can happen
 because, as you read earlier, it happened to me. Iâ€™d like to say it only
 happened to me once, but itâ€™s happened in multiple businesses. It sneaks up
 on you.
 It was like starting over again each time we ran out of stock. We had to
 rebuild buzz, and we also lost all the momentum weâ€™d built. Iâ€™ve had
 products that ran out of inventory but got their momentum back in a couple
 days. Iâ€™ve also had products that ran out of stock and never regained that
 momentum. Itâ€™s just not a risk you want to take, so have a plan to ensure that
 you never run out of stock.
 If you do happen to blow through your inventory, itâ€™s okay to put people
 on a waiting list; you just have to perform the process again, and you have to
 communicate with your customers.
 I once bought a protein cereal that I found on Instagram. After Iâ€™d ordered
 â€”and paidâ€”they sent me an email saying it was back-ordered and would be
 delayed.
 Thatâ€™s not cool.
 If your inventory is on back order, tell your customers right on the sales
 page. This information may actually increase sales. Showing you have
 demand creates social proof, and it may even justify a price hike. If your
 customers are cool with waiting, youâ€™ll get the sale. If they donâ€™t want to
 wait, theyâ€™re still likely to pay attention when your inventory is in stock
 again. The key is to let them make their own informed choice, so your brand
 isnâ€™t tainted with the feeling of a bait-and-switch.
 Go All In on Your Customers
 Itâ€™s exciting to see sales coming in for the first time, and itâ€™s fun to start
 calculating the amount of money that you might make if you can sustain the
 growth. However, since youâ€™re in the people business now, you must avoid
 the critical mistake of thinking itâ€™s all about you.
 Yes, you created a cool product, and you worked hard for this, but now
 your product is in the hands of other people. Those early customers can
 become raving fans that give you reviews and tell their friends about you, or
 they can be the reason why your business stalls out. Once youâ€™ve got sales for
 your product, your job becomes treating those customers like gold, knowing
 that some of them are going to leave reviews.
 This is the point where I always get a million questions: How do I get
 reviews? When do I get them? How many reviews do I need?
 How many reviews do you need? Zero. Plenty of people made a ton of
 money before the days of reviews. How many do you want? Simple: as many
 as you can get.
 There are multimillion-dollar products out there with thousands of
 reviews, but there are also multimillion-dollar products with only 100
 reviews. Yes, more is technically better, but my philosophy on reviews is that
 they should confirm a purchase, not be the reason for it. Many Amazon
 sellers fall into the trap of getting more reviews than â€œthe next guy,â€ rather
 than focusing on creating great products and treating customers well.
 Reviews are important, but they are far less important than the rest of the
 formula for getting to $1 million: three to five products, twenty-five sales a
 day, at an average price point of $30. With those numbers, you donâ€™t need
 hundreds of reviews; you need just enough to get past peopleâ€™s bullshit
 detectors.
 Continually contributing to the pre-launch community you built is the
 best way to get buy-in that leads to reviews. Continue to document the
 growth of your business and the impact your business is making. Continue to
 bring in the photos that other people post of your product on social media.
 Take those and highlight them to the rest of your community. By doing this
 you continue to build up your community.
 Celebrate the reviews you do get. Take screenshots and post them on
 social media. Send unsolicited gifts to people who leave reviews. Reach out
 personally to people who talk about your business on social media. Those
 relationships will create millions of do</t>
  </si>
  <si>
    <t>b'\t\x18&gt;\xbei\x8d\x19\x08\xafL;7`Sc\xd1Qs|\x81\xa6&lt;\xdf@J\xce\xe7^]s\x94\xf9\xce\xb6S\x1d\xa6\x86W\x97\x81\xe0\xde\xdb\x0c\xe782\x9d\xb3%\x1e\xc4\t\xb1\x12\xc3*}j\x1a\xe6Dq\x1eo\x90\xed&amp;e\xd1i]\xd0*\xc9}C.\xae\x10\xa2O\xef\xe8\xd9m\xebm\xd3ty^\x11\xfc\x08\x16,\xa1\xcc\xf4\xb4U2\xeaW\x8bo@z&gt;\xf1\x05Y\x8f\x8e\xb613\xe2\xfd \x8c\x9b\x1f\xe4sS\x04b\x11&lt;i\xdc\x85Z\x08\xfb\x05\xf0\xa2&amp;\xa1\x86\xd1r\xac\xeaH\xf5\xb5\xcb\x04R\xec\xe1Y\xe7\x18\xda^R\x97]0\xd8\xdb\'*Z\xdf\x80l#\xcbF\xe9\xa1\xb3\xbb\xec\xa9*\x99Ym\xd08&gt;.\xf8\x18\xdb\xcb\xcbF\xf9\xf8\x9c\x8bW \xeeNi\x96eI\x90Cw?\xf18\xf9\xc9\x07\x8a\x90h\x9fV}O3jF\xfa\xf7O q\x14&amp;\x98\xee*/\xb4\x97\xf7\x96\x0b\x07\xff\xa7\x05\xbd\xa4\xa9\xf8\x03\xd7\xde[\x9b\xc4\xcb;`\x03\xcf(\xd4K\x97\x91\xbe\xccR\x04.\xdc&lt;0L\x87\x82\x8c%\\\xff$F\x04\xa1\xb3F\xfc\xa2\xf2\xae\x1a\xfev\xaa\xd6q&gt;\x7f\x18\xfeu\xb2\xaf\xf6\xfe\x15\xb2\xf3\x07\xc8v\xa7\xbez\xbb\x9b\xaf\x18i\x80\xed\xda\x15\xdd\xeapl\x15uj\xd2\xca\xa5\x93\xbd\xa9\x97\x800\x911\xaaY\x91\xb5\xa0\xedwE\x16\xb0\xfa\xc7\xee\x00\xa9\xb1\\\xce\xfc\xe7S\rN\xf7\x0b\xe1\xd1\xb5\x17\xda\xf2\xd1o&gt;\xffa5C\xc7\x8a\xaa\x10\xcb7\xd4\x8atj\xce\xf2\xba\xdf\xbe\xb1\x97\xf1b\xdbUN\xc4\xbd\xcdta\xca\x9b\xbds,q\x8ew\xee\x18\xe5\x83\x8e8q[t\xebw\x15\'\xd7Hm\xbcT\xe3E\xc6\x079L\x9euR\x07U\xfd\xdcP\xd3\xe3#=\xec\x1d\xfem\x85u\xbdA\xfb!\xc4\xe2\x95\x18g1\xe0k\x04{\xbbi//B\x84\xcc\xa7\xbf\x06\x14\x82i\'*4\xf4cyIc\x0e\xbb\x07\xd7\x02\xcb$E \xdd\xbc#\xa3\r\xf0\xb1\x1d:r4\xa6\xf2\xc3\x81!\xf29\xe1\xed\x8a\xdb\x12\xee\x14O\x7fZO\x14\xf9\xe1\x89\xc4\x85A{\x93O\n\xdc\x10\xc1\x15\x1cH\x83\x12\xfa#\x1e\xae\x80K\x9a\xc9%\x0cE;\xd0\x1e\xea\xe4\r\x04\x17&amp;\xe6\xf8\x00\xb2\xf1\x8ci\x98\xfd\x18\xbc:\x85\xca\xa2\xe3p\x8d~w\xeb\x83\x9b\x88\x93\xa9\x8e\xc1\xda\x1c9\xe1\xdd\xe6\xc3h\xae\x91|\x84\xe6\xfd\x98~\x11\xe2u\x9e\x19\xd3E\xaa~OK\xf4\xfdp\x1a\x90\xc7\x8079%t\xc2\xe4QY\x17\x90\xc7\x9b\x90\x92\xbe\x86\xef\x9b\xd4\xc6!\xdf\xbf\x03\xb9-\xf0\xab\x13i\x19\xea\xe16!\x91\x16Y\x0ef.\xc0\xefC%&gt;Y\x93!\xed\x17K\xf85\x84\x9d\xe7\xef\x1cld\xa3\x84\xdc\x86\xc8\xdc\xd2\x85lc\xc5\xe0u+\xdep\xa2x\xd2\x12\xf1&amp;\xb3\xb0\x1d\x1d\x9cq\xdd`f\xe0Zni3\xd6X\x96\xce\xb3i\xd2Bi\xbdH\x1eq\x1a[`\x85\x99l\xfd\x00bW\x92L\x1a\x9fK\x84\x83\xc0_|\xac\x89\xad\x06G\xe5ip\xb6\x183I\x18\xca\xfa\x03H\x9ec\xef5\x8f5\x0e{G0r\xb3!\xa4\xb0E\xa1]\xa7\x88\xd5\xf4\xea[h\x94\x9d\xdc\x11\xb5\xc45\x17\xa4\x053f!\x16\x92\xba\xe9\x0b\x18B1\x8a\x94\xd1h\xb4j\x0e\xdd\x9b\xab\xf4\x8aqBR0((\xbaU\t\xf1f\xb6\xda+\x90\xbf\xa3\x12\'\x03\xb7prAMR\xa6-\x8f\xb9\xd4\xfe\xe3Z$\x03\xc0g\x93\xce\xe7\xc3V\x94\xc8\x03\xdc\xc9\xbb\xb5\x8f\x1a\xd2\x96\x99\xce\r\x06\x8c\xac\x07\t\xf3\xe6\x0e\x96\xf9[\x88\x88T\xf2Z\x92\x88\xc7n\xdb7\xb40\xca\xcc\xdf.\xde_\xcb\xca\xa7\xac\xb1\x07uM\x1ag\xe2\x1d\xf2\x01\x01\x08UFE&lt;@\xc6\xdb0W=H\x90dm\x93\xd2\xc9\xf7\xd1C\x91\x04\x1b\xd2\xf4\xb2\x94\x04\x88d\x85\xf5\xdb\n\xb6d\xe2b\x86l\xd6\x84Ya3\xe7[Q\xb5kZ\x8a\xca\xbd\xb5\xad\xcc\x8a\xcd#cs\x16 d_\\\xe3\xd29P\xb5\xd7\xaa\x9f\x9c\xf1;\xaa\x8f\xde\xe3\xdd\xc0\xb9}\xd7a9\x93\x16\xf6\n\x13\x13\x8b\xa3\x82\xea\xa8\xcb\x8e\x87!\xd9\xa9\x92\xa2P\x1a/G\x08\x90~{n,g\xf8\x1e|\xe2\r3\xab\xe9\xd1\xee\xe2\xe0\xdb\x8bU\x16\xda\x94\xccj\xf0\x07}\x1d\x84\xa8\n\xb9\xd2*\x86\x16\x1c\x86\xd0]\xeaM\xc3\'A\x16U\x85H\xcd\xad\xe5g\xb5\xe6\xd8\x90\xf7\xc1\x05j\x8b\x86a&amp;\xbc\xdc\x03\';7\xac\xf8\x94\xc1\xfb\xcf\x01\x1b\xd7\xf5\xea\x930\xf3?\x93\xe1nT7\xe4\x1d\x99\x8c\xaeick\xa7\t\xf9\x8e\xcbI\xccw\x15t\xf3\x97S\xac\xdb!\xa0\xab\x7f\x81\xf0\x15H\x11\xe9!k\x83)\x97\xb8X!1\x8f\x15Z=\xe7\xc4\xeeIJskm\xda\x8c\xf6t\x0er\x85i\x06,H\x08|r\xda5&amp;\x0e\xa3\xcc\xb6\xec+9\x0cZ\xed}\xf7\x9f\xe8N\'\x02\tH\x05\xf3\x82\x1e&amp;\x9cj\xd0\x007\x1a)3u\x8fh\x92!nN\xe8\xab\xb2\xb7\x98\xe9#5\xbc\x14,\x97\xca\xacq\x7fp|\xaf#\\\xc4v9\xeeg\xa4"\x0c[E3\xc2\xe8\x91p\xf6\xa4t\xe5\x0f\xc6!x\x16&gt;\x97;\xef\x7f&amp;^\xd8|\x1d\x0cq\xae\x94\xd8\x07\x10\x88\xa1\xc69ET\xf9B\xdfukrO\xee\xf7a\xbdwO\xbf\x1e\x14\xd2\xa9\x02\x8bN\xd3g\x15\xdf\xe0Y&amp;c\xbb,_/\x03S\xafN\xc7&amp;Q\xf64\xea\x9e\x01\x0f\xf7\x8d~\xa6)\xe0\xb1b|A\xc2j\x19}\xf6fZ\xe39\xd8=I\x0e\xdd\x99KL$e!\x05\xf4\xc4V\x17\xa1c\xdd!9]\xc4t3\xd4\xbf\xca\xd7C\xff\x86\xb7%\xfd+#\xd6gO\x18R\x02\xdd\x95\xcdL\xcap\xd9m\x10\x96\xafB\x03\xa3\xca\xaafB\x8a\xe3\xa5\xf2b\x07\xfe\xc7\x8e&gt;\xf5\x8c\xbd\xaf\x15\xaeK\xe9.\x0f"|\xa3\x85\x93\xf5\xe2\xebR\xb1\t\xa3\xb1Ly$d\xe3\x95\x99\xd5\xbb\xd1\x06\x1b\xb3\xab\xbc\x04I\x9e\x98=\x06\xba\x16\xb8\xb2^\x82\xe9\xb0\xd4\x1eE\x98y\xa9\xec\xbb\x9d\xad\xc5(\xbb\x14$\x86\x9d \xef\xae{E\x82H\xc5GrL\xb4\x12\xae\xe0&amp;\x8es\x07\xb2M|d\xba\x9f\xd8\x90yOqg\xa3)\xff\x13\n\xe4\x93FIi\xfb\x19e\x83\xd4\xad\x88\xbe\xbc\x02\xe2S=\x00\xf0\x8b\x01\xbbp@\x13q\xef\xf3\xbb\x17\x16\x92!\x864\x00ra\x1a\x97\xb5D\xd0\xf1\x90\x86\x9e\x97\xd3\xf6K\xcb&gt;\xf8\x9f\xbf\xebD\x91\xc1\x15\x9e.*\x7f(\xe3g\xc9sj\xa1+\x1ao\xd8l\x89!w\xd5\x853\x15\xa3-\xd7\x94\xb8\xcd\xda\xce\xbe"\n\xc7\xe4\x8bx\x0c#\xb6\xc5\xcbk\xde\xe2i\xa8\x95Z\xab\xa9\xc6-\xa1A\xbf\xf5\x8b\xa8(\x85\xb1\xd42\x17\x8f\x03/\xc5E\xee$\xad\xefZ\'\xa7\xadY\x8a\n[r\'\xbf\xab`\x80.\xb3\x9c.\xe3\x10\x9d\xaa\x84w#\xfd\xb0hfs=8\x96\xf9v\x02i#\xd0\x82S\xcc\xc2\xef5\x12\x94A\x8e6\xd6\xb6E\x98\xb0\x11\xf5b\xf1\xc7\xf2\xcc@\xc9\x95hi\xcd\xb8\x0f\xd0\xa0;\x13`\x078\xab\xd8\t8\xa1\xd8ka\xebY&lt;\x91\xaaC\x9b\x81\x98:\x01\xae\x81\x9d\x02\xff`Bm\x81k\x12\xe3\x0e\xcd\xc6\xf3\x85R]\x80\xee\xc8\x82\xe1~W&amp;\x11V\xef_\xb2Ku&gt;Z\x85.\xefV\xc0+\x94op\xc0:\x04\x8d\xc7\x9e\xd4\xb21\xbc\x80\xd16\x7f\x0e"\x10G\x80.\xd0`{}v\xe6\x90\t\\\xd9\xd4;\xf3Z\xa2k\\\xce\xed\xb94\xe1\xbe\x993\x00I\xb2\xdf\xfa\x83\x8b\xe4\x8aQ\xd7\xb3\xf6\xd6\x1b}4@)U\xdds\x15K;\xa2_\xb7!\x0f\xce\xaa\xcc]\xc3E\xf4\xec.\xdb\xa4G\xd2\xe2\xcbC\xdbt\x1c\xb1\xbc:\x85\xf8\xa4@I\xe5\x98\x06\x96\xa0\x0e9\x8a\x0f\xaf\x89\xfdK\xcd\xf0i\x1a\xd4\x8a\xd2"\xba\xa9\x98\xbd\x94s\x800U\xc1\x8e\xb6\xe6N3\xda\x97\xaf&amp;\x04bS\xb3-?\xd1\xa1&gt;\n}z\xdc\xbdz&amp;\x86\x89p\xf7\xe4%\xea\xc3\xf5Au\x06=\xd6E@x\x05bX\xbbd?\xa3\xfc\xe3\xc1\xa9\x93\x042\x9e\xe7\x98 U]\xfc\xdf\x06M\xbb\xfc\x95}:\xc1 3\xd5f\xf9\xa6\x96\xcf\x19R\xb8\xfc*\x95\xed/\xf5a\xcf\xa8\x17\xd2n\x87\xbd\xc1\x84\x08|\xa3A\xb2:~\xd6\x18\xf2\\:DD[s\xd1\x9d4\xb9\x80\x9e\xce.\x94\x97\x1b\xa5\x91q\xe5\xc3\x0b?\x06*2z15\x8a\xdc\xf6N \xbft,O\x82ki\xa5\xfa.\x14\xa4\xf2q\xa8\xe9[\xe8\xa8\x05A\xbf\x85\x8f\xf7DB\xdf\xf3~\'V\xbbx\'\xa1F\xe8\xf2p\xaa\xff\r\x8f?\r.:\x05u\xa6\xd8\xce.\x1b\xe8\x0c\xef\xd8\x93Y\xf7\xf2\xac\xad\xac\xab\x0e3\xeb\xe0-c\rc\x14\x08\x96\x08\xee\xd2\xa4\xae\xb1\xfc?\xac]q\x8e\xd7#\xbd@\xb7\\\xa6)\xd7\x8c\x8b\xc0\x9eR\xf3\xdf\xf4Q6\xdd\xee~\xf3\xeeB\xf1-orf\\c\x12\x02\x11\x07\xa4\x99\xd1vy\xf3T\xd3:"?+\\\xc9\x83\xf6&gt;\xb7\xa4F\xa5\xcd%hwu\xe9\xcbo\xb2j\xd4\x84\x1f\x84\xb1Gb\x10(\x9b|\xc6\xe59\xf70\xb6\xf1g+\xccI\x0b\xaf\n\xaf\xcd\x99\xd6\x9e\r\xbc\xa1\x00}\r\xdbe\xdb\x9ac\x8e\xafk\xf2G\x94H+\x03\xd2\xc65\x9d\x17\t\xf4\xee\x8d^\xba2\xad)\x990R?\x94\xe5NOsQ\x1dX\xfa\xcc\xa8y(\x15\xfbP\xcd\xb0l\x84\xb9\xb4\x11\x05\x1e\xce\x8bGW\xb24n#\x9a:nB^\x07\xc4\xd8Y\xe4\xd89x=\xbb%\x9f`\xed9\x87\x84\n\xd5\xab\xec\r-\xbb4(\x19x\xcb\xa9\x0b\x90\x84\xcd\xbf\x7f\x02b\xeb\\Ur\xe8\xb9\xfc,\xb8\xbf\x97\x83\xd4\xbd%XY*\xd2\xecW^U&amp;Ki\xb4\x15\xac\xe3\x04\xc1zX\'\x1eE5\x17@\xfb\xfe\xc1U\x04\xc4\xaf\xc1\x9d\xfcf\x80;\xdf\x16\x1e1S\x072\xaf\xcd\\\xb0\xe7p\x80[\x0e\xebo:\x0f^\x18\x15r\x7fz\x93*\xb0\x98Ck\x8b\x98\x90\xfa\x9e+Q\xd6\x83\xb0\xde\x02Q\xfc(\x821-\xe5\xc6\xbf\x14l\xad.Fc\xbcOt=\x15#\xd85\xc5\x9d\xb0%/mf\x80:\xb3\x83\x84\xba\x18_\xd2f\xb3\xb8\xfb\xf4\\\xfen\xe4a\xecW\x99\xc5h\t\xbc\xedByO\x87\x07\xb8\x1b\xc5\xebQ\x1cHb2\x1e\xc8\x92\xd5\x0c\x15\xf4\xe9\x89o\x9f\xc2\xa3j\xdd\x9f\xe4\xb7\x84M2,\xc8\x96\xdf`\xb2\xa9T\x89\xba@{@X\x0eX\xa9\x19\'\x99\x80q\x04\xeai*A\x99\xe5\xb8\\L\xa5v\xcc\x02\xb0\x8a=\xdb5S\x10\x83\x12&lt;\xc6d\xf3Y\xf8PU\xe5`1}\x1f\xa1(\xa2x\xd9&amp;\tx\x12\xcb{\xc4?#{\xbcP;\x91;j"2\xd2\x08\x18\xd6]\xe7{g\x02\x12\xf4i\xdbM\x96WD\xb47\xf2\xa6\xcf\xe6\xb9J\x91\xeaj\xd2\xd4\xef\xb5&gt;\\W~\xf9\x8e\x8f\x89,\x1bR\xa5\xdc\xf3\x05\x93?\x9a\xe6\xe1\x9fj\x028\x06q:g\x1e\x19\xd5\xdb4n\xec\x10\xebG\xc7N\'8\xdcU\xf5\xe3\xda\x9dhj\x90\xacR\x92\xd9w~Y\xf5,yc\xd6\xb6\x1cY\xd1Rq\xc1\x17\xa3\xb1\xae\xba;\xe5\xb1N\x1e\x0c\xb5\xfcr4\xd2\xdbC\x03\x1e\xbf\rc!\x97RG\xad\x86z\xc4\xf8\xf2hTo1C\x02]\xb5\x8a$\xbeR\x9f\x00\xa0\xa5W\xe4\x90\x87\xb4{b\xefh\x11\xa9\x92\r\xc8T\x80\xea\xc8\x8b\xe4&gt;\xdc&lt;\x13?NFn\x91/\x8e\xb2{\xb1\xfbQ`\x94T\x9d\x97s\x1ehV\x8d4HO\xd4\xf0&amp;O\xbb\x1a\x86\'\xe3\xee\xa5\x99w\x99\x98\xfc"\xa5V\x81\t\xcd$,L\xd9e\xc6\\T\x88DA\x19\x98k\xff g\xa4\xd8\xa8\'\xe9 \xee\x12\xa3\xa5&lt;3\x94U\xca?\x068MN\xf6\xd8b\x7f\xb7\xc3\x1b\xb6;\xbb\xfdgCf\x18\x05I\x92qp\xdaLM\xa2s\xd5\xb3\x05\x84\x9cf\x8e\xd5\x06\xd7V\xc6e\xb2^\xf9:[\xebu\xb6l\xe3\xd4\xa9\xd8-\xe9I\'\xf6Ho%\xd4\r\x07\x10\xba\x8c\xe4+H\x86rZ\xd8\xfc\x19\xac\x1a\xbc\xe9\xa1N\x8bw~\xb5\xd3\xc9\xf8Rn\xc0\x92p;IQ\r\x84\x13&lt;\xd3.\xe8\xafm\x13\xc7v\xda\xfa|v\xa6\x95U\x8a\x04\xb1\xfa@:\x0c."\x98^\x1d\x1bd\xedQbWx\xcd\xf5;\xf3Obgj$\xea:\xe0\x8f}:\x88\x81\x0e\x08\x92\x1a\xa5\xd5\x81n\x1b[\xe5\xf2\'A\x89\xc2#\x90=\xda=\x1aP7e\xa91\xdb\xb9\xaaSR~\xa5\xbb9\xc6d(\x08&gt;\xd3\xb8\xb0w\xbc\xcb\xb0E\xee$\x9c\xe2\xeaM\xc9\x8f\x04g\xa1d\x077\xd0LLl\x03\x99\xdc\xac\xb1t\xca\x98*\x1a\xc9\xdcf$s\x96\xfa\xf3\xb35E=\xb0\xc3%\xcb\xfc\x05,%d\x01\xb7k\x8dm\xa8\x89\x9c)\xe8\x9c\x02\xea\xc5\xbdhO\xae\xd9^C\xf9\xc8Y\xdb+0\xc1\xd8\xf0\xed\x1c\xe6\xeaQ\x08\x8a\x14mK\xce\x0b\xc3h\xc7\xcb\xd7$\xd4N\x08\xe8\xcc\x83\xa2\xfe\xb5,:\xcfT\x99\xb9\x86\xa6/\x89\xb6\x15\xc3w\x8a\x9e\xb0;qnD\x84q\xcf\xaf\xba\xc2u\x990\xc4\xd4\xb7\x1e)\xd91\x1e\x8d\xfa_\x8d\x8c\'\xcf\xeb\xed:@\xd3\xe7\xb1\xe7$6@#\xbc8:\xfb\xcae\xd1\x91^8\x1d)\xc5l\xba\x1b/c\xe5j\x91\xb4\xfd\x90\\\xb6\x0fO\x04)\x9b \x87\xe2\x92A\xf6\xb2\xff\xc3\x9b\xc7\x01Y\xbbD\x91*4\xa1\n\xae6\xf6\x12\x89\xbe\xb2\x90\x03@\xf6\x17\xc6O\x89\xa3nl\xc3|v~gXq\x90\x96\x9f4up_\x1c6\xd4Y\xad\xa9-\x8c\x11\xc2iM?\x071J\xc0\x07\xc9\xaf\x80\x87h\xed\x83^\xda\x84\xe9R\xfb\xa2\xdd\xc4\xde\xc4\x1d1\x1b\x91\x9fC\xc5k\ncO\xac\x9e\xda`\x07!]\x82\x93=\xf94I\xe6\x1c\x94\xcd\xbb\xf8|\x84\x95\x98\x0f\xca\xcf\xa2\x00\xe8N\t\x86\xbb\xbc\xeb\xa4\x1db\x13\xae\x8d7\xb3\x14V1A}\xbb=\x83Z\xe0\x91\x1e\x15\x05v\x1eX\xf2*\xea\x9e4dZ\x1f~\xbds\xbc\x19\x81\x87u\xe2d\x90\x8c\xe5\xf5\xa09 \xa29\x9a*\x05,\x9eRN.\xa2\x1cn2a$\x8f6\x9fAm\xdaF\x96$\xe7(q\xec\x9f\x9at\x8e&amp;\x8a\xca\xd2\xd3V\xd3U2\x08]&lt;\xe96\'\xc9\xe7M\x1dQ\xfc\xf3\x16\xcc\xdbd\xb6\xeb\xb7\xe2\xb4\xe0\xf7~h\xba\\\x17\x98&amp;3S\x8c\rT\x18\xd1\x12\xe0\xd0J\x12\xfb\xb5\x04V\x9fs\xe5\xe8\xb4\xcf\xefr7~\x90\xfb\xc9\xab\x15\x1a\x91\xd4\x15\x08\xb2\xf4_\xfb\xde\xcd\x0ca\xed\xac\xdbS\xae\x97\x04\xbf\xf3\xd7\x1d\xb2\xd2OX\xcd*ke\xd4\xbf7\x8ei4\xf7p\x97\x9d\xf8\x1fz\x95`a\xa1\xd40\xe70\xfbP\x8d6\xd7F!.pM\x83\tLX\xa5*\xa6=&amp;\x9f\x89\xf4\xa9)\xc8\xe9P\r\x89&gt;\x8c\xe8\x961m\'\nge\x17{,\xc0\xdc\xb1\xfb\xb2/\xd1\x00h\x8b^\xdf|\xde0aA\xbb\x86\xf3\xc5.\x9d\xcb&amp;=$P\x1a5,d@\xcf\x9f\xcf\xe3\xc2W\xb7\xf3\x03j\n\x92V\x9a\xd0\xd5\xaf?"\xea6$F\xfe&amp;\xd1\x1aY\x9b3,\xb8\x90\x0c\x92\xcc/}U\x11\x9d\x17\x04\x96\xf3\xbaK\xc6\x87u\xf6n\xd6\xe6\xed\x1f*j.\xd8\xe6\xdf\xed\xec\x8a\xf5\x9c\x8bkH\xac?\x16Y\xe4\x93\x1e\x98\x82\x9bj\xd1h\xc7\xe4\x1bM\'\x8fS\xa7Y\x9cUs\xaexJ\x8f\xd9\xb1\xed\xea\xe1\xfa\xa1D\r4\xee\'kD\x94\xa89D\x98\xa6\xfe\xb7\x07\\\x07\x04\xf1\x01;\xe0\xd9\xa0\x91%]\xb1\x1d\xee\xef\x89\x94\x07\xaa\xd6\xb5x\xc9\xd2\xd3I|\xb5\xe6\xd3\xe8\xb3?=\xad\x04\x9c\xbe\xb8\xd1.\xee\xb8l\xb1}&amp;\xf6\xb7\xba\xbe\x17B\t\xea\xf3\xaao{\xb9\xf2?\xb9o\xb8\x82{ ~\xa8H_\xf4\xaa\x01=C\xec\xf9\xcb8/\x15A{\xf3\x8c{D\x1d?\xb5.)\x8c\xd9W\xf1\x1c\xf4\x9e\xc8\xa1\x98\x12\xd1\xe6\xd9)\xd5U4\xe3D\xcd\xf4\x11\xf3\xac\xfc\x8f\xec'</t>
  </si>
  <si>
    <t>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</t>
  </si>
  <si>
    <t>b'\t\x18&gt;\xbei\x8d\x19\x08\xafL;7`Sc\xd1'</t>
  </si>
  <si>
    <t>failure: Maximinus committed suicide at Tarsus in July. Peace
between Constantine and Licinius did not, however, last long. They were at war in
316â€“17, with Constantine winning a limited strategic victory to back up further
spectacular successes on the battlefield by the spring. Although Licinius retained
most of his portion of the empire, Constantine gained a solid foothold in the Balkans
as a result of the peace treaty. In 324, he exploited his advanced positions by
launching another invasion of Liciniusâ€™ territory. Heavily defeated, Licinius retreated
to Nicomedia, where he surrendered to Constantine in the autumn. Licinius was
allowed to retire to Thessalonica, where Constantine had him murdered on what may
have been bogus charges of conspiracy less than a year later.
7 Constantine
Aside from the ongoing establishment of Christianity as a favored religion in the
empire, a process which had begun with an edict of restoration issued in 313 by
Constantine and Licinius at their meeting in Milan, the most important development
170 David S. Potter
of the reign of Constantine was the foundation of a new imperial capital at the ancient
site of Byzantium. This decision, taken very shortly after the defeat of Licinius, was
one feature of a period of intense activity that included the integration of Liciniusâ€™
government within the structure of Constantineâ€™s (the process is partially reflected in
a series of legal texts) that may be seen as paralleling Constantineâ€™s effort to integrate
the eastern and western churches.
Constantine had reason to be worried about the unity of the church, and his first
effort at resolving controversy within the church â€“ connected with a serious division
in the North African provinces â€“ had not been a success (Elton, this volume).
Nevertheless, he still seems to have believed that his preferred method of dealing
with controversy through church councils was the right one (Drake 2000: 225â€“7).
When one faction, taking its name from the schismatic bishop Donatus of Carthage,
refused to accede to the orders of repeated councils, Constantine had briefly issued a
persecution edict. He soon thought better of it, and abandoned direct intervention in
North African affairs. In the east, he soon learned that there was a serious dispute
about the nature of the Trinity. The essence of the dispute was whether the Son was a
creation of the Father or not. The view that the Son was in some way subordinate
seems to have been the majority view, and even seems to have been in accord with
Constantineâ€™s own thinking prior to the council that he summoned at Nicaea in 325.
There, for reasons that will ever remain obscure, he brokered a deal by which the
council agreed to a formulation, the famous Nicene Creed, which declared the
equality of Father and Son (Kelly 1977: 231â€“7). Since Constantine seems at this
point to have viewed the Christian God as a sort of divine equivalent of the Roman
emperor, it is a remarkable development, and one at odds with the subordinationist
theology he had previously espoused when he had claimed that Licinius was a
disobedient junior Augustus who deserved to be chastised (Corcoran 1993: 99).
In some sense Constantineâ€™s change of heart may best be explained by the arrangements that he appears to have set in motion with respect to the succession, for he
would place all the Caesars on an equal level with each other. Collegial government
on earth was perhaps easier to envision if there was also to be collegial government in
heaven.
The foundation of Constantinople, and the shift of the center of power from west to
east, was complicated, and perhaps enhanced, by a domestic tragedy. In 326, Constantine suddenly ordered the execution of his eldest son, Crispus, who had been based
at Trier for most of</t>
  </si>
  <si>
    <t>b'Z&amp;\x00\xaa_s7{v\x9f\xb7\x15\xff\x0b\x12%pq\x99\xf03\xfe^n\xf0\x159\x08\xb1cj\xa7\xfc\xe4\xa0\xd3\xb7\n\x1b\xcc\x04\xda\xca\x96e\x13\xe0dh\xe5$\x12\x99\xb5\xee\xa3qMF\x9e\xcaR\x84\x19\x1a\xac\x8eu/\xd4\xca\x02Z\xcc\xa1v\xe7\x1f\'\n\xd2\xf9\xfc\'^7v]\xfc\xcaLK\xf7\x95\xb4\x80\xa52Z\x84/\x87K\x8emH\xbd\xf8\xc4\xa0]\x1f\xf9Y\xdfUI\xad]\x83R\xd8&gt;\x0e\xe1\x19\x17\xb7a\xd7\xf7\xc0\xec\x13\xa9+\xf7\xe1\xda\x13f\x0ee\x94~\xbai\xf9\x02\xab\x92#aEB\xa4Q3\x14\x81q\xd5\x02\xc5x\xc5~\x96N\x87\x8blN2\x17;\xf2V\xc6K\x85\x11F\xca\x90\x80-\xe6l\xf6(u\r2\xac0dB\xa74c\x8e@\x11\x1d\x80\xa18\xb8\x81\x81\xf7m\x02u\x15Q]v\xc8\x8bk\xf7\xb7\xd3\xcf\xcd\x9awT\xbe#\x04\x9b\x92\x08&amp;\x89C\xfb\'\xbdDc3\x91\xad^\x07\x0c\x0e\xa8\xab\x8f\x99XL\x9d\xc2\x9d\x7f\x9e\xa0\xc0WuU\xd7I2\xb1Q\x15\x12\xa4?\'}Dt\xf8\x08M0\x91\xc0\xa6a\xaf\r\xc42TV\xf5\x9c\x94\xd2\xca\x9by\x83\xe7\xb0\xc1K4\xbe\rz\x885\xfc.-\x01\xfa\xb3\x84\xa9\x9a\xcex\xfbA\xe4\xa3\xb4\x95\x04\xdd\xc9\xb4=:\xaf\xbf\xa2\x1b\xc4\xb3\x8c\xa83\x83\x97\xbe\xd5J*\xb5\xd3\xb4]xY\xce\xd7\x96\xe6SC\x11\x1bit\x96\xd1\xab,z\x90!B\x93\xbem\\\x84(v\x18gb\x84\xcc\xa3\xb6\xb7}\xedZ\xbe\xc3\x1dmn\xb71ws\xb4;o\xa7\xff\xa9\xf5\xe9\x19\'G\xa4\x00\x14\xbc\x1f\xba\x8c\xb6BX\xdb\xe7\x9e\x0c\xb8\xd7\xfb\xaf\x91\xb89\x964\xeai\xd2\xb3\xd5\xbf\x12\\Pf\x9a\x80\x99\xe9\x05JFAm\x02\x9a\xeb\x16\x80\xda8\xec\x11\xf3a\xae\x9aY\x06?\x9d\xd8\xe7\xd4\xa2\t\xfc2\xff\xa02\xb7\xb3\xcfE\xb7\xe5/\x1f\xc8\xa7\xce\xfb\xe4\xcf2\xe1\x01\xd9#w\xa3v\xb1\xab\x1f\xfe{j\x8ag\xad\x9d\xe6\xba\t\x19\xbb\xa5\xba\xa4\xe0\xa9\xe2\x8d\t\xb3\xa5\x13\xcf^\xcd\x0co^\xf9\x02@\x10\x05H\xe6\xd7\x12k\x9dW\xacA\xe60u\xe6\xb0\xa3H\x10c&lt;\x87\xc9\x9d.\x8f*\x81\x1f\x08\xb86\xe1\xfe\'\x17?Zi\x91e\xec\x07\xe3\xfc\xf7O\xa1\x17]\xa3i\xbb\xa9x\xd5%3\xa4\x10\x843\x8d\x1f\xcbsg["\xbc\xcfea\xaa\xe2\xe9\xb4\xd4\xd8\x03\x12\xf3y\xce\x87q\xde&gt;$\x98\x80\xf6Zb\xfaT7J\xb5\xc1\xe7m\x83\xbd\xcb\xb3\xf8w\x93\x03\x98\x8d\xfa\x01\xc0\xde:\xce:\x0e\xba\xfd\x19x?\x82"\xe3\x0f\xf9R\xf9\xb3@\xa0\xde\xea\xab;f\xb5R\xf0\xb8\x906\xd16\xe3S=\x82\xa4\xbf78\xed\xfa1\xd5Oo\xba\x06\xce\xa4\x98\xad-\x0b6BF\xec\x9b9KQ\xe1h\x19^P"\x86*4\xb99b\x15\x0c\x88\x19\xd8\x81\x8a\xdfI\xa2\x8d\xaf\x88QF\xcd{\xb5\x13[K\x89\n\x8d\xeb^;\xda\'\x90?\xeb@iLSY\x0e\x8c\x91\xf4\xd5\xbf\xfe\xecysmJ\x84N\xac\xe2\x16%\xc0\xc7|\xe9\x95\x14&gt;\x16_NG\xaa\xe4\xb7$\x9f\xe55\x87bV"\x98\x9d\x08\x95_\xb0\xe5q4[\xdd1A\xfcO\xcd\x05\xd2\xd9\xb4\xde&amp;\xeb\xce4Y\xc6\x89\xe0\xc8G@\xf0&amp;w\xd9\xda\x9dS\xf9\r~MO\xc9\xcc\xae\xd4\xbf\x9a\x83\xafh\x03}/\x97,\xafw\xde\xd3Y3\x81\x85\x1e\xb4\x0bp\x1f\xb4\x9d\xbcS\x0c\x1a\x81\xa5\x9cF\xf3\xb9\xb9\x98\x08\xb0W\xb4\xcf\xe4\x9db\xf6\x15$\xfb\x81c\r12\x1630\x14|l\xe6x\x93\xfd\xea\xe9`Yu\xc7\xde\xf0l\xaa}T`L.\xb5~\xe4\xd3\x85\xc3\x0f\xe5Y\xe1q\xff\xaa?\xbdnoz\x84\xd26\xf7\x02\xfd\x96\xbb\xdb\x98\xa4\x93\x01\xce\x80\x98\x95\xc3\xa9\xcd$\xf5\xcc\xc6\xaa~&gt;\x06O\xfd\xf0\x1b\xda\xbf/\xcc\x93\xa8Z\xc4?\xa2\x19\x94~G\xd2\x15\xa9C\xbe\x1f\xdb\'\xd0\x83|/\xca\xee\xc48C\xaf\x91\xa1\xc35\x9eO\x12\xa2\xcb\x8f\xbf\x92\x1bc{\xe8\xcc\xc2\xd6\x93\xbc|\x8e \x89\xd4\xcdq\xdc\n\x04\x08dH\x05\x11o\xc5AN\x06\xc0\xae%[\xbe\xef/?\x1c\'\xb8\x95v\x1a\xb8z\xb6T+\xed\x0b f\r\xd660zZ\xb3\xe1i\xb0.\rD\xb2\x08\x85\x0f\xf8\xcb\x8cR\xc6\x85\n\xa60\xf6\x176\xe5\xba\x07A\x03\xfaC\xf4\xfb\xd5G\xb1pV\xf7&lt;e\xbc\x99\xc5\x15OP\xfb\x03\x897&gt;\xbb\x8d\x02is\x87\xebf\xcb\xd4\xbe\xe3g\x15\xa9\xd8\xc2\xfez\xce$\xe5[l\xa9\x9d{R\xb2l\xc8S\xa6\xc4\xa8\tp:\xe2T\xe5s\xd4?D\x18!\xb3\x91\xd8\xed\xa3\xff\xb8\x84\xb1\xcc\x02\xa9\x8c\x0ck\xe8Z\xb8|\xb5\xcc\x1dY\xbd4\x89\xb1U\x02\x02(\x084\xd3\x18 \xc0kX&gt;\x9e\xed$\x01e\x14QvJ\xdfI^d^\x07d\xf6\xd6\x8d\x80\xb6\xc6\xdb\xe2\xdct\xeb@\x1cS~f\xcef\x80\xf2\x1av\x1c\xb4\xed8?\xd5\x04G$\xd0\xdd\x1cZ\xb7@\xbb\x80\x0e\x8c\'\xd7g\x92\xb3&amp;x\x9f\xc9\xfa\x81\xff\x93\x84\xaf\x84#\xd4V_\xa7\x16\x89kp\xcf\xe3C\xaa\x7f\xee\x98o\x15\xb5\xed\x93\x03\xb54\xff\x1a\xbe*K\xae\'oF\x92\xa0T\xa6\x84\xc1\xda\x9btM\x17\xdc\x1a\x977\x8b\xf5\xae\xcf\xa7U\xf8\x862SLp\xbc\x1c\xd0\x89\xfdh\x9f\x8d\x9ds\xfd\x19cK\x08\x0c\x18\xa2\xe7\r\xfa\xff\xa0\xa3\xdd\xad\x80vuk\xc2\x9e@\xf1\xf4\xe4\x88f\xba\x15\xcc\t\xc3\xf6{&gt;k\xe9\x19\xe1\x8d}\x94\x8e\xea\xe0\'\xae\xb2\xf4Yw\x89!/\xe2\xd3:\xecT87MEvw\xb20\x14\n\x80\xfa\x01\xae\xfe\x8a\x07\xc8-\xee\x9eN\xe4\x19E\x96;D\xe2/\x9b\xb3\xfa\x10Jr\x9c`X\x13\xefu\tf\x03\x1c\x8fK\xaeD\xd9\xe6\x1b\x95\xf7d\xb7\x82@\x07\\\xd0\xfe\x97\xa3b\xc4\x0c\xd2\xed\xe9\x1a.\xca\x18s\x90\x04K\xfej|\xab=\xb7\x03\xae{\xbd6\x14\xc8e\xfe\xe4\x8b%\x1ea\x01j\x8c\x8b\x866H6\xb7\xd81&gt;\xb7yB\xac\xb1z\xab\xda\x1c\x00*\x1eg\xff&amp;:+\xab\xd5\x16\x97~\xf2daP\xa1\xbc\xd6p\r\xc1\xfd/e\x8aA\x9048\x93&gt;\x8e[\xf0Y\xb1c\xc5\x98:3W\x1ex\x04\x9c\x83\x13YY\xdc\xd5\x1b\xd4G3\x92\x03qy\xa9a\x85\xc9\x1a\x08)\x9c\xf6\x84Z0\xb3F\xc4.\x04z\xc2\x93\x18\x05\x97\x1f\xca\xe8\xee\x92\xd0J{\xe9\x99\x90\xd4{?x9\xd6R|x\xb4;\xf0*\xd4{i\xca\x1a8\xc8\xa2\x0ch&gt;\x81\xe3\xe2\x8b\xfd\xe9-km\x95\x15\xcan&amp;\x83\xa2\xcd\xc8&amp;\xfe\xe5km\xe31"\x15\xdf\xda\x98\xae\xb6\xeb\xef\\\xdd&amp;\xfe\x99\xaa\xf3\x90\x83P\x15\x8f\xc3!\xaa;\xd7\x1b+0\xc79rfV\x01\xfaK\xfcY\x02\x12\xc5\x8b3~\x98\xa8/Q&amp;\xf4Z\xe2\x1ec(t\x9bi\xfe\x16\xdc\xcb\xd3\xe4\xffx\xed\x92\xf6j\xc6,=\x0b+,E\x1c!?\xd12\xf7\xdd\xe2?5P\x984!),g;\x07\xcbR&lt;o#O\x8d&amp;\x1af_\xe8s\x80w\xa6\xe2-B\xbb\x01\x9f2\x85\x10\x07\xbb\xd5\xaf\xaa\x19\xd2\x8b\xd84Y\xb4\x16\x02J2\xe2\x8b\x7f\xaa\xdb\xb4=+\xe3\'"&amp;6\xce\xd3\x98\x91\x0f-\xfb#_d\xa2\xb4\xa9\xc6\xb8\xa5\x02\xd0\xdf\x01\xc3B\xc9\xbd\xfd\x92{&amp;*\xbf\xa5n\xaa\xc2\xa6\x8dt\xf7\x11\xea\xe4,D\x8e\x90\xb1@\xefR\xaa\xfab\xbf\x88\xdf\x80\rG\xbf\x96&gt;\xa4\xc6\x0e#n\xf9\xa8\xe8\x1f\xbal\xe8`\n\r\x0cU\xbb\xba\x9cHaf\xc4)\x11%\x07o8y\n-\xaf\x162\x86M\xd7j\xe0\x00\xe6\xd1S\x11\x86\x83\xe2\xbeL\x06\xf7\xba-UO(\xa3\xf4\xd4\x9a\xb1\x12&amp;\xf9\xef\xd5\x94\x06YD\x95\x19!q\xe4-\xf1p\xed\xe6-\x9c\x80-EP\x8b\x12\xc7\xb9\x1af\x1f\xfeg\xde\xd7\x0bnS\xa5nvW\x02\x92\xa01\xbc\x7f\xb4\x08\x1a\xbeTq\xd5]\xfcP\xf6s\x16\x9d\xe1Yu] \x90 \xb9\x1c&gt;\xdb\x7f \xbe4e\xa93z\xc6\xc9\xd95vK\xa7\xb0\xaf\xbd\x7f\xf7\xc2\x0b\xffq&gt;\x9bp\xc5b\x01*U\xb1\xdb1\xc7\x81\xb5\xb5g\x91\xf3\x0fI\xc8\xce\xff_\xa1\x8f\xb6\x98&amp;I\xc9\xb2\xba,6T\xfa\xa6\xec\xf9\x0cuG+&gt;$Q\xcf\xc6\x80\xea\x0f\xe8\xe1\x83\x1et\xf2\xbb\x17\x1eO\xd3\x85*\xebs\xdbJ\x9f\xdc\x81\xe1\xe5\xf6\x94z\x074\x08\xbf\xac\xbf\xff\xa2L\x00\xf7\xc0`\x08y\xe5\xd7\xd4{\x8c"^j~&gt; \x95\x89\xd43\xf6\x9e\xc3\x97\x0c\xc3\xd5\x0e\xd7\x04\xa0F\x18\x82&amp;m\x91\x1a\x12\x16\xce]\x14\x18F\xaf}\xe9Q\xccp\x93\x957\xb2\xc0K\xd2\xbc\xda\x87\xbe\x1e1+)?\xc8B\xbc\xadS\xd5J\x13\xc5\xf5\x90\xe4\x1cw\x17\xf0\xf10^%H\xfa\x91V\xde/$\x02u\xa9\x85\xa9\x0e\x1f\xadD\x9fE*\xad6\x9dB\x1e\x87\xba\xaf=S+0^U\x1e\xce\xf6\x90+\xf8*\x04Rn\xd6\xa9D!\xbb\x0b\x80$\xd9_\xa4\xcfBc#\x84\xfb\xcd\xa4M\x80\x84#\x16\x18{vi\xd1\xe8\x9fM\x82\xe8\xf4:\xfa\x0b\xdb\x12\xcb\x19F\xe8\xbbb\x01f\xdf\t\xc0h\x08\x1c\xa1\xbb\x88\xdd\xa4\xb6\x99\x13t\x9czD\xb1V\xcf{\x08\x05\xa2\xc3_\xdf\xdf\x04O\xb8\x8d\xc2\xbeu\x99nY:J\x0b\xc3\x00\x96\x0e\xf8\xcd\\\xc3\xf0\xc2\xeam\'\x1c\xf1^y\xe5\xd6"\x03\x8e\xc5Ea\x85\x83\x16pm\xcc\x9a\xbf\xb3\xe4\xd0\x13\r\xc3i2N+\xea\x1e\xfa\x92\x97\xbbn\x8f(\xc4)\x01|\xdd\x18(V\\\t=K\x13;\xcfU6\xb17\x1e\xac,\xbaz\x0b+&amp;\xad&lt;\x17\x84W\xc7\xb4A20&gt;_@U\x89JF%)\xc2\xac\x17\xb7k.\x7ffZP\x960\x02;2_\xd1\\\xbd\xb8\xea\xa7\x91\x08\xb6\x11C8mx\xd3\xd3\xe4~\xc2\x1a\xe7\xdd\xf5\xf0t\xad\xbb\x04}\x06\x13\xeb2\xb8\xc9=\xc7nP\x9b\x98\xed[\x04\xbd\xbd\xf2\xf2\xf3\x006\xc1M\x1c\xcb\xbcq\xc3G\xe4\xb1\xefr\x87\x1dS]|\x16\x93Z5F\x8b\x1e\x1b)\xec@\xfe\r)\x1a\xd4\xc4\xee\xd4\xbc`\x9e\xda;\xac\xd2\xf6\xb4\n\x01\xc74\xc7\x11\x0f\xd0\xc28\xd3\xa3\xf4\x8c\xbb6\x0e\x0f\x0c\x90\x8f&lt;#\xbb\xc1\x80\x10*\x1b9\x7fa\xb1\xeaU\xb6\x0cY#E*W\x9bJ\xcc\xd7\x80\x99\x97&gt;\x97-\xeb\x19\x82\xa8\x8cj\xc4u\xe8w\x16\x1c\xbe\x99"ve\xdb\xcb\xf4\x17\x8bg\xc0\x13O\xdf\xf4\x8b\xb5\x14\xe8w\x0b\xa4\'\x166\x1b\x90}\xa8\x10\xe5\xaf\x18\xf4x\x9c\xb8\xb8\x8e\x16!!b\x13\x8f\x16\x9b:\xf6\xfc,\x8f\x19xL\x1c\xed\xfcU\x18\x87\xf0\xa5\x1f=t\x02\xdf\xc7\x05\xf8sPk\x1d\xc8\xd4\xc9NX\xc3\x98\xa6\xad~\xdf/\xf2\x95\xe3\xd4\x11\xa9\xb4\x1a\xb3\xae\xfd,\xb5\x7f\xd3\xe3\xfe\x85w4\xb0\x03\xff\x1bf\xa8Y\xde[Y_\x97/\xd1&amp;n\x93\xff\xfe\xb1\xe0\xdan~F\xec\xb5^\x8a\x1f\xb4\xb9\xed\xb41_\x9a\xc3e\x9a\xe8\xef\x19\xd8\xbb\xf9L\xa5M\x15\xbe9C\x052\xf3\x93\x19e]\x87\x89\xb8\xeem\x99xx)\xd4\x18K\xbb\x11^\xee\x7fq\xe5\xf7 \xf3X\xff\x98\x06h6&gt;\xf0\xe1hK\xfe\x87\xef\x93\xb0\x0bi{\xa3)%\xda\x1a\xd5\xbc\xb7\xb0\x05\xb3\xf9\x1d2{v\xe0(z~*G\xc2\xc6\x96/#!\x95[tW\x97\x0e\xd3W)\x9a\'`\xb2\xd3\xbc\xec\x95\x1a\x9b\xd15\x8d\xf7d\x06\xaa\xca\xde\xbdoJ\xbf!\xb5\xc8\xcdm\x04\xa0\x17{cc@b&amp;\xb18\n\xca1\x13 \xb4&amp;\x98F~\x98\xfex\xfa\xb9*\x8f\x9c\x8c\x91\xc7\xb9\xf8\x88!\xc0\x08d\r\xa6"\xfc=iTeXO\x8e\xc0\xfdp\xb1[\x03\xc40\xf5e\xb5\n\xd1\xbdQ\xe8E\x9a\xc3\xfa\xd7\x11\x8b\x0f\x1c\x9eI\x19\xa9\xf6\xc2`#\xc5ty&amp; *2(\xce\xb5\xba\xbe`_\xe2\xf2\xca2\xb3\xfd \x9a\x0e\t)r\xe1^\x92\x8a^\xb6A\xc5s\xb6G\x01I\x8e\\\x10?\xbf\x18\xb2\x10\x80\xa7\xa6h\x06\xd4\xe6F\xb7\xe5\xe8\xae\xb7\x14\x15\x87\x13\xfe\xe9\xa1\x98\x8fsVK&amp;c\xdf\x11\xc7\xcb\xab\\\xfaS\x0ba\xb0%&lt;\xf4\\\xf8\x0eiAG\xae\xe6/m\xcb\xa5?\xb8\xd5\x04\xa9\x1cO\x95\x7fo\x89\xebZ\xa4\x98\xc4KB\x88\xa5\xf9\x8f\xf0\xa4\xc1\x1a\xc7\xe30RE\te$=$S\xff\x17\xdau\x81\xe3\x8f\x14;\xac\xaa\xe7X\x87\x9f\xe56\xf5\x18A\x8f`&lt;\x0bnl\xde\x9dc\x04\xb0$\xfca\xa4]\xe8A\xaa\x0cO\x03\x91vc\xf2\x10\x14g\x13OtG\xa1\xbd\x13\t\x84\x02\x16c^d\xc9\xbe\xd7\xee\x98\x9f%\xf0w\xfd\xd6u\x01\x9c\x9f\x93\xcb\xcc\x02Fq\xfa\xbb\x9c\xdc\x8d\xa8\xed\xad\xf8\xc6\xf8\r\xf5\xd4\xf7V\xd4\xf9\xc5\x1bQ\x96,\x8e[\x81i\xbcv\xeb!Z\xa9\x10*\x9c\x02\x08\xf4&gt;\xa5\x89\xe9\xc1\xdb\xe26\xab\x0b\x17\xbc#\xf2&lt;s\x8c\xb5U\xf6H\tJ\x88S\x88\x8a5\'\xf9\x88\xa5\x95\xf5\xfe),A\xe8NK-)\xbeRd\x9b\xd8\x96\xeb\xe8\xbc\xcc\ro\x1f\xe8\xb6p\x19\xdf\xb2hQ\x8fd\xbf\xb9\xd5\x1d\xcas7\xd6\x1c\xed\x1c\x80a\xb4\x93F\x13\xf3\x14\xc7\xd1\x1c\xe1VM\x89\x00\xf8l\x17\xbe&lt;|d\xa8{\x8d\rp\x96\xff\xf0j\xf3\xcb\xa3fz\xff\x1f\xa4w\xcf\xb13t:\xc2|/Q\x04\xe07g$\xf6\xdc\x18\xac\xb4wUd\x1bx\'\x9eb\x02\xd3EJK\xbe\xd5\x06\xc5\x98\xb6\xc3\x9cYI%\xae\x96\x97\x1a\x08^\x11\xa2\xae@\xa4Ev\x8bY\xa8R\xa5\x18\xd2\xfd\xc3\xac\x90\xe2\xc3\x89\xd5\xc8\xde\xbd\xefa)xbh9\xb6\x1d\xc8JgL\xae\x92\xb6\xc1\xe8q\'\xfc\x90\x9f\xe7f\xfbgd\xf7`\x8a\x98*\xe9H\xdca\xe6e\x17a 4_\x0ftJ\xfasm\xbb;;|\x10/5\xe0\x01\xf7\x82\xdc\x8a\xa4\x9f\xac\x97u\xd5\x14q\xe0$z\xe1\xda}\x9f\xb5{\xde\x8b\xe6aMA\x04\xc6\xcf\'\xbaK[\x80\xc8\xd1\xf8\xeb9\xf2\xd5\xb2`\x9a\xf9B\x8d\x81\xab\xab\xe3nd\xb0b\xdc$\x0f\xf9\x9d%\xc1\xc0d\xff\x92\xach9\x91\xcc1\x9d\xba$\x8c\xf6\xb2j!\xc6pgSx\xe2\x05\xbd\x03P\xbf\xa9Me\xe2W\xc2\xd0M\xd6iQp\xbb\xde8r\xad\xdf\xe2\xe0\x0c\xdc^n4l\xf5\xc0\xad\xf2v\xacSL\x1a\xa1\xdc\x84F\x96\xef\xd5\xf7\xa3\x91cy\xf2U\xb5A7\x03\x10\xabrn\x98U\x8e\x11\x16K*\x12\xfb\xe5\xa9\x8b\xab\x0f:p\xda\x81l\x84P\xc8\xad\x12\xd3\x16\x89\x8dCD\xc4\xf5V\r:Fx\xbd\xb5\x81\xdb@Q\xe9\x8b\xadX\xa2m\xf2#\x82\xca{pU\xae\x9c\xd0%+\x8ad/4\x9c\xbc\xa9Z\xf4\xd5\x99\xc3\xfa\xc6\xa2\x0cf\xc04\xfe\x86$\xf7v}\xdf\xf7\xcd\x04:d\xfb\x12\x9a\x81c=\x06\xe3/?\xd4\x06\xab\x84ylFo\xf9\xbfT\xeb\xd8\xea8\xdeV\xcc\xab\xd4\xf0\x88\xaa\x16\xd8-\xc1f\xc2\xf4\xed\x97\xd4\xf5~y\x00\x13\x12\xc8\xce\x0f\xa1\\\x17\xe6xZ\x83\xc8\x0em\x81T\xabe]u%\x805\xbb\x08\x84Y\x19\xe2]\x86=\xc1\xbc\xa8\xe3\x9b\xae\xecoU\xb3I9'</t>
  </si>
  <si>
    <t>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</t>
  </si>
  <si>
    <t>b'Z&amp;\x00\xaa_s7{v\x9f\xb7\x15\xff\x0b\x12%'</t>
  </si>
  <si>
    <t>e to the Colpitts oscillator.
 13.3.3 Colpitts Oscillator
 The Colpitts topology employs only one transistor and finds wide application in discrete
 design. This is because (high-frequency) discrete transistors are more expensive than pas_x0002_sive discrete devices. (In integrated circuits, on the other hand, transistors are the least
 expensive because they occupy the smallest area.) Since bipolar transistors are much more
 common in discrete design than are MOSFETs, we analyze a bipolar Colpitts oscillator
 here.
 How can we construct an oscillator using only one transistor? We observed in Figs.
 13.6(a) and 13.17(a) that a common-source (or common-emitter) stage cannot serve
 this purpose. But how about a common-gate (or common-base) stage? Depicted in
 Fig. 13.21(a), the Colpitts oscillator resembles a common-base topology whose output
 (the collector voltage) is fed back to its input (the emitter node). Current source I1 defines
 the bias current of Q1, and Vb ensures Q1 is in the forward active region. As with the
 cross-coupled oscillator, resistor Rp models the loss of the inductor. This resistor can also</t>
  </si>
  <si>
    <t>b'i\x06|\x07\xa6\xdakZ\xd3\x17\x10\xe1a\xb2\x8bm'</t>
  </si>
  <si>
    <t>69067c07a6da6b5ad31710e161b28b6d</t>
  </si>
  <si>
    <t>e establishment of a corn dole in 332 and the early existence of a praetor
(Chron. Pasch. s.a. 332).
Constantinople also benefited from its imperial foundation by plundering other
cities for suitable decoration. Churches were built there rapidly, but existing temples
were left intact. It was impossible within Roman minds, pagan or Christian, to
separate religion and the state. Peace on earth and even the harvest depended on
treating the god or gods correctly. As Maximinus wrote in 312, â€˜â€˜who can be so
senseless or bereft of all intelligence as not to perceive that it is by the benevolent care
of the gods that the earth does not refuse the seeds committed to itâ€™â€™ (Euseb. Eccl.
Hist. 9.7â€“8). Failure to do this had negative consequences. The emperor was the
chief priest of Rome, the Pontifex Maximus, a post held by both Augusti under the
tetrarchy (ILS 639). The Diocletianic persecutions of 303 began because sacrifices
were turning out poorly on account of Christians being present. From 305, the civil
wars following Diocletianâ€™s retirement meant that imperial treatment of Christianity
became politicized. Romans wanted to know whether the continuing problems were
the result of allowing Christians freedom or because freedom had been denied to
them. Galeriusâ€™ persecutions meant that support of Christianity could bring political
benefits to his rivals. In the west, Constantine was tolerant from 306 and Maxentius
did not persecute and even returned some property to Christians. In the east, Galerius
cancelled his persecution in 311, in part due to a painful disease which he attributed
to the Christian god. Maximinus, however, continued the persecution, and cities
under his control, including Nicomedia and Antioch, banned Christians from meeting in their territory. This persecution was relaxed in winter 312, then cancelled in
spring 313 immediately before his defeat (Mitchell 1988). Thus Liciniusâ€™ and Constantineâ€™s toleration from June 313 (proclaimed in the Edict of Milan) was a late
development. Its motivation too was typical, in that Licinius and Constantine
explained that, having â€˜â€˜discussed everything relevant to the public advantage and
safety, we considered that, among those things which we saw would be relevant to
many people, priority should be given to setting in order those matters involving
reverence for the divinity, in order that we might give both to Christians and to
everyone the freedom to follow whatever religion they wish, so that whatever divinity
resides in the heavens might be well-disposed and favorable towards us and all who
have been placed under our authorityâ€™â€™ (Lact. DMP 48.2). The same issue of concern
for imperial unity can be seen in Constantineâ€™s handling of</t>
  </si>
  <si>
    <t>b'e[\x99\x19"\xbd\xc8n\xaa\x9d\xbcv\x91\x84\xf6\x8e\xa3\x8c\xc7K\x9a\xb3\x13\xfdWr\x19\x99/\xd6V\xa5\x03\xe6*X\xdb\xd4U\xc9\x83\x95\xe8\xf6\\\xb5a\x9a\xd3\x1f\xfe\xf4\x08s\x19\xd9\xcd\xcc\xd5\xa4@h9\xf5\xdd\x08\xe0t\xe5(qt\xdd\xac\xd0\x96\n\xb4E,Q/\xf8\x0e\x16\x8eW.\xd2|{T\xbc\xbdX+\xc4\xf2\xfa\xa5x\x8e\x9bg\xeb\xbf\x13\xac\x08\xe3j\xb1Y\xbd\x14\xe4\x0c__C\xb1i\xcf\xf725\xf9]=\xfe\x7f\x0fP\xd0\xa5\x08\xeb\xb3V\x96\xf4I[cf\xb9\xba\x9a\x96\x8d\xc8}\xf6\x89l\x0cf\xf3\x7f$\x1a?\xbc&amp;`y(\x15\x0f\xe6\xbcS\xdc\xe5\x04\xff\xdf\xd7\x1e\x8b\x87\xfe\xcd\xdb\x95\x8f!v^)i\xc0S\x8d\xd8;a\xc2o)\xf1\xda\xe6\xbd\x7f-c\xfc\xf85\x81&amp;\xdfUc\x8d\xe0\xcb\xef\xebY\xc3(3\xa8\xbf@U!\xfd\x84pg4\xaf\xee\xfe\x99*F\xabq\xb9\xa8)\xdf#\x93\xdc24\x0f\xf6\xfe\x89\x8d\xfa\xaf\xbc\x98g\x90\x1e\xedE\x96\xe4\x96y\xb2C\x88\xa7\xde\x9bp\x90\x8e{\xd7Np\xd6\x90\xb7\x8e\xf0\x02\xee\x82-\xc7Na\xe4J\xbe\xc0\xd4\t\xadOg\x03D\xa2CD\xe7\x1bq\xd2\xb8\x1e&gt;\xe5\xcd\x17\xd2\x0b(\xc7\xdeW\xe4D\x00y\xf2\x08^\xa1y\xfcPE\xcf\x95:\xc6\x10\x00\xb6\x17\xd2\x0f\x03\xbc\xf5F\t\xa5Ko&amp;\xfb5\x8f;D\xe0\xa4\x16\xa33\x1d/\x938\xfb\xd0\xbc\xf7(\xd3\x88\x01#\xce\x8b\xfd\x9f\x02\x9c_[\xc9\x82u\x8c\xd9\xa7\xb8S\x9d\x0b\xdb[j\x8aa\xb78f\xdb\xbc9\xb1_\x8e6\xaf\xea\xdd\tw\x13do:?h\xee/\xb6-\x0b\xc5t&lt;&gt;\x10\x84\xb0\xd7mE\xcd8\xd0Hi\x0ci\xe1.\xbc\xd4\xb7\xca\xee\xc3\x85\xb277\xc9\x11\x93=\x90K\xf0\xaae\xdfDR\x93\x8dF\x81B\xf0\xd3\xee\xd0\x8e\xf5\xdcK\xaf@C\xce\xb4\x81t\xfcA\xf5\x12$\x0e\xeek\xb5,"\xfd\xf3\x15\x07&amp;\x18\x97\x16f9z\xf2j\x99\xb3\x01\xd0`\xe6\xedf\xee\x90\xef\x85\xe9\x03X\xcf\xf2q!\x8b\xb5\xb9\xc0{\xd7\xc5\xbf\x1bL\xa8\xa3\x85n8\xe8\x08\xf0\x055\xb4n-\xf4m\x16\xed\xf49\xa9\xfa\x06N\xfbI[q\x12\x85qw\xb3\x17\xef\xfb\xca@`\xd5\xc3mai\xca\xeb\xab\xab\xbb\xf0O\xe1\x08\xc5\x89"\xe3P\x12\xd3\x98DeB(3t\xd7\xc4wvQ\xd9\x1c\xcd\xfc\xaa\xbb$\xf84\xf3\xb5\xa2\xd3%\xee\xe1O\x0eq\xafH\xe7\xc6M\xa0)Q\x07\xa1!\xbf_\x0fectL\xe1\xdeV\xb4\xb7/\x1a\x9e\x16\x19\xa1\x15\x8c\xb2\x9a\xf9\x0f\xd3r\xcb\x11\x91\xde\x04\xaf"\x81V47E\xfa\xc7\xf6\xa1c\x0f\xab7\x9e\xc6\xfe\xf1?Rn\x89\xb2\x1a\xc8l)W\xf7\xden\xd6\xfc\xc7\x05\xd7\xc2\xbe9\x86\xcdC\x9b\x12X\xe0\xabj\xab\xfc\t~|\xb8_\xc1)\xdd\x8a\xc3\xa1\n\x04\xa0Kt\xc7}\xde\ru\x99\xa0\x88lG=\xa6\xb1\x1c\x0e\x11\x15\x8e\x82\xff\\Nv\xd1\xa1/\xc78$\xccN{\xa8z\xb4\xef\xbd3\x9d+\xdf&lt;\x16\x91\xa5\xd4J\xb4\x95\x80\x92\xf7\xb0u\x8f\x8f}[t]v&lt;\xbd\x15\xb16_\xc4&amp;Zd&gt;w\x96\x88ON\x05\x1a\xa2[\xeaE\xc3c\xd0\x8a5\xf9\xf5\x84\x13\x9cO\n\xfe\x80\x91&gt;\xf8\x0e{a\x0bv\xd6\xce\x90\x00\xf2\xaa{\xf1#\\\xcak \xcd\x1aD\xbf\x8c\x7fY\x81\x8d\x19\x94\x0b\xa6\xad\x1b~@}\'MC\xd4_e\x88\xb4\xe3\xd8\xecU.;}\x16\xf50q\xe0\xea6\x15wH\x17H\xfbl]\x9a|\xe8\x83:\xfcC\xce,\x03\xbe\xe6\xb2\xa7\x06\xf2\xdc\xd7\xf0\x17\xd0\xca\x02\xa1Q\xb6\xd3\x02\x9dw&lt;\xb6\xf3\x19\xc5Z\x04\xad\x1a\xbb\x82\xba|\xd1&lt;\xef"i!\xfc\xb2h\xaf{U\x9f\xb0d\x1f`7\x88u\x9b\x13^\xb8\xf7\x97\x80]\xb6m(\xcc\x1d\x83M\xc7\x97\xac\xa6\xad\xd3\xf8\xad[PD7\r\xc1\xd5\xed\xaaxI\xd5;\x93_Y\xccV\xd9\x1b&amp;\xc0;\x90\x81f\xfe\xd1\x03\xf7\xec\xbb#\x89\x16K\xe2\xa4g \xe8}\xf8\xab\x0b\x13W\xbbd\xb8{M\xc6\xe4`\xd2\xb9\x1bVN\xdc\xa0g\xe1\x86\xbf;D\xd1Y\x9d\xe6\xd8}\xe9nfx\xa3\xca,\xc6\xd4,\xe7\xc7\xf9\x87[\xe3=\xd4\x0b\xea\x85\x86\x0f\xbb42\xb1E\xf3\x86+\\#\xa4s/\xce\xaa\xb7\x13\xe0\r9\xa8\xb2sK[\xf7v\\8\xda\x9dK\xbe\xaf\x15\\\xd9\x84\x0b\xf9oO\x91\x18/l\xc9\xc3\x85\x15=\xd7\'p\xe8\xee\x14n\x16#/\xcc\x85\xb8\xe1\xa1\xad"\x8b\x16\x1e&lt;7\x8a!,\x1a0N\x80f\x036\xc7\xcc\x0e{S[8\xe6w\x83\xa6\x81r? \xbd\xc0\x9d7,\x17\x90\xe3\xa8mZ3\xc8\xfa{\xc0\x1c\xbb\x84b\x8d\x1a\x100w_\xb3t4,\x1a4\xbb\x0c&gt;5c\x0e\x8b\x86\xe3A\xe5\xe1\x8a\xac\xf9zn\xb7b\x8eEi\x171\x82jC\x9b2\xaet\xa6i;N\xa1\'\xaf\xf5\x14my\xa4\xf3\xcd\xfa\xbe\x0c\xcci\xf4\xf1\xf7A\xc5\xda\xe6g\x19\x80\xffOC\x86\xfa\xa7\xf7W6&gt;\xe3b\x7fX.c\xa2&gt;@\x02z\x05! \xdb\xad\xa94\xf6\xb2#\x81\x16\x00\xc4\xb3\x96\xaf\xb2\x8ef\xf8\xa2m\xb3\xf4`\x8b_\xb6\xf4\xf6\x84\xff\xafEf\xf0\xb7:}\xc2\x1aR\xfc\x00g\xbe\x99\xe8\xeb\xe4\x98\xe3\x85zM\xd8\xf8\xd5OH(ir\xb7b\xff\x0b\xa4\x1c\xc4\x0f\xb9\xac\x89\'\xb0\xaf}\xfd\x0b\xc9\xcc.z&amp;\xfb&gt;`\x00\xfbhd%\xb7)\xcdd\xb1\xcd2mb\xfb\xbf\xd8Y\xc2\x85\xb6\x9f\xdd\xd2\xb9\x80C\x15\xb8\xccF\xafM\xe6\xf4\xe5\x86W\xf4\x9eK\x19a\xcc\xcezga\xef\xd0?Ro\x0f&gt;\'\xc4\xa9&gt;kk\x8f\xb0\xba\xec\x9a\xa9c\xe50\xd6A\x03L\xbfd\x04-\x053\xcf\x9a&lt;\x8f\xc7m\xca\xfc\xb0z"@p\xf1\xfc\xfb\xb8\x89\x10\xb0\xd9\xa9l)\\\t\xff\x0c\xd1\xdc\x9a7%\xa9f\xef\x824\xfa)\xd8yt\xae\xcc\xc3z\xf19"c;\x94\xba-\x92\x01\x1d\xc4\x02\xca\xbc*\xd7\x94\x05\xd1\xcbt\x15\x0bsh\xb5\x9a\xbe\x86\x8a~J]\xaa(\xd9\t\x05O(g$\xbf\xec\x99\x9e:3\xd0\xd4\x8eo\x89\xa1\xda\xca5\x00sf\xd9\xdb\xc1\x1ay\xdcNt\xd5(\xc0\x96x\x99\xfb\xd4\xfe\xcd0\xfcZ\xcb\xd3|\x02\x91\x10]=\xc3\xc9,\xf8\x1f\x824Z\xe0\x80\xda\x19\x84\x91LA\x8d\x18\xfa\xb38^\xb3\x00\x10&amp;\xd6c\xe3\\\xa1\xd9O\xb1\x18"\x11I\x1d\xa6==\x82 \x9bP\x17O\x1f\xd2O\x8c\xa7\x18\x1c\xfea\xe8\x8d\x01k}\xa7\x99u4\x05\xd5=\x19\x0c\xa3F\xf1s\xa6\x9a@\xf2\xa1\x8dq\xf7\xf3\xda\x8e\xfa\xab\xf6\xab\xafu\xb3\x8f\xb3\xf0wO\xcbFW\xcf\xf5&lt;\xab|\xeb\xfb\xa9\x80u\x01\xa7\xa8\x83b\x87|\xa7\xe1\x14\xff\x05\x9b\xd2\xbay\xecbV\xfd\xcf&gt;\xe4K\xb5\x8f9\r\x98\x88\xcdL\xb7\xddVwh\x0b\x03\xb27\xec\x8a\x18az\x9f\xaa\xd5\x10\xdf\x95\xa9T\x0e\x877\xb9\xf8\xd9\x19\xb3h\xf8*\xef\xe1D{;\x99q\xa8&lt;\xa2\xce\xed\xf2\x0fI\x85\x95#Vl\x97D\xac57\x05\xcf\xc2\xa2\x8b\xa8ry2?\xc0\xd6\'\xf3\x9f\xe5\xb3\xf2\xc7\x0c\x05\xbbG\xba\xfa\xfc\xf2\x8ad\xd0aa\xe0l[\x1d\x1c\x132\xf9\xc4\x0e~\x1c\xfd\xb4W\xb9\xb8\x16\xb6\xe1&lt;\x8d\xf3\xd4\xc7H\xa4\xb1n&gt;3\xd6m@\xf4\xd9\xf0\x94a\xaa\x0b\x8fl\x1fw\x93\xe7O\xafN&amp;0\xc2*j\xa8\x08\xba\xa6\xd6hP\xc9\x08\x14D\xa2\xe7\x87m\taa0\xae\x90\x1d}+eb.\xed\x9c\x14_h\x1b\x19\x806\t\xe5\xddS\xe4g\x04G^\x82\xefl\x97\x0cp\xda\x12o\x90?\xbe\x87\xd6U\xa8Bp\x8b\x88|\xe0a\xae\x7f\xc9Y\xb4H\n\xaanC\x13\x08\t\x04$\xd9j\x98\x80V~\x94\x8b\xb2\x1f\x14?\xa9\x18I\xe5\xfe\xccX\x9d\x10 9\x8a\x90!)G\xafUk|@\xcb\xac\xef\xbf\xfe\xc4E\xe4~V\xcc?\xbb\xc4\xb2\x8bF\xc2\xc4^\xd7\x1f\x17\x90\xe0`\xe5xO\xc3z\x1f\xf1\x84\xafO;\r\xf8\x05\xac\n\x9e\xb9Tb\x02W\xad]\x12+(G&amp;qS\x06\xa9\xd6\xdd\x152\xf1\x07\x1ba\xd4\xf6\n\x19\xc6W\xf9\x8f|\xdfAW\xd3\xb2Ak\xff\xb3C\x18h\x10\xe4\x89\xdc\xa2\x0c\x81\x98\xc1\xf1\xfeF\xae\xcc"sf\x9e\xb9tD\xb3\xf0\x19Z\xc7\xd2V\x08\x82S\x01\xbc\xaey?]*8\xfc8\xca\xea\xc4`\xb21E&lt;\x87~\xdc4\xa5\xd13\xfe\x889\xd1\xd5:\x19\xb7\t\xf4d \xf9\x80`\x9f\x8d\xe0\x18M\xa0\xfa\x19\x1e\x8fY(&gt;\xf1\xb0=\xe6\xf6\xe8u\xf4\x0en\x12_*)\x84xg0P\xe2\\u\xf9]X\xfae9\x8a\x1fe\xa8P\x08\x82\x92\x80\xd3\x9fC\x9a\xb0\xd82\xc2\xfc\x19GQ\xbbKpM\xe8\xc4\xfc\xa1\xfeL`[\xff\x99\xff\x0ea{W\x97\xf7M\xe2cZ\xf5\x84]\xb6\x1f3\x0c\xbfY\x12l]\x06\x08\xe7*Og@NbB6\xb4RM\x06\xcb\xea\x16\x81\x06 \xa5\xc5[b\xb6\xc9Ir \x13\x8f\xa8K\x90!#8\xe6\xbc\x85&gt;;sX\xfd\xba\x13\xa4\xba\xeb\xf9&gt;\x1f\xd6\x0b\x92/\\0\x99lb\xcfo\x07}\xe1\xaeDl6\x8b[vV\xf1&amp;\xf3\xd4e~\xc9U\xce\xca\xdf,\xf2\xef5w\xa99q\xa8]\xc3\x87\xd2\x8d\xe3E\x85\xbb/\xde\xd8\xd4\x8e6\x17\xd2\x81\xa2f\xc6\x9f\xa3kG ^\x9b\x89\xca\xdf\xff-r\x91\xd2-V\xc8W\xec0\xc2\x91\xae\x10VnR0\x1c\xf6\x99\xea\xb8\xd4\xf9UI\x7fMj\xf8\xb9\x83\x8f\xff\xe08\x15c\xa9X\xc5\xe6\xd7\x11&gt;$x?\xf1\x96$\x83\'\xfc+9/A\xb4\xdc\x1d\x01+\x02\ryY\x87\x84\xca/.\xeb\xf8C\xad\x87\xa5k\x14\xed;\xb2+-V\xab\x96\xe7\x84 \na,\xec\xb8\x89\xe8\x96\xf6\x84\xc6\xb1\xef\xb19\x8c\xa7\xa3h\x11\xd8\xe0u&lt;\x03:}TF\xcb\xd1E\xbd\x07Tx\x9f\x88c0,#\x9d\xa3\x8c\xc5\xaf\xc6\xdc.Urx\x97\xa5\x08\xcc\xa5\xe3\xa4\x80\x81\x9c$:\x1b\x8c\x98\x95ZD\x00\xc0\xbf\xa1G(\x03"\xd0\xe8\'p\xa5\xc6Q\xd5"\xc2*\xbaS\x9d\xddHl*xh\xd2"\xf7\xe4N\xbaw,!\xecP}\xa5\x96\x8dyk\x9b\xd4\xf2\xae+\xa3\n\x01\xf4\x0b\x82\xc6\xcb\x84\xfcr\'H\x1b\xb8\xf6.\x9b\x9f\x1e)\x1d\x07\xa2p\xf6\x830\xec\xfe#\xcb\xbe%M\x18\xbfZ\xb1O3\x14x\xa3c\xa3W\xb1\x1e,\x19\x98~\x021c;\xb8\x855\x14B\xe5\x9c\xaa\xc3\xc36\xce\xc1\x7f\xf4\xc9p0\x89\x92\n\x92\t\x07\xc8[5`\xc2\x0egO\xb5"(Ps\xd1+\xc5\x83e\x8e)\xadp\xa3\x07\xf5\xdes.\x05\r\x80\xb4K\xeeZt\xbbu|\xa4\xd2qu\x8f*q\xdb\xd5g\xd2Oc\xd2\xf1\xd3Bw\x1e-\x81\x1aIj\x9a\xc4\xf8\xf3\xee\xd7\xa1\x7f\xed\xdf\xf0\xf8\x05\xe9\x96\x9f\x0c\xa3\x0b(\xd8\x11\xbf\xc8"W\xd4Mu\x19\xd8'</t>
  </si>
  <si>
    <t>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</t>
  </si>
  <si>
    <t>b'e[\x99\x19"\xbd\xc8n\xaa\x9d\xbcv\x91\x84\xf6\x8e'</t>
  </si>
  <si>
    <t>forfeit his own esteem by an intemperate reply. He was then convinced,
 that from Madame Montoni he had nothing to hope, for what of either
 pity, or justice could be expected from a person, who could feel the pain
 of guilt, without the humility of repentance?
 To Montoni he looked with equal despondency, since it was nearly
 evident, that this plan of separation originated with him, and it was not
 probable, that he would relinquish his own views to entreaties, or
 remonstrances, which he must have foreseen and have been prepared to
 resist. Yet, remembering his promise to Emily, and more solicitous,
 concerning his love, than jealous of his consequence, Valancourt was
 careful to do nothing that might unnecessarily irritate Montoni, he wrote
 to him, therefore, not to demand an interview, but to solicit one, and,
 having done this, he endeavoured to wait with calmness his reply.
 Madame Clairval was passive in the affair. When she gave her
 approbation to Valancourt's marriage, it was in the belief, that Emily
 would be the heiress of Madame Montoni's fortune; and, though, upon
 the nuptials of the latter, when she perceived the fallacy of this
 expectation, her conscience had withheld her from adopting any
 measure to prevent the union, her benevolence was not sufficiently
 active to impel her towards any step, that might now promote it. She
 was, on the contrary, secretly pleased, that Valancourt was released from
 an engagement, which she considered to be as inferior, in point of
 fortune, to his merit, as his alliance was thought by Montoni to be
 humiliating to the beauty of Emily; and, though her pride was wounded
 by this rejection of a member of her family, she disdained to shew
 resentment otherwise, than by silence.
 Montoni, in his reply to Valancourt, said, that as an interview could
 neither remove the objections of the one, or overcome the wishes of the
 171
 other, it would serve only to produce useless altercation between them.
 He, therefore, thought proper to refuse it.
 In consideration of the policy, suggested by Emily, and of his promise to
 her, Valancourt restrained the impulse, that urged him to the house of
 Montoni, to demand what had been denied to his entreaties. He only
 repeated his solicitations to see him; seconding them with all the
 arguments his situation could suggest. Thus several days passed, in
 remonstrance, on one side, and inflexible denial, on the other; for,
 whether it was fear, or shame, or the hatred, which results from both,
 that made Montoni shun the man he had injured, he was peremptory in
 his refusal, and was neither softened to pity by the agony, which
 Valancourt's letters pourtrayed, or awakened to a repentance of his own
 injustice by the strong remonstrances he employed. At length,
 Valancourt's letters were returned unopened, and then, in the first
 moments of passionate despair, he forgot every promise to Emily, except
 the solemn one, which bound him to avoid violence, and hastened to
 Montoni's chateau, determined to see him by whatever other means
 might be necessary. Montoni was denied, and Valancourt, when he
 afterwards enquired for Madame, and Ma'amselle St. Aubert, was
 absolutely refused admittance by the servants. Not choosing to submit
 himself to a contest with these, he, at length, departed, and, returning
 home in a state of mind approaching to frenzy, wrote to Emily of what
 had passed, expressed without restraint all the agony of his heart, and
 entreated, that, since he must not otherwise hope to see her
 immediately, she would allow him an interview unknown to Montoni.
 Soon after he had dispatched this, his passions becoming more
 temperate, he was sensible of the error he had committed in having
 given Emily a new subjec</t>
  </si>
  <si>
    <t>b'o}Iv\x0e\xb9\xd4\x152\r\x00#d\xe9P\xae\xa0\xb5\xc5(^\x13\x9c\xd5\xcf\xda2\x9f\xf8g\xff\xae/G\xc5z\x1b\x7fr\x065\x83,@\xfc/\x15.\xb7\x12\x18\x04\xe8NSB\xeet\rX\xe3\xca;\x95'</t>
  </si>
  <si>
    <t>6f7d49760eb9d415320d002364e950aea0b5c5285e139cd5cfda329ff867ffae2f47c57a1b7f720635832c40fc2f152eb7121804e84e5342ee740d58e3ca3b95</t>
  </si>
  <si>
    <t>b'o}Iv\x0e\xb9\xd4\x152\r\x00#d\xe9P\xae'</t>
  </si>
  <si>
    <t>ed only Theresa the old
 housekeeper, she was extremely surprised, and ventured to ask his
 reason for having done so. 'To save expences, my dear,' he repliedâ€”'we
 are going on an expensive excursion.'
 The physician had prescribed the air of Languedoc and Provence; and St.
 Aubert determined, therefore, to travel leisurely along the shores of the
 Mediterranean, towards Provence.
 They retired early to their chamber on the night before their departure;
 but Emily had a few books and other things to collect, and the clock had
 struck twelve before she had finished, or had remembered that some of
 her drawing instruments, which she meant to take with her, were in the
 parlour below. As she went to fetch these, she passed her father's room,
 and, perceiving the door half open, concluded that he was in his studyâ€”
 for, since the death of Madame St. Aubert, it had been frequently his
 custom to rise from his restless bed, and go thither to compose his mind.
 When she was below stairs she looked into this room, but without
 finding him; and as she returned to her chamber, she tapped at his door,
 and receiving no answer, stepped softly in, to be certain whether he was
 there.
 The room was dark, but a light glimmered through some panes of glass
 that were placed in the upper part of a closet-door. Emily believed her
 father to be in the closet, and, surprised that he was up at so late an hour,
 apprehended he was unwell, and was going to enquire; but, considering
 that her sudden appearance at this hour might alarm him, she removed
 30
 her light to the stair-case, and then stepped softly to the closet. On
 looking through the panes of glass, she saw him seated at a small table,
 with papers before him, some of which he was reading with deep
 attention and interest, during which he often wept and sobbed aloud.
 Emily, who had come to the door to learn whether her father was ill, was
 now detained there by a mixture of curiosity and tenderness. She could
 not witness his sorrow, without being anxious to know the subject of;
 and she therefore continued to observe him in silence, concluding that
 those papers were letters of her late mother. Presently he knelt down,
 and with a look so solemn as she had seldom seen him assume, and
 which was mingled with a certain wild expression, that partook more of
 horror than of any other character, he prayed silently for a considerable
 time.
 When he rose, a ghastly paleness was on his countenance. Emily was
 hastily retiring; but she saw him turn again to the papers, and she
 stopped. He took from among them a small case, and from thence a
 miniature picture. The rays of light fell strongly upon it, and she
 perceived it to be that of a lady, but not of her mother.
 St. Aubert gazed earnestly and tenderly upon his portrait, put it to his
 lips, and then to his heart, and sighed with a convulsive force. Emily
 could scarcely believe what she saw to be real. She never knew till now
 that he had a picture of any other lady than her mother, much less that
 he had one which he evidently valued so highly;</t>
  </si>
  <si>
    <t>b'\xc9\xea!\xa6\xd8\x04\xc5\xfck*\xad\xa4\x93\x19\x12`\xb2&gt;\x9d(\xf2% \xa9\xdai:`c0D6\xb3\x9d\n\xf3\xbe\xbd%\x1b\xcd\xfbzP\xb2\x18\xc6\xa7\x1e0\xa4\x04\x15\x9f\x03\xfb\xad\x06k}\xd9\xd7\x06\x85'</t>
  </si>
  <si>
    <t>c9ea21a6d804c5fc6b2aada493191260b23e9d28f22520a9da693a6063304436b39d0af3bebd251bcdfb7a50b218c6a71e30a404159f03fbad066b7dd9d70685</t>
  </si>
  <si>
    <t>b'\xc9\xea!\xa6\xd8\x04\xc5\xfck*\xad\xa4\x93\x19\x12`'</t>
  </si>
  <si>
    <t>exter_x0002_nal economies has been its persistent ability to draw
 talent from outside the United States. From Garbo
 and von Sternberg to Russell Crowe and Guillermo
 del Toro, â€œAmericanâ€ films have often been made by
 ambitious foreigners who moved to Hollywoodâ€”
 and in the end, reached a larger audience even in
 their original nations than they could have if they
 had remained at home.
 Is Hollywood unique? No, similar forces have
 led to the emergence of several other entertainment
 complexes. In India, whose film market has been
 protected from American domination partly by gov_x0002_ernment policy and partly by cultural differences, a
 moviemaking cluster known as â€œBollywoodâ€ has
 emerged in Bombay. In recent years Bollywood
 films have developed a wide following outside
 India, and film is rapidly becoming a significant
 Indian export industry. A substantial film industry
 catering to Chinese speakers has emerged in Hong
 Kong; in addition, many U.S.-made action films are
 strongly influenced by Hong Kong style. And a spe_x0002_cialty industry producing Spanish-language televi_x0002_sion programs for all of Latin America, focusing on
 so-called telenovelas, long-running soap operas, has
 emerged in Caracas, Venezuela. This last entertain_x0002_ment complex has discovered some unexpected
 export markets: Television viewers in Russia, it
 turns out, identify more readily with the characters
 in Latin American soaps than with those in U.S.
 productions.
 because California trains lots of engineers; itâ€™s because engineers move to Silicon
 Valley to take jobs in the regionâ€™s high-tech industry.
 Resources, then, play a secondary role in interregional trade. What largely drives
 specialization and trade, instead, is external economies. Why, for example, are so
 many advertising agencies located in New York? The answer is, because so many
 152 PART ONE International Trade Theory
 other advertising agencies are located in New York. As one study put it, â€œInformation
 sharing and information diffusion are critical to a team and an agencyâ€™s success. . . . In
 cities like New York, agencies group in neighborhood clusters. Clusters promote
 localized networking, to enh</t>
  </si>
  <si>
    <t>b'0F\x02!\x00\x87Z\xc5\xdf\xcb\xd2\xe6\x9e\xff\x88:\xb2\xd5m\xe8\xd2\xb2\x0e\xd4\xa1\x8f=\xceO]\x81\xa1\xb4[\xb6F~\x02!\x00\x8d\x0bZ,\x96B\xc6\x0c\xe7\\\x16\xce\x99\xdd\xcb&amp;\xbf\xfa\xb3(\xbe7\x0cE\x07\xd9\xda\xe5\x8d?\x94U'</t>
  </si>
  <si>
    <t>3046022100875ac5dfcbd2e69eff883ab2d56de8d2b20ed4a18f3dce4f5d81a1b45bb6467e0221008d0b5a2c9642c60ce75c16ce99ddcb26bffab328be370c4507d9dae58d3f9455</t>
  </si>
  <si>
    <t>b'0F\x02!\x00\x87Z\xc5\xdf\xcb\xd2\xe6\x9e\xff\x88:'</t>
  </si>
  <si>
    <t>edent
in 15 CE when its ambassadors gained permission from Tiberius to build a temple to
274 Jonathan Edmondson
the recently deified Augustus in their city (Tac. Ann. 1.78). As the first century
progressed, provinces too started to organize province-wide cults, for which a male
flamen and a female flaminica were appointed for a yearâ€™s term by a council of
delegates of all the communities of the province (the concilium provinciae). It was
the responsibility of the flamen provinciae to look after the sacra in honor of the
deified male members of the domus Augusta, while the flaminica tended to the cult
of the deified women, or divae (Fishwick 2002). These religious institutions came to
provide the most exalted stage of a public career in the Roman west for ambitious
men and women, thus emphasizing the importance of loyalty to the imperial house
for social advancement. As a result, a number of flaminicae (both local and provincial) made contributions to their home community to mark their holding of this
prestigious position. At Thugga, for example, in the mid-second century Iulia Paula
Laenatiana, flaminica perpetua (i.e., someone who had been granted the honors of a
flaminica in perpetuity probably after an impressive year as flaminica), erected
a temple to Minerva out of her own funds (CIL VIII 1472 Â¼ 26490). Twenty
years or so later, another flaminica perpetua, Nahania Victoria, joined her husband
in funding a temple of Mercury (CIL VIII 26482â€“5). In these acts of generosity, Iulia
Paula and Nahania Victoria fit perfectly into a pattern whereby priests and priestesses
of the imperial cult at Thugga regularly funded buildings, especially temples, in this
colony (Le Glay 1990b; cf. Pavis dâ€™Escurac 1980 for Timgad). The considerable
wealth of such women is well illustrated by a dedication made in the early third
century at the Traianeum in Italica in Baetica. To mark her second holding of the
local flaminicate, Vibia Modesta dedicated a silver statue weighing 132 lbs 21
â„
2 ozs to
Augustan Victory (Victoria Augusta), an appropriate divinity to honor at this shrine
to the deified Trajan. The statue was bedecked with jewels: earrings with three
clusters of ten pearls, 40 gemstones, eight beryls, and a gem-encrusted gold wreath.
Inside the temple she dedicated her own flaminicaâ€™s gold wreath together with gold
busts of Isis, Ceres, and Juno Regina (AE 1983, no. 521).
The social predominance of the ordo decurionum was frequently underlined on
civic occasions. At public spectacles in the theater, amphitheater, or circus decurions
were given privileged front-row seating (Lex Ursonensis 125â€“7). They were also
treated to banquets and dinners at public expense (epula publica and cenae publicae),
to the exclusion of other groups in local society (Lex Irnitana 77, 79), who, it seems,
often proved eager spectators at such glittering scenes (cf. Dâ€™Arms 1999). Decurions
could vote to allow someone of lower rank to join them in their front seats or at such
feasts as occurred, for example, at Epora in</t>
  </si>
  <si>
    <t>b'\xb1O=\xafel\xea$\x83u\x17\x1b\x01\xe0\xad\x9a,\xf8\xbf\x9c*\x1d\xc9\xef\xe9\r\xae\xadD\xc8~\xd1\xcd\x9d5\xe7h?\x01\xd0\xf6\x10l\x8f\x1cJ\xe3\x83\xf0\x90\x8c\x9f\xfdH\x8cE\x1f \x03M\xc1\xaca\xda=\xd4\xb3\x81_\xf5xF\x84\xe2\x83\xcc\xad\x80\x83~\xdd\x8cp\x7fY\xd0\xab\x80Y\x87\x9f\xeb\x85\xdc\xad?\xdaF\xe5\x9b\x85\x9c\xb4:\xe2\x8f\xa9b$9\x81\xb1\xc9_-\xa8\xbfIPoha\xef\xf5\x17\x00\x83\x14!\xa8\x14\x15\xff\x8e\x1e\x98c\x8f\x13Z%4,t\x7f\x10\xf9W0\xe0\x8d\x8c\xd8\'j\xde,\xe295\x80\x8e\xe6!\xab\x8d6\xfe\xc8\xeev\x80+/\xe1\xdc\xcb\xe0`\xc4\xc8\x0fL)1\xab\xbf\xbe\xea\x95\x90\x95\x82bae\xf5\xa1\xb1hM6\x84a\xce\x18[\xf4\x06\xbd\x1f@;?\\fm\x9e\xe7p)z\\\xf4U\x11\x92\xf0\xdf\x08\xe9\xf7\xe4=\xf4\xb2\xcd\xb11\xf4\xfdp\xea\x9b\xa0\x11\x1a\x86\xee\xd5\xdd\x06 B\x9b\x1a\xceht\x9aYE\x90\x05*\xcc\xfe&amp;E\x94$\xee\xb0\x84\xcc\x9b\xa1\x8d\xd7\xb2\tW\xc0\x91\x89\x8c\xbb\xfb$\x07\xbb-\x7f\x0e:\xe72K\x90\xa6\xa3\xed\xa4\x90\xff\xfaT8\xe9sIAk\x9b\xfadzN\x8c\xab\xf1\xe9\x8d\xccs\xf2r\xfa,\x97\xb3\n\x84\xfe\xachk\xf3\\%\xf6\x8el]\xf1\x06\xf4\x82L\xe2\xfc&amp;\x9c\xb1\xdc\xbbI\xff(:\xefra\x0f\xf4\xc4_\xf2\xeaj\xbbr|A\t\xdb\xc3\xf3I\xe6\x11\xb3\xd5\xb8\x91\xb2$\xb9\xe5\x126\xf5@n`nO\xe3*\xc7h\x94\xc8\xfd+\x01\xe1\x00\xd0f\x8c\xd3\xe5\x91oQv\n\xb2h\x04)\xff\x86\xda\x9frg\x85\xfd$\x0c\x0b\x96\x91\xcb\xe2\xbeK\x12\xdd\x91\xb7Z\xb9\x95&gt;e\x02r4\xd1\xc6\xf6\xb4 N\'\xb1\x94\x00):r\xf0\xd9\rcYe\xcf\xa6\xa2\x13p\x02x\x8e\x87Ts%\xf4\x87$h\x89\x93/c\xaen\xc6\x9c\xd3\x8d\xd7\xb3\x1f\xb1\x04zG\x1b\xbbw\x15\x7fa\x9f\xb2\xc9v\xd9^\xc5.\xdag\x01\x8d\xab\x03\xbb\xae\xcb\x95\x9b6\xe1\x17MB\xe0L\xcc\xc1\xa17\xd6&amp;(E\x82 \xaevB.\xce\x1a_\xe4\x19\x9e&lt;T\x9d#\xc0\x90\x05\xefK\xad\x96\xc4\xf5\x01V\xf6\xfc)5\xa0\x8d\x91\x90\x8d\xa3\x86.o|t(~\xe7\xb5\xbbv\xe9e\x82/+M=Hp\xa2Nu\xac\x7f1\xe0\xb1\xbb\xac\xc6TY\xfe\xdf\x8a\xac\xb7-g8 ^\x12\xdfo6D\\\xd1\xcf\x9an\xb4ux\xbd\xb4O\xa9\xbb\x12\xa8\xeeJ*\xc9\x11\xeas\x17&amp;\x0c\xb7\t\x9fk\x14\x05\xcagh\x8cV\xfc/P\x7f\xdd\xa9\x94\x1a\x07x\xd3\xeft"$\xb8\xec\xac\xb1\x1b\xb4jD\xbc\xde\xca\xa6\xb2\xa8\x8c\x0c]\xcdHN%\x9a\x1d\xb6\xad\x8d\xc1\xf8/\xb8\xccl\x87\xcb0\xea\x90\xd9 !Q\xad\x15r\xc7_\x9dW\x8f\xed\x86+\x00G\x95\'\xb5&gt;\xf2bU\x93\xf9\x8e\x89\xc86\xad\xb5\x80\xb4\x99\x9f\x12a\x82\xc5\xe0+\x1d\\/\x03\x18@\xae\x97\x0b\xd35\xb7\xe6\xa1\xf0\xa2\\\x9d\xb9\x95`"\xa86\xee\x9b\xb5\x1e\x10\xfc\x08\x93\xea\x7f\x0b\x03\xf65k\x85\x8d\xe3*\xc2\xafJ`\x80v\x94\x97\x88\'o\x98\xb6)\xd7L\xb4%=\xf8v\x06\xa1\x9f&gt;\x12\xcd\x87l{\xe9\xb9g\x89\xdah\xdeT\xb4k/i\xff\x95H.\x8e\x06&amp;;\xb8\x00v\x8e&lt;\xf6\x85($\'\x04\xef\xb6\xfb\xfbU\xf0\xebP\x11v*\x81\x84U\xa5\xce\x96q\xce)\x18\x1e4e#F\xf1\xa8\'\xb5\xeaD\xb82T\xcc\xfa_\xee\xba\xc8\xa7k\xff\xc4z\x978\xabtE\xd2\xea\x02I\x11\x9c\x8ev\x1b\x07\x9d\x03\xf14\xd6\xe2a\xaf\xa1\x1bQ\xfd)[\xee(c\xa7\x05YX\xcb\xcb\x9c\xc6\xd3\xb7\xdd/\xd0|&gt;Bi\xaeS&lt;\xd0[\x0fk\x86,e\x81t[\xbc\x9b \xa2J=\xe0l\x9a\x89\x92\xdc\x89\x03\xfc{\xd6hJ\x13t\xfb\x10yfW\x080w\x88\x96b\x03\x16\xf2\xc6i\xb8\xa1\xca\xa3%\x03?\xbe\xec2\xe8p\xcd\xc3\x7f\xf5\x8b\xf3\xd2\x94\xec[9\xac\x89\x0c\x86\xda\x00\xdbg\x1e\xe4\x95\x83H\xdc^\xfa\xec\t\x9a\x0c\xbf\x91\x1d\xc4\x92+9\x9e\n\x8ft\xfe\xa9\x07V\xaf\xdc\xe9\xd1b\x04\xf0\xc8&amp;\x07\x95\xcd\x8a\xc7\x14\xe9^\t\xefK\xf4i\xe3\x99l\x0c\xbd\xc1\x91\x81\xaa\x92\x02\xa0z{^*\x08\xf1\xa1\x82PNM\xcc\xcb\xb4\xc3\x95\xad\\J\xfd\x17d\xc314;\x1c\xb0t\x91xE\xcf\x8d\x92\xe2\xf4\x8aG\xd9\xdde\xb2\xf2\xb9\x97\xb2?\x89=0\xeb\xfe\xa72\x03\xbal\xdfy\x89\x1b\xfa\x1d-&lt;\xc2{\xbdx\xc0\xf3\x86\xbe\xee\\\xd2\xb8\xa2\xa5NN\xd0|\x19ax\xe5\xeb\x96\x19\x94\xb60%B\x8a\xdc\t\xa1D\xb9\x02m\xb1\xbfx\xcb4\xff\x85\x9b\x1d\x13\xa8%7d\x10\x89\x9b\xf4Jol\xf1\xa1\x18\x16D}\xea\xf4\xc0\x02\xef\xcd\xb7\x8ag\x1a\xbd\xe5`\xfdj\xfbZPR\xb0"\xb2\x19Di\xf1\xdciJ\xec\xdf\x9c\xafn\x99h\xe0\x11(\xe5\x1e\xdb\xa1fL6\xb0\x9c\xc6\xe8\x94\x89\xa9h\x90\xcd\xec\xadM\xe9%\xeeE\xd3\xc8sL\xf7Z}\xa3\xb4\xa4\xdb&amp;\xc5\t\x9d\x89\x85\xf0\x02\x08\xfa@U\xed\x08\nnsVlg\x97V\xdf\xb56\x9e\x01\xff\xd5\xad\x1e"\x82\x86\xce\xee\xaf\x08\xb4\x0f\xb0\x19\xc4\x84\xbcF\x95Zz\x12 \xa8\xc2\xc7OYf0\x17\x14-\xb8\xac\xed\xe2\x17i\xac\x00$Pb\xcb\x0c=W\x8d\x15&gt;Q0L\x06i\x08&gt;\xbc\xfc\xab\x06wne\xa6X\x1b\xc6l\xa5Cf)\x1bB\x91\xb4\\+\x13n2V\xa6\xe5-\xad+\xfe\x08\x86\x0b\xb4p\x03\xf9M\x89\xe5\x04\x0c\xf9\xec\xd0\x01{\xc1\xc43\xdb/\xa590\xebE-\xc2\xdb\x90\xbe\xf4\x99j\xccpU\xcb\xb85\xea.\xf5\x01\xaeP\xbaN{\xd7p\xb8]\xe8\xc6\x1fO\xff\x911\x89\xe07\xe6\xeb\x82\xa9\xc8\x7fE\x8c\xf7}\x9b\xb3\xc0uj9r\x9f&amp;\xd2H!cr\x0eY\xfc\x06\xf0GjP\x9a&amp;%Y3+\x8atV,F|/\xfeu\x9d\x88,;\xbdt\xd2\x98\x80\xe2\x8a7\xe4iB\xd9\x9c6\xaa\x8d9\xf5\xb9+\xe0\xfeN\xd9\xbe\xd6\xc5\xa2\x10[V\x98\x8f%\x93\x06\xcc\x89\x92B\x11\x1f9\x9d\xc3\xc0W\x98\x99\x974@\xb5S\x94/\xf3^[\x1d&gt;\xf3&gt;\xcd\x06p\xf5\xa1\xd0\x8c\x9d\x1dG\xdb\x10\xc3*A\xf0\x03S\xa8\xd7o\xf8\xe0\x8fT\xd3\x18\xee\x02\xdb\r\xdb~\x11@5\x8b!\x13\xe2\xc5\xdfr\xe9\x11\xe7\xee\x06\xde\xb5q|=\xa0Z\x9d\xf7\xb3\xf0\xda\xa6\xf5W\x18I\x7f\xc0\x9dFt\xc0\x8e1x\x81S\xbe\xa7X\xd9\xb2\xfeA\xb1=\x92y=yyc\xbd\x92vy\xbfT&lt;\xc0@\x1f\x0f\x02h\xbe/\\\xbc._E\xa8\xc3\x92\xa6\xdae!3\xc1k\r\x0b\xcc\xf5KS\'\xd1\xa0\xcb\x8f\xe7\xa7\x07\xa5\x0ey\x9b\xe5\x0b\x04\x89\r_\xceXm=\x9f\x97L\xaa;\xe7(uk\xc0\xdf\x0b\xa9&amp;T\xf7\xc8-Q\xb1\xab\x8e\xfb%\xe5\xc4\xd8\xe6\xc6\x82\n41Oy\xadh\x80R\x12\xfb\xac\x1c\x1b\xab\x11\x1f\x16-\x88\xa2\xbaoR\xca\xe0\x1c\x94\xaa\xf8\x8e@\x15c\xca\xdf6(F\x87\xb6\xf1!?-Cdh\xd3P\x8e\xa6\x93\x16\xf3W\xf9e0\x89)\x8d\xea\xd8\xcf\xdaF\xccR\xbaNx\xcf\x85\xc2\x8c\xc0\x91\x04+\xff"B\xa8~\x90\x87\x96\x96&gt;\t\xcd^\x9a\xd4\xb9\xdcD\xdf\x85h\xbf\xa4\x1e\xc9\x97\xb0\x90B\xb9W\xda\xae\xa9=oa\x8aS\\\x87:\xc9R\xd0\x9cM\x90I\xc0\x97\xb0/\xf4\\C\xcf\xfbW\xd2w\xb2++\xff\xb3\xae\\}\xf3\x9c\x06\x82\xc5\xb3\xf9\xfdl\xef\x002N\xf0\xc5&gt;\xd1\xce\xab\x8eeD\x87\xc2\xfc\xe3\xab7\x9a/Q9\x1fD\xcc\xb6\xf2P\'\xd9\x93\xa7q\xee\xd2a\xf1\x9c(\xf0\x16\xc9\xf7R\x9d\xfaxIDc\xdc\xcd\xea/Y\x9e\xd9\xf5KmS\x12\x1fkF23\x81e\xc2\xbb4\x1c\xcf*\xd2A\x03D\xd6\x153S\x98&lt;ZR\xfd\xfd\xa0\x01\xb3\xe8R\x15\xab\xfe2\x94\xa5eM\xcb\xaf\x98\x0ff\x9cc\xac=O]\xf57\xd9~\xdc\x1d7qU\xf1\\\xe5\xb1\xa9\xfc\x19\x13U;\xbex\x87\x8d\x9c-\xd7@9\x94\xd0\t\x17h+\xfb`@%\xe8\t\xba`\xb4\xf2a-o\xe0\xa8\x17*\xd1\x19\xe5~\xdc\xb3\xc9+\xaa4\x07?I\xc1\'mu?\x19\xb4hz{nRj\xe4\xc2S}\xe3\x0f\xee\xd7\xc6Y\x04\x7f\xfa\xaew\xbe\t\xdc\x06\xec%\xfeZwJ\xddR\xfe\xc1\x8a\x04\xaaI\x80\xa7\xf4\xce\x04\xd1\xeb\xe5\x81q\x0c\x93^\xeb\x90\xba\t\xd6t\x9cD\xc94N~4\x16\x996\xc5\xcd\x12\x95\'|\xcf\xc5\ri\xc9&amp;\xbe]\xa1\xc6_\x83\xef\x85u0\xe1\xf6X1~X\xa4\xb5D\xe0\x86\xd2\xf5\x90\xee\x8e*\xbe\x9c\xb7\x1e\xb9\x98z1\x0c6\xddp\xc0\xb7\xb0\n:\x86\x85\x0b\xee\xf6\x1a}\xb6\xc4\xe5\x1c\x905/Zp\xb2.(\xe9\xefE\x18\xb7\xd1\xb3`4\xba\xf8\x95r\xf3\x8es&amp;AH\xe6\x0c\xed\x87\x07\xc9\xab])`\x19\x17(\xed\x84W}W\xd4\xfbH%bt\xea\x02\xba\x0c0\'$a\x0e\xc7\xc7\x1b\x94\x99\xa2j\'\x89\xc5\xf0\xe5!-v\xfcr&amp;\xf68x\x9b`\x8f\t\xc5\xf4s\x18\x85\x1b\xfa\x18\x11P\\\x90\xfaJn7\x10\x01d\x0f\x00\xa5J&amp;\xa5)\x10j\xf3m^\xf2\x9fWF\xeaE D\xac\xb6\xda\xc0\xdd_&lt;\xc2\xd9\xe0i\xe4\x9aS\x97\xa4;\xf5\xf4\xa5\x9a\xd8-\x80?\xc7\xae\xcb\xa9O]\x17\xc6#\xb9)Z9,\x80\xd9\xdb~\xa8\x87\x80\x12\xf8\x08TCb\x90,$\xa4\xe9\x05ERn&lt;\x9d$\xa8pV\x7f\xa3\xda\xad\xad\t\xfd\xa8&amp;\xbf\x9f\xfe\xa4\x93\x97\x10\xb3a\xd2M\x08l\xebk\xa8\xe6\xc0\xda\xadWBui\xb4j\xd9,\xe0#P^\xe4a\xb6\x89\xc9\x80\xa3-\x19\x0b\xc6\xf3E\xa7\xe2AJ!f\xde\x15\x9a$ \xe8$%\x82\xcfY\x86\x01\xc2\xa7\xc3 z\x87\x9f!\xe2\x89\x1fE8(\xf5\x01_+/\xb0iz\xf8\xbf\xe8%e\xf8#\xe6I\xeb\x1d\xbc\x9e\x8a\xe1{bxU]\xb9\xaa\xede\xc0\x11\x88\xe4{\x06\x17\x89@o\x02\xb6S\x14b\xa0D\x94\x84\x87\x13\x05X\xa9\xc5P\x97\x9bU\xf4Z\t%:o\x02$\x0c\xc4&lt;c\xbb\xb6\xe2\xa1\xd2\xd4\xcc\x8a\x84\x14U\xa6\xa9\xadue\x01 \xa7\x15\xfc\\$q\x9c\xd2\x1dL\x878\xa7B-t\x9a|\xb0-\x07\xf1\x10\x04\xdcZ\xf4\xe6\xd3\x1f\x98\x85\x01O\x89\xa4^j\x98t\x93\xd9\xff\xd7\xa9\xcbU\xcf\xd4\xe3\xce\xa0\xad\xb3\x1f \x84\x0b\xef\xfb\xcb\x05\x8f=\x11\xbf\xdf\x84\xad\xf8\xb27\xde\xa5\xfe\xbe\xc6\xf5,\xb4E\xb8{]\xfe\xd4\x84;vE\xb8W\x9b\xe7\xb3\x95gk32^N-\x85\x81\x82\xe3\x83\x85\xa2N\xc6,v_\x10\xe9@\x0c\xf5Y\x03ip\xb6\xc0\xe7\xfc\xb9dF\x0c\xcb]\xa2=\x16\xe1W\x11W\x9fR\xfbw\x9a*\xde\x9cW\xb16F\xaedG\x7f-\xd5\x91V\xb5\x03S2\x8c\xa5^\x91W\n\xc8\x8a\xac\xf1\xd2\x8f\x01\xa7[\x07\x12\xa0\x1b[$\xd9\x8e\x8f\x9c\xf0\x7f\x85\x11\x01@\xca\x93\xe3\xe3T\xab\x1c\xee\x06+\xff\xa1\x8b\xd8m\xcd\xa8\xef\xd4\xa0\xa5IkNU\x92B\x06\x1bjc\x0c\x0fg\xaf\x8c\x8a\xc3\xa6\x06\xb3 \xa9\x00\x1a\x8f\x87\x1f\xcf\xdcY\x85C\xe4yq\xcb\xe6\xb5\xba\xbch\xc1\x82z\xd3\x08\x89\xa3\xa8\xb4\xe3\\\xe6\x13?\x1f\x87\xfa&amp;\xd6f\x87\x9d\xcd._5\x971\x0c\x07pCs\t3\xbf\xfa\x9f\t\xe4\x97Y\xdb\xfc\xc3\x1b\x86\x08u\xd7UT\xb0\x13\x9b\xeb~\xe4$\xb3\x85K\x12W\x7f\xb8Z\xf3\xa5r\xe7F\x08(0\xe8\xbd\x1bz5\xc8w\x9dH&lt;\xc9\x15,\xbd7\xc9\xc4T\xfe1&lt;\xb4F\x02\x98\xb4t\xbc\x0b\xfc\x99\xe2Q\x91\x10\xc9\x1c\x13\xeew\xea\xc3\xc1\xed\xc0\xbaoXo\xcb\xf9\xd6P\xf9O\x8a:\xfc\x89\xe4\xde Xz\xf7\x8eC\x93\xdf30\x8a$\xacD\xae\'\xfc\xa9\xa5\x96\xe5H1\xe1tK\xcf2\x86h\xbb\xc5G\x04\x93\x14_$\xd1\xbej\xcf\x84\xcd\xb9\xd7\x9a\xd2\nO8\x02&lt;\x16\x99\xbfwhbK\x9f\xbat\xbb'</t>
  </si>
  <si>
    <t>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</t>
  </si>
  <si>
    <t>b'\xb1O=\xafel\xea$\x83u\x17\x1b\x01\xe0\xad\x9a'</t>
  </si>
  <si>
    <t>r zero, D1 experiences a small reverse bias, exhibiting a
 capacitance close to Cj0. As Vout rises, however, the capacitance falls, and so does the
 time constant of the circuit. Thus, SPICE proves quite useful here.
 Labeling the circuit in our mind, we write the netlist as:
 Step Response Example
 r1 in out 1k
 d1 out 0 is=1f, cjo=1p, vj=0.7
 vin in 0 pulse(0 1 0 0.1n 0.1n 1)
 .tran 25p 3n
 .end
 As we encounter more sophisticated devices, the number of parameters that must be
 specified for their SPICE description increases, thereby making the task of netlist con_x0002_struction cumbersome and error-prone. For example, todayâ€™s MOSFETs require hundreds
 of parameters in their SPICE descriptions. To avoid repeating the parameters for each
 element, SPICE allows the definition of â€œmodels.â€ For example, the above diode line can
 be written as
 d1 in out mymodel
 .model mymodel d (is=1f, cjo=1p, vj=0.7)
 Upon reaching the fourth entry in the diode line, SPICE recognizes that this is not a
 value, but a model name and hence seeks a .model command that defines the details of
 â€œmymodel.â€ The letter â€œdâ€ in the .model line specifies a diode model. As seen below,
 this letter is replaced with â€œnpnâ€ for an npn bipolar transistor and â€œnmosâ€ for an NMOS
 device.
 884 Appendix A Introduction to SPICE
 Example
 A.9
 Plot the input/output characteristic of the circuit shown in Fig. A.12(a). Assume D1 and
 D2 follow the above diode model.
 D 1
 D 2
 Vin Vout
 1 k Î©
 Figure A.12
 Solution Labeling the circuit in our mind, we write the netlist as:
 Diode Circuit
 d1 in out mymodel
 d2 out in mymodel
 r1 out 0 1k
 vin in 0 dc 1
 .dc vin -3 +3 2m
 .end
 A.3.3 Bipolar Transistors
 The definition of bipolar transistors requires special attention to the order of the terminals.
 Consider the example shown in Fig. A.13, where Q1 is expressed as:
 Collector Base Emitter Substrate Model
 q1 out in emi 0 bimod
 where the device name begins with the letter q to indicate a bipolar transistor, and the
 first four nodes represent the collector, base, emitter, and substrate terminals, respectively.
 (In most cases, the substrate of npn transistors is tied to ground.) As with diodes, the
 parameters of the transistor are expressed in a model called, for example, bimod:
 .model bimod npn (beta=100, is=10f)
 VCC
 1 k Î©
 = 2.5 V
 emi
 in
 out
 100 Î©
 Q1
 Figure A.13 Common-emitter stage.
 A.3 Element Descriptions 885
 Example
 A.10
 Construct the SPICE netlist for the circuit of Fig. A.13. Assume the input must be swept
 from 0.8 V to 0.9 V.
 Solution The netlist is as follows:
 Simple CE Stage
 q1 out in emi 0 bimod
 remi emi 0 100
 rout out vcc 1k
 vcc vcc 0 2.5
 vin in 0 dc 1
 .dc 0.8 0.9 1m
 .model bimod npn (beta=100, is=10f)
 .end
 Two observations prove useful here. (1) The two resistors are labeled according to
 the nodes to which they are attached. This approach allows us to find each resistor more
 readily than if it is simply labeled by a number, e.g., r1. (2) In the above netlist, the term
 â€œvccâ€ refers to two distinct entities: a voltage source (the first entry on the vcc line), and a
 node (the second entry on the vcc line).
 The model of a bipolar transistor can contain high-frequency effects. For exam_x0002_ple, the base-emitter and base-collector junction capacitances are denoted by cje and
 cjc, respectively. The effect of charge storage in the base region is represented by a
 transit time, tf (equivalent to Ï„F). Also, for integrated bipolar transistors, the collector_x0002_substrate junction capacitance, cjs, must be specified. Thus, a more complete model may
 read:
 .model newmod npn (beta=100, is=10f, cje=5f, cjc=6f,
 cjs=10f, tf=5p)
 Modern bipolar transistor models contain hundreds of parameters.
 Example
 A.11
 Construct the netlist for the circuit shown in Fig. A.14(a), and obtain the frequency
 response from 100 MHz to 10 GHz. Use the above transistor model.
 VCC
 1 k Î©
 = 2.5 V
 100 Î©
 Q1
 Q2
 0.5 pF
 Vout
 Vin
 50 k Î©
 0.5 pF
 1 mA
 in
 cin
 rinb rx
 x
 inb
 emi
 re</t>
  </si>
  <si>
    <t>b'\xb5\x0fz\x1e!\xa9 #\x1dj\x8c\xf9\xa9\xdf\xaf\x94'</t>
  </si>
  <si>
    <t>b50f7a1e21a920231d6a8cf9a9dfaf94</t>
  </si>
  <si>
    <t>atting me and encouraging me to rise. After some more cordial
 had been given me, and after one or two attempts, I staggered to my feet, and was gently
 led to some stables which were close by. Here I was put into a well-littered stall, and
 some warm gruel was brought to me, which I drank thankfully.
 In the evening I was sufficiently recovered to be led back to Skinner's stables, where I
 think they did the best for me they could. In the morning Skinner came with a farrier to
 look at me. He examined me very closely and said:
 "This is a case of overwork more than disease, and if you could give him a run off for six
 months he would be able to work again; but now there is not an ounce of strength left in
 him."
 "Then he must just go to the dogs," said Skinner. "I have no meadows to nurse sick
 horses inâ€”he might get well or he might not; that sort of thing don't suit my business;
 my plan is to work 'em as long as they'll go, and then sell 'em for what they'll fetch, at
 the knacker's or elsewhere."
 "If he was broken-winded," said the farrier, "you had better have him killed out of hand,
 but he is not; there is a sale of horses coming off in about ten days; if you rest him and
 feed him up he may pick up, and you may get more than his skin is worth, at any rate."
 Upon this advice Skinner, rather unwillingly, I think, gave orders that I should be well
 fed and cared for, and the stable man, happily for me, carried out the orders with a
 much better will than his master had in giving them. Ten days of perfect rest, plenty of
 good oats, hay, bran mashes, with boiled linseed mixed in them, did more to get up my
 116
 condition than anything else could have done; those linseed mashes were delicious, and
 I began to think, after all, it might be better to live than go to the dogs. When the twelfth
 day after the accident came, I was taken to the sale</t>
  </si>
  <si>
    <t>b'\n^\x84\x1b\xa8\\\xc6\xc1'</t>
  </si>
  <si>
    <t>0a5e841ba85cc6c1</t>
  </si>
  <si>
    <t>elds. [Hint: You might want to refer to Prob. 7.19.]
  Problem 8.1617 A sphere of radius R carries a uniform polarization P and a uniform
  magnetization M (not necessarily in the same direction). Find the electromagnetic
  momentum of this configuration. [Answer: (4/9)Ï€Î¼0R3(M Ã— P)]
  Problem 8.1718 Picture the electron as a uniformly charged spherical shell, with
  charge e and radius R, spinning at angular velocity Ï‰.
  (a) Calculate the total energy contained in the electromagnetic fields.
  (b) Calculate the total angular momentum contained in the fields.
  (c) According to the Einstein formula (E = mc2), the energy in the fields should
  contribute to the mass of the electron. Lorentz and others speculated that the
  entire mass of the electron might be accounted for in this way: Uem = mec2.
  Suppose, moreover, that the electronâ€™s spin angular momentum is entirely
  attributable to the electromagnetic fields: Lem = Â¯ h/2. On these two assump
 tions, determine the radius and angular velocity of the electron. What is their
  product, Ï‰R? Does this classical model make sense?
  Problem 8.18 Work</t>
  </si>
  <si>
    <t>b'$8c\x7f@\x18%@R\x12L \xf0 \xe9\x81\xaa\x10\r\x05\xa4&lt;\x8bg\x94\\b\r\x95\x08-\x80'</t>
  </si>
  <si>
    <t>2438637f4018254052124c20f020e981aa100d05a43c8b67945c620d95082d80</t>
  </si>
  <si>
    <t>b'$8c\x7f@\x18%@R\x12L \xf0 \xe9\x81'</t>
  </si>
  <si>
    <t>er would
 always leave the window open for her children to fly back by; so they stayed
 away for years and had a lovely time.'
 'Did they ever go back?'
 'Let us now,' said Wendy, bracing herself for her finest effort, 'take a peep into
 the future'; and they all gave themselves the twist that makes peeps into the
 future easier. 'Years have rolled by; and who is this elegant lady of uncertain
 age alighting at London Station?'
 'O Wendy, who is she?' cried Nibs, every bit as excited as if he didn't know.
 'Can it beâ€”yesâ€”noâ€”it isâ€”the fair Wendy!'
 'Oh!'
 'And who are the two noble portly figures accompanying her, now grown to
 man's estate? Can they be John and Michael? They are!'
 'Oh!'
 '"See, dear brothers," says Wendy, pointing upwards, '"there is the window still
 standing open. Ah, now we are rewarded for our sublime faith in a mother's
 love." So up they flew to their mummy and daddy; and pen cannot describe
 the happy scene, over which we draw a veil.'
 That was the story, and they were as pleased with it as the fair narrator herself.
 Everything just as it should be, you see. Off we skip like the most heartless
 things in the world, which is what children are, but so attractive; and we have
 an entirely selfish time; and then when we have need of special attention we
 nobly return for it, confident that we shall be embraced instead of smacked.
 So great indeed was their faith in a mother's love that they felt they could
 afford to be callous for a bit longer.
 But there was one there who knew better; and when Wendy finished he uttered
 a hollow groan.
 'What is it, Peter?' she cried, running to him, thinking he was ill. She felt him
 solicitously, lower down than his chest. 'Where is it, Peter?'
 'It isn't that kind of pain,' Peter replied darkly.
 'Then what kind is it?'
 'Wendy, you are wrong about mothers.'
 They all gathered round him in affright, so alarming was his agitation; and
 with a fine candour he told them what he had hitherto concealed.
 'Long ago,' he said, 'I thought like you that my mother would always keep the
 window open for me; so I stayed away for moons and moons and moons, and
 then flew back; but the window was barred, for mother had forgotten all about
 me, and there was another little boy sleeping in my bed.'
 I am not sure that this was true, but Peter thought it was true; and it scared
 them.
 'Are you sure mothers are like that?'
 'Yes.'
 So</t>
  </si>
  <si>
    <t>b'\x03;\xd0%]\x82#p'</t>
  </si>
  <si>
    <t>033bd0255d822370</t>
  </si>
  <si>
    <t>to have 
 both hands as free as possible. It was something to see him wedge the 
 foot of the crutch against a bulkhead, and propped</t>
  </si>
  <si>
    <t>b'\xa1\x1d*\x94\xe2\xdc\xcb\xdb\x92\xe2)\xf0S1f\xb0z\xe2=4\x1a\xd1\xb9\xc0\xeb\x82\xed\xa0\x1c\x88\xa1\xfe\xeb\x10\x89\xf7g@QZ\xec\x12\x18~7\xab\xd1WO\x8f\xe8\xd9\xee\x96\x9a\n\xde3\xb1\xb1\x0e\xdc\xa2\xf2\xffv\xaf\xd9zH\xb8\xc6\xec\xdf\xde$\xf97\xc8\xf2\xb6\xf5)\x04\x8f\xd2&lt;QN\xf0O\x02J\xe3\x15\xc1\rK\x9en\xfeH"\xf25\\\xc9\x86\xf3s \x81\\\x8c\x02\xbe*\x91\x8f.\xcbK\xde.T/FS\x17\xdb\xcbtA\x18\xbb\x83\xc8H\x16\x18\x98\xbd&amp;)\xc2+G\rF\xbc\xb7\xc8\xc4\x17TtX\xba\xb7\xea!\xc2\xb3k\x124\xe9#g\x7f\xa1S\xf8\xf0*\x16\x93G0\x0et\xc95[\xad\x0f\xd5\x82\r\xd6P\xba&amp;\xa3\x17i9\x8f\x88\xf5\x18\xe5\xe6\xbffq\xb3y\xfe\xa4\xa7\xab\xa4D\xf7-\xbb\x8e\x8b%.\xc7\x84V\xca)\x12\xca\x80_:\xe3\x8f\xdc\xc5G\x95+\x13V\x18\xce\x82$\x89\xe3\x92\x91\x87\x8b\xfa\x1e\xca\xdf\xa1\x14'</t>
  </si>
  <si>
    <t>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</t>
  </si>
  <si>
    <t>b'\xa1\x1d*\x94\xe2\xdc\xcb\xdb\x92\xe2)\xf0S1f\xb0'</t>
  </si>
  <si>
    <t>f the
 world occur at different points in time. But, in general, the two types of trade are not perfect substitutes for each other.
 CHAPTER 21 Financial Globalization: Opportunity and Crisis 591
 The Structure of the International Capital Market
 As we noted above, the main actors in the international capital market include commercial
 banks, corporations, nonbank financial institutions (such as insurance companies, money
 market funds, hedge funds, and pension funds), central banks, and other government
 agencies.
 1. Commercial banks. Commercial banks are at the center of the international capital
 market, not only because they run the international payments mechanism but also because
 of the broad range of financial activities they undertake. Bank liabilities consist chiefly of
 deposits of various maturities, as well as short-term borrowing from other financial
 institutions, while their assets consist largely of loans (to corporations and governments),
 deposits at other banks (interbank deposits), and bonds. Multinational banks are also
 heavily involved in other types of asset transaction. For example, banks may underwrite
 issues of corporate stocks and bonds by agreeing, for a fee, to find buyers for those securi_x0002_ties at a guaranteed price. One of the key facts about international banking is that banks
 are often free to pursue activities abroad that they would not be allowed to pursue in their
 home countries. This type of regulatory asymmetry has spurred the gro</t>
  </si>
  <si>
    <t>b'0F\x02!\x00\x8f\xe9\xb3\x17\xee\xc2\xfcq\x9f\x08\xb3\xbbGP\x9a\xc1\x8f1\xe2\x14\x7f\xc1\xe4s\x13\xe3\x0f\\\xa4\xf9\xde\xb6\x02!\x00\xcfJ\xec\xaa\xab\xcd\xa9\xad\xf4\x0b\xc4\xdb08\xc4\xe7\x9d=\xcb}\xed\xb4\x02[\x9f\xc8"lL\xd9\x14+'</t>
  </si>
  <si>
    <t>30460221008fe9b317eec2fc719f08b3bb47509ac18f31e2147fc1e47313e30f5ca4f9deb6022100cf4aecaaabcda9adf40bc4db3038c4e79d3dcb7dedb4025b9fc8226c4cd9142b</t>
  </si>
  <si>
    <t>b'0F\x02!\x00\x8f\xe9\xb3\x17\xee\xc2\xfcq\x9f\x08\xb3'</t>
  </si>
  <si>
    <t>they'll be angry, but every man must do what he thinks to be the
 best for his country."
 On the morning before the election, Jerry was putting me into the shafts, when Dolly
 came into the yard sobbing and crying, with her little blue frock and white pinafore
 spattered all over with mud.
 "Why, Dolly, what is the matter?"
 "Those naughty boys," she sobbed, "have thrown the dirt all over me, and called me a
 little ragaâ€”ragaâ€”"
 "They called her a little 'blue' ragamuffin, father," said Harry, who ran in looking very
 angry; "but I have given it to them; they won't insult my sister again. I have given them a
 thrashing they will remember; a set of cowardly, rascally 'orange' blackguards."
 Jerry kissed the child and said, "Run in to mother, my pet, and tell her I think you had
 better stay at home to-day and help her."
 Then turning gravely to Harry:
 "My boy, I hope you will always defend your sister, and give anybody who insults her a
 good thrashingâ€”that is as it should be; but mind, I won't have any election
 blackguarding on my premises. There are as many 'blue' blackguards as there are
 'orange', and as many white as there are purple, or any other color, and I won't have any
 of my family mixed up with it. Even women and children are ready to quarrel for the
 sake of a color, and not one in ten of them knows what it is about."
 "Why, father, I thought blue was for Liberty."
 "My boy, Liberty does not come from colors, they only show party, and all the liberty
 you can get out of them is, liberty to get drunk at other people's expense, liberty to ride
 to the poll in a dirty old cab, liberty to abuse any one that does not wear your color, and
 to shout yourself hoarse at what you only half-understandâ€”that's your liberty!"
 "Oh, father, you are laughing."
 100
 "No, Harry, I am serious, and I am ashamed to see how men go on who ought to know
 better. An election is a very serious thing; at least it ought to be, and every man ought to
 vote according to his conscience, and let his neighbor do the same."
 101
 Chapter 43. A Friend In Need
 The election day came at last; there was no lack of work for Jerry and me. First came a
 stout puffy gentleman with a carpet bag; he wanted to go to the Bishopsgate station;
 then we were called by a party who wished to be taken to the Regent's Park; and next
 we were wanted in a side street where a timid, anxious old lady was waiting to be taken
 to the bank; there we had to stop to take her back again, and just as we had set her
 down a red-faced gentleman, with a handful of papers, came running up out of breath,
 and before Jerry could get down he had opened the door, popped himself in, and called
 out, "Bow Street Police Station, quick!" so off we went with him, and when after another
 turn or two we came back, there was no other cab on the stand. Jerry put on my nosebag, for as he said, "We must eat when we can on such days as these; so munch away,
 Jack, and make the best of your time, old boy."
 I found I had a good feed of crushed oats wetted up with a little bran; this would be a
 treat any day, but very refreshing then. Jerry was so thoughtful and kindâ€”what horse
 would not do his best for such a master? Then he took out one of Polly's meat pies, and
 standing near me, he began to eat it. The streets were very full, and the cabs, with the
 candidates' colors on them, were dashing about through the crowd as if life and limb
 were of no consequence; we saw two people knocked down that day, and one was a
 woman. The horses were having a bad time of it, poor things! but the voters inside
 thought nothing of that; many of them were</t>
  </si>
  <si>
    <t>b'\xca\xbb\xa3\xe6\xe3\x95\xbc\xd3'</t>
  </si>
  <si>
    <t>cabba3e6e395bcd3</t>
  </si>
  <si>
    <t>at moment, I felt like it all became real,â€ Jared said. â€œAll the
 hard work and grind had given me the kind of freedom Iâ€™d always
 wanted. I remember thinking, This thing really works!â€
 W
 4
 Step Two: Develop Your First Product
 hen Moiz Ali, founder of Native Deodorant, started the business, he
 put in a grand total of $500. Two years later, he sold the company to
 Procter &amp; Gamble for $100 million.
 Thatâ€™s a pretty good return on investment, Iâ€™d say.
 â€œWe bootstrapped the whole thing,â€ Moiz said from the stage of one of
 our conferences. â€œWe launched on Product Hunt, and the most
 entrepreneurial of entrepreneurs go on this site and upvote and down-vote it
 on a daily basis. On day one, weâ€™d sold one bar and were at the very bottom
 of the list on Product Hunt. Forget it, I said, Iâ€™m shutting this business down.â€
 Then a friend of his said he had an â€œinâ€ at Product Hunt and that he could
 get Native near the top. By the next day, theyâ€™d sold fifty bars and were at the
 top of the list.
 â€œOnce we had those first fifty orders, we bought our first hundred units,â€
 said Moiz. â€œWe sold the first fifty bars without even having any inventory. If
 you bought on a Tuesday, your product was made within one day of the
 order. We had zero inventory laying around, and it all</t>
  </si>
  <si>
    <t>b'\x10\x17\xbd\xc9\xa2%j\xfc\xf5|\xbc\x97\xc5c\x90f\xbc\x94w\xbfR\xbe\x9bM\xe2` \x1cq\xe2\rZ\xbf\xe1\x97\xaeL\xae\xdfkP\\\xeau\x97\x16\x10Q\xac\x81(\x7f\x91v\xb1\xc2v\xe7\xe5\x0b\x1b\x9bd3\xbc.\xa2\xc6{\x02\x04\xb279\xd8\xc0\x01\x100\xec\x08t\\NSx^\xad\xec\x06\xbfLQ\x1f\xb3\xb47\xab\xc2*t\x8ck\x13\x98\xc2t\n\xd4\xbf&amp;\xa5r\x88\xfbTq\xdd\xcdO\xceH\xf4\xc91W\x0c\x02Bo\xea(\x9e\x18!p\xfeN\xcf%\xb8\xc5\xaaz\x11b\xf5\xef\x94Y\xad(\x00\xbdj\x14L\xc6B\x87\x98\xca\xdb\x8e\x88X\x18\x01}-\xee~\xb9o\xf9G\xb0\x92\xca\xc5i6Df\x9f\x0f\xaf\xd0\x91\x9a\xd4\xc8\xee\xdb,`\x1e\x8d\xf0\xa7\x8eNQ\xa1h\xb1\xb1\x9f\x07\xf2\xc0=\xef\x7f8x\xe5D\x19\xb2e\xc4\xbbI\xec\xe9{r\xf2*\x1a\x0c\xfc\x83G^\xa54\xfc \x81\xac&amp;f"\x96\xb2\x8c{\r\xbb\xcaM]S\xc9;SU\xceXp\xc9\xa9\x1f(\x1b?\xf3k\xcc\x0fF\x17W\xbe\xa3\tJ\xb7\xd2&gt;Hs\xd9.\xe3\xdb\x0b\xf6\xd0y%\xff\xbew\xc5\xaaB\xa3\xc5\xe7\xda[\xfd\x9b\n\x18\xa1,\xd7\x06w!S\xc9{\xe5\xfb\xb1t\x873y\xd5\xbe\x99\xd8\x91Tw\xbcl\xfd:\x1e\xbc\x0f\xa92\x8f\x1f\xdb\xf4\xf5(WZ\xfe\xf4K\xc7\x1c\xc7q\x83\xef\x99\x9d\x04\xb2$M\x91+\x8fb\x80eP\xe3cqdK\x18\x1d\xe5w\x03if\xd8X\x17h\x80\xc8\xad\xda\x06\x88{3\xd8\x80\xf6@\xb4\x90\x1f\x8a\xeb/{\x85B\x0e\x8f\xa1\x8b\x85\x90\xe2\xfc\x8b\xb0\xbaSj\xaa\xd9\xfc^\x82\xadcq\xdf\xad\xb3\x05\xbbp\xccGy\xb5\xe7\x18\xed+\'\xbb\xec\xed\x1e\xed\xcb\xca\x9f\x03\xa4\xc5cu\xb45\xc8\x81\xabl\x02\x05Xt\xb2\x90\x18\xb6\xcd_ \xa8\xca\x82w-\x81\xaf\xc5\xe5\xc11{\xf5\xca\x02\xbd\xac@\xb3P\xfcy*\xb7\xae:&lt;f}\x7f=b:\xa4\xd2\x19N\x82\t=\x80\xdc\xf3\xb5t\xce\xad\xa61\xca?\xcd\x7f\xdbE\xbfZ2r\xaf\\\xb9i\x1a\xe4&lt;\xa1\xa7\x03\xc2\xec\rO\x1d6\x00I\x14|a\xb2\x9b\x0bx\xbe\xb5\xc0\xda\xfc\xec\xb8Z\xc7O1\x17\x8a7\\\x8f\xc8\xd9\x91i\x7f\xdb\xb0\x94_d\x12\x15\xd5\x8a\x7f\x94V\xcft\x00:G\xd1\xfa\xb3L\xf3G5\xcf\xf1}q\xb9*0\xb2f\x8e_\x7f\xee\xaf\x12\xa2-\xd7\\:\xaf\x03Z}\xba\x80\xea|\x97\xdf8"\xf6\x19sS\xd4\x89\x1d.\xfe\xd4\x87\x80\x8d\xc9L\xa9[\xbc\xd3\x91q\x19\x80\x9f\x85\xc4RE\x07J\x9aQi\xfb\xfc\x83\x93\x1f\xb9o;\xf1 \x15\x0b\xa1\xdb\xa6\xf1B\x91\x0ebH\x87\n\xec\n\xf7\xc8\xb0D\xd38\x0f\x84eA0\xb2\x0b\xdb\x89\xad\xa1\x9eK\xd9f\xf4\xb2\xe5\xdfOq\x83d\xa5lD\xafX\xd8\x9f\xcf&lt;\x05\x92.\x93\xc7\xb3\x06f"\xaa\xffM\xae\xa2\x00\xf3\xdcYw\xa4\'\xae\xc2\x17\xe4\xdbl\xa0\xa0\x84\xf7\xe4o\x96n|\xc1\xb8+\x99\x83\x1b\x0c\nk*0\x9c\x90c\xe3i?\x18\xccI\xb8\xda\xb0\xd1g.\xa4\xa9\xbc\x89\x93\x05\xe7\xc9P\x93\xec\xadl\x85\x84\x1d\xd8\'\xe1Vp\'\x15\xb0\xa9\x9d.\xff\xa8\xd5\xaa\x19O\x00\xd5\xcd\x98\xa80\x013Q\xe9\x9aQ\xee\xf8\x0fl\xa0\xac\xdb\x1b\xc3\xd1\x7f\xe2=\xc6\xdb\x06\x16\xc0P\x1c\xc2\x97\x16T":4n\x9a\x86\xe9\n\xdaf\x1e\x9d\xa4i\xfc\xbc\r\xb1_\xb3=}1\x01\xa9B;\xcc\x98\x8d\xf4\'\xce\xe1;\xcfu\x94A\xa2\x0c\xaa)\x0f\x12\x03\xcb\xdb~`\xd1\xad\t\xa1)Mk\xb8\xc3@^:\xa3\xcfWg&amp;\n#g\x18\xed\x9f\xc7\xa6CNg\xdc$\xe8&amp;\xa0g\x05\x93[\xeb:bH\xe1\x8e\x92&amp;\x80(\xc5\xa9\xf1\x91\xa0\xafU\xa2\xd5V.\t\x88&amp;\x94[\xb5\x85\xd2\xd7\xbb\xcb\x9b\x1e\xa7\xa4R^\x19\xc3@p\xf9\x99K\xd3\xb3\xc9\x92G\x8eT\x8e#\x91b\x0f\xda!\xa0D\x08n\x86\xaa\x84\xa3\x80\xa7-\xa4\x15\x8c\x9bCB\x8f\x06\xd3\xcc\xbe\xc5\xea`(\xaf@v&gt;\x88\xb7\xf1\xbd3\x02;\xfe2m\x87\xb3\xf8\\\\\xa1\x8e\x9aR\xf3\xb2\xd8[.R\xb2\xc4\x15\x827:\xf4s#\xef\xc0\x83\\\xb5\xb9\x18\xd7\xdd\x00I\xe8ZR\x85\x1d*(Z\x9e)7k\xb046\xb6Ji\xaa\x957\xde\x8a\xc0j\x16u\xb2\x89;E\xb1\x0eu`\xfc\x01S\x90^\xd3\xe8\x14\xe9\xa01\x1c\xdb\xb5\xfc\xf6\xd0T\xce)\xb4\x1b\x01Q\xbcA\xf5\x8e\x91\xba\x91\x18/W\x82\xd4\x03\\B\x88&lt;\xd7\x9a\xdc\x15\xdd\xce\x02\x91\x90h@\xdd\x98\x00F\xb1j\xd9!\x96CEh\xb9L\\\x1d\x83\xd5\xaf!\xcd+\x0bl\x8e\x9d\x8a\xf2+b=\x11jzg\x93$\'\xe6sG\t\xfa\xf7\xe6\xf6\x9f\xd8\xe1Ou\x8e\x1cpk\xf4\xc2\x87N\xd31D\xa9$\xb6`U\x1f\x81^\xc6;\xab\x07\xee\xe2*1\xb52\xdc\x8b\x07\xaeP\xda\x92&gt;\xf8d,\x13\xa3y\xd6plg\xe4\xc7\x82h\xbb]\xfa\x02\xbcc\x88\x8e\xa2{\xbf^\xe3%\xd9\xb3\x10\x99\xd2\xca\x92a\xa4\x02\x81\xea\xaf\xb4d\x83'</t>
  </si>
  <si>
    <t>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</t>
  </si>
  <si>
    <t>b'\x10\x17\xbd\xc9\xa2%j\xfc\xf5|\xbc\x97\xc5c\x90f'</t>
  </si>
  <si>
    <t>ather who was willing to spend a great deal of money
 on his little daughter.
 "It will be a great privilege to have charge of such a beautiful and
 promising child, Captain Crewe," she said, taking Sara's hand and
 stroking it. "Lady Meredith has told me of her unusual cleverness. A
 clever child is a great treasure in an establishment like mine."
 Sara stood quietly, with her eyes fixed upon Miss Minchin's face. She was
 thinking something odd, as usual.
 "Why does she say I am a beautiful child?" she was thinking. "I am not
 beautiful at all. Colonel Grange's little girl, Isobel, is beautiful. She has
 dimples and rose-colored cheeks, and long hair the color of gold. I have
 4
 short black hair and green eyes; besides which, I am a thin child and not
 fair in the least. I am one of the ugliest children I ever saw. She is
 beginning by telling a story."
 She was mistaken, however, in thinking she was an ugly child. She was
 not in the least like Isobel Grange, who had been the beauty of the
 regiment, but she had an odd charm of her own. She was a slim, supple
 creature, rather tall for her age, and had an intense, attractive little face.
 Her hair was heavy and quite black and only curled at the tips; her eyes
 were greenish gray, it is true, but they were big, wonderful eyes with
 long, black lashes, and though she herself did not like the color of them,
 many other people did. Still she was very firm in her belief that she was
 an ugly little girl, and she was not at all elated by Miss Minchin's flattery.
 "I should be telling a story if I said she was beautiful," she thought; "and
 I should know I was telling a story. I believe I am as ugly as she isâ€”in my
 way. What did she say that for?"
 After she had known Miss Minchin longer she learned why she had said
 it. She discovered that she said the same thing to each papa and mamma
 who brought a child to her school.
 Sara stood near her father and listened while he and Miss Minchin
 talked. She had been brought to the seminary because Lady Meredith's
 two little girls had been educated there, and Captain Crewe had a great
 respect for Lady Meredith's experience. Sara was to be what was known
 as "a parlor boarder," and she was to enjoy even greater privileges than
 parlor boarders usually did. She was to have a pretty bedroom and
 sitting room of her own; she was to have a pony and a carriage, and a
 maid to take the place of the ayah who had been her nurse in India.
 "I am not in the least anxious about her education," Captain Crewe said,
 with his gay laugh, as he held Sara's hand and patted it. "The difficulty
 will be to keep her from learning too fast and too much. She is always
 sitting with her little nose burrowing into books. She doesn't read them,
 Miss Minchin; she gobbles them up as if she were a little wolf instead of
 a little girl. She is always starving for new books to gobble, and she wants
 grown-up booksâ€”great, big, fat onesâ€”French and German as well as
 Englishâ€”history and biography and poets, and all sorts of things. Drag
 her away from her books when she reads too much. Make her ride her
 5
 pony in the Row or go out and buy a new doll. She ought to play more
 with dolls."
 "Papa," said Sara, "you see, if I went out and bought a new doll every few
 days I should have more than I could be fond of. Dolls ought to be
 intimate friends. Emily is going to be my intimate friend."
 Captain Crewe looked at Miss Minchin and Miss Minchin looked at
 Captain Crewe.
 "Who is Emily?" she inquired.
 "Tell her, Sara," Captain Crewe said, smiling.
 Sara's green-gray eyes looked very solemn and quite soft as she
 answered.
 "She is a doll I haven't got yet," she said. "She is a doll papa is going to
 buy for me. We are going out together to find her. I have called her
 Emily. She is going to be my friend when papa is gone. I</t>
  </si>
  <si>
    <t>b'\xd3\xff\n\x8c\xb0\xe9d\x99'</t>
  </si>
  <si>
    <t>d3ff0a8cb0e96499</t>
  </si>
  <si>
    <t>yself the monster had pulled himself together, 
 his crutch under his arm, his hat upon his head. Just before him Tom lay 
 motionless upon the sward; but the</t>
  </si>
  <si>
    <t>b'D=\xea^~\xb6\x826\x1e\x1eZ\xa2\xe8\xfcj\x8c0/O&gt;\xbe,\x0f\xa9\xdd\x05r\xbb\xfbg\xdb\x9a\x13K\xbc\xb1+\xb8\xe4i&lt;\xc5h\xf1^\x1f\x05\x9aF\x88\xc4Z\xddH\xef\xf7\x7f\xce\x9d\xeaC\xbe\x96=\xb6R\x98\xcd\x0c\xab\xd8\xf5,\xcdF\x0f5\xc7\x98\xa7\xe8\x88\xa1\xd1Z2N f\'L6\x8dX5\xfc\xdapZ\x8eF*b\xa1\r\x12} \x18OE\x83_\xa8\xec\xba\x17"\xd6\x18\x12\x14RM\xda|\xc0\x86q\xbfDj\xfdrf\x99\xd2\x97\x9c6J\xe2\xcf\xc6\xf0\xa6\xb2Z\x83s\xb0\x0b\xad\x81\xc2X\xaf\xcea\xb7\xacV\xf6\x0bz\xc5\x16\xaeF\xb7\x95\xaa\xe0\xc5z\x00\xabp\xc2?\xcdv\xb4\xada\xfe\x1eH\x11}\xe1\xf8\xb4z^\xf4\xad\xb3\xa4og\xacRz\xd5\xff\xe5:\xf0\x96\xac\x03x\xd2=\x19U\xa5\xe4\xa5\xf3\x1b\x97\x01\xd0\x0b&amp;\xec~^\x7f\xdc\xb1\xc3\x90\xc0\xc7}V\xf2\xad1\x17V\x0f$\x0f\x1eu3u\x0e\x12\xb2H\xd5'</t>
  </si>
  <si>
    <t>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</t>
  </si>
  <si>
    <t>b'D=\xea^~\xb6\x826\x1e\x1eZ\xa2\xe8\xfcj\x8c'</t>
  </si>
  <si>
    <t>a humbug?" asked Dorothy.
"No one knows it but you fourâ€”and myself," replied Oz. "I have fooled
everyone so long that I thought I should never be found out. It was a
great mistake my ever letting you into the Throne Room. Usually I will
not see even my subjects, and so they believe I am something terrible."
86
"But, I don't understand," said Dorothy, in bewilderment. "How was it
that you appeared to me as a great Head?"
"That was one of my tricks," answered Oz. "Step this way, please, and I
will tell you all about it."
He led the way to a small chamber in the rear of the Throne Room, and
they all followed him. He pointed to one corner, in which lay the Great
Head, made out of many thicknesses of paper, and with a carefully
painted face.
"This I hung from the ceiling by a wire," said Oz; "I stood behind the
screen and pulled a thread, to make the eyes move and the mouth open."
"But how about the voice?" she enquired.
"Oh, I am a ventriloquist," said the little man, "and I can throw the
sound of my voice wherever I wish; so that you thought it was coming
out of the Head. Here are the other things I used to deceive you." He
showed the Scarecrow the dress and the mask he had worn when he
seemed to be the lovely Lady; and the Tin Woodman saw that his
Terrible Beast was nothing but a lot of skins, sewn together, with slats to
keep their sides out. As for the Ball of Fire, the false Wizard had hung
that also from the ceiling. It was really a ball of cotton, but when oil was
poured upon it the ball burned fiercely.
"Really," said the Scarecrow, "you ought to be ashamed of yourself for
being such a humbug."
"I amâ€”I certainly am," answered the little man, sorrowfully; "but it was
the only thing I could do. Sit down, please, there are plenty of chairs; and
I will tell you my story."
So they sat down and listened while he told the following tale:
"I was born in Omahaâ€”"
"Why, that isn't very far from Kansas!" cried Dorothy.
"No; but it's farther from here," he said, shaking his head at her, sadly.
"When I grew up I became a ventriloquist, and at that I was very well
trained by a great master. I can imitate any kind of a bird or beast." Here
he mewed so like a kitten that Toto pricked up his ears and looked
87
everywhere to see where she was. "After a time," continued Oz, "I tired of
that, and became a balloonist."
"What is that?" asked Dorothy.
"A man who goes up in a balloon on circus day, so as to draw a crowd of
people together and get them to pay to see the circus," he explained.
"Oh," she said; "I know."
"Well, one day I went up in a balloon and the ropes got twisted, so that I
couldn't come down again. It went way up above the clouds, so far that a
current of air struck it and carried it many, many miles away. For a day
and a night I travelled through the air, and on the morning of the second
day I awoke and found the balloon floating over a strange and beautiful
country.
"It came down gradually, and I was not hurt a bit. But I found myself in
the midst of a strange people, who, seeing me come from the clouds,
thought I was a great Wizard. Of course I let them think so, because they
were afraid of me, and promised to do anything I wished them to.
"Just to amuse myself, and keep the good people busy, I ordered them to
build this City, and my palace; and they did it all willingly and well. Then
I thought, as the country was so green and beautiful, I would call it the
Emerald City, and to make the name fit better I put green spectacles on
all the people, so that everything they saw was green."
"But isn't everything here green?" asked Dorothy.
"No more than in any other city," replied Oz; "but when you wear green
spectacles, why of co</t>
  </si>
  <si>
    <t>b'\x1b\xd1\x03dK\x1d&gt;j:\xe5\xe4\xe0jgLD\xeei\x0b\x0c\x8d\x84\xf7\x1ct\xe5\x98\xff!\x83u\xa5\xe7oQ\xc9\xf7\x97\x9f8\x98h\xc3\x1f\xa9\xedU\xc4Sm\xd2KJ\x04\x92\x0e9x\xa1\x97\\D-\xe3\x87\xd1+\xcb\x8f\xb9\xbc\x1c)\xc9\x81\xf8\x90\xcbQM\xab\xfbk\xab\xa9wY\xdb3\x7f\xe1\xfd\\\xd8\x06}\xacN\xb7\xc2;\x8f\xe5\x12\x13\x12\x0c\xf7\x8dYY\xfe3\x8fZ3HB6O\x10\x03\xdbzN?v|Sx\xe6\xf1O\xc7?\x92\xe8\xc5w\xc3\x90\n\xee\xbe%\xde\xf7\x8a;\x96\xacp\r\x11yng\x0e\x146\xbc\\k\xdcmC\x15oP\xf3\x88-@\'\xb79\xaah+\xe8&lt;K^X\xbc\x0c\x1b\tJEU\x82\xc6\xc7\x9b\x99&gt;o:\xdce;\xb0Ed\xbe\xff\xb5\xbd\xa1\x1c\xce\xd1f\xddk\x04N\xf9\xe7\x9b\xc5\x90\xb0\x1e\xfb&lt;\x98u\xe0\x90\xe5ps!\xb9#\xd37h\xab\x9fj[\xf2\x06\x83\x92\xfdw\xc9U\x04\xc0\xa9\xd0\xdcaZ\xaa@\xfd\x0f\x04\xbb$Dhi\x91\xa3\xfa\x01\xdb\xfa\xaa\xd1%\x84\xe9`\n\xe6V\xcch\xb0^\xcfx}\xf3a\x9a\xd63\xc1&amp;\x1c\xf5\x11\xf1\x19\xb6\xec\x8fd\x8b\x97\rk\xd7&amp;*\x0f\xe9\x06\xa0\xc2\x7f=\x8d\xe6D\xd5yN\xc7\xc9\x1d\xc2\x0e\xe4\x03\xe1G\x07\xd2\xad\xc8z\x1cI2\xc4\xa7C\x170FAx\x8f\x9fW\xa0\xb2V\xc5Wz\xc2\xe9\xc0mLm\xf4\xcf\xc5\x0b\xbf\xf4\xb5\xd4h\x15bhym\x95\r\xd3\x8bM\xcdh\xbe\xa4\'.\xd1\xc1\x01\xe9\xe74\xac\xfe\xd8;O\xbc\xd4\xd6a\x05lC\xc6\x90\xe1\xde\x9bp=O\xf1\x85\xd90\xe5\xe8\xdc\x013~\x92\xa7\xaa\x80\x15]\xecQM\x82\xc1\xf6\xfe\xea\x07@\x94\x857\xcf\x8d(8\n\xf3:\xdc5K\x17\x08\xd5\xa8\x02D\x82S\x11p\x1aOB\xe1b\\\xa9-\xea,\xa1N\xc5IB4qT5\xe0\xee\xff\xc4Y\x1d\xd1\x11\x86\xc9\xeeJ9\xa44\xe3\x00\xb4\x19X-pD\xe4"\xba\x83\x9f\x8a\xc6\x7f\x1b\n&gt;\xed3L\xb8\xfc\xed\xcbU\x85b:\x16\xfe\x89\x8d\x8el\x11\xe5:W\xedL\'\xda#\x00:\xde\xc4\x87\xb8r\xd6?\x8e\xbaH\xcbq[\xa5\xec\x8f\x8c\xf7a\xa7\x9e\xec\x87\xf1&amp;\x03D\x8e\x1f\xb0\x988|\xb8o\xbd\xe2\xd9\x9c\xd6\xb2\xc9\xcb\xc0\x7f\xbe\xf3\xfe8\x18G\x8e\x01\xdc\xe6\xa5b\xf9F\xea(\xcc1\x8d\xf8\xe4\x8e\x05\x8f\x9a\x9f\x05\x03\x92\x8ec\xfcJ0\xd6\xed\xb8\x02\x91g\xee\xabZ41"\x81\xae\x1b\xbf%\x99\xf7|p\xd0\xd0(\x02\x8e\xf3\':\xd1\x1a\xafC\x91\xac\x9a\x89\xfd\x83\xf0\x84\xc9\xe3\x8c(&gt;\x91@h?-4`?\xbd\x12\x03\xddFg\xf6\x8f\xe0s\xb0\x83\x86\xf5UX\xb9\xc0\xb0\x05\xf8c\xb4\xa7\xcb\x14(-\xb3\xe2\x92\xc1\x8f\x8dP73K\n\x0b\xc9\x19F\x9d\xfc\xffk\xa0&amp;\xd7\x188\xc8\xd8\xf9\xea\xfb[\xb8}`pP(7A\xed\x1a\xa6\xeaQ;64S\xbbKa\x8f\xc7P\x8d\x95I\xf1\xb5\xa8\xf3\x7f\xc3\x9e\xa5\xf5m\xbb\x16\x99\x8bL\xec\x10\xca\x03\xe1\x8a{l\x8f\xa2\x89\x857&gt;\x05\x83\x96\xe3\xc50&gt;\xd6\x8fWU&gt;\x9b\xe6\xdc\xaf7\x86\xa0.\xd0RjI\xeewKD}\xe0\xc8/\xc0\x1d\xae\xb9\x0c\x0fBf\t\xe0\x1a@\xaf\xe4\x88\xa3\xfae\xdaf\xed&amp;\xf5\x15\xb1&lt;\xb0\x0f\x8d\xe1lDAN2\xe3\x93!\x10G\xf9\xdb\x08:U%Ki\x10e\xd4\x87/\x9a\x97\xa9\xa5\x9f\x88\xcb\xed\xdf\xda \xb7\xb9@2\xeb\xddI\x92\x8f)\xcbT\xa3\x96\xdf\x91\xad\tu\x85\xcc\xcf\xfa}H!f\xdf\x92y[\xd2\xe8A\x1a\x01q\xa2\xb8\xd1\xa5\x13\xf5|\xe4\xc0B\xfc\xa1j\x944@\'\x04Ob\xe6\xd7B\xc0V\xa58\xc5\xcc\xc0\x18\xbcN\xae\xfb\xc9\xa0\xe4&gt;\xb9\xe7\xb6\xfb\xa1\xe6\xca\x83\\\xd6\xea\xec\xff@\xa0\x17\xf2\x88\xb1\xa6\xdbg\x81\x8e;C6\xbet\x08\xeat\xe4\x88*\xc0v\x96\xd1\xc80\xa8+\xd5\xf9\xb3Bf\xfd\x1b\xfaTq\x91\xb10\xaa\x13\xa4F\xfc\xa5As\x89\x83\xab\xb6\xe5\xc8\xd4\x86k\x95\x8bM\xcdh\xbe\xa4\'.p\xfc\xbc\xb2}\x12\x95!\xed\x19\xa1mb\xd6mJe\xca\x97#\xa4(\x138e\xe4\x95\x9e\xd6}$\xaeQC\x80\xb9\x07\xa2\x87\x94\xb1r\x00I\xa7N5\xc8\xb3\x0f\x16B\x86\xc5l\x14@j\x8d\xd1\xda\xb8\xe3u\xbeI*\xd5:\x89\xf2k\xf3\x8d\xe1A\xe6\x1c\xb4F(\x97p\xbf\x8d\xed\x1d\x06\x04\xd7\xe8\xf3\xda\xc3\xd6?\xc7\x84T\xea\x8d]D\x9d\x11/\xccw\xa8ks\xcf\xf1B\xe28\xe6m3\x8e\xdd$\xbd\xc7\x90W\xf3H\x98\x06R\xcb\x14\x92\xb5\xe1I\x15u\xf8\xbf3\xea\x9a\xe8#\xef\x10\x03\xfd\xb5\xf6V#\xc7\xc7et\xd8\xac\x10[\x01\xb7P^\xd7\xa2\xc6\xa0\x03;\x1b\xce\xd0\t\x00\x8fR\x8a\x1d\x8f4\x7fNA]\n\xe9\xf9\xfd \x0fm\x91fC3\xf6\x830\x1c\xa7\xf0\xed\xb9z\xabw\x07\xb8f+\x89Y\t\x03\xee\xecI,\x1d\xa4\x1b\xae\xded\x1d4\xab\x95\xdeI\x95\x92%\x14\xf7\x0e\xcd\xcd\xben\x1e+\xd0\x86\xce\xdeG&gt;\x9b\x14\xeb\xa5\x80;\x10\xf24\x0ew)d;\xe1:)\x8d\n\xd6.\xde\xe2y\xf3b\xb068\xfd\xbc\xf3\xcd\xb2\x9a=\x93\xa8\x9f\xf5d\x1d4J \x98}A\xed\xed\xd8\xb4\\_\x1ff\x9c\xaa\x82X\xde\xcc\x041\xa1\rm\xd5\xe6\xd48\xf9\xe0\xeeL&lt;\x90\xbap\xacpbP\xe6\x18\x9b\x1b:N\x0e)?\xa0\x04o\xa5\x19\x96\'\x18\x04\xb7\xfa\xb3\xb2\x06\x0e?l7Y\xc3\x90p0\xae\x1b`\x116]\x80\xd9\xb4M\xf9\xb6\x00\xd3&gt;\x0c\xa0\x15\xcf\xbah3\xd3\xdcF6a"}\xbd\x138\x0c\xe6-\xae\xde&lt;.\x87\xd5\x8d+\xe7T\xf2\x12\x068Oz(\xcd\x1beImBV\x90[\x06\xf5\r\xc3\x84\xbf./o8I\t3\'\xe5\xacFz&lt;\x84\t\x92)N\'\x13\xe4:\xa5\x12\x18\xd9/V\x9a\xb6,\xdc\x9ex\xdbh^ye\x9c\xec=\x16| 8G\xaa\xad\x1c\x04\x01\'|$\xd2\x8e\x7fdY^\x02\x80\xaf\x10\xb9\xb8\x93\x08\x81J\x10\xb7}Y\xf4J\x92\x1e\x0b\xa2\xcc\xce0\x1bsY\xaa\x90qyJ+\xb0\\\xeb\xdc\x05\x1e+\x04\xfa\x1a\x02\xf8j\xf8\xa1f\x92j\x8f\x8f\xe8\x1e\xa4\xe3\x17\xa5{\xbb\x16\x96\xe5\x14}\xe3\x98\xaeB\xa7Vz\xcf\xc8z\xb0\xed\x82\xf7\xc5\xc7\x91JM\x0b\xcee\x94A\xe9\xb2\xa5\x82Ha\xb8s\xbd~\xfe\xf5xr\xff\x0f0\x0f,$\xe1\xa0\x16\xf3\xa1e\xe0\xb6\xbb\xe8\x9fB\xe9\xea\xff\xd0\xa1\xea\xb5x8A\xfc\xde\xeb\xa3-\xea\x1b\x90\xc5\xf2X\xe8\x8b\xa3\x82\x9cx:Q8\x0c\xc20\x7fH\xbaT2\xe3FDj\xc4\xd0yN\xd7i\x17\x1b\xfc\xcc\xbc\x9a\xa1%|C\xffCC\xad\xdd\xaai\xbe%X=\xbd&amp;\x87\x9c\xf6\xcc\xdd\x0b\xb7V\xc8NC\x87\xbeD\x92R\x19p\x9f#Br\x0bU\xda\x11\x9f\x95|\x97\xablo\xba\t&gt;\xa6\xf9\x89\x87cO\x00\xf3\x1b\xa2\xed\xe8\x949\xbd\x9fx\\"\xb5/\x1eC\xb7?\x97\xaf\xda%\xbbe\x9e\xa7RW-\x97\x8cc\x92\x12\x80f\x8d,}3\x88^g\x1c\xf72\xd8\xa6m\x05\x9a\x83R\x1cN\x94\x87\x06\xaa\xb4\xe1\xfc\xf0e\x83vA^\xd9\xecK\x0ffZ8\x98=\x1fQ\xf5\x9d\xa5\xe6\x93\x9a\xa7\xb4#0}&lt;\xb7\xa4\xe4\xb5^\xcd\xd9\xb0\xed\r\xe7\xf8\xdf \xd5\xab\xb8h\xc2bx\xbf\x1eF\xac\xc6\x9eQ\xd8V\xa4\xf1\xf8N\xbcO\xa8{\xf0\xb7U)\xdb\t\xc6\xd8L2\xfbW\x7f\xc4\x83\xf5\xa7\xc9)O\x7f\xa7\xdb\xb7\xd5?\xd4\xbb\xa7\xfco8RF\xf2\xa82\xb6\x7f\x16"8\xa0\x8e]n\xaa\x05(\xe2\xaeO\xa9\xc4^\xbf\xd2)\xd6\xd3Z\xc0k\x01"\x0bk6\x80\xfeW\x9d\xb6\x06\x1b\x06\xa9,\xffs!\xd6\xc6\xf3\xb1\xab\x85;@\xe6\xe3\\\x96\x8cF\x0f\x89\xd7@\x8f\xb7\'\xd6\xc5`\xd8MC\x8afY\xff\x83/\xcd\x15\xc8\xf1\xc1_&amp;\xf2\xfa~Q\x1c\x9c|\x07\x94\x06\x808\x10Q\xc1\xc2\xd9\xb1\t\xbciE\x07\x18\xf8\xf3\xa0\x92XIDv\x0bsq\xc9\xca\xa95\xd9\x1b\x97\xf7\xb0_b\xe7\x97\xfd\xc4\x9eX\xae\x93\x0e\x01\x1c\xb6\x0e\x8a\xec\xdc\xcbSa\xf7(\xb6\xa8\xb4O\x05;\xdc\xb4\xd6\xba\x10\x05\xdeM\xbc\x12\xa6\x07\x1bW\xa9+\xec\xfd\xcb\xc1\xc4\x89nT\xa3\xfe\xb5\xc4~,\xe3\xa7[\nB\xe2\xd9qn\x943\xed"\x91\xab\x8a\xb5h\xac\x86TY\xb4\x9eC\xb7\x83\xf42E\xa0q~\xae\xbfg@\x8f#C^ `\x17\xad\x10\x8d$\xf7,@$\x8b\xe2\x18+\x93 %lv\xa9\xf2v\x90\x1d;\xe8+\xf3\xce\xb1\xc2(\x0czs\x9bg\xfcX\x1af\xa6G\xf5J\x80\x9a\xec\x17\x04\xb4\xd0i\xc2\x07\xbd\xc7\xe2HJ\xd02\xc9\x01\xb2\xbe\x1c\x8f\xc4\xd25\\\'\x07\xec\xba\xc2\x18\xaae\x1c&gt;\xdco=X\xcb|q"qB\xe3Y\x0e\x00\x95\xbb\x89-9\xa7\x08@\x07\xd9\x0czb\xc0\xcf\xde\xac\x11\xca\rK\x87\xf6\xd3\xf5\xc9\xc6\xcaG_\x8a\xc4\xf3\xc6\xb2%\xadn\xacuCk\x05\x96,\r\xbe\x94\x18\x1f\x1e\'=\xbe\xd15\xd5\xeaY4\x9eU\xab\x958n\xcfR\x99Q\x14M\x93\x92\x8e%\xcf\xf0\x0cb\x1d\xa7\xa0\x01\xc5\xd7\x9erM/\xbe)\xdb\x01.\x10#K\x95\xa3\xfb\xd0ug\x1a\xc0=aOB~N]\xdcW\xbd8\xb7\xecQH\xef\xfcC\x06q\x0f1`\xc7%J\x9b\xb8&lt;\xef\xb6Wr\x05\x922DN\x91\xf2\xc9\xba}\xe3\x88Mi\xd9v\x91uU\xbc\x04AxW/\xf7\xf9\r\xc5\x95\xc8AM\xd8u\x14\xd7\xd5\x08\x7f\xe1\xaf\xe3\xd1\x1d\xde\xc9\xb6\xab2\xa6m\xa5\x88\xe0q\x13\x98\x0e)\xdf9\xc5D\x80\xd0a\x9cFTe\xbeH\xb71\x94\xcb\x88$\x8c\xd7 T\xa7\xc7\x1cZ\xa9yG*\xc2Z\x058\x7f\x8dd\x0c/\x8f\xc2\x95\x8d\xf9\x05,\n\xae\xffU\xf5\xc9Q\xf8&lt;F\x7f:\x9d?\xae\x8d\xf2\x93\xfd\xa3\xc1\x05X\xd0\xe6,\xff\xf6\xa9r\x95\xad\x12"\xd2;ZC\xb2-AT\x04\xe0\xa8(\x0c,{R\x11$\x9a\x8b.\xcaO!&gt;S#\x96\x07\x91\x8f\xfdU\x87/&amp;\xf1\xe2\x16I\x83\xa7I\xbfM_&lt;yS\x92\xd01\xa6&gt;\x06\x0e&lt;\xbaU\x19\x0b"\n\xb24\xc9\x9bo\x87\x8e\x88\x8a\xd8\xf5\xc6\x8e\x15\x95\xc3\xd8i\xa5\r;\xc0X\xa8Z\xf4\xc3\x10\xe1\xda\xddv !\xb7oy\xd5+"7%~\x85w\x0f\x84,\xe9\xfd\xf5\x8d\xc7\x82\xb8D\xe7\xfb\xbb\xe7\xd7l\x9b&gt;$R?\x8d\xa4\x18\x11\xad\xcf\xcb\x04\x9c\xa2\xdf+\xd1\x85\xa1R\x10v\xa8\x04z\xa4\x9b\xb2\r\xf8J\xff0\x02\xde\xf8\xcc\xcb\xf1\xc3EAP:\xe0[\x9a\xce6\xfa\xbf}kC\xbf\xcc`\xc3N/\x1d\x86\x82\xbf\x8d\x93t\xb8\x8b\x17v\x02\xaap\x9b\x93V\x88\x92\xc7p\xb6\x8b\x0c\xbc\x9eZ\xa3\xa4\xa8\x12?\xd9\x9d\'\x052\xdc\xdc\xc0\x11\xc7\xc04\xff\xd0\xc6\xb7\t\x1c\x8eTg\xa3E&amp;\xa21F7\xdcy\xbf\xb2\xe6M\x02\x82\xa4O\xa4-\xb7.\xe1\xdc&lt;{\x99\xab\x93\xf4\xb7j\xc7\xc7k\xab[\x86z\x83\x03D\x8f,\x81\xd6^Vue\xad\xcc\x0c\xb0\xf4R\x86\xbbV\x83\xb9R\xa0{E&lt;XB\xd57\xcagZ7l\xf1zq\x9c[\xa1\xc3\xaa6c\xd7\x8d\xe4\xff\xf1\x08\xaf\x1c9\xfa\x96\x008\xa4\xad=\xeb\xea\x8e\xf9\xfb\x99\x18\x94\xe6\x9c\xbe\x9f)\x02\x19\x01-\xa0\xb1"m\x8e_\x07j\x06DK)\xc0\xbc%\xd0{\xe2\xc2b\xdd\xea\t\x12\xbd\x80\x16\x13\xba\xc15\xcf\xc2\xb9\xf2\xc4L\x8f\x13X\xd2\xae\x03m\xe7\xff\xff\xd5"\xa2\xddD1\x88QY\xd1XC%\x16\x9eb\xe7\x8d\x9c|\xa2F\x8f\x97/[W\xba\xdfO\x19j\xfb\x81\xcaz\xf2\\\xc9\x88\t\x04\xf3\x84\xbf\xe8|k\xde)\xae\x97\xf5tH\xcef \x179\x1fC\x03M\x14\xb9\xa2`\x03h\xc7\xda \xfeOgj\x18\xa2\x07\xdc\xd6`\xfee\xc3\xda\xf2\xc6\xd7\xf8]\xfa\t!\t\xdc\x99n\x8cn\xe7k\xa75\x11\xae\x99\x8d\x1a\xcc\xc3\xf1\x1d\xd42\xef\xd1\x1dq\xe7&gt;P\x9c\x80H0\xe1@\x96\xb8\xf9]i\xd6)\x8d}K!\xbcB\xaf\x02\x7fUK\xbcX\x03+N\xed\xcc\xfd!\xcb\xe52\xc5\x10\x16\xac\xd1\x84\x9c\x9a\xa0\x8fu\x08e\xfd\xf2Z\xc1\xfeTm\xfb\\v\xc4\x9e\xc4~y1\xc6\n\x8c\':&amp;\xb8\xb3q\xd2\xfe\x93\n.\x06\x80c\xb8\r\x0e\xf3uX\xf2\xbc\xefr\x11\x84{+\x13\xbc\x90,|v\xf7\xe51\xadc0?@\xdc\x82\xff\xdb\xe6\xc0\x043\xab,\xd9\xff\xa4\xe0\x1f\xdb\x97g:\xe6\x0b\xeb\xd6\x95-\xf28\xd0b.\xdd\xbb\xf9\x8c\x18\xa7\xca9bM\xd7\x04\xe6_)8\xdc0;p\xc3\xd9\xaa\xe5X\x05SYZr\xeesI_\xb0\x82\xc2\x1e\n\x90\xd9\xa3\xfdV\rT\x1d\xf5\xa9Y\x8e\xba\x93Fy*\tJT\x12\x7f\xb1\xf47y\x10A4^\xa3\xb5\xb3;\x84\xa4F\xd5\xc1\x04\xf3\x07\xa9H\x0bf\xb0\xc4\x1946\x0cg\xdeL\x8fx\x99\xc2\xf4\x16\xce\xd3\xce\xda\xc1\xec\x13\xa1f\xb0\x08=\x8c\xb7P\x87\xd9\xba\x9f\xc9\xa4\xe5Z\xad\xc8o.\x88\xf9\x13\xc2Q\'\x03\x89\x1c\x84\x13\xc0/\xc3U\xdcd?\x00H\x94*\xf5\xb9\xf4\t\xc0b86#Qc^\xcc}\x9c\xf7"\xc08\xa0@\xdd\xa1\xa0\xa8\xfay.\xe1_\xbb.\x1eD\xba\x83\x1e\xd3\xad \x02Qf\x1d7X\x1a7\xad\xb2\x021V6@\xca\xadn\x02\x80\xcf\xbb\x81\xe6\xf5\x99qT\xbf\xd8\xc9\xcd\x8c\x96c\xb3A\x8e\xe0\x9d`\xb2\x13\xb0\x89\x01\xf0T\xeeH\xc9\xf7\x8f\x95Hf\x10\xfc#S\x18D\x17\xfe\xb4T\r(M\xe62\xcf[18\xa2\xa7\xb1JQ\x88\xbb!\xf4\x11\xaa\x97\xed\xf2\x1c~\xcf\xb1j/K\xc7\xed\xd7Mm\xb6BE\x97\xfd8m\xc9&lt;\xba\xeeT\xd5eR\xed72\xf4\xf8\xf1E^x\x88 \xc5\xa9\x98\xcd \x94:\x93\x9bd\xc1\x99\xc0\xe7XX\x85\x94\x82\x1ai\xc7\xda \xb7\xb9@2\xeb\xdd%\x7fc&lt;\xca\xf3;\x8c\x7f\xe0\xd0\x86\xc4&lt;\xa2\x80*A\xde\x94i\xac\x1e\xab_\n\xfc`\xb6\xd0gk\xa1y\x9f(\xfd.\xc8\xa72p\xd8e\xecOW\xf5\xbd\xaa\xb7Z\xf4\x16\x11k\x17\x01%\xe5\xb1\x82y\xb6\xb1\xe6X\x16\x15\xff\xa0\xac5\xf9\xf4\xbf\xf8\xdd\xb9\xc4)\xc9\x81\xf8\x90\xcbQM\xe3\xa7p\xc2\xa2\xa1\x8e\xa0&gt;\xaa\xcd\xdd\x9d\x98\xe4\xc5Qh"\x9aV\x13\xa7\xf6\xfd\x1e-\xcb\xd6BBo&amp;\xdd\'b\x80\xba+*\x83F\x95\x89\xcc(+f?,\x02\xcd\xe6\xc3e\xe3'</t>
  </si>
  <si>
    <t>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</t>
  </si>
  <si>
    <t>b'\x1b\xd1\x03dK\x1d&gt;j:\xe5\xe4\xe0jgLD'</t>
  </si>
  <si>
    <t>fficial United States statistics on
 international transactions.
 Chapter 18, Fixed Exchange Rates and Foreign Exchange Intervention The recent
 financial crisis has led a number of major central banks to lower target interest rates to, or
 close to, the zero lower bound. This chapter integrates the case of the liquidity trap into the
 development of the DD-AA model, thereby allowing the instructor to introduce the topic of
 â€œunconventionalâ€ monetary policies.
 Chapter 19, International Monetary Systems: An Historical Overview This new
 chapter merges streamlined versions of prior Chapters 18 and 19, which covered,
 respectively, pre-1973 and post-1973 international monetary history. The chapter takes the
 open-economy trilemma, previously introduced in Chapter 21, as a guiding framework for
 understanding the evolution of the international monetary system since the late 19th century.
 The chapter features coverage of the macroeconomic antecedents and consequences of the
 global financial crisis of 2007â€“2009.
 Chapter 21, Financial Globalization: Opportunity and Crisis The chapter contains
 extended discussion of shadow banking systems, moral hazard, and financial aspects of
 the 2007â€“2009 global crisis.
 xxii Preface
 In addition to these structural changes, we have updated the book in other ways to
 maintain current relevance. Thus we examine linkages between trade and unemployment
 (Chapter 4); we review recent trends in foreign direct investment (Chapter 8); we discuss
 the carry trade in light of uncovered interest parity (Chapter 14); we describe the euro zone
 sovereign debt crisis that started in 2010 (Chapter 20); and we explain how the financial
 crisis of 2007â€“2009 gave rise to a global â€œdollar shortage,â€ leading central banks to estab_x0002_lish an unprecedented network of currency swap lines (Chapter 21).
 About the Book
 The idea of writing this book came out of our experience in teaching international eco_x0002_nomics to undergraduates and business students since the late 1970s. We perceived two
 main challenges in teaching. The first was to communicate to students the exciting intel_x0002_lectual advances in this dynamic field. The second was to show how the development of
 international economic theory has traditionally been shaped by the need to understand the
 changing world economy and analyze actual problems in international economic policy.
 We found that published textbooks did not adequately meet these challenges. Too often,
 international economics textbooks confront students with a bewildering array of special
 models and assumptions from which basic lessons are difficult to extract. Because many of
 these special models are outmoded, students are left puzzled about the real-world relevance
 of the analysis. As a result, many textbooks often leave a gap between the somewhat anti_x0002_quated material to be covered in class and the exciting issues that dominate current research
 and policy debates. That gap has widened dramatically as the importance of international
 economic problemsâ€”and enrollments in international economics coursesâ€”have grown.
 This book is our attempt to provide an up-to-date and understandable analytical framework
 for illuminating current events and bringing the excitement of international economics into
 the classroom. In analyzing both the real and monetary sides of the subject, our approach has
 been to build up, step by step, a simple, unified framework for communicating the grand
 traditional insights as well as the newest findings and approaches. To help the student grasp
 and r</t>
  </si>
  <si>
    <t>b'0E\x02 N\xf0\xe3\xb3\xfe6h\x8d\x16\xa1G\xf4 \xee\x94\xe4\x12\x9fSl\xb7$\x8dJ\xc2:\xd0qBA\x94\xcd\x02!\x00\xf4\x13 W\xca\x8f\x8fk\xf2\x08,|^\xa8]\xd9W\xd9\x08\xd0_\xd4\xc6\xa7\x99\x17\xd7\x9e\x05$\xa1w'</t>
  </si>
  <si>
    <t>304502204ef0e3b3fe36688d16a147f420ee94e4129f536cb7248d4ac23ad071424194cd022100f4132057ca8f8f6bf2082c7c5ea85dd957d908d05fd4c6a79917d79e0524a177</t>
  </si>
  <si>
    <t>b'0E\x02 N\xf0\xe3\xb3\xfe6h\x8d\x16\xa1G\xf4'</t>
  </si>
  <si>
    <t>Problem 11.25 As you know, the magnetic north pole of the earth does not coincide
  with the geographic north poleâ€”in fact, itâ€™s off by about 11â—¦. Relative to the fixed
  axis of rotation, therefore, the magnetic dipole moment of the earth is changing with
  time, and the earth must be giving off magnetic dipole radiation.
  (a) Find the formula for the total power radiated, in terms of the following param
 eters: 
 (the angle between the geographic and magnetic north poles), M (the
  magnitude of the earthâ€™s magnetic dipole moment), and Ï‰ (the angular velocity
  of rotation of the earth). [Hint: refer to Prob. 11.4 or Prob. 11.11.]
  (b) Using the fact that the earthâ€™s magnetic field is about half a gauss at the equator,
  estimate the magnetic dipole moment M of the earth.
  (c) Find the power radiated. [Answer: 4 Ã— 10âˆ’5 W]
  (d) Pulsars are thought to</t>
  </si>
  <si>
    <t>b'\xb6\x88f\xd0\xba\x92ez0^\xbe\xb2I\xc5\x16\x98"\x08\xfeV\xf5\xad\xa7\x89\xb3sI\xfe\x8e\x85\xf1\xb7'</t>
  </si>
  <si>
    <t>b68866d0ba92657a305ebeb249c516982208fe56f5ada789b37349fe8e85f1b7</t>
  </si>
  <si>
    <t>b'\xb6\x88f\xd0\xba\x92ez0^\xbe\xb2I\xc5\x16\x98'</t>
  </si>
  <si>
    <t>be
studying, not playing,â€™ was Bethâ€™s resolution, while Amy followed
their example by heroically declaring, â€˜I shall learn to make
buttonholes, and attend to my parts of speech.â€™
â€˜Very good! Then I am quite satisfied with the experiment, and
fancy that we shall not have to repeat it, only donâ€™t go to the
other extreme and delve like slaves. Have regular hours for work
and play, make each day both useful and pleasant, and prove
that you understand
the worth of time by employing it well. Then youth will be
delightful, old age will bring few regrets, and life become a
beautiful success, in spite of poverty.â€™
â€˜Weâ€™ll remember, Mother!â€™ And they did.
207
C H A P T E R XII
Beth was postmistress, for, being most at home, she could
attend to it regularly, and dearly liked the daily task of
unlocking the little door and distributing the mail. One July day
she came in with her hands full, and went about the house
leaving letters and parcels like the penny post.
â€˜Hereâ€™s your posy, Mother! Laurie never forgets that,â€™ she said,
putting the fresh nosegay in the vase that stood in â€˜Marmeeâ€™s
cornerâ€™, and was kept supplied by the affectionate boy.
â€˜Miss Meg March, one letter and a glove,â€™ continued Beth,
delivering the articles to her sister, who sat near her mother,
stitching wristbands.
â€˜Why, I left a pair over there, and here is only one,â€™ said Meg,
looking at the gray cotton glove. â€˜Didnâ€™t you drop the other in
the garden?â€™
â€˜No, Iâ€™m sure I didnâ€™t, for there was only one in the office.â€™
â€˜I hate to have odd gloves! Never mind, the other may be found.
My letter is only a translation of the German song I wanted. I
think Mr. Brooke did it, for this isnâ€™t Laurieâ€™s writing.â€™
208
Mrs. March glanced at Meg, who was looking very pretty in her
gingham morning gown, with the little curls blowing about her
forehead, and very womanly, as she sat sewing at her little
worktable, full of tidy white rolls, so unconscious of the thought
in her motherâ€™s mind as she sewed and sang, while her fingers
flew and her thoughts were busied with girlish fancies as
innocent and fresh as the pansies in her belt, that Mrs. March
smiled and was satisfied.
â€˜Two letters for Doctor Jo, a book, and a funny old hat, which
covered the whole post office and stuck outside,â€™ said Beth,
laughing as she went into the study where Jo sat writing.
â€˜What a sly fellow Laurie is! I said I wished bigger hats were the
fashion, because I burn my face every hot day. He said, â€˜Why
mind the fashion? Wear a big hat, and be comfortable!â€™ I said I
would if I had one, and he has sent me this to try me. Iâ€™ll wear it
for fun, and show him I donâ€™t care for the fashion.â€™ And hanging
the antique broadbrim on a bust of</t>
  </si>
  <si>
    <t>b'\xc5\x91+\xde\xda\xdcD\xaf~:-$\xd7W\x7f\x18\x16\xbbU\xfab#\xacv\x83\x0bB\xf0\xf5\xaf\x0e\x8b\xb1\xd4D"[A\xb8\xd2\x19\x8f\x1c\xaeh\x13\xb1\t\xcdq2\x1b\xbcwM\xcbq%\x017\xdfD\xb8\x00m8\xfe\x11Q\xaf]]\xf1\xe6\xf6\xe2\xad\xe97\xf3\n\xd8\x86\xd2b\x8c0\xa7&amp;Y\xcf\xefd\xfe\xc6\xe5\xdb\xa9\xd5\x8d4\x83\x80\x0fTw.\x0e\xb4\xabI\x9bd\x1d\xb8\xc8Y\xf8~*4\xfc:Bt\x9fP^\xed\x92\xd0\x13\xfb\x11\xd6\xee\xc5\xa1\x15\xfb\x05\x88\xdb\xbb\xae\x1c\xc8l\xe6\xfa\xe3\x921o\xa8\x1f\xda\x9el%\xe7\x90\xea\xcb\xb9\xa2\\v\xd2"\x8a\xbd.k\x9b\x0f\xd26g\x14\xcf0k\xadB\xcd\xab\xd3\x9b\xd5\xe9\xe6\xa6\xe5U\xa3\x0f\x93\xcf\x02\x81\xfc&amp;\x14mZq\x11\xe1\x19\x15d\x081\x9c\xf1\xa9&lt;*C\xa2\xde\xecL\xa3\x95B\xdf\x1b\xe3-\x06O\xe0\xcaq\xdc^\xa0\xc3\x85\x8c\xbd\xd1\xe8x)|\xcf)l#?\xbf\x9f\x85/\xe5\xc6ek\xfc\xa7\xf7x6\xd8\x82\xe7\xa5\xc2\xdc\x03;\x08\x93Mr\xe3Nq \tX\xf2\xf9G):\xf8\x13@\x8f\x91h\xb2bfE\xaf\x85\'B\xb8\x1a\xe9\'\xef\xcd\tzAJ&lt;\xa6\xd1&amp;cj%U\x8f\xd1\xe9\xe2f\x0e?\x06\xf5 \xf6\xb1C\xcf\xef\xf13\xb1P5f\xd7\xe4\xe3%oR\xd5\xaa\xe0/\xbb\xc0L\x10\xc2\xd32\xbc\x9ex\x96\x8dQ}O)\xf3\x1d\x0c\xde3v\xa8\xe2\x9d\xe5\x8e\xcc\x9d\xac\x0f\xff\xb6r\x9a\x88\xb7I"\x06.\xebp\xc7\xe0\xc9x\x80\x81\xb1L\xdc\xeb\xcbW\xde\xc1\xfb\\7\x95\xa5RS\xfb!*\xede\xb3\x8bih\x86\xeb;U\xe1\xf5.\x91_V\x0cq\x867!\x90\xe7&lt;2\x97Qd\x10\xe6\x86\xf9\xa8\xc0\x18\x19\xb5F\x9e\xed\xc4\xa2\xbd\xbb\xdf$\x81^\x9f\xcc\xdf\xb3\xe4\xb5&lt;^\x9a\x835\xfe\xee\xe9\xc2\xf8?m\xe0\x90\x8a\x06\x18\x18Sg`#\'C)\xc1:\x99-\xd6\x82\xaar\x1f\x90x\x98\x96u\xab\x9aHR2\xa5\x8a\xd9\xcb\x9fQu\xdfG dw\xe5\xec\xa5\xabL\x02fs2\x7f\xae\xba^\xf1\x8a\xc4\x8a\xf7\xf62:}\xe0\xf6m\x8b\x95\xdcw\xfa\xfb\xa13\xb3M\xec\xd4\xb1\x19\xff\x1a0\xd1\xeeH6\xa7\x96\xe3\x9b\x86\xfcT?]\xd6\x15\xc7T\xfb\x93z\'\xc9\xa0o\x84\x10\xc3YD\x13\xb5\xf4L\xd0\xa3\xfa\xb0\xc41\xc1\xf7\xa9P}\xeb\xda\x9e5\x97\xedj\xa7\x8b\r\xb3p=K\x8f\xb3I\x17\xa8\xfe\xd9\x8d_\xd9\x93D,\xe4\x8f\x17lf\xe8*\xe8\x12\xbf\xc3\xed*\xe5\x7fS\tl\xc9\x1e\xbbX\x86|s\xb3(\xd0\xd5c\xd49^\xb3\xca\x81^(\x844kc\xb8`*Jxk(\x81\x84i1\xb1\xe7\x08Q\t\xd6\xe7\xe1\xaeo\xce\x90-\xfa\x93L}LR\xfc\xfe\x1c\x19\xaa\xb2\x1bz4Q\xc2\x87\x14Z\xe4\xe6\x04\xf2~\xb5\xf6J]\xce\x1e\x1e\xc6v\xc3\xec\xd4C\xb9aP+\xe1\xb8\xc2\x9a_*\x1bU \xa8\x13\xf3\x14\xeb\x12\'\xbb\x0487l|PN\xb6L\x9f\xeb\xdc\xfe\x1d\x80\xb7\x81=e/^\x87\x8b\x87\x10\x10}n\x87\xc1\x16\x98\x80_\x9fr,\x1c\xb7\xa2\x8c(\xa1\xbd\xb2u\xa5\xe9\x98\x1eM \xb1c\xbc\xbc\xd5b\xfd`\'=\x04F\xc3\xd8\xf5C\x03,\x07D\xc4\xc2\x0f\xd6\x93\\C\x87\xbd/\x0bbX\xda\xde~\xf4\x04\xc8BuY\xdf\xf1\xf3r5\xcag\t\xfewD\x1e\xe5\xf14\xdcy\xf3\\g\x18c\xf1X\xa0\xaa\x82\xfc\x02O\xa49\xc8\xcb\x13\xea!n\xabE\x03\xedO\xbe\xa7\x86\xa3SJ\xdd\xea\xaf\x1d\x15g(\xd2*\xa0dO$\xc2\xa9\x97q\xe9\x1dJ\x05\x0cH\xa1\xdcK\x98\xc7r\x19&lt;\x18\x01M\x1c\xf7\x1d&lt;\xfa\xb5\xb6C\x88\xd8:9\xba\xa4uB\x1b\xfd\x86\x9a\xbf\x95\xbct\xa6\xcaY\x16\x9c\x81=\xa7\xf9\x84\xef\x9a\xf4tKB\xda)?\x13\xfa\xcc\x8f\x15\x82\xce\xd9R\n\x9d{\x81\x7fe\xe1G+\xaa\x02\xfeC\x98\xa6tTr\xe3\xcfs\xc1\xe2\x10\x8f!(\\\xa8\xc4Im);\xf2\xbf\x86\x9c|} -\xc5\xb7\x9fx\xcf\x7fn\x10\xfd_\x1e\xe5\x19\x87z\x9b&amp;8@\x98b\x88\x19G\xf1FK\xb5%4\x19\xb7e\x9bo\xaa\x9d\xc6P\xd92TXm\x81N\xfa\xdd\x0b\x15\xf61@\xbd]\xb6\x85t\x14\xb4t\xcdJh&lt;\xec\x83ZYZ\xad\xe2\x85\\\xb0f$.&gt;\xd0\x18\x01(\xfa\x15\xad\xe1o\xcd\xcbq\x8e]\'\x94\x04\x99\xae/w\xd1$\xde\x89\x04\xf4\xa8\xa7\xcf\x04\xc3\xb5\xd4\x93\xaa\xebgY\xe3\x0f\xb5I;u\xda\xbb.\x00H\xaa\xebq\x8b\x00\x9b\x82\x8c\x89\xa1\xcf\t&lt;\x9a\x9cKB\xab\x17\xfc1\xc0\ny\xc8\x99\xf2\xa0\x9b9\x8c\'\xef\xbd\x19\x13\xf0\xd0+\xcf\x0c|\x9c\xd9\xf0I\xcc\xbaP\xf8n\x93V\x82\xd8Ko\x10\x9a\xc6\xa4\x9f\x9f/\'qN`|\r\x0bf\x13\xc8\x05\xb0\xcb\xf3._\xd7\xac\x01\xe0\x10\xf5\x08R\xab\x03\xd9\xb6\x041\x86\x92\x95\xe6\x9bu\nXPUK\x08\t[#\x93\x8a?\xa6\xb6*;[\xa4+\xfc\x12\xf0\xe1\xd0\x15 \x1d\xa6Rt\xaa\xf7\xb042\xfdV\x82\xb3\xdc\x88\xdfI\x1c\xba\x9d\xfb!\xae\xa1\x8f\xf3\x01cziRR\xfd\xf2\xafl\x1c\xd3[oU\xf4\t\x94m[\xa1\xfb\x05\xbc\x9f4\x9a L\x00I\xd1\xea\xba\x85\xbfG\xf5\xbd\xee\xfe\x0f\xe5\xe0V\xbazR\xf1\xa5S\xe7\xc5&gt;\x84\x96\xcf\r\xab\x8a\x0e\r\rLK\xb3|\xea\xe0\x91\x91,\xae\x0f5W\xd1:\xb2\xc8Z\xef\xec\x86"\x89\x8f\x08\xde\x0c\xd3\xf2y\xd3&lt;*c\xc1[^\x8b\x8eem\xfe\x11\x06C\x81d=@\n\xde\x1d\xb0\xe3\xbf\xb0qq\x0f($\xfe\x96\xdc\xa0Y\xa8\xa4iC\x82\xac&lt;x\x10cfe\xff]\x1a\x9dd{X\x11/\xb8\xef\xfb\x03\x91\xd6HRIq\x83\xfa\xf0\n\xf9\x9c\xcaM\x0e\x82\xc4)\x02\x8a\\]\xb0\x8b\x9c\x9by\x1f\xf3\xc7+c&amp;lC\x1b\xf0%&amp;q\x96\xc2\xe9\x0c\x91\xd8\xc0\x88\xdbS\xe78\x899Y\xda\xa6\xea\x9fm!V[\xc0\xda\x8f&lt;\x85E\x10\x85\xc6\xbe\xd0\x89\xba\x07s\xd0+tx\x90 \xbf"&gt;}q\xca\x82K\xb0\xe6\xba\xb0\xcf\x0c}\xe2\xfc\xbb\xcf\x0b\xa5\xd8CY&amp;2\\\x96\xbf\xd7\x19\x98\xdb$\xc9\xf3L\x9a\xf7\xdc\x05\xfc\x01\xa0Z\x92\x17\xb9\xa6]\xb3\x81@\xfe%\xdaiVX-3\xe6\'\xbb&gt;\xc0\xe0{X\x916\xd9\xf5V\xbfjWY\xf3\x9c\xa2\xed6\xa9\x80\xf4n\x03Ec\x00\xcc\xc9\x1a\xd9K9\xff\x915\x90\x1c\xe3\x83\xaf\xda@O\x8bV\x9bvOr\x9fx\'_\x7fl*z\n\x94\xfc\x86\xaf\xf1\x1e\x03\xcfRuA-%\x10\xbfC\xb5\xe6\x17\xe7\x17c\x0c\xbdJ\x02"\xbfu\x1f\xa3{\xed\x88\xd7\x914\xe9O\xc1s\xea\xea(\xf3\xf0\xedz\x05\xf4\x7f8\xc6]\x9f\xd5\\\t\x9d;\xae\x01\xe6]\r\xf8\x88\xc7\xe2\xf0\x8aFZ1\xed\nt\xeb\x07W\xab\xd5\\\xbf\xde\x011\xde\r\x7fHM\xae\xadF\xf3r\xe43\xbc\x17\xa5\xd4W(~\xbb#\x8f\xe03&amp;\xa15\xe7\x7f\tg0B\xd3q\x0e\x1c_\t5\x89\x8d\xcd\xce)\xa8\xb9\xf7\x9c\xa7\x94\xe9\xfdk\'\x10\x9c^\xa4$\xa6\x93Q&gt;\xf4\x07\xa9`\xd8\x13\x05\xb62b\xfd`\'=\x04F\xc3\x16\x986\x9a\xfbdZT\xe4\xf9\x87\n\xc2\xe2\x0e\xa4\x0e\xac~\xdcX\xcf\x0c\xeb\xab.\xac\xcf\x1a\x07\xb61\x8f\xd9\xd1\x1c\'7\xdf\x9eH:\xe9&lt;(#V\xbd1\x937\xf4\xa0\xe5_\xfa~\x15\xc1\x0eA\xdbb}\x90\xfb\xb1\x1d\xadU\x14c\x8e]\xa9_c4v\xc8o9BW5A\x01\xb3v\x16a\x00\x9a\x10a\x9e\x93\xfb\x1d\x16\xd8f\x83\xd4Hu6e\t\x13f\xc8h\xc6\xa8\x08HI\xcd\\\xb7\xd6\xb2\x07;s\x0eQx\xf8_\xb9\xf2\xa8\xb3\xf6Jv\xd9\x06xY\xa1\xb6~\x07HRR\xf7\x12L\x8b\x90\xc7\xb2\x9ba\xd8\xc6\x90#^l\xb6\x934;\xc3^\x1a\x9d?0r\xa2\xa5\xeb\x966\xeb(v\x0erl\x0borN\xff\x14g\xe7\xa5.;\xb5\xb7}z\x8d\xc8j\x8a:\n\xb3\xb9)\xef\x95\xefB\xfe\x93F\x94d\xb9gWn\xd4\x0e#R\x16\xd9\xd1\x02\xe2\xfc\xdeF\x0c,\x1d\x14"s\xb1\x86\xa9kn\xecz\xa3\x95B\xdf\x1b\xe3-\x06\x13N\xde\x9f\t\xc6V\xac\x88\x10s\xf0\x96\xb4x\xa8\x0b\x1e\xea\xb4\xd9\xc9\x994w\x06\xb2-\x03&amp;G\xf3q2\xcemt\xf6\xc1\xa5\'\x9a\xf8\xfbl\x86\x91\'\x1a\x0f\xd1&amp;\x9aGw\xe6\xc4o\xb2Y\xb3d\xf8\xb4\xef\xb0&amp;H\xe6\x96dw\x9b(.n_{\xc8:=\xea&gt;\xbc;\xdbR\x8c\xba\x8fl\xc9t\x12\x9a\xc1\x9c\xea,-_\xb77\x83~0&amp;nuJ&amp;\x8a\xcch\xb8\xbaf@\xa4\x17\xdb"\xa1\xf5\xfd"\xdaU_\x82\xd7\x1e\xeb\xec\x8a&amp;&gt;^[\x95\t]\xbc\xdd^\xa5\xcc@\xe3\xa4\x9f3\xab\xf7\xc3E\xf1\xcd~\xe9\xd6\x0cC\x00\x89\xb5\xddqBY\x88\xf4\xdc[\xbc\xce\x91*\xa7\xe9\x9c)y\xf4sx\x7f\xd0=\x00\xb6\xeb(K\xc6\xa2\x96\x82v\xf2\xca\x00\x0fHZ\xa3\xbf+\xec\xe2tS\xce^\x03\xe9\xfe\x13)\n\x8b\xba\xc0\xec\x91\xd77\xe2C1\xb9s%\xf6\x8cp\'\xb7\x8bo\xf0|s\xf7R\x81\x8fQ\xf6\xa1v\\\xb9\xaa\xfb\x0bOw\x07\xbed\xc8\xe4X\x91\x91D\xedB\x8f\x04\x1aL\x86\x90\xaf\xff\x7fc\xd5I\x08Q@\xbd$Z\xd9pl\x83\x8eI\xd8\xc9\xd9\x12\x06\x87\xbd.\xab\x91\x05d\xc6|\xf0\\kA\x9b(`\xe1\x92\x93\x925\xb0\xae&gt;\x8e\xa9F\xc8\x07\x11\x1avy\xe4jG\xcd\xf3\xee\x02@\x1e \n\x17\xbcH*\xe16\xae"l\x7f8Z~\xfc\xddr\xe5LE\x18\xa1\x8d\xba\xaa\x01\x10\x06\xcaL\tR\x03k\xb8\xe8\xe8\xafM\xf0b\xc16\'\x9e\x9e\x9f\xbc \xa2\x0f5a\xccZ\xe1l\xc8\x07.=F\x88~S\xb7\xd0\x90\xa8K\x1b\x1c\xb92\x88\x82\xf9\xa8\xd2\x07\xd8_\xe4+\xdf|\xbb\xab\xbeBa*\xdbR\x18S\'\xdc\x08\xf1\x87\x8f\'\xd0?\xe9\x996\xeehR\x0fR\xb6)\x94\xb7\xfc\xbe\xab\xc5\xb2\xbe;\t\xbb\x81\xff\t\xfc?\x1ekG\x10\xdc\xec\xf3?\x9c\r\x8e\x96u\x8b\xb6\x83;\x8f\x82\x16\xff\xd6w\xccE\x7f+\x14\xeaam\x0c;\xe0yM\xc2\x11\n\xfe\xb6\x8fx\x92\xc9\xd0\xf8\x08\x83\x04\n\xc9\x0esFv_h*z\x0f\xe1\xeb\xdd\x161\xb1+\x0b\x1c\xb1%k\xd7V+\xfcn\x9c%\x92\xbf[\x8eJ\x154W\xf4}\x83\xf0a61{(\x9dl* @\xbe\x1c\x97x\x03\x04S\x10&lt;W\x07\xaf/L\xef\x12\x1e\x0en!\xc8\xf3r\xe47&amp;A\xf1f\\\x14\xdb\xe0\xd9\x9b\xcb\xb1\x99\x88)\xf1\xb0\x7fS\tl\xc9\x1e\xbbX\x87/o\xea\x82\x7f\t\x88\x11\x9db\xc8\xaeZn.x\xc5%7\x86)\x9c\x8e\xdc\x0f\xf7\xb7}\x03\xc7&amp;\xaa\x13WY\xe9x^\xe8\x9c\x1e\xa1\x13\xdf.-\xe8'</t>
  </si>
  <si>
    <t>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</t>
  </si>
  <si>
    <t>b'\xc5\x91+\xde\xda\xdcD\xaf~:-$\xd7W\x7f\x18'</t>
  </si>
  <si>
    <t>wly drew near and
made part of the circle, settling each into a place of rest as if of their own
desire.
"The 'creatures' have come," said Colin gravely. "They want to help us."
Colin really looked quite beautiful, Mary thought. He held his head high as
if he felt like a sort of priest and his strange eyes had a wonderful look in
them. The light shone on him through the tree canopy.
"Now we will begin," he said. "Shall we sway backward and forward,
Mary, as if we were dervishes?"
"I canna' do no swayin' back'ard and for'ard," said Ben Weatherstaff. "I've
got th' rheumatics."
"The Magic will take them away," said Colin in a High Priest tone, "but we
won't sway until it has done it. We will only chant."
"I canna' do no chantin'" said Ben Weatherstaff a trifle testily. "They turned
me out o' th' church choir th' only time I ever tried it."
No one smiled. They were all too much in earnest. Colin's face was not
even crossed by a shadow. He was thinking only of the Magic.
"Then I will chant," he said. And he began, looking like a strange boy
spirit. "The sun is shiningâ€”the sun is shining. That is the Magic. The flowers
are growingâ€”the roots are stirring. That is the Magic. Being alive is the
Magicâ€”being strong is the Magic. The Magic is in meâ€”the Magic is in me. It
is in meâ€”it is in me. It's in every one of us. It's in Ben Weatherstaff's back.
Magic! Magic! Come and help!"
He said it a great many timesâ€”not a thousand times but quite a goodly
number. Mary listened entranced. She felt as if it were at once queer and
beautiful and she wanted him to go on and on. Ben Weatherstaff began to feel
soothed into a sort of dream which was quite agreeable. The humming of the
bees in the blossoms mingled with the chanting voice and drowsily melted into
a doze. Dickon sat cross-legged with his rabbit asleep on his arm and a hand
resting on the lamb's back. Soot had pushed away a squirrel and huddled close
to him on his shoulder, the gray film dropped over his eyes. At last Colin
stopped.
"Now I am going to walk round the garden," he announced.
Ben Weatherstaff's head had just dropped forward and he lifted it with a
jerk.
"You have been asleep," said Colin.
"Nowt o' th' sort," mumbled Ben. "Th' sermon was good</t>
  </si>
  <si>
    <t>b'W\x88\xf9\xa2\xdb\xb0P.j\xd3\xc5o\x8f\xaf\xce\xb7\x1a\xa3\x15\x021\xac\xc5\xd1\xa2;\x08\x95ZZ\xdf^\x04fy\x1b\'\xfbG\xc1a\xf9cw3B\xd4\xb5\x97\x97k^\xcf\x8e\xf8"\xcf/\xd7\xef\xa7\xba\xd7\xc5[\r\x11\xf5o\x16\x88\xa6\x10\xa8\xfd\x12\xea\xc1\x96\xec\x93\xfa\x01%r\xbe\xa2(\n[\xb6l^\x0c7&gt;\x8d\xa9\xc0\xc5N)E\x8a\xdb\xc5b?\x8c\x88\x18\xf9\xc9\xe5\xd4\xa1\xc7~PY\x94\xfe/se4\xdf\xee\xbc\x02\xa63\xbd\xf6\'\xff\xe3\xd8\xb5\x9f\x16\xc0\xc6\x81\xcb\xb2L\x83\xbd\xb9D\x07\xfa\x95\x8b\xc37\xc2`qBQ!\xb2\x7f_\xb3\xff\x8a\xcb)\xc4!\x90\xfe}\x86\x12\x1e0!\xac/\x08\xcc\xefs\x95\xa6F\x1c\xfdQ?\xe1\xab\xb6\xdc\xb3\xfa\x15\xcb\xd9\x9c\xe7H\xad\xd2\x9d\x17\xd5\x17\x071&gt;\xc4N\xe7\x1a\xd9\xef\xae\xe7}\xc8\xc0.\xa3\xbd\x05\xa9\xe3\xcf\x1e\x87\x02%h\x1a7\xafZF|!\x92\xf2\x1d\x9dY\xc9\x85\xe8\x11\xcaD\xd3\xac\xd3gaQ\xa4`\xad\xbak\x84GG\xd3\xc3\xfdN\xa5\xaa\xbbZ\x03\xb9\x1f\xe9m\xb7\x17\xfb\x15\x81o\x01\x94\xbd^\xfb\xf29\xe0\xc7"c:\xaa\xc19\r\t)\xbb\xd2\x04;\xc6\x1e\xfaq\xd8\xf3R\x96\xe2\x1el\x829U\xf04\x0b\xbd\x03\xe5\x7f\x9c\x10\x14\x14"z1\xc4\x01`(\xce\x84:\xa1{Usgi]\t\xf4W\xed}N\xea-\x12\xa4BZ\x85^&gt;`\xf8d1-C\x9e\xb5\xf4\x86(\x13\x89\xd3\xbb\xc64\r\xb2\xf5E\x9d\x94\xfe\xcd\xbd\x97\xc3\x87&gt;\xa8\xc3d\xcfB\xff\xf7j+\xb4I\x16D\xc3_\xee\x84z!\xdc\x14\x8c\xbd?&gt;\\\xfa\xcbPWj\xdb\x83I\xe2\xb0*\x01\x02\xe7\xbdo\x1fP\xd0 \xd6T"{T\x95&amp;[\x986\xca\x98h\xd4C\xd1[\xce\xc0\xce\x03\x96&amp;\xb55\xf9Z\xfd\xbe\x16\xd6\xf2f\xb6\xc7\xf3\x14^Q3\xecl\x9c\xfc\xc7"7_\x92\xb2\x99\x12R\x00l*#ta\x0b\xd63\xa92Nw\xc7Z4J\x82\xe7\x00\x9eZ\x1e\x0f`myk\x7f\xbb\xb6\xe7\xf96\x8a\x1a\xda\x8d\x86\'\nO\xd2\xe9\xd4PJU\x104!\x1dp\tr\xa6C\x1b\xd53l\x11M\xeb\x96\x85\xdd\xca1\xd5w+J6\xee)c\x9f\xb6\xf9\\b\x914w\x96\x19\xcb\xd1\x0e\xa9\x03\x05\x02\xb2\xcd$\xd9"\x96\x9f\x9f\x05&lt;\x04\xe3\xd5\x89h\x86\x9e\xd3p\xe9Ff\n\x14\xbav\x15\xc7n7\x9c\x18|\x06\xa2\xed\xc2\x0eP\xa2\xba}\xf7\x8cF\x92A\xbd\xda`\x8f`\xc4a\xd1l\xab?&amp;;|\xb6\xb8g]x\xc1\x13\xc08\x19\xce\xd4\x88\x9c\xf0}\xf7|\xeb\x9e\x94|a(\xb4#h{\x033\xe0\xa1\x93\x87\xa7kc\xdd\x8d\xb6\xbd\xc3"\xf3\x94\x96\x8b\xb6\x00\x1b\x12*\x16j\xeeU\x19}T\x02\xd7\xd6\x80\xc5\x8ar\x7fJ\xb4\xa8\xa41\x1e\xd1b\xbdh&gt;"\x99?#\xd1\xe7\xa5\xf3\xc5\xc1\xb5\x94Q4m|L\n\xa6\x9b%\x9d\xe9}\x0c\x07Q\x14\x92\xf8\xb5u\xd61k\xf0I\xba\xa0\xe8o\r&amp;C\xe9\xa36\xcf\x0c\x85\x1e\xdd&gt;E\x1e\xb3\x982\xa7\xa2\xc8+\x93\xde\x95\xff\x01\xef\x8f\xc9\xbb\xff!\xfc\xd2\x17\xa4\x91\xedi\xc7\x94\x1b\x9e/\x9e1\x0e%~\x0f\x0c\xca\x82eDz\xf7#?k\n\x9a\xfa\xf9\xa6\xf8\xfe\x9e\x13\xb6\xa7\x05\xf8\xd5\xbc.\xbc\xab\xa5\xa7\xec\xbf|\xdc-\xc8\xfc\xcf\x1c\x96\xd7Q}0(\x04\x17b48\x01\x1e\xd4\x94\x9e\x02\x0b\x99r\xdf\xb22\xc8\xfe\x1e\x08\x8ff\x026A\xb3R\x99}\xffP\xa9R\x83&amp;\xe2\xb7\xf3O\xd6\xc1\xc9}\xebH\xa7I\xfc\x9c6,\xaa\xbf\xd8\xd5N\xecI-\x10\x12\x8ecN!\xf2G~\x0e\x8c/\xff3\x0cM5S\xff\x10\x8a\x83\xaaV\x13Oi2\x83\x00\xcfd\x93\xe8\xc24\xf9\xbb\xb4\x15\x85`\xa2\xe2\xad\x87{\xe6a\xb1kJ\xad\xc9+\xd7\x1d\x12\x1dC\x8c\x05\x15!\x88\xa6&amp;\x940\x8cxU\xcb\xeei\'\x10\x05\xcf\xa05\x17\xf0*\n\xea\'%sX\xbdr\xe1\x1d\xf3\xcab5@\xa2\xcd\x1b`{\xa6\x1e\xad\xbak\x84GG\xd3\xc3\x93\x1cMq\x8bP6\x12@\xeaAj\xc9\x93\xbdR\x9d\x14\xc9\xdb\x8b%;\xfdK\xdc#1Q$\xe8\xfe\xe9D\xd5\x88\xef\xb0z\xff\xcc\xab\x8d\xf7\x18\xcd\xff\xc7\x96\xcc\xf2\xa3\\\x87\xa3\x1a[\x91Z\xc3o\x13\x91\r@K\xe0x\xe4in\x98\x07L\x1c\x92\xbc\x10\xb2\xb6K+\xd6\x90\xcb\xf2\xb2\xbf\\ZruioH!\x99\xf3\xf5\xca\x08n\xf0)\xe3\x03\x1a4\x89\xc64\xb0{\x18\xffI\t\x99\xcf\'\xa7C\xa6\x06&lt;)\x11Ytu\x9a\xc2\xb8m9e)\t&gt;7JK\\\xf4\x8f\xd5ze\xff\xab\xc6\x7f&gt;C\xda&amp;5\xd8\xd7=Y\xb2\xcc~\x1b\xf7\xf2\x93&lt;\xf6B\x83|&lt;n\xef\xcd\xea\\\xa1\xb1Mc\xbc\xbc\'-z\x93\xafn\xa6v\xd2FD\xf2Z\xa3\xcc\xd2a\x8e\x85\xcd\x1b&lt;&gt;o8jl\xa2\x91Y\xb5\xed!\xe0{\xc4w\xdb1\xd9\xb8E\x12\xf0\x9aRe\n,\xdb\xd6\x88\x06\x84\xe5\x99\xbb\xf2\xefk\xb6\xc7)\x89&amp;\xb2\xb3\xa5@\xc7#w\x19\xa2o\x9f\x98E\x92\xdb\x1a+\xc0A;a\xe6\xaf\xf8 A\x8d\xea\r:H\xf8\xbf\xbeHc\xb7\xf7*\xb0R\xab"\x98\xd0_-\x1b\xdb7\x95*\xef9\'\nO\xd2\xe9\xd4PJU\x104!\x1dp\tr\xff\xa4\xf7\xfb\xc0\t\xfc g_4K\x0b\'\x83\xda\xb9\xba\xb7\xca\xbf\xca\x01\xed\xd6\x00g\x17&lt;\x06\xc6\xb7\x02\xba\xc4H\xe2\xab\xfa\xe2\xc7Q+q\xa9v\x0c\x98\xa1V\xc6\xd6\xd3o"z\xaag\xa1\xa7\xa5\x11\xfd\xbaK|\x1d\xa0\x1e%\x7f[\x00\x9ad5\xdb\xc9\xd3B\x9b\xcf\x14\xc9\xd8\xa3\xca\xe6\xae\xdc}\x13X\xaf\x92\xb1\xf9\xa7hx2d\xdf\x14\xf2\x81o\x8beu4t\xe1t\xacZ\x16\xa5qy\xa7\xb8\xc50\xa5x\x995T\xd4\xbc0\x8b\x1e\r\xbe\xe1\xc7C\x98\t\x92\xb2\xbc\xc1v\x93\x9f\x90\xb3w\x92\xb0Oc\xc2f\xee\xac\xe1zx!6\x95T\x10\xce\x06)\xd4y\xee\x8c\xd8\xa6\xcb\xe6q\x01\xbc\xe4-\x989\xcf\xef\x0b="\xdeL\x9dHx\xbf2\xa6Jz\xb4\x84\xccz\x0c\x88O\xdd\xab\xbf\xea\xf5k\x1fPF\x9e\x8e:\xb4\x88\xa6;\xfft4\x8b\xf8\xdc\x80_\xa2\xfa\xd4\xcf\xd4/G\x08\xdc\xb5\xdf\xac\x1b]9\xa24\xcfY\xb89&gt;\xbf{\xb1l\xc9\xe9\xc6\xbai\xfe\xb3\x929\xf3\xa9\x98\xa8\xcf\xf5\xc0\xaf\x8a\x84\xc7m\xc5)\xda\x06\xd1n\xfb\xa3\xf3\x16B\x06k\xaf-\xb3q`\xc4\x82\t\xd3Sj\xef\x97\x8f|u\x8e\xc0\xc8\x9a\xe2\xb5\xa8&lt;p\xacm\xdf\x0c\xdf\x94\x15~\x02\x00\xc2\x1d\n;b\xab\x19\x895\xdf\x01"k.\x9e\xa2B+\xe5\xbd\xdb\x0b?\xb7\xa1\xeb\xfbP\xa4k3\xc1\xf4I\x05\xf6"\x96^K \x0e\xf8!\x96\xc8\xc2\xa6\xfc\x10yJ\xb1;\xa3\x8b\x9f\x0e\xeb\x96,z\x19\xa0\xe0N\xf1\x03e.\x10&gt;\xd3&amp;\xc7\x1dV\x92\xaay\x91\x17\xc5[\xd3\xe0\x85_O\xe7U\xe8A\xa4ql\xddz\xbc\xf6\xa0]\xfe\xeaF\xb0\xdc\x7f\x17$\xc4\x96\xee\x08\xbd\xdc\xfa\t7\x8b|\xeaL\x9cl\xe0\xe95\xb7BQ.Yp\x93#\xd4N\x04I\xc8\xf2\x83\xfe\x81\xff\xba\xab\x9e\x85\x85]\xb6\xa8w\xda\xfc\xf9\x1a\xa3\xbbD\xc4\xeeO&amp;\x06\x05\xf4\x92q\xb1$\x1a\xbc\x8a3y#Y#\xab\n\xba\x07H\xe2?\xf9q\xce8l~\x8d\xb7\x10\x87\xe8c\xf8MA,h\xf9\xa3Fk\x8f\x01\x9f&lt;\x9aq\x8d^\x8d@;\xb8T\r\x04\xe4b\xee-3\x7fp\xbd\xb1\xc3\x0f\xaf_L\x81~D\xb1\x1el\xdc\xfb\xc7@*\x0cm\x1e\x04\xe1\x80\x1b\xbew\x042\xa6\xefe \xa4\xff\xdb\x02I\xdf\x0c@\xc5dp\xe2oI\xdd\x1f\x83\xd6\xd1\xca\x8f\xf2d| \x0f\xcc\x01BWm\x17\x19\xb4\x0b\xb5\x84\x11\xc3\x8f\x82\x18\xad\x83\x9d#\x1f$\xcf\x1cl8W\xb1,\xb4,\x1d\x079\xbd\xe3\xd4\x85\x1dC\x0cK\x91g\xf2P\x05E?\xde\xac\xfaW\xc7\xcd\xdc\x1fa\x17`I\xb1\xaa\xb4\xb3\x1a\xf7-ki\xffB\xce\xb4\xf8\x0b\x80|\x7f\xc5\x8d\xdfXt:\x93\xf9\xd3\xfb.\xdf\xce\xae\xa5\xcdb\xfa\xd4\xcf\xd4/G\x08\xdc\xb5\xdf\xac\x1b]9\xa24\xd0b~m\xb0\x875\xa0{\x8b#\xec{$\x9d\x02\xd1\xca\x8f\xf2d| \x0f\xeb\x9dSL\x10\xdd#\xd5s\xbfpF\xb9\xf9\xf1\x85k\x07\xebM\xf2\xc4\xfd1\xac\xde\'\x01\x14O\xc5\xb29\xf4)7Y9z\xc5\xc8u\x8e\x8b\x1b&lt;\x97\xf7\xfc\xdf\xcd8\xd9\xa9\x19\x87^\xc0R\x9eS\xa5\x17rv\x15\xc7n7\x9c\x18|F\x19\x97\xe2\xea;\xa8\xeb)\xf7\xee\xe6\x83Kf;\'\xa9\xba\x0c\x16\x93\xe5\xe0\x0c\xe9\x1a\x87x[\x15+\x99\x04\xd1m\xde\x1d;&gt;\xf9\xfb\x8a\x95~;8\x83\xc1\xf0.K\xe0\xbf\x15d\x0f6\xf6pp&lt;\x04R'</t>
  </si>
  <si>
    <t>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</t>
  </si>
  <si>
    <t>b'W\x88\xf9\xa2\xdb\xb0P.j\xd3\xc5o\x8f\xaf\xce\xb7'</t>
  </si>
  <si>
    <t>ht attain the office in
one year, a number that expanded to six by the time of Nero and seven under the
Flavians, the majority of praetors would still never ascend so high. Only a third could
do so under the Augustan dispensation, and still usually fewer than half in later
periods. In the interim, ex-praetors were the backbone of the administration in jobs
ranging from road commissioner to treasury officer or even general. These jobs were
not easy, and determination of success or failure resided with the emperor alone.
In light of the emperorâ€™s control over the markers of aristocratic success, it is not
surprising that we may detect various efforts to control his reactions. As both Greg
Rowe and Michael Peachin show, there was enormous pressure from below to define
the imperial state and exercise control of the broad outlines of its development. The
idea of the â€˜â€˜good emperorâ€™â€™ who took his responsibilities towards the senatorial class
Introduction 13
seriously and showed respect for the traditions of the Senate, remained a powerful
force from the first century to the end of the second. The space between the
emperorâ€™s needs and those of senators, keen to preserve their status, was a matter
for constant negotiation. Thus, for instance, Asinius Gallus asked Tiberius to nominate 12 candidates for the praetorship five years in advance of the time that they
would hold office, at the time in which they were assigned legionary commands.
Tacitus said that there was no doubt but that this proposal went deeper than the
surface and probed the secrets of imperial power. The point that Tacitus was making â€“
and presumably Gallus as well â€“ was affirmed by Tiberius in his response:
It was a matter disagreeable to his modesty to reward and disappoint so many. It was
scarcely possibl</t>
  </si>
  <si>
    <t>b'\xe2\x1b\x84\xd0\xe4]\xf0\x85I\xbcQ\xfbT\xf3\xa8\xc6%\xf4~D\x90R\x9eK\x8e\xb3\x8f\x0c\x8f\x18\xe4\x83{\xb6\x1f\t,\x89H!\xba\xde;#w\x02W\xd3\xc1\x03\n\xf8\xb5(\xfb\xaa\xce\x90+\xf7M\xa4\xa5m$a]x\xc5\xe4h/\x1f\x1b\xbcwhN]\xf3J~\xfb\x89y\xc7\n\x8b\xf2\xcd8\x94\xa5\x036\xdc\x19\xab\xa4\rz\xd7\xad\x92\x94\x86\xc6&lt;\xd9\x04\t\x84\tf\xfa\xd9v\xa1\xb4\xc3\x9c\x12 \x08\xe5$\x97jo\t|\xfa\xcc\x7f\x97\x8eC\xb1\x0e\xaf\xde;\xf1\xb3\xcf\x8b\x1e\xdb\xf7\xa8cD?EE\t\x8d\x86\xa7%\x8d\xd1\xb5\xba\x10\xe41,,\xde\xaf\x1e\xba(\x9b\xd3\x95\x01T\x1a\xa9z(5\x96\xd6\xafJ\x87\xb5\xb8\xfbg^FU\xd3H\xe7\xbc\x89\x19p\xcb9\x15w\xfc9H\xac\x9b\x7f\x9e\xe8+\xe4\xc2\xc4f\xcb\x1d\'"\x07\xf0\xb3BS\x98\xd4O\xb3u^M\xf9f\x0b\xf7R\xf4\x08\x99\xd3\x18\xe4f\xb8G\n\xd0U\x0eND\x93\xcc\xd3\x0e\xf9\x02\x1d\x97\x0cS\x81\xcc1\xb5jw\xbd-s\x9b[aoY|\x05\r\xac\xf2\r\xd6\xc0f\x83\xf3\x1c\x06\xc5x\x14\xae#\xb1l\x8e\xb7i\xc1\x91\xf0w\xf4\x83\xb1q?\x05\xf1?j~\x85\xe0\xa6*gPo\xad\x03\r,\xbbR\x1ac\xa4\xd9)\x19\xc6\x8d\x157e\xb8\xd1\x99\xd6\xb0w\xebyr\xedV\xbb\xb7\xb0T\xb6\x81p`;\xdf\xc8\xef!j\'wjh\xa9F\r\xdfi0\x8a\xf0\xf4\xa0\x9d\x9fy\x91\xe7\x7f\rP\x1bx\xb1\xee\x0b\x0e\x1bLg\xb7\x14\x04\xcaz\x074u\x16\x0c\xeeR\xc4\x13\xae\n\xe7\x17\xd4\xb2\x9d\xfb\x97\x18\xa6[2\x926\'o\x93\xd9&gt;\xb2\xad\x01\xd1\x10\x02\x94D@\xd3\xfa_\xd2$\xd57@\x9e\xb9\x8c!\x05\xe0\x80\xef1X\xe2\xaa-\x06\xaa\xffk\xeb\x9et\xe4\xd5X\xce%_\x9fh\x04]\xac\x88zu\x1d\x1a`\x18Cl^\xad\xd9e\xcd\xf2w\x1b3\xfd#\xe5L\xf7\xd8R&lt;\x83\xf6,!\xd0\x0c\xe2\xdd.po\x17\xab\x9bq\xf2n\x0f\x1dytv8N\xc8/|\xad\xb5\xec\xed\x92I\xf4&amp;\xb6Z\xfc\xc1\x08\r\x96\x8b\\2\x978c\xb5\xce\x8b\xe0xCcI\xf3\xe9&amp;P\x9b\xa7\xe1\x07e\xda\xde\xa6\xaf\xce\xc5\x88K\xd1@\xcc\x13w\xb3\x0c\x1d\x07X\x0e\x83\x1f\x02b-\xb2\xb3(\xb0\xcd0\xde\xc6\ta{\xe2\x0e2\x7fn)\xd4\xc7D}\xbb\xf0\xc4\x83-\xf3\xb2l\xb5\xccD\x0b\x9af\x1e\xa21\x10\xe1\xb4\x13\x80\x17\x04\xd1\xcc\xa8\xa41\xb8\xe1\x7f\xf9\xe3\x94\xc8@\xd2\xc7w\xbc\x114\xf7\xb8t\x98\xcc\xa9\xdb\xda\xf9q\xf0\x139|{\xec\x875\xbe\xfc\xe5\xeb\xe8\xc0rro(\x13W\xe7Z\x93\xaf\xe2\x98\x86,\xa9\xfe\xbe\x12\xb4L\xf7lN\xb7c\x1bZ\xf6\xd8\x89\xc8\xa5Es\x0c\xa5\xce,\x83\xd4wp\xbd\x91Z\x84w\x13;\x18\x12\x02\xde&gt;\xec\xe1-\x1c\xb1\xfe#\x86\xd9\xec\xbb{\x81}\x9c\n\'\xdd`\x84-|\x1b\xbdo\x01ud\xe0\x9c\xc5\xe1&amp;&amp;pL)\xa9\x1b#\xfe%\x81\xf2\xea\xa7\x1b\xc6\x87\xc9\xad\xaf\x9d\x11\xc0K_6\xeb\xca\xdd\xf3\xa7\xfd_\xd3\x12\xcd\x8a\xa5\xfe?\x82e\x1c\x7f\xd4k\xd0h\x95\x99j\x94\r\x9d\xe8\x13N\xb5\x10S\xb8\xe03:\xefW\xff\xb9l\xcf\x89\xbe\xf9r\x81\xa6\xae\x83\xf7\x95\xda\xe5\x02\x8e]\xc1\x05HP\xb40\xd0\x12\xcf\xf6Vj\x97\xc7KL\x94\xa0E 3\xdd\xde\xdd{\x90\x89\xab\xaf\r\x8bK0\xd3\x9f\x10\n]\xc3n7\x98\xd7\xf8\xd5b\xb1\xcb\x1a\xbb",S\xd7??ES\xcd\xf9\xb1\x9d\\\xc2\x86{\xbf\xe2\xcak\x92&gt;\xfe&lt;\xec\xe4\xfe\xe2\x06_`\xbb\x9e\x01\xb6\xedP\x15\x04\xbe~\xb6\xc0\x84p\xdb\xb4\x8fH\xc2\xd6\xe7\xec\\\x00\xc6\x84\xc6\xac\xe6\xf9\xdck"\x02O\xc0\x07O\xf49\x91\xc7*\xfa\x8f\xdb`r?\xe3Y\xd8\xfd\xcf\x0b\xff}\x1f\x8f}\x87~\xc7\xd4&lt;o\xf3wm\xf3\xb2\x03\xb9\xbc\x1b&gt;{\xa4a\xc9\x06\x87\x8c\xd43\x1d\x88\xc1\x89|L\x97 a:[1U\x99\xb1&amp;8-\xf1\x0e\xa4\xbd\xbc&amp;\xfcB\xb8\xe1\xd6zQ\x97$\xe8\x0e\xb7S\xe0\xe2\n\xa1\x8b\x84\xc98hn\x14Q;\x87\xe1\x05\xc1\xd36(\xd6 \xbe`\xf7\xe2\xaez\xa3\xee\x8b\xadGI\xf8\xf0o\xc3J\xd0\x05\xf1\x0e\x96w\xd8\xca4+\xa5/R\xbb\xd9p\x98\xb0\xda\x8c\x10\x85\x1a=\xa6\xf6:U\xd0\xf0K\xfc#\xe5\xf36\xa2&amp;?\xcaE\xfae\x1a\xeeW\xcbG\xafRo\xc1\xb8\xaaM\xa7\xc2|\xbe\xa6?\x9c\xc7iL\xb9D0\x1cq\xb8\xed)rf\xe2\xfe\xb2\x0e\x0ffN\xed\xd4\xc1\xef\xe2\x99\xc8(n\xb4P\xd9gF\xb7\x93\xf8\x1a\x8f\xcas\xf1}U\xc2\x13x2\xe2g&gt;\x1e\xa8d\xd3\x8c\xfb!\xf8O\xa1\xf2\xa9\xc8\xb7\xcdZ\x8f\x96\xdd\xdeB\xcc\xeeRv\x05\x0e\xe3g\xe7\x02\x9c\xab&amp;+s\xef|\xfes(\x13\xe4KV\xf5\xd9\xbc&amp;f\xb5\xe3\t\x90\xe9\xc6\xf7\xc8\xd2\xb6 \x0f\xecc\x97\xf2w\xbe\x1e\xcb|\xfb\xc2\xefs#NE\x80]\x87\xa2\xf2\xe5C\xb4\r7ls,\xff0\x1b\xbd\x02\x17\xf8\x86n\xd0\x9c\xbaxk\xdb\x04\xa5\xd0\xd14\xa7\x11\x0b\xe0\x8dJ\xf0\x19\xb7\x12&gt;\x88lv#)\xddx\x8c\xf8r\x96\x17\xfd\x94s}:\x871&lt;}\xf3\xb29\xb3\xb8zW\x9e\xe8"(\x86s\xfcM\x00KN&lt;\xd1\x93&gt;\xb6W\xe5\xb4\x9avZ5e3;\x12DaH\xb5[2k\xea\x95\xf1\xb3\xac]6\xd6#q\x8e\xbd\x8e\xc9\x9f)Wc\xd9\xa63s\x0c\xd5\xeb\xa3\xae\xf4\x14\x18\x11\xa2"\xf0\xd6\x82l=\xb8\x12YS\xc3t\xe2-a*\x18\xc6\xe2\xd32\x03\xdaz\x16\x97\xf0\\\xf4\x96\xd5\xbe\x9aeOh\xb4\x91\x8c\r\xf4\x83\xac\x14{\x0b\x00)\xfe\xb5L\xf9\xc8w|0\xb5\x9dwhyy~\xc9@\x16\xec\x1f\x8f_r(\x8d\x12dQ*\\\x08\\\xc5"}\x96\xd0x\x8b_\x1a\xd1\xb0\xb0Ue_}\x15S\xb9\xd9\xd8\xb63f\x1f\xc5V\xf0b\x93\x96j\xe9u^\xe8\x8a\x02B*\xb7\x96\xbe\x92\x02\x8e\xf3\xbc%GQ\xdc]r\xbb\x00op:\xbf\xccM\x1d\xde+\xed\xeeL\x19\xb1\xc2\x12\xb2\x12^\xcb:\x01\x03\xb2\xdf\x0c\x07\x85\xdc),O\x1c\xc3l\rO\x1e\xf4&gt;\x02\xb2\x9c\xf0v\x1e\xd1K\x92\x81\xa3X\xb3M\xcb\x15+g\xdd&lt;f\xd8Q3HZ\xf5\x03\xf6\x9ex\xcd\xa52\xffr\x9f\xee\xebO\xf3g&gt;\xae@\x89\xc3\x9e\xd2\xf1C"\xfa\xd1\xcd\xc4\x885B\x91c\xf9\xffy\x89\xa8\x9f\xaa(SY\x903*\xc4oF\xf90\xf2\xc6&lt;\xe3\xbb\xa1J\x8c\xa1\xa3&gt;\x92\xa9\xbb\xfb\xbc\xdbEz\x08\x85\x1aTj\xc5\xccM\xffod\x89!\x18\xe9\'#^\x9eZ\xea\x01\x81T\x0f\xc7\x850\x16\x7f\x13f)6[\xa7\xa0&lt;S\xbb\xa4D\xfb\x8e\xac\x0c\xc2\xc4\xf5\xdb\x1d\xdd\xb5\x05\x84\x00S\x9d\x1fqy~\xf4\xce.AI+\xc1\xe2E\xd0\x15\x98\xa3k\xc0l\x80\x1b\x9c\xa1\x95\xaa\xd6\xfdHA\xd4\xacH\xf38\xf8\x9cO \x10^\x1d\xb1h\xc4Ld\xf2\xf3S\xac\xfb\xff\xe2\xb1\xebNrb\xc4\xfcy\x9c\x8f\xc9@\x9f\xefUJ\x1e\xed\xd8\xb5\xc2vH\xc7\x8c\x87\x1d\xf5\xe6\xe5'</t>
  </si>
  <si>
    <t>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</t>
  </si>
  <si>
    <t>b'\xe2\x1b\x84\xd0\xe4]\xf0\x85I\xbcQ\xfbT\xf3\xa8\xc6'</t>
  </si>
  <si>
    <t>syndrome. Even I thought that the following, which was only a few
 hundred people, would be too small to launch multiple products. â€œGuys,â€ I
 told them, â€œthatâ€™s a really small market. Maybe you should go a bit broader,
 and just offer general advice for eye health.â€
 Against my advice, they started a Facebook group where they answered
 frequently asked questions about dry eyes. At the end of each week, they did
 a Facebook Live with their community. All these dry-eye sufferers started
 inviting their friends who they knew suffered from dry eyes as well, tagging
 one another and asking more questions. The doctors only built up a
 community of a few hundred people, but they were incredibly responsive and
 quick to engage, and the community loved it.
 I was wrong.
 When they finally launched their dry eye spray product, it blew up. The
 community rallied to support it, buy it, and review it. That product had
 extremely high profit margins, and they didnâ€™t have to pay for advertising as
 the community helped spread the word. That one product completely changed
 their business. They were able to launch other products to that same
 audience, tripling and eventually quadrupling their revenue. They now had
 the ability to test different ideas quickly, without having to worry about
 competition, price wars, or people who</t>
  </si>
  <si>
    <t>b'9\xb9\xc1\xbffa\x92\x13\xee)\'\xb5\xf9&lt;g-q\x8a\xb1\xa3\x1e];\xe1\x9c\x96f\'\x95\xb4\xff=\xc0\xde\xeb\x96\xe1\xbd\xee\xe3\x86\xdc$\xb8R]\xd3\xa7\x1c\xbei\x01\xa7\x16\x83xW\xa6?\xc3\x17\xc1\xbfI\x8a.{\x03!\xf6\x88\xdc\xcb&amp;\xd9\x7f\xbd\x0c\xb3\x82\x8f\xc1\t\t\xeb\x0e5\xb2\x8d\x9dR_\x7f\x19*\'\xb4&lt;\xa4[&lt;\x07\xac\xff\xaeJX\xf2,\x9c\xa5,\xf5\xfb\x1b\xb58m^\x14`\xd7\xb2\xedz.\xc0\x9ej\xb1\x1d\x1c\xee\xce\xa1%6\x90\'f.\x0c\xf5\x1f.\x99\x98\'\x04\xbf=\xa9\xba\x02\x1e\x16\xd5a\x97\x82|k\'\x8b\xb7\x9d\x80i\xb7\xf9J\xdfx\x95\xc3L,\xd4@\xf4\xf6\xf4&amp;\r\xc0X\'\x02\xe2L05\xcc8;\xbc\xe1\x97\xa7&amp;\xf3m\x00\xb3{I5E\x8bY^\xe5\x06,(\x0e\x06\x8fiUb\xd3L\x9eHu\xab\x1e,\x06\xd4\xda\x8ce^\x01\x01\x81\x8bk2U\xcd\x81\x87\x98\xfd\xee\x91\xbf\xf2\xf0:\xaa\x1c\x9fa\xd3wq\x98{\x86W\x9cJ\xa8y\x14\x90\xca\xf9\xac\x9a%\x1c/\xb3\x03\xb92K\x8b\xc5`\xe9&gt;!\xb3\xf9\x13#5\x91\xd4_n\xade5\x88z\xc1\x83\xbb\xea\x8b\x85\xda\xe0\xc0\x846\x92\x8bF\xdf\x91iu\xcd\x18\x82&gt;\x85I?\xa8\xf6\x17\xbc\xae\x10\xd2\x88\x87\x06\x17\x07\xea\x00H\x80 \xfa\x86\xd5\xbc\x80\xcf\x8a\x8e\xd3z\xa9\xccK\xe6\x84\xc1\xa0\t\x9bqqO\xe1\xf0\x15)[(u\xbf\xef8\xd6u\x7f\xe0|\xe4\xa5\xa9\xebH]S\xa1\xa8\x8b\xaa\r{\xef*q\x85\x96E\xed\x13\xb2\x8c\xc5\xd52\xf1\x9c\xfb\xd5\x15\'|\x06|C\xa6\xc5\xd0\xa3\xa5h\xb8BK\x05)I9\xd5\xed\xe5\x85\xff\x07{?\xb9\x8c\xe6\x07\xcf\xcb\xbaz\x91\xba\xa0\xfd^\xa6b-\x8c8\xed\xb91\x14\xecg\xb9\xd3\xdc\x94\xac\xffR^\x10\x1a\xfc/\xba\x0c\xc4\xc0\xa1h\x8bHd\x92\xc9x\x80\x00\x80\xc5\xe1)\xa4A\x0c\x8a\\~E\xf1f\xd4G)S\x06\x12\xa8M\x9c\x87\xd8j\xf4)\xa6\xa9\xefW\xcc\xbe\x96F\x87\xc8\x001\xbb\x9d\x00/\x89\xf4Q\xdd\xe2\x01\xf5\r\x89\xd9\xa9B\x03\xd9[\xc9\r\xea\x80\xb0\xfdy(dc\x88\xdaG\xf8&lt;\xabi\xf5^\x06m\xb2\xc1\xd2\x9c.\xd7\xb5\x04\x16\x13\xef\x95Tl\x90\x90x\xbfM\x7f\x85\x85\x1d/\x9eL\x87V\xa9\xe3\xb57\x8c\\\x15Lk\x08\xa8\x88\xce\xac\x90;Gh\xb1YZ\xf5\xd2\xb1y\xf8Q\xca\x02\xfc\xa7V\xdc\x92\xe8\xf3_,j\xa1\x966\x1e\xf2I\x04\xe2e\xb0\x00\xad\x8e-\xb3\xa29r\xbeW\xbdKS\x1b8\xe7g\xe4\xb2\x1e\x9a\xefNW\xa9\xa4\x8e\xffZ\x8e\x91\x02s\xec\xff*\xbaMBH\xbe5\x12c}T\x01\xcf(y\xc5=P\xa3\xca\xdf\xce\xfe\xbc\xa0\xaeE\x9a\xb9`\xce\xe0\xc3\x97Wg@\xb4\x14M\xfa\x9e\x8c\xd3Q\x9d(\xebQ\xd8\x9b\x80*\xca\xe7\x0c&amp;\x94\xbc\x84b\xd0\x93r\xc0\xb24\xd4,\xec:\xed^\xd5\xed\xcdbzB\xe4\xd8_\xceu\x18\xdf~\xd2\xd6\xeb"\xe1\xa5\xc0\x99\x8bS\xb0mb\x9d0t\x84m\x94\x1d\xf1E\xdcf\xac&lt;\xe3\xc9\xbeB\x9e\x05#8%\xd1\xd0&lt;\x86\x83\x0c\x9b9\x14.ys\x8d\xdc\xf8\xd8c\xb7\xa4`b\x04\x8an\xf1\xa7\xe9\xee\xa4W\xf1$1P\x8a)\x83\xf2\x89\xdc\xaa\xd2\xda\x13DU\xba\x99J\xd2\xc1\x02\xa3\xa4:2\x94\x9b\x93\xd9\x80\xc3\x81\x1c\xfb0\xbf\xc8\xd3\x05\xfeu&amp;R\xc7\xc6+\x0b\xe4e\xf5\x06\x1dCA\xa6\xea\xaf\x93X$i\x9c,\x19\xf6y\xd4H8\xeft\x9e\x8c\x04x\x11\xdfn\xe5\xd7\x94ID\x00ig\xc3\t\xe8\x97n/\r\xfa\n\x8drc\n4\xb1\xb8)\xdd\xfa\xbc\xc1\xb9\xab\xfbN\x8c\xb0{a\x01N\x07\x032j\xc5\xf6\xf0T\xa1\x94!\x00\x9f\xf7O\x8bM\xd2?\xbc\xa2R\x87\xb6\x1b@\xdc\xdfs\x8e\x82\xc6I\xc2|vp\xc2&lt;\x0e\x17\x99\xee(\xba\xdd\xa30\x89xv:#c\x8e%\xfdy\x0f\x89\x94\xa7\xb1x\xbd\xef?cH\x0f\xf3\xd1\x10\xe8:_1\xf2\x97-\r\x92 \xe8\xb9\ru`w\x84.\x93`CrQjpj\xbf\xaa&gt;\x9a\xa8\x03N\xa0\x04}g\x83\x85&lt;\xac\x9b\xf2\xfa\xde*):J\x8c?\xf5\x17\xc1&lt;9S\xd6rZ\x9f\xcc\xba\xcb,\xf1\x85\xb7%F/\x85{\xa6gT\xd6G\xb9\xf2\xbb\x97\xe6*\x13\x06\xba9\xdagX\x07\xda\x132\xefoW\xd93\xe5\xd2\xa38\xb6:7\x17\xb5M\xf8%\x0c\xb30\xb4P\xb7\xec\xa4\xb42\x12j\xff4\xfa\xe1\x1cA\xa4\x95\x9a\xe8\x1f\xb5G\xb5\x14\xb2\xab\x1e\xe467\xb9\xcf?\xbd\xe6a\xb4\xb5\x89\xb5\xe2&gt;\xc6\xa8\xf9a\xbb\xa3i\xa6\x8d\xde\x1bs\xc8g\xac\xac\xa3i\xe7q\x13ni\x00\xe4\xea\x82F\x1b\x82]t\xca\x14\xf2\x9b\xce\xf0\xdd\xd2\xb5\x13\xc8\xfa:z@q\xe1\x89 \xeeiC/\xda\xe8\x00F\n\xb9\xbc\xf3;\xe5\xc6\x84\xfd\x93G-L\xaeS\'\xd1\xa9\x0bc\x08\xbc\xd9k\xf1\xbb\xea@nF\x0f\xbb\xb1\x17\xf1B\xb3\xdah1s\xf5m\xf9\xf2;\x01\x1c\x9e\xbe\x04\xc6\xcdeuD\xe6*\xa2\x17\xd1R\x19\x14M)\xde\xf3\xca\x95\xf1\xa5\xeb9\x97\xe1N\xad\xa9\xc0\t\x07\xf8B\xd4\x8f\'\xb2\xe6'</t>
  </si>
  <si>
    <t>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</t>
  </si>
  <si>
    <t>b"9\xb9\xc1\xbffa\x92\x13\xee)'\xb5\xf9&lt;g-"</t>
  </si>
  <si>
    <t>d economy could cool down activity by contracting the money
 supply without worrying that undesired reserve inflows would undermine its stabilization
 effort. Enhanced control over monetary policy would allow countries to dismantle their
 distorting barriers to international payments. In other words, floating rates implied an
 approach to the trilemma that sacrificed fixed exchange rates in favor of freedom of finan_x0002_cial flows and of monetary policy.
 Consistent with this view, advocates of floating also argued that floating rates would
 allow each country to choose its own desired long-run inflation rate rather than having to
 import passively the inflation rate established abroad. We saw in the last chapter that a
 country faced with a rise in the foreign price level will be thrown out of balance and ulti_x0002_mately will import the foreign inflation if it holds its exchange rate fixed. By the end of
 the 1960s, many countries felt that they were importing inflation from the United States.
 By revaluing its currencyâ€”that is, by lowering the domestic currency price of foreign
 currencyâ€”a country can insulate itself completely from an inflationary increase in foreign
 prices, and so remain in internal and external balance. One of the most telling arguments
 in favor of floating rates was their ability, in theory, to bring about automatically exchange
 rate changes that insulate economies from ongoing foreign inflation.
 The mechanism behind this insulation is purchasing power parity (see Chapter 16).
 Recall that when all changes in the world economy are monetary, PPP holds true in the
 long run: Exchange rates eventually move to offset exactly national diffe</t>
  </si>
  <si>
    <t>b'0E\x02!\x00\xf0\xff\xbfry:t\xdc\xc0$4\xa3xG\x8e~#w\xd1\x93\xbd\xdb\x9d\xd9\xc3\x04\xd2\x93\x14\x1aK\xcf\x02 6\x8b,\xee\xf9Z\xabEy\x9b\xa7\xc6\xaf\x1f\x95\x95\x9ak\x94\xa2\xc8x\xab\xc3XRrE\xebIl:'</t>
  </si>
  <si>
    <t>3045022100f0ffbf72793a74dcc02434a378478e7e2377d193bddb9dd9c304d293141a4bcf0220368b2ceef95aab45799ba7c6af1f95959a6b94a2c878abc358527245eb496c3a</t>
  </si>
  <si>
    <t>b'0E\x02!\x00\xf0\xff\xbfry:t\xdc\xc0$4'</t>
  </si>
  <si>
    <t>duced a considerable amount of trade diversion.
 SUMMARY
 1. Although few countries practice free trade, most economists continue to hold up free
 trade as a desirable policy. This advocacy rests on three lines of argument. First is a
 formal case for the efficiency gains from free trade that is simply the cost-benefit
 analysis of trade policy read in reverse. Second, many economists believe that free
 trade produces additional gains that go beyond this formal analysis. Finally, given the
 difficulty of translating complex economic analysis into real policies, even those who
 do not see free trade as the best imaginable policy see it as a useful rule of thumb.
 2. There is an intellectually respectable case for deviating from free trade. One argument
 that is clearly valid in principle is that countries can improve their terms of trade
 through optimal tariffs and export taxes. This argument is not too important in prac_x0002_tice, however. Small countries cannot have much influence on their import or export
 prices, so they cannot use tariffs or other policies to raise their terms of trade. Large
 250 PART TWO International Trade Policy
 countries, on the other hand, can influence their terms of trade, but in imposing tariffs,
 they run the risk of disrupting trade agreements and provoking retaliation.
 3. The other argument for deviating from free trade rests on domestic market failures. If
 some domestic market, such as the labor market, fails to function properly, deviating
 from free trade can sometimes help reduce the consequences of this malfunctioning.
 The theory of the second best states that if one market fails to work properly, it is no
 longer optimal for the government to abstain from intervention in other markets. A tar_x0002_iff may raise welfare if there is a marginal social benefit to production of a good that is
 not captured by producer surplus measures.
 4. Although market failures are probably common, the domestic market failure argument
 should not be applied too freely. First, it is an argument for domestic policies rather than
 trade policies; tariffs are always an inferior, â€œsecond-bestâ€ way to offset domestic mar_x0002_ket failure, which is always best treated at its source. Furthermore, market failure is dif_x0002_ficult to analyze well enough to be sure of the appropriate policy recommendation.
 5. In practice, trade policy is dominated by considerations of income distribution. No single
 way of modeling the politics of trade policy exists, but several useful ideas have been
 proposed. Political scientists often argue that policies are determined by competition
 among political parties that try to attract as many votes as possible. In the simplest case,
 this leads to the adoption of policies that serve the interests of the median voter. While
 useful for thinking about many issues, however, this approach seems to yield unrealistic
 predictions for trade policies, which typically favor the interest of small, concentrated
 groups over that of the general public. Economists and political scientists generally ex_x0002_plain this by appealing to the problem of collective action. Because individuals may have
 little incentive to act politically on behalf of groups to which they belong, those groups
 that are well organizedâ€”typically small groups with a lot at stakeâ€”are often able to get
 policies that serve their interests at the expense of the majority.
 6. If trade policy were made on a purely domestic basis, progress toward freer trade would
 be very difficult to achieve. In fact, however, industrial countries have achieved substantial
 reductions in tariffs through a process of international negotiation. International negotia_x0002_tion helps the cause of tariff reduction in two ways: It helps broaden the constituency for
 freer trade by giving exporters a direct stake, and</t>
  </si>
  <si>
    <t>b'0E\x02 Tu\x13b\x18\x08B\x87\xd4\x9f\xdb\xc3\xd3\xdd\xd6ao=\xd7k7\xd8S\xa37p\x88\x85\xdara\xc6\x02!\x00\xcc\xbaQ\x82@:\x96\x84\xf9\xe7\xa5\xd7\xbeT#\xdd\xf8\xaa\xcf5\xb6.=p#\x19\x04M\xfc\x84?\x9a'</t>
  </si>
  <si>
    <t>304502205475136218084287d49fdbc3d3ddd6616f3dd76b37d853a337708885da7261c6022100ccba5182403a9684f9e7a5d7be5423ddf8aacf35b62e3d702319044dfc843f9a</t>
  </si>
  <si>
    <t>b'0E\x02 Tu\x13b\x18\x08B\x87\xd4\x9f\xdb\xc3'</t>
  </si>
  <si>
    <t>the
earth, in the grass, in the beds, even in the crevices of the walls. Then the
green things began to show buds and the buds began to unfurl and show color,
every shade of blue, every shade of purple, every tint and hue of crimson. In
its happy days flowers had been tucked away into every inch and hole and
corner. Ben Weatherstaff had seen it done and had himself scraped out mortar
from between the bricks of the wall and made pockets of earth for lovely
clinging things to grow on. Iris and white lilies rose out of the grass in
sheaves, and the green alcoves filled themselves with amazing armies of the
blue and white flower lances of tall delphiniums or columbines or campanulas.
"She was main fond o' themâ€”she was," Ben Weatherstaff said. "She liked
them things as was allus pointin' up to th' blue sky, she used to tell. Not as she
was one o' them as looked down on th' earthâ€”not her. She just loved it but she
said as th' blue sky allus looked so joyful."
The seeds Dickon and Mary had planted grew as if fairies had tended
them. Satiny poppies of all tints danced in the breeze by the score, gaily
defying flowers which had lived in the garden for years and which it might be
confessed seemed rather to wonder how such new people had got there. And
the rosesâ€”the roses! Rising out of the grass, tangled round the sun-dial,
wreathing the tree trunks and hanging from their branches, climbing up the
walls and spreading over them with long garlands falling in cascadesâ€”they
came alive day by day, hour by hour. Fair fresh leaves, and budsâ€”and budsâ€”
tiny at first but swelling and working Magic until they burst and uncurled into
cups of scent delicately spilling themselves over their brims and filling the
garden air.
Colin saw it all, watching each change as it took place. Every morning he
was brought out and every hour of each day when it didn't</t>
  </si>
  <si>
    <t>b'\xb4k\xee\xf9\xaa\x80L\xee\x0b\x0f9\x9f5\x8d\xb9\ng\xdb\x91\xf6J*\x8a"\xffPZ\x1c\x88\x07Kg\xf3\xbe;\xfaA\xc9\x999\xb6\xc2\x9a\x8eb\xb1\xaac0J\x0cN\xda\xc92\xb8\xca\xef^\x81g\xc8\x0f\xcbHX\xa7\x8b\xec\x18\x9e\xe8\xdau\x9a&gt;\x02k\x92\xb1#p\x98-3@\x199\x9e\x9c\xfb\xc5\x8d\xde&lt;\xa2t\x1a)\x14\x86t=d.A^tN\xba#\x0cQ\xcb\xc5\xd6\x1d\xb2\x08\xa3\xf76(\xad\xcd\xf4\x8a&amp;u\xd6\x93]u\xac\x8fib&gt;k\xe4m\xde\xe4\xb0j\xe9"I\xa7\xc5\x94\x13\xf9\xf9R\xf0O\xb1F\x9e\xbdQR\xf6P\xcc6W\x812\xf09\xf2\xd7\xa6}4\xed\x85\x89\xfcE^\xa2d\xe2\x860\xb2zkw\xfdi\xadk\xb5\x86w\x16*\xda{\xd9\x19\xe8\xd1\x8e*0]\x85Y\xe5P\x92\xe1\xd8\x10\xef\xad(\x8e\xb4v\x8b\x92X\x8crc$\x17T\x0e\x92;\x9e\x8f\x18\xa0\xbb\x97\xb3zH\xea\x08\xba[\x8biT\xa7)\xd1e\xa8\x96\xb6\xa2\x1eJ}_\xd8\r\x8b-yZC\x07VO-\xd3\x00\xebu?a\xef\x947\'\x83{\xef\xc7\xb5&lt;\xfc\xf7\xba\x8f\xf8\t\x02V\xdcD\x05\xaf\xd0\xe1_\xb5\xbb\xb92(\x8e\x03\xcb$q\x9c\x90\xc7wwfQ\xc6\xe6\xb8NmP\xf3\xcf0_\xa1\x16_\xecP\xb2\xfe\xa0\xdd\xda\x14\xa6D \x002\xde\xb9\x151\x15]oC\xda\x03g\xf4\xeb\xf4\xfd\x94\xb8+\x89m\x0c?j\x85\xcd\x9e=\xccp\x1a\xbc\x15\x83\x8bq\xf8p\xea\x11\xa8\x06\x86\x1d\x02Mq\\\xd9\xe4\x05\xee\xca)\x80\xaa\xde\x06TE\xc7\x01\xeb\xc5\x1a\xfaF\xea\xc6\x87\xa8\xa8\xcc;\xaa/o\x81\xb06\xfa"\xa0\xb53\xf3\xe9\xb2u\x00jA\x15d\xe4\x167\x02\xb8&gt;k&gt;T\xce\xd6ak\xe1\x92\'\xe1\x9a^k\xf5\xebvV\xc1Q\xda\xf4MG\x07\xc9\x96j\x1f\xae6u\xe7\xce)\xb1\x04F5\xe3V\t\x83\xa9\xf3\xbb\xe9\xe4(\xa3n\xc7g\x97\xa9^\tj\xe6Bw+X"\xe4\x8dKGdj\x8e\xc2tl\xa5\x1f\xe1a\xdc7\xf3\x11\x1f@B\xf2\x86v@9;\x13&lt;\x93\xf1\xc7R~L\xfbK\x90\xa6\x9ef\xe3?\xa4\xea"*\xb3\xf8\x8c\xd6O$2\xbd\xea\xe99zE\x10\x03\xf2w -\x83\xf1}\x8f\xfa\x87\x11\x04_wBq\x85\xc7\x84V\x93\xf8\xddh\x9f\xd2$\xd5\x0f0\x8a\xffk\xab\xbfvwd\xb1k\xfd\x03\xa2\xc7\xf4\x88[\xe2\x98\xe3P\x9a\ro~\xdcK\x7f\xad\xf1\x07\xce{K\xa2%K\xed8\x1d\'"N\x1d\x05\xb3+\xc6\xa9\x8a]P\xa1\xb4\x0e#2\xc4\xf4\xb3u\x8d/\x90\x7f\x95\x9a^\xdd\x02`"9\x88\xcf\x1c\xe0@\x9b\x8b&gt;\xa4Y&lt;\x8d\xa0A\xee\x98\xcd\xb8\x19\xa4\xf2\xec\x93V&gt;\xcd\xfa\x87\xac}K\x83\xc78&gt;\xc4\xe2D\xbc\x8f\x89\xf9\x00\x83\xd8J]\xa3-Ks\xc4\xd9\xd1\x82d\xf2T2\xdb\x88z\x0c\x89\xfe\xe1Ot\xfa\xf2{\x0eEG\xff\x17|^Z\x13\t\xb4K\xa5O\x1e\xac\xae\xe3\x92o\xf2\xf2\x9f2\x86\xb51S\xefI\x1a\x05\x0e\\Ij/Q\x18o\xa6@\xd4\x19A\x81\x8eY\x15\xd2\x00G\x088A\xa473\xdcN\x0fJL\xf7\xff\xee\x19y?\x82\x14\xa6\xb6%u&lt;\xdeN\xbcP\xce\x89\xee\xffc~\x92n\xef:\xc7|\xb7e\x88\x9b\xc8/o\xd1\xe6\xfeu\xcd\x7f\xfd\xdf\xcds\xb1\xc0\x93VEO\x9bHuY\x90\x08\xfe\x92\x9f\x95y\xa8H\xcc%`\xd9\x93cxn\xa8\xca\x18\x07X\x8fA\x9c\xecV\xe0&lt;\xc7\xd2\xcc(\xc0\xaeq\xc7\xa0\xcd\xeeq\xf3\xdc\xcd."4Y\x80\xaf\xc2:\xa3\x03:T\xb4\x12\x9c\x08\xdc\x882k\xdd\x9bL\xa9\x98\xa2S\x1d\x83*\x0f\\\x93\x87\x97 \xabE;{\xe8I\xd4\n+\x86\x86%\x99\x92Y\x9bd\xe4y\xe6\xf6-\x99`\x9e\xf5/i\xe2&lt;uV\x84u\xeco\x8a\xb9F\xac"\xc7\xa27\xa7NNZ}q\xf4\xd8\x10\x8f\xa4\xc7s0\x1f3zd\xdd/\xcb\xc6:\xe8o&gt;}\xaa\x05W\xfbj\xd0\x8c\xe4\xcd\x99\x12\x19j\x0ej\x8a\xe1\xab\x0f/\xb2\xe4\xa6H)\xa2\x8c\x8c\xbd\xaa$sH\xde\x05a\x9dS\xed[~-\xb5o\xea\xb4Y\xbd\xb8\xb8\xa5\xd8mfB\n\x04\xc5f`\x03y\x9a\xa4\xe5\x9b\x1e\x14\xceL\xa5\x85\x92\x84\xff\xe0!\xa5\xf4\x95\xe0\x98\x15Y\x1b\\\x13\xa5\xbc\x90\xc2\xd5\x80\xc3^&gt;\x96M~\xa6v\xd1\x03\xfe\xf4\xa5\xd0\xfaO\xae\x99\x91\xa8n\x15\x0f\xf24\x11\xcd\x0b\xa9p\xffx\xee\xaf\x15?\xe5\xf9\x83 \xa7\xf1t^\xcb\x01\x88$\xf1\xe2\xc1\xbb\xa4\xca\xd5;\xc8\xf2\x87cZ\x04g\xe0\xa0.\xed-T\xa8%S\xab]\x82M\xc3\xfea\x7fO\x88\x83B^\xb20\xbc\x84lR\x85 \xdeV{\xb2\x1d\xea9\tjnj \x0e\xcb\x06\xd0k\xe0:-\x1d\xc7\x9d&amp;\x0bVh\xea\xa8WH\xc7\x93\x1a\xfew\xcb,.\xbf\x0f\x90tSl\xc2\xa1\xc0.\xda\xcc\xbc\x0fy&amp;\x15\xf7.{P\x13\xa4\x85\xdf\t\x1d_\xc8@\xa1\xd05\xb6\xa3\xcd\xfa\x82\xae\xa3\x10Nc\x9fX/\x9b\xb0\x91\xd5`\x9b\x10F\xb6\x06\xdb\\"\xf6&lt;\x01Y\xa6\xb0\xa6e]8\x06\xfb\xb7\x0f\xaf\xa5\xf5\xa79EB\xbdB\xc0\x8d\xcf\xb16\xb8\xfe\x16\xf5\x8aOP\xde\'\xa3f[\xfaDj\x7f\x00\'0\xf14\x0e-v\x0cSkQy\x02\\G\xb7+\x83\x81\xbd+_\x84\x998\xd7\xa8\x1b\xb5\xc2\xc9\x8d\xc0\xf6rt[R\xc8\xe5\x0f\xb0\xa2U`$\x91\x0f}=\xf8\xd8\xedXPFX\x844\xe8\xde\xdf\x06U\x8d(\x95\x9bX\xdfrL\xb1\xa5\x91n\xb6 \xdc\xf4\xcd@:\xd5\xf8=6\xe62\xfa\xb6\xe3\x99V\xd9\x90"\x89\x85\xaf\xf6}\x15&gt;N\x82;m\x8a\x00m\xc8\xf0\xad\xde\xa3\x13Q\xa5zq\xe9&amp;\xb8\x89VZ\xaf\xbc\xdf@\x19\xf8N\xdezET\xf2x\xe2\x06\x87\x90\x02\xf3\x81\x9cG\x13\x96Q!\x99\xa3\x9bkD\xc3\xdf\x1a\xa2q\xed21\x1e\x10I\xdd\xe9&lt;\x0c\xe6)~ g\x17\x0e\xea\x1d\xf3*\xe4\xcf\xb0!\xeb\x89Ed\x13\\:\x85\xc1\xbd\xd24+?\xd3\xe8\xea\xa4\n\x81\xd9\x0c\x96O\x8d2\xe8k\xd6E\x9e^\xa3\x04\xe2(\x05PsL\x7f\x95\xe0\xed\xa6\x16k\xa9\x1a/7;\x06\x8e\xdf\x0f\xac\xa9\xab\x05=\xde\x898;\xc2Jp4\x9b\xc9\xa63\xb1\xeb\x90n\xe8\xd6\xb6\xf3\xeb\n(\x14\xfc&gt;\x06\xf2ow\xb3\x7f\xde\x88\x00\n/\xb6\x9d\x93\x18u\xd6\xfb\x89\xdb\xee\xb0P\xf3\t\x903\xb2\xd8\x99aO"8\xcb\xf4\xae\x1f*Io\xb7\xb1X\xd7\x9bs\xce6\x1d~\x86\x05\xd6\xff\xff"i\xf7\x91\x06h\x8brs!\xe0\x86\x88*P\xab\x9c\x80N\xbaO\xcf\xbc\xc5\xa3\x02\xff\xeb\\\x8a\xb6\xa9\x9a\xec j,\x18\x8f\xfb\x10\xc4\x1e\xeb\x8b\xe6\xf8\x0b\x16\x84}\xf72R\x92\xa6d\xc6n\xc5_\xbcy\t\xbd\x86\xcb\xc8\x13\x1c\xf3\xe8\x87\xe0\xcc\x19\xb3\xcfo\xdbQ\xaf\x13\xf6f\x8f\x02\xa8#\x89/\xbe`\x98\xb6\x86b_\xe8+\xb1\x7f\x00B\x81\xc9\xc6O\xac\xd6LE\x0c\xdd\x867\xf8\x10\xe1\xe0\xe3\x19\xb1\xc4sfG\xa3r\x95?)\xd1\x91\xa6\xf8\x13n\'\xa8)\x93 \x8d\xdas\x04\xe4u\x8a\xbc\xb1`\x81\xa4\xd5\x1d\xff\xd0x\x9a\xd9%\xf1\x8b\xacC\xcbT)"\x03\x8b\xa3\xdc\n\x16\x12f\xe3{.\x08h\x04\x16\xf8w\xf6\x9e\xbd\x0b\xea\xbc I\xb2\xe9\xdd\xb7R'</t>
  </si>
  <si>
    <t>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</t>
  </si>
  <si>
    <t>b'\xb4k\xee\xf9\xaa\x80L\xee\x0b\x0f9\x9f5\x8d\xb9\n'</t>
  </si>
  <si>
    <t>Judaea (with Syria) 2 2
Syria 4 3 3
Mesopotamia N N 2
Cappadocia N 2 2
Dacia N 2 1
Pannonia 2 4 4
Moesia 2 4 5
Dalmatia/Illyricum 2 0 0
Noricum 0 1 1
Raetia 0 1 1
Italy 0 0 1
Total legions 25 30 33
Numbers are the number of legions attested in the province or region by that source
i Dio 55.23â€“4 reflects the situation before Septimius Severusâ€™ creation of the three legions
Parthicae, deployed in his new province of Mesopotamia (2) and in Italy (1).
ii ILS 2288 (CIL VI.3492) is a column base from Rome originally inscribed with the locations
of the legions in the reign of Marcus Aurelius, with the three new Severan legions added
subsequently.
iii â€˜â€˜Nâ€™â€™ indicates that that province was not part of the empire (or was a client-kingdom) at
that time.
210 Nigel Pollard
and internal security duties. There are numerous references to small groups of soldiers
used for policing, as prison guards and under the command of other officials such as
the procurator in the younger Plinyâ€™s letters from Bithynia-Pontus (Pliny Ep.
10.17b â€“18, 19â€“20, 21â€“2, 27â€“8, 77â€“8).
The auxiliary forces
The auxiliary forces provided the Roman imperial army with most of its cavalry, along
with infantry units, including some specialists like archers, of lower status than the
legions. Most auxiliaries were recruited from peregrini, free non-citizen inhabitants of
the empire, who received citizenship on their retirement, in contrast to the largely
citizen legionaries. However, individual Roman citizens joined auxiliary units too,
and (as unit titles show) some units were raised from Roman citizens or rewarded
with citizenship during their service. The distinction may have grown increasingly
blurred, and the Constitutio Antoniniana made it meaningless.
Auxiliary infantry were organized in cohorts, most, notionally, 500 strong (quingenaria/quingenary), but in practice rather smaller. From the later first century CE
onwards we also know of larger cohorts, notionally of 1,000 men (milliaria/milliary). There were also cohorts described as equitatae (mounted), composed mostly of
infantry, but with a detachment of cavalry. One such unit was the 20th cohort of
Palmyrenes, based at Dura-Europos in Syria. An early third century papyrus document (P. Dura 82 Â¼ Fink 1971: no. 47) shows that on one particular day the strength
of this milliary cohort was 923 troops, including 223 cavalry and 34 camel riders.
Auxiliary cavalry was organized in units called alae (wings), also quingenary or
milliary (Le Bohec 1989b; Holder 1980; Cheesman 1914).
By the end of the first century CE most auxiliaries were part of the regular, professional Roman army, with individuals serving under Roman officers. As mentioned
above, this regularization may have begun under Augustus, but apparently it developed through the century. At first, some auxiliary troops were still irregular levies
serving under their own leaders. Batavians of the Lower Rhine, who were excused
direct taxation because of their importance as soldiers (Tac. Hist. 4.12; Germ. 29),
probably were among the â€˜â€˜hurriedly raised bands of Germansâ€™â€™ contrasted with
regular auxiliaries in the army of Germanicus in</t>
  </si>
  <si>
    <t>b'\x03\xdd\xbe\xe7I\x10"\xaf\xb7\xfd|\xcd\xecf\xee\xc9\xaa\x86qP\x86d\xf2F\xb9\xc9\xa40p_yQ\x820\x80\x1de\x989\xd0z/7\xa9E[:\x9f=*j\x8ep;g\xd5\x82\x04\x8c\xfaE\x82\x0c\xa6\xf2)\x0ec\r\xd43f*\xdeq\xbeO\xd5\x86\xd6\x83\xe1\x06\xedbr\xacu\x9f\x1f\xd4\r\xfbx\xfa\xb2\xf5N\xd4\xd7\xb9&lt;^\xba\xdb\xdc&gt;\xba\xea\xb6\'J\xe9\xf6\xda\xb9t\x939]v\x99\xc2\x8a\xc1\x8b\xa2Jz\xa2\xbf\xdfl\x17J\xcb\x0cy\x89\xa9\x8aZ\xcc8\x8a\xbf\xa1\xac\xbf\x8e\xaa\xbd\x18"\xee\xaaW\x15H&gt;W\xd5\xfe\x9fj\xf0hu\xd1\xd3\x8d\xcf4"\x13W\xd0\x12\xd77q0\x08t\xd5E\xf6\x02`&gt;\xc8\xd0\xd1E\x08\xa1t\x12Cr+\x91\x82^4\x0c\xdc;y`\xb1-\x81y\xdb\xcc\x9d\x97\x899\xc09\xf8@=\x0f\xbd\xb0B\xc7\xd1\x1b\xba\xa2\xc9\xa5\x92\xf2m(/\xc62\xb6\x1d\xd5o\xe1`\\S\x99\x89\x8d\xdd\x90\xc8\x94uO&amp;?O\xc5\xf1O\xa0\xfb\xf7\x8f\xf7\xbc\x13\x81K\xdb| \xb2g\xa7\xa5dy\x00F\xaa\xce\x12*\xa48\x19\xa5iB\x83\x8cX\xdfA)K\x08\x17\xac\xdd\x98\x1c\x90\xb9\x90b\x85\x1a\xc5j\x14\x8ck#\xc8)* z\xbc\xe2\x8e\x1c\xd3\xd4\xd1\xb2 \xd1?\xf6\x06\xb7\xce\x13K\xb1\xc0\xack#\x11&gt;n\xfdk\xda\x9d\xd2}&lt;\xe3\xc5rz\xf8\xcb\xc1\xed\xac\xf3\xc5\xe8G\xc1T\xd7\x9d&gt;\x8f8A\x07\x95+\x8c\xd6\xabW\xb6\x1czP\x1c\xb6Y\x16\xf0\x80\xbe\xa60\xebi\x01\xf2\xfc\xa8\xca\x82\x9f8\xc5_\x88\x1e\xf0p\x18p\xad\xbf\x11\x0e\xf5\xd2\xc4\xc9w";\xd4H\xdf$\x10C\x18*[\xf5\x87\xe9rQO\xf5;\x12\xa7B\xea\x90&lt;AF\xb2,\xb7\x1a\x8a\x1a\xf5\x16\x91\xbd\x91w\xd7\x81\xa5\x0e\xca\x84\xd4Bkqo\xd74Z\xd2\xabR\x1b\x99\x12\x93m\xe6N\xadu\xec\x95%\xb9\x01d=\xa3\xbf\xb7&gt;\xa0\x0en\x85\x9d\x17W\x05t\x13v x)\xe3\xd7\x0b\xd18\xad\xfb5\xfd\xc7\t7mF\\\xa6\xe9\x16\xe3\xe9?Nm^\xee\xb9\t\x0b\xd8T\x84\xe0\x0b\xccSB3:\xf4fd\xccE\xa0\x81Y\x12\x9a\xd1\x9f\xbaO\xf8\\\x0c\x96\x92.\xea\xe9,\x9d^\xc2\xa8\xfbU-\xe3\x01\xfaf\xd9\xe2p\xef\x92\x85]\xba\xa0\xf0\x844\xb9\xefMz\x19\x89/\xabK\xbf0L\xbe.\x08iE\xe2\r\x99\xf9\xfc[\xe4\xc7\x80\xb4\xd8xP5E\x07\xb9|\x19\x96\x9fo\x82\xe1\x7f\x8e\xe7\x0ck-\'\xb4$)\xbc\x80\xbeh\x88\xa0\xf7\xfc\x95\x8a\xb3&lt;Q\xbd\xc5\xaa{noyYr\xea\x16\x7fui\xbe\x1e\xf2\xd0\xc4\x06\x90\xe3\xa5\xa4\xfd\xe2\xce#\xd3\x80\xc1\\-\xca\x1b\x80+g&gt;_\xcc\x8cn=\xadc\xa5\xa6;\x14 N\x85G\xa8E\x9b?\xe1\xd4\x05f\x04b\x8c\r\xce\xfaW\xdf\x11\xca\x93iG5\xeb\x8f\xa2\x7f\xa1o\xfc\xc1\xce\x84"\xe1\xcbZ\xb6\xaa\xdc\xfc\xbc_\x94\xf18\xe4\x10\x8b\xf7\xd0\xde\xe2\x16\xe2^Y\x95%&gt;\xff\xa8PvC\xe9\x92\x9dl\xd9\xec\xfc\xe8kXx\xe7\xa4\xd9:q]r\x81\x81\xb1\xfc=\xdf\xce\xfb&lt;\xb3\xd8\x13D9\xe2\xfe\xb8\xc5\x7f5~\xf8\xf6\xff\'\x93q\xf1{\xfd\x89\x94\xcfZ\x7f\xd3\x00Y\x83h\xd8\x1d\xb7X\xa2l\xd0\xe5\\\xe7\xb5\x82\xa6B\xd0a\xd8\x04Up\x11T\xdaM\x96\xe9\t\xa0+\xc8\xa6\xdf\xc7b#\xbb\xfe\xf84a\x7f\x0c\x9b\x14\xf5\x81\\\x96\x03\xb7;\x12\xa2r\xee\xbc\x90\xd7!/\xf34#)_\xb0\x18\xe9\x1a\xc6E6XNu\xf5\x92^:\xb8\x05\xc64\x97\xdb\xc4H\xa60!\xafJ\x84\xe9zW\x05\x89U\xbf2\xe2\xe5b\xe30v\x13\x1e\x11\xf8p\xd7EN\xb7\x85\x17-\x0f\xb2\xfd\xd1\xa4\x9d&gt;9%1\x16\x99\x84X\x14f6q\xf3Y\xed[\\$\x89.\xfd\xc8\xddV:\x16\xe8.\x06R\xa4\x03#\xae\xe2 \xda\x0b\x86q\x98\xf4\x93\xce\x1c\x1ef3\xd6\xbd\x96.\xc1\xdb-\x9e\xdf\xbc\\\xdfg\xc7\x9c\xd5\xf8\xf0\x89\xc2\xd3\xc3\x15\x8dGW\xa5\xb2\xccq\xbf\x08\xebW\x03\xea\x16\xa1\x91\xd5\x08\x8c\xf4&gt;\xde]OV\xab\xfe\xdboCke\r\xfe\x9f$x\x85\x84\x9f\xce\x84\xf11\xef\xf9\xb2Xr\x80\xebV.E\xd6\xa1|S\x8d\xdb\x0fI\xe0\x893\xc8\x97JzqWc\xc7\x98\xd1LB\x88,6}\x85\xb2\xc0`\xf3\xdc \x19\x0e\xc7\xfc\xd1&lt;`t\xcd\xcf\x00~\x02G\xb6a\x97\x96\r\xe0\xf7\xabL\xbe\xcfP\xc6-S\xe1\x8d\x1cu\xea\xbd\xa4\xe7K\xea\xc6\x1c3\xe0\xbd\x14\xa3\xe8\xb3\xf4\xf2F\tQ\xef\x8f\x02\xcd\xcf\xe3\xc0A5\xbfe\xd2\x1d\xfbVE2\xcb01;\xf1/\xecp\xfb\xad\x13\xb0iU\x05\xc58\xb8\x95\xb7\xacOT~\x1d\x96\xd6\xab\xcc+\'\x15\x12\x85\xf5Cd\xe8]+\x91\x1e\xc8C\xf1\xe7\xd7\x08\xc9\x1c\x97\xbaF(\xfa\xfd,\xad\xbe\x9cq\xcclrJ\xf3\xbe \'\xd85\xae\xd1$\x86\xaf\xe7E\xc8c\xb6h\x0f=\xdf\xfa\'\xe7\x9e\x1a\x07k\x8e\xcc\xbd\x8f \x82U\x90\x82\x90\xaa\x98\xf7=\xae9\x86\x1f\xb4\x03\xee\xb3\xd8\t\xed\xfcN\xdd\x9f\x92G\x11;kO\xa7.\xccPuP\xdb8\xca\x07\xfa\xd0\xe6g\xbb\x07\xc47\xf4\xc5r)9x\x93\x9c\xe6K\x00\xe8)\xb4T5J+\xfb\xd8\xfa\xbf\nZ\xe8\xa4\xf3p\x89\xe7)M\x8c\xf9j\xe77Q\x8f\x88\xd4\x04z\xe9.\xe62\xc3\x05Q`\x93\xca\xcb\xab\xc8\x94\x8d)k/{\'\\\x055H\x8c\xbeU\x05LZ\x9b\xc4\x03\xcc\xf8\x13\x7fH\x8b\xfc\xf7\xb7\xc9\xc6\xc6\x1ax\xf94iE\xec\xc4MR\x0c\xdbBq\xd1\xb7\xe5\xdf\x82\xcf\xc9x\n\xd7\x1b\x0fXBGW\xb2\xdeM\x91\xc1_U@W\x8d\xb0\xc0\xb1T\x10\xdbh)j\xdau9\xd5\xaa\xd8\x8c\xc1\x95\xbb[\xb9)\xadDf\x8b\x1b\x01`\xe9$~\x84\x13\xa8\xfe\r\xed,\xf3\xaf\xf4\x91\xe4\x97\x84\xe3\xb1\x9fA\x0bl\xd9\x85~(\xb2\x91V\x85\xb6\n,\x16\xcaR\xbak\x87y_\nx\x03\xf5\x14\x12\\\xa69fDW\xbfW\xfcy\xd1\x93\xd1/\xc4{+ah[\xc3"\xa3b\xbaPLkjq\x926\xda\xac\x025\x80\xd7\xebp\xd9\x1bX\xf9\x1e\x13[A[\xc9\x1atS2\xd4\xc1}N@\x99v\xb6\xa0\xd8\xa9\xa2Kv\xf9\x90&amp;\x194\x08[GnQ\x10\x9aBE\xb0%SJ\x1b\xe6w\xa4j\xd8`\xd2\x9bP\xbb3:\xb5\xb0R\xa460\xf6\x185b|/\xac \x18(Yn2\xba\xf1\xf0\xb7\x9c\x1d~\x93\xdeH\x05,\x91\xca:\xbe\xeb$\xa6p\xce`\x03\x9c\x19 x\xab\xf7\x88\xad1n\xc16\x03\xe5\xe6@\']\xe8\x0e\xb2\xca!\xf7P\x87X\xaf\xear\xc1\x81:\xab*\xf2\x00K\xe3\xf2\xbe\nOi\xbe\xda\x8er\xaeq\xf7~5]\x82\xfc\xff\xee\x94\xc6]\xefFP\xff\xa2\x8f\xda\xc7\xbe\x0b\xcb\xd6\xc3\x86\xd7\x92\xc0\x0f\x9aR\xffT\xf0\xc7?\xcf\x01-Bp\xcf\xa46\xf1\xc4\xd9\xa5npt\nw\x91.\xda\'\xbb\xbe*\x9b\xa3\x8f\xa8\xf1/\x9e\xc2OZ\x86\xa4\xebCC\x9b\xf1\x07\xd1\xe6\x99\xe7_*|\xc9\x89\xed\x92?\xa7\xd9(\x06~\xa5\x08\x1bN\xa5\x89\xe3\x1fl\xc1V\xd2[HB/\x96X\xa1\xc1\x1d\xc2\x9a\xac3\xb6\x1c\x1f\xdc\xb9t\x97\xf6&amp;\xb5\x1e]\xc4z\xffu}\x81-\x80\xaa\xfe\x1c\x97q\xf2\x90\xd7\x96Dc\x18\xff\xd4\xc7\x12I\xee\xc8\xf3\x98\xeaZ+\x81\xcc\x9c\x18\xb0@\xe5\x1a\xe5}w$J+\xc2\xcb\x8a\xdf^\x9a6g\xc0\xdb\xda\x03\xf7\xa1\xf9\xae\xde\xf6\x8f\xe36,\x03\xb2|B\xba\x96g\x8b\x99&lt;(\xe8\xca\xbc\xbbK, \x8d\xbb7\x1d=^^\xdd\x12\xd1\t\x96Z\xf2n\x0f\x00\xe0if\xc9\xb1\xee\x93\xe2\x87\xd5O\x9c\xad`\x98\xd8\xa6\xa6\xc4\xaa\xa1\xfe\x0b\x83\xfd\xd4\x12y\xca\xe9\xa0\xdd)=/q\x88\xff\xa6\xd8ZK8\xcfI\xd0\xf7EW\xcd\xa8\xd6^\x16\xf4\x0c\xd4\xcd\x8e\xda\xdea\xd2\xe0\xf6\xecu\x86\x10&gt;S\xdcK\x07\x99\x03*\xe3El\xfbJ\x9d\xb93\xd2\x175\xff\x08\xf7\x85\xb3\xddq\x90\xc2\xbb\x01\xa2o\x8fp\xf4\x96n\x05\xd9`\xef\x93\xc5\xef\xe1\xcb\xb7\xff\xa0\x89+\x7fF2\x85\xd43\xcaQ&gt;P9\x93\xaf\xe6|z:\xacN\xce\xa2\x1e=\x91\xa1\x1a\x9c\'\xd2\x1d\xce\xfa?\x17bu\xe5\xf5T\xda\xb0Y\x06K\xae\x8ag\xc1\x1cg\xc8\x8bS64\xc5\x91\xfd`:\xdc\x86\x04cG\x92\t\x8f\xfd\xe3\xe1\xf8\xf1\x0c\x15b\xf8X\xc1\xad\xdb\x13%%Q\x06\xde\xca\xac\x94wJ\x17["\xf2\xfb\xc3e\xd9\x18\xaa\xb7%~\xfc\x98.{\xee&lt;\xd6EG/\x7f\'\x91\xb1\xf7\xbdm\\\xe9h6\x18\xdaV\xe0\xe9\t:M\x9e\xe0\x00\xda\xce@\x1e\xe8P\x9f\xf0Y\'\xeb\xac\x1b\x89\x93\xaf\xee\xa4\xf5\x9f\x80\xdfA\xe4&gt;^\xf9\xa9B\x0b\xaa\xe6\xa1\x98v\xd2+\x17\x1a\'\x8b\xda\x12\xaf oA\xbb,Gti\xc8\x8b\xdc\xf7\x89\'\x8d\x1a\xcb\xd3\xed9 8\xad \xe6-B\xf7F\'W\x14]\xd8\x9a&lt;\xa9u&gt;{Z#\x19\xa6=V$\xb1\x86\xbdI\xe0\xab\x12\x04\xa4\xc4$\xbcJ\x0bIG\xcf\x83\x89\x0e=l\xfb\xbf\xda\x93\x8a\x1fP\x90;\xe8C\xdde.\x99H\xda\x0fj9\xd4\xcb\xb9o\xe9\\\x82v\xfe\x0c\xb3\xa18KM\xa2\x18v\xa3]R\x93D{\x9b\xaa\x8epP\x9d\xeb\x95\x17L\x16\x17U%\'\x13B\xadq\xc1\x1d\x12\xb4\xad]Z\'\xc4H\xc3Q1Cm\x11\xe6u\xaeZ\xed\x9a\x0c\xc1\xf6\xb9\x86B.{\xf0\xf2\xf6\x92\xc9N\x9b\xe21\xb8"ciF_%)\'k+\x17\x9f\x93\xb9E\x8a\xc4\xe0\x7f\xe15\xef\x8e\xf1{\x9d\xd8W\xc8\x01\xf5\xc2D\xa5\x13|\xc6.\xd14\x91&lt;\xe4\x0b\rvn\xf1._\xc3\xc2I\xc9\xf5\rI\xf9F\xf1\xf4a_-\x9f\xec8\xd2\xadY\xc2-H\x9b\xdf\x08\xd81\xd4.S\xf2\x8dcu#\xc1`\xa8\xde|\xd0\x8c3\x8f\xea\x96\x89r4\xcb\xf2f\xc3k\x01\x95l\x83\x81X\xc9n\xec\xc8\x81\xcc\x96Wg\xabU\xd8\xa86:PP$\xa9\xba\xf1%\x9b\x14\xbc\x12t\x98a\xcb\x9a\xd7\x82`\x19\x89\x7f\xe2i\x90\x9a\xa0d\x19dD\x9c\xd1y$xL\x1ce-\x8f\xd9n\xb4\x1f`\x03\xe4rN[u._\x0bX\x12\xfe\xe8\t\x90\x9c\xdc\x1a\x84\xc9\x90\'\xdc\xc3j6L\xb8V\\C\xb7uIf3\x8fK\x1f\xe0\xbf\xae\x03\x1f\xc3G\x85\x7f\x01o%=\xbb\xe8\x801\xd3\xf7\xb7\x1c\xa6c\xc8\xc4.\xfd\xa0\xdfo\x1f\xdaa\x85\xa9\\\xce\x99\x96Y\xdc\x92\xcd\x86\x95\xe6\x82\xe3\xf7}\xd0\xc7(\xd6\xe0\x14g\xdd\xa6\xe1\xc2\x89\x99{i\xcf\xab\xbb\xc7\xceQ\xfa#,\xbc\x8f&gt;0\xf0\xddS\x8a\xb2M\xc6\xdf\xa8\xbb\xa3\xad\xaf\xc8M\x03\xc6P\xe4|[Zq\xbe\xbf\x9fFg\xa7\xe3\x1d*\xf4\xf7\xb5u\xd6\xec\x81\xbbe\x0b\xa36V|\x96\xbf\x83\x15\xb4K{\xe4\x18\xb2\x16\xa6\xc33X\xa7\xda\xdc\xb1!\xc9\xcfM!\xd0mu\x8a$q\xa9\x03\xe8&gt;3C\x04\xca\xf7\xa8\x14\xbb\xef9\x19\x8d\x7f6R\x95~\xce\xa4\xdfSU{\x95\x14{\xe9n\xdfo\xd2\x1ek\xaf\xae\xe3\x8e\x19|\xe4\x00\xaf\xe7\x0c\xe3\xab\xfa\x85\x16\xd9\xb6\x8ag\xbc.\x8c\'\xe8\xc7\xcd\xa3\x13\xe3\x05\x86\xc5\xb7\x96\x99\x10\x1fP\xc9\x1f\xfeTJ&gt;\x039d\xb4\x8f\'\xd8x\xd2\x0c&lt;Y\x1b\x0c\xd9N!\t\xc5\xf1\x15\x14\x9f\x87W\x0f\xc8\xa3!\rMH\x05|\xbf\x18\xe2Q7\xff\xd3V\x92z\t\xe6\xb0\x0b\\\x0bF\xf3\x97\xae\x06\xd2\x94\xe8|\'udiLk\x1c\xfeI\xe8\xc6\xb5\x9a\xad\x98\xe6x6!\xa0\xe6L\xaad\xf0&lt;\x15/\x9ce\x04\xffx\x8c\x00\xca\x1c\xb3\xa8\x1a$\x1b\xa4\x0f\xc9M\xc9\xbf\x11w.^\xd3Y\xba\xc0\xae[2\xabnC\x8a\x80\xff\x0c\xfa\x01I`\xcfl\xa7\xd2\x19g\xebL\x1f\xe1N\x02\x15i\xe6\xffB\xbb\x94V\xe9\x8b\xf3a\xa9\xa4\xe7g\xb3\xb5S\x83\'\xfe{\xf6\xbaf\xf4\x06p\x0b\xdf\x87\'[\x88\xfd?\xb0\xdb\x18\x83ZdL\xc8\x16v\x13u=\xb7i&lt;!\x15m\x10\xf11\xe5\x94\xfa\xfe7\x8cV,\xdb\x04Sa\x85\xcd\x92=M\xab\x97T"\xef!\xfeap\x0c09~\x86\xb6\xc3\xcfe\x99\xc8lO\xcdj_\xd1q\'\xaf\xcf\xc3]+\x93\xaa\xe1}\x86}\xb9&gt;#D\xfdI\xee\x99#\xe6\xa0+l\xbd\x10\xbb\x93"\x88\xfb\x81&amp;\xc1X\xec{ \xc8\xd3\x07\x8d\x10\xe1vG\xff\xf3\x80\xb0\xc8\x8c\xb1Lm\xea\xd5\x86h\xb4:\x0coi\xef\xa2\xc5\xfb\x94\xe4\x96\xa8\xc5\xeb\xdai\xa4%\xcb'</t>
  </si>
  <si>
    <t>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</t>
  </si>
  <si>
    <t>b'\x03\xdd\xbe\xe7I\x10"\xaf\xb7\xfd|\xcd\xecf\xee\xc9'</t>
  </si>
  <si>
    <t>e syrup and sleep
 aids was proving difficult. After looking at the sales numbers, they
 quickly decided to focus solely on supplements.
 They bootstrapped the company with loans from family. From his
 mother, Jeremy got an initial $10,000 loan that went into upfront costs
 â€”mainly purchasing inventory, but also for label design and building
 the company website. Once they began to grow, Kevinâ€™s mother
 loaned the company another ten grand.
 Kevin and Jeremy were focused on one guiding mission for their
 products: quality ingredients. They wanted honest, transparent
 products that were natural, organic, and non-GMO. No artificial
 ingredients, ever. This would become the core of their brandingâ€”even
 if they had no idea at the time.
 The first sale of their Luna sleep aid happened the first day it was
 put up on Amazon. Kevin and Jeremyâ€™s reaction to a single sale? They
 were ecstatic.
 â€œHoly shit! Someone actually bought the thing that we just worked
 seven months on! Thatâ€™s what we kept saying,â€ Kevin told me. â€œEven
 though weâ€™d obviously been working toward that goal, to have it
 actually work seemed crazy to us.â€
 The climb to greater sales was slow at first because the product
 didnâ€™t have a built-in audience and no advertising was put</t>
  </si>
  <si>
    <t>b'\xae\x03\x93\xab\xe5C\xf4\xfe\x92\xbf3\x04h\xdaZ\x94F\xb6 \xa4S\xc8\xa9\xbeZ\x9c}~\xc5fq\xd1\xe7\xe3\x81\x15\xd4\xff\xb4qZ\x0cB\xdc\x1e\xb4\xc3\xff\xa7\xffC\x0b\xb85\x92\xee]/\xa2\xa5`\xaev&lt;o4\xe0\xd1\xad\xc1-Ram``\xb9fY\xf6\xa9\xd4a\x14 \xd4\xf8\xae\x1e\xde\x01h\xbe\xd7\xcd\xf3iW\xf5\'\x97~\xa1x`v\xd3Zx\x0f\xc3e^&lt;\xd91\xc8\xb5\x1fZ\xd7\xd2ism\xbc\r,\xfa\x9e3\xce\x07/\xfd\xafuM3|\xf0\x97\x9b3\xbb\xd0\x9e@\xf1\x9d\x89\x8d\xe5\x90\xd8\x1eZ\x15\xe9\x15\xebm!U\x0f+\xe0\xd7\x7f\xe0\xffISs\xf9\x01YF\xd7\t\x04\x97"\x96U\xf6y\xd2\xef"\xe6\x8e\xe2Wa\x97\xbf\xb5\xef\xa8\x94\xbe\xc0\xd6C\xf8!\x88\xd4\x8c\xc8\n\xb7m\x01\xac\xf1\x93\x13f\x7fW\x9d\xccZ90\xa6\xa5.R\xb0 \x8e\xcc\xe1g\xc2\xc4K\x18L\x06\x93T\x06\xe4\xa6\xccy\xc7\x85GK\xc9\xe0\x02\xcbXe\x0e\x06Q\x83\xfd\xbe\xd4\xf6\xd6\xf70\xb2\x80cI\x95=\x93\x14C9\xd2\xe2 R\xdf\xf5_\xb8\xda\x1a\xc5\x99\x9b\xab\xe0\xa4\xb7\x14\x9f\xda\xcd\x88\xe7[k_\xda\x0e\x922$\n\x96\x83\xfa\x94-}\xec\x17\x9a^\xd7\x9f\xcdmH\xb0\xecV\xbb\xfd\x00ozk\xc4\x91\xe6:ou-eZ&gt;\xf6\xb6$\x7f\xfc\x0co\xb6rJ\x07\xa8]\xf9\xd1\xbdy\xbc\xed\x18\xcd\x88\xee8\x8a\xf6}\xbbk\xe6\x8av\x1e93\xa9\xc5W\rG\x04\x10\x10\xf9\xbc%RHd\xa7\xbc\xea\xed\x96\x80,\xbc\xb2!\xa4P\x0eg\xed\xc9I\x9a\xf8e\x08\xbe\x9ee\xa1\xf3"\xdd2~\x02%\x96\xa8?\xec\x14\x10\xe5S$\xb7A`\x0c\x8eZ*s\xe8\xdb\x0f\xfc@\xd3oEe\x17\xa6\x80\xd8\xf3\xef\xd8o\x01\xa6!?\xa8\xe3\x00\xe9\xe9\xfb\xda\xe5\n\x10Zf"c\x1d\x80\x84\x99\x0e&amp;A4\x07\x00\x0c\xaej\xda\xfa2\xc9\xcb\xd9\x00U\xb1\x1bT\xb8\x00\xc8\x1f\xe7)r3\xff\xf9\xc95\x96O\xd9\'\xbc\xfa\xcbas\xa1y\xd3Cx\xcb\xee\xc9\xf7\xe7\xb1c\x10\\\xe1&gt;\x8c._3q\x0b\xeb\xc9\x02\xc5\xeb\xd1\xf2\x14\xb8\xf5\xb1\xad\x97r\x86\x8b\xf1}\xc3(\xf1\xdf\x03%[\xca\x1d\xc6\xd3\x8b\x8e\xea\xe5\r9|\xb1\t4d6&lt;\xea\x88\xa4A\xa8%\xcd(\x83\xee\x9a1+\xf5*\xa8\x8dAZ\xb0\xe9\xfe\x18\xc3dO\xfc\xc2nfil\x88\x87\x96w \x94\xb5\x85q\xbb\x11{\xf8\xf3\xc7\xa8\xf0\xf4\x14Sg\x1eX\xdc\xbb\x99\xf8gt\xb2\x05\xbc*\xf4\xb8\x19\x8a\xee\xf9\xd6/\n\xf6i\x84\x03\xe7q\x86+v\xda\x88\x0b\xbc}\xef\x86EF\xe2\xf2u\xc6#U\x93\x82\x05I\xc6e\xc9\xe1\xd7\xb3\x9a]J\xe2\x9eT\x8e\xb4\xecO6\x94\x9f\x07\xe3\xa6\x10\xf7\xb57O2\x14\xd2T\xd2\x95\xed\x97\xa93\x1e\xf42\xa9\x89\x0fR\xa6\xa3\x9e\x9f$\xf9o-C\xe2\x8d+\xa0\xb1y\x8eY\xf4\x08\xd7|\x04_\xc3kU\xd5\xa2Pg\x91J\xee\xbe\xe7\x1b \xd9\xd7\xba\x00O\x95\x98\xf1 \x7f\x8f\x07\xffS\xe6[\xdb\xd7\xac\xbe\xc7}5J\xe7\xdby\x1dq\xd3\x10\xfb\n\xc0hT\xf6\xe1\xe9\x0eY\x00d|\xa1\x02\xef\xae]\x16\xe9%\x87\xec\xee:pAzw\xfe\x02\x8fU.\xbaCu^=\xef\x82\xd5\xf2\x9dP\x83\x0c\r+\xa8s\xdbpS0\x03\xee\xef\x04\xd6\xb8\xda5guF@\x87\xb66G\x80\xe8\xd8\xa0\xae\xd5\xfbtSG\xb5\xa5\x8dF\xec\xf96\xeb\x97Ye#\xa8\x1bG\xd8\xd1\xb9s\x91D8J\xab:\x0b\xfc\x99\x92\xb3\x93\xf2d\x93g\x0fv:@q[\x93 \xf41S }\x95k]0Xb\x05\xe1\x17V\x1b1\xa5\xa1_\x0e\x91\xbdqO\x9d\x91\x045k\x8d\xb76\x1cI\xc4S\xcd\xcd\xda\xa4Z\xfc\xcf\x93M\xe74B\xa1RU\xb8\x90\xae\xec\x0f\xc4wY\x1d\x88@8\xb9\xf0\xca\xb2\xe8\xd4\xd1\\5.\xf4V\xa2\x08\xac\xb8\xc4\xf5\xb7\xd1\x05]\x88\x96\xf0\xfa\xef\xca\x0f\xa8v\x8c\x15}\x1a\x1e}m\xf7T\xaf\\e\x9d\x82\xf4[\x7f\xd7*\xd2F\xeeR\x96n\x16\xbcq\x872P\r\x81B\x83\xb9\xbbE58\xf7\x87\xf2t \xbb1J\xae\x1c|M\xcfq\xadB\xb4\xe6\xed\x97u^k\x7fA\xfdz\xc6\xfd\xc6\xf4/.g3N\xfab\x1d\xddL\xc1Tlm\x0bD\xca,\xef@\x8d\xdb\x89H\x00^\x86\xac\xb9\x11\x8c\xc9\x04\xce\x07\xccrbQ\xa0\xa0\x1eR\x83\x1aCe\x96\xbf\x1eiuVw\x1a#\x81\xf7\xa4N\xf1\xae&amp;\x12x\x06\x02K\x83\x02\x84\x1b\x1c\xc5\x8b\xfe\x8d\\,\xe5\x1e\x97\t\xf4\xf7\xf3O\x98u\xd5J\x9f\xc9\xd6%\x87\x19\x1e\xc6\xa5=P\xbbs\xddD\xb1\xb6r\xd5\xa5\x08M&lt;tx\x19\x88\xa3?\x1aD|\x99z\x1f L\x1c\xeb\x9a?\x9d\xe8\x92\x06l\x99\x13\x95d\xa8\xbf\x8a\x18\xdciB\x85&gt;\r\xf1_zy\xb90OVt\xf0\x9c\xdb\xf0\xa4BRg'</t>
  </si>
  <si>
    <t>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</t>
  </si>
  <si>
    <t>b'\xae\x03\x93\xab\xe5C\xf4\xfe\x92\xbf3\x04h\xdaZ\x94'</t>
  </si>
  <si>
    <t>ensusâ€™â€™
bk. 3 Â¼ D. 50.15.4.1). Census data allowed Roman officials to assess liability as a
fixed proportion of a provinceâ€™s aggregate assessed property and total population: the
burden was certainly computed province by province (Suet. Ves. 16.1; Appian pr. 61;
Hyginus On Establishing Boundaries 160.27â€“162.2 Campbell), assize by assize (I.
Ephesus 13), and city by city (Ulpian â€˜â€˜On the Censusâ€™â€™ bk. 3 Â¼ D. 50.15.4.2).
Primary responsibility for its collection seems to have devolved on civic magistrates
who possessed considerable latitude in performing this duty (see esp. IG 5.1, 1432),
and who are occasionally attested visiting their cityâ€™s subordinate villages to
collect their share (Jos. BJ 17.405; Rostovtzeff 1957: 388â€“92, as well as Millar
1977: 426, on SIG 837; A. H. M. Jones 1974: 165â€“6; and Corbier 1991b. On
Egypt see Sharp 1999; on the function of the conventus of Asia in organizing the
finances of the imperial cult, on analogy, presumably, with its role in collecting taxes,
see Habicht 1975).
Indirect taxes
Rome also levied a series of taxes on trade and property transfers, some of
which generated large revenues. Foremost among these were portoria, or customs
and tolls (Cic. Rull. 2.80; De Laet 1949): these were levied on goods entering or
leaving the empire, whether through Egypt or Palmyra to and from the east (Strabo
17.1.13; CIS 2.3, 3913, with Matthews 1984), or through Gaul to and from Britain
(Cic. Font. 19; Strabo 4.5.3), as well as between and within provinces. Their rates
were usually between two and five percent. The regulations governing these could
be enormously complicated. Those for Palmyra, for example, specify the duties owed
on long lists of specific products and often require higher duties on exported than
on identical imported goods. The portoria of Palmyra were administered locally,
although, like all local taxes they were approved by Rome. In Palmyra as elsewhere,
the collection of indirect taxes was the responsibility of local officials; the revenues
themselves flowed into the coffers of the central government (E. G. Turner 1936).
Imperial customs duties outside Palmyra, it should be noted, remained in
most provinces the most prominent source of revenue under the control of the
publicans.
The slave trade attracted special taxes. Late in life, Augustus instituted a four
percent tax on the sale of slaves (Dio 55.31.4); Tacitus informs us that Nero shifted
responsibility for this tax from the purchaser to the dealer, and that dealers raised
their prices accordingly (Ann. 13.31.2). It is entirely typical of the state of extant
evidence that we know nothing of the mechanism through which this tax was
collected, particularly before Neroâ€™s innovation. Owners also paid the vicesima libertatis, â€˜â€˜the twentieth for freedom,â€™â€™ a five percent tax on the value of slaves, due at
their manumission.
The Administration of the Provinces 187
Finally, in 6 CE, in order to establish a pension fund for veterans (the aerarium
militare, the military treasur</t>
  </si>
  <si>
    <t>b' \x17 \x8c\xbf\xd1\x16\xc8\xba\x9a\xbb`\xf6\xf3\x8a\xc2\x9d\xf6\t\xf38\xa3y\xa2^\x16,\xc9\x16\xe5\xc9\x8e\xdf`\x1a!\xd8\xcbz\xfc4M@\x89\x8e7\xec\xc9O\xe8b\xa4]\x00q5$\x17\xea\xbeC5\xfa\xef\xe4\xc0\xbf\xd1^%\x06\x97\xac\x02\xb7^\x91\x91\x7f\x85\xd4\x83\xef\xe8.\x962\x87\xd6\'\xffy?\xb3\xbc\xbd\xbc!\xc1\xa0\xac\xfc\x83*\xd2\xfa&lt;\xab$\xcc=\xf6%Gh\x04\x12\xb1 #\xee\x90\xe6(N\x8c\x131\x92W!\x8d\x01\x08\xd6Q\x1d&amp;Jr\xc8r\xd6\xa1\xab\xf6G\xccK\x00\xfe\xbb\\\xdd|\x02\xc6\xd8\x96/\x979\x9e,\x89\x10\x80\xd8\x80\xac}]\x07t\x9eS\xdc\xfd\xdc\x8b\xcb\x9d\xd1eX%V[:\x8a\xc8\xc1e8\xcb\x95\x8f\x19\xcaS2\xa8e\xf0\xeb\xd8\x9e\xab\xd5\x9f\xefsY\xa1\xe4*W`\xa4\xac\xb0\xd4\xbd5\x04\xf4\xc2\x94\xfaE\xcf\xdau\x9c\xbf^\xce{$\xcc\xa9\x95\xf5\xc6\xd5\xe2\xad\xf1\x8e\x15;\x9a\x16\xf6\x06\xddf\xa2Z\xfe\xd1\xbd)\xfbUg\xf1\x11Eh\x1afT\xe7\xbd&gt;r`\xd246\x1a\x84\x17\xe8[\x17\x9cZ\x8d\x8a \xaa\xd3R\x03\xd0g\x8c\x9bCP/&lt;\xb4\xa3\x921\xf5|\x06S\x14\x8by\x84AV\xee\x00\x96,a\x98&gt;\xc7k\'i}\x0e@c\x08\rt\xdc\xd6@n\xcc\xd7\xe9\x99\x89\x7f\xde\xeb\xa0\xd7\x0er\x13\xf1\xf6gL\xca\xdc\x85\x80\x11DB\xd7dV\x04T\xa7\xf1-@\x19%GQ\xfa):O\x9b4Q1L\x97\xb8\x00J89\x14\nN\xa5\xe5\xa1j\xb6U\x9e\x0eouK\xa9T*\x97\x1dN\x82`\x92=\'\x16v\x97rb\x84{[`\xd2\xd9!\xccS\xf1\x10*\xef\xb8E\xabi\xd0J\x874cN[\xeb\xd3\xbd\xef\xc2\xa5\xabva\x0e\xf7\x18\xa3i\xc3W\xa9\xfb\xb2M\xcd\xf4\xfd\xb0O\xd6\x97\xdeG3E\x92\xaa\x0b_\xf5\xae\x9d\xa1\xc9\xcd\xc6\xca&amp;,\x94\xe4\tR\x99\x14\xbe\xab.+\xad\xd4.\'\r+\xa1\xbah\x11\xd1\xf4\x02}\x95\xf6P3\xf3f\xd9\x1fJ\xb6\xb9\xd3\x04P\xb2|_)\x02A\x8ep\x08\xf0\r\x98\x98(\x0fT0\xc5\xf6T\xb3\x1d]\xb0\xd0\x98\xc6!\x94\xd7\x94\r\xa2\xeb\xfee\x1f\xea\x9c?\x19\xac\x98\xdcs\xc0\xa2%w\x84\xb5\xe0\xd7!^z\xc6\xd5q\x107\x1e7\x00\x89\x93\x8b\xed\x08\xb55U!\x19\xf7\x1e\xd9\x94\x17+\xb4\xadR)A\xa5\xbb\x01$\xd7\x9a:\xfa\x00\x03\x07\x0ca`\xb6\x96/l}\xb4\xce.\x02&lt;&amp;\'u\xab\xca\xcb\xe3\x8e\xbb^!\xd0\xfc#\xb3\xf3oO8\xe3\xad\xf7D\xf6\xe7\xfe\xf7\xc8\x8c\xbd\xf9M\x08\x1c\xf7\x06*FP]?\xe9\xe2\xf2\xe6d"\xfa4\xb5w\x0e.\x88\xfa\xed-\xc4\xa7K\x1b\xda\x1d&lt;\x1cIf\x93\xbbl\xcf\xbc\r\x8b\x19\xb3[/\xe1j\xe9{Tm\xfa\x83\x95h|\x1d\x9a/\x17%?t\x12\xa33z\x9d\r \xfd\xaaNWo{\x84\x8a\t\xc8\xce\x7f\x81\x84Q\xb1x\x0be\n\xd6s\xa5+\x9d\x8bV(\xf2\xeb\xd5\x85w\xc2\xf6jb\x02\xb9\xed6\xce\xa9!J\x99\xdc\xb0,A8_!\x17\x17c\x86\x84\xc5\x88\x0c\n\x98\x07\xfc\xf1\xa2\xb7\xfa\tP\xbf\x80\xa4\xaf\x12\xc6e?\xfe\t\x87)^\r\x14MDskn\x8eo\x94\xb9j\x9c\xde\xf1\xf6\xc3n\'\x80\x8dF5\xf0\xba\x85\x0b!\xf3\xa4N\xa2\x0cSm\xfd\x8f^\xbf\xd0\x01\'\xcc\xaf\'\t\x8c\xf7;\xb7\xf2\xd6\xe9K\xc4\x7f\xbbn\xad\xe4\xcdA\x03~\xa4\xb0\xc9\x9f\x8a~\xde\xf7\xdb~\x15~\xe6\xa4\xa4`\xfa\x01\xb0\xeb#\x83\x9f\xf8\xc5\xd6\xac\x11. \xc2\xe1\xc1\xf8y\x1fx\x9c-\x90\xbdY\xdd\x99\xe8\x1d\xb5\xba\xa1\xda\xc6SJq\xe2\x89\x86\x8b\xca\x8c88~\x05p\xd08\xe6\xf3\xf1}\\\x0c:\xa53\xcd\x1a\xd4\xdeY\x04\n\xa6\xaf\xf4\xbc\xd4!\x1a\x0c2\xe6\x0e\x12\xfe9\xe5\x07%:k\xb28\x17\x0f\xd5i\x95\xf2\x8a\'v\xb6\x0e\xca\xc1\x16,\x9b\x11\xa3\'E\xb5\xfeI\xc91\xa6\xea\xd8\x82K\xabV\xd3\xe8\xb5\xb5(0\x9el\xc9u\x1a\xfb\x9d\xb6\xc5\xf9\xc99\xa8$\xd5\xc4[se\x15\x94\x03G\xac:\xfe\xcdf\xe9\xe3\xc1\xeb\xfc\xcb]\xce\x94Y\xe2t\x94O\x94\xea\xcb\xd8\x0e:\x87&amp;\xc6]\x8d\xdc\xc1\xc97~W}\xf8\x00\x04U\x8bl\x08\x80\xe8\xd5\xa6\xa3\xbdF\xc5\x02+\xf68\x802At\xd8\xa2\xd9\x04\xe2\xbf\x814\xbf\xbf\xb2\xa7`F\x10\xfe\r\xdc\x01hz:\x7f\xf0\x82\xd3\x0f\xf4\xea2\xd2SK\xeb\x0e\xcfu$\x87\x80\x1a\xe6\x04\xbd\x9cY\xda\xff)a\xb28\xb9\x9b\xa3\xdd\xb4\xd6W\xc9&amp; F(B\x1a\xd6\xac\xcd\xcej\xa9A\xb0\x04\xdcM\xe2#W\xb5E\x8a\xec\xd8\x8c\xfa\xd2\x93\xe8l\x97\x88\x92E\xa3\x0f\xab\x9b\xc5,\xe7\xc1\x06\tn)\xef\xc4\xa05\xdat\xac\xc2h\xe5\xb4"\xf5\xe5G\x9a\x10\xady\x86\xf2\x04O\xe7\xe1\x80P{%\xf4@bhhgov\xd6AY[\xbd"p\xfdz##\xfd\xcem\xef\x96s\xc2\xd8\xdf\x97R\xc3\x86J\x01U&amp;2\x886\xa2\xfel\xa2\x96l\xb6\xc3\x86\xd8\x89\x10o?qx:7-{\x18\x90$S\x1aI})\x82\x80\xcd\xc5"\xb8\xf0m\xb2y7\xb0\xbe\x1d\x14\xe2\xf8qG\x08\xca2\xb4`\xa4\x10j_\xbf\xe7{\xd4\xf26\xd6\xb3T\xcaH\x86\x1b\x16\xd6+\x06\x15\xaf\xc1\xd6\xe3\xdf\xab\xed\'\x16a\xf1psS\xd8L\xac5\xa4r\xa9\xff\xe6\r[\xb0z\x9d.7\x0b\xd7\x0e\x82\xd2\x92I\xa6o\x8c\xe6\x0b\xbe\x80\xfdK\x91&gt;m/3\x95\x80\xe0\xa2\x8c]\x04\x10\xddI6\x97\x14\xab\xd6\xfb7\x95\xfdT\xbb1\xad\xfc9\x00 40}\x07c\x00G\xe9\x94\x80\xfa\xf7\xde\xc8s\x05)\xd3\x02@&lt;\xb9\x90\xaa\xcd\xe0\x82]\xe2\xec47\xd6\xcf\xc8\xd46\xf4\xef}R\x12%\xde#\xc3~\xba\x18\xe0\x9bB\xcc\xa3 8\xc3\x00\xc6r\x17\xe39\xe1\xfcR\xa3`\xf9\xa0\x7f\xbfp$\x99\xe9\xd1\xdbc{\x92m\x86\x99\x1f\xfb\xc3\xb1&lt;\xb3\\\xa9\x80\x84v\xde}\xa9\xa46\xf55\x14O\xe1R\xfa\xb5\xd9\xa3\x0bEW\x90\xef\xb5\xcf\xae\x0c\x16\xd2\xd9\xcb\xa6\x83mf\x1a\x05\xa8Qi$\x1a\x82\xfaB\xfc\r\xfc\x18\x1b\xd1\x86\x15\x0e\xa4\\\xe1\xc3\xf3\x16\xb7\xf1|0S\xab\x11\x910#\x15\xd7\xd7\xd7\xced\xb1\xc5\xe5w\x11P`\x91\xc4\xd9@l3\xc3\xe86N-FV\xcdh \x1c\x04\x06\x01@\xb8\xe6\x85=?\xff0\xa3J\x1a#\xa5\xf5\xed\xcao\x87V\x91\x82\xae\x1dA\x8e\x7f`WQ"\x80\xb8k\xfaA\xaa\x93\'\xefX\x95\xc9Vm\x19\x08\xd2\xeb\x8b\x1c\x15\x94\xc2%$?)\x03\x9fPH\xaa\x90\xb89\x17vh\xdd\x91\xdd\xa2\xa8C|R\xda\x95\x06|\xe8\xdb\xd9\xc1\x84in\x82~\xa9\xd1\x8c\x86a@5d\xc9\x96s\x99\xfa8\x8aZ\xb8\xa1gI\x8e\x008|V\x81\x11\xbf@\xe6\x1a\xb6S\xaa\xb5\xc6\xf3\xf9)\x82j\x89\xb3=.&gt;hA\xd8\x89\x8bA&gt;Ky\x0eS\xe1\x04U\x18\xfa\x17\xd2mT2\x04+\xa4\xa3\xc9T\xeb\x91\xf6\x00*}\xd3\xe0\x02\xebUb\xca0\xb4\xb7\xaf\xf3\xbbBaQ\xc2\xe7\x9c\xc4\x08=cG\xd4\x1d\xd8V\xd1\x80\x88\xc6W\xec\x0e\x08-\x18\x83tW\x9e\x9c\x02\x8ex\x14]\x19Z\xf0h\xff\x9aw&lt;\xa2m\xadT\xdc\'\xaa5\xd2J{\xfc\x8cg\xd9!\x11\xf7U\xb2\x08\xe0&lt;n\x93\xb0+\xd0\xa2L\x86q\xd0M\t\xd9\xf0\x02\x1al\xa9\xe5\xe4K\xdf\x85\x99\xca\xcfbR\xffX\x9a\x95\xf1^fB\xacP\x86\xa5\xe7x\xec\xa4\xbb\x07\x1a\xe7\xed*83M\xc1r]\x84\xad\xb9\x82\xea\x19w\xa0\xb8\xe1\xef\x07v{\xa2l\xb7 d\xe7\x87\xa1\xd6D\xa3\xdap\x1b~\x12,\xf9\xa5\xa8\xba\x80l\xeb\x7fB\x82\xef\xa2\xf3R\x93\xa6#\x94\xa4^[l\xab\xd7\x941f\xae\xdf\xc4j&gt;\xb9\xa8B\x97\xe0\x9b\xdf\xaa\xb5\xde\xf1\x89\x86\xf7z\xdeN:R\x11\xa4\xa9n/\x9d D\xc8\x8fX\xa5\x9d\x1b\x7fI\x00\x8f\x98\x13V\xd0\xb9\xbf7N{\xdb\xe9\x81\xb6\x1fy\x82\x8fXD\xc3\x89\xf9\x17\xdaw\xc3\xdb\\WlI\xb5\xe2d\x8b\xa1\xe7G)\x19\xf9\x88\xb7\xc0\x85\xa4\xce\xdf\xa1MyU[c8\xef\xc1\xc9\xd8%\x899#J\x08#\xbd\x92t\xd5\xd2\xae+\xd4&amp;I\x13Z\xa0\x9d\xb0)\x86\n\x03\x08\xde\x8b\x10\xb1\xd2Hu\x171\r%\x82\x83\x1f{\x9e\xcd\xca\x14xJ*\xa2\x01\xcc\xcd\xdd\xf3\xbe\xad\xb0\xf6\xfb\xf91D%\x9c\x90}\xee\xba\xca\xf3|\xfe\xaf\x9a\xcc\x1eB\xad\x08^D\t\x9b\xca=E\xb5\xb1\xca}\x01^\x86\x17\xe9\x82`\xd8H0\x85y\xac\xf2b\x7f\xb4g"\xfc\xd1W]\xa0\xb9X\xbb\x9fO/\xd5\xf5\x1f\x11I\x963\x8c\x1c\x1d\xae\xad\xea`v\xd0\xc6&lt;\x9e\x0b\xcc\xb26;an\x8a\x95\xbd\xba\x8cO\xf38\x15\xad\n\xa9\x12\x1cn\x9c$a\x9c\xe7\xc4V\xde\xeb!X\x7f\nb\xd6\xe2m(\xe6\x8e\x18\xf8\x9fJO\x00_k\xe0_R~m\xc4\x9d\xa1"S\xe3\x8a\x00\x80D\x91\x1b\x84\xdf\xeb\xd4\xec\xe6Y]7\xb7enD\xfb\\ou\xfbB\xe8\xca\xd2\xb7\xb3\xcb\xb8Y\xd3v\xfa\x90\xc5\xfb\x99\xad\xb8\x81\x0e&gt;#ts\x8c\xee\xc0\xbe\x927\xa7&amp;\xa2\xecTe\x8f;5\x90\xc2QJc\x92s\x14\xd7\x04Q0\x97\xa8j\xf0\xc2\x0b"\xaf^\xb29\x192\xd0\xcf\xce\x07\x03a\x93\xc4\x16?\x99\xeet4~\xce\xb4vsq\x12\n\xda}tn[\xad\x0f\xf1\xa4\x18\xea\xaf\xcb^\xc9v\xfa&gt;.\xbe\xed\xa2\x85\x1di\xedh\x9ca\x07\xa6aP\xfd\xb6\xa9\')\x07\xee\xea\x0c\xdc\xe9\xb5\x81:s\xb4K\xcb\x19Mb~\xb4l\xeb\xf6\xfe\x1e\x02\x9d\xff7\xf301\xc4\x81\xc5\xc5\xf1-\x17\x8b\x05K\xd4W\xabb\x19\x06\x13$`\xa9\xd2\x9b\xb8\xce\xf3\xc7\x9dE\xc5K\x9c1\xb6\xbf1\xb4cZP\t"\xe4\xe7X\xb56SZ\x9c\xa5m\x94\xfb\xe7\x83\xfe4\x14\xcc\xff7\xd6\xfe\xf8\xe6y(\xd1K\xe6\x8a\xdd\x9c`G9"\x98\x7f.\xf75\t\x85r\x1e\xd1\xa3\xd1\x1eK\xf8 ~\xd9\xde%\xe7@Y\xcd\xad5^\xee+\x80n\xa0\x9eg\xe0\xc16Ml\xa5\xdaE\xaen\xa0\x84\xd1\xcd\xf6\xb2\x9f\xed\xcb\xb9\x8cvR\xa71\x9di\xdf\x0b\x94J\xfc\xa3f\x1d\x03;c\xca&gt;E%\xa4\xc2z+.\xee\xfb\xf1k\xb3\x91\x0c\r\xe5\'\xfb\xf2B\xe3W.\x98\xcbt\x82Z\xe6\x85\x9e\x9fd9^\x9d\xb7n\x8b\xd5\xb1TE:\xaf\n\xf4\n.\xa2\xf5\x8c\xd0\x8f\xe5\xe4)\x0b\xf2~\x1d\xf3&amp;"A\x0f\xba\xbbP\x9b\x1e\xf7\xd3^0\x83\xac\xed\x08#\xa3\x95r\xc2:\x97\xc7\x1e\x81\x87%\x9f\xe2\xe7\x98\x9c\x06x\xc0}\xb9Y\n\xadH\xe2\x1a\xc1\xd4@U\xa5\xa2\xb4\x1d\x96/[\xfc\x8f[H#\r\xbf\x86\xdf\xfbGlYS:\x8d\xa5\x9f\xd9\x84\xa8\xeb\xd3^1\x1b\x1d^\xa5P\xbb\x98\xbf\xe9J\xff\xc8\x08t[\xb3B\x98\xae\xa7\xbf]\xa3\x96q(\xdb\x0c&lt;L\x04\xb9\x1b\xc9\x06XyoA O\xf9\xaf\x10\xfb!Y\xa2\xa1I\xa5Z\xe9\xc1.\xa8xZ\xbewk\xff\x1dsM~\x8c\xe31f%\xa3\xe3\xa8p\xc6\xae\xfc\x91\x8f\'\x80\xf2na\xb4\xa7D\x8f\x00*\x0f\xe6\x91w\xa1}\x1d-2\x8eY\xb5RQ\xc5\xdd\xf5(\x12\x9c7\x1a\x0f\r\x1d\xe4\xdf\xe2\x92\x06lr\x1dK\x96PV\x10&lt;\xb8\x11I-j\xf2\x96\x91\xb9X\xf8\xc5^C\xfdLTk\x06QaD\xc0\x8b\x17\x84-$A\x91\xd8\x02~tB\xb6\xcd1\xee\x929\x87q\x1c&amp;Z\xa1\xf1N&lt;\xd7d\xa7\xecZ %}j\xf1qV\x9b\xd1\xdbp,\x960\xc1\xc2\x16\xeb s\x9b#\xeb\x03U\xce\xac\x9e\xdb\xa6\x05\xe0\xd2\x81\xb5\x87e\xe4"0\x90&gt;\x9a`\xad.\xfa\x9f\xe6S\xae\xf5\xb0\xd8x\xf3\xc4\xe8\xbf%\x07\x99\xf3\xfb\x02\x17\x04R2\x06\x94\x95\xa7\xfdz\x02VF\x14\xe9%\xee\xce\xc7\xae\xb3\xd0\xfe\xfdH\r\xfc\x13\x80\xc9T\xef\xf1\x9e\xed\x07Y\xc9\x83\xe1\xbfJ\xd9!Bx\xb5=\xaa\xf0\nYG|\xdb\xa9\xb0\x84\xae\x02\r\x80\x8b\xc0'</t>
  </si>
  <si>
    <t>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</t>
  </si>
  <si>
    <t>b' \x17 \x8c\xbf\xd1\x16\xc8\xba\x9a\xbb`\xf6\xf3\x8a\xc2'</t>
  </si>
  <si>
    <t>ties
13.9 Chemical ChemicalChemical
Reactions ReactionsReactions
2 2
22
2015-16
Chemistry 398
5. Replacement by hydroxyl group: If the temperature of the
diazonium salt solution is allowed to rise upto 283 K, the salt
gets hydrolysed to phenol.
6. Replacement by â€“NO2
 group: When diazonium fluoroborate is
heated with aqueous sodium nitrite solution in the presence of
copper, the diazonium group is replaced by â€“NO2
 group.
B. Reactions involving retention of diazo group
coupling reactions
The azo products obtained have an extended conjugate system having
both the aromatic rings joined through the â€“N=Nâ€“ bond. These compounds
are often coloured and are used as dyes. Benzene diazonium chloride
reacts with phenol in which the phenol molecule at its para position is
coupled with the diazonium salt to form p-hydroxyazobenzene. This
type of reaction is known as coupling reaction. Similarly the reaction of
diazonium salt with aniline yields p-aminoazobenzene. This is an example
of electrophilic substitution reaction.
From the above reactions, it is clear that the diazonium salts are very
good intermediates for the introduction of â€“F, â€“Cl, â€“Br, â€“I, â€“CN, â€“OH,
â€“NO2
 groups into the aromatic ring.
Aryl fluorides and iodides cannot be prepared by direct halogenation.
The cyano group cannot be introduced by nucleophilic substitution of
chlorine in chlorobenzene but cyanobenzene can be easily obtained
from diazonium salt.
Thus, the replacement of diazo group by other groups is helpful in
13.10Importance ImportanceImportance
of Diazonium DiazoniumDiazonium
Salts in Salts inSalts in
Synthesis SynthesisSynthesis
of Aromatic of Aromaticof Aromatic
Compounds CompoundsCompounds
2015-16
399 Amines
preparing those substituted aromatic compounds which cannot be
prepared by direct substitution in benzene or substituted benzene.
13.9 Convert
(i) 3-Methylaniline into 3-nitrotoluene.
(ii) Aniline into 1,3,5 - tribromobenzene.
Intext Question
How will you convert 4-nitrotoluene to 2-bromobenzoic acid ? Example 13.5
Solution SolutionSolution
Amines can be considered as derivatives of ammonia obtained by replacement of
hydrogen atoms with alkyl or aryl groups. Replacement of one hydrogen atom of
ammonia gives rise to structure of the type R-NH2
, known as primary amine.
Secondary amines are characterised by the structure R2NH or R-NHRâ€² and tertiary
amines by R3N, RNRâ€²Râ€²â€² or R2NRâ€². Secondary and tertiary amines are known as
simple amines if the alkyl or aryl groups are the same and mixed amines if the
groups are different. Like ammonia, all the three types of amines have one unshared
electron pair on nitrogen atom due to which they behave as Lewis bas</t>
  </si>
  <si>
    <t>b'u\xe4\xa8\x18D\x01\x1f\xdbp\xf2\xef&lt;\xc7|\xe9\xf7\x05\x0f\xff\xcf\xa9l+m\xac\xbaf=T\xbe"\x03\xc9l\xf4v\xd7r\x96p\xe5\xf4\xa7\'Mmz\x04\xb4\xfc\xb0\xfa\x1b\xca\xdb-Id-\xbbe\x0f\xa5\x9d\xdc\xaa\x94\x0bl\x1bs\xc3\x8a\x1cI\xeaqO\xd5\xee\xbb\xb2\xa2\x04wV\xbe\xa0\xb9\x95$\x12u\x1b\xc2R\xff\x13\xc7!\xee\xee6\xbey&lt;R/\x11\xbf\xf9\'\x13\xfbs\xaco\x13W\xaf\xf0\xd3zjHK6P3\xe9\xdb\xf3\tO\x06\x82\x83&gt;\x8a \xf6RkW\xad\xeba`\xf78J^\xae\xa6@Fa\xe2\xfa\x93\xe2t\xf7\xd7\xda\x08\xac\xa5\x92\xc3c7-\xe4K$\xaa\x9a\xf2n\x1f\xb3F\xff\xcc\x03\xcc\x99\x91\xd1\x96\x81\xbfs ,\xd2\xfa\xef\x08\x9e\x91\xa6\x07\xd1\x1dB\x98\xb3\xdd\x18c\x0b\x952\x11\xa6\xce^\xec\xf0\xa3\xe9\x8a&amp;!\xae\xa2Z\xcf\xa7=\xb7\xe9`q\x1d\xcd\xf5\xcc9Kt7\xd9c\x98\xe4};*b\xa4(L\xa9\x84\xf3\xff-\xfcaf\x9a4\x1e^\xe4&lt;C/u\x8e\xd2&lt;)\x8a\xc1 W3\xdb/*\x17|\xbc\x95\xdcQ\x87\xf0HQ\xbd \x99\x01\xc7]\xc4\xa1N\xc9\xde\xe0{\xbcM\xd5\xc4\xaf\xa3)V\xbfO\xed\xfb\xce&lt;\xfdbJ5\x89\xd9\xa6\xee|\x03\x14(\xaa\x8df\xfb\xc2\x0c\xfen\xdd\x91\xd7\xafE*@\xa5\xf8\x07\x97K\xd60\n\xd1\xe3Li6\x91h\xb6z\xa0\x0b&lt;E\x04\xb8\x04\xf8\xe7\xa3c\xe7\x922-;\x1dZ\xb53+\xedg\x00r\xf4\xe0\x13\x8b%\x936\xf5}\xbds&amp;\xfa2~\xe7\xb3{p7\xc76\xea\xfek`\x1c:\xba*m\x8588\xb6\x87B\xfb\x1c\xad[\x86\xf9\x19\x9d\xe3j\x129\x96&lt;\xe8\xc2\xcd&gt;\xd1\x130w\xa8b\xfe`F\xe6}$_\xe6hA\xa2\x0b\x88\xb2\xadR\xb8\x89U\x00R\x93yy!Ce\x1e\xb6B@\xa3\xe5\x93\x89\xdf\xd1\xa6rLF8\xc0\xcd!\xb6\xbe\xff\xf9\xe8"\xb1qo\'\x02\xbd\xf0\xa1#\x06\xf5\xe4\xb3.\xe4\xa5\xb4\x02\xcfh_\xca\xca\x89\xbb\x84\xd8\x8c\x84/\xa6\x8c;rx\x9f\x13\xe5rD\x86\xd5D\xda\xc07\x8b}\xf8\xbe0\x9a\xcc\xbc7o;\x19\x10\x0e\xfd[MO\x82\x9f\x18\xa3\x08S\xd4\x02\xc9\xca\xb5%\x8e\xe0\x86\xa8K("m\xa5\x8aa\x86I\x0e\xc5\x861\xe8\x17\x9c oe&lt;\x06m\xc6\xa9\xa3\xc5\xcc\xc6\xd7\xd9\xcf^&gt;\xc1\xbea\xad]T\xf2\xeaa\x82#1\xed\x06\xaf]\xc5\xb4\xf1\xdd\x12h\xb3&lt;MI\xfc\x84\xfc\xc9\xa0AY\xe7/F\xba\xf5\x9bxg:\x86\x98G\xc7\xe5\xce\x9a\x12e\x85\xef@H5q\xf4!\xeb\xb8a\x80\xa4q\xe9\xf8\x0f\x9f_\x10s\xf7\xa8kS\x14q\x19&gt;\xe9\x08\xd4\x0fx62\xbd\xd6\x88yL\xb0\xd7\x83\xfb\xca9\x7f\x12\x9f\xee\x1b\x84\xc9&lt;\x13\xbb,7?\x9aM\x9aO\xae\xc6xpb\x82\x1b\xa7\xf8\xc8\xdf\x00\xe0\x9a!\x1d\xef\x85{\x89\x18\x94\xcd\x12\xfc\xdd y\xca\x19GP\xbc\x12\xd6\xc8P\x9c\x9c\xd6\x8c\xdd\x97\x900\xa9\n5\x98\xe4\xad\xf7\xcf[\xae\xb7\x9e\xadM@\xe9\xf7\xac\x97\x12g \xe7I\xcd\xf1\xc1\x1c\x18`NV\x9c\x93`\xa6\xf5_\xc3v\x07\xb7o\xe4\xd7\xde\xa3\xb4 :\x1d\x926\xb7&gt;\x8a$\xa5\xb4G\xba\xfc\xf6-\xfc\'\xfb\xc6\xa4\xef\xe6\xcb\xae\xa2\xa8\xd4n4\xf5\x83R!\xca\x1c1\x9f-Q\x17\xf6\x16;D8[qY\xbe\x99zR\xe8%\xa2%"\xb5\xbbH+\xb4\xe5\xdaD\xe5\xab\xd8\x80,J3K\xf3sw6\xe9\x8f\xb0kI\xf5\xc2\x8a\x0eS\xcdd\xd4N\xd3%7F\xf8\x13\x83S\xcd\x13\xed\xedt\x84\ri\xe3\x1c\xc6x\x84\xafV\x19\xee"`\x8e\xd6\xee0\xa6\xe4U\xbc\xca\xa2\xfe\x01\x8bgk\x9b\xa0_S\xe7\xf6/\xd2I\xe2\xd4\xe5\xc7t\xe7z\xadRA\xb7B\xaa\xed\xea.\x9c\xeei\xcb\xd4\xe1\x8dWQ\xe8\x9b\xdb\x1bL\xf1\x8f\xfe\xebP\xc8\x00t!\x81\xab\xcbXZ\x8dz\xec,\xa5\x07\xae\xea"\xf92\xa8\xaa\x91\x0b\xdc(\xf1\x19fP\xc2\xb4\x87\xbf\xb2\x9bh\xd1^wb\x1e\xaa\xe2T\xc3\xe8\xbao\x9228\x89]\x04\xe6\xb8d\xfe\xaa\x85\xea\xacY$\xb1\xfd\x99L9\xc26h%\x86\x88\x03\x16#bE\x98\xb5\xb3R\xd6n{\x98pZ\xc3Q\xa0}\x8ep\x92\xd2c\x7f\xc0\xa0\x12\xf6\x07\x0f`1\xe6\x1b\xe9\xf7R\xae\xd2&gt;\xee\xc5\xf0\x15\xb2\xe4\xc5\x954\xc9\x9a\xc5\xad\xb9M\xc5\xa1);R\t\x83]\xa3\x01$\xe6%\x83\xf2\x1e\xf4K\xdek7&lt;\xac7\xb0\xbe~\xf9\xb9+.\xbf\xf8\x95#\xa1\xcd4\xad\x1apg\xd5K_|\x8d\x18\x92\x19\xbd\xad\'\xe8\xfa\xacJ@e:}\x1eh\xb6\xf4p\xdc\xe6\xb2\xeb"\x1a\xb3m\x83\xfa\xf6u\xe5% \xd2\xe6]\x05\xc4\xe7pd\xb8Oz\xe4R\xf5\xdco\xbanB\x9f\x8e]\xe3\xd6|\xae\xe8\xdf4KG\xfbuA|\x00\x8d\xb9L\xf3\xb2$nv\xdc\x94\x0f\x8c\xd0e\x9d\xa5\xfb\x1b\xe9\\\'\xb9YM\xc18^\rO\xe7\xd7\xb3\x1d[\nl\xb0iw\xdf\xbf|xQ\xa7\xe0\xbf\xc5\xa0\xca\xc6\xb5?\xd6bt2\x92\xe8~\x0c\xd00\x1a\xc5\xc6\xbfj\x01\n\x9e\xd5\x05\x7f\x85\x1bqzp\x02\x05\x88\x1f\x9f\xddvG^#\x0b\r?l\xc6x\xbb=\'\xa1\x93\xe9\nG\x97\x96\x90\x14\xbe\'\x99\x8a|\xc2\xabq6\t\xb9\x02\x93\xfdA\x1c\x8e\x85\x82W\xe5?\x01\xcdM\xbf\xc9Y\xe5\x1e\xdd\xf5= \xca\xcf\x0f\xdb\xba\xb4\xcbB\xac\xc8|J\x8c\xb7\x99(\xf3\xce \xbd\xb8\xf8%\x9d\xa7\xad.2V\xda\xa0k\xee=\xce\x98p\xbc\xa1{\xcaf\x9c8\xa7\\\xaf\xb30^\x99\x91\xads\xbc\xffF\xddM\x1b7\x90\xbbJ+tx\xa5\x97\xac\xbclu\x8d&amp;\xed\xe0\x94\xc6rC\xe8l*&amp;\xe4\xff\x8d4\x13z\xd1\x07G.I\xef\xc3\xbdL\xe5\xaa\x1a*\xf6\xa3&gt;\x97\x9a/\xaf\x05\xce\xea\xcbl\xeaU\xc5\xd9\xdaf\x9aq\\\x05\r\xf9\xa6\xb9}s\xe1\xe3t\xc9H\xb6\xf5\xfct`o\xc5\x949\xaaJa\xc6|yU\x04\xd0\x80\xed:\xad\r\xcb\xde\x94\x85\xe1\xd7\x87\x12&lt;\x12\xe7\xb1_7)N\xe5^&lt;\x7f\x07\xae,6\xc2\xc6\x12\x12\x18\x15mN\xafD\xc3\xc3)4;\xe5~2~\x84\x1d\xb0p\xee\xf6k\xe2Z+\x92\xe2!U\x94r\xd1\x86\xa1IB\xe5\xceh\xf9|R6\xec\x80x;:\xe8\xcb\x19 k\xe5\x8a@E\xcf\x0e\x92\xbd\xc4E\xf9\xf11\x90j\x06e\x8c\xfa\x16m"1h\x95\xcc\xa2v\x08&amp;\x99\xf5x\x9b\x84$\xab\xd0\xd5\xed\xe6\xa4Khf"\x9d\xf6\x1a\xdcT\n?\xec\rbw\xfa\xdc\x91\x85c\xe6F\xce 3E\xfd.\xc3\x87X\x98\x01|\x19\xdcu\x04=\xc4Z\xbe\xf8T\xaeJ0U\xa3\xeb\x03\xff\t\xbf&amp;\x1e*!\x0c\x94\xad\r\x1bF\n\xa6\xf4\xd8\x8f\xa5\x85\x9d\xbe\xcd\xba1?H\x8a\x96n\xe2\xb3V\x14\xfc\xb9\xd8\xab\x13\xa5!\x96\xc0\xa06\x9e\xb0\xc8\x17l\xdc\xd5\xce\xb4,\x0b\xcdj\xae1\x01e\x9a\x18\xa2\xcd\xca\xcc\x0c\xf6%\xb8\x14\x94\x0f\xf5\xbf\x80LNG\xd6H\'\x8d9\\e\xfa\x9e\xd2gB\xe6\xc6.\x9f\x02\xb3&gt;\xf8\xc0\xc8&lt;\xa8\xd3\xcdJ\xde\x11\xb4/bS\xec\xf9\xb7\x91\xef\xbf8.\xdb\x10\xc5\x15}\x8b\xcd\x10\xa0\xb2"=r\x8a\xc2A\x08\xb63A\xce\x90|\x81\xd8s\x19\x16\xach\xfd\x06P\xb2\x88\xcd\x1b\xb8P \x80p\xde\xb8\xba\xffc\x92\xe8\xdbw\xee2?\xa5\xf7\x05\xf7c\xa4\x865$9\xd1O\x97\xb3\x10\'\xe2\xf2\xfa\xb2aDA\x91\x1ed\x96\x02\xe5r\xa8\xec\xbd\xa9\x94\\\x82\xaf\xc4/r\xe6G`\x0c\xf1\xec\xc3\xfc8\xa5u\x16\xf5\x13\x92\xfc\xaa\xbc\xb6\x00Y\xff\xa5\xf5\xe8"\xbb\xd3\xba\x17\xd2\xe6i\x95\x06\xb9\xae\x851\xb9\xaa\xd4\xb4\xd3\xa3e/8\xe0yF\x11c\xa1M\xfaF\xe3P2C\xdfben\x13\xd569\xbb\xe6\x8b-E\x0bhe\x0c\xf3\x1eh!U\xa8\x82\xa0f\x7fK\xe6\x19\xc32d\xa0lY1\xd1fM\x0c\xfe\xa8\xdc\x80\xe0\xd9w\x98L/\xb1\x01\xa1A|\x83\xa8v\xfc\xb3Q&amp;\xdf\x8b\xfaiJ\xc3\xbc\x0b\xd56\xfd1Vd\x0c\xd4K\xacz\xb4\x94\xf1\xff6\x8e\x8c\r\x84ns\x03\xa5\x9aY\xa2\xb4\xef8\xc4\xa5\xd42\xcasX\x83m\xe2\x86\xe5\xd1!\xf0/M\xb8]5c\xa0\xc5g\x08\xf86\xbd\xa3\xbd\xd80\xd1\x85G\x9dU\x00^0\xc84`J\xf1&amp;\x0b\xd7\xf8\xa0\xfa\x05\xc7,\x8aM\x94\xb4\xb4\xe1\x02\xbe\x06\x0cpCw\x05\xb6"\xc7\xc2r\'\x8c\x18\xec\xf0\x8cOS\xaf\x02\xb3\xf1\xf4\xe1\xc5i\x07\x9a\xc3\xb7\xa2\xeff\xca\xb1\x1d\x9e!S\xc0`]\xd1&gt;\'\x19\\\x87H\rMnu\xbdd\xf4\xe9"\xc5\x13\xa5\x04\xda\xea`\x19[\x83"\xafs\xb2u\x85\xb5[k+\xd6\xbb\xe8\x04\x07\x14\x9f\x1d\xecH\x953AVI&lt;\xed\x9bV\xe7\xfb\x86\xf5\xd0\xab\x18\xbd\xd8W7e\xdd\x87A\x11N \x94R\x96\x1a\xd5\x19\x18Xy\xac \x16H\x1a\xe8\x93\xfe\x80\xfdkqU\xdf\xd3\x05,\x02v\xf5+e\xe4\xdc\xbc\xf4\xca\xcb\x18\xbc?\x839\x9a\x97\xfb\xc7;\x16\xefy\xbfQ\x05.h\x8b\x0eF\xad\xfd+q\xeb\xa9\xc3&amp;\xe1\xf3\xad\xb9/\'5\x93o\xecQ_c\t\x7f\t\xd5f\x95\xda\xb7\x04\xfe+\x8b\xb6\xb3\xa0R\xa8\xb0P\xc8+\x85\x06\xd2-u\xb7k\xda\x16\x90\xf7\x19\x00wd\xbd\x08z\xf5}"f\xbd\xd8\xc9\x81H\xab9g\x9f\xb7;\xe8\x9fZ\xf2)\x96\xebI\xb6\xf2\x98\xab\xfc\xd8\xef&lt;6\xf03s\x04Q\xfd=Oq\x15\x13\xdec\x8b\x95\xdcE,\xbf\xa0\xb7\x82\xb2\xdc\xd7\x0fe\xcdt\xeb\x13\x98\x11y\xbak\xdb\x9f\xdf\xfekI\xe9\xe2\xaf\x91\x87*\x85\xe1\xe4\x95\x14\xdf\xf3\xf0\xd8\xb2\xef\x19\xd3\x1e\x9a&gt;\xe052\xf5y@L\xc3\xd5\xa9\xea&gt;\x7f\xbb\xad\xb9v\x858\xfa\x01\xf3\x03\xfe\xe8+\x96\x06J\xb4\x13O"\x8e\x80\xcc\x1e6\x85\xf3\xf8\xfb\x18EmC\xd8\xf3+.\xcb\xcb~\xb3b/\xad\xf0\xab\xa7\x85\xe8\xbd\xfad@\x19\xda\xf94\xe1W\xbc\t\xa9\x11T\xa5G9!\xdf\x1c\xe1\xd2\x87"!|f\xff\xb3\x0c?N?x\xb2\x87\x89\x08\x17\xf2\xa5&lt;m\xe1\x01\x86\x0b\x90I\x8d\x8b+\xc3h\x0cc2k\xf4MX\x01g\xd7Q\xc7Er\x05\x1b\x1fb3\x9a\xcbiMq\xcc\x0fQ$\x13^T\xed\xe4\xe8\xa3n\x9f\xa1)\xc5u\xeb\x10\x17b\xca0\xda\xa9\x82B4\x0b,\xdd8\xb7\xc1\x15\x16\xd6V_\xfb\xb7k\xda\x9aB*\xd0P\x93(\xf2\x02]]\x8d\xf6\xf0\x89K\x8b\x06'</t>
  </si>
  <si>
    <t>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</t>
  </si>
  <si>
    <t>b'u\xe4\xa8\x18D\x01\x1f\xdbp\xf2\xef&lt;\xc7|\xe9\xf7'</t>
  </si>
  <si>
    <t>It was at first mere instinct, 
 but once I had it in my hands and found it fast, curiosity began to get the 
 upper hand, and I determined I should have on</t>
  </si>
  <si>
    <t>b'|\xd2\x84w\x00A\xca3Z\xafn\xe2v\xa3\x0b\x12\x8f\x82M\xed\x8a\xac\x93\x1c\xc0\xd3l\xa9w\x1fS\xcf\xe5\xc7H\x1f\xde\x0f\xdcV\xf1\x1a,\x9a\xe7y\x0cn\rW\x16\x99V\x8cI\xcc\x81\xffu\xcf\xb0,X\x98\x83\xd0\x97\x99\xcd\x85\xf9\xf4\x80/8%\xd2g\xfeS\xc6c\xb0\x80\xf2c!*\xfb:\xc2~U\xfe\xf2\x84\x13\xb5H\xfc\xb3M\xfc\xad\xc8\xf3\xa3\xfdu\xfae\x18\x91\x10z{\xd7H\xe1\xaa\x92\x9e\x15\x0f\xc6X\xc2s\xcb\x8f\x9fn\x0c\xd7\x1e\xba20\xc9\x1e3\x0c]\xc2\x02\x8a\xf2^\xc5\xb4AI\xce-\xf6\x800Q\xe85V\xabm\xf9\xcf8\x9c`=\xf1\xb2\xf8\x9d:\xdea\xb9\x9e_X8x\x1f\xbcE/\xfbE\x05\xd58\rN7o\x06z\x8f\x99\x06~\xd8#\xe2]\xf5\x8e\x04\xee\x1a\x10E\x8a\x9b&lt;\x14k\xe6\x06\xa4vf\xd6\x81;\x14\x8d#\x87Y+\x14\x95X@q;^\xd1\x1f\x9fn\xcc/\xc762\xf81^o\x9b:w\x9b\x02a\x84\xd6kXscqb\xde\x05yS\xb2\x9a\xb9s()\x9f\xe6\xeew\x14A_\xa30\x9c\xe2w\xdd\x13\xd7\x1eS\x92i\x19\xf6\xaf\x85\xe0P\xd4\xcdt\xe6\x88\xbd\xea\x8b\xd4\\\xf6-\x03\xa5\x16@\xebp\xfb!\x06k\x95\xdb\xc8\x0cab\xda\x89\xf8\x80V\xc9\xe22\x85\x01\xf0le\x8f|@\xa6O&lt;JS\x91?{\xd1\xd2\xf2\xe2\x0b\x99ES\xc5\x7f \xf1\xd8\xd0l\x0fW\xaf^\xe28n\xb9-\x17\xa7b\xfb\xe5j\x1ct"VK\xa5V\x04\xb1\x1b\x81\xdb !\xc5W\x91\x99L\x04#&gt;\xd0;\xbd\x8d\x06+\x02\xa3\xd5\x9b\x97VN^\x9f\xd38\x02\xac\xb1\x0bZ\xfb6\xd8\x82X\xc7}\x13v\x85k\xc9@\x8a\xcfNj`\xa5\xb4\xde\xbe\xec\xa5u\x8d}{\xf8\x92x\xd9\x16Hx\xd8\xa2\xd5\xc7=\x15h\xa4o&amp;\xc1\x9bWm_\xf2\xa3g-\x8a#\xa5\xa8\x0f\x1a\xa8\xea\n\xd1\x94\x0ceglci\x14\xde|\xfb@\xea\xb5N\xf3\x1f\x11\x1b\x9d\x19T'</t>
  </si>
  <si>
    <t>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</t>
  </si>
  <si>
    <t>b'|\xd2\x84w\x00A\xca3Z\xafn\xe2v\xa3\x0b\x12'</t>
  </si>
  <si>
    <t>per pound
 to per poundâ€”is an appreciation of the pound against the dollar. All else equal, an
 appreciation of a countryâ€™s currency makes its goods more expensive for foreigners.
 The exchange rate changes discussed in the example simultaneously alter the prices
 Britons pay for American goods. At an exchange rate of per pound, the pound price
 of a pair of American designer jeans costing is A change
 in the exchange rate from per pound to per pound, while a depreciation of
 the pound against the dollar, is also a rise in the pound price of dollars, an appreciation of
 the dollar against the pound. This appreciation of the dollar makes the American jeans
 more expensive for Britons by raising their pound price from to
 ($45)/(1.25 $/Â£) = Â£36.
 Â£30
 $1.50 $1.25
 $45 ($45)/(1.50 $/Â£) = Â£30.
 $1.50
 $1.75
 $1.50
 $1.50 $1.25
 (1.75 $/Â£) * (Â£50) = $87.50.
 $1.75
 (1.25 $/Â£) * (Â£50) = $62.50,
 $1.25
 TABLE 14-1 Exchange Rate Quotations
 Source: Data from Financial Times, December 1, 2010, p. 24.
 The change in the exchange rate from per pound to per poundâ€”an appre_x0002_ciation of the pound against the dollar but a depreciation of the dollar against the poundâ€”
 lowers the pound price of the jeans from to
 As you can see, descriptions of exchange rate changes as depreciations or appreciations
 can be bewildering, because when one currency depreciates against another, the second
 currency must simultaneously appreciate against the first. To avoid confusion in dis_x0002_cussing exchange rates, we must always keep track of which of the two currencies we are
 examining has depreciated or appreciated against the other.
 If we remember that a depreciation of the dollar against the pound is at the same time
 an appreciation of the pound against the dollar, we reach the following conclusion: When a
 countryâ€™s currency depreciates, foreigners find that its exports are cheaper and domestic
 residents find that imports from abroad are more expensive. An appreciation has opposite
 effects: Foreigners pay more for the countryâ€™s products and domestic consumers pay less
 for foreign products.
 Exchange Rates and Relative Prices
 Import and export demands, like the demands for all goods and services, are influenced by
 relative prices, such as the price of sweaters in terms of designer jeans. We have just seen
 how exchange rates allow individuals to compare domestic and foreign money prices by
 expressing them in a common currency unit. Carrying this analysis one step further, we
 can see that exchange rates also allow individuals to compute the relative prices of goods
 and services whose money prices are quoted in different currencies.
 An American trying to decide how much to spend on American jeans and how much to
 spend on British sweaters must translate their prices into a common currency to compute
 the price of sweaters in terms of jeans. As we have seen, an exchange rate of per
 pound means that an American pays for a sweater priced at in Britain. Because the
 price of a pair of American jeans is , the price of a sweater in terms of a pair of jeans 
 is pairs of jeans per sweater. Naturally, a
 Briton faces the same relative price of 
 pairs of jeans per sweater.
 Table 14-2 shows the relative prices implied by exchange rates of per pound,
 per pound, and per pound, on the assumption that the dollar price of jeans and
 the pound price of sweaters are unaffected by the exchange rate changes. To test your un_x0002_derstanding, try to calculate these relative prices for yourself and confirm that the outcome
 of the calculation is the same for a Briton and for an American.
 The table shows that if the goodsâ€™ money prices do not change, an appreciation of the
 dollar against the pound makes sweaters cheaper in terms of jeans (each pair of jeans buys
 more sweaters) while a depreciation of the dollar against the pound makes sweaters more
 $1.50 $1.75
 $1.25
 (Â£50 per sweater)/(Â£30 per pair of jeans) = 1.67</t>
  </si>
  <si>
    <t>b'0E\x02!\x00\xd5f\xe1\xca\xd9\xbf\xccO\xea&amp;\xd9\xc7\x90\xae\xc7\x04\x8d\x02\xd6|\xdd}\x04\xe4\x12sVs\x8f\xa7y\x96\x02 x\x93\x83Y\x93\xe8j\xe6\xca\xa3\x91sT\xf7F\xaagX\xd4\xa8\xc4\xb3\xe2\x07\xd7Q1\xcc^\xb5\xc3\xde'</t>
  </si>
  <si>
    <t>3045022100d566e1cad9bfcc4fea26d9c790aec7048d02d67cdd7d04e4127356738fa7799602207893835993e86ae6caa3917354f746aa6758d4a8c4b3e207d75131cc5eb5c3de</t>
  </si>
  <si>
    <t>b'0E\x02!\x00\xd5f\xe1\xca\xd9\xbf\xccO\xea&amp;\xd9'</t>
  </si>
  <si>
    <t xml:space="preserve"> Gonadotrophic hormones
(d) Progestational hormone
(e) Blood pressure lowering hormone
(f) Androgens and estrogens
7. Which hormonal deficiency is responsible for the following:
(a) Diabetes mellitus (b) Goitre (c) Cretinism
8. Briefly mention the mechanism of action of FSH.
9. Match the following:
Column I Column II
(a) T4 (i) Hypothalamus
(b) PTH (ii) Thyroid
(c) GnRH (iii) Pituitary
(d) LH (iv) Parathyroid
2024-25
NOTE
2024-25
educart logo
Home &gt; NCERT Books Class 11
NCERT Chemistry Class 11 Textbook PDF Download
Promo GIF
Class XI NCERT Chemistry Book PDF Download
NCERT Books play the most important role in Class 11 exam preparation. Whether the students appear for standard unit tests or final board exams, it is important to follow NCERT books according to the CBSE-prescribed syllabus and paper pattern. Given below are direct download links to NCERT Books - Chemistry I and Chemistry II; both combined (full book) and separate chapter-wise PDFs.
Download Chemistry Class 11 NCERT Textbook
Class 11 Chemistry Part 1 PDF - All Chapters
Chapters	PDF Downloads
Chapter 1	Some Basic Concepts of Chemistry
Chapter 2	Structure of Atom
Chapter 3	Classification of Elements and Periodicity in Properties
Chapter 4	Chemical Bonding and Molecular Structure
Chapter 5	Chemical Thermodynamics
Chapter 6	Equilibrium
â€
NCERT Class 11 Chemistry (Part I) Book
Download
ðŸ“ˆ Trending:
2024-25 CBSE Class 11 Syllabus
ðŸ“ Recommended:
Important Questions PDFs for Class 11
ðŸ“š Donâ€™t Miss:
Class 11 2024-25 Question Banks
Class 11 Chemistry Part 2 PDF - All Chapters
Chapters	PDF Downloads
Chapter 7	Redox Reactions
Chapter 8	Organic Chemistry - Some Basic Principles and Techniques
Chapter 9	Hydrocarbons
NCERT Class 11 Chemistry (Part II) Book
Download
The following chapters are rationalized from the Class 11 NCERT.
States of Matter
Environmental Chemistry
Hydrogen
The P-block Elements
The S-block Elements
â€
Importance Of 11th Class NCERT Chemistry Textbook
For overall growth of a student, Class 11 NCERT Chemistry is essential in the academic curriculum. These books are designed to help students learn in a structured and organized manner. The NCERT books are authored by the experts and after the rigorous editing process, the books get published for the academic journey.
The name NCERT itself is sufficient, but here in the section below you can find a few reasons to understand why NCERT books are an integral part during exam preparations.
NCERT Chemistry Class 11 books are considered as the bible for strengthening foundation for any subject. For exam preparations and course content, the books are the number 1 preference for students.
To have the subject proficiency with clear concepts and examples, the book is the base for preparing for a higher level of education.
The books are cost-efficient.
The book provides a large coverage of chapter explanations with practical exercises that help in improving literary and language skills.
All the quest</t>
  </si>
  <si>
    <t>b'\x00\x9b\x13\x0c\xe5\x9d\x99\xd0\xf4@\x07\x1b\x8d\xf5\x83d\x1f\xach?j\xc2\xb7\x19\xf0\xb9F\xb6\x9c\xfdy\xe5\xe8\x94&lt;"\xc6\xa2~\x11&gt;\x8f\xc3]1f\xd8a\x83c\xffao\xf6\xbf\xdbc\xe7\x7f\x92j&lt;\xe0Q\xdbE\x1b\x86\xb1j\xdc\x11\xba\xc20\x07c\x91\xaca\xc2\xc1\xc3(f\xa7\xe3\xdd2\x12\x1b\xec,\x92W\xdb\x83\xc3KS\xceST\x98.*\x03\xa3\xb7x"q\x0b_^r\xedL\x18\xa6M\xdd\x91x\x91\xab\xe4\xc3\xa6\xf4\x83\x1a\xfb\x9d|\x0cl\x8a\x8fa\xbf/\xed\xd9(\xfex&gt;rN\x86\x1e\xe7}:J@\x89}\xfd\xddr\xe6\x9c\xdb\xbd \xa5\xbb\x0e\xd3y\xb0\xf5\x9f\xc6\rf\x84\x04f\x18\xfe\xda8\xa4\x9f\xe5#\x1e\x13\xa2\x04\x02B\xc4\xfeRdoza\x93\x12zJ\xaeK\xfff\xe3=JhL\x9b\x9d\x97\xf3\xe6m)\xb4r\xed\x1a\x8f\xf7\x1f\xadl\xd3s\xb9@\xdcO\x14\x80\xe9\xed\xd6\x9a\x862\x13\x03\xe8\x10-\xc7\xe8g:\x8d\x88\xd8\xc8\xea\xb0SS\xce\x07\x91\x115\x06\xb7\x00\xe0Y\xbc\x89&gt;\xbb\xbd\x1e\x03\xb1S\x90\xfe$N\xed\xed\xeb\xbb,\x05\xb8\x8a\x80\xf6\xb3\x90u\xfcV\xf2a\x19E1c\x1e\xd6\xb3^\x01g\x8dq\x1a\x9dA7\xaf\x82\xb4\xcad\xff\xf0\xb1aVu\xad\x12\xacX\xd4\x9b\x8d}\x1f\x88\xdd\xc6\xd8\xf7\x17\xdc\xb8AE\xd2\xa8l\x04\xfbA\xf6\xb9\xd0\xaf\xc0(\xded\r\xa1\xc3\xc6\xa2\xc5H\x16\x05\xcd_\xb8\xf5*,?\x12\x80W\xc8\xb6\xfe|\x15\xd6v\xed\x04\x86\'\x1f\x87t@\xe3\xaf\x08\x0b\x16H7\x0c\x8aO\xb5\xa5\xac\x0b|\x13\xf4\xc6.\xd5A\xe3\xd0\\\xe4\x00\x7f\xee\x96\x99\x8b\xd1\xa7\xaa?\x80)\x81\xca5\x14\xf6&gt;\xffbV\xe3\xab\x1c\xfbe\x8c\x90\xa3BE\xb7\x16\x1c\x9f\xbb\xd8\x80\x8d\x8bN\xd9u\x11Ll+\x9b\x86&amp;\xc6AZ(\xbb\xc9\x0ef&gt;\x8aw\x7fc-\\o\xe2\x05\x13\xc2\x15\xa3\xc5\xe7\xb1j\xac\xbd\xef9o\xde\xce\xaaf\xb5\x92\xcb\x96\x19\x1e3\x8cy6\xfb\xb9m.\x18\x9f \x8a\xed\n\xcf^\xb7\xeb\xecL\xcb\x13\xc1\x8d\x03\xa8\x15\x1e\x00\x11\xc3P3a\x97=r\xec\x15P\x87\xdb\xf7&gt;]\x05W\x9e\xd3\xf7(\nG\x17r\xffad\xb7P\xaa\x05\x0b=4[+\xe8\x01\xe9w\n\xa0\xfa\xd76\xc9eA;\x0e\xc0z\xd9\xc2\xbe;\x8cK\xdfZ\xa0\xe2Qb\xfe\xad\x9a\xf7X\x89\x81\xa0\x03D\x19\x9bS|\x03a\x8b\xf7\xb6\xd1\xcb6\xb1\xfe\xca\x07\xadp\xeb\x08\xb7\x89\xa8\xdc\xdb\xa8&lt;F\x80y.\x95O,$\xd9a/\xd9\xefj(\xf9\xa3\x82\xc6Pr\x91\x93\xf7\xe7z \xa3\x02\xd5\xf2K\xbd\x1f\xe1\xc3\r\xa1\x9c|\xccU{\xa9n\xbc\xdd\xe1~A\x883\xada[U\xaa\x98\x1cQ\xe5:9"H\xc4\xa7\x8cm\x94S9!y\xcb\x8fRGr[\xaaih\xe0#m\xe3\x8dI\xd6\xe7\xe25\xfb?j\xcbz\xca\xba\x94\'\x88jc\x0b\xbdJ\xd3qG\x918h\xcc\xf3\n\xeel\xc4fJ+\xd9\x9f\x1d,j\x807\x0e\xbb\x00\r\xd0\x14\xe09&gt;\xe3\xbeV\x920\xd9V\x88\xaf\xc7\x14\xb0/i\x9dh\xd2wp\xf0\xf2\xf1\xe6\x86Ak=\x01`\xcb\xd2\x90\x14\\\'\xa8\x05\xd6\xed\x10_\x01\xa7T\xae+U\x97~\xe2\x01\t\\M\x91E\xechI9\xff\xa7\xa8\xbf\xec\xa0\xba\xfd2\xde\x8a\rF/\xf12B\xca7z\xf8\x9a\xbc\x92\xe8\x07i\x84_H\xdb\x89AsT \r\xd5:\x9c\x04\xcai\x15\x96g\xaa\x1ah\xb5\x07S5\xfd\x07\xa6\x1a_n\x8d\x8b\xad\xd0-\x03k\x8d\xd8\xdb4E5V_\xb1[o\r\x0b\xc7O\x01~R\x16\x8bC\xb6\xd6X\x012@v\xac\x1a:\xbdk\x1a\xf6H\x12K\x83\xdeN\x93ih\n\xc2l\x8c\xae\xf6\x8bgx\x92\xf5\x83&lt;MB\xef\x98\x82s\x07\x93\x05\xcc\xa9\x05\n\x89\xae\x07\xc4u\r\x12\xfe\x89\x91HcB\xf7D+\xf5\x80\x9aU\xf6\xde\x12\xcfl\xb8\xa1\x88\xb3\x91\xdc\xb9v\x0e\x8f\t\xccE\x7fO[}\x16\xe2\xd1\x97\xd5f%\xb7\xbc*L0\xa5\xa1OD&gt;\xda\xd0\x16?\n\xd2\x14\xbb\x07t\xca\xac=\x9c\xd1&amp;`\xa4\xc8\x02\xd7i\x918\x9a\xde\x12\xe6\x05h\xe1h \x0c\xfd\xe3\xa4\x15\x88\x05\xee\xb8\xb5\xe5~0r\'\x10?E\x99\x92a\x18s\xd0\xfd\xf4\xd0\xee\x1f\x91\x85g\x05hA\x9d\xef\xeaI\x85\xc5\x1e\x87"\xccnO\xf7&gt;\x12\xa3\x92\xfa2\x85\xa6\x8d\xd8\x16\x96J\xed\x00\\\xfb&lt;"L\xfb\xb0\xa3\xf2\xd2\x01\x00\xc1#\xec\xbd\xb8"\x03TzB\xf6\xedp\xb56\xa8OX`g\x90e#5\xca\xf2-\x03\xb6\x17 \xf3\xbe\x88=\x9e\xe6y\x99\xb2@\x97N\x8cQH\x98\x0e\x8f\x86\xe3\xf6\x8d \xb8(W\xe2\xc7=\xbcO\xebKp\xfa\x00\xbe\x1f\xd6\xce\r\xf8\xb7P\x01\xf4\xd9\xe20\xce\x13\x80\xb1W\xb2\x86\xae\xe1\xcc\x03/1\xf4\xf8Yl\x0bn\xf2\xa8\xd6\xff\xb6\x0c!\xd7\xb4\x1c\xef\xd8V\xdd+8s\xe7\x97D\x9a\xd9\xd3\x1c}\xe27\x0e\x98r\xbeb\xc7\xbe\xff\x08\xb4\x06:\xe7\x86]0\xfe7\xb5\x8e\x11Y\xb6\xb2\x1a\xe0\xf0!2\xea\x026\xa1,\x9d\xebs\xf6\x0b\xa9A\x9b#$\x1c\x06\xf9\xc4*3\x0co\xfe\x97\xae\x00l\xca\xac\xc1\xbb\x0b\x88?\xc5T\xea\x8b\xe6\xfd\x97\xa5F[\'\xceX\x02\x10\xb3\x1eq\x08eO\x95D[\x10\xe78,\xffY\xd7\xe9g\xd0P\nm\xbbbCjN\xfc\xba4\x9a`\xc7\xb7\x0f\xa7\xb8\x90*\x99sy[\x1c\x9a\x8ea%\xed`\xd5d"*\xc0\xa5f\x9c\xa8a\xb7\xbbv\x1e\x91u\x92|\x07\xb5\xcaq\xec\xbcs\xe6T\x1e\xeaU*D\xd7`\x14;\xb6\xf1\x0c\x18\x80K\x0e{m\xe6\xa5\xac\x8a\xab@\x0fv\xa2\xd3\xa1\x10E\xd2\xcf\x88\x98\x82\xdc\'4\xaf\x9ef\x0c\'\xae\xd5\xba\xe4\xa2\xd0\xff\xf7\xe5\xbahbe\xf7#\xa5\x86l6\xc2\xc2\x98\xdc\xcd\x0f\x12\x14\xef7\r%$\x1ep\xde\xbf\xd7\xab\xd3c\x80\x01\x92\xe9\\\x896\x10"\x9fs\xc0xr\xad\xe65\x1f\t\x07v\xadD\n\x9bcg\xefp\x03\xd5:\xd7\x93U\x8b\xaen\\\xebo\xb9h\x7f\xab,\xd7j\x84\xe9C7kx)\x99\xf3\x14\x1c\x92xK\xeatv\x93\xb5\xa2\xf2\x92\xd4\x97N/\xff}(\x13aiW[\xe7\x11\xa4\xfe\x82Q_:z\x89\xaa\x93#\x9e\xe5S;\xab\xb5w\x8c8\xa6~\rJ\xeaug\x9a\xd0\xe3Xn\x9eO \xe0\x0e\xf5\xa7B\x98\x06\xa8/Z\x7f\xb7\x96ru\xda\x00Y=\xa2\xea\x9c7p\x9b\xc5\xd9\x02\xe8\xb1\xa9\x82\x84t^\x13\xe1\xcd\xfdv\x86\xa2\x1c6\xfb\xe8\x96\xcd$k+\x046u\xec\xce\xa8\xbfW\x17\xe9\xa8j)\xc0J\xc1y[1#F\xcdh)\xa1Cs\xcd\x1f\xfd\x1c\xdd\xe6U$\xb1\x9d\xd3\xeaco\x04\x11\xba\xe2\x89\x13\x10\xb4\x12\xd07\xc1y\xaaT\xd4t\xb5\xc3\xa4\x8d#\x18\xd1\xcb`nzE\x18\xa30t]D\x19\x0f\xdb\t*Y\x14\x89\x98\x84\xa0$\x83\x8bS\xb0Tp\x98Eh\x85\x0c\x10\xb3\x18\xbf\xebq\t\xaa\x97\xd8\xe9\xe6\x8a\x8bX\xc1\x9e\xbd\x00\x1d\x17\xb3\x88`\x1a\x97\x14\xb2\x1a\x80\xb4\xfd\xd1f\x86\xb8\xac\x13\xc6\x80\xd0\x96)_\xc5_u\xd6S\xad\xd8\xb7Y\x06}\xd2BY\x93\xcbz\xee\xaaS\x0b\x0e4f,;w\xff\\W\xdb\xe3\xc1 \xe7I\xa5\xceBtP\xe1b\xa7\x965\xa2\x97;\x9ah\xc8T\xbfLZcU\x03\xad\xcao\xc2}\x89W\xc0S8sp\xf8\x0b_\xd6X\xab;\xed}t\xdd\xe2\xd9\x18\x1f\xfc\x80\xa6o\xa1CMm\xd7{\xfaG\xca\xaaDy\xe7\x19X\xc0\x7f\x07Q\xfc\xb84a,\xc5\xbe\x9d\x07|\xbd\xa3\x02\xc0H\xf1mO\x13\x8fr\x9c\xaf\xcf@\xd1\xda\xa2U\xcb\xb5\xd5z\xa8\xfdcd\x80\xcc\x94\xa9\xb9\xa1\xfd\x92m?V\xf4\xe8\xfc\x1e\xc7k\x1cW\xbd,\x7f\xc9qLs\x10x\xa04;\\\xc8\xc6|0\x8b\x81\x1d\xcd\x91Ui\x03\xc2\xe2\x87\xea\x0e\xc5=\x142\x1e\xa8\xff\x10h\xe3\x94\xd2\xb5ZqG\xa8\x90)\x02\xc2\xb0-P\x19\xf2\xfc\x82.\xbc\xdc\x00d\xb6\x00q\xff\x0b\xb8\xcaj&gt;^-\xa9bM}{\xb8i\xbc\x85tAW\x1b\x17H\x87\xd3\xcc\xbc\xd1`\x0eI\x81-#\xc9\'\xd3"\xce\x80\xe4\xf0\x19`\xe6\x02)m^\x99OC\xb4\xbbD\x99\x02\x9e~O\xef\xfd\xaf\x85qJ\x84\xd8\x0cu\x03{\xf65E\'&lt;ln\x12\xf9\x88\x8b`\x87\xa9\x17&gt;\xa9\x13GE)\xe1\xd6m\x87\xd0\xac\xe5\x8d\xafbf\t)\x06\xf1\x81M\xa1\xb1\xe7\xd8\xe7\xbb\x9b9\xbd\xb2\x930fs\xb0\xcd(M\xb4\xb8$\xa9~\x97\x9a\xe8\xbd\xe8\xfa#\xe9\xbf\xf4HI,\xafI\x1b\xa1\x8a\xce\x16\xea+\xbc\nV\x9cC1\xe6\x85\x1czY\x10A\x17\n7\xd6a.\x95\xcc\xec\xe5\x9a\x02\x03\xe7\xddX\xa1\x12\x83b\xdc\xde\xf9-J:\x80\x92_&lt;?,\xc4\x1f\xd4.O\xc1\x8eX\x10\x9d\x94\xbf\xe3\xa1qN\x80\x13\x16\xb1s\x9b0\xc0\xf6\x1a\x8a\xcff\x95\xfe\xe2Mi\xd4ld \x1e\xf1\xd0\xc1{+ZN\xbbx\xbf\xbe\xc1j\x93f"\x07\x8alR~\x80\x9e.\xd6JN\xf8E\x95\xc4$F\xe8\xd3\xed\x19`u\xa7\xff|\x1c\x84}\x1f\x84i\x14\x93\xc7y\xdc\x1b\x88\xdc\xe0X\xea\xfa\x90\x1c\x18.\xaf\x01b*B\xc1\xae\xbb:=&gt;\x82\x84\xcf\xc1L\x1c@\x1d\xf3\xa3\x18$\x0cY\x85\xa4\xc9\xbcW\xd8\x8d\xd4HK\xa6\xc9*T\xd7&gt;fB\xac\xfe;V\x0c\xe5\x1a\x96\xf4\xaa?v\x13mo\x06\x93|\xcb\xc4\xbf\xd0\x92\xd8\xe5:x\xab\xfd\xb4\xa2\xdfy\x16\xeaQ\xe1\x16H\xd4\x9e\xfbe\xedsd\x9a\xcc\xcf\xfc\\t\xb1#\x8c\xb0V{\xfa\x84\xf7\x0fj\x814\xbd[\x91\xfa)\n\x1al\xa47\xa8kwk&lt;B\xd5B\xdc\x18\x9b\x96\xe5\x89\xc6\xcd\xbaA\xb5\xdb~b\xa6\xa0\x90\t\x01\x1d\x19\xc4\xd1\x94@h\x81P\x1d\xe8I_c\xab\xb7\xb6\xc6\xba\x9f\x8dt\xf8m\x87\x83A\xb5i\x01\xb3n\x07\x0f\x82\xf5*[Fr&lt;\x0b\x11\xech\x01\xb6\x15\x99\xae,\x0b{y\x10\x84l\xb9\x7f(&amp;AD6-Hs\xa0\x98\xb7\xa1e\xf3B\x9a\x83W\xe8\xfbj\xa3\xe8\x9f_\x1b|\x0fk=\x85[\x1eXw1\xf8\x04x9\x93/\xe4\x11\xd0c\x1c\xa7\'\xdf\x0b\xa3\x9d\\\x19\xd4HQ\xdf\x91\'\xd3my\xd9j\xc9wj\xa6\x95c %\x06\xffU\xf1\xd7\x1b\x8f\' \xd5\x812\x89\xecq\x0f\x9d\x7f\t\x80\xcaL\x9f\x9f@\xf5|\xf8\xd4\xf6\xff\xf2.\xc8cA\xa0\xce\xb1\x04{\xc0\xe2?v\xde\x04\r"\x10&gt;\xd9\x031\xb7M\xf7\xbfX\xaeg\xfb\xff\x1a}K\xd5\xcd\xce\xd8\xaf\xe59\xc3l\xe5\xc2|#\xb7m\x01\t\xc6\xca{l\x9a\x83\xc5\xccp\xbd\xe8\xfe\xbf\x053\xfaF\xc8\x8d\xd1$\xed\xee\xde\xfc_\x8ax\x0cOU\x84\xccK\xfbUv\xa6\x05 \x02\x8a\xe40\xee\xab\xedE!H\xae\xd1[w[b\xf1\xb5\xbf\xfa\x14\x84\x1dbm\xc4k\xf2\x8b9\x1a\xf0\x8e\xc9\xaf6\xd6\x92F\x7f\x92\xb7\xc4\xa1/72&gt;Ci\xa2/\xcbZ\x16\xa8\xf79\xd3;\xa20^\xdf\xc4X\xc1\x13\xf7|\x8a\x12\x885\x80w9\xa3\x89?\xf7\xa9\xd6\x8b\xc3p\xd5\xb5\x8b\x82\xe4\x1c\xd9\x9a:\x04\xf2\xd8\xc4L?Z2\xda\xd9\xcd\x9c\x9e#\xcd\x98\x04w\x83\xff\t\x95\xe4\xc2\xeb\xf2\x94q\xa9k\'\xb1;\xa0\x9fE\xc9\x81\x10(\xa0\x1e&lt;\xc8@8\\+\x0b\xd5\x04~\xaf\xfbo\xf0@dB\xac\x81t~\x01\xc8;Q&amp;iM\xb4hY\xfe\x87\x8d\xc8W\xbb\xc3\x95\xc8\r\xcaN\xf8"\x8f\xcbE\xa44\xd7\x11\x9a\xe4\xc9;`j"\xb0\xfd\xb0l{Vpo_\xca~\xc7\xfb\xdb\xfa\xedMa&gt;6\xeb=\x88\x8c\xa5\xd7W\xa1\x06k'</t>
  </si>
  <si>
    <t>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</t>
  </si>
  <si>
    <t>b'\x00\x9b\x13\x0c\xe5\x9d\x99\xd0\xf4@\x07\x1b\x8d\xf5\x83d'</t>
  </si>
  <si>
    <t>ure 8.9 Circuit with general impedances around the op amp.
 That is, our assumption leads to an error of about 0.08%â€”an acceptable value in most
 applications.
 8.2.3 Integrator and Differentiator
 Our study of the inverting topology in previous sections has assumed a resistive net_x0002_work around the op amp. In general, it is possible to employ complex impedances instead
 (Fig. 8.9). In analogy with Eq. (8.16), we can write
 Vout
 Vin
 â‰ˆ âˆ’Z1
 Z2
 , (8.27)
 where the gain of the op amp is assumed large. If Z1 or Z2 is a capacitor, two interesting
 functions result.
 Integrator Suppose in Fig. 8.9, Z1 is a capacitor and Z2 a resistor (Fig. 8.10). That is,
 Z1 = (C1s)
 âˆ’1 and Z2 = R1. With an ideal op amp, we have
 Vout
 Vin
 = âˆ’
 1
 C1s
 R1
 (8.28)
 = âˆ’ 1
 R1C1s
 . (8.29)
 Providing a pole at the origin,4 the circuit operates as an integrator (and a low-pass filter).
 Figure 8.11 plots the magnitude of Vout/Vin as a function of frequency. This can also be
 seen in the time domain. Equating the currents flowing through R1 and C1 gives
 Vin
 R1
 = âˆ’C1
 dVout
 dt (8.30)
 and hence
 Vout = âˆ’ 1
 R1C1
 _x0006_
 Vin dt. (8.31)
 Vin
 Vout
 C1
 R1 X
 Figure 8.10 Integrator.
 4Pole frequencies are obtained by setting the denominator of the transfer function to zero.
 8.2 Op-Amp-Based Circuits 363
 f
 Vout
 Vin
 Figure 8.11 Frequency response of integrator.
 Equation (8.29) indicates that Vout/Vin approaches infinity as the input frequency
 goes to zero. This is to be expected: the capacitor impedance becomes very large at low
 frequencies, approaching an open circuit and r</t>
  </si>
  <si>
    <t>b'DM}\xdd\r^\x8eq\xfd\xfad2T\x05\x82H'</t>
  </si>
  <si>
    <t>444d7ddd0d5e8e71fdfa643254058248</t>
  </si>
  <si>
    <t>first batch, she raised her priceâ€”but the orders kept coming in.
 She kept raising the price, but people kept buyingâ€”even though they knew
 that the suits wouldnâ€™t be ready for weeks! She couldnâ€™t keep her bathing suit
 in stock, but the money kept coming in to fund more orders. Thatâ€™s a fun way
 to fund a business! Roxelle started with a great product, but the real secret to
 her success was that she knew her customer extremely well.
 You Need $10,000
 In the Capitalism Conferenceâ€™s very first year, we</t>
  </si>
  <si>
    <t>b'\x0eH\xb8\'M\x96\xee|\xb3{]\x9d\xcaOn\xc2\xf5\xc3\x96T\x96\xde\x08\x1b\xc94\x14\xa0\xe3F\xea\x1f\xd8\xbc\xf6\xb9C\xb7\x15b\x8d\xfc=\xfd\xeejB\xa5;\xa8\xf5\xba\xdb&amp;\x81\x97M|\xb7\x17\x1d\n\xe1\t\x0c\x0cms~\x16\x8b\xd7Kh\xdch\x02v\xfb\x85f\x02\\Y\xaa\xb8\xf4\x1b\xbf\xf6\x96\xfd\xa3\xb4\xdf\x13\x81\xc5\x04j\xba\xde\x00\xd6&gt;\x80Q\x9b(T\xe4NP\xe4\x11\xb7\xcd\x91\x0cm\x8b\xd6\x17l\xc2\xe0\xc18\x0e\xea-\xe1\xd6\xe8\x87\xe9d\xdc\x04\x88a\x9e\x1f\xc9T\x94\x11\xc0\xdb\xba\x85\xa7\x7fWK\xc6\x98\x888$\xdf\xa1X;\x99\xad\xcb\x8eo\xc2$\x0cB\xa06\xbc\x90\xfe\x83\r\xedZ\x1eh\xd9^\x01\xac\xcb3\xf8\x9d\xee\xd4\xed\x17\xbe\xeeD\x1ep\x8bX/\xde\xf7\x11\x18\xa2F\x9a\xf0\xed\x01\x93;\t\x83\xd4~\x1c\xb9x\xe7\xa4X\x82\x17\x95\xe6\xbd\xc1\x953\xc9\x9f&amp;(\x1b\xfd\xa11\xdd\xb7c\xb8I"\xd2J\x17\xddI\x87\xf6\xb8\xccN\x85\x91h#\xf9\xeb5\xfbb\xf9;\xb9\xfa\xf2&lt;\xc5\x9eC@\x9e\x9b\xf2Un%\x19\x01\x00\x16k\xec\xb7\xf7\x18U\xbb,o\xce\xd5\xff\x8a\xb0\x89BX\nH\x11k\xf9\x0e^\xd7D\x13\x17\x18\xc6\x83S\xd4b\xe0\x00\x10g\xed\xea\xca\x0e\x1fIF:%5f\x8cx\xc8\xdc\x10\x97$\x9a\xe6\xd1\x87Q\xa1O\xee\xab_\xb4\x8e\xd7\xee1`\x0e\x8e\xef\xd4\xf2\x8d\xdf\xff\xf0\xb1\x85\x8a\xe6\x93\x9a\xa5L\xb4\xdb\x96yEH\xf3S\x85\xc2\x10\xa5\x84\x0f\x0eC\xc2&gt;\x1c\xf2~\xf9\xeb\xb5\xa3X\x01\xe7\x82\x89\xea\x95J\x98q\x93\xa6\x9dP\x96\xf1\xef\x84\xff\xf2\xdd\x7fhR\x0c\x07E\xfa\x16\xc2d\x1a\xff\xf7\xc3\xac\xde\x99\xadS\xc3\xd2\xb6\x01/#@s\xdcz\x0f\xa9\xcfr6\xe9\x11\xfd\xa0*\xa7\xdc\x80\xbc\x10\xe5wq\x912\x87\xa1\xfd!\xc8`f \x85\xb6s\x06\xd9\xdbu0\xca\xee\xf9;0MG\xba\xc2"\xf9\x15\xc26x5cn\xfexE\xd5\xf1\x14y\xdc'</t>
  </si>
  <si>
    <t>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</t>
  </si>
  <si>
    <t>b"\x0eH\xb8'M\x96\xee|\xb3{]\x9d\xcaOn\xc2"</t>
  </si>
  <si>
    <t>Dass told
 me of this child's miseries, and together we invented a romantic plan to
 help her. I suppose it was a childish thing to do; but it gave me
 something to plan and think of. Without the help of an agile, soft-footed
 Oriental like Ram Dass, however, it could not have been done."
 Then Sara came into the room. She carried the monkey in her arms, and
 he evidently did not intend to part from her, if it could be helped. He was
 clinging to her and chattering, and the interesting excitement of finding
 herself in the Indian gentleman's room had brought a flush to Sara's
 cheeks.
 "Your monkey ran away again," she said, in her pretty voice. "He came to
 my garret window last night, and I took him in because it was so cold. I
 would have brought him back if it had not been so late. I knew you were
 ill and might not like to be disturbed."
 The Indian gentleman's hollow eyes dwelt on her with curious interest.
 "That was very thoughtful of you," he said.
 Sara looked toward Ram Dass, who stood near the door.
 "Shall I give him to the Lascar?" she asked.
 "How do you know he is a Lascar?" said the Indian gentleman, smiling a
 little.
 "Oh, I know Lascars," Sara said, handing over the reluctant monkey. "I
 was born in India."
 The Indian gentleman sat upright so suddenly, and with such a change of
 expression, that she was for a moment quite startled.
 "You were born in India," he exclaimed, "were you? Come here." And he
 held out his hand.
 Sara went to him and laid her hand in his, as he seemed to want to take
 it. She stood still, and her green-gray eyes met his wonderingly.
 Something seemed to be the matter with him.
 172
 "You live next door?" he demanded.
 "Yes; I live at Miss Minchin's seminary."
 "But you are not one of her pupils?"
 A strange little smile hovered about Sara's mouth. She hesitated a
 moment.
 "I don't think I know exactly WHAT I am," she replied.
 "Why not?"
 "At first I was a pupil, and a parlor boarder; but nowâ€”"
 "You were a pupil! What are you now?"
 The queer little sad smile was on Sara's lips again.
 "I sleep in the attic, next to the scullery maid," she said. "I run errands
 for the cookâ€”I do anything she tells me; and I teach the little ones their
 lessons."
 "Question her, Carmichael," said Mr. Carrisford, sinking back as if he
 had lost his strength. "Question her; I cannot."
 The big, kind father of the Large Family knew how to question little girls.
 Sara realized how much practice he had had when he spoke to her in his
 nice, encouraging voice.
 "What do you mean by 'At first,' my child?" he inquired.
 "When I was first taken there by my papa."
 "Where is your papa?"
 "He died," said Sara, very quietly. "He lost all his money and there was
 none left for me. There was no one to take care of me or to pay Miss
 Minchin."
 "Carmichael!" the Indian gentleman cried out loudly. "Carmichael!"
 "We must not frighten her," Mr. Carmichael said aside to him in a quick,
 low voice. And he added aloud to Sara, "So you were sent up into the
 attic, and made into a little drudge. That was about it, wasn't it?"
 173
 "There was no one to take care of me," said Sara. "There was no money; I
 belong to nobody."
 "How did your father lose his money?" the Indian gentleman broke in
 breathlessly.
 "He did not lose it himself," Sara</t>
  </si>
  <si>
    <t>b"\xcaq'\xf3{\x1f!\xe2"</t>
  </si>
  <si>
    <t>ca7127f37b1f21e2</t>
  </si>
  <si>
    <t>that the output voltage is equal to 0.9999?
 Op amps are sometimes represented as shown in Fig. 8.4 to indicate explicitly the
 supply voltages, VEE and VCC . For example, an op amp may operate between ground and
 a positive supply, in which case VEE = 0.
 8.2 Op-Amp-Based Circuits 357
 V
 V
 in1
 in2
 Vout
 V
 VEE
 CC
 Figure 8.4 Op amp with supply rails.
 8.2 OP-AMP-BASED CIRCUITS
 In this section, we study a number of circuits that utilize op amps to process analog signals.
 In each case, we first assume an ideal op amp to understand the underlying principles and
 subsequently examine the effect of the finite gain on the performance.
 Did you know?
 Early op amps were implemented using discrete
 bipolar transistors and other components and
 packaged as a â€œmoduleâ€ with dimensions of 5 to
 10 cm. More importantly, each of these op amps
 cost $100 to $200 (in the 1960s). By contrast,
 todayâ€™s off-the-shelf op amp ICs, e.g., the 741,
 cost less than a dollar. Op amps realized within
 larger integrated circuits cost a small fraction of
 a cent.
 8.2.1 Noninverting Amplifier
 Recall from Chapters 5 and 7 that the volt_x0002_age gain of amplifiers typically depends on
 the load resistor and other parameters that
 may vary considerably with temperature or
 process.3 As a result, the voltage gain itself
 may suffer from a variation of, say, Â±20%.
 However, in some applications (e.g., A/D
 converters), a much more precise gain (e.g.,
 2.000) is required. Op-amp-based circuits
 can provide such precision.
 Vin
 A 0 Vout
 V
 V
 in1
 in2 R1
 R2
 Figure 8.5 Noninverting amplifier.
 Illustrated in Fig. 8.5, the noninverting amplifier consists of an op amp and a voltage
 divider that returns a fraction of the output voltage to the inverting input:
 Vin2 = R2
 R1 + R2
 Vout . (8.6)
 Since a high op amp gain translates to a small difference between Vin1 and Vin2, we have
 Vin1 â‰ˆ Vin2 (8.7)
 â‰ˆ R2
 R1 + R2
 Vout ; (8.8)
 3Variation with process means that circuits fabricated in different â€œbatchesâ€ exhibit somewhat different
 characteristics.
 358 Chapter 8 Operational Amplifier as a Black Box
 and hence
 Vout
 Vin
 â‰ˆ 1 +
 R1
 R2
 . (8.9)
 Due to the positive gain, the circuit is called a â€œnoninverting amplifier.â€ We call this result
 the â€œclosed-loopâ€ gain of the circuit.
 Interestingly, the voltage gain depends on only the ratio of the resistors; if R1 and R2
 increase by 20%, R1/R2 remains constant. The idea of creating dependence on only the
 ratio of quantities that have the same dimension plays a central role in circuit design.
 Example
 8.2
 Study the noninverting amplifier for two extreme cases: R1/R2 = âˆž and R1/R2 = 0.
 Solution If R1/R2 â†’ âˆž, e.g., if R2 approaches zero, we note that Vout/Vin â†’ âˆž. Of course, as
 depicted in Fig. 8.6(a), this occurs because the circuit reduces to the op amp itself, with
 no fraction of the output fed back to the input. Resistor R1 simply loads the output node,
 with no effect on the gain if the op amp is ideal.
 If R1/R2 â†’ 0, e.g., if R2 approaches infinity, we have Vout/Vin â†’ 1. Shown in
 Fig. 8.6(b), this case in fact reduces to the unity-gain buffer of Fig. 8.3 because the
 ideal op amp draws no current at its inputs, yielding a zero drop across R1 and hence
 Vin2 = Vout .
 Vin
 Vout
 R1
 R2
 Vin
 Vout
 R1
 R2 = 0 =
 (a) (b)
 Figure 8.6 Noninverting amplifier with (a) zero and (b) infinite value for R2.
 Exercise Suppose the circuit is designed for a nominal gain of 2.00 but the R1 and R2 suffer from a
 mismatch of 5% (i.e., R1 = (1 Â± 0.05)R2). What is the actual voltage gain?
 Let us now take into account the finite gain of the op amp. Based on the model shown
 in Fig. 8.1(b), we write
 (Vin1 âˆ’ Vin2)A0 = Vout, (8.10)
 and substitute for Vin2 from Eq. (8.6):
 Vout
 Vin
 = A0
 1 +
 R2
 R1 + R2
 A0
 . (8.11)
 As expected, this result reduces to Eq. (8.9) if A0R2/(R1 + R2) _x0005_ 1. To avoid confusion
 between the gain of the op amp, A0, and the gain of the overall amplifier, Vout/Vin, we cal</t>
  </si>
  <si>
    <t>b'l\xb2\xfaN\xc8\xe3G\xe3\xb8\x95\x82\x9e\x9a\xe7]O'</t>
  </si>
  <si>
    <t>6cb2fa4ec8e347e3b895829e9ae75d4f</t>
  </si>
  <si>
    <t>k he's a very spoiled boy," said Mary.
"He's th' worst young nowt as ever was!" said Martha. "I won't say as he
hasn't been ill a good bit. He's had coughs an' colds that's nearly killed him
two or three times. Once he had rheumatic fever an' once he had typhoid. Eh!
Mrs. Medlock did get a fright then. He'd been out of his head an' she was
talkin' to th' nurse, thinkin' he didn't know nothin', an' she said, 'He'll die this
time sure enough, an' best thing for him an' for everybody.' An' she looked at
him an' there he was with his big eyes open, starin' at her as sensible as she
was herself. She didn't know wha'd happen but he just stared at her an' says,
'You give me some water an' stop talkin'.'"
"Do you think he will die?" asked Mary.
"Mother says there's no reason why any child should live that gets no fresh
air an' doesn't do nothin' but lie on his back an' read picture-books an' take
medicine. He's weak and hates th' trouble o' bein' taken out o' doors, an' he
gets cold so easy he says it makes him ill."
Mary sat and looked at the fire. "I wonder," she said slowly, "if it would
not do him good to go out into a garden and watch things growing. It did me
good."
"One of th' worst fits he ever had," said Martha, "was one time they took
him out where the roses is by the fountain. He'd been readin' in a paper about
people gettin' somethin' he called 'rose cold' an' he began to sneeze an' said
he'd got it an' then a new gardener as didn't know th' rules passed by an'
looked at him curious. He threw himself into a passion an' he said he'd looked
at him because he was going to be a hunchback. He cried himself into a fever
an' was ill all night."
"If he ever gets angry at me, I'll never go and see him again," said Mary.
"He'll have thee if he wants thee," said Martha. "Tha' may as well know
that at th' start."
Very soon afterward a bell rang and she rolled up her knitting.
"I dare say th' nurse wants me to stay with him a bit," she said. "I hope he's
in a good temper."
She was out of the room about ten minutes and then she came back with a
puzzled expression.
"Well, tha' has bewitched him," she said. "He's up on his sofa with his
picture-books. He's told the nurse to stay away until six o'clock. I'm to wait in
the next room. Th' minute she was gone he called me to him an</t>
  </si>
  <si>
    <t>b'\xb1\xd3@M\xae\xac\x00\xa9\x90\xf9\xf2\x94\xccZ\xb9k\xafac\xbc\xfa\xda\xa3\xc9\x87&amp;o\xc9]P\x0f\xfdH\x88\xf44\xb4?d\x10\xdf\x12\x18\xba\xb6\xad\x8d\x05\xd8jo\x17\xfd\xa1\x85E\xff\xd9\xb2gu;\xfd\xc0\xc9\xbe^\xa6&lt;\x88\x80\x15&amp;\x90\xf4\xfbt\xd5\xd7\x8b\xe3Y\xd0\x8e\xa8l[\xado!\x1e\xb9\xeco\x11\xa2\xfa\xd5&gt;\xc7c\xc3\x95\xf0K\x83VC\xf2\xee@\x9f\x16p\xcci\x8c\x0b\x7fwl\x03\xafH"?\xbfs\xaf\x18\xbf\x1f\xc3j,Yx\xc7\xa8eZ\xbb\x81B\x1aw@\xa9\x84\x82M\x87\x1f\xf9\xde\x98\xbb\x8e\xbbf\xea\r&lt;zC\xc7\xf0\xf3\xbc=&gt;\x8b\xd2`_\x86\xadx\x87dh\x08l\x08/-\tJP\xd7c\xa1%\xfbZ\xcfU\x89\xa8\x07\x89\x1fu\xef\xad7\xd42\x9d\xce\xbf%A\t\xb9\x9b?\xf5\x9e\xe8pK\xd4\xe3\x18\x1b\x06\xe4\xfas\xbaE\x1b2\x1b6\x89\x92\x99=\xd9\xa9\x85\xdeJX\x0c\x02gl\xd5\xc3\x8d\xde@\xf5\x16\xb3\xa8\xb0\x12\xe5\xca\xf9\xcf]Bu\x07\xebG\xc9\x06(\xd6\x05\x9b\x954S\xe9\xa2x\xd6hK`\xc5\x85\xe7\x8ci\x97\xcaF\xe1hG\xa2-b]\x1fa\xc4\xa1\x1cm\xdf\x95c\xc8)4%J\\q[I\xf4_\x87\xe8\x8b\x8f\xd6#\xa98\xa54k\xaa\xdf\xeb\xab\xa5.\x00\xaa8\xb6\xc9*\x95{\x86\x14\x10\xb7\xfb\xfb\x97\xd5\x96\xe0\xc3I\xe8\xf4\xa7\xc3\xca\xa6\xa7\x8e\xa9\xcc\x16\x04Zr\xc5MF\xa1\xef\x80\xd1\xb2\xfd\x83\x18\x8e\xe2\t\xff\xb5\xc8T\xf7`\xea\xc8\x1a\xbd\xdd`B\x84[\xa2\xb4`T\x9d\x17\x95\xa2\xae)\x12N\xc7\xfb$Q\xac\xf7\xea\x0fN(\x9c\x16F\xd0&amp;\xf1Oe\xec\xb2\xa3f\x83$\xb5\x98\x1a\xb3\xc7\n\xfe\x02\x82\x92\xe5\xae\x01#z\x1cY\xb3+\x938\x8fm);\xb6&gt;\xc4\x80\xa3\xb2\xee\xa1\xba\x83\xb9#\xc6\x03\x05\x02-d|\xa6@\xec\xdf\xdauz\xf7\xa2\xb7\xaeZ\x07\'"\xf9\xb3\x13\xa6\x1a\x80\xb1\xda=R \xe9\xf6\xb8\xbe\xa7\xd9\xee\xb2\xe0\xb0\x9e\xba\xc3\x98o\xf8\xe1\x8b\x9a\xa8\x14\x1cdb\x0f\x85\xa4\x08P\x85\x82\x96\xe8@\xe4 \x18x\xce\xe7\xd8\xbd\xa6\x0ev\xc2\x11\x0f\xb5c\x05\xe4\xa3\xda\xf5\xb5\xa6\xfc\x06Z\xed\x8a\x1c\x0c\xab\x10,\x1151j\xbf\xd5\x05\x0c2\x93\x8c\xf6\x07\xb6\x88\xd8:\xd0\xe2a\xf3\xa2\xa6\xc8\xe8\x1a\xda\xa5~\xe2\x82\x85oi\xbc}\t2\n\xa9&lt;\xec\x04m\x03\xc3\xcc-\x04\xd5&lt;I\xf9\xfbd\xe7\xab\xca\xec\x12\xbe\xba\x07!\x13{\xa3\x04\xca\x8a\xf1\x90\x87ST\x00\xde\xca}\xcc\xd2\x13\x96\xf2%\xbc\xa2\x1e\x8f\xa8\\\xad\xe0\x8ba\xab:M^5\x92\x1b\x89\xfcU\x11\x85^\x1ez\x14\xe1\x9d\x83\xd6\x9b\x14\xc4\x93\x98\x02\'\x9b\x998\x9es\x19\xe1CF\xf7\xc2\xac%o\xf6\\\xd5\xc9\xea\xab\x01\x8e\x15\x86\xfe@t\xf0\x91\x18\x936\t\xd7+|j_wr_;\xb0\x92\xca[F\xacQRD&gt;\x91wX\xa4\xdc7\xb7%T\x1eL9\xd84\xb1\x03\x06\xff,\xc3\xc8\xcb\xca\x9c\xd6\xd6g&amp;cG\xc1q\x1dr\xb18*\xac:\x9fc\xd1\xc4!\xec\x1c\xde\x9f\x00Q\x95\x11T\xec\n\xa8\xd6\xfa\xbc1^\xcc\xd2UG\xcb\x9a\xe9\xcfy\x0b\xc0\x0bXy\x8d\xe5\xaft\x1a\xfd6]\xc0x\x03"\xd4(\xe8\xc1\x9a\xc1\x1d\xcb\xdfD/\x02^[\x19|\xc1\xd2\xa8)\xa8\x91\xc6\x8a\n\xb5 \r~\x8a\x87\xa4\xba\xb2\xa9\x8f\xa8\xe8wG/QYpJ ;\xbbKX\x8e\xffz#*\xadQ\xd20\xf7]\xbcG\x92\xa2\x91\xa0\xa6\x1d\x81\x9aLG?pX\xc1\x0fXnY\x9d\x90\x82\xfe\x96\xd2\xa1\xce\x84\xcc,?\xa2\'!,\x1d\x86\xb1q\xb0\xc7\xe3\xf1\xf3:A&gt;s)\xb7\x06n\xb1ap\xa7D%\xf9\xa7\xfd-.\xf2\xd9\xd0\xad\xbd\x8dg4&gt;\xbed\xd6 Z\x97\xfd\xea\x02L\xad\x02y\xf8G\xd8\xda\x00\x1f\xb3r2N\xa2\x05\x1d\xde\x1a\x14\xb6\x14q\xe8\x92\x8e\xfe\x10y\x0edQ\xcd\xb2x\x94\x953X\x8d7\x11@V\xbdsy\xd5\xd4\xb5\xffC\xe5\xc0^\xd8\t\x02~os\xb7\x87\xb6\\\xee\xd8N^\x89Q\xe3\xb7I\xfe\x96\xf7\xeao\x1b3\x04\xb2\x0c\xfdf\xee\x97\xf0\xdf\x1f\xa6\xc9\xbdz?\x91\x15\xad\x0cob\xabS\x90\xb4\xa7\xfa\xf1\xb2,\x04L\x99\x8a\xd1\x90*\x97\x82r\x0c\x18WDV\x84U\xb0N3\x8a\x0f=\xddC\xfd\x88\xd77I \x1e\x14g\x16\x84C*\x92R\xe3\xe1\x03\x02\xb8\x18\x0b\xe1\x1f_^\xf4M\x07\x9d\x97\x80\x1c\x98\xc4\x1a\xbf\xbc=\xaa\xed\x1fm\xbb\xc4\x13\x90\xa00\x8b\xbdF\xfa[Z\xda\xedC17\x1coy\xa8\x0b\xbbF\xa6\xc2\x076\xd3l\xb3\xbcs\x16\'\x83\xca\xb7\xed(9akCP)X\xb6u\x00\xbe\xce\xb9\x04!\xcc\x10\xbb]6\x8b\xfeM\x1a\xc7\xb1\xf3\xdb\x0e\xfc\xe5\xf4\xa4f\xf6%\x1d\xfas\t\xf7Pv\xaf\x0b\xd6\xceW\x12p\x0c\x92\x1d\xc2\xbfi\xed\xfay\x81\x07pM\x99Y\xd2\x05\xa2]Y\x10\x04\x10t\xb1X\xbbkV8(\xd3\x1d\\\xa4\x9dy\xa7#W\xfe\xcf/\x1c\xfb\xfc60\xda\x00\xd4\xfa\x83\xfa\xc5-\x06\xaaj:\x07\x9e\x8d_A/s\x88\xd1I*W\xcf?r4f\xe8\xeb\xa0\x9b\x84\xd2&lt;\x9a\xfa\x1a\x1ad\xe2\xe2\x9dM\xeb\x03\x9fC\xdb\xce\x92\xa09W\x89\x99D\x13\x86z\xe7\xa6\x7f\xf6\xf1c\x96\xd0\t\xd0b\x9aWe\xd9X\xfd\x90\xae\xb8\xcf\x86\xd2Q\xf0\xcf \x1b;V\xa6\nK\xdceXa\x18*0\xb9{\x85\xbf\x1d&amp;\xb5\xb6Q\xec&gt;\xe3A\xc8De\xac\xb1\xa0\xb8p\x1a&gt;\xcf\x88\'\x98\x1a}\x02\xe9L\xe1S\xb7\xb86\x03\xfc\xdf\x94\xb3\x89t^\x81\\o\x8c"\xf2\xbd6\x97\x11\xfc\xdc\x0c\x8bue\x9b\xef\x1f5BI\x03\xf5y\x9e\t\xc0M\xbcxU\xabh\x18\x12\xb1\x05\x00\x89q\x93d\xcc\xdf\xe1RC\x07\x16&lt;I\xe4ze\xcd\x1d&gt;(\x02\xdb\xe8\xde7k\xc1 \x1a0\xaeHN\x01\x9b\xc2 \xd6-8\xa5\xf5\xfa:\xd8\x123\x9d\xf2\xb4\x95\xa5\xa1\x1e?\xce\x12\xa0\xbc\xf2"\xaf\xea+Ez\xef\x86-\xb2\xd36j\x85\xe2#\x0f-\x01&lt;EO\xef\xd0D&gt;\x8e\xa1\x1e\xf5w\x90\xac\xdb\xfc\xd0b\x97\x95\xcb+|\x1cz9\xf6\xad\xf4\xff\xcb\xe0\xf6o\xdf\xbe\x1a\xff\\\xf7\xe7\xfc|\xf2\x1e\xa4\xbe\xe9\xf9xq\r\xbf\x11\xd3&amp;\xf2\x10FG\x9b\x03\xf7\xc3\xe3\xcai5\xa3Y\xb5\x8a\xf1f$\xd4\xc9\xb0\x8b\x00\xbaR\t\t\x06\xbf\xdd\xdc\xc02\xf9\x9e9aKK2\xcb/k\xfa\'\xdb\xb9\xa3\xd4\xf2Wz^\nD\x0c\to\x9b\xb3\x9es\x86\xbdA\xd0S- F\n\x99\xc3\xb8g\xa4\xa4\x00\xe9.\xb6\xa2\xebo\xcd\xccY\xb47\xa3\xc5\x92B\x90\xa1)$\xc0\x98\x82\x1b\xf4\xa6\xd7\xadQ\x04bN=\xdc\x99,X\x8a\xc8~$;\xa6\xb7\xe8\xee\xc3\xa5\xacW\xfd\xe8\x80\xa1\xa3\x0b\xb4/\xadq\x80\xef\xfaU\xd1\x81\xd9|\xa7w\xc2xE\x13\xd8\xd6\x1d\x00\xa6\xa0\x99Y\xba\x97\x1eiZ\xa8\xf1\x9b1\x84i[\xfa\xef\x00NC~\xb9\r\xf3\xee\x01\x83\x16p\xbc%Y\xfd-\xb1%\x06\xa5\xb5\xb3\xa4\xba\xc5\xb7\xc0\xc7 A\xc1s\x96\x9e:.\xf4\x01H^\x0fk\xd84!\x1d\x10\xb7\x06\x90\xa3\x1e\xfa\xd8f]#\xd3\x84\x8f\xb2\xcb\xd0\xa7\x82\xfd(&gt;e\xb2\xc7\xf8!N\x9c\xf6\x1c1r\x85\x03[\x9ag*\xc1\x8f:\x957\x86\xad\x9f\xfa\x16\x87\x96&amp;\xfd\x057\xf3;"]8\xccvYm}\x10[\xedNX\xd5\x831\xfeb\xfb\x97\xd5\x96\xe0\xc3I\xe8\x00\x12\xa9\xd3Q\xf9*V\xf2\x1f+\xd0=\x8a\xfe\xba\xc2\xc6\x11\xf4\xaa\xe2b\xcd\xf5\xa1I\x93\xcd\xc3\rj\xa9\xde.\x12KgX\xcc\xd2\xe8\x96\x16\xec\xacG\xf8\xf0;\xe2F\xf7\xf1\xad\x1a\x1dA\x8c\x1f|v\xe7u\xdc\'\xe1B\xda\x19\xeb\xfe\x87\'89\x8d\x18\xbe\xad`\xff\xf7&gt;\xa9\xc14B\x0bt\xf6\xae\xf7K\xbcz\xcb\xa90\x9f\x83\x1dl2\x15-\xd6\x1d&amp;TIT\xd3\xa6\xcbs\xde\xc0T\xd3\xf1\x97~\xd4\x19\x7f\x8dc\xfb\x11\xa7\xf3yUi,M\x00@e\xe8\xb0J1\xf47\x1dW\xee(k\xef-\x9d5\xce\xcbm\x18L\xea\x00&amp;!L\xfa\xccE\xee\xb5\xa5\x85\xca-KLx\xed\x05\xfa\x18\xe2\xe6w\x9bN\x90X\xb5\xaeb,\x8dx\xa6\x9fM\x03Md\x7f\x9e\xe1\xf1\xdd\x7f\x1fdL?\xa7&lt;\xa1\xbbq\x86\xe4\xe08\xc25\x91\xe0\xe1a\x18\x90?Si\x7f\x9ez\xa5a-l"\x9f\xc7*S0\x1f\xdfq\xa4\x8e,\xb6\x18\xb6\xee\xb0\xc3\x8cv\xff\xd6zu\xdeor0X\x95&gt;8y\xfb\xf5^n\xc1\x14\xeb\x98\x9d\xfc\xe7\xeb\xd3\x8fP\xae\xfb\x9a&lt;s\x1a5\\\xce\xfa\x08\xfd\x0e\x8d\t\xb1X\xd3\x05\xc0\xbc\'\x07\xea\xd1&gt;-0\x03"\xa1\xf5.\xea\x11wA"\x02C\x9d\xddR|l\xe5\xf15\xccX\xf3\xbe\xb1{\xf1\x10vK\x84&amp;\x9d\xe5\xf9\x94n\xb6xz9\xf6\xad\xf4\xff\xcb\xe0\xb6\xb4\xe2\xa3\xd8:\x8b\xbf\xd1\x17X\xba\n\x93z\xb2uoWQ\xc6Tu\x84\xd7\x92\xc6\x0f\x87\xc9I\x9e'</t>
  </si>
  <si>
    <t>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</t>
  </si>
  <si>
    <t>b'\xb1\xd3@M\xae\xac\x00\xa9\x90\xf9\xf2\x94\xccZ\xb9k'</t>
  </si>
  <si>
    <t>proached herself with the
 weakness of thus suffering interruption in an act of serious importance,
 and again opened the door. By the directions which St. Aubert had given
 120
 her, she readily found the board he had described in an opposite corner
 of the closet, near the window; she distinguished also the line he had
 mentioned, and, pressing it as he had bade her, it slid down, and
 disclosed the bundle of papers, together with some scattered ones, and
 the purse of louis. With a trembling hand she removed them, replaced
 the board, paused a moment, and was rising from the floor, when, on
 looking up, there appeared to her alarmed fancy the same countenance
 in the chair. The illusion, another instance of the unhappy effect which
 solitude and grief had gradually produced upon her mind, subdued her
 spirits; she rushed forward into the chamber, and sunk almost senseless
 into a chair. Returning reason soon overcame the dreadful, but pitiable
 attack of imagination, and she turned to the papers, though still with so
 little recollection, that her eyes involuntarily settled on the writing of
 some loose sheets, which lay open; and she was unconscious, that she
 was transgressing her father's strict injunction, till a sentence of dreadful
 import awakened her attention and her memory together. She hastily put
 the papers from her; but the words, which had roused equally her
 curiosity and terror, she could not dismiss from her thoughts. So
 powerfully had they affected her, that she even could not resolve to
 destroy the papers immediately; and the more she dwelt on the
 circumstance, the more it inflamed her imagination. Urged by the most
 forcible, and apparently the most necessary, curiosity to enquire farther,
 concerning the terrible and mysterious subject, to which she had seen an
 allusion, she began to lament her promise to destroy the papers. For a
 moment, she even doubted, whether it could justly be obeyed, in
 contradiction to such reasons as there appeared to be for further
 information. But the delusion was momentary.
 'I have given a solemn promise,' said she, 'to observe a solemn
 injunction, and it is not my business to argue, but to obey. Let me hasten
 to remove the temptation, that would destroy my innocence, and
 embitter my life with the consciousness of irremediable guilt, while I
 have strength to rej</t>
  </si>
  <si>
    <t>b"^\x04\xd0\xea\xaa\xd0q\xaa\xb0\xf7F\n\x82L\xc5!\x17\xac\xb0\xb9\xea\xe7\xef\xc0-\x1aqD\x9b~\xfdG\x0c\xe3\x1b\xd4#\x00\xc0\x03\x9c\xaa'\xf5\xfcelX\xc94\xa8O\xe6\xcc\x82\xb0\x07i\xc6]\\\xd3^\xad"</t>
  </si>
  <si>
    <t>5e04d0eaaad071aab0f7460a824cc52117acb0b9eae7efc02d1a71449b7efd470ce31bd42300c0039caa27f5fc656c58c934a84fe6cc82b00769c65d5cd35ead</t>
  </si>
  <si>
    <t>b'^\x04\xd0\xea\xaa\xd0q\xaa\xb0\xf7F\n\x82L\xc5!'</t>
  </si>
  <si>
    <t>come in from the garden. She was cross and disappointed but not at all sorry
for Colin. She had looked forward to telling him a great many things and she
had meant to try to make up her mind whether it would be safe to trust him
with the great secret. She had been beginning to think it would be, but now she
had changed her mind entirely. She would never tell him and he could stay in
his room and never get any fresh air and die if he liked! It would serve him
right! She felt so sour and unrelenting that for a few minutes she almost forgot
about Dickon and the green veil creeping over the world and the soft wind
blowing down from the moor.
Martha was waiting for her and the trouble in her face had been
temporarily replaced by interest and curiosity. There was a wooden box on the
table and its cover had been removed and revealed that it was full of neat
packages.
"Mr. Craven sent it to you," said Martha. "It looks as if it had picture-books
in it."
Mary remembered what he had asked her the day she had gone to his
room. "Do you want anythingâ€”dollsâ€”toysâ€”books?" She opened the
package wondering if he had sent a doll, and also wondering what she should
do with it if he had. But he had not sent one. There were several beautiful
books such as Colin had, and two of them were about gardens and were full of
pictures. There were two or three games and there was a beautiful little
writing-case with a gold monogram on it and a gold pen and inkstand.
Everything was so nice that her pleasure began to crowd her anger out of
her mind. She had not expected him to remember her at all and her hard little
heart grew quite warm.
"I can write better than I can print," she said, "and the first thing I shall
write with that pen will be a letter to tell him I am much obliged."
If she had been friends with Colin she would have run to show him her
presents at</t>
  </si>
  <si>
    <t>b'A\xb9\xb9\x8d\xb7\xb3\x02m\xeee\xd3A\xfb\x91\x12\x9f\x1aG\x9c =l\xd6\x19\x83R\x9cF\xd3\xa5\'\xe6\x12-y\xa7\t2\r*i\x85+.\x93\xd2N\xa2\xb7\x95\xffll\xdf\x85\xe3\x95\x89\xe3\x97\xc66\xdaM\xff\xd0\t\xb4$\xbb\xd5 S\xa6\xf1N\x9b\xa0|O\xa2\x8b_Os\xf6\xb8oC\x0f\x9e\xc9u\x92\x1dM\xf9\xc9@\xdb\xaa4\xb0\xbc\xfe\xb9y\n\x1c\xfa+N\xddM:\xcd\x89\x8ah\xd2G#\tL\x90\x9b\xe1\x9d&gt;\xbb\x81\x81\xc1BY`\xb7Y\x96\xfd"\x13\x02\xc6\x8d\xe5.\x9ar\xe8\xc3\x1d\xd6:|\x91W-\'o\x0e\x94\xe2\x89\xaf\xb6\xea\x91\r\x82\x01\xeb.\xd4nU\xecf\xa1\x85\x0c\x02_0\x08\x01\xba-\xe1\x95\xa9\x93\xa6\\T\x82Rs\x1cM\xe1\x02\xfa0\x9a\x9b\xab;\x85\xf1N\xb5\xf5B\xd4\xae \xc2\xffvC\x02\x8aI\x93\xd9ve\xe0\x8c\x8b\xbc\xe3\xb3\x8bW\xea\xb9D\xc27\xbd(\xf8\x17\xb0\xc93\x91Z$q\\\xb1$\x84\x07\x0e\n\xcfIM4\xcf\t\x12N\x82\x1adV\x05\'O\xb3\xbbX\xad\xecA\xcd\x1bmj\x80\x18\x08\xa3\x82!\xdewS\x9a\x08\x9e\x84\x17\xa6\xf6.\x0c{\xb7\x01\xc6\x96M\xfd\xed\xf6\xc0\xac*\xc4\x04\xd1@\xday\t\xfb\x92^\xc1,[\xee\x1b\xd3\xdf)\xc1|\x7f\xed\xb6\xd5zc\x9dr\xcb/\x00+LF\x85\xa4\xe2\x82\x03\x92h\x14\xb5\x19\xac\x89N\xf78@N~4\x08Y\xc0\xd3\xb1\x84\xb5t9u/\xd5\x8e0\xc8l\xf6\x18Q\x05\xfcoTa\xf3\xfa\xd7\xea\x0f\xc3\x83zG\xae\xb8\x11\xc5h\x9d\xdd\xbf &lt;9\x07{3E\xbe\xcf\xa3\xee\x95DO:GH\r\xbe&lt;\x0b0\x04gY\xdb\xf0\x9f\xb58\x8b\xc5\xc6\x1e\xdd\xe12(\xa6\xe9_\x8c\xb7\x8d;[g\x0f\x15\xf0\x8dc\x92\xc4@A1\xc2\x01\xe0M\x83\xb2l\xbb\x0386\x1c\x04\xebW\x0b\xcbSf\x8b\xda\xf5.\x18\x8b\xe9\x8f\x99\xb6&gt;\x86)p\x13\xadV\xa9A\xee\x14r\xedp\xf7\x17nK\xefGV\xe1\xd1\x05.\xa8\x94\xd0T\xf7V\xc7\x88\xa1\xf1/\x1c\x1f\x04\xf9\xed\x19/}B\x98\x1bS4z\xd3q\xf22\xbcF\x8b\xcc\x19I}b \x95ZC\xee-\x12.\xbc/\x86Is\x99\xe5\x1d\xf5q\xc5T\x0e\xc4*K\x1d]\xfcD]\xac\x8c\xea\x975k}uMk\xa8,\xf3\ri\xd7\xce]\x1a\xa2\xe1\x95\x19\x96\xddk\xf3\x0c\xd7\xa3\xf1Y\\h+\xbe\x1fZ\x89L\xe3\xdb\xf4mq\xa6\x820\xe8b\xe1m\xc3\x07t\x90\x17\xdf\xd2\xa2\xef\xae(\x00\xe3\x9e\x8cDO\x93T\x9f\x0b)8\x89\x04O\x15#!\x9f\xa9\xe6\xa3\xf6\xac\x8b\xb6i\xc9\x94\xdc;\xbb$B\x0e\x19\xb0\xe4\xe0\xce\xe7z\x82\xd3\x07/\xf2\xc7\xc9\xddo\x1bm\x1dB_\xe34\x14n|V\xd5\xb98\xc6(\xb0\nk63\xddn]s\x1f(/\x03\x04\x1e\x809\x00\x96\x92N7\xa9\xbe\x9b\xd8\xfe\xbdm\xb0\x94~\xc4\xca\x94=?\xec\xfdH\x9f\xae\x86\xb7\xc8\xb4\xae\x02\x8b\xc7Q\xe9\xb0\xde\x91j\xf3q\xb7\x81\x0e\n\xd0\x81\x1f/]\xfa\x98f^\xc6\xccW\xdf\xe3fb^\x9d\xa3\x1e\x98\xae\xc8\xcb\xdd\r\xa1\x82_+\xf6\xc8q\x0f\xca\x85&lt;m\xa4\xc3\xe2_\n\xd0\x1a\xe8\x8b\xdd|\x83 l$\xbb\xe8\x02\xbe\xf0T\xe1\x89\x1c\xd8{l\xc2|\x1f\xf74\x90\x0e!\x93wZ\xb6~\xac\xa3\xc9\xeeg7$\x13\xf2Cb\xf1\x91c\t23\xef#\xf5\x13\xbe!KD(\xec\x01\x11\x9a\x08\xf4\xe3\x1cU\xc6=\x7f\x12\xb2/Y\xe5I-\xd3\xb8\xc9X\xd7EC&amp;n\xdc&gt;D\xdd\x19Q\xa92\x1d2\nVun\xe8f\xa4\xd8\xb4\xb3\xe5\x80EK!a\xa7\x7f\xc7\x18&amp;\xcc\x84\xec\xaea\xd5\xe2\x187Zv\x88\xab\xf9J$\xd1~7\x85\xeb\xe2R_@\xa7/\xc7L\x01fQ{7B=\xb4\xa7:\xdb\x8a3 \xf2\x8b\x97P\x00\xe2\xe5\xb5Q\xd7\x13al}\x0e\x8e}\xe9u+)\x86\xb3\x1b\x03K\xee\xebXe\xb2D7\xf3/\xdd\x95\xb8\xc2\xd2|\xe7\xaf\xaf\xd4:&lt;\x8e\x10\tG\x8fhpsh\xab\xfdP\x10**vx\xbc\xc21h\x95\xcb~\xd6\xf4\x12\x07f\x8b\xd9L_N\xb1\x9d{A\xc9\xed\xdd\x03\xa8tt$\xba\xdeR\xf1c\x10m\xf2ui%\xaa\xe1\xbb=\x15b\xa7\xe1\x96\x97*_\xad&lt;\x07\xde\xdf\x93\x16\x8f\xd7\xc0\xea\xd7\x92\xd5\xb5s\xca\xe9C\xb8\xd6\x7f\xebh9\x9e\x14\r(\xe1L\x14F\xe2\ni\xcdy\xb3\xb7\r}\xd5\x0e\x19z\xe8\x9b\x17\xd3\xa8\xde\xc0A\xa9\x1c\xeb\r\xf0\x15\x08\x07i\x0c4\xccf\x81\x0cy\xc08\xa4\x15\xd5(3\x8b#\xa9\xafD(\x83&lt;N\x8f\x12\x84\xa2\x98\xec\xcf\xed\x87\xbc\xb6@\x14\xbd\xc8F\x03\x87^c`XF\x19\x84\xcd\x0b!\xf0\x91\x89\x88#\xe6b\x0bp\xee\xc4"\x03H\xdee\xba\x1d\x9b\xa9h\xa9~\xe9.}\x88B\x17\x81mW\xfaq\xf7\xebJ\xcdp9\x18\x9b\'\x06\xf1\x06FvJ-\xd4-\xe6?\xee\xcc\xcep\xe0\xb1o\xae\xc0\x8ax\xaa\xba\xf3\x040L3=\x80QB\x85\xfb\x08\xf8&gt;T\x08Vj6\x1e\xc9\n\x17\x03\xdbX|X\x8a\xd8DBN?\xf9N\xd06\xe7\xe6N\xad\xa4F$s5\xbb\xb3\t \xd5KS;\xaf\x01\x8a\x8b\xa0\xd3K\xb2P;\xb9\xe8\xbb\xcb\x06N\xc4\xa3fZ+k\xf8y%,?\x08\xb4\x9fk\xe7K\x8a\r[\xbb\xf5\x06^\xe8\xadU\xd5M\x03\xc3\xa5\xdc\x8c\xc3G\xd51,\xb05@f.\xa6\xaccr\x01[\x1d\xbaM\xbdl\xca\xc6\x15\x1f\x85\xa8\xeak\xe3\xe3d2\x84r\x1a\x97\x87\xcd \xc3k\x15\xa8\xad\xf5TA\x12\xb8_f\x16\x10g)\x92&lt;\x8d*\x92\x1e\\\x91\xd6\xaa\xc7\xc6}\x03\x9b\xe7B$\xbc};$\xf9z\x0e\x88+r\xba,\xc9\xf5\x94q\xb2\xaa\xb6Ln\t\\|C\x91\x84\xa0\\\xcdT\x94\xcc:Y\xa6R\xc2\xe2l&amp;\xc3b\x91\xf9zf\x9b~${\xf8c\xf0\x83"\x93/\x1a!}\xcb+\x03\x93\xf7\xc3h\xf2\xcb\xf6G+Wb\xc8\x15T\xeb\x95\xd7L\xff\xc7\x0e\xfe#\xf1\x8f\x1c\xae\x1a\xcc\x85\xfe\x93\xd7\x835\xf0\xd2h\x96\xaf\xb2\x82+\xd3\xbe\x12\xcb\xf3R\xf49o\xc3\xb9\xea\x1axx\xc7\xebO\xa7^qWO["\xc1\x92\xa9\x8e7\xb4W\x96\xfc\xc1\xce\x1b\xd1\xc4\xac\xac\x05Z\xf2\x97\t\x90f\xdf\x15&gt;\xe9\x01\xdfl\x8bWV\xf7,"\x14e\x84x\xa8\xe0\xba\xc0_\xa0x\xe6\xf1\x7f\xaa\xac\xd88\\\xbc\x97qdM\xbb\xf6#\x81\xcd\x1b*\n\xaaB\xc8\xc0I\xa2\n+\xf0\x15\xce1\xbeq\xfa\xd56\xbaq\x7f\xf8k\xfd\x1a\x16}\xaag\x1f\xa6\x95\xad\x0c\xb7|\xe4l\xafQ\xa3\xc9\\~:\xef\x8f\xaa\xf9\xd6\xe7\xa2\xd5\xb4\xc3\r\xd8\x96\x8b\x07\xc0\xc2{\xdaV\xdb\xb8\x86p\t1"E\xcf\x81\t\xb1\x19\x06\x93h\xbf\x99\xc7\x1c\xa9\xcbF\x89Q\x03\xf0}\x8cA\xef3\x98\xe0\x01\xba\x19\\VU\xd2\x02\x16\x8cM\xa5Vw,\xefTu\xd4\x9e\x9a\xae\xd3\x02\xe8\x8a~\xac\x8f\x13MT\xc6\xa7\x7f\x8d\xc7N\xcf\xa8\xb6\xe0\xa9\x891y$\x05\x9f\x9dM\x1d\xf2\x87\xed\xe2\x8c2]\x90\x16\x80X\x07\xeb\x87\xc9D\x9a\xc4\xb1\x9c-\xcd+\x19\t\xd0.\xbe\x18\xb1\x90\x90\xc1\xaa\xc3\xcc\xa7b(\x80*\x1f\x95\x87\xf131(&gt;\x0f\x19D\xb8l\xfd\xff\t\xc8g\x822R\x9c'</t>
  </si>
  <si>
    <t>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</t>
  </si>
  <si>
    <t>b'A\xb9\xb9\x8d\xb7\xb3\x02m\xeee\xd3A\xfb\x91\x12\x9f'</t>
  </si>
  <si>
    <t>reatures danced past
at once, what a crowd it would be! I'm sure they'd dance and sing and flute and
that would be the wafts of music."
They both laughed but it was not because the idea was laughable but
because they both so liked it.
A little later the nurse made Colin ready. She noticed that instead of lying
like a log while his clothes were put on he sat up and made some efforts to
help himself, and he talked and laughed with Mary all the time.
"This is one of his good days, sir," she said to Dr. Craven, who dropped in
to inspect him. "He's in such good spirits that it makes him stronger."
"I'll call in again later in the afternoon, after he has come in," said Dr.
Craven. "I must see how the going out agrees with him. I wish," in a very low
voice, "that he would let you go with him."
"I'd rather give up the case this moment, sir, than even stay here while it's
suggested," answered the nurse. With sudden firmness.
"I hadn't really decided to suggest it," said the doctor, with his slight
nervousness. "We'll try the experiment. Dickon's a lad I'd trust with a newborn child."
The strongest footman in the house carried Colin down stairs and put him
in his wheeled chair near which Dickon waited outside. After the manservant
had arranged his rugs and cushions the Rajah waved his hand to him and to the
nurse.
"You have my permission to go," he said, and they both disappeared
quickly and it must be confessed giggled when they were safely inside the
house.
Dickon began to push the wheeled chair slowly and steadily. Mistress
Mary walked beside it and Colin leaned back and lifted his face to the sky. The
arch of it looked very high and the small snowy clouds seemed like white
birds floating on outspread wings below its crystal blueness. The wind swept
in soft big breaths down from the moor and was strange with a wild clear
scented sweetness. Colin kept l</t>
  </si>
  <si>
    <t>b'\xf8\xcds\xb4\xc9(\xf5\xa6-0\xb6BXq\xb4i_\xdaZ\xbe\x9dY\xd8\xf4\xb3\xee\xe6"A?/\xfa\xdbF,.\xd09\x11\x95p\t\xba\xb0\xf9\xc3M.`m\xf5\xa0\xa1pE\xf1\x178G\xed\xce\xc4S\x96\x8c\xec\xb2{\xec\xa9\xcdjE\xd5sZy\x8a"\xf9\xf9P\x04\x95e\x15\x97\x0c\xcdt\xc4\xe9\xd6\x0cK\x0cb\x15\x9eAk\xbcy\xbe\xba\xfe\xe9X\xc3Z\xc0\xc7~\xd9kW\xaej\xf8\xf5\xb5\x08\xe5\\\xe1\x84\x00yVl\xf1R\x9f\xed\x93\xc3]\xa2p\x83x\xda\x14&lt;\xdd\xfds\xd3^\xc3\xed\r\xc8\xbf$\x9d\xb5\xd5z\x05\xec\n\x11\x03\xa3^U\xd6D&gt;\xa7\xe8\x8a\xd6\xda\x12\xdcw\xe9i\xe3w\xbaM3\x03\x96\xeasUq\xe0%\x9f&lt;:\x80\x1f\x92\x91\xab\x91H\xfc3\x18z)\xe45\xaac\xeb\x88HC\x05M\xa3\x8a\xdd\xd9\xae\xf5h\x14\x9a\xda0+C\x1f\x1em\xa4\xf6\x9d!+\xf7\xb9\x98|\x1c,\xff\xb9\xedJ\x90\x9b3\xc5c\'s\xa80+\xac7QC\xdd\x04U ^\x85\xbd?\x16\xaaL\xad\xa6o\xdbLK\xa2\xa5\xcb\x88\x9b\xc8j\x19\x12\xe9\xec\xd4\xd5\xb9Z\xack\x8d\xb7\x15\x0b`\'\x88\xdb\xb7\xff\xb8\x13\xcb5\xaeK"j\x12\xfb\xb1X\xee\x93\x942\xc5\xcf\xc5\t\x99%f\xf7\xbb\xf9\x97"I\r/\xa0fF\xc6\x83\xe9\xa1\xa0Q\xfa\xb8\x9bd\xa3\xea\xef\x05\x92\x90\x1d\xa0m\xeb\xbbD&gt;@e\x03\xd3\xfbg\xf5y\xb8\x12.\xe2\xcd\xe8\x8b\x9aM\xb6&gt;&amp;\x02\x14\xbd\x10AC\xe1\xa4\xde\x9b&lt;\xcf!\tX\xacjDO\xe4\x9f\xa4qj\x97\xb1\xc5\xd0\xbe\x13\x08B\xca\x977\x18\xf7\xd3\xe7\xdfl\xb08\xff\x02\xbe\x93\xf8x\xdaL\xb8-\xf4\x15\xb7\xbd]\x12Q\x14\x00La \x9d5\xd5\xe7)\xd7 \x11\xb0\x9a\xfd\x8e\xc3=\x92\xaat\x0e\xd7\xec\xe3A\x82\x1d\xa8\xab\x14\r\x04\xa1\x9f\xba{\x02\xba\x91k\\G\x85\xc3!E\x13U*\xa7p\xde[\x9f\x05\x06\xcb\\\xb5M\xbf\xfc\xddF&lt;\x03\x06J\x05+\x02v\xff$aF\xb8nP\x95\xe64\x89\xd2\xe1uE\x8c\x84p\x93\xffE\xb7m\x07\x91\xb3!a\xee\to\xbf\x9c\xfb\xa4\x07yD\xdc8\x05\xc21\xa2}\t\xa5\xaa\x11z\xa7aS|\xb6\x90\xe2\xf2\xafr\xd9&gt;\x02\xc5\x8b\xf5\xa9\x08^UT6\xcab\xe4\xea\xcd\xfbC\x03\xee&gt;\x19\xdai\x8c\xfbo\xe6w\xc0-\xe0\xd5Z\xeb\xa5p\xf3\x1e\x12\x87\x14$\xc9}\x02\x97\x06w\xcf\xcer8\x9c1\x8c\xeb\xa88\x9fg\x8f\xe8:{\x8dU\xd1IK\xd6\x16\x07\xcb\x98\xafWy\x05;\xbc\xd11\xfe_[\x06\xbc\xcaP\xde\x99\xca\xca\x93 \x80b&amp;\xdf\xb7O\x92\xa4w\xdc\x1f\xc8\xccAGO\xc1\x19\x8b\xe6s\x94Pjut\xe0-\xd3\xc4\xa2\n\xd4\xa93q5\x1c\x88\xb5\x0b~&amp;\x00\x84\xfcW\x9b\xc4\xb6\xb3ZO4c\x949c\x01\x91\xd2"\n\x16\xeeQ\x81\xd5\x88\xb2\x8e2\xd5\xa3X\xd3\x0b\x0c:\x92\xb50]\x91\x14\xef\xe1\xc4\xf8s\x1b\xf1\xd41\xd1\x9eG\x93\x91^a\x9faFj\x96(\x8c\x97\xc3\xcec\xda\xe8\xbc%\x9d&gt;\x93\xac\x0c\x1b\xa4&amp;\x15$\xf0\xb5h~pE5-\xb5\xf9\x14\xba\'[v\\\x97\x9d\xcd\x97\xc44U\x91[\\+\xe0\xb20O\xe5\xa8\xb9V\x8e\xdd\x12\xa8\x15Hw\xd9-\xcb\xb18~\xce\xaeV\xbc\x06\xfew\x0b\xb54\xe5\xdby\xa7\xda3\xfe\x98\xacM\xb2\x0b\xc4\x85\x19qGFF\x12MZ\xf7\xf3\x0eKs\x9aJ\x8f\xd8P\x99\xa6\nX\x10\x1e\x93\x006)&amp;\\Qt\xb1^\x9c\xf3$\xee\t\xc2\x01\x92\x16\xb2\x07\xeb=\x92(0\xca(\xe5^\xa3\x8b\xcd?\xbeKj\xce\x1a\x0f\xb3\xdf\xa6\xd1W\xe6\xde^\x9f\x08\xb8\xa7\x89\xb0\xee1d\xc3\x1f\xd5\xf1\xbb\x94\xd0\xd8!\xd1P\x06-\x1b[\x06\xbc\xcaP\xde\x99\xcagc9\xa3`=`\rF\xb5\x1e\xd4~K3\x90\x95\xdf/\x9e\x06\x9d\xad\r\x88\xb9\xeb2\xe8\xf8\xba\x90\xd7/\x83\xf4y_\x08\x0f\xa3o\xa3+S5\xbb\x1a\xe3D\x8e\xd6,\x9a\xceo\x11\x8b\xccM\xf8m\x98\xfe70g\x90\xa5\x130\xcc}\t\xbb\x07\x12\xa1\x0c\xeaJ\x1d\xf0 /YN$\xd6\x11\x90\xa5\x98Co,o\x9c\r\x00R\xacZ\x1fE\xf1w\xc8\xaf\t\x97D\xea\x90\x1c\x130`Lo\xf375(\x99\x05%\x87\x10\xb9\xa8\x81{\xc5^\xdaYn5\x14 \x86\xe9\xbb\xebLd\x80g\xe4;\x14?\xbaQ\xd0\x01\x81\xcd\\\xb9\x0eQ\xf0\x84\xc6m\xee%\xbfgx\xb5\x04\x16\x86\x88=\x96}&gt;Qm6\x15\xae\xa2x^\xd1[\xaaRMr\x9e\xda\xa3\xe9L\x89\xbe\x98n\x9a\xfd\xb308\xa1y\xc1\x94\xec\xbch\x04\xc0\xed&gt;\x91\x9es\xcbO\xb7\xa2\xb8=\xa2\xfd\xd2\x96\x9b\xe0^c%@\xd0?([\xa9\xc0\x87\xc8\xf4c\xca\x0eo\xf7\xe8\xc8\r\x07A0\xffE4/\x0f\x97\xf6\xba\xf6\xbd6\xb3\xfe\xae\xa7\xb5\xb2\xd4:&amp;N\x14\x80y\xccHYL\x15\x81\x03\xeaoz\xb5b\xe7\\\x8d\x8d\xe5_\x1fi\xf0\x94\xea\xa9\xdc\xbf\x07TL\x007\x05e\x9d\x96\xceH\x1b\x13M,\x00XA\xbf\x99\x9a\x889\x9b\x89\xba\xebbu\x1d^\x7f5_\xe6-&lt;\x9c\x98\xbb\x97\x16?m\x8fu98\xc3\xbd\xde\'\x81\x02\x08rM\xd2\xbd\x88\x12\xd0,E!\xd1\x053\xd7D\xa3u0\x9b\xa8\xa8q\x8a\xd1\x9d8\xa8\xb0\x05Z \xa5.\x90\xfb\xdbC\xc8\xbe\xcfv\x0f\x83d\x05\xe8\xdd\xca\x13\xb8m\xc5hH@\x03-\x0c\nat\'\xf9\xe6|N\xc8\x06V:h\xed\xb5\x90xC]\xfa\xf7?\x04\xa3\x1f\x8a\xee\xb0\xbe{\xaeryJ&lt;]\x9f\xcd\xca0\x15[\xdb\xb5i&gt;\xd2\xc9\xf9zadxY\x98\x88N&gt;\xd4g\xdb\xb4KC\xa1\xa4\xf3\xecMS\xb7r\xf7\x9bE\x9e\xf2\xbd_\xb2\xa6y\xd4\xc9\x05\x9a$\x84\x1aB/C\xc7\xae\xa2"\x94\xde\x90\xca+ym&lt;H\xb0\xbav\x89\xc1\xda\xe9\xb1m\xb76@\x01!(\xf7\xa07\xdb\x9a\xbe\xdd\x9bodc\xd5\x8f\x81\x08l\x90\xed\xd4\x8d\xbc\x9d\xe3W\x9cX\x9e\xfcXd\xb6,\x00\x01\x13\x1d#\xeb\xb7\x0e\xa6\xfb\xc5\x1b\xc7`\xa2x\xb2\x88MH\xd7D\xfb1Y\x9b?\x19\xd9\xeb\xa1\xf4\x95V\x8d\xa2\xdb\xfd\xc8\xe9\x88~\xf3\x04P?\x19\x91\xa8\xd9\xa3\xdeT\xd7\xc5\xeeG\xe2\xda#\xb0\xd1\x82{y\xbf~\x9d\x0f\x9f?\xf1=\x89\rj6k0\xe0\x84+\xa5\xa2\x19\xda\xd1\xbd5\x94\x92\x02"\xec\x80\xe4\xb7h\xdb\xca\x9f\x06^\x072W\xae\x10{z|\x1b\x1c\xdaO\xc0C\xa8\xecm/\xd0\xb0,\x82_\xf9\xba\xa2V\xfc\r/\xd4OI\xbbC-\x85!+\xdf\xe3e/\xc6\x01\xcc\x16L\x98*"\xf4\x88`\x8d\x1b\x92\xa7S\x85a\xf5\xe1z\xdc3]S|\xcbT\x8a\xf2\x8a\x86\xadx\xcd\xebn\xc7\x02\xe8\x80\x9a\x9c\xd0&amp;\xb6z\xce\xde\xd8\x17\xdf\xc1r\xb8Z\xa9\xc7\xff\x1d\x94A\xb3\xf4\x0e\xd1\x04c(\xf7\xa6\xd1\x9f2\xbf*\xab!\xe3\xcd\xe1\xb7\x14g\xde\x9bj\x15\xf1wsV\xc4uBWS\x90Q\\\xee\xdc\x824\x8e\xca\xe2T\x0e\x86\x1b&gt;\x8a\xd9h\x1an!\xe0u\xbe\xc3\xc24(\xcfS\x92\xbb\x89L\xc6\x9e\tL\x11\n\xc6\xce\x13\no)\xa8\x18v\x07g\x80U\xdf\xc6\xa1\xc7?B\x8b\xac\x86\xd6\x83\x81n\x86\xa4,/z\x97\xf7\x89\xb0zX\xd9\xd9\x18\\\xbbK*n\xd3\x1f'</t>
  </si>
  <si>
    <t>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</t>
  </si>
  <si>
    <t>b'\xf8\xcds\xb4\xc9(\xf5\xa6-0\xb6BXq\xb4i'</t>
  </si>
  <si>
    <t>As his business matured, so did his process of adding new
 products. Instead of guessing what his consumers wanted and then
 measuring sales, he proactively aligned his product selection with his
 brand values. He looked closely at his product portfolio and tweaked
 it, cleaning up the product ingredient list, making everything really
 natural, and refreshing the branding.
 â€œThese days, anything you build has to have a strong brand
 component,â€ he said. â€œI donâ€™t think that was necessarily true when I
 started back in 2013. These days, you have to go beyond just a
 product-based business. You have to focus on your why.â€
 With the success of his brand and the support of his team, AJ was
 able to start four more businesses in as many years. One was TriNova,
 a brand selling home, auto, and boat products, which he sold at the
 end of 2016 for a very impressive dollar amount.
 But even before he sold TriNova, he launched a pet supplements
 brand, and then added health and wellness supplements to his
 portfolio. These brands were successful enough to get interest from a
 private equity firm. He divested a portion to private equity while
 keeping a good chunk of ownership and staying on the board of
 directors, so he can help however possible.
 Most recently, he launched a brand called Smooth Viking, which
 sells menâ€™s beard and hair care products. He also started his own
 private equity company to invest in other businesses. All this started
 by selling his first product on Amazon.
 â€œPeople are always afraid of failing, but failures can provide really
 valuable insights and lessons, which give you more confidence,â€ AJ
 said. â€œMost people donâ€™t take action because theyâ€™re afraid of losing
 money or of what someone might say about them. But when you take
 action, youâ€™ll at least learn something, even if you donâ€™t make
 money.â€
 Every year, AJ learns more than he did the year before. More than
 anything, heâ€™s learned that success really comes down to people.
 People help you scale businesses, and thatâ€™s what allowed him to run
 five different brands at the same time, and to ensure those brands align
 with his reason for being.
 I
 6
 Step Four: Stack the Deck
 was twenty-one when I started following famous entrepreneur Gary
 Vaynerchuk. I had just graduated from college, and I was in that selfdiscovery period, trying really hard to find direction. My lifelong dream was</t>
  </si>
  <si>
    <t>b'\xac\xd9\xa9;\x8a:4\xe2\xb5\xac\xc2\x06Q\xd3O\xea|\x1d\'\xb4$\x9c\x06\x15@\xfak~\xf5{\x8c\xf7\xadn\xb4\xfeo\x14\xc3\xa4\x91_\x97 \xd8\\7f\xf7\x02\xcb\xc2)4\rA\xfa\x93XZ\x97@p\x9c\x16\x9e\xea&lt;\xd1\x8f\x88mg\x7fu!t\x9cH_y\'\xeb\xd5-x\x16{0;\xb0\xf9\xe51\x0b\xd6\xd5\x8d\xb5\r\x90Kz\xf0D\x9c\x12\xd5e\xf1\xa7\xbe\xd2\xc1*\xe2[\xd1Z\xfb\xf6\xc4\xb3\xd7v\xf862\xe8\xb8Fb\x17\xb3\xb5\x84\x003K\xe2}\x85\xe1\x1a\x8c\xdf\x90X\xeb\x9a\xa7\x99\xddF\xfd\xa9\xa5\x8e\x9b\x96\x03\x8b?i\xf95\xd0\xf1\xa4\xc8k\xdc\xb4Q\x1f\xdc\xbfv\x19\xa3\x0e\x8a\xa6j\xac\x80\xd2p\xc5Z@\xd3\x9a\x94~F\x9d\x8d\xdd\x15?8\xff\xc5\xd5\xa0B\xc8o\xe2\xff\xa3\xed\xc9\xcb\x06\x13\x05\xa2\x05\x10\xea\x93\xbe%\x92\x8b#Lw\x18[\\\xa2\xf5\x8d\xbf\xe39\xa3\xdb\x82\x0e\xdd\xb9w\xdd\xc9ti\xee|\x1b\xd5\xccJ\x1bk\xc5\xd1\x19\xd5\xf3\xc8\x1cR\xe3\x19&gt;\x12\xc8\xc1\x8d\x05\xef\xab\n0\x0f\xc4\xbb\xd0h,\xd5s7\xc0\\e~\xad\xab\xc7\x99Q\xf3=\x19%\x9e\\dq\xc8\x10`\xe0\x1a\xbb\xbb\xa3\x1f\xaa\x8a!_\xe0L\x93\x91\tX\xf9\xde\xbbS%\r\xcaN\xa4\xaa\xf7q\xebE\x9f\xc4GXj\x98\xb3\n\x95%&lt;\xeeQ\xe73_\xb1N\xd6\xefm\x94[[\x0f\x9e\xbf\r\xc3\xebX\x19\xa7~gi\'\x93[ki\xa1\xb6m\x1e\x0f\xbe\xc26\xc6\xdd\xe5\x0be\x0e\x85\xc2\xbeO+x\xcd\x99\x9d\xab\x02\xb0\xe8\xa4=(,\x1d\'[nH\x92r9\x14\xaf\x03,R\xe98\x06H\xc7\x7f\xe4\x8e4\xfc\x01\xc6\xa1\x08t\x8f\xb2]#A\x7fdT7UU:\xffx\x9f\x0e\x15\xd2\x96\x98\xeb"\xf5\xc8F :\x12\x9ch]\xb61LZ5\x95\xdd\xef\xc5\x10QW\x1c\xb3\xe45m\x85P\xd5\xdb/\xc0ho8C@\xc4\x8e00*\xb2m]\x1e\x13\xb3\xb33\x029{\x16\xd0N\xc2|\x1d\xefi\xea\x03\xd8\xde\xfd7q\xbd}0\x86\xe7\xfc\x92\xb2\xa4\xab\x8a\x10v\x90(\xcd\xbe)R\x98\xd5D\x1d\x8c\x15\xf3\xf5\xa9z\xd6\xd1\xebA\xc9_|\xf6\xc9-7x\\u\x19\xda\r\x17\x9b\xdd~O\xbfD.h\xe4\xe0Z\xa3 \xa9\\\x9c\x81\xfb\x01\xc0\xcf&gt;\x980\xdc"|\xadd*\x8d\xe4\xc1\xd56\xe3\x1ab\x8f\xcb{\'\x02\xdd~\xc7c\x801L\x9f\xe6\xb1\x04\xef\x1aP\xe1c\xe6\xf6\x13\xe1\x17\x9eX4\xc3\xb8\x96\xce\x8ar\x189\xbaT\xf5W\x13VP\xb9f\xf65G%\x8c\xd6\xc2\xd9\xa4n`\xced\x83|.7\xf7k\x85\xcb\xe6\xdd\x95\x0e\x13\xcd\xd6\x80\xba,\t\xab\xb3\xe3\x86\xe9\xfb@\xa87)\xa6m\xf6\xa4\xe3_-\xf8\xaf\x84C\xa0wSXi?\xc1\x7f\x93W(\xa1F[\xb9\xe4\xc40\x80\x0c\xdf\x90\xadlV:\xc1\x97\x9e"\x13\xac\xa7\x7fq\xc5\x8c\x89\x0caC\xd3\rc\x95\x9f\xb2\x94\xfbC{6zu\xf6r\xb5?\xc1e\xce\xe6\xd4J\xb6l:\xdf\xc09\x86\x8d\xd1\'\x8d\x07\xad\xd0\xc8\xd0:\xcd\xb7\xfd u\x81\x17\xfe\xa9+N\xb8z\xd5\x13\x9e\n\xddg\x86\xfa&lt;&lt;\x11^{o\xc1\xcd\x1e\x83\x80\xe2H\xa1\x98\xbd\x92N\xb5\x8dk\xa6\xd4n\xf7\xaf\xe2\xbe\xa1e\x80\xb1\xe4\xb7\t\x88:\x88)B8\xc7\xcdW\x8d\xd0\t\x1c\x11\xd0y\x86\x97\xca\xd9\x08\xd3\xea+\xc2\x16?\x88\xbc\x9c\xbfuE\xe9\xa3\xcb/\xb7-\xf2\xfcv\xef\xb1\xd7\x81]h\xfa\xeaO\xdf\xc1\xdf\xc4z\xe2\x99\x98@\x9c\xac\x8c\x12\xbb\x9e\x1a\x13\'\xda}\xc9\xdft\xaf\x9d\xee\x9c\x1c\x10\x8c\x86\xc9\xc7N\xf1D-\xba\xc3\xef\xfe\xbbP\xe2\x86\'?U\x8b\x9bd\xa0\xa7\xc4%;B\xb4\xf2Z\xc6\xb5_E\x7f\xde\x1fM\x92v\xba\x82d\x91\xd9+\xfe\xb5\xf8oP\xda.4\x9a\xe0\x84H\x80\x89\x15\xef\xc0\xb5X\xb5i7 G\xfc\xed\x13\xfa\xed\x16\xae*U\x92\xce2:E\xf9\xc5\xc8\x03Q(n\xd9\xdf\xd8{~|y\xdbE\x07\x81\xd7\xb3\xe0\xf0\xdddE\x03\xf8\x0fF\x0e\xaax&gt;\xdc\x80_!:`\x9a\xcaj\x040\x00\x93\xb3\xdf\xff\xac\x9f\xaf5\xf3C\x166]\xba\xbd\xc8\xc2\x07T\x8b\n\xc5D%?81\xbb\xa5\xe8\x12\x0b*\xfe\xa3M\xf1}\x84cA91$\xa0\xab@\xc7x\xd0\xe3D\x82\xac\x0bA\xc2\xff\xfbj\x92\x0e~\x8aZ\xb3\xff/\x15ko\xd5o-\x7ffM\xccc\x8d\x88\xcc\xbf\xae\x91\xe0\xda\x8f\x8f\xee\xfb;\xb6\x7f_\x8a/\xd3\xc2\xc7\xc4:\x12`\x15\x81$\x846\xd6s\x8f\xd8\x9b\xe6!\x9cU)6\x19\x8c\x93$&gt;m\xe8\xbc\x1f\xb8\xa0$\xd4&gt;\xe3\xdd\xde\xa48p9\xae)\xb3\xdd\x12a4\xb2\xb2\xb6V\x1b\x02*\x85\xca&gt;\x06\xe8e\x86\x87\xec\x0b\x9c|s$\xb7&gt;\xb7\xdc\xcdbZ&lt;,\xae\x8d\x90\xd6]\x919\x8c\x12j,\x10\xfaT_\x80]nPJ\xb0\xe5\xc49\xda\xf8\xc3,]]k\xdd\xc3\xf5&gt;v8/O\xcd\x93N4\xcd:\x92\xc0\x9d|2\xe4\xa5cY\xe7P@\x95\x93#\xe5\xa3\xabc\xec#\x14\xcdhH\x97\x16S\x04\xbb{\xec\x01uu\xc8+\x1au#T\xd8\xc0`K\xe2\xa33\xcbv\x9f\x9c\x03$`\xf6\xa3 +\xc3l\t5\x91j=\xaa\xb8*\xdb\xe8\xf7\x84\xe1\x11\xf9+\x96\x8b\x83\xb7\x9c\xc9\xb8\xd7\xe9\xefU\xff\xbe\xb8d\x18\xae\x8b\x13.\xf7\xdb\xcds\xbe\xeee\xab\xf43\xbb_x\xa9\xd7\xe1\x05\x8e]\xdc\x92?Y\x18\x1eL\xfd\x17\x1aoEU\xac\xf6\x93\x08\x8f&gt;\xb2IP\xcc\xc2y\x1a\xc9\x98\x19\xae 8\xfd\xb1\xc9A\x912\nb@\xa7\xf5\xe0\xd8\xfa\xea&lt;\x98\r\x18LO2g\xbf\x96\x85\xcd\xb9\xad"\x1d\xd9\xef\xaa\xa0F\xf2(\x9f\x9du\xce\x9b\xf9E\xa3\xf9\x96S\xfeY\xac\xd3\xa6\x19\x8e\xfa\xce\x8ctd#\xcd\xbc k\x07T\\OL\x0bcH\xc7\xa3FX\x16=\x04W\xc4h\xac\x07\x06\xd4&gt;+\xea\x0f\xcb\xb7\x10\x16\x80\xc7\x15TX\xef\xc3\xf1\x1e\xf1\xc7\x83L\xc4\xaa,\xb0\xbe\xc3\xa1\xfd\xf3\xe4\xe0\xec\xfbL\x10Qz\xdfD\x83*l\x08\xb4\xb0\xe8\xccF{R\xa4="\xd1\xa8^h\xdb\x97\x92\xd1\x9ad\xda\xca\x90\xda^\x1f\xee\xb7\xd1gt\xb1|[s\xc2\xf1\xb6\x0b\xbbH\xa2t\xafe\x85\x8e\xaa\x07,\x9dB\xff8\xbb\t\xea\xb6\xea*\x05\n^\xbf\x17\xa58\xc7\xed\xc9\x10!\xbb\xc3\xb9Eyy\xb1\xef\r\xca\x9d\xf0"`~\x98\x83)\xc3\x84wo\xbc\xb7\xb8d\x19\x91\rT\x1c]\xe3\xa2`\xb4\x82,\xdf\xb5D\xe7\x9e\xf4\xa1\xd9\xfcVl\xa9=\x08uw\xc2\xc4;\xdb.\x16Z\xe2u\xc48C\xf3&lt;\xea[\xfe\xe3\xa1\xf1\x10U\x15M\x10\xef\xc5\x8c\xfe\xc2\xc4\x04\xfa\x8c&amp;=!ftK\xb5G\xad\xa4\xa1$\x1bbj_\x87\x10^\x9b\x88\xde\xd1\x1a,e\x1f\xee\x08\xe7|czF\xaaq\xc0\xa5U\x0f\x0c!\xd0\x98\xcf4?\x9c\xf7\x03\xce\xf3\xf4-\xa9&lt;\xae3\xa3\xa0r\xd9\xcdl\xe7_o\x96\x13\x15[&amp;\xbd\xbcXi5h\x8c\xd9\xfb\x8b\x94\x7f*\xc46\x03*7\xe9\xa8\xb8\xee\xee\xfd\xb6SW\x86\xd5\x99\x11\x86\x03\xc8\x9d\xcd\x8c:PP\x9d\x7f\nI\xf3\x1b\xba\x8dzCjh\xbd\xe2\xbcB\xc4y\x855\xdd\xd8\x0c\xe7-\xef\x1a\x11\xa2\xb6\xf7\x0bb2IB\xcd\x8a\xb4\xc4\xfcn\xa9\x13\x19m\xe6\xc4_&lt;\xe8v\x13\xa3\x91\xb0P&amp;hj\xdf\xa4\xc7\xf9B\x0c\x94\\\xf1\xc7\xbd\x88\xdf_\x12&amp;\x03bJ@tH\x0e\xca\x9fRtJo]\xed\x0bi\xbaz7zj\x8bi:\x11rj\x8b\xff&lt;\xfd.\xd0F\x89\x17@V\x17\x89b\xf1\xa2\xddz\x00lN\x04TIh\xfc\xb68\xcf8_\x80\x00k\x99\x17\xf4f\xa0\x06N\xd5Y\x95\xe1\xa8p2\xed\xf3\x00p\x8e\xe8\xf2\xfa\xecG\xf1\x81\xb4\x9c,\x88\xdb6\xa3r\x87\x9f\xc7\x829\x8f&amp;\xa2?\xd6\xdb\xec\x0cq\x9fy\xa2e\x04\xbc5\xb6\xbf\xfdB\xf3e@\x1f\xb3\x98\xe7+\xe3\xf8n\xf1]Zo\xd09z0\xe7U\xff?\x97q\xb2\x04\x9d\x03\x1e\x0bh\xc6\x92\x0eo\x9aj\xe3\xd4\x8a\x99\xce\x15\x16\xdewc#\xca\xc60\xe6\x13\xd3\x10\x87\x12\x91\xb2\x02\x1cr7z\xc8\x04R4\xc3+\x02\xf7\xdf\xee\xc9\xcc\xe2\xdf"f\xa7\x83\x80\x06\xca\xcf\xad!\xe4\x82\xc9\x873\x84L\xeaOf\x15\x1c\x80\xde"\xd9\xa7\xd4\xbbG\xdaf\x149\x952\xe8\xe6{\xa4\xbcz\xf0[b%\x8e\xfc\xd9(\xda\x0b\x14\xa5HP\x8e#\x83*\xc3\\\xe0\x8a\x13c7\'\x9d\xfe\xa3q\x82\x94\x9a_aL\x02\x9fq\xce\xa6i\xba2\xa2\xda/\xb4\xae\xdb\xf6\xd1$\xd5\x80\x10\xca,\xdb\x17\xd3\x1c\x92u\x14\xec\x9b\x00\x8fc:\xd5[V\xee@tz,0\xf3!Z\xec\x02\xe5\xa2RI\xcb\xa2\n\xc7\xb5\xa1\x9f~\xb9\x8f\xc9\x99\xe6{\x11\x01\xa4\x98\xd6\xa8\x8e^oh\x12\xdctw4\xfd\xf0\xcc\xbb\xf2"\xb4\xb8Y\xad\\\nw\xd9\xdc8\x8c\x94f\xfa\x86\x02"u\xbe\x0e\xac\xa9z\xe0\xe6\xedwN \xc2f\xa1~\xbd\xfa\xcf\xbe\xce&gt;\xca\x899o\xbf \x8d\x1c\xf2\xb81\x0c\xea\xf9\xd7%\x9bpP4\xf0 \x9c#\xfc\x13\xf1\x9d\x97\xda \xe9\xee\x90`\xf0r\xc1Y\xd3\xce\xc6\x9b\x82\x80\xb1!\xff\xb8KC\x11z\x8b\xae\x15\x9d\x05J\xb0t\x0b\x1c\xdb+P}\x92\t=\xf3\x9e\xd4\xe2T\xe4S\x11\x84\x08}\x06'</t>
  </si>
  <si>
    <t>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</t>
  </si>
  <si>
    <t>b'\xac\xd9\xa9;\x8a:4\xe2\xb5\xac\xc2\x06Q\xd3O\xea'</t>
  </si>
  <si>
    <t>hey both
felt their pulses beat faster.
"It's mother!" Dickon said again when they met halfway. "I knowed tha'
wanted to see her an' I told her where th' door was hid."
Colin held out his hand with a sort of flushed royal shyness but his eyes
quite devoured her face.
"Even when I was ill I wanted to see you," he said, "you and Dickon and
the secret garden. I'd never wanted to see any one or anything before."
The sight of his uplifted face brought about a sudden change in her own.
She flushed and the corners of her mouth shook and a mist seemed to sweep
over her eyes.
"Eh! dear lad!" she broke out tremulously. "Eh! dear lad!" as if she had not
known she were going to say it. She did not say, "Mester Colin," but just "dear
lad" quite suddenly. She might have said it to Dickon in the same way if she
had seen something in his face which touched her. Colin liked it.
"Are you surprised because I am so well?" he asked. She put her hand on
his shoulder and smiled the mist out of her eyes. "Aye, that I am!" she said;
"but tha'rt so like thy mother tha' made my heart jump."
"Do you think," said Colin a little awkwardly, "that will make my father
like me?"
"Aye, for sure, dear lad," she answered and she gave his shoulder a soft
quick pat. "He mun come homeâ€”he mun come home."
"Susan Sowerby," said Ben Weatherstaff, getting close to her. "Look at th'
lad's legs, wilt tha'? They was like drumsticks i' stockin' two month' agoâ€”an' I
heard folk tell as they was bandy an' knock-kneed both at th' same time. Look
at 'em now!"
Susan Sowerby laughed a comfortable laugh.
"They're goin' to be fine strong lad's legs in a bit," she said. "Let him go on
playin' an' workin' in the garden an' eatin' hearty an' drinkin' plenty o' good
sweet milk an' there'll not be a finer pair i' Yorkshire, thank God for it."
She put both hands on Mistress Mary's shoulders and looked her little face
over in a motherly fashion.
"An' thee, too!" she said. "Tha'rt grown near as hearty as our 'Lisabeth
Ellen. I'll warrant tha'rt like thy mother too. Our Martha told me as Mrs.
Medlock heard she was a pretty woman. Tha'lt be like a blush rose when tha'
grows up, my little lass, bless thee."
She did not mention that when Martha came home on her "day out" and
described the plain sallow child she had said that she had no confidence
whatever in what Mrs. Medlock had heard. "It doesn't stand to reason that a
pretty woman could be th' mother o' such a fou' little lass," she had added
obstinately.
Mary had not had time to pay much attention to her changing face. She had
only known that she looked "different" and seemed to have a great deal more
hair and that</t>
  </si>
  <si>
    <t>b'\x91\xb6\xd32u\x08\x95\xc0\xd7\x03\xa4\x9e)\x9c\xa6\x13$\xab\xa1\xa4\x8b\x84\xc9\xf8\xe5\x95}\xa1\x00\xf4q+\x916C\x9c\x17Y\x14)\x9e\xd8X\xb7\x9cVv\x8eo\xab|,\x86T\xc4J\x14\x90\x1b\xc7\xd4~\xb4\x06I\x0ca\x05\xccR\xc9\x1c\x9a\xed\xc8\xa3#Z\x1c\xc5@\x14lpD\xc5\xf1\xd4\x7f\xee/NK&gt;?x\xfc\xad\xe3R\xa8\xe5b=\x1eO\xe9\xed\xd2\xb4\xd3\xd1\xfc\xb8\x05\x9dS\x15\x1b\xfc(\xeeh\x13k\x95\xa7\x84Y\xc6\xe3z\xe3\xf9\xa6\xab\x83\xce\xf1\x90\x9a&gt;\xe9N\xa8\x17^\x7f\xf5\xea\xf1\xa8*\xcaX\xc8``5Z&lt;\x1b\xbcH\x96/\xcd\x12\xdd\xea_\xc7\xad\xba\x0b\xa5\xcdE\x15\xc3\x91\x10\n\xad\xbf\xb4\xac\x9e\xb8P\xe6\x98\xf3\xd7\x16}\x04\xca\x00\x9a\xf1n\xb7\x04\xeb\xb4\xf6{\x95\x10\xfe\x1c\xa2\xfa\x85\xab\xfc\xb7^d\xc3\x82\x81\xca\x8f\xbe?\xacpc\xf5\x00w\x99l~\xf8\xd3j\xd8Y\xed\xb6F\xb4\xeap\x0b\x9a+\x86\xa8\xact{\x86\xb1\xa2\xda\xc0\xa7\xc76\x17;\xca\xdc\x90\xa1\xaak\x04a\xd3Le\xe9\xe6-\xda\x7fz\xe7\x98\xf5\xde\x9b\n\xe2\x05=3\xdc\xf7\x0bE\x16g\xdd\xa3j\xb7B\x05-\x92\x82\xa3l\x16?\xee\xbc%\x06\xf5\xe3\xbf\xc8\x81\x11Rq\xc6p{\xa1GB\x8a?]|}7\x81 hJS\xeb7\x9c\xd2\xb1Cz\xd2\xed\xc9\xbd\x8e?\x10\xea\xe4\x169\xd3Q\x85\xc2\xf2\x84B\x85Cj\x87\xd5\xeb\xf9\x1c~\xf1-\xc4a\x04\x16\x12\xc2\xcc\xe5\xce\x8d\xc6\xd4\xe0^\xb8\x97r\x97\xe1\x1f\xb8#\xa4\x93v\x0c=\x18G\x94\x18dtJ\xc1(\xa3\x9eE\xe9\r\x80\xf7t\x0c\x18\x1c\xa1\x9e\xfb_i&lt;4\x9c\x97%\xda\xa6)\x03sr\xe6\xfb\x05\x99\xe4\x94\xd3\xdf&lt;\xb1\xb3E\xd8\xd9\xb1\xf5\x1b\xb3"\x9a\xbe\xd6!\x7f\xb5$,\xbb\x1e\x9c\xf4\xae\xe5\x83\'\x0e\xfa\xb6\xde\x152\n\xd9\xfd\xcdw%\x19\x00\x1a\x83\x84\x1b\xe4!K)\xd5iL\xff\xf6\xe3mQ\x03C\x1f\xbc\xf6\x9dZT\xd8\xa0s\x13\xdet \xcf\xb7\xd5\xea\xa3s&lt;\xe1R\x95\xdfz\x9b\x8eh/\'\x9f\xc3\xc3OV\x08\xc7r\xf5\xbd\xee\xce\xa5\xce\x00\xe9.\x99\x0e\xabB\xb8Z\xf9\n\x1e\xf0\xcf\x106ex\xcf|\xe6\x00\xfb\x06\xc8\x9fnA\xcb\x14\xf1O\n/\xa3\x9b\x87\xba\x00\x0c\xa7\x08\x95\x13ME\xe1\xa3\x1f\xf6\x98\xca\xa5s\x9f\x8d\xff\t\xa4\x90q\x8b\xd7\xe2y\xd5bjM\xd8\xa8\x01\x0e\xd0\xd4\xda\x00\xbc\xe2%\xfb\x03\x1eV\xd0\x89/|B]\xec\xb4\x81\xdb\x98\xec\xb9\x84\xe1_+\xcd\x1dM\x88\xb0i[A@\x1dL\xf7o\x0eR*^(\x82\x00i32\xd8\x990\x07k\xb1\xc4\xa0\x94\x9f&gt;\xa1r~\x13\xa3\x84H\xf0@a&amp;\xe6\xcf\xba\x8f\xda\x9c\xec\x19g\xb5d\x17\xb3D\xa01z\x9c&amp;p\xe8!"\xb1\x83j&amp;\xba\x85\x06G\x13d@\'\xa1+8&gt;!\x7fM\xdd\x0f\xfa%\xb4-\xa5Nx\xf4\xf3.\x91\xd4\xe1\xf5\x0e\x166c\x18\x01\xcb\xbc\x1f\xbep\xd1e\xa3\x86\xa8\x9d2~|\x19\xff\x95&gt;\xb9#\xe7\x17\xc1\x8f87\xcfo\x13*L4L,\xe9u,\xb2@\x97%M\xc7\xdb\xbc\x88l\x81`\x12\xa7\x01\xca\xacq\xdb\xfa\xf2"\xf6\xb7\xd7B\xeb\x7f0N\x81\x0b\x13\xe0\xe4\xa5-&gt;\x8e\xd5\xa4\xaaN\x9e\x9b4C\x96t2\xf1\xd2\x1e\xfc\xe2\xa6\xe15Q\x98^\xc2\x8au\xcd^0\xb4\xd65\xf6\xa8[0=\xfe;1X\xda\x0c+\xd5\xb6f\x17E\xfc\x8d\\\xe1~\xe3\xa0\x19\\\x04H\x1cP\x82\x96n\xc9i\xbc~\x1dV\x90\x1eF\x8c\x1e^\xdc\x7fh\xa0q\x88+\xa2\xb36\x9c]\x80\xb2\xb7\nh\xaf\x89&amp;u$\xef!\x97S\x91\xa5\xbf\x1e\x0e\x1f&amp;\'a\x89\x03d~-lR\x9b\xef3\xa4\xe3\xba{!;\x88\xbd\xc0\xb1\x0e\xa8b\xcd\x8aaLk\x82\xb0\xa6\xa6\xa0\xb8\x98\x89\xa6\x01\xee\x84\xab\x00\x97\x0cfD@\x98\xeb\xab\xed\x0c\x86\xaa\xdfn\xd7gQ&lt;/P^b\x99\x1c\xeap\x12\xe4g!\x16\x9dZ\xf6\xab\x9dh\xc4\x98P&gt;\xad_d\xddg\xa4\x01s\x16m\xf0\xfa\xc5\xc50\xcf\xef\x8e&gt;\xbf\xbf\x8d\xf1\xca-\x9eb\x94\x98\xa0n\xe2\xf0\x948B#\x9d&gt;,\x10\xce"7\x9f\x05\x82\xf4\xf1\xa5\x9f\x9c\x1bk6\xe7\xf3\xcc\xd3\xa0)\xf7\xad\x939vG\x1c\x16\xe8\xd0\x04\xfd\n\xae\x96W\x0ci\x86\xa40\xb2\x85\x83\xb8\x90D\x88\x85\xe5\xbc:\x95 \xb4-7\xa3kW\x1a\xb9\xfd\x15\x1e;)\x87\x1d\x1c=\x92\xc3m\xb2\x13b\x07J\xf4\xa4\\\x91L\x9f\xf7\x0b\xb9K\x84Mk\x03\x81|\xe9\xe2![\xe8g\xe70!,\xb5j}\xce\xbeB9\xf0\x19\xd1&lt;7\xc4\xc2L46\xc3\xda\x14[\xb2\x91\xbb\x0b\x18&gt;\xc0\x87\n\x99P\xeb1\x91\xa1\x92\xf1\x8c\xbf\xdd\xa6N\xf4"\x90\x06\xc9\xe4\x90\x9aF\xf9PQ#\x9c\x7f\xba\xdf\x87\xa0\x9b\x87\xc1\xe7\x1e\x14\x02\xe0r\xef\x17x\xfb\x94\x93\xe3\x80.\xf23\xad`\x0f\xd5N\'=b\x96\xfbJ[&gt;#\xf3U\x885\x0b`,\x95\xc29\xe4r\x9e\xc7\xc4e\xdb\xd34\xa2\x02\x08-:\xe5\xb4w:\xcd\x7fY1\x07\x05\xba\xa0,8\xf4F\x08.\x9ee\xb1\x9a\x93D\x94d!\xda\xb8\x06\x0f\xf8\x89\x04\xa9\xc8"m\x98L\x13\xbe\x9d\x82\xd7\x0eF\xa8Z\xbc\xa4}\x14\xcf\x95\x1c\x162\xa0\x97k\x89\xc7-8\xe7\xcc\xebt\xeaM (\xef\x844\xc3\xe2H\xa6\x18\x99P\xeaG\xce\x89\x04\xc9Y,\xaby\xd1\x99\x9a\xf4u~_\xdb\xb8\xd9\xc5\x1bQ\x8d9)\xeb\xa3\xa44\x06\x96\x8b\n\x05\xa8m&amp;\xe5\xa1\x96f\x96\xc3s\x17\x13\x17m\x1b.\xe8E\xa0\xffz\xb3\xcd\xeb\x01\xbb\x007\x80\xe7*\x93\x07\xb6J+\xe6\xd9\\\xc9JoT+\xa6\x9f\xac\xeeI\xff\x9c~\xf9\xa7$Z\xb1\x90\xad\xa44\xceF\x88\x9b\xe3n\xa3\xffZ\xc2(\xcb\xf3\x1e!} \xe6\x93\xc9G,\x12F*\xcd{n\tf\xd4!\xf4m!@*\xd4\xdc\x06\tS\x98\x88\x86\xbeZ\xb1\xd7\xe7\xee\xa5\xd4\xb6GH\xa2S3\xc0\xcc\xdb\xd34\xa2\x02\x08-:\xbd\xba\tN\x1d\x13\x03\xde\x12\x17\xd5\xa57\x82\xdb\xe7\xda\x9b\xd7\xf4pK\x85\xd6\x9a\xcfP\x89\x8e\x95\xd4\xa2\x9br\xdc&lt;C\xf1P5&lt;\x16\xbf^\x9a\xcd\x91\xfa\x83\xce\xeb\xa34x\x9f\xa8\xb0\xf9-\xd0\xcc\xf1sSM\xdb\x00{\x90\xf1+,\xe8\xba\x11/A^\x04R\x92\xa4\x1e\xc4\xfbki\x8f\xfc\xd9\xa9\x94\xa2\xb2\x9d\xb9\x95\xcc\xbc\xff\x9bb\xffa\x83\xb8\xb60\xaa\x11]\x1e\x0e]V\xd9\x11\x18\x8e\x01\t\x06\x85\x07\x0f!\xf0)\xb8.!\xb7J*B5\xdb\xba\x9a\xa7/\x11#\xc3d\xb1\xe5\xf3\x97^\xc8\x9b\xceY\x8b?\xbb\x1f\xc9\xe7_\xa2\x15\x96\x1f\xc3y\xbb\xe5mE=9\x16\xee\xd7\x971a\xfe\x92pa\x8e8\xc9H3\xfe@\x13\xb5?=\xdcM\xe9\xfb(;\xa6\x8f\x8cA\xf4\xee\x02UH7gm\x94U\xb0\xdaw\xb7_\xbf\xba\xc0?r\xf8 \xf0\xce\xda\xce2I\xe6"\xed\xb0\xa0U\xa0\x9d\xe5\xd15\x01\xa4\x8e\xd5r\xa2\xfa\xcd\xebW\xc8\x94\xe5\x97uf\xe2\xed\xa0\x82\xfc\x05\t\x84\xff\x9cq\x86\xbey&amp;\xb0\xdep\x89oP2z\xd8\xe3j\xfc%\x83(\x0edZ\xe4:=J$l\xc3bG\x81\t\xfc\x1b\x1d\xa8Z\x83U\x8c\xed\x84\xa3\xca\x19\xa2\xe5\xaa7; \x06\xcd\x9dK\xe2]@Q\xa7\xe9d\xec\xc1sK\x96]\x99$G\xe9\x9f\xe4N\x13\x8ctr-\x11\xdc\xe3\xbfG\xf8\xa9\x1ecl\xedjF\x07\x9b\xa0\xbds\x86\x82\xae\xb5}\x10\xb1\x06aJ\xf5\rb\x1f\x11!\x1e\xf6\xb7\xee\xa3_\xf1"E\\\r\x83\x9euA\x17\xed\xb9\xc0\x95Y\xb7\x8a=I#\x0c\x8dg^\xe0\xa7\xbeH\xcf\x18\x92q\xb2_\xa2\x15\x96\x1f\xc3y\xbb\x83bZ\x1b\xa5\xc3U\x00\x14Oe\x0f\xdf\x1e\xce\xd9oW\xc8\xff"d\xefN\xd1\xa0*\x1a\x96x\xeb\x13\x14\xa8\xb2XR\xe4\xef\xfd\x08hA0\x0fgq\x17\x13\xe1+\xbc\x1a6\x9a\xdcj\xa7U\xb7\xbc\x9d\x90X`\xc8\x19\xb5\xaf\xbcc\x9e\xe5H\xddA\x8b\xcf\x83J-g\nn\x82\xb0\xce\xa2\xf2}\xfb\x98\xffL\x7f,\xf5\x99P\x11\x1f\r\xeb\xce7\xa5zA\x85l7\xa2\xefB\xfd:f\xba\x0b\xfd\xbb\xed\x87\xaaM]\xf8\xd4\xfc\x8d\xd5\x1b\xd5\xd2\x9b/P\x16"\x9d\n\xba\xb0|\x9d\xf0Gp\xbd\xba7\xd3\xb0\xc9\xfd\x1f\xc4\xf6\xff\xa9b\x00\xbeUD\xcdB\xe3y\xd9\xbb\xa2\x82a\rbE\xf5#\xa5\x12\xad"\x96\xc7\xf3o\xd4l\xd4\xbc\xd0\xf2n\xf4\x86S\x91\xd3\xb5O\xf7\xf8\xc4;~{\x1a\x88\x0f:I\x1f_\xcf\xbc\xca\xdd\xdc~\rqv;G\xc3\x955E-\xd297\xb9\x94\xc8\x9a\xf0\x9d\x97M\xe0\xd8\xab\x1c\xe3\x19\x1bl\xd4_2\xcf@`\xc9\xa8\xf7\x14\x8a1E8z\x82\xed\x01\x9d\x83\xa8S.Z\x85\xd1y5\x0cU:v:3\x0e\'\x0f\xbd\x8bX\xa52]\xb7\xee&lt;f\xf8\xc2\x13\x06\xaa\x14.\xc7\x80\xa5sS(\x89\x8e\xb3n\xfd\xb9\xc9#\xbc9\x94\xfd\xc5\x90\xee]F\xc8\x073\xaf\xc8!\x87O\xce\xd8\x1c5\x0b~\xa7\xdb\xb0\xf2\xf4g\xeb\x00j\xf8i\xd0Y\xed\xc6\x11\xb4\xb9\xf6\x1b\xb0\xa0\xdaO\xfb\xa94\xbd\n\xc2\xf9\xb9m\x8a\xba\xed\\\xf7\x8e\'O\xe1\xcay\x05\xf2\x14\x9fJv\xbf\x84\xc1P\xd8!\xb7\xe6B\xe2\xa2\xd4S#\x84e\xefS7-q\x17T=\xd5\x14\xfe\x1d8\x13\x15\xed\xe7p\x92\xfec\xf8\xfaw\xdeZH\xbc\xb4\x18m\xcf~f\xfdA5\xb3\x88Y\x05k\x90H,b\x00u\xf8\x89\xd3e\xf3\xc1w4\xb7+\xd5\x8d\xbb\xac\x17\'\x15\xc3\x9c\xbb}U\xfbn\xbe&lt;a\x88\x0fy\xbb\x03UT\xc3\x16\xdf\xba\\\x16\xf8\x9b\\\xd4\x05\x14\xe1\x05\x07\xf5\xef\xd8\'\xa9M*}\x83\xe5F\x9b\x04G6\xf7\x08\t\xc6\xbcRN\x83`\xb7\xd5\x1b\x8a\x95k\xa6w\xe4s\xa35\x16\xad\xeeS6\xd1\x11\xa8I\xaaX\xb79A\xe8\xe7\xcb\x12\xe2\x82\xda\x97\xfd,t/P\xf6\xa6\xb0\xeb\x00\x84\xd7Tj.tB2\x98\xa4\xce\t\xba\x84&lt;A\xff\xa8\xde,\xd5\tZ\x8b\xc4/\xa2\x95\x11\x089\x95\xe1"\x04\xc8\xc5\x08P\x11}\xfc)\x08\x1d\x7fG;\xed1\xc6\xcaT\x80F\xec\x8a\x96&lt;J\\s\xe0\x8f\xe4\x19\xeb\xd0\xf0\xcem\x1du\xc5\x0f\x0b\x92)\x86\xa7\xb4{\x06\xef\\k\xae\x90}1\xb3\xb0\xcf\xfc\xae2\x19\xaar).\xcaRrn\xe6\x17~\xd1'</t>
  </si>
  <si>
    <t>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</t>
  </si>
  <si>
    <t>b'\x91\xb6\xd32u\x08\x95\xc0\xd7\x03\xa4\x9e)\x9c\xa6\x13'</t>
  </si>
  <si>
    <t>ensity increase with
increase in molar mass.
Chemical properties
Alkynes show acidic nature, addition reactions
and polymerisation reactions as follows :
A. Acidic character of alkyne: Sodium
metal and sodamide (NaNH2
) are strong bases.
They react with ethyne to form sodium
acetylide with the liberation of dihydrogen gas.
These reactions have not been observed in case
of ethene and ethane thus indicating that
ethyne is acidic in nature in comparison to
ethene and ethane. Why is it so ? Has it
something to do with their structures and the
hybridisation ? You have read that hydrogen
atoms in ethyne are attached to the sp
hybridised carbon atoms whereas they are
attached to sp
2
 hybridised carbon atoms in
ethene and sp
3
 hybridised carbons in ethane.
Due to the maximum percentage of s character
(50%), the sp hybridised orbitals of carbon
atoms in ethyne molecules have highest
electronegativity; hence, these attract the
shared electron pair of the C-H bond of ethyne
to a greater extent than that of the sp
2
hybridised orbitals of carbon in ethene and the
sp
3
 hybridised orbital of carbon in ethane.
Thus in ethyne, hydrogen atoms can be
liberated as protons more easily as compared
to ethene and ethane. Hence, hydrogen atoms
of ethyne attached to triply bonded carbon
atom are acidic in nature. You may note that
the hydrogen atoms attached to the triply
bonded carbons are acidic but not all the
hydrogen atoms of alkynes.
â€“
HC CH Na HC C Na Â½H2
Monosodium
ethynide
+
â‰¡ + â†’ â‰¡ +
(13.59)
â€“ â€“ â€“ HC C Na Na Na C C Na Â½H2
Disodium ethynide
+ + + â‰¡ + â†’ â‰¡ +
(13.60)
â€“
3 2
â€“
3 3
CH â€“ C C H Na NH
CH â€“ C C Na NH
Sodium propynide
+
+
â‰¡ âˆ’ +
â†“
â‰¡ + (13.61)
These reactions are not shown by alkenes
and alkanes, hence used for distinction
between alkynes, alkenes and alkanes. What
about the above reactions wit</t>
  </si>
  <si>
    <t>b'f\t#\xe5_\x04\xe1\x1a\xe8\x1f\xff\x0637\xb3\xe3Y\x92\x93\xb0\xf1\xbd\x9b\xe4\xecg\x08\xa5\xf7\x90\x977\xf6/({\xa4\x82\x9b\xdc\xfd\x8f\xdb\xdc/nBV\xdf\x9e^H\x87\x8d\x12\xc1\xf5\xe8Qz_\xcf\x8c\xbd\x1e\x9b\xbd\xf6\x9f\xce]\x81L\'\x9d\x0f\xa3\x90\x88B\xc7\xf1\xa74\x9a\xde\xaa\xa7\xb7s-k\xb6\xd8\xc1b#9/P\xfe\xe7b\\b32\xa8&lt;b{r!\xaa\xe8\xe9\xc9\xa4w"\xd4\xb4\xd8\xf6\xb2\xa1\x1a\x1c^?\x0eDK\xb8\xb7\x81BU\x8e\xe5%\x8fozz;\xdc\xf0\x0b[\xba\x088\x12\xa0t\xc4\xabvF\xac\xe6\xe1\x03f2\x0el\rm^\x06\xb3Y\xb9\xd6\x14,e=\x18mG\xc8P?\x8e_{,\xd8\xadr\xbd\xaf\xa0\xf9bY\x91UI\x919\xd2\'\x1f\x88\x17\x8d\xfa=\xb2\xcb\xb0\xf1\xb1=$\xd2iO\xe4D\x1e"\xb7\x88\xbe(\x9e\x03x#\r\xf5\x9b\x122\x03\xca\xc2V\xea\xa0(6e\xde1\xe2\xdf\xd9.o&gt;+\xed\xe6\x07\x1a%\xac\xb0;\xa7%\x1c\xcb\xc1\x8b\xd8M\xcbpV\x9b\x10\xd8\xebX.C\xdb\xb2BC\x08G?x\xb8\x8e\xe2\xdd8B\xe3\x1e\x02\xd8\xeb"\xe0!\x1eG(\xce\xf8o6\x13\x9a\xae\x99*_\x17\x15\xfb\xca\xee\xe6\xdc\x0b\x8c\x11\xa8\xb8\xc6\xa0\xfa\xca\xaevykH\xf0\x88\xf3i\xc3\xf7\x9d8"c\xe3\xd52\xa4\xf9+\xf3\xbcr"\x9cr \x8e\xc2A71*\x1c\xf9\xdc\x82\xa5X\x1bq\xa6\xa3\x00\xc7Cj\xb9\xd2/Z\xb10AV8b"\x1a\'\x96\xd4`\xfa\x98\x94\r\x17`sQP\xa0\x95\xc0\xbf\xf1\xa7\xef\xa5\x01\xca\x8c\x83\xd95\x12\xca\xfc\x88\xe6\xb0(\xa0\xa5\xc7\x19\xb9M}\\]K4x\xa9\xb5\xfc@\xc5Y\xdb|5\xa7\x96\xe6\xc3\xf7r%\x1f\xd3\xddy\xae\xc0\xae\xc1z\xb0EX4Z\x14{\xba]\xb8\xc9g"\x10\x1f8\x8c\xc7\x9dg|&lt;S]\x97,\xe2e\xc6\xf7\xa3M\xab}\x0e\x94\xb8\x13-w\xd3\xa4\xae2\xf7Q\xad\x96\xd3\xdauce\xfd\x04\x989\x87\xe7\xdf\r\x01\x10\xc3\x1f]]\x91\x0b&amp;&lt;\x9b\xf6h\xb2\xfb\xb1\nU\xe6&gt;(\x9elD,\x1b\xadb3\xc7\xa24I\xf5\x00\x10d\xaeg\xe5Z\xe5NmS\xb1U"m,Z7\xd5=\xf3J&amp;\x82q\xedM+\\+8\xc3\x00\xee\xf3\x92\x1du\xb5F\xf3\xf4\x8e2C!\xa2b&amp;3\xa7oCF~}r^^\xc2D\xd9\xa8\x84\x0c[\x96\xb4r\x01\x11\xfa\xf2;5\x8d(x\x01q&lt;\xe1\xa9\xba\x9e\xd5d\xa7JCc\xef\x02G\x88W\xe4\'\xcd1\xdf[\xfe6\xae\xf6\xbcq\xdd\xc6\xfc\xb8$\x9e2\xa4\xd5h\xf3\xc9\x9d-\xe1\x06\xe8\xea\xc4\xce\x86\x8az\xcc\x96f\xb4G\xa6R&amp;\xf6\x93\xea\xc1\x9fk\xf4y\xce\xd4\'P\xfa\xa5E\xd9\xa1nr\xb93\xed,v\x94\x0fk\x1c4\xdcN\xc4\xfc\xd2=\x8b\x9e\x8c\xe5\'\x16!\x9epVv\r\x91\xbf\n\x04\x8e\xff*\xd7\x18q6\xe5w\t\x7f\x1ft\xa7!\xaaM$!\x10\xb0\x84\x9b\xec\xcb \x87\x08S\xee\xf6v\xa8|\xbc\xe3\xe3\xda\x8dAP}!\xe6\xb1\xeb/W\xddMw3\xd1#b%\x05\xcc\x9eW1\x90\x15xVhHz\x88=\x1f\xdcb|\x8f\x90\x01\xb9\xb1\x8b\x12\x07_\\}\xfa\xba\x9a\x92\xad\xf7\xd2\xca\xf3\xc1i\\\x04R\xcd\x0b\xe4A\x0c]\xaeEu&lt;?\xc9\xaa\xb7*w\xbd\xa5\xe3B\x01\x9c|3\x93\x14\xd4~\x0e\x16x\x9b\x90C\x94V\xfb\xd8\xdc\xe7Ca#\xcbH]P5\x1f\x9co\x99q\xe3F\xe1\xfa\xbc\x0e\x91\x13\xc5\x81J\xbbRV\x08\xc1\xc9|\x9eA \xf9\x9dM\xc9@\x9c\x18\xe5\x99\xed\x8d{\x19#\xa3\x81q\t+i\xb0\xb5\x95C\x11\xc0\x1d\xa2T\x93\x10\xedR\x982\xedJ\x07\x1a0\\\xee!\xc92\x9040\xb6v\x0c\xa0\xd4\xb7Q\xa7`\x18\xfd\x8fhG\xd2]\xef\xb0!\xc4\xff?\xfa^\xc8\xa9\xbb^\xafB\xf3$b\xd9\xabU\x91\x0f\x9b\x07\xd6?\xb2V\x13,\x14\x0e\xa8\xe0\xf3!\xd5\x9cp\x1bW\x9a\xae\xe4\xd0o\xcd\x05\xec\x14\x8a\x01\xc5~\xd9\xac\x90oJ\x8c\x80B\xa4\xf5\xf8\xcd\x00\xd7\xb2\x1e\xc9\x11\x8dz\xf8:i\xac\xb1\xdaTu\xee\xff\x85\x1f\x808\x91\xfaA\xdb\x0fdX\x07\x84\xf5\x9c\xcb)\x92\x17\xf9gs\xc9\xb8\t\n\xaa\xee\x16L0a\xcc\x89\xb4\x17\x17?9p\xef\xae\xb4\xb6\xa8*\xb8\xed\x02Re&amp;\x8f\x13\x88:\x9e\x89\xa9P}\xa1\x94\xa1\x10\xb7+\x8bl\xcb\r\x00\x1a0\xda\xf3Q\x83\x937\x99\xa9w\xa1QFk\x99]R\xd0v\xcbg5\x17\xb8\xeeRjIN\xdf\xf0\xc4l\xec\x03e\xad\x07\xdccLN\xf5\x12\x1a\x9b&amp;V;\x12v\xc6\xe9;$oTj+\xac.&amp;\x04\nW\xc7\x94qt\xf8\xe3u\xdd\xb8\x9dj\xfb#:\xf1R\x98\xe2\xb4\x9c\x08\x9e\x8a\xd3&amp;\xbeV\xab\x91\x02\x95\x04\xbb\x97\x80b\xf4\xc8\x18`\xdc\xcd\xc6\xc2\xd5K,\xc2P\xe2\t\x92&amp;vq\xb8\xda\xa3\xc2\x0c\xb7\x8a\x9c\xd9\xb2\xca\xa7d\x80\xcc\rF\xa9\x7f\x95\x83\xdf\xda\xd1\xf9\xa2\x0fI2\xaa\xcb\xb9\x93s\x1c\xf8\xb4\x17G\xaa\xed\xc6\x02\xd3\x15b+s\xbc4\xa8\xde\xdbd\x98\x828 \xe8\xa1\xff\xea\xfa\x15Z\xe0",\xd4\x0f\x01\x8dtg@\xa2M\x03\xd2\xff\xe7\xae\xa2{S\xc3\xf4&gt;\xe2\xf2\x06n\x80\xd1\xeaf[\xd0:\xec\\&lt;mM\xf2\x8f\xe8\xc9|B\xec\x12\xd8\x16\xc4\x1f\x8a\x01lh\x07\xf8\x9e\x02\xa5*\xfb\xac?C\x86\xebr\xc4\xc0\xf02\x15O\x03\xc8\xd0Y\x89k~\x052\x9b\xf2z\x0cw\x80V\xe5\xad\xfei\xd5&gt;\xc7\'\xa1\xc3\x01\xb2B~K\xd4\x1f\xb0\x15\x19\xea\xee\x9aD\xae\x9a3\x8a\xdfY\xa8\xc1\xe4\x1dc\x90%\xa8Bm2}\x8as\xb3t\xb6x\xbb\xc4)i9\x8c[\xc4\x86\x8dg\xa4+\xa2^l\xb2T\xc3\x1d\x8eU\x17\x0e\xf7M\x88jt\xa1\x9b|\x80\x9e\xa2\xea\xdeDQh\xaa};\xab\xbd6=\xd5\xd1\xb55\xb1\x1b~\x05\xa3\xfc\xcam\x9e\x1d\xb7\x8f\xd1y\xc4\xfa\xc7\x85\xf3\xff7\xf4\x1e1\x16\x1f[\xbd}\xd3\xcfH&lt;\xf3\xb3\xb8\x10f\xd0\xeb&amp;\x86\x1d\x13\x84\xcb\xed\r\x01q]\xbf\xe0\xab\x17\xb6&amp;\xd2\xe2K\x1bwh\xbcs\x85\xb9\x8d\\\xe7\x13\xbb"\x8fs\x04\x08\x92\x7f\x1f\xcb\xaf\xaa\x8d\xc4\xf4\xb5\xa0\x13\xa7\x03\xb1mK\x19\x18\x1b\xe4\\\xa5%\x80\xc9\xbb\xa3\x81\x95\xdf\xd4f\xc1\x0c\xe0[\x02\xc4\xe6\xdd\xbew\x81\xaa\xed\x19\x8aSu_|p\xf4\xdd \x85\x17\xcaZ\x8b\x8a\xf8\xcd\xfa\x821\xb0\x94\xc8+q\xff\x05\x9d\xc6\x89/\xd5\x93\xc8sa\xcf/\xbaZ9\x1c+\x7fs\xdc*\x01[\xb6\x13G\x892\xe7\x83e\xf9^\xd5\x8b\x93\x0c4\xf1\xf7\xcew\x95\x7f\xf5\x8e\xfa1/r\x8c\xbe\xf5\x91\x04\xa4\x08\xa0\x0f\\\xc7\xc4Z[\xe2\n\x80\x8a\xb5\xff\xdf\xddxj\xd4Y\x0c\xf8\xe8u\xc8\xa3\x89J\x98\x95\xee\x90c\xe9\xe0w\xe1\x1a\xc9+?\xe2\x11\xc9hv\xc7\x81\xf5fy\x10T)T\xc1@C%\x0c\xee\x8a\xc2\xf2\xb2\x9bJ\xcd^\x06)\xe8\xa8\x03T|6\xa9\xbc\xf5_\xbc3\x89E\x19Y\x0fw\x8fD\x87\xaf \xaa\xfd\xc1\xb4\xac6\x8f,\xb3\xf9\n@\x8cW\xdc\xed\xddu\x80\xcf\xb7\xff\xd8\xd3\xfcx\xf0\xe6\xe4e\xd6\xdd\xa7\\\xa0\xbf'</t>
  </si>
  <si>
    <t>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</t>
  </si>
  <si>
    <t>b'f\t#\xe5_\x04\xe1\x1a\xe8\x1f\xff\x0637\xb3\xe3'</t>
  </si>
  <si>
    <t>lared, 'and I'll get up again'; and she
 sat with him on the side of the bed. She also said she would give him a kiss if
 he liked, but Peter did not know what she meant, and he held out his hand
 expectantly.
 'Surely you know what a kiss is?' she asked, aghast.
 'I shall know when you give it to me,' he replied stiffly; and not to hurt his
 feelings she gave him a thimble.
 'Now,' said he, 'shall I give you a kiss?' and she replied with a slight primness,
 'If you please.' She made herself rather cheap by inclining her face toward
 him, but he merely dropped an acorn button into her hand; so she slowly
 returned her face to where it had been before, and said nicely that she would
 wear his kiss on the chain round her neck. It was lucky that she did put it on
 that chain, for it was afterwards to save her life.
 When people in our set are introduced, it is customary for them to ask each
 other's age, and so Wendy, who always liked to do the correct thing, asked
 Peter how old he was. It was not really a happy question to ask him; it was like
 an examination paper that asks grammar, when what you want to be asked is
 Kings of England.
 'I don't know,' he replied uneasily, 'but I am quite young.' He really knew
 nothing about it; he had merely suspicions, but he said at a venture, 'Wendy, I
 ran away the day I was born.'
 Wendy was quite surprised, but interested; and she indicated in the charming
 drawing-room manner, by a touch on her night-gown, that he could sit nearer
 her.
 'It was because I heard father and mother,' he explained in a low voice, 'talking
 about what I was to be when I became a man.' He was extraordinarily agitated
 now. 'I don't want ever to be a man,' he said with passion. 'I want always to be
 a little boy and to have fun. So I ran away to Kensington Gardens and lived a
 long long time among the fairies.'
 She gave him a look of the most intense admiration, and he thought it was
 because he had run away, but it was really because he knewfairies. Wendy had
 lived such a home life that to know fairies struck her as quite delightful. She
 poured out questions about them, to his surprise, for they were rather a
 nuisance to him, getting in his way and so on, and indeed he sometimes had to
 give them a hiding. Still, he liked them on the whole, and he told her about the
 beginning of fairies.
 'You see, Wendy, when the first baby laughed for the first time, its laugh broke
 into a thousand pieces, and they all went skipping about, and that was the
 beginning of fairies.'
 Tedious talk this, but being a stay-at-home she liked it.
 'And so,' he went on good-naturedly, 'there ought to be one fairy for every boy
 and girl.'
 'Ought to be? Isn't there?'
 'No. You see children know such a lot now, they soon don't believe in fairies,
 and every time a child says, 'I don't believe in fairies,' there is a fairy
 somewhere that falls down dead.
 Really, he thought they had now talked enough about fairies, and it struck him
 that Tinker Bell was keeping very quiet. 'I can't think where she has gone to,'
 he said, rising, and he called Tink by name. Wendy's heart went flutter with a
 sudden thrill.
 'Peter,' she cried, clutching him, 'you don't mean to tell me that there is a fairy
 in this room!'
 'She was here just now,' he said a little impatiently. 'You don't hear her, do
 you?' and they both listened.
 'The only sound I hear,' said Wendy, 'is</t>
  </si>
  <si>
    <t>b'\xdf\xc6\xba\xe7\xc4\xc1Y\x8f'</t>
  </si>
  <si>
    <t>dfc6bae7c4c1598f</t>
  </si>
  <si>
    <t>itâ€™s real.
 While it may seem at the outset like the best way to make your perfect
 product is to go meet a contract manufacturer in person and get them to build
 your design from scratch, that option comes with a lot more risk: the risk of
 lost time. Weâ€™re talking about at least three months before you see your first
 prototypeâ€”more likely six, or even twelve. All of that and you wonâ€™t even
 know right away if the resulting prototype will be the one that will make your
 brand. Thatâ€™s why I recommend you come up with the idea, get samples, and
 improve over time.
 Perfectionists hate the approach, but you canâ€™t expect to make it to a
 million dollars in twelve months if it takes twelve months just to get a look at
 what youâ€™re creating.
 Refine It; Donâ€™t Overthink It
 A lot of entrepreneurs think that success in business requires you to reinvent
 the wheel, and that you have to reinvent it perfectly the first time. If you donâ€™t
 have a wheel that can do something new from the moment you debut it, no
 oneâ€™s ever going to bother buying it, right? Itâ€™s got to be new, and itâ€™s got to
 be perfect, and until youâ€™ve got that down, best keep it to yourself.
 That may have been true at some point in the past, but it certainly isnâ€™t
 now. The wheel hasnâ€™t been reinvented in agesâ€”and yet wheel
 manufacturers and wheel dealers are doing just fine. In fact, new wheel
 competitors still pop up every now and again. What are they selling? The
 same damn wheels, just tweaked.
 The key to your product probably wonâ€™t be that itâ€™s new. Itâ€™ll be that itâ€™s
 dif erent, even if itâ€™s just in one small way.
 Hereâ€™s what I mean: I was once the keynote speaker at a conference
 where an attendee came up and told me she was marketing yoga classes to
 baby boomers. After a little while, she mentioned that her client groupâ€™s
 biggest challenge was knee pain when they got on a yoga mat. The majority
 of yoga mats are manufactured and marketed toward young people.
 You can turn that information into a great product in two ways. You can
 either design a new, extra-thick yoga mat made out of a new material that no
 one has ever thought to try before. Or, you can take an extra-thick yoga mat
 that already exists, and focus on speaking to a new customer: boomers who
 do yoga.
 Donâ€™t waste time trying to c</t>
  </si>
  <si>
    <t>b'\xda\x80Rj\xb6\x01\xb60\xe0\xc6\xc5\xa3{R\x99\xd3\xee\xf83\xa5u\xab\xae\xf5\xd8\xa0\xfe\xdd\xac(\xcf\x12a\x04M\x86\x81H\xf7\xe1\xb0\xc1l\x87\xd2u\xef\x01;\x08\x84\xce\x1fx,\xac\xa9\x19_\xa3\xdc\x92\xf9\x938Y4fm\x04&amp;\x16\xad)\xd3\x142\x1e\xbd[\x7f\xfb?\x1e/\xbe\x00\xc0\xe5\x1e=8\n\x90\xc9y\x0cJ\xa4\xe1\x94\x18vW4\xb5^\x16\xe0E\r\x8d\xc1%[\x1a%x\xc5\x83\x00]\xd5#\xc9\xff\xa6N\xa0-c\x1c]\xd3\x0e\x8b\x96lq\x8d\xd5\xab\xa63\xff\xf6oF\x06\xd0\xfa\x99,{B8%/\xff\xc5\xd2Q\xdd\xd9j\xde]i\xcd\xed\x00#Y\x9d\xe2\xf7\xff\xf8\xe3\xdfX\x88*%u\x9d;\xc0\xbb\x87\x9a\xd1$8\xbe\x8b=\x90\x05\xca\x9c\x86B\xa3\xb5\xfe\x12[2\x03Y&gt;\x08T\xabR\x1f4\xf6M\xd5\xad\xb0\xb0(\x16kh\xa3\xb8I\xc6\xa0\x83s\xc5/\xaf\xd8\xfd\xc7\x00y\xb1\x13\x8b\x93\x1c9\xa09\xd9\xfd_\x9f\x93\xf7\xbf\x13\x11\xe6;\x16\xc2\x0e/\xe9\x96\t\x0f%b\xf5\xe5H\xc4\xe4\xe6\xe5\x86\xeb\xf7\n]T\x1cq!\x9f\x83ff\x93\xcbH\xaa\xdc*\xac@\x16\xd451,\xbc\x80\x86B\xa3fe\xf6v\x16\xf5\xc1b3\xcd\xa3_r\x12\x13\xd2\xac\xb6\x8b\xfa\xb8 \x96\xdf\xe2\x02\x12E?\xc9@\x00\xf3z\x98&amp;\xceJ\x7f\xbd\xa1\xf4&amp;\x9fC#\xf0\xa8pK5V\xfd\xae\xe9UF\xeakh\x9bC\xf6\xd3\x97G&gt;A\x88\xd1K\t\x9ff\xeb\xc3=\x1e\xb0\x88\x94\x96\xb0_Wk(\xcc\xf6O\r\xfa\x98\xe4\x83\x04\xf3[ub\xa2\xfe\xbb\xbf\x04fN\x9e\xd8\xed\n;\xcez\xf1\xb3\xc6/\xa6\x9a\xd8vUd\xc8\xcb&lt;\xb8\xa6\xd8\x07\x86\xe6\xafu\'\xb5N\xb7\x14\x92\x86`\x81\t\xf9\xe6\x8b\xe6\x86T\x94\xbc*yA\x96\x86\xean@\xc7Y\x94\xef\x9d\xa6a\xae\xf8]\xcbg\xc1\x13P\x14\xfbP.\'1S\xc4\x99+\xaf\xe1K\x02\xe1\xd2+\xb9\x9du*\xa3\x93d\xb2l\xc2\xb5\xbf\x7f\xcd\xff\xb0\n\xb0\xfd\x825\xea\xbczM\xbc\xbf\x1er&amp;\x9f\xd6\xc8}\x0e\xec\xbd\x1d&gt;\xd1w\xe4R\x91\x98\xbar\xde\xd7\xa5\xc4\x1c5%Hn#\\\x05\x91\xf0\xf6\xd5\x8di\\\r\xdb\x06\x08@\x18\xfa\xb8\xaf\xe4\x7f\'wJ\xbd\xf7fJ\xaa+\xe2r\xfd\xd0\xe49\x7f\x0e\xbd8mi\x0eoVy\x8e1\xa8hL\xbaJ\x8a\xd5\x8b\x14ky;\x80-^\xd4\xfd\x06\xb2u\xb2-DV&gt;\x1a\x06\xea\xba\x03\xea\x8c\x80\xaa\xb6Hr\xd8J\x076!\xe2\x91\x0f\xa1\xf8[\xcd\x9dF\xd5\xb7\x1c\xad\xc1\xceO\xf5\xd2\xa9eN|\x1e\x98\x87\xcf\xb3\xfch\xb4UW\xbe*\xc3\xf6&gt;RM\xf7\x83?G\xc0\x87\xd9\xedq/\x7f\xaf\xb0\x97\xfc\x15\x13A\t\x99Im\xb8\x89d\x0bE\xf1\x15]\xe5C\x18\xdf\xd5t\xe1\xcd\xbe\x15\xdc\xc2ev\xdd\xc3\x95\xc0\x10\x9ca\xde\x97\x91\x95\'\xb3\xfaT\xd3a\xce\xf406\x87\x89\xc6\x91e\xe6\xd5\xbeCgM\\}Bf\xa4\xc5!\x82\x0c\xe8\xb9\x11\x13\x0b\xa0\xa9\x8f*\xac&gt;\nm\x1c\xf82B\xd9/\xe2\x8a\x8c\xae\x1f\xbd\x98\x0c\xac\x9e\xf6\xd2V\xa9\xa4\xf9\x93\xf4\x1b\x10\xff\xf8\xe7\'\xcd\xd7\xb8-9W`\xa0\x03\x99\xc53s^\xe40\x07\x82\x90\xa8\xe4U\xbdV\xeed\xabC\x17\xf30\xa1B`&gt;pw\xcc\x9c\x19\x93ta\xf9\xba\xe4?\x8f\xf5\x1d\xf7\x98\x0f\xa3\x0e\xcaG\xf4\x16\x1a\xaa\xa4\xb5\x1a\xa4\x8e\xb8\x92{tRaP\x86\x16\x14\x1f\x9a\x8b\xff\x06.o\xfe\xf1\x0b\xec\xc6487\xcaG\x1b+\xaf\x05\xa5\xad\x98\xd2;a\xb2\x16_T\x99 _F\x16kc\xbe\xa1\x05\xe4\x15\xa7\xfc*\xc0\xcf\x9cn\xc1\xea\x19\x1e\x7f3c\x07\xae\xebj\xa0&lt;\x1a\xd3\x9a\x8b\xcb\xc6t\xf8V{\xf3j\xd2\xcb\xe6"\xa4y\x9cvG\xb3\x9a-\xf1B\xea\xb1\xb0=1\xa0\xb4z\xfa\xe7\xf2\x03\xcfV\xe2\xcfY\x83\xa4\xca~\xce\x87\x10\xaa/T\xc0\xde ,\x96\xb0\xe1\n\x85\xd4Z+\x9dpZ\xecc4\x0f\x86\xa8}n+\x14wm\xe7\rg\x04\xa6\x86\xbe\xa0\xe7\xfb:@\x89\xa5\xc9\xb5\xc6D\xab\x81\xfc`\x1d#K(zd\xae\x952Gv^.OoJt\xee\xeb\xc1?\x81\xa0\r\x05R\x84\x95\x13\x9a\xd9\x8a\x9a\xa1\x8d\x86r\xe4|\xc42L\xa8\xf0&lt;Deg\x9a\xaf\xbe\x18|\xe3G\x10B\xfb\xf8\xcd)\x87\x87\xe2\xb8&amp;\x1c\xae\xcd\xf9\xbe\xf3|\\D\xe8}ZMA\xb9#S.\xbc\xd2\xbd\xbe\x92H\x14\xecS\xe1\x81\xa6\x0b\n\x1d\x18\x87\x8dVT9\x08\x93\xd6\xd2\xeayF\xd6\xc8\xe7m\x05\x9e\xa9\xbc\x9a\x16D\xf1\xb7{ &lt;wup\xdeW\xbd4\x80\x00\x80\x91EUE\xfbO\xd0\xa8\xb7\x06\x88\xac\xd5\x1d|w\xb7\xf2\'\x0fJ\x93\xc5\xf7.\xcb\xe7\x9e\xf5m\x99\xe7\xec0\xb2N\x85\xe3;m\x8f;\x0c\xdb\xe7\xce\x0e\xd4\xae\xc0\xd7\x8b\x9f\xa8\x19\xc6\xc7\x00\x11\x95\x89\xf9\r\x94\xdd\x05\xda\xd6)h\xf0\xdc\xa0P\x8bZ\x8dM\x7f"\x95\x83C\x98\xfc\x12-y5\xc7\x1a\xf0\x0b\x05c)A\xccw\x131pZF\xac\xcc\x97\x10\x9d\xa4)C\xd7J\xf2\xeda##\xe9\xb9l\x08tP\xad\xa8\xb8\xce\xbe|{\x02k\xd7UG\x94J\xbbV8F\x94((\xf4\xb1\xe37\xc6Q&gt;\x1e\xc3\xc8\xe2\x0bJ\x96\x10\x1c\xb5\x80\x12\x043\xfd\xc3`K\x1f\xba%\x7fe\xeb\x9e\xd5{\xc71\x01\x8aK\xac\x06\x1a\x87@\x81N\xb0\x05\xaa\xd7\xe5`N\xba\xfc\x1cL\n\xden\xefy\xceN\x1b\xb7\xc6\x8a\x15RRMh\xad\xc3\x93\xa2\xe5b\xd6\xbbgN\x85\xcbx7A\x1b\xe8\x1e\xbe\xaf\xab\xbd\x93y\xb5v\x05\xc9\xb8\x89\xc8\xaa\xf0A\x1b\xe6\xcbp\x90\xbf\x92#}\x0e\xd3\x89\x81\xc4\xc0\xbb\xf2\n\xa7\xb5T\xb2\x04t\xae\xa7\xa5\xb5\x12k\xba\xa9\x15Pli\xc86|\xe9\xdbLq-#\x9c\xfd\x96\x91\xc1\xe3S\xbc\xa7\x15\xbb\x0b\xbam\xed\xc4\x8e\x80|m)\xb9{\xd4\x9c5\xd0\x10k\xb5\x1b\n\x92\xda\xc6%+d\xe31P\x82\xb9\xf7%Y\x8dl,\x83\xab_\xbc\x11\xbd\x8d\xd2w\xae1\xc7\xe3\x82X\xd7\xea\xc10\x06Sf,\x1b\x11\xd0S\xfc\xa5DtM\xef\x84\xe2q\xca\xb2is\xd8-\xcbg\xd18L\x0f\xec\xc1\x05;U$\xda\xb1\xac0Z\xc2\x17\xdeT\xea:\xd5\xa5&lt;\xa0b#b+\'{\x84\xd0\x0f\x1b\xe9}\x04\xdb6q\x1a\xc2GDe\x11\x11\xef\x12\x02\xdf\x9e\xb5X\xf4\xc7\x8ap\xc7\x02\x13\xc6\x14o\x1f[\xf7\xe9\x9a\xb0$\xfe\xc1\x16l\xdd\x1b\x85z\xa5\n&gt;\xc8\x9d)\xd9+\x0cw\xb2\x95\x95\xaa\x19\xef\xb6\xa1\xa2\x0c\xfeAB\xe9e7\xdce\xc2\xd7%\xbd\x9b\xb4\xe2\xe8\x0e\xcc\xa0\x14\xf5Y\xbeW\x812\x01\xba\xe0&gt;8u\xa8\xf9\x8ah\xf2\x1b/\xfe\xae\xe8\xd7L\x90\xbb\xc0r\x8c\xf9\xba\xa9\xe2d$b=\x8bzr\xce\xa4\xf3&amp;\xd0\x9d&amp;\n`~\x8a}\xff\xca\x97{Z\xd1,ye\xaeN\xb8\xa3I\x06H+\x91Uk\xa6+&gt;\xa8#\xe2\x9b?\x8coq\xf4=V\x89\xdaTp}\x0b\xc3QZ\xf4\xe5\x04zI\xc314\x07\x00\x03:!\xcf\x18\xb5\x96n\xfe\xc2\xbe\xc9\x12\xeb\x8c\xc2\xa9[\x9c\xce\x1f\x9f&gt;\x96\x19\'\xa32tDO\x95\x18\xc3E*\x7f\xab\x0c#\x1f@\xd4\x8b\xf3\x892r\x933\x80\xecy\xfbq\'\x81\x11c\xa3\xa3\xd0["\x7f29]^\x7f\x81\xde\xb1\xb5\x16\xf1\x07q\xa8\x1dsL\x18\x08\xaf\xb5\x17]\x8c\xae\x1c-\x95\xc8\xd3\x9b\x9eQeC\x0e\xc6\xdb\x14\xf3\xe5\xc5\x95\xec\x0f\x9a\xa3w?M\xfa\x18\xfe\xedO\x02\xcb\x0e\xd8\xfc&amp;\xec0s\xdc\x87s\xde\x84|\xc1\x9esh\x1e[\x9f\xfd-2v\xfb\xfd1#\xd0~Yj\xec\xa1\xde\x0bc\xba\xebtpb#=q\x15\xb9Z\x92")1L\xd5YBJ\\\x9e\xe1\xe7\xf6\xaf\xbb\x90\xc4\xbe\xb1|i\xcf/%$U\x1f\xf2\x0c!%\tm\xc5\xec\xb6wL\x88G{$\xfa\x8f\x1f[M\xbf\xa5\xc8\x82\xcfY\xb8\x1a\xb5Q\xea\x0e\xf5\x08W^\x8b\xa3\xdem\xc6\xb2\xdb\xf1u(\xcd\x84\x10\xfe$\xa3\x9fB\xcc\xea\xaf\xa4C[\xc3i\x19J*\xf19\xd3v\x8f\x15\x1f\xdf\x04\x16\xc1\xa8\x9d\x1be\xaf\xa9\xc6D"\xc66\xdb\xe7\xb0\x02\x07V\xfb\xfd\xb9\x1a\x9e\xfc\x952\xd3c\xdb}f\x0b\x19\xa6Sv.\xd2\xde\xbb\x0eWF\x12\xc1K\x11}\xa9\x8b\x00d\xe8u\x97o\xf1\'\x0b\x11\x13\xfc\x8b}\x9a1\xabh\x11\xbc\xcaT\x03p\xba\xaf\xdfp\xff0Ix\xb4\xde\xccj&gt;\xf6%I\x9e]\xe9\x15\xed\t\xa4\xc3\xd3e\xd5ud\xeb\xc0\xe3~]\xf5\xeb\x04V\xceNW\xf6\xc2"\xddv\xf8\x9b?\xbc\x1f\x94o\x1e\xd8\xeb\xab\t]\x99\xac\x8e\t\xba\xb3\x0c\xd5\xf9\xf0\xddC\xa3\xbd@V2\xe6\xcaq.\x08\xec\'\xbfa\x0bf\xca\x1845T\x8f\x94J\xd7.\x8dr\xae\x9c2\x92s-m\xea\xbf\xed\xd8\xf1\xcf\x00&lt;\xc2\x84\xe3\xd9\xda\x84c\xa3\xec1h\xe5p\x7f\x9b\xd0\x8e^\x98\x13\xed\x9f\x19\x1b)\x03\x1b\xa2\xc3I\'fi\xfb\xf0\x95\xa2\x97\xed\xf1\xf1(;\x88t\xbc\x93\xa2g\r'</t>
  </si>
  <si>
    <t>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</t>
  </si>
  <si>
    <t>b'\xda\x80Rj\xb6\x01\xb60\xe0\xc6\xc5\xa3{R\x99\xd3'</t>
  </si>
  <si>
    <t>next stage is a huge jump upâ€”not just in revenue
 but also in your mental state as an entrepreneur. When you start flirting with
 $100,000 a month in sales, lots of things change.
 First of all, youâ€™re running a million-dollar business. Just take that in for a
 moment.
 From the outside, everyone is going to think that youâ€™re hot shit. Youâ€™re a
 millionaire. You have a seven-figure business. You have everything figured
 out.
 But, if youâ€™re like most people, youâ€™ll still be hustling, figuring it out, and
 wondering â€œwhen things will change.â€
 One thing is different, thoughâ€”and this is the big oneâ€”your brand is
 now big enough to be scaled or sold. Youâ€™ve proven your brand makes
 money. Youâ€™ve proven it has an audience and buy-in from influencers.
 Youâ€™ve proven it can grow. Now, you can decide if you want to scale this
 into a multimillion-dollar business, or if you want to sell it. A business selling
 $1 millionâ€“plus per year can theoretically be sold for a seven-figure payday.
 Conservatively invested, that money sets you free for life.
 If youâ€™re like most people, though, this is just the beginning.
 When Sheer Strength hit $100,000 a month in sales, it took us by
 surprise. Weâ€™d been so focused on all our marketing activities and carefully
 stacking the deck for every product launch that we hadnâ€™t actually looked
 closely at our revenue in a few months. When I did check in on our numbers,
 I recalled a conversation Matt and I had about four months earlier, when we
 launched our first product.
 â€œHow would you feel about hitting $100k a month?â€ Iâ€™d asked Matt.
 He thought I was joking, so he answered sarcastically. â€œNo, Ryan,â€ heâ€™d
 said. â€œI donâ€™t want to make $100,000 per month.â€
 He thought I was kidding because, at the time, it seemed like such an
 incredibly distant dream that we couldnâ€™t imagine what that would be like.
 But I insisted: â€œNo, Matt, Iâ€™m serious. I want to set the goal of hitting
 $100,000 per month in sales, and I want to work toward it.â€
 He kind of shrugged. â€œOkay,â€ he agreed. â€œHonestly, Iâ€™d be happy making
 an extra $2,000 per month.â€
 That is what made us great partners. I was the dreamer, and he was the
 pragmatist.
 In reality, it took us almost exactly twelve months to go from start to
 $100,000 in sales a month. Twelve months to a million.
 Here was the crazy thing, though: When we got there, we didnâ€™t feel any
 different. I think Iâ€™</t>
  </si>
  <si>
    <t>b'\x1b\xfb\x96\x0cNF\x93`Z\xa12_\x93\xfd\x0b\xecq\xee\xbe\x93\xbf\xb4\xbe\t\x05\xa9\xb6\xea\xc6\t&lt;Z\x0f\xb6.\xeek6\x8c\x8a\xc3\x87\x89\xdd\x89\x8f\xff\x85L.\x81\x9b`\x90\x08\xaa\xd1m\xa9:v\xf7Ci\xe3j\xfbE\xae\x8d\x96\x16\x0f\n\xb9\xf4K\x9aWV\xf8\x8c\xc9\xf37\'\xd6\xf9~\x07\xd7!\xee\xe9\x9b*| \x85\xf9\x16\\\xdd\xf4\xdb\xf1\xa9\xd0\xa2\xd4\xab\xa7?\xee\xcd\xdf]\xeb^\x92\xe3\xa6\x0c\x18\x87\x8fd.u\xde\xe4\xb1\xe0\xed\x0b\x1c\xea\x83\x85N\xcd/|Q\\3\x8eN\x07\xcb\xa8\xaeBg\x0b\xab\x05\x8f\xddv\n\xf3\xaeJN@tX\xd1\xd4g\x03\xe0\xfei\xd1\xe7\x03\xb2\xa9&gt;\xb3\xde\xb0\xef\xf5\x07\xf1\xfb\x04u\xe37\xe9-w\x93~\xaasy\x971h\x91\x08\x9b@\x842\xc00\xf4\xcd\xda\'~\x1f,k\xbb\xa6\xd4\xb2\x8eG\xe6\xdf,t\xbd\x0eD\xd4\xf3\xad-\xd1c\xbd\x03\x9e\x8c\xb6h\xdb\xf9\xef\xb0.W\xe72\xba\xf0\xeb*z4\xd2\xf0\xb6(\xd5\xa3\xed\x9b\xa8\xfb\xe2\xfd\x7f,\xc2\xaa\xa1J\xb3\xa8\xa0\xee\x9faL\xc4\xf3\xf0\xf7\x0e\x1c~\xfe!I\xf0\xe8\t\\\xb8\xe3\xac\xa2ld\x83\xb6\xf8,\xee\xc4\xa8G\x15\xeby$\x1em-;\x80=\xea\xcc\xe4\x0e][\xa8p;\xda8\x91T\xd8;\xd7?O9\xcc\xcd\xfa\xe6\rm\xd8\x80qu\xac\xd4w\xc2B\xa5\xb3\xbd\xd2\xe6\xaa\xf4\xe7\x99\xa2\x7f\xc0%\xe8\x11\xb3\x03\x11\xe8\xb4\x8c\xe6\xbe\xc1D\xees\xd3\x82\x15\xcc\x8aA0\x1e\xfd\x86\xbe=\xae\x0b\xf7\xc8\xd7Z7\xd2\xb9\xdd\xc47-\x17\x8ey\xc3\x02\x80{Z9\xc5\xc0\xf5\xee\xae8\x12\xa8F6\x04\xc9\x91\xdd\x89zF\xf8\x1d\x04\xd7\xf6\x8b\x8e\xa7\x86\x96\x93\x07\xffu\x00\x1f\x08\xc8\xd9\x93\x10\xbd\x16F\xc0\x00\x0c\xee\x99\x0b\x16\xe4\xa7~\x96\\Z\xd2\x1d`\x88\xb33\x98\xb3\x81\xf2\x13X$\x82r\xd0{\xa4kl\x9b\rR\xb6BJV\xc7\xb8i\xccS\xc1)c(h\xa7\x04\xces\xbdW\xe6\x9di\xc1\xf2\xfel{\x86FR@&gt;\n9&amp;JS \x93\xf8\xb9\xca\xeb\x16\xd6\xc6\x83\xa7\xd0a\x92\xe6\x80"\xfch\xa8\n\xe33\xfdR\x05\xcbBI\xd3=\x8b\xd1KZ7\xcd\x9b\xc0\xbb\xc8#\t\xd3\xaf9\xf0\xea@\x86\x15\x9b8\x1d\xcc\x14lr:\x19\xfc\x87^\x16t\rq\x888\x10\x173\xdc\x19f\x9c\x1d\xaf\xbbBZ@\x07Y\xb2&amp; \xbe(D\xf3\x8cx\xed]\x14\xe0\x12zz\x07\xd8T\x85\xea4\r\x0cbc\xceb\x0f\xd2tk$\xfa\xad\'\x15\x14\\\xa6i\x91%0\x8d\xca\xbe\xa8\x1b\xbfk\x97JC\xae\'\xe4\x10\x07\x9dvE0\x84\xaam\xfe\x12\xd1\x96\xe8\xa2\xf8\xf8\xedg=\xc4\x1b\xa3\'\\t\x85x\xe0\xdc\x82&lt;%q\xf7\xbb\xb4\xd0 \xe1Ua\xa2\x03/\x05\xd8\xcb~uY^\xc0%9\xe5K\xfa1\xc4\xe0\xd6D\xa7\x00b\xd5\xdb\x8a[\xd6Q/@\x8f\x9e\x9ak$%;&amp;\xe4\xc4\xcee\xcb?"\xb8\xe1\x19\xfe\x8d\x0c3\xb3\x04\xe3\xfdW\xe6b)\x1a\x7f\xe4DB\xea\xbe\xce\xa8\x12\x17)R\x8f\xd5\x03\xf4\xc8\x93\xc2-8\xcf\\\xf4\xab\xbf\xc0\x07\x93\x1a\xd4\xfa\xafSG\xb37\xf2\xef\x10\x9e\x04~\xc1\x1en\xc7\xf0\xd7a|/\\\xcc\x1a\xbe\xc3o\x0c\xdf\xf2\xeb,\xadb\xb1z9\x1eS\x13\xf2}\xd0=\xa8\x8eq\x8bb\x0bn^\xd5\x8bf\xadK\x12\x9e8vfcZ\xcd\x03\xd2P\xde\x1aO\xfc\x13\x85R\xb3\xf0\x8f\x91v\xd7\xdc5\xaa\xaa+\x0b)\xb4V\xc7Q\x91u\xf1=\xd9+\xa0\x04\x8eC(\x1b\xf8t7\r\x9b\xd1\xa9\xda\xa6\x16\xbaL\xea\xb3]\xd4"\x81\xab^\xc9Y\x81\xb3fG^\x9a\x93\xbb\xc7p9\x1d\x8d\x9b\xed\x14\xe7\xb6\xd1\x9bXV!X\xbc\x16{&gt;\xe5p\xba{\x05H*\xa7\xf203FR\x1d\xbf"cg\x966\x9eKL\xba\x9b\xd3\xa8\xf2M}\xd0L\xe9\xe4G\xb0w\xff\x83\xc2\xaa\nS\xb1F\xda:\xf9L\xfd_WLa\xea\xc6\xa5\xa8o\xc5h\xea\xf1\x88\xbde\x0c\x96\xc6A\xe7q\x93Q\xa0HF;\xab"\x94\x93\x07H\xc2J&gt;\xb9&gt;*\xd4\x13\xde&lt;TM,\x1cNE\xd0\x03\xdb\xa5\x13\tyTD\t\x8c+\x8e\xb8\xc4\x95!\xe2\xd7\xca#\x94\x83\xb4C\xfb2\x9f\xb3,\x12\xffs \xca\x9a\xca\xad&amp;~\x00^\x88\xcc\x821\x89\x98\x1aD\xc5\xf5\x9c\xc31`\xc1\xc3d\xf4\x9fT;\xe3\xbc6\x85/\x96\xaf\x0b\x99G\x8c\x85\x9a\xee\x91\x17\xfe*\xa5\x03(\x027\x82A\x99\x80\x8b\xcb\xce\xd8P\xe0\xab\x82\x89\xdbi`+6\xf6\x99GD\xc8\xc1g\x1fJ\x97\x9e\x12\xd1[\xe2Oh\x80\xea\xc0\xe4R\xd3\xf9\\\x1eS\xe9\x1b\xbb\x1b\xc0^5\xe3k\xcc\x86\xde\x00c\xe2\xd1^&gt;\x90lN\x81\xf1\x03i\x9b\xf0&lt;\xe8\xf1l\x135e\xc2@M\n\xee\xeb\x0e\xe7N\x1e\xba\x0e&amp;\x0b\x8bT\x1ancz@\xe9JU7\xcf\x1b\xbe\x94\xe8\xb6\xdc\xb3_!\xf6X\xe0\xe6\xbaLR\x16\xe9N\x83l\x1b\x00K\xff\x1c\x87\xa5\xe0\xa1\xf9\x83I\x16*/\xf9\xfa\'\xf1O\xfdi\xbbN\x15e\x94\xbe\x10f\xdf-\xc6\xecgQ\xdb\xd0\tn\xa8h\x8a\x98(\x1a\xed\xc2\xc1\x88\x8b/v\xb8\xf9r\xe2\x88Hd\x03\\\xc7\x85h\xf4A\xc0\x9d\x02\xce1\xaa\x1eU\xbe&gt;MOD\xc9/\x91z\x94\x15\xb0R\x1c:\xde#\xb9M\x13Oa\xc1V\x99\xff#\xfc\xed\x86r\xec\xbeN\x85\x99\xe3\xf1\xa2\xe2y\xe6\x9d+/\xfd\x01a\xd9\x8a0Y\xe4^\xcaa\x83\xbe\x1d$\xf34\x87\x9d*\xa6\x18T,\xf6\x0f&lt;\x93\xcc\xc5#\xc4b&amp;\x81\xd1\x8b\x1c\xb6`\xfe!\xddj\xb3\xed\xeb\x8a]xz#I_j \xcb5*\x80\xc5i\x07\x9f\x0bHt&amp;\x89\xed\x16O\xfc\xcbm\xec;\xa4n\x8a\xf7&amp;\xc0\xd0\x05\xc3\x10E:\xb9\x97\x06%\xdd\x88\x94\x81+\xbb\xa5u\xbb?\xe5\xbe\xad{J\xacH\x84\xd5\xc0\xd7I\xec\x9bDD\xab\xfc\xd9\x9f7\xac\x1d\xb8\xeeY}p\xf84\x89\x83y\xc2\x81\xba\x86\xc3EF\x8c@\x9c\x12\xb8\xb0\x14!S\xc9\x02\x9a\xb3\xb1\x12w\xad\xfc\xf0\x88\x93\x8c\xf9\x02d\x98\xf7\x89\x1el\xbbhK\xc3C\xc3v\x9a\xacG\xfd\x04\x9d\xea\xb5\xfa1ET\xa15cP\x00o\x13p\xde\x97/:@\xfeH\x8fj\xa5\xcc8\x8b\xd0\xae7/\x8c8i{8:\xa9\x9f\xfe`I$\xfa\xf0h\xcbr&gt;|\x02t\\\x95\x1fx\x81\xb3f\x0bi\xac\x01\xa6\x05\x1c\xb4\x02\x00\x1b\xc1mR\xd9\x852\x8fo\x14\x11\xfc\x91\x17\x83\xce\xef(\x04\x93\x1a\xae\xbe\x8d\xacR\xecSV\x90\x9e\xf4c\x10\x85\x1d\xa9\x956\xff\xdf\x98\xc8c!\xdc\xa7\xd6o[6_\x9bQ\xc6@\xc2`l\xe9g\xceP\xef9\xde\xa5o6\x91..y\x14\x81\x91)\xf8Y\xbf\xfd\xcc&lt;\x1ea\x99?\x05\x04P\x83\x87\xaf\x1ab{1(Z\x0e\x16\xdb\x93\xb1\x14\t\xad\xfem\xe1\xfd\xb0a\xb6K?\x89\x1e\x81\xc9\x07\x81\x1c\xab&lt;Oo\xe7\xa0\xef)\x97\xb2\xcd\x0b\xce\x8c\x13\x86\x10\xffr9U\x1aN?\xfe\x99[_Q\x9b\xcb"\xa5\r\x00\x8fCu@\\\xf4,,m)ae\x19\xca\xf3+!\xf4{\x16\x84:\x9c\x85\x04\xe8P\xd0\x07\x96\x80Z)\xb45\xc2$\x883\x9c\xff\xe2\x11^\x98tva\xfb\xf8X-\xb5i_\x9f\xb0|&lt;s\xbbAC#\xa0r\xb60\xf4K\x12$\x17\x9c\x8b\x82\xac\xcdi\xe5\xe0\xe0V}\xcbt\xe3\xaf]\xf8\x12\xb9A\x98\xda\x884\xa9\xa1\xf3Ul,\x16\xa1\x0c\x0cha\xd9\x92\x95&amp;\xa0\xbd($\x99\xa2!\r\x95\r\x1eQ\xddYW\xd6\xb8\xdc\xa1\xc7\x89\x11\x8d\x90\x97\xf7\x83\x14.^\xa3\xe1Q\xe47$\xbf\xcb\x84\r\xae\xba\xb8\x9cS@\xfdKM9\xae\x07\x83Y\xb8\xe9"\xd8\xff\xd9?\x9c\x9a\x03VN\xf59\t\xa8E\x89Q\xc0"3\xda\xaf\xfeA\xf2K\xf6\x01\x15\x8f\x16\xaf\x07F\x8cm\x8a\xbc\x8e\xf5o\xc50\xbd\x8a\x0f4\xbcx\x81\x02\x90\xbd|\xc0af\xb5\xbdx\xbf\x18\x15\xbf\x81\x9c\xbc\xf9v\xfb\x7f6=q\x15\x1a\xa4\x99\x98N\xf8&amp;\xd3jl\xe6\xac\x8f\x1e\xaaV\xd3\x03o\x0f\xabP\xd3\xb3\xb4\r\xda\x1d/?\t\xca\x124\x96\x87\x00\xac\x8b1\xb3\xb5\xb1&lt;\xf0\x08\xad\xbb\xd8EP\xba\x9e\xc2\xa5,\xdc~%&amp;_\x18\x1c\xe71_\x9a\xc6YM#-\xe5\xf0\xa0v\xe96\x8b\xe76\n\xae\x10[\xa3\x8e[D\xb5\x8cb\xf1\x92b\x92Q\x93\x9f\x98\xa6,\x9boU\x97\xf1\xe7\xa5\xd7\x11\xe5\x03\xe8\xa24v\xd7\xc7\x95u\xcc\x8dp\xeb\xddl\x13\xaev\x99\xe6S\xd70\xa8E\x0by\xba\xdc\x86\xdbc\'.@\x07\xcda\xa7\xf5Ym/\xd0\x9b\x1c^\xf6&gt;\xa6\xe8\xa5\xf1\xe0n\xdc\xb9D\x9c$\x90(\xd5Y]^\x8d\x18\x9f\xc8\nA\x99DW@\xb8\x13\xa9\x82\xda\x08\xbb\x97\x10=+\x02u\x83I\xc3\xbdy{\x9b\x0f\x87\x14:T\xfe\x99\xb5B1\x92C\xa5\xc7u\x0e\nBO\xdd%X\xb2\xe9\x83\xcaS\xee\x0f\n\x10b\x8c\xd5\xeat\xbcs+&lt;\xd3\x8e\x15\xa6\xbf\x80\xf3\xb8\xab3\xad\x1b?\x88&amp;3)&amp;{\xdcM\x8e?\x96w\xc5-\xa92\xa3\x86\x9d1\xd0?9P\xa8!\xc1\x8c\xbf\x98D\x86\xf6\x1d\xe4_\xfa\xd2\xd9cC\xcb\xae\xdbo\x1c\xc8?\xfd\xc9\x8bf\xf3o\x0e\xa1^\xcb\xe3_\x97\xa0\xae\xa4\xccE,\xef\xdf\xa0G\x1b\xe5\xcc@\xba\xf9\xa6\xfb&gt;\x15\x1fl\x08\x10]\xf3\x19d}h\x91\xb8\xb2\x0b4\xdbW\x95\xf6\xd4&lt;\xf0\xa7\xf5\xd7\xd8\x81\xc2\x86\xd4_\x8e\x8e1\xc3j&amp;p\x01\x05\xe7,\xdf\xf5\xe5.\xdf9'</t>
  </si>
  <si>
    <t>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</t>
  </si>
  <si>
    <t>b'\x1b\xfb\x96\x0cNF\x93`Z\xa12_\x93\xfd\x0b\xec'</t>
  </si>
  <si>
    <t>s located in a bony cavity
called sella tursica and is attached to
hypothalamus by a stalk (Figure 19.2). It is
divided anatomically into an adenohypophysis
and a neurohypophysis. Adenohypophysis
consists of two portions, pars distalis and pars
intermedia. The pars distalis region of pituitary,
commonly called anterior pituitary, produces
growth hormone (GH), prolactin (PRL), thyroid
stimulating hormone (TSH),
adrenocorticotrophic hormone (ACTH),
luteinizing hormone (LH) and follicle
stimulating hormone (FSH). Pars intermedia
secretes only one hormone called melanocyte
stimulating hormone (MSH). However, in
humans, the pars intermedia is almost merged
with pars distalis. Neurohypophysis (pars
nervosa) also known as posterior pituitary, stores
and releases two hormones called oxytocin and
vasopressin, which are actually synthesised by
the hypothalamus and are transported axonally</t>
  </si>
  <si>
    <t>b'\x98f\xd9\xdc\\Q\xcf\xe9\xd5~\t\xa2\xac\xb8O\x8f\xee\xbb\x13L\xc3\xefb\xc9\x1a\xff\xaf\x87\xc1O\x03Ct\xea2\x00\xa5\xb2u4\x02o\x16\xb6\xef\x970c8\x01\xbe\x12\xdc\x99\xc5\x19y-o\x8eS\x9d\xa4\x19\x0c;\x11\xd1\xeb\xa5Z\xb9\x97\x12\xb37\xb7\x02\xe5\xd9\x9eP\x98\xef\x12\x7f5\xac|D\x16\xb4^\x0f!\xcd\x0bD\xc5`M\xf3"_C\xa7#\xacUob\x8ehA\x8f\xe1\xb3\xee7\xd7\x1f\xaady\xad\x97\x8e\x9e\xbe\x9c\x1e\x9c\xcaR7\xb9\xbe{\tZ\x1eV/R\xcc\x85\x9f\x87\x8e1a\xc03)\x00\x12\xd3hqU\xa7\x91\x0e\xba\xc1\xf6\xbbP\xb5A\xc0\xf49\xbd\xa5\xcc\xbc\x95u\x19\xe5\xfb~\xdcqK\x7fbw\xa6\xe2P\xf7\x14?.\x87\xed\x1d\x87\x07\x14\xb7\xc7`\x97j\x01\xafg\x00\xd7\xe1\xef\xac\x83\xe9\xd3\x94,q\x12\xc9\x0f\x95;\x87\xcf\xf3\x0f\xf7\xe9B}\xf8\xd4\xed\x0b\x9aq\x01\x12N\x00E\xdf9\xfb.!\xce\xb1\xc3\r\xba;\xa9\xfa\xe35r\xe7+\x82\xff[\t\x1e+\xd8\x8c\xbe_Y\x90\xc5\xd2\xbc\xea\xa8X!\xcc\xc9\xf1C\x89\x950\xa380"\xe6\xa3\x1c\xcb\xb5g\xe6\x81\x8e&gt;s\x07&lt;\xf4\x0fpJ)iG130\xb6t\x06O\x1bz\xcf\\\xe0\x00L\xc6\xac\x8d.&lt;1\x055\xe2P\x8f\xde\xcc[\x19\x1a;\x96\x1b\x1cto\x16\xbek\xfbZkQ\xfes\xa5m4\xf3h\x98!\xfd\x8c-\xc5{`\xc0f\xd8\xfeI\xd0\x02\xae\xf1\xb6u\x16R_\x88\x8d\xfc02b\xeb/\xe8\x81\xb5k\x82\x18\x1a\x93\xd4\x18\xd6T\xaa/-/,\xf7I\x9d\x18RLN\xeb\x98A\x06\xcd7Z7\xdcZ,\xee\x82\xdb\t\xd7{&gt;9\xb1O\x17\xcf1Z\x80\xaa\x8ah\x0b\x03A7q\x82\xc0a)\xcb\xa8|%D\xc1\x11\xa3\x94$-\x81\x16\x99\x8d\xe1\xcb\x131\xe5T(]\xf5Q$z\xd6\xd7\xfd\\\x15\xab\x96bc\x88t\xf2\x9f\x14\x80\xfb\xe5\t\xd6\xfe\x82\xa8\xb4\x93\x83h0\x12,\n\x1b\x9c\xe6\xc1\xd3(4\x0fN\xd6\xa6y\x1e-K\x83\x11\x96\xc9P&amp;F\xc3#\x9fua\xef\x96\x81\xa4O: \xcf\x03D-\x99\xf4\x94\x0cr\xf4[j2g\x96\xda\x10BQ\xb4\xe26=\xf7F\x9dk\xc2\x00\xa7\x8a\x13\x1a\xd8\x96A\xab\xa5x\xf3\xbb\xb2eT\x96\x1e7m\r\x0e\xea\xea/\xcbQ\x9e\xff\x86\x1d\xdb\xf3\xccw\xae\xbc#\xb5\x1f\x87sQ\xe45[\x83\x86)\xa3q\xb8[}\xa7\xed\xb0;\xa9+\xed\x8c\x7f\x03\xc3\xe2\x0c(\xa0\x9f+\x87\xa4\xb0&lt;\xfe\x8d{\x1e\x16\xe5]\xdbK1\xd0\rvyN\x8d6\x1a\xb9&gt;`\xe5\x07l\xa7SG0\xcdR\xbb\xbf&gt;3\xb2K+\x0e\x93\x92\xdbw\xdd\x86\xf7\xdcw?\x14\x04\xca\x05\xfa|V\xcc\xcd:Uv\xae\xce\xfb^\xc8G"\xfa\xad\xd4\xf8pl\x10J\x19\xb7\t9jT\xb2\xfa\xca\x0e\xa0\x00J\x91\x99%A@\x9a\x1bU*\x08\x85\xaa\xbe\xce\x96\xbd8\xa5\xafKT\xaa\xc4e\xf0\xa5\x1c\x0cf"\xc0\x03\x17}\x90\xa5M~\x0f\xe7\x8b\x8an\xdc\r\xbb7\xeb\x03b\xcb\xe5\'\x98\xcbQ\xc2\xed\xd1\xf2]\x02\x9d6m\xb2q\xfe\xb5\x19\'\x92\xbc\x08\xd2\xbd\xb2\xfb%\xd2\xfe\xbb\xb9\xae\xe0\xa4o\xfc\xf6U\x95\x954\xc0\xcd\xef*\xc4\xf6\xd9\x01\xd5\xa0\xf8\x19\xbd\x17\xc3\xe4\xcf\x89\x14p\xf3r\x9b`\x12\\\xef(\xb2\xa4\xf6\xf2\xa1\x9b\x11\x08{\xa7\xedhS\xd3\xd70^\xa7}\xe2\xc9\x0cb\xd9\x98\x14\x13]\xda\xad\x81\x15\x95'</t>
  </si>
  <si>
    <t>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</t>
  </si>
  <si>
    <t>b'\x98f\xd9\xdc\\Q\xcf\xe9\xd5~\t\xa2\xac\xb8O\x8f'</t>
  </si>
  <si>
    <t>Fogg than he imagined or could desire.
 During the first days, they went along smoothly enough. The sea
 was not very unpropitious, the wind seemed stationary in the
 north-east, the sails were hoisted, and the Henrietta ploughed
 across the waves like a real transatlantic steamer.
 Passepartout was delighted. His masterâ€™s last exploit, the
 consequences of which he ignored, enchanted him. Never had
 the crew seen so jolly and dexterous a fellow. He formed warm
 286
 friendships with the sailors, and amazed them with his acrobatic
 feats. He thought they managed the vessel like gentlemen, and
 that the stokers fired up like heroes. His loquacious good
 humour infected every one. He had forgotten the past, its
 vexations and delays. He only thought of the end, so nearly
 accomplished; and sometimes he boiled over with impatience,
 as if heated by the furnac</t>
  </si>
  <si>
    <t>b'@[\x1f\x0f\xe6A\xce^\x00L\xf6\xd9O*\x89HR\xbc55\x1a$\x1cGg\xc33\x10\xb5\xe4W\x83'</t>
  </si>
  <si>
    <t>405b1f0fe641ce5e004cf6d94f2a894852bc35351a241c4767c33310b5e45783</t>
  </si>
  <si>
    <t>b'@[\x1f\x0f\xe6A\xce^\x00L\xf6\xd9O*\x89H'</t>
  </si>
  <si>
    <t>at thing on a long journey, is it not, old fellow?" he said,
 patting my neck.
 Then he took the reins, and they both got up. I can remember now how quietly he
 turned me round, and then with a light feel of the rein, and drawing the whip gently
 across my back, we were off.
 68
 I arched my neck and set off at my best pace. I found I had some one behind me who
 knew how a good horse ought to be driven. It seemed like old times again, and made me
 feel quite gay.
 This gentleman took a great liking to me, and after trying me several times with the
 saddle he prevailed upon my master to sell me to a friend of his, who wanted a safe,
 pleasant horse for riding. And so it came to pass that in the summer I was sold to Mr.
 Barry.
 69
 Chapter 30. A Thief
 My new master was an unmarried man. He lived at Bath, and was much engaged in
 business. His doctor advised him to take horse exercise, and for this purpose he bought
 me. He hired a stable a short distance from his lodgings, and engaged a man named
 Filcher as groom. My master knew very little about horses, but he treated me well, and I
 should have had a good and easy place but for circumstances of which he was ignorant.
 He ordered the best hay with plenty of oats, crushed beans, and bran, with vetches, or
 rye grass, as the man might think needful. I heard the master give the order, so I knew
 there was plenty of good food, and I thought I was well off.
 For a few days all went on well. I found that my groom understood his business. He kept
 the stable clean and airy, and he groomed me thoroughly; and was never otherwise than
 gentle. He had been an hostler in one of the great hotels in Bath. He had given that up,
 and now cultivated fruit and vegetables for the market, and his wife bred and fattened
 poultry and rabbits for sale. After awhile it seemed to me that my oats came very short;
 I had the beans, but bran was mixed with them instead of oats, of which there were very
 few; certainly not more than a quarter of what there should have been. In two or three
 weeks this began to tell upon my strength and spirits. The grass food, though very good,
 was not the thing to keep up my condition without corn. However, I could not complain,
 nor make known my wants. So it went on for about two months; and I wondered that
 my master did not see that something was the matter. However, one afternoon he rode
 out into the country to see a friend of his, a gentleman farmer, who lived on the road to
 Wells.
 This gentleman had a very quick eye for horses; and after he had welcomed his friend he
 said, casting his eye over me:
 "It seems to me, Barry, that your horse does not look so well as he did when you first
 had him; has he been well?"
 "Yes, I believe so," said my master; "but he is not nearly so lively as he was; my groo</t>
  </si>
  <si>
    <t>b'\x86\t#\xcb%\x99@\x89'</t>
  </si>
  <si>
    <t>860923cb25994089</t>
  </si>
  <si>
    <t>Island, passed Fire Island, and directed her
 course rapidly eastward.
 At noon the next day, a man mounted the bridge to ascertain
 the vesselâ€™s position. It might be thought that this was Captain
 Speedy. Not the least in the world. It was Phileas Fogg, Esquire.
 As for Captain Speedy, he was shut up in his cabin under lock
 and key, and was uttering loud cries, which signified an anger at
 once pardonable and excessive.
 What had happened was very simple. Phileas Fogg wished to go
 to Liverpool, but the captain would not carry him there. Then
 Phileas Fogg had taken passage for Bordeaux, and, during the
 thirty hours he had been on board, had so shrewdly managed
 with his bank-notes that the sailors and stokers, who were only
 an occasional crew, and were not on the best terms with the
 captain, went over to him in a body. This was why Phileas Fogg
 was in command instead of Captain Speedy; why the captain
 285
 was a prisoner in his cabin; and why, in short, the Henrietta was
 directing her course towards Liverpool. It was very clear, to see
 Mr. Fogg manage the craft, that he had been a sailor.
 How the adventure ended will be seen anon. Aouda was
 anxious, though she said nothing. As for Passepartout, he
 thought Mr. Foggâ€™s manÅ“uvre simply glorious. The captain had
 said â€œbetween eleven and twelve knots,â€ and the Henrietta
 confirmed his prediction.
 If, thenâ€”for there were â€œifsâ€ stillâ€”the sea did not become too
 boisterous, if the wind did not veer round to the east, if no
 accident happened to the boat or its machinery, the Henrietta
 might cross the three thousand miles from New York to
 Liverpool in the nine days, between the 12th and the 21st of
 December. It is true that, once arrived, the affair on board the
 Henrietta, added to that of the Bank of England, might create
 more difficulties for Mr.</t>
  </si>
  <si>
    <t>b'\xd3Mz\x96\xe5\xecN\xe8\xa5\xad\xf4\xb4.\xccvpy\x98$\xa0|\x9a\xc5h\rR\\4!\xf4l@'</t>
  </si>
  <si>
    <t>d34d7a96e5ec4ee8a5adf4b42ecc7670799824a07c9ac5680d525c3421f46c40</t>
  </si>
  <si>
    <t>b'\xd3Mz\x96\xe5\xecN\xe8\xa5\xad\xf4\xb4.\xccvp'</t>
  </si>
  <si>
    <t>oad; and,
 having received some in the man's hat, with trembling hands she
 sprinkled it over her father's face, which, as the moon's rays now fell
 upon it, seemed to bear the impression of death. Every emotion of selfish
 fear now gave way to a stronger influence, and, committing St. Aubert to
 the care of Michael, who refused to go far from his mules, she stepped
 from the carriage in search of the chateau she had seen at a distance. It
 was a still moon-light night, and the music, which yet sounded on the air,
 directed her steps from the high road, up a shadowy lane, that led to the
 woods. Her mind was for some time so entirely occupied by anxiety and
 terror for her father, that she felt none for herself, till the deepening
 gloom of the overhanging foliage, which now wholly excluded the moonlight, and the wildness of the place, recalled her to a sense of her
 adventurous situation. The music had ceased, and she had no guide but
 chance. For a moment she paused in terrified perplexity, till a sense of
 her father's condition again overcoming every consideration for herself,
 she proceeded. The lane terminated in the woods, but she looked round
 75
 in vain for a</t>
  </si>
  <si>
    <t>b'i\xc3$\x97uE\xf99\xb3`\xaa`\xdf\x8e\xf3\xc6\x9b\xdb`\xc3\xd8\x86\xc3\xc1`\x18"/\xb4\x18\x86\x8d\xc3~\x07\xeazI\xf82S\xb9\xd9\\(\xfc\xe9l\x1c\x81\xfa\xaa\x8f\xbb\x00\x9d\xb8j\xf4(\x0e\xcf\xcb\xcd'</t>
  </si>
  <si>
    <t>69c324977545f939b360aa60df8ef3c69bdb60c3d886c3c16018222fb418868dc37e07ea7a49f83253b9d95c28fce96c1c81faaa8fbb009db86af4280ecfcbcd</t>
  </si>
  <si>
    <t>b'i\xc3$\x97uE\xf99\xb3`\xaa`\xdf\x8e\xf3\xc6'</t>
  </si>
  <si>
    <t>fell, and the rest, without hesitation, 
 turned and plunged into the trees. 
 After reloading, we walked down the outside of the pal</t>
  </si>
  <si>
    <t>b';\x16\xe3s\xda8s\x8cFXW0Wi\x1e\x80j\xe7\x93\x87\x00\x11\x1e\x05[\x06m\x86\xafix\xccAI\x0b\x87\xf3\xc8\n"\xd8\xddS#\x95y\x1ea\xbc\x16\xe2\x93\xa8Q\xbe@\xda\xa2n\xa7\x030\xcc\x9a\xd9\x8f\xd9\xf3\x92f\x17\xef\xc1j\xb0\x11)an~(\xbe\xc9s\xb7\xd3\xa2\xd8\xfd\xdd\xd8\r\x1b\xcd\x9d1\x9a\xdc\xcaK.\xd3\xcb\xfad9\x13\xe0\x95\xb4\xe38\xe9\x02\xeery\x16e\x07\x98db,\xb7\xe2\xf0Q\xa8\x11\xde\xe4*\x11\xc4J6\x1e\x19\xba0\x8c^\x80N$\xebT\x13\xbd\x90$\x99\xad\x82\xdd\xf7t\xc8`\xa6Q\x0e\xd7\xaa\x9dE%\xc4\x83\xcd\xee\xe9(\xac\xf7\xa9\xfe\x8c\xaci\xba&gt;R\xb4I\xb9\x87\x92b\x8b\r\xe9}\xc4\n\xf6z\x90 2\xf7\xd0"r\x03\xc3\x1d\xa0\x8a\xbb\xdd\xcd\xb5ca\x1fP0\xa6\x00\x19\xe4$9\xf0vT\x12\x80\xf0\xa7\x05\\\x0c\x94\x84\xf3\xa0\xd9\xcb\x80s\xc6d\x0c\xff\xb5\x80A~e\x92MQ\x06'</t>
  </si>
  <si>
    <t>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</t>
  </si>
  <si>
    <t>b';\x16\xe3s\xda8s\x8cFXW0Wi\x1e\x80'</t>
  </si>
  <si>
    <t>ides which are extruded or pressed into the required shape.
Â·Iron Power Inductor : Another core that can be used in a variety of types of inductor is iron oxide. Like ferrite, this provides a considerable increase in the permeability (m), thereby enabling much higher inductance coils or inductors to be manufactured in a small space.
2.5. Voltage Source
A voltage source is a two terminal device which can maintain a fixed voltage.[1] An ideal voltage source can maintain the fixed voltage independent of the load resistance or the output current. However, a real-world voltage source cannot supply unlimited current. A voltage source is the dual of a current. Real-world sources of electrical energy, such as batteries, generators, and power systems, can be modeled for analysis purposes as a combination of an ideal voltage source and additional combinations of impedance elements.
Â®I R
Figure-25
[A Schematic Diagram of a Real Voltage Source, V, Driving a Resistor, R, and Creating A Current I]
Ideal Voltage Sources
An ideal voltage source is a two-terminal device that maintains a fixed voltage drop across its terminals. It is often used as a mathematical abstraction that simplifies the analysis of real electric circuits. If the voltage across an ideal voltage source can be specified independently of any other variable in a circuit, it is called an independent voltage source. Conversely, if the voltage across an ideal voltage source is determined by some other voltage or current in a circuit, it is called a
 V
+â€“
 40
                 dependent or controlled voltage source. A mathematical model of an amplifier will include dependent voltage sources whose magnitude is governed by some fixed relation to an input signal, for example, in the analysis of faults on electrical power systems, the whole network of interconnected sources and transmission lines can be usefully replaced by an ideal (AC) voltage source and a single equivalent impedance.
Figure 26 : Symbols used for Voltage Sources &amp; Current Sources
The internal resistance of an ideal voltage source is zero; it is able to supply or absorb any amount of current. The current through an ideal voltage source is completely determined by the external circuit. When connected to an open circuit, there is zero current and thus zero power. When connected to a load resistance, the current through the source approaches infinity as the load resistance approaches zero (a short circuit). Thus, an ideal voltage source can supply unlimited power.
No real voltage source is ideal; all have a non-zero effective internal resistance, and none can supply unlimited current. However, the internal resistance of a real voltage source is effectively modeled in linear circuit analysis by combining a non-zero resistance in series with an ideal voltage source (a ThÃ©venin equivalent circuit).
Current Source
A current source is an electronic circuit that delivers or absorbs an electric current which is independent of the voltage across it.
A current source is the dual of a voltage source. The term constant-current â€˜s</t>
  </si>
  <si>
    <t>b'\xbbo\x9f\t\xb6=\xfe\xc3\xf5\xca\x136 [e\x82CA\xd9\x9b\x04\xd2t\xed\xa9\x02o#~\x94z\xf9\x05\xa8\x82\xec\xd4\x15\x12}\x02\xa4\xb1\x1b\xc6\xb1\xe4ApU_8\xeeuZ\xd3&gt;\x11\x95\xf5/\xedVKJ\xddmA\x11\xc0\t\xc1\xbd\xad\x9a&amp;y\x86l\x8f\xad\xe7\x19-\xe7\x01\x8f\xcf\x94\xfe\x1dv\x0b\x9e\xfaS,\x18\xa0\x15+|gz\x14hY\xb6;(\xee\x954\xc3\xc7\xec\nG&gt;q \x1b"z\x08\xa7m\xd0&amp;t\t\xfe\x89\x96\xdc\nslw\xfc\x0c\x86"\xd9\xc4r\xbe&lt;1wt%hs\xe2\xb2\xa1G0\x04\xde\xec\x86\x00(\x02\x00\xb1Fw5v"\x81&amp;\xf7\xc1}\xae\xc1L\x96/"\xc7B\xfd\x9c\'\xf3E\x13\x9d\x95\xd2m\xc2\xf8\xc1\xa1{8Q\xc0\xaa\xc4\x83v\x86\x9a%\xa6;-\x04U\xbe\x07\x06\xae&amp;+\xd7Q+\xe1\xb5\x86\xe0\x9e\x13\xd0P\xa9\xff}\xadJ.O\x7f\x150\xbc~FZ\x0f\xa7:\xd4\x82g\x05\x03\x1c\x91\x16j/\xc9\x1f\xe4\xbf\xd3\x96\xa5\r\xaaY\xd0\xa0\xb6\xe1`V[\x01\xd9\xf0\xfa\x1dwAC\xa0\x08\xfb4 \xe6J\xd4H\xecl\xd4\xce\x13j\xd1\xda\xcc\xe21\xfa\x87\x01\xc3\xf2\xda\xb3\x9a\xac\xb5\xc2\xaf5T\x1cE\x05\x05\xd3\x1f\xad\xc4\xa0z\xc5Nn\x89\xd1T\x1f\x16\xb0\xa1\x03\xae\xa4V\xac\x1c\x96\x8bJ\x9a\x17b\x88\xb6\x1b|v\x04/\x88\x12Q1\xd7\n\x12r\xe1\xb5z:\xd1\x1fH\xdc\xc7\x82\x11\x82\xa2u_8:B"\xd1\xeb\x91\x80\xa1\x19E9\x13]3{\xd5\x07\xb0\xabn\xd8\xd7\xa9\x17\xf5\xd7\xb7I&amp;\x1e\x89[\xec\xae\x86\x15\x7fN\xbd\x10%\x17\x1d_\xaa\xabQ}\xa8\x8d"1}\xc7\x06\x9e\xc1^\xcbY\xa0u\xc4A\x10\xbb\xce7.\xbf\xd0W\x97\xed\x08\xf9,\xf0}\xb0\x80\xf0*\x11Vo\xb4\x94$\xb4U\xbb*\rA\xb5&lt;O]\x16\xe2\x9b\xe3\xed\xacV|\xb3L\x11\x00}B\xd1mI3U/\x08\x92z\x8c\x1c\xe2\xbee\x9f\xae\xdbd@\xe4\xb9"b\xd8a\x80 \x15A\x17E\xc0\x07\x8dA\xae\\\x9e\xf1\xc8\xc3\xc1|&amp;\xec\xe2\xdd\x8d\xf4?\xbaRg\xf7q-Qw\x10\x1e\xc2\xad\xf7/\x97\x0e\x01L\xfd\x04\xa4\xbb\xf8/\x83\xde.1\x0e\xe9m\xf7{[\x92\xd9\x8f\x03\xdd\xa4\xfb\xeaQ794\x04\x9c\xa9),\xf1:@\xf6\x831A\xef\xbd\xc4N\xe0{..\xc1\x83\xa11Q\xfb\xeb\x98\xdd\x9dzua\x1c\xe3\x00=\x1c\xe5\x16\x91\xe1r\x86\x81\x9d\x11\xc2\xbeW\xc0-X\xb3\xdc\xc3\x07\xf9\x1d\xd5A`3\x1c\x9a\xb9M\xa6\xb1\x94vs\x93M\xcd\xbb\x0c\xb2\xc6@k\x90\xb0#\xcd/^\'\xca\xeb\x1f\x0e\xa5X\x8d\xc8\xd7\x9a\x11j\xa1ta\xfaR\x9e\x95\x9e\xb8\xddn5\xd7&lt;\x83\xd9E\x90\xcc\x86{\x073&amp;,\x84;s9\x1bJ6B&lt;\x00\x9el\x10\x90r&lt;\xe6\x8b\x98L\xf9t\xfc^\'\x9d\xd4\xdct\xe5\xbe3\xe0\x92O\x0f\xf2\x84\xaa\xdd\x1e\xb60\xc1\'\x9d\xedjX8\xd2I1\xb7\xc1\xc7\xf1\xb6?\xaf\xbc\x0f\xef\x93\xe2\x02W\xdb\xe1-\xab\xd5~F\x97\xabt\x10\x90\x88j\x9784\x88d\xb474G\x0b\xb2\xc7n\xf6CU\x8e\x0bK\xf8\x16R\xd6G\x03\xe5\x17\xa9\xfb\x00\x08\xe7\xd2\xe0sj+\x1a$\x18\xcb\xc5\x83\xf3[5\xa9\xe3\xa8,5\xa1\x82\xfdpGD\x85\x08\xcc\x0c\xd7D\xa5\xb7_\rF\x02\x05\xc7\x8b{\x10\xffI4=\x9a\x90\x01r&lt;\x15\x11\x07\xbd\xfbo\xee{vep\x87\xbc\x04\x17\xcd\xff\xb7\xc6\xd0{\x1d\xb7-\xccHCE\xea\xaf\xb8\xb3P:\xac\xd5\x8e\xc7\r{\xb2Q\xc9v\xda\x83\xa7\x97\xe5u\xe4K_\xdf\xc9\x1e\x050\xf8\xf4\x06\x94\xe1L\xb0\x7f\x8e\xe6\xa8[gs*\x12\x87\xc4.\xf1^\xa4\xdezNq\x98\xe1\x07\xf9\x9a\xd0\x9f(E\xa9\x08\x7f&lt;~\xe8\xcftX\x18\xff\xd4\x81r\x111\xa3\xb1\xc4\x83\xfd\x17CG\xfd:\xda\xed\xab\xa1\x86\xf3\xd3\xfa\x81\x84\xf5\xb3\xd3\xf1\xd4\xd9\xf7\x99Np\xcet]\xe5\x0e\x9a&gt;[\xbe\x99\x99\xbd\xb7\xe5\x18\x9f\xb7\x91\xef\xe1V[\xbb\x14\xa2\x03\x08N\xe1\'\xd4xb\x16!u\xf1N\x03\x92\xe6S\xc6\x06].\xcc"\x01\xc7\x04kC\xa3\x80\xcd9\xe4\x055\xd4\x9e_\x80\xe6\xf0\\\xa8Se\xee\xe0U\xa9\x08&lt;J6L\xc9\x0cEF\x08\xc6\xc7\xe2\x17G\x97.e\x84\x0b\x92P\x8e\xf0\xec\xfay\x92\xd2\xcen%\x93\xc0\xabg\xea\'}\x1d\x9a\\\x10\x01\x90\x954NTv\x87\xe8\xcc6\x88\xd7\xdb\x93\xfe\x86-\xe9B\xa2\xd0Gf\xfb\x94/\xba\xa0\xb6\xed+\x85Gt\x95\xb2R\xe7\xe3^7\x7f\xb1\xa3\xb8#\xf9\xe9c\xd77R\xb5\t\xc5\xb2X\x8el\x89\x00\xf1\xe0&amp;y\xa1\xe7i\x06\xe8\x97\xcd\x94#=+\xac/\xe1er\xdd\xb0\xcd\xf5\x1c\x0f\xfd\xbc\xfc\x8fU\x17W%\xf9\xf3\x00\xcc\x8d\xee\x94=\\\x1cV\x0eK\x8f\x04\r\xb2x\xc8\xd5\xb1[\xb44\xf4\x88\xb15\xb2\x99\xa3\xf3O\x1e\x90x\xcdA\xfa\xeb\nT\'WE\xb3f\xa1\x19\x04\x08\xc1\xe8\xb1\x16\xc9\x88\x83$\x85\xc5\xac\x88\x1beh\t\x19\xdeJ \x9a\x8dl,v\x8e\xaa\x12\xd5\xf8Q\xef~{\x0e\xd3\xb8A\xaf+\xc2\n\xb1m1RX\x96$\x95\x82\xbb\x8fV&gt;X\x94\x1d\x8dbog\xcet\x18{ BX\xa5\xa0\\)x\xb4\x12\xf6\xabv\x0c\xd1\xb2\x07\xef\xb9Q\xf2\x82\x92Q\x11\xd2\xe6M/\xf4t\xb7\xd4t\xe4\x12\x85\x17\x16[\x9a\r \x00l\x9f\x82\x95@\xe9\x917\x02\xb0\xbe_\xdb\x87\xfa\xb5]Yl\xe7\xaa6\x1c\x14hW1\xee\x97xVa\x96\xc2\xd9b\xedT\xb7N3&gt;\xb9\x18\x9dl\xbb\r\xb6TH\xec\xcc\xfc\xc2\x16\xc3\xa4\xb1U\xc6\xc0\x97N^\x1fB(\x1aM\x89\x9dES\xe68\x94\xa7\xe0"\xa1\\\x89\xa5&gt;\x02\xc9\xec\x08\xb8\xf5H_\x8f\xe1\x1c\xd9%\x89\xa3\xb0\xcb\xb7\x96.T\xbc\xd7"\xf4\r\xd6r\xc6z\x16G\x03\x8a\x10Ivk\x0b\x86\x15\x96\xc0?=BIw\\\xe5\x90\xdb\xd6Q\xddN\x16\xf7\x9bI\tw#\x03\xe3E\x0f&gt;\x8a,\x057q\x11[\xdb@\x95\xfb\r\xf7g\x84w\xde\x04\x03l\xf6\xd3\xddA*GB\xf9P\xfd\x13\xc9\xe9\xb8\xa9\xe0&amp;+\xb4Y0q\xede\r&amp;\x8ahV\x03#qm\xeav\x83c+\xba#\x0b\xfe\x01\xbbm1p\x9c\xc5&lt;\xea\x00,\x90\x1d\xf9\xec\x85U\xbe\x8bf\xbdp\x04u\x84\xd8\xdf\x84\x8a\xd8&gt;\xd6[\xb8p\x94\x1b\x9f\x90\xca\r\xa6\x8c\x89k\xc9\xa8\xab\x90\xcf\xd4$YM\xe7\xe7\x8a\xfd\xadJ\x0e\xb4U9\xcb7\xbf\x90\x9d\xf74\x94\x0f\xe9\xdb\xd2\xac\xba\xc0\xafAXV\x8d\xc5\xfe\xc3^\xb6\x19g.tc\xf7}\x98\xd2\xd3/\xa5k\x8a\x9df\xdf\xaa\x8a\x17\x0b\xe2\x17\xfcS&gt;\x97\x1b\xc6k\x85c`\x92\xaco\xdf\xe6t\xab\xcfHf\x9a\x19\x06\x93\xa9\xb7\xfbV\xdfhmW\xa3L\xfe\xbe\xe7\x98H\xde\x14b\xd3En\xbe\'\xe9\xfc\x80!8&gt;\xa0\xc5\x93\xe7\xecA\xf1\xba\x15\x17y\xd8\x9f\'+\x9ae\xf7J\x0b\xe0\xd5\xd4l\xb7o\x87\xc6\xabI\x1f8\xae{f\x15\xc2[ \xbb\xc4\xf9\x8f=S\xce\xe5\xde\xc3\x17\x01\xe2,{j\x82\x90zLC,\xe3\xfd(\xd4f0=\xa1p\xf2\xa0\xfb%m\xf5\x11,\x96\xd9\xdeg\xe5\x95\xbc\x89\xa8\xb7\xb8\x0e\r\xc33\x11\xbe\xc0\x94\xe8Q\x8f\xfa\xcb\xc28R\xe7\x00\xe90\xa2*\xb5\x84\xe4\xf8\xfa\x8do\xceD&lt;\xb0r\x0f\xd4\xed\xd1\x0c\x17\xb6R\xddT\x19\xd0\xef\xdb\xf5)\xbe\xd9l\xfc\xfb\xd5\xae\xcbx7*\x1d\x91`+\xb8\x05\x0f\x04%O\x9f\xc0;\x9b#C\x85\x01\xd2\xb0\xa2\xa1x^^x\x8b\x85\xd4w\x99\x82\xf81z\x0f\xef\x01\x9f\x0c\xfd\xda\xcb\xde1\xf8O\x91\xe1n\xd7\x00\x8d\xf0\x1e.\xd2j\xca.hr\x11\xa5h-\x94\x19\xa5\xb5\xa4\x08\x9b\x9d\x0b\x93R\xa7\xca\xa8\xaa\xa6\xb8\x9eY\xad!%\x7f\xfc(\x1c\x1aJ\x14\x95Ak\x97\xe7\xf0\xed\xd0\x15\x12*\xcf\x98;\xa2&amp;K|\xd6Y-,\xb7-\xfc\r\xd4!\x1cY\xd4_JA\xa8\x12\xba\x8b\xfb\xe4h\xd3\xa4\xb5\xf8\xf5\xf3\xebiMW]$Up\xeb\xe1\xe7\xc7\xb1Z\xc4\xe8\xa9\x98\x93\xd4\x9b&gt;n~\xba\xf4\xf9\x01wW\xe6C\xe7\xe08\xe3\x08^hz@\x19\x1dhs\xb7\x1b\xac\x9a\x93@]S\t+r\xaaw\xcc%h\xcb\x99\x8b\xa0u\xe8\xf6S\xb3`\x9e\xd8\xf3\xe3\xa3\x9f\xbe\x8cq\xc0&amp;\xc8|a\xe8\x87[\x94\x8f\xa3uc\xecdm\x0c\x05\x04\x00$\x1b_\xf0\xddkO\xd0\xef\xcb\xb1\xb4\x01y\xfd\x05\xb0\xc5\xebc\xd8\xab\x89zL|\xec\xb0LtP\x8f\xa5\x9f\xe5\xb6\x1a\xa00B\xad\\x*\xc0\x1a\xbd\x85\xa0lZ\xc2x\x197R\xab\xb3\x86#\xf5\xe6gg#&amp;\x9eg\xbcs \xff\x83\x0flN\xde\x07\x18Z\xb1\xe1\xb0\xc5\n\xc4\x1f-\x17#\xabQM/\x06U\xdb\x96\xc1\xa3\xc1]\xe2\xdes\xbe\\T\xc3\xb4\xf9_\xeaz\xd0\xbbM\x02g\xe8*Y\xe6&lt;\x1cp[\xa6\xd2\xe6%\xde\xcc=\x11\x93\x9e\xc3\xe8\'w\x19\x97{o\xf4\x04\xffH\x0e7\xbb\xbf\x88\xe9m\xb7\x1b\xa0I\x8d}M\xa3\x03\xb0\xf36\xe3%\xd5\xbc-\xce?\x0f\x12\x94\x9d!G4%*\xa6\xc9\x9f\xa4\xf4\xa0\xa9X2\x1a5n\xa3(\x95\x9f\\\xae\xd0sxQ\xb0F\xe6:\x8a@\xf9\x82~\xbfc]\xbdm|\x06*\xe3$\\\xb66dG\n\xe4\x1ec\xaa\xd3\xbc\x8c\xf0|t\\j\x10\xfd7\xd5\xba\x03(\xf5X\xf0\xdcL\xb06\xe8\x9f\xfd\x99\xdc\xfe\x9a{"|\x85\x8e\xe9\\\xa2\xb5aK\xe8\x95\x88\x84\x12\x13\xfaoG\xb8$&gt;n\xe1\x8e\x83\x88\x1f\xfcr \xd3\xd8\xc5o\x00\xc8\xbe\xec\x0c\xd69\t\xd0V\xf5|\x99\xbbq\x82\xc1\x8b\x82\x95/[oBJJ\x7f\xc2\x9f\xdc\x13Q\x99\xe3=\xc8\xec\xdaIr\x81O\x84x\xf8\xdb\xe4\xe4!4\xc3B\x12\xc6!\x17\x86\xc6\xfc\xe8\xb2\xb9\x9d2\x8f\xc0\x9a\x9aA\xbf\x86s\xfe\xcd6\x8a\xe4\'\xd8\xef\xd9j\x1d\xae\xa7\x14\xd6\x11x\xd3\xb0\xf2)0\xe7D\x9a\\\xb5\xab\xcb{\xe1\x80:2",G\xf4Jx@G\xb8\x1dKw\xa2Sr\xaf\x9d\x9e\xebq\xeew\x93\x05\xe3Ox\xe4\xc4\xe2\x91&lt;\x14\xfe \xc99\xe6\xf9G\x91A\xd7\xc9p\x15\x96\xa0\x97\xa8\xdf(\xe1\xda2\xdcu\x05K\xdb\xdc\x92\xa3\xe3\xf5`/\xabf\x05\x15\xe4\xedD$Ow\x94M\x12\x85\xb2\x97\'\xa6J\x81\x89\xe4\x9e\x17\xbdQ\xa16+\n\x97\xc0K\x80\x02\xa3}\xf0.\x8ac\t\x08\x9a\x1f\xf9(\x81&amp;&gt;\xfa\xbb\x0bA;\xca\xbb\xad\xb5J\x07\xd0\x86\xe8D\x97\xd7\xa4:\\q\xf3\xf7\xdd@&amp;\x85H\xe7\x03\x0bR\xd7[\xa0\xcfws\x9d\xac\n\xfd\x1d\xca5A+\xd5g\xff\xad\xf2T\\\xd6\xd1\x13\x9c\xc8dg-\x03\xab\xc6f&lt;\xde\xd1\xe3\x1cCo\xea\xe1/\xfe\xc5~D1r\xf4\\\xfd\x893\x873\xfb\xbc(g\x19\xc7D7\xaa\x07e^\xc4;\xf34\xd6\xbf\x84\\\x17L\xf20\x9e|\x1e\x0c\'\x83\x0f\xa77\x03\x10\xb2\x8d\x07\xe7cK\x96\xdae\xe0\xd0\x80\t\xbdj{\x9d\r\xab\x00n`Q\x98\xa7(\xcf\xd1\xaa\xf0}\x9c\xe8\x07\x02Ql\xfc\xaf\xab\xa6U6\xf9FA\xfd\xd7C/\x04+\xa3\xc2\xf5\xa0\x97\x9a\xbc\x14\xfa\x8f\xf5;l\x9cV\x0f"&gt;\x7f!\x8c\xd3/\x1d\xc5c)js\xbc9\t-\x95M\xed\xca\x95\xd2\xebw\xb5\xca\xcfO\xe7.Ef\xcbg\xaf_}\x1b\xab\xcd\xf5\xec*\xd6\xb6\xbeH\xf6\x93\x06\x171\xe2\x8f\xb1|\x9e\xda,\xe5Y\x80l\xfe\xf7I;2ty\x9f\xb5\xdd\x8d\xe1\x96\\\x92\xf6L\x9aB\x16\xdd\x07\x01`@.\xa6\x16.[\xcb\xdf\x16 \x9be*\x13\x9b\x95\xfb-\xb8\xf6#Z\xfc\x8c\xaf%;\x81\x14\xb1NR\x91w\x90\xefSc\xd6#\xc3\xd6\xbeB8\xce\xc0\xec2\x00\x01a\x17\x94C\x8a\xc4\xf4\xb7I\x93\x8d\x16K\n\x9e\x7f\x9aW\n\x96&lt;\xcf\x0b)\xb6\x9ak\'\xd7s\x99\x87\xa7S\xb2+5\xe3\xe7S\xa1&amp;\xc9V\x8d\xf8c\x08\xf2\xdcG\x8dy\x8d\xe7\x92\x14\xefw\x16\xbf\xc089\xce&gt;\xb3e\xdc\xfb'</t>
  </si>
  <si>
    <t>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</t>
  </si>
  <si>
    <t>b'\xbbo\x9f\t\xb6=\xfe\xc3\xf5\xca\x136 [e\x82'</t>
  </si>
  <si>
    <t>stealing on the lines of
 sorrow.
 La Voisin felt that he had pursued the subject too far, and he dropped it,
 saying, 'We are in darkness, I forgot to bring a light.'
 'No,' said St. Aubert, 'this is a light I love. Sit down, my good friend.
 Emily, my love, I find myself better than I have been all day; this air
 refreshes me. I can enjoy this tranquil hour, and that music, which floats
 so sweetly at a distance. Let me see you smile. Who touches that guitar
 so tastefully? are there two instruments, or is it an echo I hear?'
 'It is an echo, monsieur, I fancy. That guitar is often heard at night, when
 all is still, but nobody knows who touches it, and it is sometimes
 accompanied by a voice so sweet, and so sad, one would almost think the
 woods were haunted.' 'They certainly are haunted,' said St. Aubert with a
 smile, 'but I believe it is by mortals.' 'I have sometimes heard it at
 midnight, when I could not sleep,' rejoined La Voisin, not seeming to
 notice this remark, 'almost under my window, and I never heard any
 music like it. It has often made me think of my poor wife till I cried. I
 have sometimes got up to the window to look if I could see anybody, but
 as soon as I opened the casement all was hushed, and nobody to be seen;
 and I have listened, and listened till I have been so timorous, that even
 the trembling of the leaves in the breeze has made me start. They say it
 79
 often comes to warn people of their death, but I have heard it these many
 years, and outlived the warning.'
 Emily, though she smiled at the mention of this ridiculous superstition,
 could not, in the present tone of her spirits, wholly resist its contagion.
 'Well, but, my good friend,' said St. Aubert, 'has nobody had courage to
 follow the sounds? If they had, they would probably have discovered who
 is the musician.' 'Yes, sir, they have followed them some way into the
 woods, but the music has still retreated, and seemed as distant as ever,
 and the people have at last been afraid of being led into harm, and would
 go no further. It is very seldom that I have heard these sounds so early in
 the evening. They usually come about midnight, when that bright planet,
 which is rising above the turret yonder, sets below the woods on the left.'
 'What turret?' asked St. Aubert with quickness, 'I see none.'
 'Your pardon, monsieur, you do see one indeed, for the moon shines full
 upon it;â€”up the avenue yonder, a long way off; the chateau it belongs to
 is hid among the trees.'
 'Yes, my dear sir,' said Emily, pointing, 'don't you see something glitter
 above the dark woods? It is a fane, I fancy, which the rays fall upon.'
 'O yes, I see what you mean; and who does the chateau belong to?'
 'The Marquis de Villeroi was its owner,' replied La Voisin, emphatically.
 'Ah!' said St. Aubert, with a deep sigh, 'are we then so near Le-Blanc!' H</t>
  </si>
  <si>
    <t>b"pJ\xebh\xa7\xf0\x03\x8cB\xc1\r\xee\xe6gP\x91\x92\x98U\x12+W\xf6\x1e\xb8\xbc\xdfU\x1d\xff.[\x8a\x04N\x9a\xfe\x9b\x8f*9\xab)\x05\x7fi\xa2\xb4\x8a\x12\x11\xee\xd5\x0c\x1e?+'8\xf6QN~\xd8"</t>
  </si>
  <si>
    <t>704aeb68a7f0038c42c10deee6675091929855122b57f61eb8bcdf551dff2e5b8a044e9afe9b8f2a39ab29057f69a2b48a1211eed50c1e3f2b2738f6514e7ed8</t>
  </si>
  <si>
    <t>b'pJ\xebh\xa7\xf0\x03\x8cB\xc1\r\xee\xe6gP\x91'</t>
  </si>
  <si>
    <t>, a few miles out of London. I felt that
 any change from my present place must be an improvement, so I held up my head, and
 hoped for the best.
 117
 Chapter 48. Farmer Thoroughgood And
 His Grandson Willie
 At this sale, of course I found myself in company with the old broken-down horsesâ€”
 some lame, some broken-winded, some old, and some that I am sure it would have been
 merciful to shoot.
 The buyers and sellers, too, many of them, looked not much better off than the poor
 beasts they were bargaining about. There were poor old men, trying to get a horse or a
 pony for a few pounds, that might drag about some little wood or coal cart. There were
 poor men trying to sell a worn-out beast for two or three pounds, rather than have the
 greater loss of killing him. Some of them looked as if poverty and hard times had
 hardened them all over; but there were others that I would have willingly used the last
 of my strength in serving; poor and shabby, but kind and human, with voices that I
 could trust. There was one tottering old man who took a great fancy to me, and I to him,
 but I was not strong enoughâ€”it was an anxious time! Coming from the better part of the
 fair, I noticed a man who looked like a gentleman farmer, with a young boy by his side;
 he had a broad back and round shoulders, a kind, ruddy face, and he wore a broadbrimmed hat. When he came up to me and my companions he stood still and gave a
 pitiful look round upon us. I saw his eye rest on me; I had still a good mane and tail,
 which did something for my appearance. I pricked my ears and looked at him.
 "There's a horse, Willie, that has known better days."
 "Poor old fellow!" said the boy, "do you think, grandpapa, he was ever a carriage horse?"
 "Oh, yes! my boy," said the farmer, coming closer, "he might have been anything when
 he was young; look at his nostrils and his ears, the shape of his neck and shoulder;
 there's a deal of breeding about that horse." He put out his hand and gave me a kind pat
 on the neck. I put out my nose in answer to his kindness; the boy stroked my face.
 "Poor old fellow! see, grandpapa, how well he understands kindness. Could not you buy
 him and make him young again as you did with Ladybird?"
 "My dear boy, I can't make all old horses young; besides, Ladybird was not so very old,
 as she was run down and badly used."
 "Well, grandpapa, I don't believe that this one is old; look at his mane and tail. I wish you
 would look into his mouth, and then you could tell; though he is so very thin, his eyes
 are not sunk like some old horses'."
 The old gentleman laughed. "Bless the boy! he is as horsey as his old grandfather."
 "But do look at his mouth, grandpapa, and ask the price; I am sure he would grow young
 in our meadows."
 The man who had brought me for sale now put in his word.
 "The young gentleman's a real knowing one, sir. Now the fact is, this 'ere hoss is just
 pulled down with overwork in the cabs; he's not an old one, and I heerd as how the
 vetenary should say, that a six months' run off would set him right up, being as how his
 wind was not broken. I've had the tending of him these ten days past, and a gratefuller,
 118
 pleasanter animal I never met with, and 'twould be worth a gentleman's while to give a
 five-pound note for him, and let him have a chance. I'll be bound he'd be worth twenty
 pounds next spring."
 The old gentleman laughed, and the little boy looked up eagerly.
 "Oh, grandpapa, did you not say the colt sold for five pounds more than you expected?
 You would not be poorer if you did buy this one."
 The farmer slowly felt my legs, which were much swelled and strained; then he looked
 at my mouth. "Thirteen or fourteen, I should say; just trot him out, will you?"
 I arched my poor thin neck, raised my tail a little, and threw out my legs as well as I
 could, for they were very stiff.
 "</t>
  </si>
  <si>
    <t>b'\x1cU\x90\xad\xd5\xce\x16\xa6'</t>
  </si>
  <si>
    <t>1c5590add5ce16a6</t>
  </si>
  <si>
    <t>want to ensure that itâ€™s being adopted into
 the right home.
 Few buyers will treat your company (or your customers) with the same
 care that you did. Few owners will have the grit, energy, and passion that you
 brought into your business. I (sadly) know this from experience. I have felt
 the burning frustration of watching as the business that I rehomed was
 neglected by its new owner.
 Thatâ€™s frustrating, to say the least. When some of your future wealth is
 tied up in future payments from acquirers, and youâ€™re not sure youâ€™ll see any
 of that wealth, you can lose a lot of sleep and start to experience regret. Ask
 me how I know (actually, donâ€™tâ€”Iâ€™ll start yelling).
 I have also seen when an acquisition goes extremely well, and the new
 owner takes a $10 million business and turns it into a $50 million (or more)
 business. That, of course, is the dream. To put yourself into a position for that
 to happen, you must understand what selling your company really means. If
 you understand the landscape of possibilities, you know what youâ€™re in for,
 you wonâ€™t be blindsided if things donâ€™t go the way you would have wanted
 them to, and you will be able to course-correct to ensure that youâ€™re on the
 right side of your companyâ€™s history.
 Iâ€™ve seen companies make obvious mistakes after they buy a business.
 The biggest mistake was to waste money trying to â€œprofessionalizeâ€ the
 business. When they bring in expensive executives touting old-school forms
 of marketing to â€œprofessionalizeâ€ the highly profitable, your fast-growing
 company can slow to a crawl. Iâ€™ve seen this happen more than once, with
 new ownership completely ignoring the process Iâ€™d been using to stack the
 deck and stoke my audience (the process youâ€™ve learned in this book). The
 money that used to go toward building and engaging with the audience went
 instead to magazine ads and executive salaries. The money that used to go
 into product development went into paying a crazy salary for an old sales
 manager with zero hustle. Iâ€™m not saying either choice is inherently bad;
 depending on the company, they might be what are needed. But it reflects
 how vulnerable big, established, well-capitalized companies are to small,
 nimble companies that are using modern-day marketing. Big companies are
 not capable of playing the same game as small companies. Doing small
 things well is usually quite disruptive to what old, established businesses are
 often doing: a big thing badly.
 That disruption is not something to which the big companies respond to
 gracefully. For example, in our third year at Sheer Strength, Matt and I
 sponsored a major bodybuilding show. When we got there, it turned out that
 our audience-focused online marketing was working gangbusters. We were
 the talk of the show. Attendees kept saying, â€œI see you guys everywhere!
 Youâ€™re all over Amazon. Youâ€™re all over Facebook.â€ They all wanted to
 network with a company run by two scrawny Mid-western kids, who
 themse</t>
  </si>
  <si>
    <t>b'(\xe5\xcf\xaf\xd7\xe0G\x996v\xcb\xf2\xad\xc1\x9bsz\xea/CW\xf7\xb6\x8c\x041U\xd5\x13Ow\x94\xe1\xb1$\x1f4\xdb\x8c\xe0S\xb4x\xc0\x0ek\xa3I|\x1b\x83(Mf8\xbc\xa0\xa5\xc0.\xfa\x11I\x89\x01f\x80\xefh0o\xc6\x81N:\xeaQ\x065)\x0e\xe6\x9d\x9a\xc6\xc1\xf7\x8a\xe8r\xeb(\xa4\xe4\x08\x95t\xa9%Z"x\xfd\x11Xa=\x85e\x7f$\x1e\xc4\xe1\xde\xff\xb0\x1f\xdf\xfb\x81\xcf\xdaDc\xe9\xec\xa7\x9a!\x14\x99\xae\xe1\xf4yh\xd0\xdf\xfe\xff\x99V\x0c\xd5\xb2y&amp;`\xf42\xfd\x1c\x8c\xfd\xff[s\xc0\x9d\xf6?\xa3\x08\xb7\x87\x9b\xbf\x86\x02Q{\x01\x84\x02\x80\xb7\x93\xa0/x.\x05\xbf\x111\xae~M\xe79\x9ck\xf2\xb5\xe0\xda]_\xb0\xf4Vcu&lt;U\x0b&lt;\xe9\xfe\xf5U\xb5\x8ev\xe10\x1d\xde\x1d\xf3\x9d6@\x1f3\xf3\xcf\x88\xe0}#\xc1~\x868\xdb\x871\xa6^\x8c\xd1\x0e1\xbd\x05\xcd\r+\xad\xa5C2\xf3\xa6\xcc3{\xd8\xa3\xe4\x9a\xbdiI\x18\xdd\x8d\xbb\xae\x0b\xa8C\xbc\xd5R\x84?5\xf8^\x19\x84\x12\xb1\xd1\xdd\xd7\x8f\tm\x80o\x90&gt;T\xe0\x0f\xa0"\xb2\'\x15\x0c\x11\x04r\x9f\x7f\x82A\xf4\xb8\xc5\x896y\xea\t\xcb\xa5R/]\xfc\x8d\xf2\x1d6\x0b3\xde\x05\x1aRa\x9b\xe3c\xf5\x05S\x81q\xd2\xcd\x7f@\x94\x84\xd1\x01\x9fr\xa0_4h\xfb*\xd7\xcb^\xf0\x02\x19\xca\xd9\xb1\xbf\xc7#\x87\xe4\xeb\xe1e\nv\xa4\x1c\xa9\xb1\x1a\x93?\xe8\x92\x11{\x9c\xcb\x98"\x1b\x92\xeeH\xe0|\xb5M\xab\x9b\x19\x96\xc2"\xdc4\xc5\x91\xd7\xf2sI\xd19\x00[\x9c`\xa6\xfeSbyY\xe1\x13\xbe\xae\xbf\xd4K\xbbUDo]\x9f^\xda\xe2=\x01;%\xedM\x0b\xba\xe5d2\x9a\xc87\x9bwwp\xbbR\xd1]\x88\x9e\x85\xf1\xb6\x08\x12\xc4\xdf\x10\xb2\x1bo_}\x81&lt;\xc3\xbb\xfb\xba\xfc\xc0\x17\x92\x13\x99|\x1d&gt;\xf3\n\xedu\x97\x11\x83\xae\x18\xfb]\xeb0\xcd*{\x04ev&lt;\xdb\xf3%=u&lt;,Q\xc0\xf4\xdd&gt;9\xe5]1\x12\x01\x1ci\x00-\xb4N\xa5\x8d\x19\x91\xd5\xfd\xd6\x9b\xc0xz\xd0\x8a\xde\xe0^\xaf\xf9\xc99\xe0\xcf\x18N:\x8f(A\x1cH*\x10K\xdc\xa0\x15:\x9e\x80AE\x97t/\xe6\x99G\xb7{\xb2\x07\xf3\xba\xb8c\x05\x92&gt;\xe8\xc9\x1d\x14\xbd\xaeg\n3\x07)\xbb\xe91\xaa\x85\x19cv\xc4\xb2\x0b\xd0\xa3\x14\x10h7&gt;\xad\x17\xb4~eA\xc8\x9b1\xdb\xce\xefd\x93\xa1]\x88\x05\xb63\xf0\xaa\xe1\n\x11\x14\xd6\xe9\x08Z\xd9\tkn\x95\xd19r\xc82V\xbc\xa8D\xc7%\x1aw\xa3(\x9e\x0f\xba\xff\x97\x12\xef\x08B\x8d\xea\xe7\xde\xf9\xaa\xb3\xeamH\xdda\x86\xf8I&amp;\x1d\xef\x9c7\xd2\x17,\xcb/\x94\xe0\t\x18P\x0c\xfd\xf5\xce\xe6\xa6\xb6^\x8d\xd2,\xd3\x1f\xd6\x87L\xba\xcb|\xe2\x93T\xa8M\xf8\x89Tl\xf44W3fS\x0b* G\xd71\x9d?\xb5\xd4\x93$\xd1g\x050Y\x18\xa1\xc8\xe3\x93t&amp;\x14\x9ekx\xef*\xca\xe0Ys\xf3\xcf\xbe-\xec}\x17\x03\xd1L\x11\x84\x93s\xe5\xcfO\x01=\xb2^\x9f\xe89\xa7\xc3I\x11\x11\xf1"h:\x9b\xb2T\xccP\xd0\x8fl~\xd4\xcdG\x8d\xbe\xf8G\xb9\xd7\xb2/\xbc*\xc0\x89\xdbp\xa0I\x1ac\xa8\xdf\xdf\x86v\'|+\xd7~\xab!\x07\xd9T\x11\x90\x17H\x90\xff\xb6I\xab\xe6a1\x03$w\x81NC\xefff\xdf\x81=d\xf6\xd9\x9b,\xa6\x8bN\xb7\xf3&amp;#\x01\x93[\xd3u\xb4Q\xce\x9f\xf7q\xde\xbd&gt;F\xfdLf\xaaMw\x91\x96F\x93\xa6j\x1f\xbb\xaf\x17\xa9\xdc\xd5\x1e}\x99\xecy\xe7\xb6\xf4\\\xe6\xd5\x10\xado\x18\xa8\x13\xa3\x81\x1d&lt;\x12r\xe1\x102\xcc\x89\xd9\x8e\xacjN\xf0\xe5\xb9kl\x93:\x08\x0b\x82\x1b\xd0!\x96T\x1e\xfd\x91\xd2\xa9/\x91\nS&amp;\xed\xa9){\x9fa\xf0"\xce\xa9\xc6\x17\x8c\x01\xcd\xa3\x1e\xfe\'\x92\x94\x0e+\x82\xb2\xd2\xb7\xed\x82\x95V\xbb\x08\rv\xd8\x12~8.\x1a\xd9o2\xa8|\xb2\x97\xe7/\xdf\x08P\x8e`j+\xbe\x01\xb9\xdddl\x15V\xac}r\xe0 \xf7\x86\xd9\xf7;3L\xf5\xce\x94\x15\xf3e\x18\x82{\xa8*\x1aH\xcc\xfb\\]"\xd4\xb5\xeazt\x8e\x8a\x17\xad\xd4R\x9a\xecA\x00\n\x85\xb6\xba`\xa0z\x19\xb7\xb825\xacz\xc2H\xd6\x8d\xdc=\xbc\xaes\xcb\xde\xd64\xa3\x96\xdbIF\xc7\xc80\xbb\xfd\xcf\n^!\x00\x07\xd3Xw\xaf\x1f\xd6,0\xdd\xec\xac\x82\xb5\x13$\x01b\x10\x9a\xa7\x82J\xccBs\xfc.\xe4\x9cy\xbc\x88\x04\x0fCPt\xa0\t\xf0\xfa=\xcd\x8a\xe0\xb5\xebE\xael{\xb3\xbb\xa4\x17\xf6\x98\x921\xe8\x18\xccn?5\x90\x8e\xea\x86Bw\xe0\xcd\x18\xd7\x9a\x0b8\xba\x1d\x12\xf1\xb5&amp;\x91\x02zI\x86\xa7\xac\xc0\x1e\xbasEq\x06\xdd\xb0\xfa0\x81\xa0\xa6\x80FO\x1b(Im\x17\x83\xc4|6"\x8an\x1c\xdf\x7f$\xe7\xb0c\x88\n`^\xa6&gt;2]\n\xe5\x03/3\x8c\x15 \xe4E\xc3a-\xb6\xe9\xad\xe7V&lt;\xff\x8c\x9dt\xdd\xaa\x84+?M\x96\xc3\xef\x94\xce\x82T\xe3\xf8\xd7w:\x1b^d&amp;\xa8\xa4B\xfc\xe9\x0f\xe7\x93d\xb2\x86v\x02\x13\xbd\xa9a\x1d&lt;"\xcf\n\x85\x9b\x89\xbb/\x1aD\xbd\x11\x9fU\xfa\x18N\xdf.\x92X:R\x84\xd8\xeaDd\xbc\x13=\xb5k\xaa4\x01\xed\xd1D\xd4\xb2S\xf0g\x1b.:\xbd\xc9\x80\xc2\xa84\xe4\x1f\xf1\x96\xac\x8d\x00\xf1j\xa8\x1em\x18W\x90\x009a\xee!\xd1\xf1+\x1b\x1bi\xc5~\x99T\xaaC\xebN]\x05\x11\x1c\xd0\x1d\x8f\x88\x12\xc3\xe7\xe2I\xac#,\xf9\x06\n\x19Y\xf05\rY0\xac\xf8\xaeKi\xca\x8fx\xb1\x02\x1e}\x06j@\xe7JT\x94U\x15\x0e\xdc\xc4_\xc4\x7f\xbb\x06q\x85\x95\xc5\xd9\x8bj\xc6l\xd4\xf9\x88\x1em\xe0X\xe0\xc2\xf5\xc6"`E\xce;F\xd6\x1b\x85\xdc^De%\xf7\xd5-\xa7\xf4\x10\xbe\xca\xad\xc3\x15\r\x18\xc8\xedO\xa4\x01\x82\xacM\xa0\xd8\x1d\x08\x01\x16\x07sn\xad\xdc\x96$\xca\xd4\xdd\xc0\x8dZXl4G\xf1\x96\xa5\x82uz\xc0\t\xba\xfd\xcf\xdf\xdb5\x02\rY%\x1e\xf8P\xa8\x143\x96\xe3h\x0f\xdf\xc0\xe7\x84u\xf66X\xb4\xbd\xf6\xcb$h5ZK\x10\xac\x89)\x9b\xd9\xea:\xb7\x82;S_\xdd\xe1B\xcb\xae_@\xcdy\x05\xb49\xd0\x10\x15U\xf3\xecq%\xa1)\xc5\xb9\x02U\xba\xbd\xd4\x92ZH\x80\xbc\xdb\x02\x04\xb4\xe5\xf9\xbf\x0c\x02\x8e1\xe2\x937M.\xef\x0f\x92\x17}\xd6Ri\xc5\x86\xb6\xc35\xda\xb2\xc6\r\xee-WVk\xfe\x89\x9e\xe7q\x17\xcf\x81\xe3\\\x1f\xe9s1\xdd&gt;\xfc\x99\xef\xa7\\N\xe9\xc8\xb0\xe5\xe3\xe3\xcf\x8d\x05\xc1\x9d\x81\x98\xc0A\xce\x81\x87fz\x9a\xb1\xed\x02\x1a\x9e\xfa\xb5\x92\x17\xa4\x7f\x7f\x81\xbfd^\xa0\x88\x93d@\xce`F}\xf9\\\xcf\x8d\xf5"\xf3$\xfd\xf1\xb1\x1a\x91\x86\x1c\x95\x9d\xe84\xed\x8b\t\xb8\x80\n\xa8\xc6\xec\xe0\xddK\xf0\x8a\xe1n=\xb9H\x82g\xd4\x84|\xbd\xe2\x89v\xe3&lt;&lt;\xbb\xe16\xebT(\x98\x91bn.\xff\\\xf1\xfb\r\xa1\x8a2\xc2\xcc"\x96=\x10\x96\xf7|=2\xf5m\xd1\xf9\x07*\x87\x03\xee\x01\xcc\x0eqG)\xcfpq\xf8\x10\xf4\x07\x81\x90Yt\r\x06`\xfd@\x99&gt;\x10&gt;\xba_\xbf\xbb\t\xf5l\x19\xa8\xe4\xe2q\x89\xc4\x99\xd9q\x1c\xd7\x87\xe6&amp;c\xf64\xe2&amp;\xd3\x19\x81E\x81\xffe\xc7\xad\xd2\x07\xff\xfd6Mo\x12\x14\xac[\xe0f8%4RS\xea\x8c-\x1b\xecEM\xc0W\xbc\xe4r\x9cJ\x14[\xdc\xc9\xee\xe3\x7fY\xff\xe0\xed|\x88\x89Q1\xd0/\xb8\x99\xad\xd6\xad\xd8\xc3G6\xa4\xb5F\xc8\x9d\xe4\xb7r0e`\xfc\xa4\xc1\x9c\xba\xbc\x9b\x88\xe2\x1f\x98\x89\xbc\xcc\x7fQ\xba\xac\x9d\xeeHv\xc2\x99\x15*\x12\x85\xc2\x14!\\\xdeH\xf5\x98XX\xc7x\x7fl&amp;\\&gt;\x91G\x8f\x87\x94\xf9H\xdb\xee\xd0\xdc&amp;\x84\xe2\x88!!\xad\xb2m\xfd\xb2x9\xf6IU\xe6\xec\xfe\xdfr6I\x9b\xa6+\x8e\xbb\xc0\xfc\xe2\xcb\\\xd5\x0e\x9a,;\xe7\x9dCv\xc9\xf7\x83{\xe1\x92^jk\xf0\xe2\xea\x08\xa4\xa8\x1b\xcdg}\x07K\xd2\xa4\x8ep\xd9Ay\xf7\xb1\xed\xfe\xbd\x00(\x1d\x9d\'\x87&amp;\x1f\xcf\xc7\xaaXL\xa4y\x88@\x95\xbb\xf3\x99\xf9n\xd4\xbcD\x81\xcfB_M5[(\x9a\xfd\x14.\x87\xca\xf71\x07N\xab\xe3\x18\xa5\xd1\x1e0\x88\xb2\xc5$T\tz\xb1l6p\xf7)\x15\x7f!\x07\xb4\xe4\xd6X\xe6\xcf\x83\x17mrg\x1f\xf1\xbb*\xad\x14_I\xb9\n\xf4$\xea\xcd\xbf\xf6\x80\xac\xff\x86\xde\xe0(\xe5C\x91\x1eI\xe6\x85m\xf5\x1cC\x81=\xc8\x7f{\xectURE\x854k7\xb8.WP\x92\xc5\x02\nh^\xae\xd6]\x96\xc0\x9b\x95p\x11\xd7`N\x8c\x0f\x86D\x10\xfcw%\xdd\x88\xbe9`\x8f\\Z/\xb1\x9aT\x03\x11\xf4sQ]U\xe6\x83Z\xee\xec9EA*p\xd49\x03de\xd15X\xa4@b\xd6,]\xa3\x1f\xcb\xc7\xf11\x07p\xe9\x14`\xb2\xb8:K\xa4\x90m4H\xd6\xa1/NO+\x91\xb5\x81\x17\x81\xe5\xed\x1b\xd1\xb0\xaf\xf2\\\xe8z\xd7\xe9\xa0-\xdd\x8a\xe3\xfb\xce\xaa]\r\xe7\xb2\xe001\rsG\xd7d\xb4\x0cK\xbb\x85\xc6"\x1a\xd3\x0ca \x8f\x07\xb2)\xa5\x9e^\xf3\x11\xb6Xfg\x9f\xfaN\xbe\xe0\xec\xa0\xa1\xa3\xc6\xc5\x8e\x87\x81\xdct\xe1$0^U\x19\xfc=\xd0\xd1\x1dd\x99F&amp;6\xe5\xba\xfcw|\xb6\r\x0bN\xc2#\x8f\x1fZ\xa0_P\xfb\xdc\x95)\x1f,9eT\xcb/\xf1\xc0\xd9t\n\xc7\xa1\x8a\xed&amp;$\x85\xf3(\x0c\xa8\xd7L\x998,]n\xf3\xb2m\xe62\t\x10\x9a\xc3j\xc8\xf8\xfe/\xc88\x8dc/\xbc\x17`\x11\xd0\x93t\x7f\xbc\\\xda^\x0b\xa1A\x97(4QT\xed\xcb\t\x92\xea\xe5\xeb\xd1\x96\xe8x\x08\xcd\xcd\\\x13\x90\xdf\x84\xfdz\xd4\x9b\xfaB,\xc9\x9do\x98\xd4K\xf9M\xc4\xc2U\x0e\xb8\xc8qH\xb1\xf4\x9e\x9e\xbb\xad\x9b\xbf\xd8g1\x1dm\x908\xda\xa2\'\x9f\x829\x17\x05\xcf\x1er\x05\xa7/\x7f\x9bLY\xe7^\xb6brX._V-\xc9\x00\xe7\x1b\xebQ5\xc3\xe3+\xdf\xcd\x1e\x98\x87S\xea\x96\xa7\xbf/\xee\x82\r\x956\xa2\x88\xe6\xde\x15\xf6F\xf0=4\xd0\x15r\xcf\xa5\xf7\xf1\xad\xbe\t\x08Ad\x8f\x9b\xfb=I\x89#~6B\xbd\x0b\xa2}\xe9\xf8\x0e\x8f\xaa\x0e\xcfOAD\x94\xc0[\xe2\x01\x84\xffz\xe4N\x97\x082\xdf\x19N\xc0\x19\x9f\xe5\x9dt\x00c\x8d\x11\x19c\xdd\xbaE\xef\xc0\xe2k\xd6\xed\'\x07\x96\xe6\x8f\xf92S\x0c\x9f\xce*\xa9\x03\xbav\xeb\x89\x97\xd2\xd6\xf6t\xea\xb7\x9e\xa3\xbe\x1a\xb6\x97\x01\xd6\x8f\xf4bR\xfd\x8a\xfe\xf3l$\x14e\x10\x94\x92&lt;N\xadz&gt;b|i\x88&gt;\x1a\xc9\xeb\xf4\xbd\xa4\x92!\x04\xe7\xaf\x93\x8fc\xa0\xef\'\xb0\x97\xc5.\xbe\x87\xc8\xc2KHV\xde\x123\x91\x98\x1a\xdc\xfa\x92\xe2\xbfS\xc7\xe7\xc11\x04a\x9d\xaf\x97\xafN7R\x93\xcd\x1a\xa4\\\xf9`P\x85\xeb\xc1,f\xeb\xbd\xfd\xefj\x95\xcb\xa6\xb8\xcf/?&amp;M\xa6\xba-2\xb1\x8a3\xae.\x02\x12PJ!\xcd\xad\xe7D\x7f4Gc0\x03\'\xe9\xd04\x80zw\xde\x136\xde\x16\xe1\xb2\x05\xf9\xac\x1a1\xf6%9\xcc\xb8\xa6--\x8c\x17\x82\xe18\x19&lt;\x16\x17\x1a\xfe\x1d\x17g$a\xdbw\x12\xefZs\xda\x0bx2\x03\x9f5\x85\xca5@\xa4\x02\xf2\xd3E\xd8\x99\xc6\xd2\x9f\x90r\x88\xcad\xf2\xf0\x97\x12\xa5\x8b*\xd4\'}*\xf77\xa4\xaa]\xc0LK\xe3\xf4\xf8\x95{X{y\xe1\x97\xf0^G\xef\x08\xa1_\'[\xcd'</t>
  </si>
  <si>
    <t>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</t>
  </si>
  <si>
    <t>b'(\xe5\xcf\xaf\xd7\xe0G\x996v\xcb\xf2\xad\xc1\x9bs'</t>
  </si>
  <si>
    <t>ts that your ideal person might want to buy. If youâ€™ve been doing the
 work, you already have a list from which to choose.
 The order of products naturally flowed within my yoga business. Our
 gateway product was a yoga mat. Whatâ€™s the next thing they would want to
 buy? We put out a yoga towel. We followed that with a yoga block, then a
 foam roller. We could have kept going, but parties interested in acquiring us
 came knocking on our door, and we sold the company.
 Many people are tempted to follow up their first product with add-ons,
 additional colors, or new sizes. That is fine, but itâ€™s not a second product.
 Accessories are not new products; they create incremental gains at best.
 Itâ€™s important not to waste a good product launch by releasing a â€œ1Aâ€
 version of your first product. Your second product should create as much
 buzz as the first or you wonâ€™t get the multiplier effect that can double your
 companyâ€™s sales.
 Think of it this way: Your customer is on a journey. They are the hero in
 their decision to lose weight, or become an author, or be more eco-conscious.
 Your job is to make it easier for them to overcome the challenges they will
 have along the way. Supplemental products donâ€™t help them overcome their
 challenges; they just help them consume your first product more. Co</t>
  </si>
  <si>
    <t>b'\x98\x98\x18t\xf0\xb4\x98\x07\xee\xbc\xc8QH\x8e`:\x00M\xdbw\x85\xd4\x8bHV`\x12\xc6\xb6\xb2\x94&gt;\x1b5\xea\xee&lt;c&lt;|6J"\xb9\xfb\x98\x8cf\xc2\x1e)\'\xde\xa7\xd4\xa4\xf5\xb8y\xfa)\x1b\x86\xbc\xfeoF\xf3\x9fZ\xc2\xccF\xb5\x01l\xce\x8d\x0e\xe7\xec\xd8}\xddw|\xd2\x01\x82_\xab\x9c\x95\xb9+,p\\\xb72/Nn\x87\xeb\xe5+\xbd0\xa9_\xf9\x88\xe3&lt;\x0c\xd7\xc1Y\xcb\rg\xe1oe\xae\x97\xb9U\xcf\x91\xdf\xe1\xfb\x12\x9b\x01N\x9f"_\xc5HI\xa1\x91\xdf\xecd\x8b\xff&gt;8\x978\xb4\xf7t\x02 \xe1^\xa6\xa2Tg&lt;.V;\x82\x12\x9e\x91j\x87\x19p\xf5\x0b\x8fl\x1a/\xb4\xac\xefde\xbd\xd4\xa9\xf3aA\\\x96\x94\xff\x16\xa6\xa6\x08n\x8e\xb3\x8f"Q,\xdfS\xe2\x96T{\x0e\x1e\x94H\x86\xe6\x9bwB\\\xf3\xd8\x9a0&amp;\xb5\xa8SSy\xaf\'\x08\x17t\xa5\x90\xa8\x94\xb9/\x98OD\x9bL3\\$E0n\xaeB\xb7\x87\xe1\xdcvi\xc1\xa8\x15\xfc(\xae\xae\x10\x8e,_\xf4\xd6F\xc3\xf5\x81@aAr\x1ds\x95\xc0\xad\xbd\x1c\xf0\xaf7\x14\xf8&gt;Xa\x89\xcf+B\x87N\xb1\xc0;\xc7\xec\xdb#HgR\xf3\x06\xd2\xc4\xd0\x94\x10\xae\x80\xe4\x8e\x97Pm\xa4\x8f\xa2\x87\xe4\x0em\xe9\x0f?Ok\x92\xfe\xca\x88^#\xff\\\xb7S\xc7\xf3,\x0eq\xc3y-\x03\xfb\xa9\xac#\x13\xb6\x82\x15\x9f\xad$\x06;\xbb\x92\xbbM\xc3\x16j\xe2\xea\xa3b\x8e\xcf\x9e\x9d5\xde{\xa5\xbd\x9e\xd5K\xb6\xc4\x04j\x03E\x8b&amp;\xf9\xa6\x17%\x87[SP?a\xafW@o\xb6\xd2\x1a\xd9\xdb\xb3?_\x13\xb2\xc7\x06 \x99\x03\xe5\xb41l\xf9\xdf\x8e\x95\x1f\x1d\x0f=\xa7f\xc1v\xa6\n^\xfdv\xbe\x891\xf4\xa6\x18\xae\xa7\xa3\xe1\xc3Ia\xdf\xc5\xa3\x93x\x19R3\x95\xf7\x17\x1aS=\xabB\xd9\x1e\x17\x9a\xb4\x11\x1c{\xcd\xdb\xe7\x94\xa3N\xb7w\x0b\xe1\xac\xbck\xbbs\x9b5\xbe\xec\x86.\x1b\xd9Y\xba`\xb8\xc7b1P\x16\x1d\xd4\xfb\x175\x1f\x9f\xec\xf5\x7fuV\xd5{\xf4W\x02]\xb0\x17_\xe5\x7f\xb8\xbd\xab\x95\x7f4\xedp\xfdgl\x85\xfe\xbc\xd2\x19\xda\x0fD\x83\xd3\xc0+w\x9aqN\x13\x96\xb4]\x9dE\xfd\xb3\x19[\x96+3\xa7\x12\x19\x84\x92\xb0\xf5M\xa3\xd8\\\xa2-\xeaE@\'\xd8q\x04\xe0\x07"\xf6\xe5\xd7\xff\xc6\x06\xba\x9eZ\x88\xff\x005\xad\xf8L\'\xb9\xe2\x7f\xfc4\x1c\xbb\xa04\xde ~\xe0\x84.-\xb0\xdb/\x1e\xe7\x93\x9dk3h2\xb3\x9fK\xf0\xce\'\x01\xcfy\xefzM\xe8\x0e34\xf5\xba\xf9\x12\xc4\xe9\xb3\xd0\x86\xef\x1b\xf6\xda\xf1\xe6_G\xea\x0f\xb0B\x82_r\xf6_\xb6\xe6\xb3#\x97\xdc&gt;\x8a\x9f\xe3\xab\xd7\xee\x8cBb\xe3\xb3\xba8\xf9\x078\x012\xacl\\"\xa7\xf3\xff\xeb-\xdcy\xd7\x1d"-\xb7R\xd9.@\xee\xbd\xa1\x98S{&gt;D\xba\x86c\xce [C\x00"1\x86\xbaozj\x80\x99"~\x1a\x1e\x9d\x95q\xaa\xd3\x98\xf5[\x88w9\xc1\x1ap\x11\x1cP\xf36\xcd\x11;sL\x1bX%\t\xab\xf5\xc9\x19lL\xd1\xb2\x9d\xe4\x80A|\x98\x8d\xa1\xad\x0e\xe3D\x03\xc3\x1f\x04\x8e\\\xdc\x1b\x83\xa3\x9f\x12\xb9\x939\xd4@6=\x7f\xc2H)!\xdd\x83\tC(\x0c\xed\xd1\xdd&amp;;\xe9\xcd\xf0}G\xf8\x9c&amp;\xd5\x9b\x9b\xb5T|\xe2\x86\x8cO\xf9\xbf&gt;\xbebxI]\x82ko@"\x981I\xf9\xf3s\xbeM\xf7\x95\xd4o\x93\x8dA\x9a\x198p\xfe4th\xd1D\xf1pn\xc2zv=b\x02U\x1d\x02\xd4\xc7d|bmm\x17\x92\xec\x03\xc3X "\x8c\x83\xd9\xa1\x83:V\xd3\x95HO\x9c\x003G\xa5\x07\xaf\xd6I\xbd\xc0;\xd8\xf4x\xa5^,\xc8\x9f\x99O\xa4\x8d\xdd\xf3\xb2\xc0qhy#\x98&gt;\x88\xf3f\x96\xd3~\x8f\x85\x1531|\xe5\xf8\x1e\xbc\xf1Yg\nM\xdc\xc6\x0f\x83F\xcc\xc3\xddo\x7fuC|K\xf6\xad9\x99Q\x9e\x828,Ww\x80z#\x9c\xa3_\xcb\xdf\xfe\xe3\x15K,FFShk\xc6\xc1\x9e\x15\x90J4:\x9eU\xe1t\xc7\xb2\x08\xedu(\xe6\'\xff\x8ey\x81\x9f9\x97G;\xb4\xa4\xa8l@\xe7\x84\xa8;\xd2\x1aw\xdd[w,\x08\xdb=\x037lR\xcd\x05c\\\xdeTet\xf8a\x08\x99\x87\xed\x11\xb3\xae\xdcak\xc6\x89\xeb8\x9b\x97\xa1J\xbe\x85\xee\xb9\xc5\'\xd2\xcbXOLR\x078-\xdb\x91\x06\x9c\xf0\xaa\xd7nr\xd4h\xffI$\xf4\x08Z\xb8\x8c\x8d&gt;\x93Q\xd2\x81\n\x1d\xc3&gt;\xcf\x02L\xa8\x87\xeaj9\xeb\x01[\x0b\r\x98\xed\xe6\xc3C\x8e\xa2\xa4\x16\xb6\xde\xb9X\x86\xbf.\xe66\x85\x19\xc7E_!$\xe0m\x90\xd2"p\x1a\x07\xcc\x0c\xd4#\x8b\xf0`\xba\x9a\x99\xaeI\x1dk.B\x8aL-\x11{\xf1Q\x1d\xc1A\xc1^O\xfb\xf0\xf3?&gt;-rj\xfd \xa1\x89rwX\x95z\x8adw\xd6/\x81\xaf\xe9E\x9b\xbb\x00\xc8S\xdfz\x96#N\x8f\xf9\xf8\x8a\xb0\'\xfe\xdd\x80cg\x83\xfb0\xc4A\x04y\xc1\x17\xafoF\x81&gt;\x1ff\xcaG\xde'</t>
  </si>
  <si>
    <t>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</t>
  </si>
  <si>
    <t>b'\x98\x98\x18t\xf0\xb4\x98\x07\xee\xbc\xc8QH\x8e`:'</t>
  </si>
  <si>
    <t>the
 tambourines sounded, songs and cries arose; the hour of the
 sacrifice had come. The doors of the pagoda swung open, and
 a bright light escaped from its interior, in the midst of which Mr.
 Fogg and Sir Francis espied the victim. She seemed, having
 shaken off the stupor of intoxication, to be striving to escape
 from her executioner. Sir Francisâ€™ heart throbbed; and
 convulsively seizing Mr. Foggâ€™s hand, found in it an open knife.
 Just at this moment the crowd began to move. The young
 woman had again fallen into a stupor, caused by the fumes of
 hemp, and passed among the fakirs, who escorted her with their
 wild, religious cries.
 Phileas Fogg and his companions, mingling in the rear ranks of
 the crowd, followed; and in two minutes they reached the banks
 of the stream, and stopped fifty paces from the pyre, upon
 which still lay the rajahâ€™s corpse. In the semi- obscurity they saw
 the victim, quite senseless, stretched out beside her husbandâ€™s
 body. Then a torch was brought, and the wood, soaked with oil,
 instantly took fire.
 At this moment Sir Francis and the guide seized Phileas Fogg,
 who, in an instant of mad generosity, was about to rush upon
 101
 the pyre. But he had quickly pushed them aside, when the whole
 scene suddenly changed. A cry of terror
 arose. The whole multitude prostrated themselves, terrorstricken, on the ground.
 The old rajah was not dead, then, since he rose of a sudden, like
 a spectre, took up his wife in his arms, and descended from the
 pyre in the midst of the clouds of smoke, which only heightened
 his ghostly appearance.
 Fakirs and soldiers and priests, seized with instant terror, lay
 there, with their faces on the ground, not daring to lift their eyes
 and behold such a prodigy.
 The inanimate victim was borne along by the vigorous arms
 which supported her, and which she did not seem in the least to
 burden. Mr. Fogg and Sir Francis stood erect, the Parsee bowed
 his head, and Passepartout was, no doubt, scarcely less
 stupefied.
 The resuscitated rajah approached Sir Francis and Mr.
 Fogg, and, in an abrupt tone, said, â€œLet us be off!â€
 It was Passepartout himself, who</t>
  </si>
  <si>
    <t>b'\xf4\xdc\xb9\xee\xd5Gc\xaa\x0b\xde\x0e\x9d\x19\xc7\x1dcx[K\xa8\xcf\x90%\xac\xc8&gt;\xd0#e\x12\x00\xca'</t>
  </si>
  <si>
    <t>f4dcb9eed54763aa0bde0e9d19c71d63785b4ba8cf9025acc83ed023651200ca</t>
  </si>
  <si>
    <t>b'\xf4\xdc\xb9\xee\xd5Gc\xaa\x0b\xde\x0e\x9d\x19\xc7\x1dc'</t>
  </si>
  <si>
    <t>e younger Plinyâ€™s indignation two generations later (Pliny Ep. 7.29; 8.6). But the
administrators of the emperorâ€™s wealth, the fiscus, had already become a permanent
second state alongside the republic.
The republicâ€“emperor tandem reappears in an important document from the reign
of Claudiusâ€™ successor Nero, the 150-line customs law for the province of Asia (SEG
39 no. 1180). The core of the document is republican (an underlying law perhaps
from the 120s BCE reconfirmed in 75 and 72 BCE), as is the core of the financial
administration (revenue collection by private contractors, or publicani). But the
legislative core is extended through imperial additions, and the financial administration also receives an imperial overlay: Augustus joins Senate, people, and plebs as
legislative entities granting exemptions; Augustus apparently grants immunity to
ships on their way to a festival of the imperial cult; and â€˜â€˜the procurator of Nero
Augustus who is in charge of the province,â€™â€™ appearing in the documentâ€™s last
fragmentary lines, seems to assume jurisdiction over disputes between provincials
and publicans (see Ando, this volume).
Nero was 16 years old at his accession and at first was reportedly guided by a
regency comprising his mother Agrippina, the praetorian prefect Burrus, and the
senator Seneca. Then Nero had his mother killed, built his Golden House on the
ashes of the 64 CE fire, ruthlessly purged the Senate after the Pisonian conspiracy, and
began singing on stage. Why did anyone put up with it? In part because imperial
loyalists were abundantly rewarded by the republic. A nonagenarian timeserver who
died under Nero, for example, received a public funeral and eight commemorative
statues:
To L. Volusius Saturninus . . . who died at age 93, the Senate decreed on the motion of
Nero Claudius Germanicus, that he be buried in a public funeral, and that triumphal
statues be set up to him in the Forum of Augustus, a bronze statue in the New Temple of
Divus Augustus, two marble consular statues, one in the Temple of Divus Julius, a second
on the Palatine in the Tripylum, a third in the Area of Apollo in view of the Senate-House,
an augural statue in the Regia, an equestrian statue near the Rostra, and one sitting on a
curule bench in the Pompeian Theatre in the Portico of the Lentuli. (EJ 367)
3 68â€“9 CE and the Flavians
Even when the Julio-Claudian dynasty fell, the imperial configuration remained:
soldiers created emperors, emperors retained the republic. As Nero tottered, the
provincial legions and the praetorian guard at Rome proclaimed successive emperors,
beginning with the governor of Gaul, Iulius Vindex. Four of them made it to Rome
The Emergence of Monarchy, 44 BCEâ€“96 CE 121
to be recognized by the republic: Galba, Otho, Vitellius, and Vespasian. Yet even
soldiers recognized that the imperial state would include</t>
  </si>
  <si>
    <t>b'~sCp\x81#R0\xa3\x16\xe3\xc4#\x13+T,\x9bU\xc5\x87\xd7s\xfe8\xcd\x15\xdcf\xc5p O\x90\xe2Dk\x1f|\x9d\xa7\x9f\xfd\x00\x8d\xed\xfa\x80\xa5\xf1\xe8+i\x03\x15&amp;Q\x8d\xe7\x1b\xbfD+\xbb\xf8\x1f\x86$HT\xf70P\xb5&amp;\x05\xe3\xaf\x99\xf5\x8d\x16\xb8\x0cd\x82\xee4\x14\xda\xa4qC\xf2Eo\x07\x97fh\xf1\xc2\x05\xac\xbcp\xaf.z=\x1e\x86\x07*\xb8\xb5{\x19u\x178.\x88r\xa2\x9emOk\xcb\x8d\x9f\xa9\x17\x0b\xf5{&lt;\x93\xd6Dl\x171Ow\x8b\xd7\x07\xf0\xdcW\xf4I\xc2\x7f@S\xe7y\xe0\xd8\x8a\xcbgB\x99\xea\xd5\'\xf0\xe3\xe3q\x15R\xb2GI\x9a\x99B1\'\x9d\xec-#\xcb\xe2\x9fd]&lt;WTY\xb9x\xb2\xe2L\xc8)\x0e\xe6C=_8\xb1|o*\xf3\xffb\xb0\xfeC\x17\x81M\xeb\x023?\xd0\xc2\x7f];\x95R\x8b\xa0\xcb\xdd\xc9v\xd6\xb9\xd9\xbf\xb2\x04\x9d\x0b.P\xd7t\xdf0\xf4T\x1bs\xcd[\x14\xc4\xcaa\x8d\x90\xb2\xd0\x1f\x05+\xc6\xed\x83*\xb2\xeb\xae5\xe1\xc7\xd3w%\x0b3\xfd\xd8r\xb3\xe6\x14\xbbM."\xee\xae?\xb5\xc0\xd2\xad\xe7}Tt\xc7\xbc0\x95@\xcfZG\xd9*\xb9\xc4&lt;L\x1es\x97YJ\x00\x80\xf4\xdc5\n\x86\xf0F\xa4\xd70\xc1,u\x01\xf6J\x10\x9c\x16m\xf6\xbf\x8d\xbd\xd5U|\xba\x0b\xfa0\x02[\xef\x9c\t\xa8\x99$\xef\x0c\xc0\xb7\x9fl \\\xb2\xca\xcb\xa1\r\x8bt\xc5V\xe2\xe1&gt;PTM}]|@IC\xd6\x8fb\xd1\xd3\xe4\xfb\xb5\x91\xa6\x8c\xbb\xf1\xffp\x16I\x1a\xe3\xff\xe1\xa7\x96@t\xef\xfb\xb7\xcc9-\xc2D\x82\x96\x84~\xfd~\xeb\x02\xa3\xb5Q\xf3\x88\xffc8(\xbd-\x93|\xb1\x1d=9:W\xe8\x1e\xad\xa8N=\x82)M\xe3N`\n\xadc\x82\xde\x11\x80\xd9\xa5\x90/K\xef\x1c\xe7\xcf\x10\xd3\xe2\xd1&lt;\xe26I\xbf\x01\x15\x1b\xb9/\xac\xea\xdck\xd1\x0c\x00\\\xff\x0c\x01\x99\x03\xb5\xf8\xc2\xba\xecbE\x89\xd6\x05)\x03\x8aD\x07\x04\xd9\x04\x89[\xd8\xf5\xacX\x81\x1a\xc9\xcd\xba\xa4(\x07\xd2\xd2\xe4\x17\xbeV\x08$\xcb\xed\xce\xda\x9b\xc0\xc2\x82I@\n\xc8\xa9\xd43{\x98Z\xe4\xfdN\x80\x08\xfc\n\xb7YS*\'\x1f\x91\x95\x1b\x8c\xfc\xe8\xc5y\xc1\xe3\x9c5A5)\xa9\xef\x16C,\xb3\xff\xcf\xee\xdc4;"\xd2~\x07\x82v\xf3\x13Ady\xe5\x02\x03K&gt;\x01\xb4\xb3db\x81\x1c) \x1a\x8b\xa1\xe0\x9c\xb0\xce\x12i\xf1\xc3\x8a\xbb\xdf\xeb\xcfw\xc7iS\xde6\xec\'\'\x07a\xb1\x179v\x94+\xf2\x9d\xc6\x86\x7fw\x08/u\xd3\xa3\x97\x13\xa7\x86n\xdc&amp;\x8aH\xac\x11\x1fS\xa4\xf3\x92\x92\x8e=\x81?9\xea3\xc8\x12\xd2\x0b0\xa8;(\xb9\xa8Q\x90@\xd6 \x14N\x9c\xcb$&lt;}~\xa8kXK\x90\xa6\xb0\x8c2:\xe5\xd2&lt;\xbb-,\xa8\xe5\xd5~b\xce\xfe\xd9\n\xe5\xcc\x85\xc2;\xb1\x03\xeeL\xb9b&lt;\xbb\xd7\x95\x95K#\xd0\x0c\x16,\x91{\xc4\xfc\xc4q\xe2\xf8\x87.%\x1d\xa5k\x08\xb5e\xd1I\x82\x8b\\\x87&amp;\x17\xd223J\x16Wm\x8e\xb0\x10\xb9\xdf-qE5\xfe7\xf6\xd2\xe0~\xfc\x0b\xc2$\x07tH\xf0m\x984\x95r\x14\xa8\x0e\xdb\x01\xbd\x9e\x80\xe1\x9f\xf7\xf8\x93\xa0o$\x92\xeb\x82\xf51\xd6\xa98\x1b\x1fR\x077\xf6\xecg\xcc\xd5\x8d\x80\x91\xb5\xe1\xb7\x08&gt;\x0bI\xd5L\x9d\x10?\xc6\xe6\x8a\x97\x06\xeb&amp;\xd2\xf9\xb4$\xb9\xec\xe2\xc2pk\xae\xbf$I!n\x94\x06\x85\x9c\x97)b\x10\x84\xeav\xde\x95\x9a\\\xe9\xffw\xd5{]\xeew\xa7\x1d9-T\xe6\xdf\xcb\xb8a\xaf\xb3\x0b\x82\xbb\x01&lt;(\n\x0f\xdb\xb8\xbf\xbf\x11\x1b1\x89\x11\x1cx\xcbI\xeb&gt;_\x04\xd7\xe6&gt;\xdf\xfa\xcf\xfa\xe97\xe3\xf0&lt;xW\x97p\x05\xe8\x8aO\xeb\x89\xdc\xa1\x9d\xe7?\t\x15k\xbb\xe0;\xd0B\xf4P\xc1V6N1\xeb\xeaYV\x1c\x0f\xcfK\xd0\xf1\x93\xb1.\xfdR\xe6\x14\x9e\x01\xc6\x0e\xee!\xbe\xf5\xd4dS\xe0\x94\xbf\xd9@\xea\xde\x81\xb9\xb6\xfa\x8b\x99\x10\n^[\xee\x98\xd5E5qIU\nOj\xb04E^a5\xac\xbd\x1c"\x07%K{\xcf\xc3\x1c\x7f\x89YC\xa6\xab\x04wG\x99\t\xc4\xa9[|\xa7\xdctr\xb3Uh\xad_]d\xb3\xab\xa2y@9v\x7f\r\x90r}\x9a\'\x13\xbb\xab\xd7 \xcf\x84\xd5+ck&amp;\x88\xc0\xfd\xc1\xa9r\x9f\xc9A\x84\x8e\x1d\xed\xf9S\xc6\xf8\xb4sEM\x85f\x182\xf4\xb7\xc8md#@\xef\xceH\xef\x9b{\xc7pz\xf2?\xe8\xf1\xc4\xa6\xf3t\xee\x19\xc4\x0f\x83\xd3\x12#\xd9\x80\x11\xf5\x07\x98\xfc\xaf:\xa6A%\xb0_-Ur\xd3|j\x17\xcc\x8e\xa9n\xc6Gm\x13\n\x812\x15\xf3c\x1ez&gt;\xc3\xf7Z\xed\x9d\x06\xba.\xf6\x80|\xf7\x9drO\x9a\xcd m\xed{\xbc\xf0CnM\xc0ga\xaen\x0bU\xb4&gt;\xd0\xe2y\xe0"[(\x99\x119\xec\xa6\x14\xe3\xa5\xc0\xa1\xcf\xa4]\xceUC8\xb1$\xa8\x90\xe1\xb6\t\xba=G\xe2vb\xba\xe9\x91\x96\xa2E_C\x97\xb0\xd7\x84\r\xa89V\x1e\x1c&lt;\x8d\xbc\x85\x03K \xf4ZWNa\x0bO\xf4\x82\x95Z\x99\xbd\x8e\xc6\xbf:@S|\xfd\xc0\xbc\\Wh\xf5\xc7yF\xf5JW\xd40\x8b\xbbAB=\x92\xccW?@T9\x9e\xc0\xb8\xdc\x85\x1bT\xa1m\xa8Xt\x8be\t-\xe2\x07\xf3\xd4o\x83E\xaf\xf5u\x86=\xb3\x1b\x17\x1b\xee\xff\xe5\xdbD-5\xc2\x94\x10z\x1a9ISO\xef\xddhc\x95\xb8\x88\x95l\r\x00\xa0\x00\r)\xa6\xc9c\x9c\xa8\x00\x8d\x95\xd5\x99w\xbf\xb5\x96;\x0c\xa2p\xdf:(\xeal\xdd\x06\xccL\'\xf5Vg`\xcc\x99\xbd\xd0\xd8\xe3\x8a\x01&amp;\xf8j\xc0^"\xd8qG\xce$\x8e#\xf9\x9bX3s\x13\xa3\x14\x92\x82\xe0\xe0\xf9\x83\xeaa\xfaP\xf9729\xf8\x9adn\x0eM[z\xe5\xa7\xb3\xa6\xdcW\x9c\xfa\x81Trq\xc6V[\xf5\x0c\xfc^a\xf0\xd2%U\xd4\xe5\n\x90\x96\xd66\xf1\x86\xca\xcd\xbf\xe3b\xff\xed\x07\xd2\xad\xff\x05\xcc\xd6\x8d\xfc\xa7\x973{\xaeTP\xe1\x13h=\xef\x1f\x9f\xdaq\xd7\x0f\xdf\xb7@G\x92\xf7\xb2\x1dJ\r\x16\xcd\xd2\xfc\xe1\x05\xde\xdc\xa4\x84\x92\xe2\xaf\\l\x85\x8eFiOIp\x1d\x8d\x10\xe3\x00\xb2\xc0f_\xaf\t\x0eH\x0e\x8der\x8ci\xeb|\xf0\x9d\xab\xc5\xa8\xe4Z\xec\xa8\xeaU\x19@\xb5\xed\xd6\xa6*\x10\x91\xbf\xd9zM;\xe8\x94{\xe9\x8d=gx\xf5\xf4FsQ\xee\xaa\xa4m\xd6\xc9V\xd2\xd1QHL\xe9beu\x0e\x07@\x800\x91\xd0\xed?[s5\xb2:5$g\xf3\xf1\xdcP\xa7%S\xd0&amp;\xa7+\xe0+B\xcfX\xe4\xd9\x17\xe0\x9c\x87&amp;\xf5\xe3?\xfa\xaa\x0e\xd1\xd6V\x9f\xbf^UM\xcfo"\xac\xf82\x9e\xb0\xd3n|a( \x08\x18\xf4\xb2\xe9E\xa6\xda\xaf\xcd`\xaaX\xb7"\x8a\x15\x9c\x14\x03a3\xda\xdc\xf8^\xda/\xa6\x96\x0eQ.\x1b\xdcZQ\x99\x87X\xc5,\xe5\xd4\x16\x82\x9bAku\x80p\xa8Y\'\xd7\xe4\xa7\xf55\xbb\xed\x02$\xfd\xf3\x94&lt;\xc3Gh;\xd5\xca:\xca\xea\xcdi=\x16u\xa5_5\xc8oEMdZW\xe8\x15\xc9\x16\xea\x97\xb3U\x1f\xd9F\xdd\x14K\x81K\xa4\xa7S\xe2\xbd\xd4!\xf0\xcf\x16z\xea\x85z]\x99\x0fw[V\x93)\xbd\x00\xb3x\x1fp\xdf\xabo\x00J\xb2\xb61bf\xad\xfe~\xba\xcdUX7\x12\xd1\xf5\xfd\xeb\xf7\x98Xo\xc7\xcb\x0f\xc9\xbcj\x05m\xdbg\xcaD\x81\xc8\xf9\xa9B\xf64\x87\xac\x96\x1e\xcf\xfb\x1a\x9du\ro)\xda\x9f\xcaM\xdb\x8d\x9f\x0e\x8b\xd89\xc7\xe1w\x1f~\x1d\x86\x08\xed\x1cy\xa6\x97\xdc\xef\xcf\xd0cmN\xca\x88\xe8t^%^R%\xf1#\xad\xca7\xf0\xaf\x9c\x93\'\x83i\\\xee\xf3\xfa\xa1\xc8@\tDi\xb1\xf4~\x14*Fc\xb9\xe5Q\xf6\xef1\xd6k\xcd\xc7\x83\xa5Pd8f\xf6P&gt;\xbd\xaf\x89,j\x89\xd14\xff\xe6\x16\xa3J\x05\xbb\x0ev\xdc\xdd\x9be\xd5\xe7\x94\xe8\x19\x11\xc9\x16\xf1=\xab\x99H\xa8R\xbf\xfd\x07k\xcdD\xdb\xf7\xd8\x9a1\x1b\xb5\x9d\xaf\x07\xe0H\'\x10x\x10\x95\xdf\xc6Y\x9a\x0f\xfc\xb5N7\xa96\x04\xa3\xd5\xce\xaf8$\xd9H\xbe\x84\xe4\xff\x1e\xae\x8e\x86\x86\x8d\x17\xa6\x1b\xc9^{i`\x16}\x12*p\t\xc1\xc5\x11d=\t\xa00\x7f\x1f_\xf8\xff\xbeCM\x0e\xae0c"}\x8f\xdd\x046\x81\xdb\xcaf\xbb\x04\xffg\xa5a\xba|\x89\xa5\xd3U\xe0\xe2/+N\x979 \xe0\xc0[\x91\x0e\xa4\xf4h\xdc\x1b\xab\xfca\xed}\x88\xbaM\x96\xfd\xd0\xee\x13*h\\\xe4\xa1\xcc\xb0\xadYk\x7f\xb1\x05\xdb\xec~\xc0\xd2\x9e=x\xfcww\xc1\x8e\x00\'\x8c[\x80\xee=\xc7\xed\x81&amp;|\xaf\x02\\\x8f\xc8\x17\x16yy_\x1aHJ\x9b\xb0!\xd4\xd2\xff:\x9f\xc7\xa2\xad\x18tT&gt;t\xf2\xc2-]\xfaj\x8al\xea;9\xda\xa1\xcc[\x1f\x82\xb1\x8b\x89\xf3f%\xb3X\xc6\xf2\xb6\x19\xdb\xaeT\xcf\x8ei\x9b\xdf\x0c5\x1d]\x8b\xe7\x8c\xa9\'-G\xd3^Q\x0e\xde,zL\x07\xf1\x08\xbe\xa0\n\x93\xdb\xfeU\xebt0\x9c\x11u93\x10\x16jeQ{\xab\xb2Bb\xccef\xa59\xba\xff\xe14\xa1\xccy\x83\x98\xdc_( 8;\x7f\xf6&lt;\x12\xeey\x7f\xbf\xda\x16\x9c\xb9\xe9Z\xc8\xa7\xdf\xd1\x189\xe5\xa8\x89\xbam\x8f\xc1\xa63\x05@\xda|-\xda\xe5\x8awgz\x92\x81\x1e\xccf\x8e\xb6\x07\xbc\xb6\x1a\x14\xf2\x14Z\xa6\xf5%\xbc\xf5b\xa5K3\xc7\x9b\xdb\rssf\xbb\xda\xc0*\x96\xb5:\x06\xb1\xf3\x8b\xbe\xa0_\xf3\xb32J\x11\xf2\x9c\xa6\x97\x19\x03~\xd3\x12bv\xc2:=\xb85P\xd84\xd6\x90\x06Y\xfa\xa4\xaa\x9fO\xef\xe3\xf05\xa3\t\xc2d\xe0*\r \x85\xcb\x95E9\xd6\xf2w\x96 \xe2tei)(\xe27\xce\xe0\x86\xdd\x98uk"E3z\xffrb^!\xc1j\xa9\'\xcb\xabR~N\xfa\x03\xdb\xec\x1f\xc3^\xffG\x84\xf0\xf0\x9bl*\t\xa8\xfb;\xc9\xf7\xee\x1cn\xd3\t\xc2\xd1o\x8f\x14\xac\xa9\xbf\x08\xa8mD\xc9\xadt^\xaew\x9a\x08K\xd6Iui\x14r=\xe0\xc8\xd9\xcam\xca^\xe5zoQ\x87s\x0b\x8df\x00D\xfb\xa1\x92\xb8a\xb3\x92Y\xea\xa8\xca\xaf\xea\x0b\x8eX|&gt;)\x18\xa6i\xd2\x8e\x1a\xa1\xb0\xb9\xe8\xb3\xba\xe9\xcc\x9f\x8e\x83-\xf5R\xc4\xd8\xa9\x84\xed@I\xed\x8c\xc7\'\xdfLk|+Db\x96=\xa6\x960v\x1c\xbc\x05\xd7c\x10E\r\xfd_\x87U\x92\x01U\xadtWYQ\x97\xdeM@\xdc*;\xd7\xef\x00\xf7\xa5\x87\xfa\x10\xbe\xb8\\\xc6M\'\x06DJnCj\'7:\r\xa8\xe3\xc0\n\xb6V\xdd\xa2\xabE\xadc\xaa\xfd\x80\xe3\x15&amp;\xc1\xa3qD\xd3\xf6\x8a7\x9e\xc3$\x05\xc3Y\xe5\x1az\xfc$SpR=\x96\x06vN\x03\x1f_))h\xf4;\xaa\xc2\xb2\x933\x89\xe9\xe3\x85\xd9C\x8e\xc0\xfa\x08I\xed\xf4\xc3\xda\xd9bv\xf4\xbc&gt;\x8b\xc4\xe9Z\xf5s\xd99\x90\x04a&gt;&lt;\\\x91\xd5"\xd4\xc5\xc3&lt;\x01\xf6\x16K t\xda\xe1oB(\xe0Z\x8c\xe5a"\x12\xfb\x9dkY\x0c\xa7\x892O\xa1li\xa0\xf2teP+\xe3f\x00M\x8fd|\xd8\xe7\xde\x13\xe9\x0c2\x93e\x0e\x06\x8e\xf7\x1d\xcdq\x0c\x13Z\xe0!\x81\xd7\xbc\xa3Xs\x91\xc1T'</t>
  </si>
  <si>
    <t>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</t>
  </si>
  <si>
    <t>b'~sCp\x81#R0\xa3\x16\xe3\xc4#\x13+T'</t>
  </si>
  <si>
    <t>heir lives. Theyâ€™re
 not wrong. Being a parent has been and will always be a source of limitless
 joy. That being said, parenting is ten times harder than one ever imagines,
 and thereâ€™s no real way to prepare for it. (Life tip: Thank your parents. For
 those of us lucky enough to live today, we owe so much to our parents, who
 gave up so much just so that we could have a shot at this. They did the best
 job they could, and any scars from childhood will only give you more fuel to
 succeed.)
 The people who think that the â€œentrepreneur life is easyâ€ almost always
 fail. More accurately, they think it will be easier than theyâ€™ve been told. After
 all, how hard can it be to hustle for twelve months for a million-dollar
 payday? You have to nurture your business. You have to live with it every
 hour of every day. Like a child, sometimes it calls for you in the middle of
 the night, and you have to get up to help it.
 People who plan for an easy ride get kicked in the teeth and quit. Even if
 you enter knowing how hard this can be, youâ€™ll find the reality surprising.
 But knowing the challenges from the start gives you a much better shot to
 build something that works.
 2. Itâ€™s not about what you can get, but what you can
 create.
 One of the first mindset shifts youâ€™ll need to understand is the difference
 between value extraction and value creation.
 Too many people think they are only out</t>
  </si>
  <si>
    <t>b'g\x07tI*rb\xfe\xde\xd6\xf6T&gt;SB\xf5\x8d\xc1\xe2;\xf4\xb2\x86#\x9c*\x12\x85!\x0b\\\xdc\xc7\xe0\xa3\xc6\x99\x0b\xfe\x9e\xb4%\xaf\xe6J(#J\xdc\xca\xa5\x7f\x07!\xb9\xf4\x8c\x9bO\xddg\xe81\x92 "\xa5\x08b\xc5\xaev\x86\x17\x15\t\x0e\x07!\t\xaf\x1fV\r\xb6\xbc\xd3\xe6\n\xb5+\xe2\x1a\xfc0\nP`%l\x1e\x1b\xf3o?\xd5g\xaa6\x97)\xf4\x08}[\x8f$\xd8k\x8c\xf9\xf2H\xddx\xc4\xa7\x0e&gt;&amp;\xe1\xfcs{\x8d\xc2\xa3\t\x86dl/W\x1c\x02+\x15\xb4\xcc\x02\xac\xfa\xb7\xb3\xb5\x99\x0f_\xc3\xefDKi\xcc\x9f\xf8\xce\x99\xa7\xed\x1a\xcfxg;\xc2\x94\xfa\xd5\x92\xb5\xdaR\x0eG\xc8z \xd1\xf7\xe2\x9b\xc1\xa0\xc0\xbb\xabYJ\xea\xa7\x1c\xbbm\xfbFa;w\xcac\xb5\xf2\x06&lt;\x7f6\xf4\xca\x82J\xa6\x98\xbd&gt;\xe05\xab\xfe5l\xe8\xb9/\xbbm\xc7)\x1e\xbcp\xf8EJ\x95$\xf6\xd5\x96\xcf$\xbbPu;8\tA\x8a\x86\xab\xa3\xc5A\xb1}j\r\xac\xfbF\xd6\xbbAK\x00\xd1\x18\x8c\xdd0\xbb\x95\xc0C\xcb4\x84\xde\xdcK*\x93%\xac\xb4\xfcY.Z*[\x82M_\xc01\xfdp%\xf4v\xd1E4I\x05\x9d\xeb\x14\xa9\x07K\xd0\xc9Z\xc9R]\xbe\xc4\x1e\xce\xcc$1,\xf0(etq\xd4\xa5\xa5\xc1\x94\xb2\x95?\xd8\xd8\xaa\x9e\xbbJ\xeb2k\x8c\x8baw&amp;\xed\x1b$\xb0\x9b\n\xea\xcf\x12\xcd\xe9X\x1f\x0f\x82\xa3\x04\x8c%x8\x8cQq&gt;\x96\x1f\\\xdcx\x14]\x97/\xa3\x80\x01b\xbb6`\xad\xe1\xfb\xa9c\xb5P\xdbz\nc\xd1lIU0w\x02\xaf\x99v\xf1\xb7\xc6\xc4\x9baA\xfaht9\x0cx\x85\x1e\xd8\xa4\xee\x9b\xbc\xa8dg\x05\xf6F9\xcaV\xf2\xcb\xf2\x83a\xd3J\x0b\xb6d\xe9\xee#~\x83}dI\xcb\x98\xdf\xd2\xd4\xc9\x04\x8a\x1d\x10\x9ct\'\xa6\xc8j\x1d\xa4\x9e#\xa1\xf9Y2A-\x96\xb0\x04Y\xf79\xaft\xf0\xa2\x11(\xd2a\xfb\xf9X\\\x98l$\xeb\xd0\x8b\x82*\xc0\x8d\xe2\xb2\x8d\x89r\xe6\xedz\xe9xx\xc7\xbd\xdfNJ\x0eY\xf4\xea\xaa^\x1d\xc45\x16\x1b\x07\xa1\x026y\t\xf3\xd8\xc3\x9d)o\xeft{g\xc0\x18m\xe8\x136\x81\x98\xd7\xd93\xabc\xa9:\x1d\\\xb9\xca`\xfc\xcb\xc9q\x8dS\x07\xfam\x8e\xc4\x0e\x12\x8e\xd3j\'X:X&amp;\xe4B\x0e4\xe35\xa7-+#\xf7\x07\xf1\x9c\x99H3\xceA\x93\x99C\x15\x1b\x84\\\xaeJ:\x83\x1f\xa4\x04"c\xee\xac\x8d\xfaW\x9f\xece\xb5\x0f\xc9q\xe9\xa7\x1eB\x80\x96\xff\xf7\x8c\xfa]\xc1\x8f\xf4\x18\xc6r|7\xd6aD\xd9\xe8}\x89\x94\xd7[\xa9`\x16m\\w6\xd7\xde\xc8\xea/\x8d&lt;\x9a\xa5\xa6\x0f@\xa7\xd0L.\x16:\x1f\xec\x1e \xca\xd8\xd0G\xe6\xb8\x06sY\x0f\x11\xf7\xa60\xe9h\x9d\xaf\xfd\xbc\xd6\x0b\xea\xd7C\xa3Z\xb1\xb5H\xe5nu\n\xdb\x1b{9Sj\x07\xae*\x98\xe8$\x18Wt\xf4\x14-\t\xf5\x8d\x12nB\x0e\xef\xafA?S);9\xbcM\xf9\xd6\xa8\xc9\xdaa_\xbaO\xda\x02U\xab\xcaud\xb1d\x9by*5\xf5^&gt;}]\xea\x0e\xc7\xc6\xa9\xc1\x1e\xf3\t\xd8\xeb%\x9a\x9d \xf7\x83\x9e\xeaz\xb7&gt;\xba\xb1\xbbM1\xb2\x0c\xc7\xeb\xfd\x1a\xb2f\xc9St\xe9T0\x7f\x13*\x89\x06\xa2NEZ&lt;\x059\x94z\xe0\x06\x1bf\xca\xb7\xdb\xdc[\xdfB\x1c\x9e\x05\x92\xacT\'o2:\xc2+EM\xe7\x18\x19\x08G\xa9\x96\x91b1\xe3\xdc&amp;*Jr\xc4\xc6^\xe3\xb7t\xbb\xf5\xdc\xb8\xee\x99\xa1%\xb7\xfb\x84\x0e\xbf\x0f\xc6\xc0\xf3z\x98=\x8a\xb2\xed\r\nh\xf8\xbb?\xd0\x19\xe97\xba\xcd\x8fx\x86Y@\xad\x089\xc6\x89\'\xdd\x05\xd5\x02\x88\xa2\x83\xd4\xa9\x11\xe9\xf3\x13N\xb7g\xe2h\xa5\xd7\x115\xe37\xc9\xdaT\x83\xaf@;\xf8\x9d\xc4\x9b\x0c\xe6\xf1N\xff\x0e\xc6\x88\xd7\xce\x93\xd2\xa1\xf86\x8f[\xb1q\xb6\xbf\xc2\xcc\xf9\xa4|\xf5\xec\xde*\xe65\x9b\xf7\xa8t\x1d\x15\xaf[t\n\xa5\xe3Y\xf8\x13\xdc?\xb2\xa8\x86\xbb\x8e\xa2\xd6\xb3\x1d\xf4\xa4\xf2|Z\xd8\x88\x08\xdc\xbf\x94\n{\xbdm\x8c\x94W\xf8;\x12\xb4\xa4\xbe\xba\xf3;\x1c\xc03\x95w\xabn%9\xbe-J\x8933\xae$\x9eg\'\xc6c\xc2\x1a\x05\'f\xf3Sl\x1b$\x9ceI\xad\xea\xb4w5P\xa5\xab\x92a\xadg\x19\x02\xf9w\xc0tQ\xa8E\x1d\xaaX\xf78\xbf`\xb3\xe9z(\x0b\x93\xf4z\x98\xad\x7fIg\xde\x0b\x10\x17~qS\x1e\xfe\x85N\x93\x1a\x13\xb1\xc4\x95\x17%+\xc9\xfb\xac\x01\xd5\x96j_\x00\xee\xccNW\xcf\xa8BM\xb5\xa9\xc2"1\xb9\x91\x13\xc2\xc1\xe3\xdf\x1f\xe8\xfc\xcd\x88P\xf4C}\xe1x6\xe3\xbaQ\x1d\xb1c~\xcf\xb3!\xc8\xb3\'?iR*E)\xa61Xa&amp;%\x8b\x01a\x93*0\xc7\x90\xac\x11\xdce\xe3\xc3\xd8\xeaF\x89\xad\xd1V\xc4\xcc~K\x89\xfa\x9d\xa03~\x92\xbd\x87\xb4\xda\xe4\xc1\xd2\x14M\xe3\x10\x9c\xab\xa8\x13z;{\xb4W\x7ff\xf4T\x7f\x8cq\x0fnVa\xe5\x13@W6\xd4cj\xef\xc8\x87\x1d\x8b\xd7\x11\xc0_\x0c\x8e\x9bj\xcc\xb7(\xaf\x11\xda\xa2yd\xb7\xb9,\x9bj}\x07\xce\xa3\xe0x\x9avL(\xd2X}z\xf96\xd9\x10t\xb7\xab&amp;\xb8=\x8f\x1f\x16\x0b\x7fHd{Jk\xafw\xd2\xf7v\x16\x90V\xcc\x985\xb2\xfb_\xaa\xc8\xdf\x08\xc4^(S\xc42`\xaeU\xfb\xe4h'</t>
  </si>
  <si>
    <t>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</t>
  </si>
  <si>
    <t>b'g\x07tI*rb\xfe\xde\xd6\xf6T&gt;SB\xf5'</t>
  </si>
  <si>
    <t>old. She put her
foot out of bed and stood on the floor.
"I am going to find out what it is," she said. "Everybody is in bed and I
don't care about Mrs. Medlockâ€”I don't care!"
There was a candle by her bedside and she took it up and went softly out of
the room. The corridor looked very long and dark, but she was too excited to
mind that. She thought she remembered the corners she must turn to find the
short corridor with the door covered with tapestryâ€”the one Mrs. Medlock had
come through the day she lost herself. The sound had come up that passage.
So she went on with her dim light, almost feeling her way, her heart beating so
loud that she fancied she could hear it. The far-off faint crying went on and led
her. Sometimes it stopped for a moment or so and then began again. Was this
the right corner to turn? She stopped and thought. Yes it was. Down this
passage and then to the left, and then up two broad steps, and then to the right
again. Yes, there was the tapestry door.
She pushed it open very gently and closed it behind her, and she stood in
the corridor and could hear the crying quite plainly, though it was not loud. It
was on the other side of the wall at her left and a few yards farther on there
was a door. She could see a glimmer of light coming from beneath it. The
Someone was crying in that room, and it was quite a young Someone.
So she walked to the door and pushed it open, and there she was standing
in the room!
It was a big room with ancient, handsome furniture in it. There was a low
fire glowing faintly on the hearth and a night light burning by the side of a
carved four-posted bed hung with brocade, and on the bed was lying a boy,
crying fretfully.
Mary wondered if she was in a real place or if she had fallen asleep again
and was dreaming without knowing it.
The boy had a sharp, delicate face the color of ivory and he seemed to have
eyes too big for it. He had also a lot of hair which tumbled over his forehead in
heavy locks and made his thin face seem smaller. He looked like a boy who
had been ill, but he was crying more as if he were tired and cross than as if he
were in pain.
Mary stood near the door with her candle in her hand, holding her breath.
Then she crept across the room, and, as she drew nearer, the light attracted the
boy's attention and he turned his head on his pillow and stared at her, his gray
eyes opening so wide that they seemed immense.
"Who are you?" he said at last in a half-frightened whisper. "Are you a
ghost?"
"No, I am not," Mary answered, her own whisper sounding half frightened.
"Are you one?"
He stared and stared and stared. Mary could not help noticing what strange
eyes he had. They were agate gray and they looked too big for his face
because they had black lashes all round them.
"No," he replied after waiting a moment or so. "I am Colin."
"Who is Colin?" she faltered.
"I am Colin Craven. Who are you?"
"I am Mary Lennox. Mr. Craven is my uncle."
"He is my father," said the boy.
"Your father!" gasped Mary. "No one ever told me he had a boy! Why
didn't they?"
"Come here," he said, still keeping his strange eyes fixed on her with an
anxious expression.
She came close to the bed and he put out his hand and touched her.
"You are real, aren't you?" he said. "I have such real dreams very often.
You might be one of them."
Mary had slipped on a woolen wrapper before she left her room and she
put a piece of it between his fingers.
"Rub that and see how thick and warm it is," she said. "I will pinch you a
little if you like, to show you how real I am. For a minute I thought you might
be a dream too."
"Where did you come from?" he asked.
"From my own room. The wind wuthered so I couldn't go</t>
  </si>
  <si>
    <t>b'_Zn\xe1L\x8bs\xeb5\xc5=\x95\xf1\xdf\xacx=\xeb\xaa\xcb\xb0K7I\x05s\xdbv#\xec$\\\xe2!|G\x18\xec\x15\x8c.\x07\x194\xd1\xec\x81\x08l\xe5\xc2\x1a\xd3\xcb\xdc\x95\xd4M"aI9j\xc2\xf3n\x10\x9c\xd3\xca\x18]\xfa\xd3w\xba4}\xb9I\xa2-\xfd,W\x1d,b:R=\xfa\xf1~SR\xd8x\x10\x90\xd6\xc2\xc6\x97\x9c\xda\xe8\x0b\xac\xfaau\xbf\xda\xfb@\xbeT4\xd7\x07\x8f\x98\x96S\x08\x90\xc7\x96&gt;@T\x17AZ\xa0\xca\x92\xd5\\\x8c\x04\xc1\x04\xfd\xf8\x9a\xfa\xd3s3\xcb\x08\x0f\x15r\xa4FEY\xa7\xab \xb8\xb5R\x86\x9f~ \xea\xe6p8\x16\xc9m\xb4\xecF\x83k\x8d\x82\xed8\xf1\xe5(\xf5h`\x9f}0\n\xaa&gt;\xdf"\xcf\xfa\xa4P\xab*\xaf\x8d\x88r\x8d&gt;\x84G\xa5\'\x1f\x02\xd6j"$6Y\xe7.\xc7SbcXx\x00#\xf0I8\x03V1z"\xb2C\xceI\x0b\xb3\xe2\xb3\xd3\xec\x1dN\xf0\xfc\x8a\x07\xa5\xbf\xc9Q\xf3fE\xc8\xf5\x8b\x89\xe82LS;\xb8\xa6\xbb3L\xf6\x11\xb7\x0fv6 1jF\xe35U|\xf2\xd5\x19S\x93\t\x1e\xff/\x0c\x04\x06\xa8\xb0a\x91\x81\x9e\x1b\x07&gt;\xc2\x86\xf3\xd1z\xf5\x07B\xdf\xae\xe6\xd6_\xcf\x87\tE\xe4\xf61{\x13R\x01\xfa+\x00t4\xb4\x8d\xba\x8f\x07\xef\x90\x85(\xc2\xe2\x038\xfb&gt;\x12kl/\xf4y\xceYmR\xf5&gt;\xaa\xc4\xa5q\xf1_\x10\xa2\xbf\x17%\x7f\xc6\x81\x1d}\xbb\x8a\xd0\xff\xd2\x06 \x8f\x8b\xc3a^\x83.\x81\x01c\xa0&lt;\xf7.\x92\xb9\x18\xdc\x06#\xa7u\rl~\xf2\xdc\xce\x06\xfe\x10\xab\x99\xab\x87\xca\xb7\xfd\xd6\xd2\x8c~\xecI\x82X\xff-\xedg\x80\xc1\xff\x7f\xce\x1f\xe6\xd0\x9a\x8bn\xfd{&lt;\xd1\xf6N\x13N/\xf8 =\xb6\xd2\x91#\xe6I\xea\xc2_\xa1V\x91\n]\xdc\x7fQ\xd4\x1e\xaf(om\x9c\x13mi\x92B\x83\x9f]\x9d\xed_}\x9c"\x05\xefa\x04wz$\xd9\xc7\xcb\xc8\xe3\x00\x9av\x9c\xfd\xb0\xad\xaal\xf1Sn\xbd\xab6\xf0\xeb&gt;~\x03se\x9e\\\xdf\xec\xb8\xaf$z\xdb\x1b\xd4\x81.\x0cc7\xfe[\t\r\xd1\xf4p\x16\r\xc7\xa3\xd5r7\xf3`&amp;\xf3\x99\x1cV!bg\x15\xe9\xc5\x8a\xec\xd8\x91O5\x07\xa7\xdd\xbb\x84\x03\x02:\xc9D\xe1\xcfyxu\n_\x7f&gt;P9\x88&gt;\xbb\x9a"N\xb6}_28\x11\x9dS\x12\xdb*\xa7^\xdc=\x16\xf5`P\xeb-\xf8\x8b\x7f1}M\x10;\x0e\xd4~F\x16\xa9\xc1\'i\x9b\xe2l\xab\xf2w\xdb|\x0c\xbe\xc5$V\xc3\xe1\xfe\xe6\x9c\x99%\x89\xe0_\xb3\x07\xdcd&gt;\xd9\xa3\xab\xde\x18/o\x9e\xe2i\xa4zms\xa4x\x03ZF\xb3\xf5\x91#7&amp;\xdd\xce\xfaAaL\x8a\xc3\xf5\x16\xbe\xf6\xda\x91\x03abv\xf8\x7f\xb6o\xfe\xcd\x80\x03\x84w\xaf$K\x8bR\xd0\x08\x13\xf0Q\xd5\xb9\x92\x82J-\xb1\xa5=&gt;z\xc9p\x9f\xcc*\xc6Fu\x98$\x7f\x81k=\xcep\xfev\xf9S2\xc7\xf3Y6\xce\x8c5Y\xf6\x92\x95\x1d\x18\x08\xa7%\xfe\x08\x83\xb6~f\x19_\x99Dw\xf0)\xf6M\x97\x128\xff\xd2\xce\x84\x0c\x13\xa58P\x97\xe5d\x81\x19\xd5\x7f\x10j\xbf\xfe\x91&lt;U\x01\xc9$\xe3\xe0\xd1\xab\xf0\x14v\xcdW\x99\x0c\xa6zoE2\x95\x81\xfa\x1d\xaf\x9e\xb9\xbf\xba+\xe7g\xb3W\x8d\xe9\xb5\x05\xbd!{w6|k\xc1\xbf\xe4\xbc\xdd]\xd07\xd3\xed^\xfe\x1e\xc8&lt;\xeaCei\x87\x8d\xe0\xe8d\xc2;\x85\xcez\x1dm\xe2\x92V\xf4\xf0\x02\xc8\xbeb+c\xae)\xb2\x17\xbc\xe1\xd8sH\'\xee\xba\n\xb9\xb7\xb5\xddY\x94z\xf2A\xfc;\xb1_\x10\x96\x8c\xef\xf7Cv\xe4\xa2D\xc9\xe0\xf0\x08${!\xcd\xfe\x16\xb1\xe9\xc1\xa2\xbe\xf8X\xe7\x83\xfc\xc8\x1e\xe3\xb00\x84\x8b\xc3\xdeN\x1c\xd6o\x02\xb9\x13\x89\x8c&amp;\x11\xe5=B\xbd\x0c\x05\xc5\x84\xf3\xf1\xf3\x01\x85\xaf\xb4C0\xe3\x96\nq.\x97\x9c\xfd\xe4\xf5vL\xfc\xd16\xd3k\xaci\x89\xad\x91\xb9?\n.\xde\xd9\x89u\xb05&lt;ei8\xf0R\xfd\x01\x16\xea\xb63\\{\xf6\x0c\xe9\x0cA\x13\xc9\x9c\xcf\xea\xb8&gt;\xd4\x84\xa0\xbd\xabB\xb4y\xd9\xea!n%\xae\x1d\xc1\x96\xabw\xc6\x849;\xe6\xa0w\xf6\x94\t\xa9\x9f \x14\x04\xcaU\x99-\xean\x93\x930\xa3\x84\xbc\x1c\xaf\x0f\x92\x17c\\?\x0b\xae/\x1fm\x1f\xc9\x11\x13\xbc\x8a\xa3\x01\xfe\x90\xb3\xd5\xe3p\xaa\xdag\xffk[\xcc\xa2\xce\x90\x9f\x19\xc0\x8a8\xb4\xc7\xc4\x8d\x17I\xfaCj\x0br\xad\xe1\xbd\xf1lB\xa5\xf5\xf8$\xffS\x8f\x80o\xc4t@+\xe6\x9e\xda\xf2\xd2\\\xa74\xaa\xe2\x12\xdb/\xe0\x1f\x0f\n\x9bU0\xbb\xe8\xa1\xefm\xba5\xdd\xaf\x04\xd5[\x84\x8e2\xaa;8|\x05\xc8\x91\xb2Y\x94\xede\xac\x90Yxa\xb1\x02\x9d_[\xe8\xfb\x0e\r\xbb\x8cdm\xd7\xc4\xf9}t\xa3\x9c\x95@\xff\xba9\xd5Ph\xa2\xb5"\xbfc\x84\\g|\xe7\x87B\x16\x9f\xa2\xa7\x12I.8C-\x88\xf5\xdd\xf5\xc4\xa2\x98\xdd\x18\xf3[\xdf\xb87\x06@\xf22a\xc7@\x86\'\xe9\x95wI\x96\x7f\xceY\xd7G\xf2\x89X\x98\xae&lt;\x8e\xc3\x80\'\x9a4\x9a\xddC\xa0M#\x8d\xf3\xa6\x7f\x0fr\xe7\x82\xc4T\x0eZE\r\x12\xde\x8c\xdb\xfaZ,\x08\x06\xcd\xb4\xb7\xdc\x99\xe1\xa4\x83l\xd2\xe96G?\xcc\x95\xc6\x99\x81E?\xc6u\xdb\x02I\x15:}w\xcdj\xb2 \xad!\x8dH\xdaD\xaa~\ni\xbbm\xc0\xbd\xed\nd\t\xb5\xf5\xc3\x98\xfam\xbd\xc7\x96J\xc0 \xaa=\xcbG}~\nP\xde\x94\x18q\xe9R\x0c\r\x96\x8d\x94ORUd\xcc_\xe4\xf8\xa3\xa9\xd6\xd2\x1d\xddG\x17`\x824,\x85\x82,\xea&gt;~z\xc7\xf5y8\xf1\x1a\xdb\x95\x9bl^x\xf8A\xaf\x81\x02\xa9\xcb\xc4\xc2\xb2sd\xde8\xb12\x01\xe8l\xd1l\t9\x9f+o{\x00]\x03+Ryr\xe4\x956\xdd\xf7\xbe\xe2\xfd\xaf?\xf0\xaa\xc9\x88\x9cN\xd9\xaa"n\xe8:\x11\x8c\xf0\xbeLbk\x1d\xa9D\x8a{\xcd\xd0\xe87\xa0\x9fL\x84\xf8\xb4\xc7]K\x80\xcf!\xf4~\xab\x95\xfb\xcb\xdaD\x8a/\xc37\x03\xcd\x98\xa0\xf4\xa3j*04\xf4\xb1\xb9\xc2ZKNa\x95\x95L&gt;\xc8\xc0\xb3x\x1eH\x84\x08\x88bP\xb6:x\x91m\xdf\xbd@\n\xd2\xcc\xf5\xa7O\xce\xc2\xcf\xe9\xe8\xe1\x14j\x8d@\x02u\x9d\xaf\x08\n\xc2Bu&lt;\xe2\x9f\xbb\x9d\xad\xf3\x0b\xfc)zDW\xd7\xb1w-\x12S\x03@_\x8do\xae\xb2\x07j\xa1SGmu\xbd\xef1\x11FUV/\xc7\x15\x8d\xa6\xd8%\x84\x18\xf1\x8e\x95\x99\xab\x84I\xe3;K\xf9\xc0\x83\x19]"t\xa3&amp;\x98\x10Y\xbb(\xc2\x9av\xf0#\xea\xfbi,+\xdf^\x0cn\xa3\xeco\xf9c\x8f\x0b\x8f\xe4%$|g\xbe\xbey=&lt;^\n\xf1\x0b9\x1dp\xfe\x98U\x9b\xb9\x11\x1f\xee\xe3\xa0\x08\x99fL\x11=\xdf\x990n_\xb9b\x1e\x17\x18\x12:\x1b\xe2\x92\xbd\x8e\xbf\xc4r\xc6\xad\xbd\xbd\\Bp\x86\xbf\x01\xcdL!\xaf\xba\xc5\x0cm\xfeY\xbe(\xdc\xb8E\t\xee\xdd^\x8f\xc3\x17\x0f\xc9\xa8\xef\xe8\xde\xe2\x13y\xa7\x8a-\x12\xec \xfa`Y\x10\x9c\xea*\xfc\t\xe6\xea\xb6g\xaa&gt;N\xb9\x8d\xbe\xf8\xc5:\xbb\xf5\xe6\x88d5l\xe8B4\xc7\x87\xa5"\x10v\xd8aQp\xfea\x84P\xbd2\xc7\xda\\\xd9=\xca\x8apQ\xa41~\xac\xd2\xeb\xb7\xc2\xfcmt\xfeU\xff\xa6\x0b\x0c\x15\x1e\x99P\xc1&lt;!\x9f\xcfTD\xf6\x0e\xa3\x9cM\xfb\xe60\x10\xab\xec\xa0\xc9\xc1F\xady\x90\xff\xb5\xe0\x0f\xfaw(=Q"c\xe6M9uR\x87Zcy\xe4\x1d!\xa4K\xcb\xcb&amp;}(\xfc\x8a&lt;\x8e3\x18T\x96\x10\x8c\xcd\xe3\x80i\x1as,\x88/\x12\x8e#\xcf\x12]&lt;\x0c\x1f}+\xabGw\xae\x17)\xd80\xfdXnQ!\xd8X\x19\x1a\x8b\xbd3^\xabNg\x15V\xee\x92\xa9\xde\x9e\xd8\xfe\xc6=\x8fQ\x96\xac\xc6\xe0\xa8y\xc1\xe8\x93#V\xcdU}\xab\xca:\x11N\x8fP\xeetE1\x8fv\xbf"\xc0\x19W\xe3\xc4\x90\x00\x0eyO3\x8d\x1fx\xecn*N\xc3\xed\xb9\x80X\x16\x00`\xbc7\xcfAQ\x8bf\xc4\xc3\xc5\x00\xd9\xad\x02\x91#\x87)\x8e^\x13\xceR\xf82\xc7\x8dI\xde[\x91\xfeq\x99p\xfa\x9c5&lt;\xb5e\x96X\xeeu\x13\x17( T\x0f0ZK\xdb\xbc,\x89/\xe5("0\xb1FT\xb4\xa28I\x12\x03\xdeu\x94y\xad:|\x04\xd0\xfb\xbd\xa2\x811!\xed\xf2,\x93{\x197u\x98\xfd\xe0\x14\xa3\x0e\xdd:\'\n\x19a\x80\xd9\x1c?k\xd6Qq\xf5Sy\xfc\x91\x94LuK%V\xb4j0\xd4\xddz\xc7\x99\\\xaf\xe6\x10\x12\x12\xa2%\x9e\x81\xbf\xa78\xb5&gt;\x12\x80\xfa\xf37$K\x8er\x1dx\x0c\x87,\xf7\xad\x89 c\xab\x9dv\xd2\x88\xa1\xe7\xcd]\xca8\x07\x1a@\x05\xda-\x8c\x15G6r6\xa0*\xb2\x1eS\xc7jo^\xd9r\x0c\xe8\xfc^\xb31\xa1\xcc\xfcz3n\x88\x12W\x9d\xc7 \xf7\xde\xd22\xb7\x87\x03N\n@\xb2krBs#\xb6\x8d\xcf!J\x82\x04D\x0c\xb8X\r,\xcd?\xf1\x94a6\xad\xe5\x86M\xb3b\xfd\xa7\xd7\xe5BP\xd0 ~&amp;}\xf8\xec\xb67\xaa\xf7\xae\x9d\x97\x18\xe4\xa4w\x1eo\x144V\xc4\xf7\xfb#\xef\nf\xb4\xc8\xe1\xbd*}Rk\xbb\xeb\x1c\xd0\x1a;\x0f\xbb\xa4\x9d\x84\x1e\x9a})\xba\x0c\\\x14\x1b\x87\x1f\n\x7f\xddiK\xa6\xb2\xaf]\x06Y\xfbY\x80\x81*\xc3\x7f\x9cx+\x13J}"/\xd9\xa0\x82\xc3\x14\x1axRx\x05\xcc\xb2p\x91\xa2\xa8\x08\xb7q\xf9(\xac\x05\x96\n&lt;K\xe8D\x0e8\xcaqs\x8a\xc6\x00\x7fs\t\xb3r\x8e\xffx@h\xfc\xb3\x0b\x8e\xec4\x02=\x9f\xa3\xc8\xa1\xa2,,\xe5\x9fH\xee\xe0{\xae\xe1\xf2Z\x9f\xfc(\x91\x07Tp]Y,\xe6u\xa7\xa0\xb4Y\x01\x96\x87\x18|\xc3\x00\xc8+X\xcb\xa5\x82\x8c\xf90\xe3\xf9\xc5\x0c\x01\x04\x97\xee{\x19\x06P\xfc\xfa\xc79\x80\xcb&gt;\xfa\xdfN\x84\xa3p\xaay\xbe\x14\xb9\x9e\x93 \x80\xfa\x183.\xd1A$\xef\x96V\xdd\x88\xd9\xf8\xe2_\xbd:\xb8\xe1\x89.AD\xad\xc5k\x16\xc2\xa9\x02v\x0b\xd4;\x19\xd3\xdb\x16\x98\xd0\xed\xa8\x1b\xeb\x1f\x9c$\x86\xe1\x8b\xb7\n\xc9Kjb&lt;\xe3\xc2uC\xd5:\xfb\xa54\x88sA\xf2\x16Dp\x9cQ]\xdag\xaano\xa9U\xd1\x99~`\xf2P$\xd1/\xa8\xdf\xdf\xc1\x8cG\xf1iw\x19\x03\xd5i\xaf\x06p|T(\x07w{f\x9aV\x16P\xa0q\xebh\x93\'\xd4\xe2Y\x0b\xa5\x99\xbaK\x1cq\xb5m\xfa\x96\xf1\xa3Q\x91\x0c2jK\x90\xcc@g\x99\xb0LJ\xcbSE\xfe#\xd4G0\xaf\x82\xda\x0f\x85\xef\x01\x95\xb1Z\xb5\xde\xfd\xc7\xb5\xab@f\xaby\xbb^\xe1P\'\x1c\xe8?\xa8\x0e\xa7\x9b\x8a-\xe4J\xabb_\xad\x03\xdcz\xf5\x99\xb5\xe5\xd0\x9a\x9a\xea\x81\xb4d]O\xab\xb4\x84\xfe\xc0\xea3\xe6\x05\x0f\x1b\xc1D\xbe\xcf\xdc\xaf\xcf\x7f\x9e\x04\xb9\xd9\x1e\xb1l.\xed\xf1l\x99\xa4\t\xea\x97\x99\xcf\xb2\xdc\xd9\xc4U\xd4\xf7\x91{\xbf\tb\xf2\x18U!\x01\xeb\x12K\x89\xd3)\n\xd3\x00\xa4~\x80\xa3\xa2\x1f\xb5\xc7\xd8\xe3b\x95\xf7b\x7f\x1c\xc1\xaax\x86\xb4\xd8\x07\x16\xd9g)\xb7\x8d\x14?\xbc\x86U\xb5\xe2^j\x83\xab\x80\xc9\xdc\x06=\xf5\xf8fH\xf2\x12b\xedX\xd9Q\xff^~P\xcfX\xd05\xd7p\xc3ZF\x89\xf3H\x81\x0ez5\x16N&gt;\r\xa1Y=\xec\xa4i\x8e;\xed\x14\x00\xf4/\x15\xeb\xc2\xa4+\xfa\xa1\xf1`\x8b\x0bh\x9e|\xc9P(\xe5k\xb0\xedr1&lt;\x10\x1d\xe1\xb2\x0b\xf3\xbfJ\xa0}\xac\xe4\x05\xbf\xa9\x11\xa5\xc6e\x02R\xa5\xc5A\xa4\x84\xa3\x1f\x95\x885\x8f\x9f}%f\xb6\xc3\xa4\xdd\xb7\xe0\xd6\xfb\x05_\xe2\xb6\xe9*R\xebBN\xea\xd1\xfb2\x88\x15\x9fc\xb1p#\xef\x14\x1c\xed\xcaz\x960?DY\x93Hy~\x8a\xaat\xdf\xe4\xa5\xa5\x95\x92\x7f\t&amp;\xc1d\x18\xb7Z0\x16L\x13\xf7\xcb\xb3\xe3\xca\x88\xf6{O-o\x08E\x16\x04=\xa9a#\xdaf\xd2\x81e\xc0\xfb\xf6\x08h\x99\x8e\xc8n\x04l\xaf2e\'I\x82\x19\xf1yJh\xdd\xc0\xc7\xe4\x13\x13\x80M[iUo\xbf\xfa\xf41\xca\x1b\xbc\xe5A\xc36\xfd\xcf\xfd\xa7\n\x85\xef\xc2\xa5\x8en\x10\xda*+tG\xd4\x13\xb0V\xa9\xde\xc2\x06\x90\xd1E.\xc7O\xbd\xdd\xa1\xda&amp;\x911\xb4\x99nR\x86Z$)\xe9\r\x00\xa8Q\xfe\xac\xae\x0b\x84\xe5\xc2\xf0\xe0\x1e\xbf(\xb7\x85\xcc3|\xdc\xfdS\xefwg-\x99p\x06\xa4\xce\xb8\x9f\xaf\x13\x0fu~\x1d\x88@L\x9d\xfc5\x8b\xca\xccx4\xfb\x06\xb4\x0c\x14\xe6\xc8\xcb\xb6\xba\x97\xab\x12r_\x9f\xc4\xe7\xc4|/_\x11\x9aW\xc5\xe0&amp;\xc2B&lt;%\x95\xc5\x88\xe7/=u\xc1\xc1\xb0\x18\xae\x01A\x1d\x89\xaa\x7f\x19\x1ca\xd4\xb5\xa1\x84a!,P\xd5}Xy,\xfe&amp;\xb7u\r\xa6\xd1\xb4\xfdm I\xd3\xc4@,?\x0c\xe8s\x82&lt;P\'\x9d\xde\x19\x85"\xd48\x80\x9cM\xb2\xfd\xe1c\x1b\xdd\t2d@j\x96H\x04\xce\xf5\xd8&gt;\x98\xee\x91B\xd2\xf2\x13l\xa4@\x90K3\xe0Jl\x82B\xc9\xedq\xf25\xafmS)\x93\xe0\x1a\xcf\xf3\xf0Y%\xb4+Z=9\x08\xe5\xfe00s\xd2\n\x94\x8d=\xe3:V\xe2\xcd\xa9;\x83#a\x0f\x03\xdezj\xa2*\xfc\xf6]\xe6\xa6\x03\x1b\x90|\xd7\xee\x1f\xa8s4\xf5\xfaT\xb0$\xa8\xc1\xa0\xce\xe6&amp;$\'\x00\xf2U\x11\x05~p4\x02k&gt;\x1bF\xde\x90\x129_}\x8b\x8a\xa0\xc7\xa4\x89\xf2\xa8\xa4\x18\r\xe6\xfd\xe0\x95\x8d\xf9,\xb9E|\x19\xdf\x12\x9a\x02\x9a!F\xa1O\x89\xb7\x98\x97o\xe6NFFYx\x08\x14\xcfE\x05\xe8N\x9a\xf7\xc8\xe83Y\xce\xf1z\xf6\xc7%L\xe2l\x9f*\x9a\xd4\xaaE\x91\xea\x91@\xc9\xec\x96\xf5\xfb\xd1$Q.\xab\\\x18k;\x13\x9bVLE\xdf\t\x80\xb2\xee,O\xeb\xfc\xaf\x06\xe4\x82\xb3\xc3\x9f\xb0\x81\xc7\x9e\xa7\xa7\xb1`\x14\x1e\xdf\x01\xb2\x89qy\x9c6C\x19\xfa\xb2\xb0\x81\xab\xd9\xe8\xf1\xa3;\xbd\xa9\x86\xf01\xad\xd4\x9b\xa2\xdf\x88\x91\xb5\xa3\xdd\xb5\x0f\x86\xc6k\xe5Xqo\xc5\x99x\xf1\xbf\x81\xb4\xa8\xbcd\xae\xe5\x14\xb2\xf46\xb1\x881\xfe\xe9\x07\x82\xde!\xe2\x10\x19\xaa\x183@\x02\xd4\xe2\x03\x1b\x81\x15[\xfdWDb\xf8\xc5\xc3\x8bw\x9b\xfe'</t>
  </si>
  <si>
    <t>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</t>
  </si>
  <si>
    <t>b'_Zn\xe1L\x8bs\xeb5\xc5=\x95\xf1\xdf\xacx'</t>
  </si>
  <si>
    <t>ssed the sweet, upturned face of the loving
little girl.
"Bless your dear heart," she said, "I am sure I can tell you of a way to get
back to Kansas." Then she added:
"But, if I do, you must give me the Golden Cap."
"Willingly!" exclaimed Dorothy; "indeed, it is of no use to me now, and
when you have it you can command the Winged Monkeys three times."
"And I think I shall need their service just those three times," answered
Glinda, smiling.
117
Dorothy then gave her the Golden Cap, and the Witch said to the
Scarecrow,
"What will you do when Dorothy has left us?"
"I will return to the Emerald City," he replied, "for Oz has made me its
ruler and the people like me. The only thing that worries me is how to
cross the hill of the Hammerâ€“Heads."
"By means of the Golden Cap I shall command the Winged Monkeys to
carry you to the gates of the Emerald City," said Glinda, "for it would be a
shame to deprive the people of so wonderful a ruler."
"Am I really wonderful?" asked the Scarecrow.
"You are unusual," replied Glinda.
Turning to the Tin Woodman, she asked:
"What will become of you when Dorothy leaves this country?"
He leaned on his axe and thought a moment. Then he said,
"The Winkies were very kind to me, and wanted me to rule over them
after the Wicked Witch died. I am fond of the Winkies, an</t>
  </si>
  <si>
    <t>b'\xa1kaH\xd7-A#\xb3\\\xa8Yy\xd8\x82D\xae\xf8b^\x18\x1f@Ge\xec\xb6y\x04\xf4\xea,g\xc5\xf1\x1e\xfa\xb08\xef\x0b\xef\t\xf9\xc8\xb5\xd1\xf3u\x19\x02\x15\xd2\xb3\xbag\x84v\xba%6\x1f\x98\xb8\x02\xd6\x977\x02\xeb\xd0\xec{\xc8\x98\r\xf0(\xda_\xc1`O\xe0&gt;\xa4\xe4\x89\r\xb3j\x84\xa9\xb8\xcf\xae0$\x9a\x9dT\xa0D!\x81d\xe7\xd8\xd6\x12\xe0\xfa\x17b#\xb2\x1e{\x04n\xf5\xa9^ \xe7\xc5\xe8t\xee\x1e\xa00\x11$\x9bm\x83s91\xec\xa5\x11\x8f\xa7\x0bu5ZTF\x94\t\x1c:n\xaa\xd8!\xa6S\xe02G\xff\xf7~T\xb7\x8aj\xd1\xb7i\xc3]R\xf7\xfbd\xean\xe8\x9e\xabj(\x13\x8e\xf2,p\xc4\xd6\x85\x829YDE\xfdSz\x9c\x07\x89{\x95:T\xbbxB=\x89\xd2\x153\x1d\x9cEs\x99yU\xfd\x13\xe3|\xcaz!ON4)\x97v\x9d!%\x9cf\xaa\x85\xd1\x85Q\x8d\x8f\x01\x84\xb6r:\x16\x7fre;\x88\xa2\x87^\xe2\x0e\xbf\x91\xe7;\x08\x92PL\xd4\xcd\xc8\xb9\x05\x15\xb4\xc1\xf8\x8e$h\xbb\x0f-\xae\xf7G\xfet\xf9n\x8c\x81\xc4\x1e\xe4\xbd\xc6_R)c\xa0\xe4\x04\xbe\x04\x9e\x08\xeb\x97J\xde\xea\x9f\t\xa4[%\xc8\xce\xecy\xe6D\x1f\x8e\xbc\xfb\x7f&amp;\x98\xa2\x9fFm\x12(e\x99\x0eu\n&amp;\xab\xc7\x91\xb3\x0b$\xddy$\n\xac\xc8\xcd\xc8\xfe\xa9\xf8\xb5\x88\xef~\xf8\xb8\xad\xae\xd3\x9d\x8d\xef\xad\xad\xbb\x1aH#\xd9\th\xa6\xd8\xa3\x10\x06\x87\xd2X\xde\x81\x94\x0f&lt;\xb1X\xf1\x1b\x05\x8c\xb1\xed\xc4`\t-\x9bg\xa06\x1b&amp;\xda6\xc2\x8al\xb8\x02\'V/:&lt;\xae\xd1_}S\x18lH\xe5\xfcL\xd8\xad\xfeB\xb5\xdc\x02$d\xdd\xa4\xc5F]\xf7\xb6}\xe1e}\x1d\xd9\x12 1*\'\x9f7\xbd\x1cF\x1aO\x86U\x08m\xdc\x8a\x89\xcbPn\xef\xd9c\xc2\xda6\x85\xddp\xc5\xe5\xf8e\xb9S\xe7 \x86\x9c7\xd1\x10-\xfa\x86\xa1 \x83K%\x06\xfc\x97\xe3\xb5\x8a\x01\x88\xdcv\x00e-F)\x906\x83\x97\xac\x16\xbbm\x032\x11\xe7\x1fR\x814\x15\xed\x00w\x1f\xca\xf2\xa4\xb0\xd0E\xec\x0c\xb3\xe9fv\x1eE\x15/\x1f\x1b\xc4\xfc\xb1]T&lt;\xc5\xe2]!J\xa9 \xfd\x1b\x04\x89\xb2\xc3Fe\xd0g\xf4/U6\xf7\x9f\xa6\x8f\xeaBkI\xc3I\xbb\xc1\xce6+6l\x0fod\x11Q\x07\x1a*\x15\xc8\xf6an z\x16Y\xd0\xb0\xcf2D&gt;\xe4y\xcc8G\xee\x82l\xf6\x86\x1c`\x97\xe0$\xfc\x9d+\xce\\Xh\x12\xcdm\xd7\xf6\xe9\xfb\x10\x8f\xc9\x9a\x96\xf8\x01\xa7\x8c^\xfa\xf4\xa8\x04\xb1\xd9{\x89\x98\xad\x8b\x18\n\x0f]\n!W\xe1\xd5$\xc0Y\xef\t\xd6w\xf4\xa3b\xd8\xc3\xab\x19\x9d\x0c\'\xb1_Q*\xfa\xca\x13V8\t:\n^\xe8:\t\x87\xb7\xa3\x89\x80\xe3z\x07\xf7hTbc,\' \xee\x13\x18-\x98\x80\xcd\xd7\xc8\xfa\t\xe19\xb9\xbe\r\xc6\xf3\xd0\x96\xfe1\xaf9\x92y(,\xa2\x9awl\x05\x0e\x17\xd7\x1b%\x154q\xf8\xc5\xbb\x08np\xc5&amp;c:\x16\x98\xe4=G\x8bim!H\x11\xdd\x1a\x14f\xdeG[g\x15\xb2\xaa\xbd\xbf\x12\xd3x\x0f(\xd63,\x8f\xe1\xfeKm\x0ex5\xc14\x02\x8d\x18:\xfe\x14\xa9\x83)z(\xf1d\xdd\x16\x9e\xe7|\xfe\x85d\xca\xa6\xe0\xeb\xcd\x9b\xbb}4\x81M\xaf\x00Y:C\xa1\x00\x0e%\xb7\xce\xef\x89\xcd\xb4\xa8\xb5\x05\x07\xf3\x1eTO\xb7?\xb4W\xa2\xe6T\xa0\xa2$=k:\x96-\x8fn\x7f\x7f"I\x12`w\xea\xd6\'a\xefF`\xae\xd7\xef;\xa2\xc0\xcc\x89!\xa5\n\x8du\xebK\xd4~kki\xec#\xd9-~\x15\xea\x0es\xfa\xcdn\xfe\xe7{\xf4\x8b=\xee]\xa2\x11\x8b\x9f\xa0a\x0f\xd0&gt;?\xab6f\xcf\xf5:\x86\xe2\x05\x1e[\xec\xe9\r\xe9\xa3\xb08\xcaq\xac5\xe6F\xca\xeb-r\xba\xf1D\xe5"yj\xd0\xf1\x0c\xb5F\x9d\x97f\x82\xf9\x18\xdf\xc3\xe7\xfc\xff3\xd6G\xa7j\x11V$5\xca\xee\x19"\xed\r?\xfc~D\x8c\xc1a\x99h\xdd\xab\xf7\x1fH\xc5\x87n;\xd5\x9b\xba\xe1\xfc\xe0kT\xb2\x166\xb2\xa9?\xf3.X^`\x81nVSU\x97\x8e\xb7\x1a\xfe\xc0\xefA\xfa~\xca\x90q\xba\xf8\xb4\x18b\xcakH\x07aw\x0b\xcez\xa2T\n\xbd@\x87\xa3\xd7bt\x88r\x80\x90\xf0b\xae46N\xc3K=J\xebz\xcd\x12\xee\x8c\xd2\x07\xd8_D=\x8e&lt;\xb3\x80l\xe5\x0cCb\xc7"\x91\x1dG\xb3\x97Bo\xd9\x1f}\xf3\xe7^it\xfec~\xcb\x95pJ\x90\x1b!\xbc++\x18\xd4\xccu\xe61\xf2\x86\xed\x1e\x92!x(\n\xc4n\xf4^a\x99+\x11\x8d\x91\xb9j{\x03\xf2\x9f\xf9\xab\xe3\xaa\x03\x01J,\xe2K\x10\xa9\x1c\xd2\xda\xeb\xe8\x12\xd9\xbe2\xed\x05\xf6\xae\xd9\xd7\x12\xed\r&lt;/v(\xb37\x85`\xc5\xd3\xafP\xe2P;\xaa\xf9\xfa7\t\xde,\xe3\xdfx\xa1\xe2Md\xa2VT\xfd\x849e6-6c=\x97J\xb4)\x8d\xc6\xf8\xfb\xf9\x90\xc1\xc9/\x9a\x14\xa4\x1a\x9c\x9d\xcf_P\xd0\xdd\x8ad\xe4'</t>
  </si>
  <si>
    <t>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</t>
  </si>
  <si>
    <t>b'\xa1kaH\xd7-A#\xb3\\\xa8Yy\xd8\x82D'</t>
  </si>
  <si>
    <t>no limits to what gentlemen might 
 consider shipshape, or might not, as the case were. And seein' as how 
 you are about to take a pipe, cap'n, I'll make so fr</t>
  </si>
  <si>
    <t>b'\'\xc8\xe9\xa3Ox\x08\xa7z\xad\xeb\x84f\xbb\x8aap5\xb5\x8c{F\x99\x81\x0f\xeb\x08\x8cn{q\x15\xc9#sjf$_@\xea\xed\xc3&lt;f\x8c\x04f\x0c\x94z$:\x84\x9cBzKF\xbe\xc3&gt;\xc8\x89\xb0\xef\xa6NGC\x040\xbd\xb9\x1c\tBP\xb8\xa4/\x19\x942Q);\x93\xde\x90Q!\xb8\xfdRST\x91ZV{\xa4hb\x954\x06\x13\xde\xd7\xf0\x07\xd6:\x83\x9a\xd8VCc8\x10^sC&amp;\'\xbdj\x86\xe2\xa9\xc0+R\xa1\xcfH/\xe0\xa9\xd1Yw\xd8\xd8\x7f\xb5\xd3\x19\x87\xa0\x1c./\xc7i\xbcbc!\x1e\x16\xec\xce\xfc\x05\xcaE\xf5\x8b\xb5!q|I\x81R\xdd\t\xf87\x81\xf4\xa6U\xaf\xb2\xcaI\xee\xce\xbf\x8ch\xd0\xa5\x88t2\xb6\xa4\xc0o\'\x0f\xd0\xdc\xfc?q\x10ugT&gt;\x03\xd9\xc6!\x04\x0f(_\xc8&gt;\xa9\xc9\xed\xcf\xd1[\x07j\xa3\x91 )\n\x94\xc5)\x11#\x93\'\xd3EMs\x8a\xbc\xd4T\xde\x1c\x07\x8e\xac2T\x0b\xc78\x05\xe8\\\xdep\xbc\xba\xd5}\x97\xa1\x85\xe2\xf8\xb7\x1d\xa8\x9e\x80\x19\x7f\xae\xf0\xd7\xc4\x15\xd15\x8f\x05\xd6xy\xfe\xaf\x01\x8f\xe2W\xe2\xa1S\xae\x1dF\xc9Mg|\xda\xc3\xa7\x00\xb6Gd\x95\'\x1e7\x0f2\xa2\x0e\x94W\x86xt\xca\xf3\xfdN\xb2\x1c\xa85\xdd\xd0*\x07\x9e/2\xca\xa5\xfc\xab^\r0_\x8aQX%\xc4\x1e\xd8\xee ^\xb6$0\x059\xdb\x86b\x88\x99\x17\xdcl\r\xa2\xf0\xa6\xeb\xae\x8c\xb6\xf6\xd2\xd9\xee\xa4\xe5*~\xa2o&lt;Q\xe2;\xe8u\xc6\xda9\x06O1Ys6\xa3\xc7"\xba\xbfs\xd9\xac\r\x8d\xc6\xeei(\xa4\xe7A\xf3\xdfs|=[vA\x8c\x8b^\xf2\xdfX\xefG\x87\xbe\x9d\x86\x94\xd3d\x0f\xcfC\xfa\xdc\x7f\x16\'\xefC\xd2\x95J\x80\xbde-\xca~\x8b=L\x95e\x1f\xe10\xedH\xe9\x13\xf9\xad\x8c\xf3?\x9c\xc5`3\x07\x80\xcf4k+pu\xbd\x96O\x1ce\xb7\xe0P\xe1\xf5\x02;'</t>
  </si>
  <si>
    <t>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</t>
  </si>
  <si>
    <t>b"'\xc8\xe9\xa3Ox\x08\xa7z\xad\xeb\x84f\xbb\x8aa"</t>
  </si>
  <si>
    <t>ow to network with influencers.
 For the purposes of your goals, you wonâ€™t need to develop a complex
 marketing strategy or spend a ton of money on advertising; our singular goal
 is to cross $1 million in sales in twelve months, and we can be very direct in
 accomplishing this. The fast lane to get to $1 million is going straight to the
 people with influence and leveraging the trust that they have with their
 audience to create your own following.
 Start in the One Spot Your Audience Already
 Hangs Out
 The best audiences to target are people with the same buying behaviors as the
 people who will buy your product.
 I have a podcast, so I maximize my exposure by going where the podcast
 subscribers are: other podcasts. To build my audience, I needed to network in
 the podcast pool. One mistake a lot of people make is trying to bring people
 from one platform over to another. You donâ€™t need to waste your time trying
 to convince people to go other places; you just go where they are.
 At this point, most entrepreneurs ask, â€œWhatâ€™s the best platform to
 advertise on to increase sales?â€
 Wrong question. The right question is, â€œWhoâ€™s already buying products
 like the ones Iâ€™m going to launch, and where are they hanging out right
 now?â€
 If you penetrate that platform, youâ€™ll have all the buyers you can handle
 for the next year. Sometimes itâ€™s easier to ask, â€œWho does my target person
 follow?â€ Then you can just look that person up and see where they create
 content. Find that one anchor influencer and his or her halo of influence.
 Then find similar influencers and platforms to that individual.
 The most impactful platforms, in order of sales impact, are podcasts,
 blogs/email lists, YouTube videos, and social media. The key to all of this is
 getting endorsed traf ic. In other words, when someone endorses your
 product, sales rise. Networking with the leaders of podcasts, blogs, and
 YouTube channels can get all the early adopters youâ€™ll ever need.
 For example, consider what is commonly referred to as the â€œintellectual
 dark web.â€ This small group of podcasters and YouTube hosts consists of
 writer Sam Harris, podcaster Joe Rogan, YouTube host Dave Rubin, and
 editor Ben Shapiro, among others. When author Jordan Peterson released his
 book 12 Rules for Life in 2018, it quickly got the attention among members
 of this media circle, and they scrambled to feature him on podcasts and
 interviews. A year later, the book had sold more than three million copies.
 Similarly, when Silicon Valley entrepreneur Andrew Yang decided to run
 in the 2020 US presidential election, few voters had heard of him. However,
 his approach got the attention of Sam Harris, who featured him on his
 podcast. That put him on the radar of Joe Rogan, who also hosted him. That
 created a series of opportunities for exposure. A few months later, Yang was
 polling ahead of some of the major candidates, and he qualified for the
 Democratic debate stage in July 2019.
 What does all of this mean for you?
 It means that if you can cross into the â€œgood olâ€™ boysâ€ club that controls
 the media in your niche, your brand can take off scary fast. The â€œhackâ€ for
 this is to reach out to influencers who have around 10,000 followersâ€”not 1
 million, not 10 million, but just 10,000 and above.
 That means that you will be reaching out to mid-tier podcasts, under-theradar blogs, and modestly sized YouTube channels. They are big enough to
 impact sales, but small enough to say â€œyesâ€ to little olâ€™ you. Over time, youâ€™ll
 work your way to your nicheâ€™s circuit, and their audience can become your
 audience.
 So how do you find them?
 Start by searching hashtags on Instagram. Then subscribe to your niche
 podcasts and notice who is regularly getting booked as a guest. Subscribe to
 relevant YouTube channels and keep a pulse on the â€œwater coolerâ€
 conversations happening in your space.
 I also recommend that you use SimilarWeb.com to find blogs and
 websites that are impactful. You can enter the URL</t>
  </si>
  <si>
    <t>b'37E\n\xb0\x8b\x8d\xb4PM\x10\xbd\xc7_\x90\x8d\x18\xfdn\xb8n\x876\xa8\x80E\xd6+\xfdd\x10i-\xafZ\xady\x7f\x02\x15\xde\x1e\xd0\x1b\xd0\x08zNX\x8f\xe7~\xf7\xe4\x16\xf6`Bm1)R\xb6\x0c\xe9\xe9 \x01X\xffi\xc1\xfd\xc7|\x7f\x91S\x9da\xa3\x17\t7\x89\xda4\xdc\'x\xbe\xfe]-",\x84\xa1.%g\xd8\x1d\xefO2:Lw\x0cJ=\xbe\xd8\x93\xc48\x7f\x87\x94\xd2\x13\xb3F"\x9fF\x02\x94\xfdkJ\xb8\t\xc6s%@%\xd6*\xae\xb4r\xa3\xbe7\xf2\x1b\xb7\x0b\x80\x9e\xdaB\xa2\xba\xe4:\x90\x8e\xa5\x9b\xf8\xdaB\x15\xf5\x87\xd3\x0e\xbe\x0e\x1au:\xaa\xbc|\x96\x1f\xb0\n\xe0KOb\xd2U\xb3c\xecx7\xff\xa9\xc1\xb0\x1f\x7f\x98\xd3\x95\xa0;P\xaf\x1c\x18S?s\x05\x10\x96\x84\x8aS\xf2\x83\xdb\x15\xdaR\xeet\x8el\xb0\xd3X:glG\xbe\x12l \x8fc-\x0b\x1b\x17\xa8\x19\xd2\x95\xd7\xcc(\xd22q\x84*b\x02\xab\xad\xdc\xaf\xf5r/j\x16\xe6x\xb9N\xbb\xf6\x02\xfcE.[\x8fYrT+\xc7\xed\x99\x06:\x8b\x08\xad\xbd%\xefW\xfa\xfd\xe6\x8fw\xa4\xbd\xa4\xa7O\xde\xc4\x95A\x930\xac\x8c\x16R\xef\xa3@j\xb9\'\xa4\xcf{6+\x15\n\xe4\xc1\xed!\xa1%mC\x90\xca\xc5\xae\xda\xa8\x7f9THj\xa1\x19\xecj\x00\x10\x1e\x04\xcc\xf50\xa1\xba\xf7s\x804\xed\\;Z]BY\xdb\x8c\xc6J\x1a\x95\'oJ\x87\x99n\xe9\xa6\xf3\xbc\xe0\x08\xe3S\xd8&lt;u\xd16\x19\xb4u\xb7\x97pm\x89B\x0c\xbb\xef\x85@Q|\x11\\)\xed\xb5\x1b\xc9\xe8\xd3\t\xfbF\xbd\xbdC}K\x82\xa2f\xc4p\x93i\x1c \xe3Q\x1dP\xc8\xa3\xe6\x10ZA\xe6s\xecl*\xa5\xc3\xb8\xcb\x7fZ B\x8cZs\x0f\xf2\xf0|\r\x07@\xf1\x89b_C\xcc?c\x06\x1d;\xa9\x9a\x1f\x07\x15\x9c\x1f\x89\xb5\x03\x15\x179y\xaf\xa8n\xcd\x85\xc2\xe3r(S2\xa3C\xcf\xdf\xc6\x1e\x0b\xc5jK\x84\x02y\xa5\xc0l8\x82\xb2\xcc\x072^\xc2\x7f\xc6\xb9\xea]F\x9d\x05\xeb*K\xc6\x00\xd5\x97\xed)\xe0r-\x86nm\'\x02~t\x8e\xcfG\\\x06Y\x19\xca\xa8\x96\xaa\xa0\xda.\xc4\xfa5\xa6\xfcx\xfb\xab\xfb\xab4\x9f\x08\x82\xb4\xad\x7f\x10,\xd2\x9f]\xcf\x85\xc3\x8b\xb9\n\xde\x02\xa9p\xbf.\xbc\x8d\xc4\'%\xc8\xa7\x85\xa1k\xc7f\x1b\xbb\xec\xb42\x17\x9cVW\x06\xccL"B%\xd23\xe9\xbc\x8f\xd5\x8f\x9b}\xa7\x9d\xb9j\xe3)\x81\x94\xd1*\xb17\x93\xe9\xf3}\xe3&lt;\x7f\x1ah\xa7%\xf8\xeb`%\x983\xb4(u4\xf9\xc7s\xe9\x0ev\x08]\xbbE\xc1\xfc\x87f\x15\x9c\xf0[\x06h\xe3\x95\x92\xe9C\xc3\xa6\xe7h\xdc\xb5p\x0b|\xb0\xbf$\x87\xc9\x96\xc9\xd7q}\x14iO \xda\xd7\x88*\xf2B\x86G\x19=S}G\x02\xc6\xf9\xbf\xf5)\x01\xee\xf8&gt;\x13\x03\x13\xb1\xbf\x820g\xb4\x18h\x13\x04&gt;\x95Ix\xe7,8\xa3R\xed\xc2\x99\x0c\x15\x16\xd5\x1cu\xabO\x91)tMC6\x83\x84;\x1e\x0b\xb9\xdc\x17@\xe4Xs\xd9\x82\n@\x8c\xa4\x00\x1b\x1c\xbf\xc9Rh\xa9\xcc\xc6=].)O8\xe0\xea\xade\xe5\x02\xbdP\xea}2F\xf0\xc4\xde\x07"\x94\r\xbe\x94\xa6\xba\xb3\xb5\x02\xefS\x94\x85\x86\xe9^&gt;\xce\x07\xa1h\xf8\x0f\x8c\x16`l\x93\xd6B\x07\xe0\\\x16*\x0b\xe4\x86\xf3\x99\xbb\xe1Ns\x0e\x9b\xc4.\xb0\x11J\xd2\x10"\x99\x83?v\xa2\x7f8\x83J\x1dg\xf3H\x05\x0c%C&amp;$\xbc\xf7\xd2\x0e\xfe\n\x82\xe10\xa9\xb3\x88f&lt;S\xd4;\xe8v@7\x9b:\x83 \x1aZb\t\xc7\xde\'\xd8\x8bFCd\x1b\x18\x13\xf2n\xd7\xc5\x02\xa0\'\x150XR\xadU\xa1\x9a A/\xcd\xac}\xa9\x92\x16\x05C\x0f\xd6\x13F@C\x88&lt;UD\x84\xfe)\xc3m\xb9\x85\xab&lt;%\xea\xaas\xcf\'F\x93D{@\xb7g\x13\xdb\xe2\x8c6\x8e7zXI\x8d}0+\x03\xe7\x00\xf0\x13\xe0~\t_\x90\xbd\xe57g\xde\x95\xac#\xb4u\xac\\\x89/|\xd4\xa3\xf3\xf2Sp\xa5%\xd0R\xb3B\x8c\xb9\xa8\x8c\xa1\x8e\xb5\xf8\xd4Z\xfc`\x06\x04\x8f\x10\x0b\xb1\x9c\xe5\xde\xe3\xbf*\xfb\xa9\xfdmI*\xaar\xdb|\xd3\xc2\xc6\x96\xa5?\x0c\xe4!B\xc1\x0f\xe9\xdb\xa0\x9dq9v-\xd5\xf3R\x0e\x12\xf8:z!\x1e\xa1\xa2J\xb7\x0e\xa0\xe6_\xefa\x0f\xe9\xd6\xf9iJ;\x1ft\xd6\xfe\r\xce\x94auW\xe0\xeby\x02\x1d\x17\xb4-?e\xfb\x9d\xbc\xc8Y\x918\xe8\'\x94\xc0r\x02#\xf4\xa4C\xa4\x17V\xa56\xee?\xdf\xc2\x81\xce\xe4\xd9\x844|\xef\xac\xed{\n\xbf\x88\nN\xba\x1d\xfc\xf4P\xf8\xf2\xc7\\\x1f|\xbb\xed4\xb4\xc9_\n\xa0r{~\x05\xb5\xef\xb6\xccRu`;\xa8&amp;a\xdf\xfc\xdc%\xa0\x00-=\xafj\xf0=\xe2\xbbt\xee\xa9\xd5k\xe6\t\x00K5\xe3\x0c*X\xab\xb0\xe7=\xd9\x9a\xeb\xe6\x88\xa8\xa1_\xfbE\xc8HI1\xc1\xa5&amp;\xa5\xbf\xd0Wza^\x12\x06$\xa9\\.\xcf\t\xed3[\x82N&amp;\xbb"2:m\x1d\x95\x96\x05\xd0\xa7\x1fX\xc4\x04N\xb3.\xbe\xf6O\xe5\x8cuz\x95\x83\x06\xd2\xa7\x1f\x8f\xc0\xd8\x14\xb7\xe3O\xe4oS\x19\x98\x88\xd9\x14Z\n\xa5\xbdJ\xd8=\xe5He\xd2\x81f\xe5[\xf6\xfc\x08\x9ao\x1c\xc1\x1a\xf4l\x8b4\xdb\xac]MX\xf6\x18\x81@\xady\x9c6U&gt;\xe0\t\xdc\x7f;\xf6M\x1b\x9c\xd0\x9c\xa1:\x1a\xa3\xbe\x19\xfa5)H\x8f\x86qGu/\x1f\xce1l6\xf0%\xb4\x82E\xd42:i\xe2\xae\xe3t\x16m+\x14a\xd8\xe8\xfd\x1eF\xad\x8c\xa4\x1c\xe7\xe0 \xc6jwsM\x85\xafu\xb7\x1b\xcb\xcd\xd0\x8ek\xbfu\xda\x8dy"\xd1\xba\xf7\xab\x7f\xd8\xec\x97\x92\xb6\r\x1d\x88|\xd7\xce\xd1\x0ff\x9c\xa5\xab&gt;5n\xf6\xeb\x04!x\xe6i\xc9t\x941P*k\xddG&amp;,\'2\xb5\xf1\x08\xa7I\x98\x1a\x15\x01\x0e^\x8a&lt;\xc0\x94\x13cx?\x1dB\xdcY\x06p\xde\x1a\xca\x02\xf8Q*E\xd4#\xc2\xc9\x9b\x86\xd8\xc9\x96\x02\xcevrN-5\xc7x\x11\x1d\xf1\xbe\xe7\x94@\xa9\x9e\xc6\x00\xd1\xeb\xc6\x14\xf3~\x8fK\xf3g\xc3\xb25\x84K\xf1\xd2C\xdc\xce\x86\x89%\x86\x91\xb4\x8e\xb3\xd0\xb1%&amp;S\xdc\x0f\xaa9/\xca\x82"\xd9\x1f\x8b\xb2\xc7Y\x9f.K&lt;y\xc0o)\xd8\xe6\xaa\xfay\xfd\xa1l\x1a\x9dMX;\x1a\x9e\xa5J\xcf6\x7f!n\xa7\r\xc8E\xf3\x9f\x9cSY\x1d\xf2\x99=\xe3_Hg8O\xbd\xb1)n\xb8\x0f\xd0\x89a\xb1:s\x95\xa1\xb6\xbb\x9f\xb0z\xe2PT\x169\xf2\x0cT@;\xd65\xa9|\xeet\xddL\xad\xb6\x7f\xb7\x039b\x8bS\x01\x0cD\xd4\x01\xceg1\xd2)\x08\xdc\xa8\xc8\x81\x89\xd8I\x8f\x0fq\x9e\x12\t\x87\xc9\x8c\xe2\x94\x85\x02\x0ft\xe8\xf2\x99\x1c\xd4w\xf9\x9bf\xd08\x198~:\x86\xea\xc3\x8fN\xe1\xa2\xfcN\xd3m\xb5a\x8d\xa9H\xd2\x00\xab\xa2g\xcb\x19D\x06\x92\\F\xc4x/x\xb3\x81\xac\x8d!\r\x96\xfe\x12\xee\x94\xeaOR\xc0\x84\x01&lt;\xc3\x16)j\xba\x7f\x9f\n\xe8\xea\xaa\xdf\xe9q\x8d\xc4)\x08\x06;%\x0e\xf4_m%f\xe6\xb3\x18\xcfi\xe9\x94\x92\xd5\xca:\x94\x17\x14J\xcb\xc8\x9a\x8c\x1d\xea\x80\xf6#\xed\xa1_\xe0\xb0\x08\xae\x89T\xd3@N\x9exG3\x9037\x06\x97\xc7\xdf\xfd\x84\xb8\r\xf8\xbd}\x8e\xe4fi\xca\x90\xa7\xa3\x04X\xef\xfc\xa8\xb9\x00$\xb5\xcc\xffY\xaa\xab&gt;v\xd3\xd5\x83\x1b\x89BI\x19\xeek\xb9\xa4x\xe3\x9e\xcbM\xc5O;\x0eK:\xb9t\xbcI\xc1\x0c\x19\x12\x8b\xbf\x845\xf4\x82R\xa8\xd7\xbb\x82\x0f\x04\x125\xa6A\xb0\xfb\x95`d\x992&amp;n8\x1e\xe3\\&gt;\xa0V\xfem\xb1\xadYx5\xac\xe9\xdb\xb3\xb1H\t\xfd\xe7A\x9d(\xf8\xf7/\xb8)~\x7f\xdb,@\xcfX\xd3\xc1YW%\xb2\x1cR\xe6\x16\x7f\x86\xa1\xf6\xb2\xbe\x89x4\xff\xdd\xb2\xb7m\xd8Y\xce"Xi\x16}\xfajn\x9em\xf0q]\xc7\x9aa\xa7\x8d\x89\xa6\\,p\xa9\xc2\xdd\xd7(\x13\xbd\x1e7\xa2\xa2\x91\x9e0b\xda&gt;t\x93HZ\x06\x8d\xe6\x84\x15\xdc\x14u\xed\x0c\xe1\x9cE$\x08\xcdB\x1f\x84\xc8\x03\x1d\xa9\xd6\x1b\xf5\x83V\xe9m\x99\xe9G\x8e\xe2\xddb\xadY\xaes\x8f\x02\rr\xa3\xdd\x8e{\xc1\x03\xd4H\xd4M\xd6\xf6\x1b\xdb\xab\xd6x\xc4(\xfc\xaa-\x96[\xbc\x90\xbf\xf2\xa9\xfa\x83\xcc\xefC\r\x14\xec\xec~\xa8\xa7~\x95\xf9\xb7\xf3\xbf_R\xf2\xbe,E\xdc"\xdd\xd7_7H\x1a:\x12V\x14lW\xabDc@\x19\xe4\r\x9d\x99\xcc\xb3\xa9\x98O\xe3A\x89\x1f\xdd\x1bv}\x9chn\xfc\xc73tp\r\xcd\xb5\x9a[ \xf4\x94\xa3\x02&gt;l@=\xe0\x9fN{\x05\x88e@`\xe4\xde\xcc8\xc9x\x1d\xb2\x08&lt;I\xfd\x1ee&gt;\x87\xfd\xe9\xceCWu\xdcz\x0b\x86\xd9\xe4\x8a\xafV\x8e\xfa\x01WVW\xa4\x9a\x9b\xf1h\x98\xad\xa5\xe6\xb0\xe6N\x98\x9f\x91\xa0\xea{\x00G\'\xda\xa7#U\xd8\x88r\xb0\x13\xd5gi\x9f\xc6S\x99\xab\xe5\xecM\'-b\x00eLi\x88\x8f&lt;\xca\xe6:\xac\x0bg\x01)\xc0\x1e\xfeA\x08\xd4t\xf7\x19_\xfc\xcboBY`C!\x89\x93L6\xf9|\xa9\xf2\xff\t\xb1\xcdp\x1a\xdd\x89e\xadi\xfb\xe4\x07X&amp;\x07\xa4\xe1\xc9\xaf\x97\x15\xbc\x13\x108kC\xc9\xb6+\xac\xd6\x90GnN\x16\xaaF%E*\xf7\xe1\xad\x1d\xe0%\xa8\x8el\xf8\x01\x1f)\x05\xb4D\xfd\xce\x87\xad\xe4\xfezr"\x13%\xed\x9e\xd5\xa4*\xf9\xe5\xcaP7\xed\x0bg\xc8\xe3\xee4l?l\xc8\x96\x83\xc0\x9e\xad,P2\xed\x9b^e\x00\xe2\x14\xc09j\\\x0f\x87\xb2?\xe8\x80|\x8e\x00\xc5\xe2\xb8\xea\xdcW0\xf1XB\xcfir\xe3\x9a\x83\xff\x8d\xdfO\x9bEF\x04\xb1\xb1\x04\xb6\xcb\x99\xb3\xb9q\x9c\xa3\xafN&amp;J\xe8\x97\x99\x92e\xb4w`\x05 \xa2_&lt;\xb8\xeb+z\xc5FR\xd4e\xf4\x9f\t\x06W\xa9\xf4J\xb6\x03|\xf0\xcd\x02-\x94pC!,\xe8r\\\x99\xf7\x8a\xac-L{%\xf1\xcb\xab\x8c4\xb2\x07u@\x80\xa8\xfdRq\\\x1d\x15\xba\xa3:\x97\xdf\x85\xca\xfe9\x97\x7f\xf6\xb30\x14\xea\xcbqU\x97\xe1\\\xbcs&lt;\xc1\xdak\x107\xa1\x9d\x069l\x91\xe8\xce\x001\xb1\x1d\x99_\x9d\xd1R4\xe5\'\x9e#\xb44\x16\xf4X\x15g\x18\x15\x08\x9b\x97\x1f\xce?z\xe5\xbe\x88\xa4\xc81\x83&amp;\x85\xf3!\xc5&amp;\xab\xa4j;\xde\x95\xcf\x08\xc4U\x05\xa5LZ\xeb\x1d\xf8\x80\xe9E\xe3\xcfr\xdcNx\xcf\xbf\x19\xca"\xb6\xe0\x07+\x19\x0f&gt;H\xc3\xc4\xda\xf0(\x91\x18\xac\xf8\x1c\x7f\xac*\xf0q\x1e\x83\xa2\x93\xd9_\xc6\x04do\xbc\x85%\xcc\'5\xb0db\xa5\xe5N\xe4\xff&lt;\xa0\x1f\x16\xd5Y\xb8\xdb0\x87\x80o\xf4O,q\x80n\xfd\xfd\xe6\xf2\xdd\x9d\xf9Ot\xb0\xffV\x83\x07\x9a_sU\xb8\nl\x92p\xe5\xd1Z\xff0k\x9a\x08\xe0\x03`#hA&gt;C\xacc\xd3v\x00\xd4\x81\xa5\xe6\x90\xe4y/\x96 \x9b\x82\x1c9\xba\x8b\x1b\xa98+\x9f\xdb\xb5q\xd4*\xf4\xec\xf9\x98\x91\x87\xd2\x1b\xec\xf4\xa6 #\xe1;\xf4\xdd\xfa\xe3\x97 \x97\x9c\x01[\x8e8*\xb9\x87\xc1\x1c\xa0\xb9\x93\x88z\xaa\xc7\x1a\xd3\xcd\xf3JOu!\x17\x85\xde\xd2\'1#\xf5\x87$\x84t\xb9\xbc\x95\xc6\xeeg\x015Oh\x12\xca\x16\xd3\xf0\xb8\x06\xd9ES\x07)\x8fN-\xe2B&gt;\xd2\xb5@I\x91\x04\x0b\x82P5\x17\xe6;[\xe1\xcf\x13n\x16i\xd9rJ\xa3/\xfc\x00\xe4\xcffV\x88\xb4\xb03\x94f2\xee\x82\ro&amp;\x94\x86{\x04\xb0\x8c\x8f\x17\xd9\xce\xbc\xed\xf8s\x11w?\xf6}m\x85\x1fMB\xbe\xcf\xd9\xd9\xa6\x88S\xe0\xb9\xee&lt;\xcb \xf2\x02\x99\xa9\x7f\xbe\x8a\x88\xedZ|+\x19\xfb\xe3h\xf6\x19s\x01\x14\xd8\x8c\xa5G\xdc*\xf0\xf3\x95*o\xdd\xba\x16\xecRC\xb5_\xf0|Ny\xf7\xea&gt;\xa6\xdb\xcd\xa1\x85\xf5\x8a\xa3/i\x8c\x97\x10\x1f\xeb\xc3\x0cr^z\xd9\xf9\xb0\xbb\x1bN\xf6j\xfb\xa9\x99\xf41\x86\nO\x9d\\\x8e\xf8\x90W\xea\x9a\x96# \xbe\x00\x92q\xcb\xcf\x9c\xa1c[/\xc7\xe6\x12g\x16R\xde\xe2m~|\x99\x9a\xfa\x1c\xe6&amp;Z\x844\xb1\x19\xfd\xedW9\xd8\xf2-\x9aYF?\x95\n\x9d\xa9^\xd7/\xe5H&lt;s\x7fo\x90\xb2\xa6`9!H\xd9\x86Y1A\xf3\xc2i\xc9n~t\x82\xe0\xf8\x89r\x08\x91\xf8Dy\x03\x0f\xa4E\xf7\xf20\x91v/\x94\xb4g\xe50\x01\n\x8a+\xbf\x8c\x95\xd9\xdb\x07V\xf0S\x9ew\xd4\xfc\xd7\x84X\xb5\x083\xd7\xc9\xfb\x89.i\xd5\xac\x8d\x16\x90\xc2#z\x077\xa2\x92\xdb\xbd\x84\x9flZ\xcd\xb7\x02\xd3\x89\x82s%Zw\xaf@y{\xbf\x11\x96\xbcj&amp;\xef\x89\xd5\xd6\xdd\xea\xc8\xc9\x95w\x1c\x04[\xe0R\xce\xb7\xb3\xbfTJ\xbc\x895\\\xd8zi\x99\x10^\x17r~\xd4\xed\x90d\xe8\xe8\x91nX\xcb\xc1\xb4\x0c\x8d\xae\xdeK\xfe\xbd\x95\xb3\x01xYj\xe4\xc9c4-v\xf6\x1e\xc6\x14\x05\x97b\x0e\xed&amp;\xdbg,\xe8Q\xef 1\x8f\xdf\tH\xa5\xe1\xc2\xaai{\x88\x0bG\x9d\xad\xb4\xf9\x81\xe7\xc3\xb2z\xe6r\x85\xda\xd4l\x97\x03!\t\x10\xf3\x0c\xd2#\xb0\x1e}\x81\x98q\\Q#L\x1c.I\xe9y%\xc2\x95\x81d\x9el\xb8\xab\xae\xc2z\xf5\x9fc\x84O\xfb\xa5(\xcf\xa32\x06f\xb4%\x0f\xec\xaa\x12\xccH\xc4\x07Ty\x05+\x88\xe1\xea&gt;\xf5\x90\x1f\x81\x10\x83\x16\xaf\x02\x0c\x11\xcf\x1c6k\xcc\xa34\xf0\xa8EU[\xe5\x08\x95g\xc2F\xf6\xc2\x9a\xeaV\x17\xec\x1c\x1eoL\xffx\x0b\xc8\\\x86Tqg\xb1\xef{++Y\xcf\x96\xd7:\x17\x0b[\xb26u\x06\xfb\xcb\x8c\\\xb0c\xec\xb3\xe0\xbf\xbd\xb4,;\x1ee\xb2K\xd8\xa5\x05\xd7&amp;k\xa6\xe9\x19\xc2\xc5\xdc\x0c\xa7\x01Ov-\x0e\xdc\x96\xecnQ7J\xabRC&gt;\x0e\xe2U\xf5\xc0\xae\xa4}\xe8q+\x8eL&amp;\xb0\xddap\xbd\xcd\xd1\xdf\x87\x82\xe7e\xda\xfd\xf1R\x16I\xd3\x8d\x01\xc6\x08H\x99\x14N\xcd0@\x1b\xfc\xb3[\x93f\xdd5\xfa\x9b\xb3\xb4\xf6\xd4\r\x11\xc7\xdb\x9b\xae\xa9? \xfa\xcfDU\x94\xc2\x158\x8c\x06OzW\xf1\xa0.\xa3\x08\x8b\xec\x06^\xd5\xe9 G3\x11\xfb\n\x02\xa2\x0e\xed\xb5\x0e\xc9\xdf\x0c\x91L&lt;fs\x1d\x10b5&amp;CmM[Z\xd74\xcf\xae\xcd\xf3\x80\xb3\xb9Gz\xaa\x92\xa9\xac\xcdd\xea\xa1y\x7f7\xaas\xc0\xafa\x86\x98\x9e0wz\xe3O\xac#F)\xfe\x94\x1f\xaa\xc5\xd7\xcd\xfa\xa4\x1f\xabY[z\x18\xbb\xffk52Pv\xd3#n\x8f\x0e.\x1a-\x04:{)4\xbd\xcdF\xeb\xa9\xfc\x13z\xc7bq\xc7\xa8\xe9z\x99\xf8\xc5z\x16~\x88\x97\x9fC\xfd\x88\xe4\xd2l&amp;\xca\x8e\xce\x11\xed&lt;\xb7OR@\xef\xfd\xf8P\xebt{!\xb9\xcf\xf4\xc5\xdf\xc781\x94\xf5\xb4\xab\x18ah4\x99\x05/\xcf\x83"\xfc\xd8\xb0\xd8\xa3\x88\xf4H\x7fNi\xa03\xcekp\x7f\xa6s\xdb\xddI\xf3d\xe5\xe6;\x08!&gt;J\nY&gt;\xbe\xbb\x07\x92w\xae\x12\xb3\xec\xd1\x05\x94R\xff\x92"Q\xcb{\xe2\x93\x15\x15\x97f\xe3J\xcc]\x08ks\x0b3\xe0=&gt;\xb8\x1e\x1c^\xb2Kcp\xfa\x01\xa1w\xe2\rY&lt;\x19\xb5\xac\xfa\xfb\x8c\xb3\x83\x91\\"\x81\x95\xcb\x1a\x7f\x8b\xdf\xe5\x83Z?6\x1d*\x80\xfdqV\x95E\xce\xa9\x00\x976\xfa\xabS\xeb=\xd8i\x06B\xf2\xa9\xa94\xcf\xdc\xcbFf\xe5/\x05Q\x81\xe5\xe7l4\xc1(\x1c\r\xe2i\x0e\t`\xb2\xa8\xb2\x03%4/\xba\xd8'</t>
  </si>
  <si>
    <t>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</t>
  </si>
  <si>
    <t>b'37E\n\xb0\x8b\x8d\xb4PM\x10\xbd\xc7_\x90\x8d'</t>
  </si>
  <si>
    <t>ust an integral over the outer surface, but over all those tiny
  internal surfaces as well. Luckily, however, these contributions cancel in pairs,
  for each internal surface occurs as the boundary of two adjacent infinitesimal vol
 umes, and since da always points outward, A Â· da has the opposite sign for the
  two members of each pair (Fig. A.3). Only those surfaces that bound a single
  chunkâ€”which is to say, only those at the outer boundaryâ€”survive when every
 thing is added up. For finite regions, then,
  AÂ·da = (âˆ‡Â·A)dÏ„,
  (A.10)
  and you need integrate only over the external surface.2 This establishes the diver
 gence theorem.
  A.5 CURL
  To obtain the curl in curvilinear coordinates, we calculate the line integral,
  AÂ·dl,
  around the infinitesimal loop generated by starting at (u,v,w) and successively
  increasing</t>
  </si>
  <si>
    <t>b'WY;\x1fe\xffU\x9d\x95]\xb1\x81\xb6\x04\xd8\xc9v\xaa\x92t%\x1e\xab\x1e\x94 2\x14\xc4Q\x9e\x07'</t>
  </si>
  <si>
    <t>57593b1f65ff559d955db181b604d8c976aa9274251eab1e94203214c4519e07</t>
  </si>
  <si>
    <t>b'WY;\x1fe\xffU\x9d\x95]\xb1\x81\xb6\x04\xd8\xc9'</t>
  </si>
  <si>
    <t>1 Vâˆ’1 and W/L = 20/0.18, con_x0002_struct the small-signal model of each of the
 circuits shown in Fig. 6.49.
 *6.35. Assuming a constant VDS, plot the intrinsic
 gain, gmrO, of a MOSFET
 (a) as a function of VGS âˆ’ VTH if ID is con_x0002_stant.
 (b) as a function of ID if VGS âˆ’ VTH is con_x0002_stant.
 6.36. An NMOS device with Î» = 0.1 Vâˆ’1 must
 provide a gmrO of 20 with VDS = 1.5 V.
 Determine the required value of W/L if
 ID = 0.5 mA.
 6.37. Repeat Problem 6.36 for Î» = 0.2 Vâˆ’1.
 6.38. Construct the small-signal model of the cir_x0002_cuits depicted in Fig. 6.50. Assume all tran_x0002_sistors operate in saturation and Î» _x0002_= 0.
 Sec. 6.4 PMOS Transistor
 *6.39. Determine the region of operation of M1 in
 each circuit shown in Fig. 6.51.
 *6.40. Determine the region of operation of M1 in
 each circuit shown in Fig. 6.52.
 Problems 305
 M 1
 M 2
 VB
 RD
 VDD
 Vin
 M 1
 M 2
 RD
 VDD
 Vin
 Vout
 M 1
 RD
 VDD
 Vin
 M 2
 Vout Vout
 in M 1 V
 M 2
 Vout
 VDD
 M 1
 M 2
 RD
 VDD
 Vin
 Vout
 VB
 (d)
 (a) (b) (c)
 (e)
 Figure 6.50
 M 1 M 1
 2 V
 M 1
 0.3 V
 0.3 V M 1
 0.3 V
 1 V
 0.6 V
 (a) (b) (c) (d)
 2 V
 Figure 6.51
 1.5 V
 0.5 V
 M 1 M 1
 M 1
 0.9 V 0.4 V
 0.9 V 0.9
 1 V
 0.4 V
 0.9 V
 M 1
 (c) (d)
 (a) (b)
 Figure 6.52
 6.41. If Î» = 0, what value of W/L places M1 at the
 edge of saturation in Fig. 6.53?
 6.42. With the value of W/L obtained in Problem
 6.41, what happens if VB changes to +0.8 V?
 6.43. If W/L = 10/0.18 and Î» = 0, determine the
 operating point of M1 in each circuit de_x0002_picted in Fig. 6.54.
 **6.44. Sketch IX as a function of VX for the circuits
 shown in Fig. 6.55. Assume VX goes from 0
 to VDD = 1.8 V. Also, Î» = 0. Determine at
 what value of VX the device changes its re_x0002_gion of operation.
 6.45. Construct the small-signal model of each
 circuit shown in Fig. 6.56 if all of the tran_x0002_sistors operate in saturation and Î» _x0002_= 0.
 306 Chapter 6 Physics of MOS Transistors
 VDD
 2 k Î©
 M 1
 1 V
 = 1.8 V
 Figure 6.53
 VDD
 M 1
 500 Î©
 = 1.8 V VDD
 M 1
 = 1.8 V
 1 k Î© M 1
 1 k Î©
 VDD = 1.8 V
 (a) (b) (c)
 Figure 6.54
 VDD
 M 1
 = 1.8 V
 (c)
 (a) (b)
 VX I X
 VDD
 M 1
 = 1.8 V
 1 V
 VX
 I X
 VDD
 M 1
 = 1.8 V
 VX
 I X
 M 1
 VX
 I X
 (d)
 Figure 6.55
 VDD
 M 1
 VDD
 M 1
 (a)
 RD
 R
 V
 Vout
 in
 Vin
 M
 Vout
 RD
 M 1
 Vin
 M
 Vout
 Vb
 R 1
 R D
 VDD
 M 1 Vin
 M
 Vout
 RD R1
 VDD
 M 1
 R
 R
 Vin
 M
 Vout
 2
 1
 S
 2
 (d)
 (b) (c)
 (e)
 2 2
 2
 Figure 6.56
 SPICE Problems 307
 **6.46. Consider the circuit depicted in Fig. 6.57,
 where M1 and M2 operate in saturation and
 exhibit channel-length modulation coeffi_x0002_cients Î»n and Î»p, respectively.
 (a) Construct the small-signal equivalent
 circuit and explain why M1 and M2 ap_x0002_pear in â€œparallel.â€
 (b) Determine the small-signal voltage gain
 of the circuit.
 VDD
 M 1
 M 2
 in Vout V
 Figure 6.57
 SPICE PROBLEMS
 In the following problems, use the MOS
 models and source/drain dimensions given in
 Appendix A. Assume the substrates of NMOS
 and PMOS devices are tied to ground and VDD,
 respectively.
 6.47. For the circuit shown in Fig. 6.58, plot VX
 as a function of IX for 0 &lt; IX &lt; 3 mA.
 Explain the sharp change in VX as IX
 exceeds a certain value.
 M 1
 I X
 VX 2
 0.18 0.9 V
 Figure 6.58
 6.48. Plot the input/output characteristic of the
 stage shown in Fig. 6.59 for 0 &lt; Vin &lt; 1.8 V.
 At what value of Vin does the slope (gain)
 reach a maximum?
 M 1
 VDD = 1.8 V
 500 Î©
 Vin
 Vout
 0.18
 10
 Figu</t>
  </si>
  <si>
    <t>b'\xfb1\xe9\xa1\x0e\x9b\xae\xc7R1Q\xc3\xc3\x94t\x18'</t>
  </si>
  <si>
    <t>fb31e9a10e9baec7523151c3c3947418</t>
  </si>
  <si>
    <t>at is its velocity?
  Problem 12.34 A neutral pion of (rest) mass m and (relativistic) momentum p =
  3
  4 
 mc decays into two photons. One of the photons is emitted in the same direction
  as the original pion, and the other in the opposite direction. Find the (relativistic)
  energy of each photon.
  Problem 12.35 In the past, most experiments in particle physics involved stationary
  targets: one particle (usually a proton or an electron) was accelerated to a high
  energy E, and collided with a target particle at rest (Fig. 12.29a). Far higher relative
  energies are obtainable (with the same accelerator) if you accelerate both particles to
  energy E, and fire them at each other (Fig. 12.29b). Classically, the energy Â¯ E of one
  particle, relative to the other, is just 4E (why?) ...not much of a gain (only a factor
  of 4). But relativistically the gain can be enormous. Assuming the two particles have
  the same mass, m, show that
  Â¯
  E = 2E2
  mc2 
 âˆ’mc2.
  (12.58)
 542
  Chapter 12 Electrodynamics and Relativity
  E
  Tar</t>
  </si>
  <si>
    <t>b'\x8f\xffy%L J\x15\xbfn\xde\x89\xef\x10\x9c\xd7w1-\x82h\tVS\x9e\xa5\xf1\x89\xb9z\xe0\x84'</t>
  </si>
  <si>
    <t>8fff79254c204a15bf6ede89ef109cd777312d82680956539ea5f189b97ae084</t>
  </si>
  <si>
    <t>b'\x8f\xffy%L J\x15\xbfn\xde\x89\xef\x10\x9c\xd7'</t>
  </si>
  <si>
    <t>that I was afraid of
the cellar and the dark entry, and always liked the cake and milk
we had up at the top. If I wasnâ€™t too old for such things, Iâ€™d
rather like to play it over again,â€™ said Amy, who began to talk of
renouncing childish things at the mature age of twelve.
â€˜We never are too old for this, my dear, because it is a play we
are playing all the time in one way or another. Out burdens are
here, our road is before us, and the longing for goodness and
happiness is the guide that leads us through many troubles and
mistakes to the peace which is a true Celestial City. Now, my
little pilgrims, suppose you begin again, not in play, but in
19
earnest, and see how far on you can get before Father comes
home.â€™
â€˜Really, Mother? Where are our bundles?â€™ asked Amy, who was a
very literal young lady.
â€˜Each of you told what your burden was just now, except Beth. I
rather think she hasnâ€™t got any,â€™ said her mother.
â€˜Yes, I have. Mine is dishes and dusters, and envying girls with
nice pianos, and being afraid of people.â€™
Bethâ€™s bundle was such a funny one that everybody wanted to
laugh, but nobody did, for it would have hurt her feelings very
much.
â€˜Let us do it,â€™ said Meg thoughtfully. â€˜It is only another name for
trying to be good, and the story may help us, for though we do
want to be good, itâ€™s hard work and we forget, and donâ€™t do our
best.â€™
â€˜We were in the Slough of Despond tonight, and Mother came
and pulled us out as Help did in the book. We ought to have our
roll of directions, like Christian. What shall we do about that?â€™
asked Jo, delighted with the fancy which lent a little romance to
the very dull task of doing her duty.
â€˜Look under your pillows christmas morning, and you will find
your guidebook,â€™ replied Mrs. March.
20
They talked over the new plan while old Hannah cleared the
table, then out came the four little work baskets, and the
needles flew as the girls made sheets for Aunt March. It was
uninteresting sewing, but tonight no
one grumbled. They adopted Joâ€™s plan of dividing the long
seams into four parts, and calling the quarters Europe, Asia,
Africa, and America, and in that way got on capitally, especially
when they talked about the different countries as they stitched
their way through them.
At nine they stopped work, and sang, as usual, before they went
to bed. No one but Beth could get much music out of the old
piano, but she had a way of softly touching the yellow keys and
making a pleasant accompaniment to the simple songs they
sang. Meg had a voice like a flute, and she and herr mother led
the little choir. Amy chirped like a cricket, and Jo wandered
through the airs at her own sweet will, always coming out at the
wrong place with a croak or a quaver that spoiled the most
pensive tune. They had always done this from the time they
could lisp...
Crinkle, crinkle, â€˜ittle â€˜tar,
and it had become a household custom, for the mother was a
born singer. The first sound in the morning was her voice as she
went about the house singing like a lark, and the last sound at
21
night was the same cheery sound, for the girls never grew too
old for that familiar lullaby.
22
C H A P T E R II
Jo was the first to wake in the gray dawn of Christmas morning.
No stockings hung at the fireplace, and for a moment she felt
as much disappointed as she did long ago, when her little sock
fell down because it was crammed so full of goodies. Then she
remembered her motherâ€™s promise a</t>
  </si>
  <si>
    <t>b'\x98\x10\x90\xfdzL(\x1c\x02g\x94\xa96\xba;\x95\xee\x92Y\xa8&lt;\xb8\x12\xf1\xbb\xf2H\xb4\xba\xfd\xd4@\x16Edv\xb4\x91?\xd9Ai\xbb\xa1\xa4\xa7\xc0\xcb=c&lt;\xd4 \x8c\x14t\xbc\xdbU\xef[\x98+\xbe8\xc2\t\xb5\xecp&lt;\xc4\x0e\xec\xb7]D0\xe6\xaa\x01\x16* \x92\xba\xdaQ\xd5j\x81\x88\r\x9d\xea\xab\xccN\x15@\x991\xf7\xb3\xf4\xe4\x92X\xb2\xc75\x93\x9c\x067t\xb6\xb2:P\x13\xe6j\xf96\xd11\x7fl\xd6-\xfe\x90)v\xed\\\x0c\x86\xfe-\x15\x8fS9\x18N s\xef\xc82u&gt;@5\xe6@\xa1\x0f7}\x02\xac\xeb\x08\xe5\x05c\xa8T\xda\x07\xe9\xe1`\x88\xb9\x83E\x89(\x0f\xc8\xd8\xb6\xae\xa6U\xd0\xa66Q\x10m\x81\x15n\x992\x9a_\x84f\x076\xb9\xf2q\xc52#x\xbb\xea\x18\x8b\xe2"\xa6}t\x06\xcf\xb1\xc8\n\xf5\xf3Qb\x810\xe1\xefN^\xd2V\xc0\xe7e:F\xef@\x99\xba\x0c\x08l\xe0\xb3\xcf\xbc\xf6\xd9?\xdbPN\xe6\xa0Ry\x92\x86\no/[u\xe4\x8a\x93\xc7\x8f\xc7i\xe8Q\xdcY\x12\xc6\x90\xf4\x8b\xf0C\x94M7D\xd2\x97\x80\xbc\'\xe2\x94=o\xcd\xa32c\xf21)8\xea\x85\xdfRl+\x80J\xcb:[|a\xa4\xe85\x95\xfd+\xf7kT\x95\xbd\t"wg\x93\x84\xc3\x94BDH\xbe\xb7"@\xc4?\xcf\xeb\x92\x84\x9cj\xe6\x9cg\xaf\xb8\xc4\xa5\x14\xa3\x1dwm\x17\x19\x14c\xca\xad\x97\x93\xa9)\x87H\x811y-\x0f\xd8\x9c5@[\x8f\x83C\xb6\'\x18\x05\x0b\xa5\x0e\x82\x9d\xc1#\xa0r&lt;K\xd4I7\x89\x83\x84\x98X\x88\x89\xc74\xbd]@\x15\xbd\xe0\x07\xe87\x15c\xa87}\x86\xb0\xf6\x1b\xba\xd6\'\xbf\xe0v)\xc8\xfa\xc3\xf5_Rn\x04y\xc6\x83\x9f\xf2\x0f\x92\xff\xc3\x81\xba`\x07\x05\x83&amp;$\xdb\xd3\xe2W\xe6\x9d2\x9ez|6@s5\xc3\r\xc8\xbbV\xdbrv\x8a\xf3\x95hY;4\x0cGl\x1f\xfe\x8e\x97\xd65\xaa\'\xbf\xdb\x19_\xe8\xb3\x1e|-\xf9\xde\xfe\xf6\xacK\xdeZEW\xbb\x13\x97\xc3\x10\xd1\xf8\xb2\xef\x8f}\x7f\xa9\x8e\x96\xf6\x83e\xea\xed$\xbe\x8c\x81\xdb\xed\xf30D\x988c\xb0\xaf\xba\xb3\x99\x9d\x8e\x87b~\xb4\xfc\xe9\x1b`m\xce\xec.$\xccpl\x1b\x0c\xc7\xce\xfa\x198\x13\xfcq\x12&gt;K\xe3\x9f\x1b\x85\xa2e\x87]b\xaa\xa5\x07\xe2?\xb3\xb6\x98/q&gt;\x8f\xd3\xa0\'\x05\x03\x04\xe2\xf4X\x8f\x95 \r\xd1\xd3\x1b\xfdO\x94~\xb4\xb1]\x87\xd5B\xfa\xd5\x91k\xdf\x9c\x0f\xf6\x9c\xa1f\x07&lt;\x19M\x82\xc4JwE\x06\xb3-py\xb9\xb2y]\xeb\xe6\xa2\xa9\x18+\xde;\x07\xe5\xaa\xc1\x08mt\xe2ty\xa3&gt;\xa2\x8c\xef3\x06\x88\xd0(6\xb4R\xfa\x8a\x83\x0b\x14\xed\xf3\x80\xe1d\xbb\xc5\xc5\xc8yV\x82\xfeK(!\xbb \x92\x94p\xe7Z\xa5\xc7Ld\xcc0\xf9-apR\xf8\x8d%!\x01\xd3\x1c~\xc8.\xdb\x8f8\xca\xf5`\x15\xfa\xdb\xb1@\xf7\x86\xcf[\x0e\xc2)\xb6\xb4V5\xb5(dC\x9b\xb4\x91\xc9\xe0z|`]\xfe\xa2\\\xa3\x06\xccG\xd3\xccW\x0f\xe6\xfaz\x895\x979l\xdf^\xd3$\xb6\xcfh\xcfk\x07\xccQ\xd2\x08\x96\x05\xc6\xe8\x18\xc9\xf3\xb1W\x0b\xf4\xcb\x8aj\x91U\xeb\x1c\xe9\xa6g\x85=8\xff"\xf0\xcc\xda\x07\xde\x08\x92\x17@\x1e\xe2\xdfWM`;\x9d\x9f2\xd8\xb2\xb0\xf0fa\x8eVHm\xf8(\xa0+af\x9e\x83\xb7J\xcc%\x076o\xba\xa3 \xed\xdf~\x1a\xb8"\xba\x80\xc9y\x183\xf0d6EE6\xd9\xf6\xc6^\xfd\xa2_`a\xe6\x00\xa3u{&lt;\x0fJ\x92\xf9\xccX\x12\x16e\xd1\xa8\x9f\xcc\xdf#[\xf4\xf1\x86$\xef\xa7\x8d\xfdf2\x8f\x1f\x08\xb0l/3\x11 \x06M@\t\xbc\x04\xfcJ\xfc\xcf\x98\x13}\xe2\xff\x84\xddWj\xfb\xbd\xf1\x13\xd3\x15_\xc4\\6\x08\xbc\xcb\xaf\xc1[\x87\x84\x98\x04v\xab\x16\x8b\x8b\xaf\x02mU\x84/e\x7fB7-b\x0b7(\x89\x7f1\xf6HW$\xad\xa5;y\x13\xb8\xf4\x94\x94Ai\xf2\xffV/\xc4\x05\xe6n9\xd79\xf2\xbb\xb5G\x8f\x8c\xda\xcd\xcfL=\xa9\x9a\xe3\xe9\xbd&lt;\xc6B\xee\t3\xea\x05\x1d/\x84\xcb\xf7\x89\xbd\x9a\x95:8\xc3\xcc\xea\x15\x13\x07\xaa`9\xf8\xb1\x94\xa3\xc9A\x14-J\xb7$]\n\xa6.[\xf0\xeaf\xb9\xd4\x9c\x928\x9fF\xfc\xf7\xf7}\x04a\xfeH\n\xf6\xaaO~t\x89&amp;JX\xc1u\xa8\x81P9\x19\xf8k\x1b\xe6_\x94aj\x93\x93\x10\x7f\xf3\xf1\xc9\x06\xb6\x033\x128\xf0o\xf1\xf2z\x12|\x8fN\xe0\x89\x83\xc9\x94\xc8\xab\xa8\xb8\x97\xb7\xd8W\x87\x94s\xbe\xca\x85\xde\x9d\x89\xdc\x01\xea\x1ei\x82r\xcb\x8e8\xc5\x93t\xc5\xa5\\\x94\x02\xc3\\\xf7_e\x0bk\xd8tA\x1b%U\x84\xe0"\x0cG\xc7\xb4\x8a]Z\x0c\xa6@\xea\x85j&lt;U\xad\x94\xb9\t\xb5\xaa\x9f\x12\xe2\xb7+\xb2y^|\xa5\xd5a\x1f\xba\n\x10\x84\x82=\xc11;\x03\xd4\x86\x82\xba\xd6\'\xbf\xe0v)\xc8I\\\xd9\x85O\xa6\xd4[\xf636d\x89G8 \xe0\x1a=4\x0cbt\xdc\xd2u\xb4\x1f\x89V\x0fA\xda\xb9\x0f\xd2[\x95\x89\x1b\x1bQX\x17+\xf3`#\x82\x9b\xb5\xd6R\x0eN3\x03r\xd8\x07\x8b\x0b\x89:\x84%\xa2\xae)\x85\x92\x82w\xd2\x00\x8e\x8f\xe3\xd1\xd9\x05Z\xa8\x88\x08\xf2"\xec\xb5\x06,\xe1\xf9b\xa1\xa0\x81\x18\x15\xf6\xfe@j\xf4\x0f\xbdO\xcb\xf2G,\xfd\x83Yb\xe4&gt;52)Km\x94\xcd\xb6\x07\xd8\x9b/Q\xae\x16\xc9\xb2\x13\x80\xac\xbb\x18\x8b\\Q\xaa1V\xd8\xa2\xa4\x82H\xd6\x02\x1c=\x8am\xea\xa4d!\xfb\xe5\xfe\xbd&amp;\xe4\x036\xc8\x03\x16U\xd3\xbe\x84)"\x84\x89\x9aX\xa8\xc1h(\xc3\x1c\x94t\xe9Y7\xd3\x12\xdd-\xb0\x8e\xbc\xa2\x1e\xc6\x99$\x96U\xe3\x82\xe4\x0b\xda\x97\x90H\x0f\x13{8=\xdc\xfaG\x13\xd6"\xf2\x8d\xe2\x14Wm\xf2\xf6T=\xefR\xee\xb3\xb19\x97",AOr`\xb9\x19\xff\x18\x06\xca\x94\x104`S\xdf,\x8b\xf4\\Tj\xec\x8b\x10t9;\x9f\x7f\x10\xde\xd7\xe3\xdc\xdb\xc5!\x81\x03\xff&lt;\xd6\x05\xc3!r\xa9\x11\xca\xb6\xa1Ax\xa1\x7f.L\x12\xb0\x9b\x05\xb4&amp;sl\x8a3\t?@\x9d\x07bg\xd7c\xfcoEQ+1\x8a\x02\xd8a\x1eZn,\x12Fk\xb5\xe5jw\x7f\xac#\xad\x10,c\xdfe\x14\xd7*b\xe0Z7S\xbd\x12\xeeI\xc6\xc3X.\x1b2iD\x97Z\xfe\x1da\x1d\xf3\xddd\xe6\\\xccd\xeaL\xa5\x91\x9d\x00C\xbb\xb8\xd2\xed\xb3\xb3{\xf2\xdc\x0f\xba\xe9\xe5\xb9\xa4A\x18^\xa2\x03\xdakJ\xa7\\\xf9\xf0\xf5\xd3}\xca87%F\xc7\xb0\x9e\xdfOV\xf4\xf1\x8e\r@\xcd\xfe\x8cUNZ\x84\xce\x85\x7f6\x08\x1c\xe8\xcfh\xda\x8eu: \x9d[Gcb\xea\x90}\xeb \x1f\xe5\x9b\xfcM\xe6\x05\x7f\xff\xbb\xc07\xe6QU^\n\xa3\xd3\xc3\x95w8\xbe\x9d\xa2GDp\x1e]\x96\xd9\xb1\xd5\xfb1m\x96\xefj\x88\xa7^\x91\x95\t\x8cW.\xa4\xbf0, \x9e\x81\x85)\xe5z\n\x92"\x1bLu\xde:\xe0\xee\xbdt#\xff\xcd\xc3\xf1\x1fR\xa4ol\xad`\xa2\xa1L\xfa\x17M\x15\xe94\xc5\x12\x89H8\xf6\x9cEG\x81\n,\xeex\x19\x1f\x8d#d\xf7_o\x12\x8b\x04\xb3e\xc6w\xb5\xbc\xc9\xf4\xea\xa3`\xbe\x17\xf8\x1eF@\xe0w\xae\xd6\xa2!!\xdd\x1e\xea\xad\x11\tF\xc0\xee\xf2,\xea\x1e\x02T\xad^_!\xf8\x7fL\xe0_\xeeM:mc8\x95\xe8W\xd2\xcdH\x9f\x056\xb8\x0e\xe0&amp;\xb9\xc1\xe4\xdd\xf64\xf9\xb5\x96Q\x12}\xbb\x18\x97\x11:yw\xae\xc5_d\x8e\xbb\xe1s\xa2\t\xf7\x97\xe7\xb4\xcb\xcebp\xbf\xa4\xf7%%#\xdf\xc0\xadY\xa8\xb0\xa1C\x06[9g\xe6\x8a\x18\x0c\xbb\x0f\xba\xbf\xcdud\xceyd\xc5\xc4\x9f\'\x15\xd7-\xa7\xfd\xc1\xb1+\xcb\xeb\xa5\xdc\xa6\xe9V\xf8\'A+\xdaI.7/\xd4\x08\x05+)8Y\xf1g\xc4^g\xd6K\x12\x93\xbc\xf4\x07\x06&lt; \x83\xbd\x9b\xa15-\x0f\x95{Q\x1c//\xc3\xbbk/x(C\xc5\x8ah\x8c\xe8\x95\x8dQ9\xc7at\xca\xb4\xf3Y \xa6\x8a[\x99\x1a9\xa5m\xfe\x07\xdf\x80\xdc&lt;iO=qf^\xd1~\xba5\xc2J\'\xc5\xa1\xa4C\xd2\xb1e\xf4Y\xf96\xce\x99V\xc12\x13H\xad\xe0[Cr\x91\x16TAdl?xg\x01G\xbd\xaf\xe9Wg\xcbs\xe5Fp\x9dH\x0c\xe9\x81\xf8Z1`\xb07\x02\x1f\x7f+\x87\xd9\xe6\xc2\xfb\xa3\xeb(\x9f\x14\xdd`\x01\xbf\x9d4\x97\x11\x9fr"\xec\xcb\xdb3%\x94C\xbc}\x05\xb1\xcb!\xd8\r\x81{\xa7\x1d\x9c`\xea\x06\xf2\x10\xff\xd8 J\xf8h\x0e.\xc8\xc9\xdc\xa0\xff|Q\xc8\x13\x18\x87\x98\xecy\x93\xf8\xcb\x98g\xa9\x86\x90{.\x1a\x17\x13\x16~[Z\xd4\xca\x9b\xd2\xa1\xf6\x80uh+?\xf5\xfc\xad\xdb~1Bst\xe2c6\xb1{\xb8\x8b\xd8S\xcd2\x19\x98\xe6`\xf0\xccH\xc6sM\xf8\x15\xd9\xe9\x99\x08\xe6EG\x8f\xba\xc7\x1c+{c\x91\x8d\x84,,\r\x81\x8f_\xe9\xdcY=\x9fq\x85\x07/\x97\xb6N\x84\x82\\a\xf1\x87\xca\xcb=\xa4\xaf\x9f\xb7\xe0\xb8\x1b?\x8c\xe6\x19\xd0l\xc5\xd9UZ\x03\xef\xf3:\xd4\x1c{\xab\xd4\x15\xd8\xbd\xf3T\x89\x80\xca\xfd\xac\x9f\xd9C\xd7\xe9_\x7fl\xee\xdc/\xe1\x91\xe9\xcc\xc2\xd0\xd4\x99C\xd9\x11\xf1*g\x1d\x8a?P\xe5\x953\xf6\xad\x87\xe4m\xdf\xf6\x0e\xcb\xeb\x1ci:\xe1\xbd \x01\x13\xb4\xad\x8au\x8a%\xd4\xebS\xa5\x98\x8a3\x9b\xc7Vw \x8b\x9f\xe8\x0f\x01\xfe\xcc\x96\x9e\xe7\x9a\xdc\xff?i\x8c\x8f\xaa\xe8x\xe5,m\r\xe4\x8e\x8f\x7fg\xba$\x98\xa9?D\x1f\x8a!4\xa2\xa4\xbe}M\xeb\xa2\xb4]O\xf0\x13(\xce\xd4\x12\xc9/\xc9oNG\xec\x04$_\xfbU\xed\xc0]\xbc\x89\xfcW\x82\xaf\xd2\xd4\\\xe9W\x93\x0c7\xc5\xc4\xd9\xba\xff\x85\x14~\x8aJ\x96\x00\xbd\xdd\xed\t\xbc\xe5\x8e\xb1K\x8b|\xff\xc2\xd2]O\xa6:&amp;\x92\xe2R\xe4-\xa3I\x14\xb3\x13^\xdc\x10\xe4\x15\xa7$\'!\xacOXF\xa3\xe6S\xeb\x88\xc4(k!r\xa0\x03B\xbfzr\xb3\xd1x\xd7\xf1\xbd\xdd}f\x02$\xc1\xbe\x9b1v \x03\xef\xfa\x97\xedIm1Ap8\x19\xce\x92\xb9\xf0\xafpa\xc3?\xfb\xf0\x81\xe1\xa2JD\x13\xf0\x80\xb9,G5\xc6\xa0\xd1W\xf5\x98\x8e\xd8\xfcD_\xc8\x06)\x13v\t\x11\xe1m\xfe\xae\x80\xc9\xff\x90\x83\xce(~|\xb2\xc0\xae\xb8\xe5\xabm~VD\x9dx\xc0\xfe\n,^l\x19\x0c\x8e\x0e\xf4-flvS"\'\x8c\xde\x8cw\xfbw\xfd\xcf\xca\x99\xceR\x02\x03(\r\xe5\x9f&lt;9+\x08TE\x84\xc3O\xfd\xb9i\x81|\xbf\x1c5\xb1\x98\xad\xcf. f\x8d\x8c\x8c\xe1\xab]vs*\x0ff\x05\xc8\x1a;\xec\x12\xfb\x08S\xebC\x1daN\x9e\x1d\xa7\x94\xba\xd9\xfb;%\x03\x9e\xcc&gt;\xce\x9c\xa3\x96[\xd7\xfd\xe3\x97Z\ru0=`&lt;\x9d\xd6\xc8\x11\n\x83\xde\xfc\x9b\x85\xcd\x95\xa9\xeeL\xf4\xb7\x0f\xfc\xb0Z#\xb0\xd7\x85\x19\x10\xe0\x98\x1dX\x14\x12\xcd\xab$\x08\x93.\xf47\xb4\xf1Ns\t\x1a\x04\xbc\xd21\xf8\x8c\xce\xa8\x0e\xe81\x13\xdb&lt;Mea_\xa4\x94\xc4\x0e3H\x87^\x00P&lt;\x04GrN\xcb\x9d\x1f\xa2HA\xdb\x8964\xc71\xb3Qa\xda\x00JP\x1f\xef\x96\xc2\xf7j\xd3\x8b0w5\xb1\xb4\xcb\x1at\xa6\xc0\xce\xf8\r%\xae\x9d\xefcH\xfd\x86\x15\xab\xe9-EZ\x93NqX{\x0e=HH%\x03\xa2\xc3\xf7\x0c\xbe\xaf\x0c)\rA\x05\xad9rkI\xce\xb6\x95\xbd/W3%S\x9bi\xff\x12T\x8e\x88\x93\xabW*\xb7\xdc\xd9W\xa8\xd9Zq\x1f\x92\x99\xf9\xd9W\xc5\x14\x03\xa0\x1a\xfe\x9ff\x87\xf3\xe4K\xd5q\xebU\x117\x17]c\xd2\xb6\x19\x11%\n~S$\x0f\xba\xf8\xfcL\r/\x87\xd9\x1a\xabp\x1cD]\x1b\x16Edv\xb4\x91?\xd9zr\xfb\x00\x1d^\xc3\x0e\xd7\xd9T\xdc\xceSIM\x8c\x12B&lt;\xc3?\x9aS\x0f\x1a\x05\x88\x87\x03\xf5c\xe5Y\xa2\xb1\x11L\x85\\\x8dw4\x18\xc3\x14\x08&gt;\x9c\xdf6\xdf\xcb\xe1\xa2\x8fP\x89\xedj\xbe\xca\x9b\x9c\x9a\tu\xa3\xa1\xfa\x17\xdf`\xe0\x89~\xe8\x0e\x81\xcdl\xd6-\xfe\x90)v\xed/\xcd2\x1d\xa4\xc3;\xbasKb\xa4\x80\xb1\x94\xe5\x13?LfaL\xcdoR\xfc\x87YO\xde-\x9d\xbc80\xf8e\xc6\x02a\x9c\xadH\x02\xd8,\xf3\xcd`1\xbf\x9f\xc0\xd1\x88X\xf6\xc7\x91\x94\xad\xe2u7\x8a`\x98f\xfc\x8f\xf61z\x92\x99LM\xc0\xbf\xd5\xe5\xaf\xca\x98\xa5\x8fx9\x90\xd7;\x07Ce\xe9\x1b\x84\xe8O\xa2\xf6\xc3\x00/h\xb3]!\xa9\xba\xfb\xb7\xa1^\x86l\xdb\xfe\x10\r\xaf\xe5\xe7\xd3\xaa\xf6,d/\xfeW\xdf1\x0e\xf3k&amp;\xa9\xbd\x92\x8eu\x10\xb4\xe6\xf2\xef\x1dp\x1ap# \xbd\xbc\xbb\x91\x7fbO\x98\x17\xf77]#\x15\x0cM\xb6j\x81\x1a\xb0`c\x81f\x94r&lt;5p\x02\x15\xe2\x99UJ\x94\x7fm\xc3\x8c\x0c4Yy\x98\x00{\n\x14\xdaq\xc1m\xda\n\x809\x17\x1e\xb8B\xd3zm\x1ai\x1ff0X\x8chk\x9fW!\n\x9f\x94\xc5\xfd\x9c\x18\xd1\xa6\rY&gt;\x89x^\x0c\x1c\xb4\xad\x93\x89\xdd+\x11\xc1VE\xc69\xcc\xc3L\xcd3\x04\xf8\x7f\xa0\xc6\x04e\xf4\xdet\x8d\xf2PE\xe9c\xb7\xcd\x81\xcfv\xe7B\x19\xc0\x121\xadZ\xfd\xaf\x9dH\xdb\x9c&gt;v\xb2S\xdc\xccz\x98A\x8c\x94)V1\xc1\xf0\xed\xa5\xae\xaf\x14\xd9"\t\x1b\xd5\xb4O\xd28\xcd\xd3\x05m\x92\x88\xfc\xc9\x8f%\xaf\xae/\xb1\x0f\xcb`\xff\x1d\xf4mRw'</t>
  </si>
  <si>
    <t>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</t>
  </si>
  <si>
    <t>b'\x98\x10\x90\xfdzL(\x1c\x02g\x94\xa96\xba;\x95'</t>
  </si>
  <si>
    <t>lled a forward resistance whereas it offers a very high resistance when reverse biased and is called a reverse resistance.
ID (mA)
ID
0
VD
VD (V)
 Figure-10 : Determining the DC Resistance of a Diode at a Particular Operating Point
3.16. Breakdown in Junction Diode
The breakdown of the pn junction can be of two types, these are
(i) Avalanche Breakdown
For thicker junctions the breakdown mechanism is by the process of avalanche breakdown. In this mechanism when the electric field existing in the depletion layer is sufficiently high, the velocity of the carriers (minority carriers) crossing the depletion layer increases. These carriers collide with the crystal atoms. Some collisions are so violent that electrons are knocked off the crystal atoms, thus creating electron hole pairs as the pair of electron hole is created in the midst of the high field, they quickly separate and attain high velocities to cause further pair generation through more collisions. This is cumulative process and as we approach the breakdown voltage, the field becomes so large that the chain of collisions can give rise to an almost infinite current with very slight additional increase in voltage. The process is known as avalanche breakdown. Once this breakdown occurs, the junction cannot regain its original position. Thus the diode is said to be burnt off.
 Basic Electronics
63
                 (i) Zener Breakdown
This breakdown takes place in a very thin junction i.e. when both sides of the junction are very heavily doped and consequently the depletion layer is narrow. In the zener breakdown mechanism, the electric field becomes as high as 10^7 v/m in the depletion layer with only a small applied reverse bias voltage.
In his process it becomes possible for some electrons to jump across the barrier from the valence band in p- type material to some of the unfilled conduction band in n-material. This process is known as zener breakdown. In this process the junction is not damaged.
Figure-11
3.17. Zener Diode
A specially designed silicon diode which is optimised to operate in the breakdown region is known as as zener diode.
Appearance
Schematic Symbol
Backwards Current Flow Too, but only Past the â€œZenerâ€ Breakdown Voltage Figure-12
      64
                 3.17.1. Characteristics of Zener Diode
(i) Its characteristics are similar to an ordinary diode with the exception that it has a sharp (or distinct) breakdown voltage called zener voltage vz.
(ii) It can be operated in any of the three region i.e. forward, leakage or breakdown. But usually it is operated in the breakdown region as shown in fig.11.
(iii) The voltage is almost constant (vz) over the operating region.
(iv) Usually, the value of vz at particular test current Izr is specified in the data sheet.
(v) During operation it will not burn as long as the external circuit limits the current flowing through it below the burn out value i.e Izm (the maximum rated zener current).
3.17.2. Application
(i) Meter Protection
(ii) Voltage Regulator
(iii) Wave Shaping Circuit
3.18. Photo Diode
(a) VR
Dark current
Illuminance in lux  Ì1000
1.0 1.5 2.0
2.5
Figure-13
100
200
300
400
(c)
800
600
400
200
Light Intensity
(b)
Illuminance lumens/m2 (lux)
2000 4000 6000
â€“5 â€“4 â€“3 â€“2 â€“1 0 +.5 V
V R0F
When a diode is reverse biased a minute current flows in the diode due to minority carriers. These carriers exist because of thermal energy which dislodge the valence electrons from their orbits producing free electrons and holes in the process.
When light energy falls on a pn junction, it also imparts energy to dislodge valence electron. In other words the amount of light striking on the junction can control the reverse current in a diode.
A diode that is optimised for its sensitivity t</t>
  </si>
  <si>
    <t>b'\x1b\x1b\r7\xe4\xa2J\xa7\xf9\r\x00H&amp;#\x7f\x13\x0f+G\xa9{\x9c5\xec\x80\x1b\'\xef\x8f;\x11\xd1\xfd\xf9\xdb] s&lt;\x8f?\xf0ox\xa7\xdf\xc5\xd2\x97\x94\x94\xb7m\x1f(\xfaM\x8di\x9a\x96\x10\xac\xc9\xa9\xa9&amp;p\x1e\xd60Z6t\xe0\x911\x95\xa4\x1c?\xf6;\xcd\x9bWg\xd7C\xf0\x98\xa1bI\xf1\xbd\xb0)\x1a\xf3\x14v\x99\x8cT2\xe3\xcf\x9cW[\xdc8\xf8\xde\xd0\x9d\xf5\xe2%\x04+6\x9f\\\x87\xaa(I!\x9a\xd8\xd7[_\x82\x99\xc5k\xa0\x9e\x03j\xcb\x05\x89F\x94i\x92\xa0\x90\xbbs\xdd\xce\xd1\x90\xd3\xdd\xee\x7f\xed\x1dxF\x04\x1as\t\xe6\x18\xf81(\x05\xbfvk\x14\xb5\xd7DS\x90\x8a\xc3\xd0\x02#$\xb9\x92\x12\xfaM\x94\x91Y\x1dj4\xc2\xdc\xcbS\xc8@g\xf1\xc8\xc5\xb3\x1b\xe5\xcb\xab\x1bHP?\xd35/\xd2\x92\xf4@\x07\x1b\x0e\x0b8\x05\xb0\xda?z,\xee\xdf\xd2\x8d\xf4\x05s\x08\xe8\xcf\xb1G\x08b_\x07\xe3\x9d\x16\x0f\x99@\xdb\xea\xcb\xa2\xdc\x1d\xbb:\xfb|D9Z\xf6\x97\xb8K\xea\xf4\xaf\x04\x9a\'\xb1}$\x9a\xfe\x86v\x963\xc2,T\xe1\xe7\xdca\x81Vi\x95\x16nr_\xefMP\xc7\xe5~\xe5\xa7\xacb\x15\xd9I\xfb\x15\x16\xc8ZN\xc9\xd6Hm\x87\xdb\xe4&gt;\x07=\x83\x88|i\x85]P\x18U\x0f\x8e\x04O@\xed!\xc4\xa5\x9bD\xa8=\xde[\xa4\x95\xa7\xe9$\xca&gt;]\xa7w=\xed\xfb\x82\xf9\x95\xc6\x9b\x04\xa6\xa8j\x00\xfa\xe7\xf4\x80\x84\xb2nr\xf6\x1d\xf8Lzs\xbe\x93\x1cfZ\xa0\xd5\x8e\x9e\xb93\xaeE\x99\xb9\x0c\x9f\xf6\x19\xf9\xf0\xcc\xfaR\'\x957\xf8\xfb\xf9\xc0.ei\x15\xf5#\x9e\x84Y[\xa4{3\x0f\x936\x96\xd0\xfa-\x01\xdbNf`\xc2\xc4\xb5\xcc\xe9\xc8\xe1\x9d\x9a63\x82\x0f\xaf\xec\xe1\x11)P\x7f\xc9\x9b\xa9\ro\x04\xae\x94\xc4\xac\xd4fc\xa7\xd6\xfe\xd5z\xd5\xfd\x88\x15\x97n\xc6^\xbf\xdd\x91\xecR\x95bc\x8f\xb2\x92\xc5\x16-\n.+x\xf0\xda+\x19@\xcfK;2\xf5\x18P\xdc\xde;\xe0y\\\xccNkm\xa7\xa9\x03=/\x13\xd9\x1fJa\xecn\x15:\x1fA\xd2\xd5O\x9a\xd7\xb1\xb6,Q\xe8\x8d~\x0b\x1d\x9fz\x89[A\xc2{\xcb\xae\xc9/Y\x820\xe6\x91\xc8L\x7fKP\\\'Q\x8c\xbf\xd4\xe2\xe3%\xbf\x18\xdb\xc9\xe3\x9d|\xc0\xa6F\xb5\xec\x83i\x98\x17\x06\x8f\x10U%!\xee\'_\x18\xf72\xb4\xecU\x1f\xbe\xc7!\xc5\xcf4\x12\x80-?z\xb4fv\x0f\xb7\xc9\xb3|\x1f\xb1\xb9\xd1\xe0\x19\xe4C\x14\x81u\xf0Z&amp;\x07\xe5\xc6\xd8\xfb\xcd\xe9\xf0\xbb(\xfa\x92b\xf0q\xa5\x88jV1|\x05\xd8\x8e-\x17~\x9e\xda\xb3\xbc\xcf\x90\x8aY2{kE\x1f\xe4\\\xed\xb2\x8b\xe8\x9d%\x1c\xac\xd4\xa0t\xb8\x06Y\x86\x90\x07\x92\xe5\x97{F\xd3\x17:y\x07\xa2\x06\x02z\x07{d\xf4\x1ej\x95\x067|l\x88D\x93\xc7E\x8d\xb1\xef\xab\xba\x83\x84\x17{\xe2Q7\x9aT\x80C\xad\xccl\x02\xec\xfcIFn\xaa\x1c\xde\xd74~\xe1pD`\xad\xf3r\x04\xc0{Y\xb2\xb3\xe5\xb1\x16g\xf5^L\xdc}\xca~\x8dk\x84\xfe\xa3f\xd4\xce\x85\xf9Q\xc3\xe1\xdfzQ\x84c\xc1\xfd\x99\xe0\xb4\xfdO\xbbI&lt;\x0f\xd1\xcbnD\xc6\xb57y4\xe6\xc5\xef\xcf\xca\xc6zM\xcf\xa8\xc6\x94\xa0V\x02\xb3!:\x19t"\x13\xb9 \x92S){P\x87\xff]\xb2F\xe9\x93!\xe4\';\xffZ\xcc\x03\xac\t\xa7\xbb\x82\xf6\xebw\x0b\x9e\xd5\xaf\x9e\xfc\x87*Y\x81`\xaeI\x99hmf\x83R2\x04\x1bo\x02\x9f\xe1\xefi")\x05\xaf\xe3|8\xbf#\xc7\x89\xf6\xd4j\xe8(\xeb[\x10\xc6\xb5Cc\r\xbcwl\xc67u\x81Qc\xd2f\xe3\x97\xc4\xf0a\x1e\xe2Q\x01\x0bm*R\xe9@j\x04\xe3\x82\xa9\x83\x9d`\n\x0e\xc5\x16s\x91\x9bt\x18\x1b\xef\xb9\xe96&gt;h\x0c\xcd\xf4\x8bg\xd8\xba\x8b\xfa\xc0\xe4@\xd1\xfe\xc4n\xe3\xfb|\xc6\xe0j\tfr\x88\xf7\xc0{ \xd0\x18\xbc\x88V\x97\x88,\x88\xfc\x88\x83\x16s8\xf3\xe8bEo\xc0AYY\xeb\x94\xfc\xa1\xa8tJ\x14w\x17V\xd5Nh\xd6}\x06\x8a\x8f\xfd\xc8\xe0\x9a\x8b(\xcd\xdfQ\xa1\x87\x86A\xb9\x05Y\\\xe4\x97\xbe?P\xaa\xb1\xf1$\x0f\xf3\x82\x8eC| +V\xda\x81\xab\x84\x00b\xf8\xa4X\x9f@\xc3\x0e!F\x8f\x04I\x04V\xb0\xd4\x94Q8\xf4\x1e\xf0\xb4w~M@\x8a\x8e\xae"@\xb1\x17\xfb\x1fq}(\x95M\x98\x9d\xd7\x90i\xb20\xba\xd7s\xd4\x1e[\xe5\xf3m`\x8b\x9dJ`\x18x \x89\xb7\x89\xc6\x05Y\xddq\x05z2\xae\x93\xd1j,\xc9L \x96\x06\xa2\x11D\xdaA(q\xf9XL\x11\xfcKu\x03\xafg\x84\xafH\xdb\x95\xd0\x0e@\x84i\xeb\x80x\x01\x15\xe1\xbf\x97\xfb\xb8\xde\x95\x1aQ\xb9\xb5\x96\x91\xe4W\x1b\xd7\xa5\x95\xe3\x14\xe4@\xf9~q\xbc\r=\xbf\x95\xcd\xf2\x92\xf9\xcc\xab\xcc\xd9q\x16\xef\xe9\xde"OMh\xa3\xd1\x02\xe1\xe1\xed\xca\xafm\xf1\xdd\xfe=\xa1\xa2T\xe5\xf5\x1a\xcb\xc7\xa4*Om\x03\xe8\xac\xaf&lt;\x9e\x9d\xbe;\xd9\xee\xb3\x9d\x9f\x8e\x17[\xd3\xd9@\x93\xb0[\x9d\x86\xc9\x8b\xb4t\xb0gv\xf5\xc2F-\x1b&lt;\xdeOq?7\'(\xa3\xc9\xa4\xc0\xaeY\xb4c\x04~Z\x16\x87\x8a\xfa\x85\xe7\x82\xb9\x179\x1b\x1b&lt;\x9b\xee\xc6\xe0={\xa6\x82hf\xba(y6\xa0\x01\xe2\xf0\x90\xeel\xf5\xc8Sy\xdevr\xb1\xd4\x87R\tz9\xcd\xb2\xc3\x06\xeb\x17\xc0\x82!\xf3\xd50@\\l\xbf\xed#\xec\xd7\xab\x1d\xd5\x15\xcd\x1f4\xc8l\x8cy\'l\xe8\xf2\x8b\xf8k\x912\xbe\x17\x9b\xbbo\x07\xe5\xe1\xf4p}\x1d\r\xd6Q%\xc0\x1c\xeeu\x07`\xfe\xf1%q\x8b\xdb\xab\x19N1\x00\xd9\x1b\xc7\xe1\xae,\xa1\xe8\x90\x08\x01\xce$\xd8I\xab\xcc\xb1*\xfa\x99\x81\x02y\xf5\xff\x83\xb0\xc3K\x92\x8a\xc9\'\x93\xea\\\xd6\xf6\x08hY\x7fW\xc3\x1e,2I\xd3\x9e\xfbF\xcc\xd3\x10,H\xe9c\xa7\x93\xc0\xc4\x80\xcb\xf5i\x9a\xcf\xe8|,\xd9\t\x04\x03\x0c\\Mh\x00:;\xff\xbc\x1b\xb6]\x01\x14N\x80\xef\xe3K\x8d\x8a\xb4\xbd&amp;\xc92k\xdcL\x89\x013\x17\x18CM\xfd\xde\x1b\xcdr\xa4h\xd49(\xa4\xb3\xedH\xb4{\x95x\xd0\xf4F[\x10\x02Q\xaeo\xa2\xb2\x80`d.\x8bH\x16\xb6^\x08\xe2zy\xc7\x91\x194\xd8\xc6~\x1d\x8e\x1c\x8c\xf1X\xd9\'zp.\x15\x9a\xaa\xef\xe1n\xa2\xef\xd9\xf7\x91B\x92AI\xcc\xf2\xe4\xf51\xb3=or\x16[\x01\xb5\xef\xdd\xbc\xf3\xb2\x16+\x93F\x14&gt;\xdd6\xb7\xf5\x1cs\xbf\xd3\xde\x0e\xf3\xf6Y\\\x01\x91\xd7\xfb\xcd\xf7EDgX\x8cw!\xea\x9b\x07\x82\'\x8b\xd4\xb9\xb9f\x087r\xcc\xbbN}\x9b`;\xfc\xab$\x01%\x15\xd7\xbc&gt;\x8a\x96\xe7\xcfj\xa1\xfd\xea@\xeaC\x82\xa9\r\xd8\xfe\xdf\xc3w\xb4\x12D\x83\x14\xbe\xea~a\xad\x88K\x88\x1d\x97\x83Z\xdf\x9f\xca\x05\x8c\xe7iM#%Ny\x84\x0b\x04\xab\x1b\x05\xbf\x97\xef\xf5\xb6\xc7C\x8b&lt;`r\'\xd7\x04wQ\xf1\x89\xcb\xb5\xb1L\xec\xa3\x0bD\x83\x06#enH\xfc\xa0\xd9\x01\\\xf9Z_\xef\x88vnv\x98x\xb3\xc0\xf3\xaeT\xf1M\xe6\x84{w\x99\xa0B\xf1U\x8e\x1d\x0b\xc3\xe2\xd8\x0f\xee&amp;\xa1\xf5\x0cc\x9d\x9d\xe0kO\xf8\x93\xef"\xf5\x12\xe00\xea\x16f\xb6x\xbf\x955\x1a\x9c\x06a\x01(\x01\x10\x81\x9c\xa3\x00\xf1\xe1\x98\xa7T\xe42d\x10\x07\xa8\x0f\x16Xp\xab&amp;\xa8\x9b\xde\xd3AU\xd9\x85\x9e\xdf\xc6\xb7Ac\xb0X\x11I\xcf\x9b\x97\x87\x1d"\xfaN\\\x89\xa2\x12\x90\xeb8xyE\xa4\xb0\xabz&gt;\xa9\xbe\x1f0\xfd\x8c\x96\xc9R \xd9(\r\xd2L\\\x86\x10\xb3J\xe4DB\xd5*\xb6V\xa0j\x85\xac\xfd"\x00\xe8\xbe\xa7G8\xbb\x99\x8e.\x04\x83\x1a\xac-\xa0\xef\xb2\x9d\xc9\xb2\x99\xb3\xf0\\\xdb\x1f]\x83\x0cI\xf3\xce&gt;\xf1\xbd\x99\x1d\xfa\x02v@\xc0&lt;\xa2\xda\xe7\xde\xcc\xcab*z\xbe\r?\x1c8\x82\xe8\x88\x14n\x08\x94mb\x1d\xe0Q\x98\xe1\x8b$v\x89\\\xe2n\xadNj\x9d\xe6\xd0!(\x1a\xe9\xc6 I`\x12\xdcQ\x8eI\xc6\x17\x94d#"\x97\x05\xe8\xb5\x96I!C\xef\xe0\xedj\x08\x83F\xb7\xd1\x99\x075+\x18\x9f\x0e\xc0\xf1\x8fc\xfd\x8cos\x91\xefv\xb8\x9by\r&amp;4\xc2/\xba#\x99\xd6\x85\x00\xff\xf6\x93z\xccF\x0eZa\xf9\xc3W\x07)a0R\xd4.\xee\x83K1\xe6\xb5\x91\x9e\xc0\xbb\xe3\xe3\xc1\xd1\xe3\xbb\xd5%\x12.\x02vt\xcf\xcfo\x0474\x13\xcf\x82\x01\xb3\xd8kH77l\x9f.\x02\x88\x98\xf7\xcb\'\x8c\x0e"Y\xec#J7\xd8\xaa\xdc\x87|\x1c0\xbb\xcbT\xa4\x94%%\x96\xe6!\xee\xb9\xfa\x01\xd5\x91Q\x88H\x0c\xa6\x1en\x80?\x0bZ\xac{\x80*Sz(/N\xd8\x02\x87\xadas\xd9\xa6\xf0\xcd\xc9\xcc\xe8\xd6\\\xe3\xeeXP\xb8&lt;\x06\x1f}\x81\x81\x99\xb0\xd2\xda0\xd9\'\xa3\x102\xa7\xa5\x9f\xf8\x19\xa2w\xd2!\x85\x8b`;6\xab\xf3\xd5\xac\x01\x8fe"kM\xa7\xe57\x92\xf3|y\x13@\x07B\x822h\xc3\x94\xd3q\x0cRZ\x92\xf5\xaa]\xdd\xe8o\x9c\xba\xd7\xe6F{\xa5A\x9d\xd9s\xdf6\xeeo+L\xe3\xe7\x18u\x82\x08\xbb9\xe9t\xd5\x989L|j\xf6\x1c\xe2\xb0\x07X8\\\x1d\x8a\xf7i\xe8\xae0\xe0,\x9e\xc88\x03F\xa6\xdb\x18p\xce\xea\xc7\xa2.EV\xd5\x90\x02\x1d\xb4\x93\x83\x8c\xce\xf4\x1d\xa2+\x08\xe5\xa3\x0b\xbe\xe3\xb2\x89\x0f(\x14\xb2oPi\xab\xb1F\x07\x0c\x1c\xb2\xca_G\xae\xdc\xa2\xe4\xe9U~2\xff\xe5\xfc\x07\xb4o\x1e\x13\xec2\x14\xb5\xa2\n&gt;R\xc8V\xf5o\xe0\x0f\x9e"HX\xd5N\xe9\xc2]\x98\xd6\x93\x05\xdd\xa2\xeb\xbbP\x16\xb7\xa4\xd7\xe6p\xd44 \x80D\xc0\xec\xe0M\xffA}\xa4\xd1s^\xa6N\xc7\x0b\xa2yb=\t\xb8&amp;69\xb6\xd9\x0b\xe7=u\x84\x1b\xb3,&lt;/^r\x89N\x10#S\x1e\x00&amp;\xd1|\x8e\xa7\xf0\xdcKC9\xf6\x85\xac\xaem\x1d0\x86\x94\x90\xaa.s&gt;_b\'\xe3\x86\xa0.l\xab\x8e\xf9j\xaeob\x17\xdb~\xfa\x0e\xcf\xee~\x13y\xf1I\x98J\xde\xa2?\x85.\x84\x96\x1f\xc2mb\x1d\xcfD\xe5\xe7a\xbd\x03\x19\x9f\xa6\x1b\xb9K\xff0@&lt;&lt;\x0e&lt;\x7f\xb9p+\xbb\x9e\x1f\xabF\xbb\xc4\r\xe2\xf8i_C\xcc9\xa2\x03\x99\xd4M\xc0\xd6L s\x13?\xee\xb7\xe2\xaa\xc7\xc7\n\x1a\xb1k\x18\x1f\xb6@U\x9c\x1c\xea\xef*\\?\xb3\xc2\xb9&amp;9\x9d\x98\xf8\x99#JL\xa4$\x8d\xe5\xab\x02\xebG`%\xca\xe4\x085\x10\xeccU\x94"\\\xce&lt;\x8f&amp;B\xd0B\x15\xd7\xfc\x97\x83\xc8\xe7\xf8Z\xc8\x1a\xdfjv\x86a\xcc?\xae\xa5\xcc\xdb\x9b\xae\x01\r\xf7N\xb7r\x0e\xcd\xd1\xaa\xbe\xb5gq\xc5\xab\xf9\x14\x01\x94\x15\x8bpw\x82\xf8bQ\xa2]\x0c\xc4\x02~G\xc7\x008\xe8\xa0L\xf799\x9b\xa1f[\xb6\x03\xba\xeal\x13\x1d\x13\xfc8\x89!0\xeep\xe1u\xf4@q3\x84=\xb3\x1f\xad\x9f^\xf1\'n\x93\x19\x95\xd1\xcb\xfb\xbb\x0b\xe7\xcf&lt;\xa5\xce\xa6\xa2\x90\xd7h\xb7~\xc1\xbd\x97T\xd1\xf8\x82&amp;\x98\xa9\xec\x82x*\t\x97\xa1\x81\x10\x93\xc9%U&lt;\x14RC\xb3\x1a\xa7gL\xa2\xbd\xb5\xb9\x19\xd5-\x11\x91_0\x94\xbb \x04\xe5v\x93\xfc\xb3iG,~A\x8f\x9f\r\xa8!\x1a\xbb\xf1PfU\x81\x80I\x0c\xdd\x11\xc41\xda\xe0=o\xd8l\xe9\\\x98\xce+o\x1b\x17\xf3\x1d\x81@\x11\x97\xcc_\x1eE\x11\x1ef\x89\xc5\xa9\x90\xeb7\xfd;d:Q\x8f\xea\xcbV\t\xa4t~\x86\xed\xcb\xc2\xe1F\xf1mOp\x9bzu\x04[q\x06\x13D\xbe\xe17X\xc6\xd6\xc3\xbae\x1dqM\xe9\xad\x86\xf8\x9b\xcc\xf7\x8e\xce\xbe\xc8\x1a\x86\xa1\x12\xa3%P!\xbb\xad\x02\x19\x9d\xb2\x97\xf7\xe9[\x16\xc5\xfdmAW\xb2\xa8\x94\x8e\xe1J\xaf\xa6\xa0\x87\xda\x88\x18\x83e\xcbx\xdbM\x86\xeaHqB\xae\tl\xa4\xd3\xdf\x99Z\xe1q\xefG,\x0f\xf0j\x13c&lt;\xb3\xd6\x14\xe5\xea\xcb\xf7\xbd\xac\xab\x97^\xfe\xc7"r\xc9J`\xca\xeb=\xad\xd7\x11,\x91\xf9\xcd\x97\xc7P\xf5\x9dS\x05\xe4]\x86#\x14/\x9a\x14\xfa\xe7E\x83\x17\xe7\r\xc7\x9a\xac\xa970\x1a\xd4m\xe0k\xca\xe6\x10\x83\x19Q${m\xb8\x8f\xda\xc5\x010\xdd\xb9QG\xff)\xa9\xc3o \xf3\xbb\x83x\n\x87R\xd5\r\x16\x04\x17\xe2\nyT\xc2\xdf\xf3\xa2Qv$\xc4\x91\xb5W\xdb\xd1}\xe9\xcdp\x1cy\xe1\xf4 O\x98e\xd12\xff\xfa\x9f)\xaf\x9d\x04\xbclC0\xa9\x1b`\xdb\x14\xfemy\xa2\x1bX\n\x92z2\xfd\xd4b\x11\xb1\xb0\xac`zT\xefA\xf55\x1by\xfdoJ\x8c\xa8\xf7\xb3\'\xca\x19\xba\xb1LY\xd4\xd1!\x89;\xa5\xeea\xd5n\x84\xc6\x87\xb0z\x13\xad\x80Ls\xb8\x9b#\xf4\xf7\xce\xeem(\xc4\xaa6e\x0cM\xb5\x88\xaeq\x80X\xe0\xfey?j u\xaa\x85,|#\x9f\x80.\xab\x0f\x17(\x14\x99\x86\x97y\xe8[\x02\x1a\xb4{\xadm\xbf\x00/\x9a3\x8dka\x83N\xf7\x9f}\xa1&lt;2\x87L\x13\xcb\xc1H\xc1P7P\xca\xfe\x89v\x17g\xd1&amp;\xd4\xe6\x94\xe6B@U2IN\x8f\x8e\x00\xee\x9e\xf7\xcb\x03\xd2\x81\xd1@\x19;\x95\xdb\xe8\x95\xa7\x8d\x9bmK+\x91^ZF\xfb\x10\x94\x1d47\xed\xc8[Z\x08w5\xfeX0\xec\t\xe8\xc9s\xe3\x17\xcaA\xcc\x7f#+\x19e9\x1f"B\x85\xeb\xb2\x15\xef\xf6\xb5\rV\x9c\n\x0e\x0fkc\x98b\x96\x8b}d\x87\x00&lt;\nZ\xa8\xc1\x8f\x8b\x07\x1dO\xe2\xe8\xf2m\xd7\x8aG\x07\x0em\xed\x8d\xd9\xc9\xfe8L(\xaf\x9ce\xac\x8cd\xcex\x0b|X\xadRl&amp;\x85\xa2\xd8\x9a\x8f0\xaft=\x00\x0c7\x1b\x14\xfa3\xea\x98zK\xcf\x16\xd4@\x06\xe9\xa6\xc9s\x95&amp;\x1eIE\xb1w\x9fq\x9a\xae14\x9c\tI\x00\xb5Q\x15w@6~xx\xd8\xd8\xbe2\xb5\xc4c/\x87\x1c\x98\xe9\xab\xf7\xca\xc8\x1c\x04h\x06\xfe\xf9\xc6\x93\xaa@Z\x1f6\x87\xb8\x0bVm\x03\xf6\x16N5\xea\x08\xc2\xec\xa1\xb6n\x1b\xfe\x81nrn\x9c\x1b\r\xef\x08\xe1\xd2\x0cz\x1a\xc7\x0bk\xdb\xfa2\r\xd6\x00A\xa5\xc3?_\x8a\x1d?\xe8\xe5/rW\xdf\xe5\x15D]\x9a\xe7\x9a\xd5\xb2\xd9\x93\xfd\xb9_\xbfD\x9c\xce\xd0V\x1c\x7fJ\xec\x9e\xd6\xe3Y\xbc\xff\x90;d\x98\x1c6\xf9\x1b\x96TEn\x9aS\x92\xa6\xae\xd7\xe5\xe23\xca\x80\xb0T\xe4um\x81C\x83\x9a\t\x9bqkms\xa9\x9c\x00\xa0\xaaB\xb4\x89\xc26\x00\x14\xbb\x88\x84\x86\x05\x94\r\xd3\t\x0e\xae,h\x86\xa6'</t>
  </si>
  <si>
    <t>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</t>
  </si>
  <si>
    <t>b'\x1b\x1b\r7\xe4\xa2J\xa7\xf9\r\x00H&amp;#\x7f\x13'</t>
  </si>
  <si>
    <t>yin' tha' badness on a
robinâ€”not but what he's impidint enow for anythin'. Him showin' thee th'
way! Him! Eh! tha' young nowt"â€”she could see his next words burst out
because he was overpowered by curiosityâ€”"however i' this world did tha' get
in?"
"It was the robin who showed me the way," she protested obstinately. "He
didn't know he was doing it but he did. And I can't tell you from here while
you're shaking your fist at me."
He stopped shaking his fist very suddenly at that very moment and his jaw
actually dropped as he stared over her head at something he saw coming over
the grass toward him.
At the first sound of his torrent of words Colin had been so surprised that
he had only sat up and listened as if he were spellbound. But in the midst of it
he had recovered himself and beckoned imperiously to Dickon.
"Wheel me over there!" he commanded. "Wheel me quite close and stop
right in front of him!"
And this, if you please, this is what Ben Weatherstaff beheld and which
made his jaw drop. A wheeled chair with luxurious cushions and robes which
came toward him looking rather like some sort of State Coach because a
young Rajah leaned back in it with royal command in his great black-rimmed
eyes and a thin white hand extended haughtily toward him. And it stopped
right under Ben Weatherstaff's nose. It was really no wonder his mouth
dropped open.
"Do you know who I am?" demanded the Rajah.
How Ben Weatherstaff stared! His red old eyes fixed themselves on what
was before him as if he were seeing a ghost. He gazed and gazed and gulped a
lump down his throat and did not say a word. "Do you know who I am?"
demanded Colin still more imperiously. "Answer!"
Ben Weatherstaff put his gnarled hand up and passed it over his eyes and
over his forehead and then he did answer in a queer shaky voice.
"Who tha' art?" he said. "Aye, that I doâ€”wi' tha' mother's eyes starin' at me
out o' tha' face. Lord knows how tha' come here. But tha'rt th' poor cripple."
Colin forgot that he had ever had a back. His face flushed scarlet and he sat
bolt upright.
"I'm not a cripple!" he cried out furiously. "I'm not!"
"He's not!" cried Mary, almost shouting up the wall in her fierce
indignation. "He's not got a lump as big as a pin! I looked and there</t>
  </si>
  <si>
    <t>b'6\x90;\x9bBXd\xf0\xac:\x05\x92\xa1\xa2X\xc0\xb7F\xde\xd5\x9a\x1fV)j\x98d\x06\x86\xc6\x0e\xe2+\x0e\x0f\xf7\x12W\xf8H\xa2$\xebyUUq\xa2\xf6\'\n\xf6\x87~\x817\x1a\xdf(3,\xac8J\x19\t/A\x9aAV\x1fl\x86\xb3\xe0Y\x14O,\xc9\xf1.G\x9a\xb3F\xc2\x0506\xaaS\xac\xdc\x1f/\x10\x1e\x14\x83R-D\x8a\x81\xc1,\xb3a\x9c\xa9Xs\xe0v\x14\xc7\x06j|e/\xd8\xf3\x12\xf4\xaf\x88\xf4\x14\xaa\xdc\xbd~\x95+&gt;\xef\x0b\xc5\xc1\x99\x06\x96\xa5\xa2\x1f\x84]\xcbJx\xeb\xee\xeb\xe2\xcc\x9c\xae%E@N\x10\x96\xb5\xf1\xbe\xb8\x9f\xd6\x1e\x93\x88\xba\x87G&lt;?43C \xd1C1\x0bK\xdd.\xbc\xdb\t\x16o\x8a\xba\xa3\x1fp&lt;\xf0\x9ae_R\x87\xcd\xeb\xb1\xd5Yf\x0c\xd4\x8b\x05e\xb1C\xb4\xb4F*\xf4\x9c\x9e\xfa\x00[\xdd\x80z\xe8\xba\x17F\x8c3\xe4p\xd0G/\xce%\xde\xc9\x94\xf2\xbfUc\x0ep\xb3pj\x0f\xe7\xcaY\xa1\xb8N\xf6\xcc\x82fc\xdb\xe6;p\x8d\xcc\xbb\xc2\xfb\x03\xb2\xa2\xa0\x0eaU\'z+xZ7\xdc\x1b\xcb\x1a\xae\x02\xb5\x9dy\xbf\xb5\xa4\xeb\x08\xb5\xdf\xf8\xd5\x85\xfa\xb4r\x9b\xc0\x97\xf5\xc51\xda\xc8\xce\x15*\xa1jt\x80\xe4F\\\xd5E\xa5z\xfa\x0c\xda^&amp;:\xcd\x17(\xd1&amp;\xdboj\xab\x8b\xae\x14\x9a_\xef\x81\x91\xb2\x07@\x81-\xe4e\x85\xcd\xc7R\xdc\xfd.\xa0\xfa\xd91\xa7\xab\x8c&gt;\x0f\xebF\xcc\xc3\x1cqf\x1e\x0c\x82Z\xc6\x05\xb3n\x0eU\xe5\xa6\xa4\x13[cQ\xa45\x87\xe3T\xfar\xa1\xb1u\xae\xe6\x12\x88x9\x8f\xf2\xd7\xc8\tc\xde\x05\xe5&amp;(&lt;\x0e\x08U?\xd2\xf7k27!\xb5\xd6\xeaN\xfa\xf7\r4\x9b\xcb\xc2\x80{\xab&lt;F\x9f\xb3\xb3\xb0\x9f =A;\x9a\x19\xd7T\x90\x93\xa0\x1a\xf7\x06#PV\x93_\xed\x9cB\xd0A@Jw\xaf\x80\xc7\x86fch\x7f\xdfQh\x8cK\\\xc8\xcaagh\xcc\xe6\xa1a\x16Emza\n\x01}\x15\xe4\xc3\xfb\xf4\xfe\xefx6i$\x02\'\xcd\x11\\\x83&lt;\r\xc2f\xce\x9f\x99\x0e\x05\xf4X\xf0\xe3\xba\xaf\xf3~_X\x08\x15\x86\xdfi\xd2"\xa2\xb9B\x86X\xf7{\x16I3\x8a\xc4\xaf\x8cH\x01\x85=\x1dS\xb3\xd4\x8b\xad\x80\x12\x9ck\xf5R\x98u:@\x0e\xad,\xee\xbe\x9c\xd7\x85t\xedZ\xf5\x1e^\x84\x06\x99\x83\xaf\x98\xf6\x9a$\xdf\x0c(\xed\x0fB\x99c.\xa3v\x0c(\xc8a\xa7\xcb\x8b\'\xe0\xba\xff\xc00\xb5\x08\x86/\xca\xd4J\x0e\x97\x95\x7f\x84q\xcf\x1d|\xeb\x080\xc0\xfeN\x12\xf3\x8e\xad;(\xee\xac\n\x9d?\x0b]\xb9\x01r\x9e\x1b\xf8\xce\xb6\xf32\xf6\xce\x18\x16\x88\x84\\\x0c\xd3\x8c\x8b:^\x1eF\xfd\x03\xa2\x00D\xc0\x1b\x19\xcd5\xde0i\x1a\xe6\xcf\x9cXFs\x1e\x16},\x8dQ\xf1N\x1dT\x19\xed\xf3\xe5H\xa8\xa0\xe4\xb1\xf1\xf1cJx\xeb\xcfE\xacS\xca\xd0\xa9\xf5\x82gp\x84\x008\xf5Q_\xf6\xbaW\xa3[\xcf\xd9Qw\xaa\xf1\x9a\xa9\x97xh\xe8\xdb\xd1d\\\x00\xf9\xb7&lt;\xb7h3\x7f9\x0c\x83\xaf\xbay\x06J\xa0L0\x10h$7\xda\xed\x06(4\x01\xb5\xdb;\xa6\x163\xde\xaa\xed\xa7\xa4\xd2Z\x98\xc5\xc0:[)\x9f(\xb00J%\x08f\x08E\xf2\x99\x18\xcd\xb8\xb3\xe8~\xcct\xbc\xc25e\xf1\xf7\xdbQ8P\x1eI\xdd\xedm\xeb\x06\x84\x91\xc9b1\xd1)e\x8bw9\xd7N?D\x19aQ\x14\xdc\xbe\x9d[\x8af\xc2\x1f1\x08G\xfbY4\x8c\xd1\x98Y\xcb\xf0P\xc8\xc6\x9dq\xd2\xe4\x17\xbc\x13P\xfc \xd5\x99\xfe\xbc\ne\xa6ODx\x98\xc2\xd1\x1e%\xeb\xf3\xa8\xccT\xbf\xb3\xeca@=j$(\x92@lF\xb1\xb6\xc8\x10T(7\xbaq\xdd\xe0\xb4\x8dxl\xbe\x01=Z.z\xf5M\x1bD:\xb2Y\xa0\xab&gt;:q\x017\x91\xd4\xf5\xbcFT\x17*O\xb7\x03\x99*\xf9\x1ee^q\xf0L\x92\x82\xa2\x985\xad\x19\xe6\xa4T=\x0f\x04\xa3\xa8\x90\r\x89\x07\xd5=\x11Nq{\xbeM\t\x86\xde&lt;\xeb\xa9\x17J&amp;U%\xbb)L\xbd[\x89\xfa\x1d\xdc\xfa\x86\x86UK!K\x15\\EO\xfa\xef\xb5\x136C\x05\xd5\xd8V\xbbYNh\x0b\nx6h\xcf\xbe\x01zQA\xe8\x9d\xdeKe\x85\xd9\x18!e\x83%\tn\x94\xec\t\x0f\x0c\xc0\xc8|d\x19{\xda\xe0\xc7I\xe2\xf5R\x8c\xdeUN ]\xb5\x13d\xb7\xde\xa34\x1fh\x86`\x86^M\xc5A\xdeY\xa0@\xfd\x7fh\xcaDU\xd3\xd5\x96\x11\xa1N\x1e\r#\xc1\x8c\x8f\x9d\x06Ul\xb4TM\x97\xca\xf6\xb0t@\xcf\xbea%W\x07d\xdf\r\xe1\xca`d?!\nGz\x82\xb8\xfc\x93\x81\xa6\x9aw\x16\xf4Yb\x15o=\xa2J\x98\xda\xdc\x96#\xa8\x02\x1eX\x08\x03"\x93\x04\xd2\xa2\x9dUXH\xf6\x9e\xf2\xd8X\x9fE\xd9\xdc\xc8Z\t6\x17\x1dd\xff(b5\xa5\x9b\xee\xa7(h\x05\xf5=\x0e\xce&lt;\x89\xfer\xfa\xa17\xaf\x8f\t \x10$\xdf\xdf\xb6\xe9\x80\xeb\\\xce5&amp;\x91\xbf\x12\xda\xe3\x99\xf4td\xd9\xe79\xe1\xc1\xac\xe3\xa9\xc5\xb6\x8d\x19Q\xbe\x00\x17J\xa38\n-\x9c]\x81I\xd6\xd7(;R}P&lt;\xbbm\x1a\xe3\xdeo\x9c\xe1\x11Mz\xf9H\xd8?\xd8\x97\ta\xc0\'\xe8\xbd\x860\xc5\xdeM\x1c\xd7\xea\x91\xd0\xaa\x18\x1b\xa4\x0f\x0e"\x07\xca)\x90R\xf5.\x13\xce\x13\x1b\x99r \xd0=)#J\xf7\x04\x8c\x01\xa2\x95\xecZXC\xd1~\xd4\x06\x921H\xe5\xb0\x990\xe6|\x9f\xf7\xb0/\xf5\xb5\xceg4v\xa2C\xa5\x04!Z6DA^\xbcp\xb0\xdf~\x1a\xddi\x1e\x1d\\%Ux\xbe\xdb@+\t\xff\xe7*\xa6p\x0e*\x99\xcdx\x85\x84c\xcd\xe3;w\xbf\xbe\xddPe\x84\x7f\xac\x94\xbc\xa6\x1c\xccM\xa4\xc3\xf7\xdbiT\xd1\x13\xb2\x0f\xfa\xae \xd4\x9e[\xd7"\x07N\xcb[\xe3\x85\xbe\xbe\xaa\xddO\xbfE\x93\x1e44\x85\x8b\xe5\x87\xb4/AA\x18\xca&amp;9\x11\x8f\x0c\x81w\xc9\x9d\xb9=\xfb\xf7X\xce\xbb6^\xc6\xe6\xb4\xe3\x1a\xa0\xd8t\xe3p\x8f\xf6\xf5\xb8w"\x1e\x9bg\xbaGU\xea!\x8b\x1e\xcf\x17\xec\\\x0c\xb1\xff\xc2\xfdY]\x86\x91\x8a!\x9d\xd7\xa27\x118\xf4\xff\x03w\x17\x0f=m\x1d\x85\xdc\xe7\x0607\x97&amp;s\xb86\x81\xba\x8ai\x1e\xf3\x0b\xbd\x97\xe4\x1b\xcaG\x1e\xa5i\xf2z-np?n\xc3&lt;D`C\x8dLp\x06\xc2mro\x8e\x1be\xffu\xddG\xd6\x93Z\xd2\x8eA\x81\x04\x9e\x16\xb4\x0fZ\xb2L)\xe1\xc5a\'\xb7K;\x19\x9d1\xe5\xa7C\xd8\'\xad\x9e\xb6X\'\xdf\xc6rP\xa3D\xbdK@\xe8\xaa\xa9\x1f\x11\x1cF\xf5\r&gt;\x8b9\x92\xe3&lt;u\xe3\xf14\xa4aV:L\x8e\x99Q\xce\xf2M\x073\xf6\x02\x84\xafm^\xf5\x17\xa8\xfe\t\xb4\xcd\xe5Z\x0c\xa1\x1dg\xc3f\xc4n\x82\xe6\x8e\xd4\x06|\xcc8o\xc7\x8cj0\x11p\x18\xe3\xfa\xeb\x83|r\x04O\xd6J\x84qN8V+\xe7g\x9f\xa8\x00\xcb!\xc9~\x95W7\x1b%\xea\xca\xb6&lt;\xff\x85\x01ry\x8d\x1e\x1e:\xb2\xbe\x10\x08x\x92b\xa6\xd2X\xca/\xb1&gt;[&gt;V\xf9\xa3\xdc5\x0b\xf2\x0e\x01\xd4\x8a\xc4R\xe4\xe1\xe2\x8bz#rOeG\x06`\t\xcb\xab\x18\xfc\xd2\x85\x11\x157\x1c9\x89H\xabQ"\x06nA\xaa\xf4\x04\xec\xbdS?\x86\xca\x1boc5\x8b\x18\xd2\xd2$\xbd\x1c;Hz\xae\xb2_}J\x06~=\xfe\x11l\xb8\x06%\xec\xd70-B\x88\x8a\xb3\xf5\xf6\xbe+F\xf3\xfd\x8c/G\x1a\xdb\xf1\x11T!\x9e@\x98)Yg\x8a\x84\xf0"\xd4\xefns\x0b\\}A_\xde\xe6,&lt;\x8e.\xd6\xea{^W\xf4\xaa8Zi%\xd7\x7f,\x91}\x82bTt\xea5=v\x04\x92\xca\x98\x17\x16Pw{\xac\xda\xd0q\xf9!\xf63!\x02\x10\xb21\xce\x8d\x14\x1b\x9cU\xb94\t\xce\x96\x8e94\x06\xde\x1cn\xf8h\xe6\\\x7f\xa3\n\xff\xaf\x96\xeb\xa6\xd0E\xe2 \xa9\xa3E&amp;\x91\xe7\xe1\xc8\xf6}l\ngQy\xf6\xd4\x0fr@\x97\x99\x04k\xc1\x91\xc2\xb0\\\xa15!\xa5(\x15H\xf2\xd4\xd6\xd9b\xbd\x07\x84\xcc\x16lxfBY\x85&lt;Gv\xe7\xa1\xcc\xe7|O\x88 \xfc\x89\x88\x93U\xa3\xc9\xcci\xd1JJ\x01O\x88\xfe?F\x89\x0e\x9d\xae\xfe/\x8em\xc9H9\xfa\xf9k\x9cg\x04\x91\xed\xfe\x92w\xcb\xe3"\xfc\xe0&amp;\x96\x842\\\xdf\xb0\xbbl\xca\x930\xfaa\xf0\xad=\xe5\xcaR%\xf1\xf4\xf7d\xd3\x15\xf9*\x80\xb5\x84"\xe1\xa3\x9c\xb6\xd4\x8c\xaa\xe0\x13\xdb_\xcb~n\xfaC\xd0&lt;(\xc7\xff\'\x11D\xbd\xe9o1,\xebv2\x98\x16\xd2\x85\x9a\x8b\xa4\xb6d\xdb=\x04(r\x96\x8a\x01\xff\xf6\xfd\x0f+qX\n.\x05\xc0die\xbb[9\x06j\x97\xc5\xce\x86\xbc'</t>
  </si>
  <si>
    <t>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</t>
  </si>
  <si>
    <t>b'6\x90;\x9bBXd\xf0\xac:\x05\x92\xa1\xa2X\xc0'</t>
  </si>
  <si>
    <t>sed the money. 
 "Flint's fist, I mean," he cried. 
 "We don't see it here nohow," returned the man. 
 "Here, you below there, is it</t>
  </si>
  <si>
    <t>b'\xab\x9a\n8\x03\x8c\x9b\x91j\x01N#\xeb\xe5\xe0\x08\xb5fU\xf08\\\xd3\x15\xdb\x86\x10\xc4\xdd\x1a4\xf7\xca[\xa4\xb2\xb8L\xe5|\xbe\x89\xaf!\xfa\x0b\xb6\xd9\xa0\xee\xfd\xda\x9bx\xc6V\xbd\xfa\xc8g9\xff\x90\xb5\xd4\x01Hb\x06Q\xb4P\xfc\xef\xe2\xe9\xf4\xd0\x8bK\x8fVHR\xe1It\xb2\x0c\xe0\xd0\x807\xee\xf5N\xfc\xba\xd5\xaat\xb4\x8b^\xc5"\xef\x06\xa4\xdc\xd3\x9e\x13=U[\x1fo\xed\xac\x97\xf9\xf9*\xc6\xbf\xab\xb5|{F\x95\xd8\xd6\xd7.fXFV\xf4W\xc9\xd8\x02N\x11n^\xae\xb6\x13y\xd1\xa7L\x04\xbe\x02\xaf%\x0b\xc2O\xd8\x9ct\xf6X\xbf\xea\xa8\x0fv\x94\xd7\xd5\xacD\x8b\xb2\xde\x14\r\xf7\xb7\xa6%\x85K o\xaf\xfb\xa5j\x0eN\xdfh\xfck\x96\x96\xc6:v\x15W\x8cNK\x12Q\xce\x98V=\xf7n\x1e\xd4\xb7;\x87\xea\x80LuD\xd3\x17\xd8w\xebL\x1aNte\xd8\x07\xbc\x01\xe7\xb4\x8d\x90\x89\xd9E\xabKC\x17-\x89?\xd6\xe2@\xbej\xd9n\r\x00"\xbdl\xf9 \xaco9\x9e\x0c\xdf\xc5z\x9f\xa7n\x99\x99\xdfj\x9a\xb0\x1eR\xc9*\xb1\xcf5WG\xbbAI\x03\x84\xd2V\x1da\xed\x87\xd9\xc3\ty\xc5\xb0\xc9\x03\x8a\r\xc4xr\x1e\x1e\x1b}&gt;\xee\xbe\xf3\xefc\x8d\x93bn\xcc\x10\xbb\r}\x8f\x89\xd2\xa8m\xb2|\xa7\xc2\xf9\xf87\xfee\xd9\x00\xb7\x02\xc0\xeb\xbe*\x1fc\xaeC\x84x\x88\xa2\xdee\x0fR\x0e\x9b\xa5\x93\x832\x08\x199\xbc\x91\x03\x83\x84T/M\x07\xd9\xf1\xbc\x17\n\x8a\'YzUS\xc7\x1cW\x14\xcb\x9em\xf5&lt;\xa0?\xf0\x19\xe6\xd1GD\x9e\x9cr\x05.2k\xecO\x84\xbf\xbchd\xdfV\x92\x92\xcbF\x0b&gt;\xa8\xf6\x9c4\xe5&amp;|\x98=V\xfey\xa3\x02\x8cw\xa6S\x0b\x92\xcfr\xb89+)\xd09\x1bb\'J4\xcd\xf4\x13\x17S\xbb\x8f\x15\xff6\x0c\xef\x8d_-\xbb,g\xf1K\xb0\xbaC\xd75\xa0\x0c.\x1bAw\xa1\xcf\x9f\xcb\xe8'</t>
  </si>
  <si>
    <t>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</t>
  </si>
  <si>
    <t>b'\xab\x9a\n8\x03\x8c\x9b\x91j\x01N#\xeb\xe5\xe0\x08'</t>
  </si>
  <si>
    <t>diagrams together, we see what may seem at first to be
 a surprising linkage of the prices of goods to the ratio of labor to capital used in the
 production of each good. Suppose that the relative price of cloth is (left panel
 of Figure 5-7); if the economy produces both goods, the ratio of the wage rate to the
 capital rental rate must equal . This ratio then implies that the ratios of labor to
 capital employed in the production of cloth and food must be and ,
 respectively (right panel of Figure 5-7). If the relative price of cloth were to rise to the
 level indicated by , the ratio of the wage rate to the capital rental rate would
 rise to . Because labor is now relatively more expensive, the ratios of labor to
 capital employed in the production of cloth and food would therefore drop to 
 and .
 We can learn one more important lesson from this diagram. The left panel already tells
 us that an increase in the price of cloth relative to that of food will raise the income of
 workers relative to that of capital owners. But it is possible to make a stronger statement:
 Such a change in relative prices will unambiguously raise the purchasing power of work_x0002_ers and lower the purchasing power of capital owners by raising real wages and lowering
 real rents in terms of both goods.
 (LF/KF)
 2
 (LC/KC)
 2
 (w/r)
 2
 (PC/PF)
 2
 (LF/KF)
 1 (LC/KC)
 1
 (w/r)
 1
 (PC/PF)
 1
 Relative price 
 of cloth, PC /PF
 CC
 Wage-rental, w/r
 Labor_x0002_capital
 ratio,
 Increasing Increasing L/K
 (PC /PF 
 2 (PC /PF
 1 (LF /KF )1 (LC /KC )
 2 (LC /KC )1
 SS FF
 (w/r)1
 (w/r)2
 ) ) (LF /KF
 2)
 Figure 5-7
 From Goods Prices to Input Choices
 Given the relative price of cloth , the ratio of the wage rate to the capital rental rate must equal .
 This wage-rental ratio then implies that the ratios of labor to capital employed in the production</t>
  </si>
  <si>
    <t>b'0D\x02 \x0b\xc6\xec\x0b\xd9&amp;\x98\x0b\x947L\x92\xa3\x10@0J\xe0\x9d3\xb9\xeb\x0c\x12\xa6\xc7\xb8\xacTW\xa88\x02 \r\xd0h&gt;07\x03\xe7dnk\x039\xb1Ak%\x87\xb0\x8d}\xf9\x0cf\x13\xca\xa3\x8b\xf2I\xe2\xee'</t>
  </si>
  <si>
    <t>304402200bc6ec0bd926980b94374c92a31040304ae09d33b9eb0c12a6c7b8ac5457a83802200dd0683e303703e7646e6b0339b1416b2587b08d7df90c6613caa38bf249e2ee</t>
  </si>
  <si>
    <t>b'0D\x02 \x0b\xc6\xec\x0b\xd9&amp;\x98\x0b\x947L\x92'</t>
  </si>
  <si>
    <t>t of distress in the strong mention of his own
 suffering, and would have given half the world, had it been his, to
 recover the letter. Emily, however, was spared the pain she must have
 received from it by the suspicious policy of Madame Montoni, who had
 ordered, that all letters, addressed to her niece, should be delivered to
 herself, and who, after having perused this and indulged the expressions
 of resentment, which Valancourt's mention of Montoni provoked, had
 consigned it to the flames.
 Montoni, meanwhile, every day more impatient to leave France, gave
 repeated orders for dispatch to the servants employed in preparations
 172
 for the journey, and to the persons, with whom he was transacting some
 particular business. He preserved a steady silence to the letters in which
 Valancourt, despairing of greater good, and having subdued the passion,
 that had transgressed against his policy, solicited only the indulgence of
 being allowed to bid Emily farewell. But, when the latter [Valancourt]
 learned, that she was really to set out in a very few days, and that it was
 designed he should see her no more, forgetting every consideration of
 prudence, he dared, in a second letter to Emily, to propose a clandestine
 marriage. This also was transmitted to Madame Montoni, and the last
 day of Emily's stay at Tholouse arrived, without affording Valancourt
 even a line to sooth his sufferings, or a hope, that he should be allowed a
 parting interview.
 During this period of torturing suspense to Valancourt, Emily was sunk
 into that kind of stupor, with which sudden and irremediable misfortune
 sometimes overwhelms the mind. Loving him with the tenderest
 affection, and having long been accustomed to consider him as the friend
 and companion of all her future days, she had no ideas of happiness, that
 were not connected with him. What, then, must have been her suffering,
 when thus suddenly they were to be separated, perhaps, for ever,
 certainly to be thrown into distant parts of the world, where they could
 scarcely hear of each other's existence; and all this in obedience to the
 will of a stranger, for such as Montoni, and of a person, who had but
 lately been anxious to hasten their nuptials! It was in vain, that she
 endeavoured to subdue her grief, and resign herself to an event, which
 she could</t>
  </si>
  <si>
    <t>b'\xa2_\'6\xd9\xbd\xd1\x8dbfp\xea\xd4\xf7\xfbS4\x0e\xd1\xc2"\xac\x1cF\x82\xc7T\tI\xa1\xf1O}p\xacrWb+\x80\x00\x06\xc3\x11w\x1f\xa0*\xd1(\x12\xe0\x08\x12k\x95$\xc9\x92\x95\x82\x0cv\x03'</t>
  </si>
  <si>
    <t>a25f2736d9bdd18d626670ead4f7fb53340ed1c222ac1c4682c7540949a1f14f7d70ac7257622b800006c311771fa02ad12812e008126b9524c99295820c7603</t>
  </si>
  <si>
    <t>b"\xa2_'6\xd9\xbd\xd1\x8dbfp\xea\xd4\xf7\xfbS"</t>
  </si>
  <si>
    <t>heard it
muttering to itself â€œThe Duchess! The Duchess! Oh my dear paws! Oh my
fur and whiskers! Sheâ€™ll get me executed, as sure as ferrets are ferrets!
Where can I have dropped them, I wonder?â€ Alice guessed in a moment
that it was looking for the fan and the pair of white kid gloves, and she
very good-naturedly began hunting about for them, but they were nowhere
to be seenâ€”everything seemed to have changed since her swim in the
pool, and the great hall, with the glass table and the little door, had
vanished completely.
Very soon the Rabbit noticed Alice, as she went hunting about, and
called out to her in an angry tone, â€œWhy, Mary Ann, what are you doing
out here? Run home this moment, and fetch me a pair of gloves and a fan!
Quick, now!â€ And Alice was so much frightened that she ran off at once in
the direction it pointed to, without trying to explain the mistake it had
made.
â€œHe took me for his housemaid,â€ she said to herself as she ran. â€œHow
surprised heâ€™ll be when he finds out who I am! But Iâ€™d better take him his
fan and glovesâ€”that is, if I can find them.â€ As she said this, she came
upon a neat little house, on the door of which was a bright brass plate with
the name â€œW. RABBIT,â€ engraved upon it. She went in without knocking,
and hurried upstairs, in great fear lest she should meet the real Mary Ann,
and be turned out of the house before she had found the fan and gloves.
â€œHow queer it seems,â€ Alice said to herself, â€œto be going messages for a
rabbit! I suppose Dinahâ€™ll be sending me on messages next!â€ And she
began fancying the sort of thing that would happen: â€œâ€˜Mis</t>
  </si>
  <si>
    <t>b'\xc9\xf9^\xb1\xf9g&gt;\xc8\xa6W\xc6/D_\xb5]\xa4~\xabR7\x8cZ0\x19\xb4a\xb6\x8c\xe4\x91\xa2+\xb7\xc0o\x17\x89SRr\xc4\xba\xd9\xc9\xee9\xc8\xd4\xcc\x92#G\x0c~h\xbe\x17\xafe\xcd0\x1afc\x90Pg\x0cm\x04@J\xe1\x06\xca\x92\x06U\xab\xe6\x89&lt;U\xcc\xf1\x19Ti!\xb7\x82\xde\x83\x17\x1e\xeb|\xb2A\xf8\xd31\xdc\xd64q\re\xeb\xf6\xae\xd9g\x18\xce\xde\xf9\xd6\xb8\xb8\n^\xae~-t\x88\x14T\xf9\x194\xb9\x90S\xd7x\xe0kZyG\xb4T\x18\x15\xa4\x0e7\x1bK\x10\x1a\x89V\xaf\xc0\xcf\x121\x84U\xbd\x08\x0f,\xb84}\xc8\xb4\xafW`i@\xe4\x87V\x1a\xe2nH)\xf46\x1aLV\xa8-?\x06\x81%\xa7\xd7:Z\xfeQ\xc1\x88W\x93\xeb\xf0\xbf\xec\x9e\xec\xb3\x80\x91(\x9b\xc4\xe4"\xa5\x08r=\xd1\xb7\x92H\xb4(7l.U\xe0\xda\xaf\xe1V\xe3\xd8fgM\xc1+\x9a\xbcG\xbe\xd8\xf4\x92\xef\x1e\x81(\x1aC\x81iJ\x00\xc2\xb4\x1d\xb5D\xa3\x8f\x00\xc9\xa0\xc3j\xf8;\x13F\xcc7\x83?\xb9\xc2\x8a\xfb\xb7U\xc3&lt;\x1bJ\x94P\x83Jq\x0f8&lt;sl\xef\xa0\x0b\x05\xfe\xf7\x17\xe7\xc9\xb7+2V\x10\xeek\xb1\xfd\x0cK\x82\x02\x13\x80X;\tC:t@#_\xca\xd7e\xe1uQ\xc4\xea\xceF\xad\xde\x9b\xf0~\t\xf9\x18\xf8\xb8c\xf0\xf3\x81\xdcs\x1f*.(\x93\xa0k\x1e\x96\x13Q\x81x\xe8l\xb7(\x19\xfd\x0e\xc8u\x96\xde\xf3j\x12{b\xce\xd1\xa7\xb3\x00v7\xec\x97\xf8\xe6"\x06Z\x02\xae\xf94\xae\x95t\xf4\xb6\xfa\xc1\xa1h\xf3)/\x80.\xd7\xe2\xfe\xc2\xa9\xc7\x17\x97O\xc3\xc1\xebj\x00e\xef\xc4\x08V\x03\x8bJ\x8a\xc0Ha*Ex\x90~\xe0\x07\xc5\xc1T\xd1\xcbU\x15o\xdd\xbd\x91\xc7\xe9k\x86`\xb0\xd7\xca{\xdf\\\x86\xfdETb\xf2\x85\xc4eNZ#\xc4\xa5 ;\xeb\xd1\xff)\x8d\x8f"\x9cj\xdf\xe1\xd1%b1b\x91!\xb2w\x87\xa4\r\xdef}\xcc\xe8\xf4D~j\xe9\xf0"(g&lt;yKg\xbd\x1c}\xc5\n\xe9L\x8a~\xfc\xf6S}\x96jd\xc7\xbe\xea&gt;\xfa\xfeQh\xcc\x03\xd4j\xb3i\x99\xe3\xe2\x05\xe7\n\xd2\x8e\xe96G\xce\xccs\x18\x8a\x97}\xbe\x11\xfa\xcb\xbc\n\xec\x02ym\xcc\x8d\xb1E\xd3\x0c\x94W\x87\x1b\\D\xed(K\xdd\x0fB[\xe8\xa1=k\x90\xca\x07w.m\x04\xd7\x94\xff\xba!\x8a\xc4\x1d\x89A\xfd\xf4\xeek\xbf`\x9d\xff\xb1Z\xc5\xb5@H\x8ff\xc1\'\xc0\x1f\xb1\xb9\xf6h\xbd\x86\xa2\xa2\xaa\xc1|\x85\xfd\r}\xbd3\xdf~\xad\xdc\xe5\xf5\xbe\x01\xado\xa46\x02 \xe5o\xf4\x8bt\x11\xa7\x9f\x07\xe8%\x16\xa8b&amp;Z6\x94\x1f0\x18\x89\xb42\xc3\xac(W\xb1\xd8\xa3P\n\x97&amp;O\x18\x84[\x87godJ\x9a!\xf6=t\x06\xd6&amp;\xf2\xfbD\x13s\x07\xd8\xa5\x8d\xe1\xad]\x13\x9c\x04i\xb9\x15\xb7!\x93\xe1W\x0b\xc62D\xb5\xa0\x8f\xd9\x043g\x7f~\x81nv\tZ\xcej4V\xb6g\xe0\x97\xc1\xd9\xec\xd4\xa6\xd7p\xf2N0d\x15\xba\xd5g;\x1e9\xb5k\x9e\xf6\xa2\xf2\x8e\x04\xbc\x04 \xca-\xe7\xee&gt;\x8e\x1e\xec\x04\xe7\xf5\xfc\x8f\x1f\x16p\x01j\xab~\xc5(\xc4\xdfq4~@b\xe6\x02\xc3\x0bc0u6~mX\xf1\x1fd\xc4\xa4\xf0D\xc3&gt;E\x8d\x1d\x16\x84\xd2\xe3\x9e\xe07\x9b5\x85\x93\xd3\x0f\x15\x18\x1d~dtw\xfeL\x7f\xc1\xc5\xdeVT\xbaI\xc0\x8bP\xf6\xa1\x06y\xc9o\xa2[\xcazy\x01\xdc\xc9\x17\xa9;\xe7\x9d\x073\xeb\xba/\xb6\xe684do\xc6\x8a\xeb}l\x06]:\x191\xd8\xde=\x1d\x006\xa72Vz\x03\xd2\xbdCK\xb3\xd4\xd8Q\x04\xa8\xc8J\xf2\xe8qT0sG\xbbv\x98\x9d,\x16\xc4\\\xe1\xd6\xf8\x88\x99\x8a2\x06\xa1\xce\xba\xadJ\xda\xf3\xad\x0c\xca\xd8\xa3K?\xcd\x0f\xf1\xf5\xcc\x15Zr\x19\xabN\x94\x85&amp;U\xec^&amp;+u\x86\x04pc\xfb\xf2[C\x89":\xb1?\xce\x9e\x18v\'\x8b\xb5\x8ezj\xbb\xbc\x0byh\x87&gt;\xda$8D\xbc\n\xb2\xe5\xd2\xeb\x88\x87=G\xab\xdeI\xe1:\x87yd\x14\xf8\xfd\x9a\x19\xe7\xbe\xe2&amp;\xc4I\xdff\xed&amp;\xd5\xf3+vy\xb3\x99\xa6\xee3\xe7\xc0Ogf%{\x1el\xb3\x01\xf6\xc3Y\xca(\x92L\xd3\x12uer=\xb9g\x07Z&amp;3\xfa\xa9a4n\xeeB\xf5!V\xe0&lt;\xc0\x1dy\x926\x92K@\x1d\x9d^w\xd2\x8f\x96\xfbL\xdbCNN\xe8\xe0\x03\xf7\xfe}\xc3!-\xb8e\xae\xddy]q\x1d\xd5\x13\\KA\xba\xe0\x04\xac\xc6\xdaf\x14~U\xe2\x07)\x8f$\xb7({\xeb#\xda9\xffR\xb9ll\xffe\x00\x95\xa9\xbb\xf9nz)\xc8aX&amp;[\x00;z{\xe6\x8eQ\xf9`)\x10\x06&gt;\xe7\x0f\xad|\x19K-3\xb4_\x99\x03\xf1LR\xa0\x8b2\x0b\x14\x04\x95\xf8\xcb!\xa3WN\r/\x1e\x18\xe9\x00N\xf1B\x7f\xb99\xa6\x1a\xee\x1ef-\x82m]\xc7\xac\x06\x7fF\xa8\xfaDH\x89\x1b\xa7\x8a\x9a\xd5+O\xd0+t\xf9^\xe2\xa3:\xa7\xad\xfe\xf6&lt;\xf6\x13\xe4\xb3bYn\xd9HX\xf5\xffP\x87o\xd2I\x13\xf6)\x82\x87\x7f#X\x19\x14\xef\xbe\x81\xe3D\xd6\xe8yD\xe5\x13\x7f\x06\xa1V,\xfd\xde\x94[9!WC*_%\x9f;\xdf\x0e9\xf3\xeds,uSK\x9a=U\xedl\xa7d\x8f{\xb2?\xf1\xf4\x0bi\xb4\x1b%5\x98\xa2\xecma"\xe1&amp;\xf9\x88\xd4`\xa9\xb3.\xac\x8c\xd7^\x89\x8eIw\x1cf\x9a\x8f\xe9\xf9|\x16p{\xba\xeb\xd3_\x9b\x03\x84\xb7\'\r7\xee \xbb\xcb0C\xd2\\L\xa3\xc3`\x1c4H\xd7\xc2j\xe4O\xd0)\x15\x11\x1dw\x15t\x0coFh9C\xd8\xaa\xa0\xa9o;\x85TUk\x15A\xfdv\x14s7Z\xc3=V\x99\xfa\n\xc3\x1d\xd2^\xa8B3\xeb-\xd0]\x92\xdd-csD\x05&gt;s\xe0\x9e\x9c\xaa \x7fX\xaa\x161\xb45K\xfa\n\xb3\xc57\xa6wo\xde\xe4#\x02\x0cg\x86\xf3\xf2\xe0\xca\x05\xb8?\xf1\x13\'\x07W:\xcf\xcc\xc2.\x86\xf5\x9e\xd2\xfd;\xf7\xf7\xc4\x89\xa3U\x19\x16R)Z\x0f\x13\xa7\xd2sL#\xbc\xaf\x11]\x0f\xf9\xc2;,\x13\x06\xc5\x8b\xfa\x14\x81f\xd3\x00B2\x91k4Xql-\xf1v\xb0\x1d\xf3\x90\x8a\x0e\xd1\xb1H\x03\x81\x1d\x9f\xf6\x97\x19\x9eY\xc7\x8f_\x07Yt'</t>
  </si>
  <si>
    <t>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</t>
  </si>
  <si>
    <t>b'\xc9\xf9^\xb1\xf9g&gt;\xc8\xa6W\xc6/D_\xb5]'</t>
  </si>
  <si>
    <t>ist trade policy. But in the end, it yielded neither strong externalities nor
 excess returns.
 Globalization and Low-Wage Labor
 Itâ€™s a good bet that most of the clothing you are wearing as you read this came from a
 country far poorer than the United States. The rise of manufactured exports from devel_x0002_oping countries has been one of the major shifts in the world economy over the last gen_x0002_eration; even a desperately poor nation like Bangladesh, with a per-capita GDP less than
 5 percent that of the United States, now relies more on exports of manufactured goods
 than on exports of traditional agricultural or mineral products. (A government official in a
 developing country remarked to one of the authors, â€œWe are not a banana republicâ€”we
 are a pajama republic.â€)
 It should come as no surprise that the workers who produce manufactured goods for export
 in developing countries are paid very little by advanced-country standardsâ€”often less than 
 $1 per hour, sometimes less than $0.50. After all, the workers have few good alternatives in
 such generally poor economies. Nor should it come as any surprise that the conditions of
 work are also very bad in many cases.
 Should low wages and poor working conditions be a cause for concern? Many people
 think so. In the 1990s the anti-globalization movement attracted many adherents in
 advanced countries, especially on college campuses. Outrage over low wages and poor
 working conditions in developing-country export industries was a large part of the move_x0002_mentâ€™s appeal, although other concerns (discussed below) were also part of the story.
 280 PART TWO International Trade Policy
 Itâ€™s fair to say that most economists have viewed the anti-globalization movement as at
 best misguided. The standard analysis of comparative advantage suggests that trade is
 mutually beneficial to the countries that engage in it; it suggests, furthermore, that when
 labor-abundant countries export labor-intensive manufactured goods like clothing, not
 only should their national incomes rise but the distribution of income should also shift in
 favor of labor. But is the anti-globalization movement entirely off base?
 The Anti-Globalization Movement
 Before 1995 most complaints about international trade made by citizens of advanced
 countries targeted its effects on people who were also citizens of advanced countries. In
 the United States, most critics of free trade in the 1980s focused on the alleged threat of
 competition from Japan; in the early 1990s there was substantial concern in both the
 United States and Europe over the effects of imports from low-wage countries on the
 wages of less-skilled workers at home.
 In the second half of the 1990s, however, a rapidly growing movementâ€”drawing con_x0002_siderable support from college studentsâ€”began stressing the alleged harm that world
 trade was doing to workers in the developing countries. Activists pointed to the low wages
 and poor working conditions in the third world factories that produced goods for Western
 markets. A crystallizing event was the discovery in 1996 that clothes sold at Wal-Mart,
 and endorsed by television personality Kathie Lee Gifford, were produced by very poorly
 paid workers in Hond</t>
  </si>
  <si>
    <t>b'0F\x02!\x00\x96v\xcc\xd7\x8a\x8a%\xf1\x0c\x01\xdct;y\xb8\xda\xc7Y\xd2\x87l\x0fJ\xa0\x9f\xf5G\x82\x7fm.\xe3\x02!\x00\xfd\x04\xd4\xd8\xf3\xeb\xebF\xfc~H,\xa1\x1f/\x1fu\x7f\x0b\x9d\x91\xb5\xa5U\x12\x83U?\x17\x80\xd8\xd1'</t>
  </si>
  <si>
    <t>30460221009676ccd78a8a25f10c01dc743b79b8dac759d2876c0f4aa09ff547827f6d2ee3022100fd04d4d8f3ebeb46fc7e482ca11f2f1f757f0b9d91b5a5551283553f1780d8d1</t>
  </si>
  <si>
    <t>b'0F\x02!\x00\x96v\xcc\xd7\x8a\x8a%\xf1\x0c\x01\xdc'</t>
  </si>
  <si>
    <t>which Norway experiences an
 increase in demand for its output (a rightward shift of DD). If Norway is tightly inte_x0002_grated with euro zone economies, a small increase in Norwayâ€™s price level, combined
 1 1 Installed plant and equipment typically are costly to transport abroad or to adapt to new uses. Owners of such
 relatively immobile Norwegian capital therefore will always earn low returns on it after an adverse shift in the
 demand for Norwegian products. If Norwayâ€™s capital market is integrated with those of its EMU neighbors,
 however, Norwegians will invest some of their wealth in other countries, while at the same time part of Norwayâ€™s
 capital stock will be owned by foreigners. As a result of this process of international wealth diversification (see
 Chapter 21), unexpected changes in the return to Norwayâ€™s capital will automatically be shared among investors
 throughout the fixed exchange rate area. Thus, even owners of capital that cannot be moved can avoid more of the
 economic stability loss due to fixed exchange rates when Norwayâ€™s economy is open to capital flows.
 When international labor mobility is low or nonexistent, higher international capital mobility may not reduce
 the economic stability loss from fixed exchange rates, as we discuss in evaluating the European experience in the
 Case Study on pp. 572â€“578.
 1 0You might think that when Norway unilaterally fixes its exchange rate against the euro but leaves the
 krone free to float against noneuro currencies, it is able to keep at least some monetary independence.
 Perhaps surprisingly, this intuition is wrong. The reason is that any independent money supply change in
 Norway would put pressure on krone interest rates and thus on the krone/euro exchange rate. So by pegging
 the krone even to a single foreign currency, Norway completely surrenders its domestic monetary control.
 This result has, however, a positive side for Norway. After Norway unilaterally pegs the krone to the euro,
 domestic money market disturbances (shifts in the AA schedule) will no longer affect domestic output,
 despite the continuing float against noneuro currencies. Why? Because Norwayâ€™s interest rate must equal the
 euro interest rate, any pure shifts in AA will result in immediate reserve inflows or outflows that leave
 Norwayâ€™s interest rate unchanged. Thus, a krone/euro peg alone is enough to provide automatic stability in
 the face of any monetary shocks that shift the AA schedule. This is why the discussion in the text can focus
 on shifts in the DD schedule.
 570 PART FOUR International Macroeconomic Policy
 with some movement of foreign capital and labor into Norway, quickly eliminates the
 excess demand for Norwegian products.12
 Closer trade links between Norway and countries outside the euro zone will also aid the
 countryâ€™s adjustment to Norwegian DD shifts that are not simultaneously experienced by
 the euro zone. However, greater trade integration with countries outside the euro zone is a
 two-edged sword, with negative as well as positive implications for macroeconomic stabil_x0002_ity. The reason is that when Norway pegs the krone to the euro, euro zone disturbances that
 change the euroâ€™s exchange rate will have more powerful effects on Norwayâ€™s economy
 when its trading links with noneuro countries are more extensive. The effects would be
 analogous to an increase in the size of movements in Norwayâ€™s DD curve and would raise
 Norwayâ€™s economic stability loss from pegging to the euro. In any case, these arguments do
 not change our earlier conclusion that Norwayâ€™s stability loss from fixing the krone/euro</t>
  </si>
  <si>
    <t>b'0F\x02!\x00\xc6\xa0\x01?\xcd\xc3k=\x14\xd5\xccz\xc3\x1c\xccl\xea\x19\xcf\x03\xa9\nHM;\xc3\x89qh\xf47\x02\x02!\x00\xad!\xd9\xda\x0c\\\x0c\xb8N\xdeX\x14C\xee\xa1-\xd5\x93\xf1\xea\xee\xac\xb2D\xd2\xdbD^2\x83,~'</t>
  </si>
  <si>
    <t>3046022100c6a0013fcdc36b3d14d5cc7ac31ccc6cea19cf03a90a484d3bc3897168f43702022100ad21d9da0c5c0cb84ede581443eea12dd593f1eaeeacb244d2db445e32832c7e</t>
  </si>
  <si>
    <t>b'0F\x02!\x00\xc6\xa0\x01?\xcd\xc3k=\x14\xd5\xcc'</t>
  </si>
  <si>
    <t>ssed, with a pair of white kid gloves in one hand
and a large fan in the other: he came trotting along in a great hurry,
muttering to himself as he came, â€œOh! the Duchess, the Duchess! Oh!
wonâ€™t she be savage if Iâ€™ve kept her waiting!â€ Alice felt so desperate that
she was ready to ask help of any one; so, when the Rabbit came near her,
she began, in a low, timid voice, â€œIf you please, sirâ€”â€ The Rabbit started
violently, dropped the white kid gloves and the fan, and skurried away into
the darkness as hard as he could go.
Alice took up the fan and gloves, and, as the hall was very hot, she kept
fanning herself all the time she went on talking: â€œDear, dear! How queer
everything is to-day! And yesterday things went on just as usual. I wonder
if Iâ€™ve been changed in the night? Let me think: was I the same when I got
up this morning? I almost think I can remember feeling a little different.
But if Iâ€™m not the same, the next question is, Who in the world am I? Ah,
thatâ€™s the great puzzle!â€ And she began thinking over all the children she
knew that were of the same age as herself, to see if she could have been
changed for any of them.
â€œIâ€™m sure Iâ€™m not Ada,â€ she said, â€œfor her hair goes in such long
ringlets, and mine doesnâ€™t go in ringlets at all; and Iâ€™m sure I canâ€™t be
Mabel, for I know all sorts of things, and she, oh! she knows such a very
little! Besides, sheâ€™s she, and Iâ€™m I, andâ€”oh dear, how puzzling it all is!
Iâ€™ll try if I know all the things I used to know. Let me see: four times five
is twelve, and four times six is thirteen, and four times seven isâ€”oh dear!
I shall never get to twenty at that rate! However, the Multiplication Table
doesnâ€™t signify: letâ€™s try Geography. London is the capital of Paris, and
Paris is the capital of Rome, and Romeâ€”no, thatâ€™s all wrong, Iâ€™m certain!
I must have been changed for Mabel! Iâ€™ll try and say â€˜How doth the little
â€”â€™â€ and she crossed her hands on her lap as if she were saying lessons,
and began to repeat it, but her voice sounded hoarse and strange, and the
words did not come the same as they used to do:â€”
â€œHow doth the little crocodile
Improve his shining tail,
And pour the waters of the Nile
On every golden scale!
â€œHow cheerfully he seems to grin,
How neatly spread his claws,
And welcome little fishes in
With gently smiling jaws!â€
â€œIâ€™m</t>
  </si>
  <si>
    <t>b'\xb99\xa2\xe2q&gt;\x87\x80\xe7\x98\x06@\x92\x03+W\x14\xa8\x8d\xa4\x02Q\x13s+c\xa3\x00\xbb\xe1\x04\x8f}$\x9d\xbd\xe4\xcf*\x14\xbb\x820d\xb6\xba;\x1d@$O{o\xd5\xe4\xfb\xf2-)\xe8\xa9\xfb\x13\x9cPf\xa0\x02\xe5\xad-M:\x85%\xde\x9e\x19\xd67\xbe\xee\x97C\xf0b\x99M\xba\xbe\xcf\x97\xb9\x952\x996\x98\xb3W\xa9\xaeA$\xc8-B\x00\x95q\xb9U\x0b\x9fUv0\xadc\nl\xd0\xd0\x14\xc2\x93\xf7s\x0c\xfc\xf2tWw\x10)\xfb\xb2b\x1c\xc3\x9f\xcb\x1b \xf9\nIH\xc0\x17\x1d\x01\xe5_\xe9\xcd\xd2\xd0F\x17\x04{\x8f\xca\x1b\x11\x0f\xa3A$-\xea\xec\xf8\x98*\x1a\x93\xde2\x81\xfb&amp;n\xf2\xea\x05I\xde6\x04\xd6@A\x05\xb6\xe7&amp;\x94\xbewv\xc4v\xf4(\x8e:\xaa\xc0o\xe1\x15+j\xec\xa3\xd0\xb0&amp;\xbbUz\xcc\x1ar\x06\xaaH\xdcj)\xe0\x11\xc5\x03\x04\xdfT3k"\xc6\x85\xc3\xc6K\xb4\xe38\x80\xeb\x87V*7\xb7hO\xa5\x93\xd6\x8dw`G\x13%\xdch\xd9\x9a\xed\x11\x17hT\xcf\xe1@\x0e\xfcY\xe2fZ\xdb\'\xb2\xbe\xdaD\xa7\xc1\xfau\xf2\xdbD\x11\xef\x86h\xff\xad\xd1\xa1.&lt;W?\xbe\xa8\x8a\xe8\x03ZU5?\x90\x8ek\xd5v}Co\xcdE\x99b\r\x13\xf8k\x1e~\xad\x90\x8c\x1b\xcdlA\x02\xb7=^;\xee\xbb\xb8&gt;\x9a\xbe\x021\xbbZ\xbb\x91\xacU\xeb\x8c\x9fb\xb2\xa8\x9cJ\xf8\xe3Z]\xf7\x1c\xd1\xb8|\x83\xaa.\x9c\x06\x92tZ\xc4\xd3\x13\xe8\xc1l\x9d[\xa1\r^?p+\x87c\x8a\x1f\xe2\x9e\xcfU\xc22I(LD\x1b\x1f\rRD&lt;\xc8p\x0b\x8c\x89m\x80\xce\xdb\x9f\x92N\xff\xcab&gt;f\xd5A\xe9\xb9\xf4\x1d9\x18*%\xf9\x01\xbf\xbb\x0bHh\x1b\x8bs\xc5@]\x8dtY\xae\x10\xff\x7fM&lt;v\x10U\x85v\xeaN\xf2\x8a\x91t+\xf9\xc3\xb0e\xc0\x0b:\x1f@\xb6\xb2JP\xc1\x00\x81\xde;\xc9\xd8\xa8\xc4q;\x0f\xdb=\x9d:/\x0fw\xd8\xd1\xf7\xabt\x82\xcdY\x19\x99\'v\x98J\xc09=\xc1\xda\x03\x06\xfd"\x13\x98\xc1I\xd4\\\xbb\xd4\xb8q\x17\xc6"\xffG\xac\x0eO\t\xf3\t]\xce\xed\xb4\xdf]\xd0\xc6\xb5\xc7sy\xbe%4]`S8HU@I$]\x86C\na\xd3n\xee!\xcd!\xe6\x05\x04\xad+\\\xb1\xf0\xd3#?\xb8/\x00\x01G-J]\xf3\xef\xa6y\x85\xfe.\x87X\x96f\x96\xe5\xdf\x0f\xc3\xfc\x00-h\xe0\xda%V+\x17\xfc+\xa9\x98`\x04/\xcb\x84\'\xd1z\xd9\x087\x15\x9eJV\xef\xd1f\x13h\xe6n\x93B\x91{8\xec\x19v\xd0\x14\x86R\xa4w\x8b\xa0c\xe0\x83f\xb9tc\xd8\xb5\x0c_\x07\x94\x97\x16\x14\xd2\xcf\xb7\xb6\x0e\x0f\xeeMV\xf03\x0b\x8d\xe5\x7f\xf3\xe10]\r\xd3\x92^\x02\xcf\x9en\x9b\x955\xa8(\x00\xd4\x8d\x82\xe6\x14Ak\xa9v\x81zw\x17\xd4t\xee\xb9-*\xad\xcd\xe6c\x94\xa3\x19\xdc)F+,Z\xc4`??\xaf\xbf\x9e[\n\xc0\x93*\xf88\xe8\x12\xc5\xc5x\xc3N\x15\xad^k\xa4O \x1ct\x96\x1c AU\x80\xfb\xd1\xb9&amp;\x8ewZ\xd8\x9e+\x93\x15w\xfc\x1b\xd3\x82Y\xf2\xec\x1eS\x1b\xd0\xd6O\xe3\xcaR\n\x8fd!\x85\xd2\xb2\xe5])+\x8e\x13:\x8d?\xae&amp;YZnJ\xed\xba\x98\x10\xdd\xfc6)\xa4\x86BGA\x0fbg\xb4T}\x93e\x9e\xf9@\x8c:\xc7gZ\x0c\x04m&gt;\xd3W\xc4\x0cw\x85\x80rP\x89:5\xaeK\x06\xa8r?R\xf3\xe0X\xfc\xd0\xd1~\xddM\x82 L\x02\xd0\x10\xa6.m\xb0!\xbdb\xa4\xfd\xfb\x89\xd2o]\x8a\x18n/\xaa\xa1|&amp;\xa9&gt;`\xc69\xe0\x0e\xf1\xa2\xc2\xf6\xcaV\xb2\xd5*\xe9\xbc\x8dZ\x9d\xda\xcc\x82\xd3\xd2=c\x7f\xdb\x85J\xb5\x89\xf5!\xbfvVF\xa7\xf2\xfc;_\xaf\xb5\x9e\xc0[\x12Q`\xe9\'\x8cJ\xeaA\xb0p\xfc\xd5N\xf3\x12\xd2d. \x06\x17B\x9d#\xa0\x04`\xe4\x17@\xb4\x1c\x03\xf7q\xdcP\x08\xc2n=\x1d\x98q\xfa7}\x99G\x9a\xab\x8d\xa9\xc2\x1d\xac\x89\xb7Q\x06\xed\x9f\xd1\xf7\x8bEA\xbf\xe1\xe8P\xb7\x94S~\xf0\xdf\xe4+e,\xce&amp;\xe3/\xbfX\x04\\\x8f\x07\\\xc8\xa9\xb52\xe6\x8b\x9c\xf7\xf0\x12\x96\xe0\xe1P\x81\xfd\xafr\xe6x\x92?\xf5q\xe1\xc5e\xbc\x92\xaa@\xadaJ\xc3\xf4w\x1f\xf0\x7fQu;\xe6\xa5f\t\x0c\xab\x14\xaaU\xd7+\xcb\xb0|\xddJ@{\xf8\xe4\xe5\xcc\xeb\x00\xf3o\xa5\xce,6\x05\x12\x90\xdf*\xec5q$\xeb\xc2\xdb|k\x8fdF\xd4\xb9\r\xed\xfex\xdf\xc5&gt;\xe2W\xf7"\xf20\x03|\x0c\x03\x8b{\xe94\x93\xff\xa9e\xfdG\x8e\x811V\xd6\x94\xd29\x80\x15J:\xa4\xea\x886\xb4p\xf2`?Y\x13&amp;\xa2\xbc\x05\x88\x1e\xf7\xedl\x94\xe3\xcb\x1e\xd8a\x0e-v\xa4\x13Pt\x94\x1as\x92H\xf4\xb1i\x80\x9c\x1bY\x04g\x0e-\x97\x87S\xa1\xb7\xf4\xebv`\xec\xf1\xf6J&lt;\x80u\x13\xfcu$6t\xdc\x9d\xeb\x9a\xf6I?\x91\xd3\xd4\xd1/.\xa3{\xa1\xd6\xeb\xd5\xb9\x89\x10\xa12\xd8\xe4`jw\xb9m\xcaI\x84\xa9\xbc\xb6\xc7\xc3\xea\x0es\xfa:\xda\x1e?\x17\xd4\x9eP=\xf7\x91\x85\xa5\x15%\xe2\xe5if\xac\x87ad\x14\xd7}\xbe\x99\x9d\x8a}}\tYb\x99j\x03A\x19\xf1\x9c\xfb\x0b\xec\rS:\x9b\x11\xb4`Iu\xc3\xea\x13\xc0&lt;\xdb\x1f\xd4\xb3\xc6\xb0\x13\xa2TxZ\xfc\xd9\xa1\x82\x8f:z\x00\x15w\xba\x7f\xf2ND${\x0b\xeaj\xac\xe7A\xf1\xc6\x13\xc7*D\xce\xfdS\x9b\xe8\xeb\xa1\x10\xbcy\xd2\x1a\xba\xec;\xec\xc3Qd\x8e\x7f\xd7\xe8\xd4\xac\xab`\xc3\xe5\xffy\x95\xc3w\xfe\x84|$Y\xbcc\x9dX\x1d\xce\xc0\xa1b\\\x05?px\xe7\xedh\x12\xbd\x8e\xeaX\x1a\xe9\xaf\xbe\xdcp\x85\x84\xe9\xc6\x99\xc1\x8aLh\x9d\xad\x8fUd\x8c.\x94\xe7\xb1\r\xf3\xaf}\xca;\xab\x8f\xf4\xb2|i\xee\x84~5\x993ns\xebT\xa6\xbd\t\xbe\xda\x18W\x87R\xe4\x9e\xd4\x10O\x93`\xdcY\x04\x1f[\x7f\x1c\xd5\xe9h\x8fq\x93\xdf =70L\x82lWt\x8c}\xbb&lt;\xf6\x96c_\x84\xfd\x00\x06\'0\x0e\x82\xd3N\x96B\xdc|H\x1c\xae\xabJ\xe9\xff\xe8\xaf\xfe\x7fjN\xe9\x07H\xb0&lt;\xe2\xcbBv`\x8a\x7fq\xdc\xe6"AO\x08\x18\xc3M\xf2\x0eJ\xc4W\xde\xe1k\xb3F\xbd\xe5\x0eI\x0b\xf8\xb0\xd9\xf5\xcb\x8f\xf1\x84\xfdG\xb1\xe6\x0b\x8cE\xd6B";\x03\xe7\x8f3\xe8\xd4\x7f\xaf\x0b\x05\xf07\x1f/\x1f\r\x13\xcf\xd0\xa4\xbcb\xa8rx\x9a\x11r\x108\xebh\xea5YHS\x90\x90Z\xebM6A\xf2O\x99\xd7\xcdZ\xc3\xb4`@`\xc5\x8c\x10"\xff\xcc\xac\xd5\xc8\x9c\xf6u\xf1\x9a\xca\xab=e\xf1\x7f\xd3|\x03\\\xd6\xa6\xd9\x1f\xea\x8e\xfb\x95\xa0\xcaA\x16d\xac\xf9\xde\xd04\xc1\ty\xb0\xff\x88)\x88gUT\xc0\x7f4\xc1\xaf\xd8FL\x0ex\x1c\x864~\x91\xdb\xae&lt;G\x7f\xf3\x11\x99\xffL\xdd\x8a\tuO\xf1\xf4\xb4\x16Hu&gt;\xb7(\x94k\xedW\x97X\x0b\xff\xd3k\x9e\xcf"\xe3c!`N\xd6e?g\x93C\xe2\x148\xa7\xb2\xdap"\xee\x9a\xefX\x8f\x19P+\xc7\xf13l-\x93\x984\xc0\x8d.U\xf2\xc5~,K\x86k\xd2P\x15\x97\xb4]\xc6g!\x8e\xc3\xa3`/\x8b\xcb\x9e\x88{Vqg\x18\xc9\xb4\x06\xebi\xb9\x06\xc2\xb6\x9f\xa5\xbb\x9c\xc3B\x0e\xe6nv\xe8\xba9y\xc0\xda\xb5\x17\xa9\xfb\\\xae\xeb\xea\x93U\x89C\x98\\D^e8\xf5\x9e$@\xd30\x13?\xa1\xec\xa9\xeco\x15\xf0\xe8\x0f\x03\x8c\x84\xb1\xc7\x02\xc9`\xfe0\x8c\x83\n\x96:\xf1&amp;lH\xad\xdf\xb30\xf9\x93\xa7x}P\xe25\x01\xbf\x98Yl\x15{5\\\x99\x03.\'HgD~\xd2\xfe\x14\x8b\x13\xf3\x1da[\x0c/;y\x04\x97\xa1\xfbJ\xdcd08a\xc4\xdc_v\x9c\xdc\x99\xe6\xc1\xf5\xa7\xca\xb3\xa3\x96U\x17\xcfkv\xd4g\xe1W\x0c\xe4\x1f\xb53"\xf10\xe5\x18\x907GV\xddc\xe0P\xa8z\xf6\x1e\xf5&gt;U\x88T\xce#\x15\x05\xae\x15\x8b\x82|\x87\xfe\x17\x96\xb9\xbe\x88\xc8\xd0\'\xff\xff)\x04\x89\xc4\xd1:\xfd\xc4\xf7E@&lt;\xa9!\x16\xf1\xf9x*\x80,\x032P*\xac\x1cn\x8b}\xc54\xd3\x9e\t\xac4j\xba2\xd72r\x01(_\xd7\x8ft\x14\xf6O~d\xe6\xe6.\xa3\xa9(\xe4\xb0\xe9Rg\xb8\x92To(\xc4\xadP\xf6\x95\xb6\x1c\x14\x10B\xb8\xef]\xfe\xccjs\x8e\xff\x95\x9eI\xd5\x19\xc4h\x97\xe6-\xfb\xc3\x88|Ad\x15Vf\xbd\xc0s\xfa\xb4\x047\xcdE\x8c[u\xf1\xe26\x96\x13\x02Z,x\x85\x8a\xdbt\xd0&amp;,\xefGe\x9b4mk"&gt;\x8a\xf1\xbch)\x8f\xb9\xa9\xc4E+\xa2\xb7vJf5\xa5@T\xf4\xe3\xe1\x80@\x90\xd0\x1b}\x0bI\xbe0M\x14\xb6\xaa\xea\xf9?\xd4n\x19\xc2\xd1\x15\x00\x90\x04\xb5I\xa1\xb3\xfeP\x0e\xd9\xf9\xc4X\x1e\xb0\x8b\x00\x17b\xcb96\xb0b2\xe1\xf2\xbc\xb1_\x8c\x12\xdb\xcf\x89\x94\xa69"\xc9\xfb8\xa7.b\x18\xa7\xf2B\x88|C\xd6\xdcK\xb8\x15Sh\xa6~\xb7\x01&amp;\x1f\xaf\xcf\xa7\xc5u\xcc\xdc~\xa9\xc2\xd4L:.]\xd09\xe3Q\x9bpQ\rZz=ZE\x1f\xda7\xfd\x8f\xa8\xc0}\xa3\xb7\x00\xa7u\xf5\xa5-\xe5'</t>
  </si>
  <si>
    <t>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</t>
  </si>
  <si>
    <t>b'\xb99\xa2\xe2q&gt;\x87\x80\xe7\x98\x06@\x92\x03+W'</t>
  </si>
  <si>
    <t>ing, Em," he called to his wife; "I'll go look after
the stock." Then he ran toward the sheds where the cows and horses
were kept.
Aunt Em dropped her work and came to the door. One glance told her of
the danger close at hand.
"Quick, Dorothy!" she screamed; "run for the cellar!"
Toto jumped out of Dorothy's arms and hid under the bed, and the girl
started to get him. Aunt Em, badly frightened, threw open the trapâ€“door
in the floor and climbed down the ladder into the small, dark hole.
Dorothy caught Toto at last, and started to follow her aunt. When she
was half way across the room there came a great shriek from the wind,
and the house shook so hard that she lost her footing and sat down
suddenly upon the floor.
A strange thing then happened.
3
The house whirled around two or three times and rose slowly through
the air. Dorothy felt as if she were going up in a balloon.
The north and south winds met where the house stood, and made it the
exact center of the cyclone. In the middle of a cyclone the air is generally
still, but the great pressure of the wind on every side of the house raised
it up higher and higher, until it was at the very top of the cyclone; and
there it remained and was carried miles and miles away as easily as you
could carry a feather.
It was very dark, and the wind howled horribly around her, but Dorothy
found she was riding quite easily. After the first few whirls around, and
one other time when the house tipped badly, she felt as if she were being
rocked gently, like a baby in a cradle.
Toto did not like it. He ran about the room, now here, now there, barking
loudly; but Dorothy sat quite still on the floor and waited to see what
would happen.
Once Toto got too near the open trapâ€“door, and fell in; and at first the
little girl thought she had lost him. But soon she saw one of his ears
sticking up through the hole, for the strong pressure of the air was
keeping him up so that he could not fall. She crept to the hole, caught
Toto by the ear, and dragged him into the room again; afterward closing
the trapâ€“door so that no more accidents could happen.
Hour after hour passed away, and slowly Dorothy got over her fright; but
she felt quite lonely, and the wind shrieked so loudly all about her that
she nearly became deaf. At first she had wondered if she would be
dashed to pieces when the house fell again; but as the hours passed and
nothing terrible happened, she stopped worrying and resolved to wait
calmly and see what the future would bring. At last she crawled over the
swaying floor to her bed, and lay down upon it; and Toto followed and
lay down beside her.
In</t>
  </si>
  <si>
    <t>b'\xed\xb6o\x02Y\xaa\x92&amp;\xcc\x85\\\x16\x86\xb2\xfel`\xcb\xe4B\x17h\x90\xf4.Ep\x9d6\x9cd\xa9\xee8U\xda\xf7\xc4B\xdd\x163\xef\x1bq\xa7\tt5\x92\x8d\x87M\xdeK\x8a\x1d\xc99\x89\x01d5\xdb}\xd1Lj\xa6\xa2\xb9\xfd$L{\xa0\x07\x97\xc3\x1f\nf\x93\xc9\xef\xffO\xea\x86\xf5\xbd\rj1v\xaa:ls\x1dr\x8c)4\x1f;q}u\x02jN!\x90\xe5\x06\x1fb\xa5\x04\x7f%\xcb\x01\xe1\xcc_\x7f\xaa\x9a;\xb2\xd0\x9b\xa2\x98\tO\xfb\x94\x8a\xdf\xef\x86\x0c1\x9d{\x1e\x90\xe9.0\x02\x1c\x139D\xb8\x83\xe0!\xad\xcc\xda\xdc\xcf\xbaC\xb1`!&lt;l\x1f\xda;\x18\xd5D\x9d\x1d\xfc\xf1P\x9b\x81w(\xe5,m\xecG\xa6@\xa2KMhC1q\xbfy,\x9c\xfc\xac\xa0\x95\xf9\xab%LOkq\x9d\xff\xfe\x14\xb9my\\QR\xaf:D\x14\xce\x89;\x8d4\xe7\xe9{\xa32\xa9\xc71\x98S\x93\x01\xe7\xa7\xd6\x84\xba\xe8\x089\xb2\xc3\xec\\\xbe\xdf\xfb\xe6U8\xab\xf8\xe09U\xe1\x01\xfdX\xc2\x95u\x9d^,:\xc9\x1c\xae\xa3\x00J\x07\xf1T%K\x18\xd3\xf4)Od\x96=\x1bu\xd2U\xdb\xaa[\xa4\xbfreL\xfa\x08\x0bN\x17\x9e\x13H\xe6\xedcg\xa6\x88\xd5\x8b \xcd\x1d\xa6\xef\xfdm\xa5\x08\x9a\x13\xde\x10L\xdf\x97`\x8b[\xf8\xf7\xc7\xa5\xb9\x80\xcd\x89u\xe5\xc7\x8b\xba\xdd\xdd[\x9dB\xc0&gt;`|\x14l\xa0(\xa2\x00\x067\x04\x1dP%M\x14yz\xfb\xcd~\xa3\xfeB?\x01\xae\x99\x92\xac\x15\xaa\x96\x81\xde\x80g\xe0\xe9\xab\xb3\x1dVx\x90 \xae\x97l\xa4C4\x03\x9f\x1d/\x7f\xb0\xfd\xea1\x15.\xd3\x9dl\xb9\xea}\xa5\xf7--\xfd\x99\xaa&amp;rG\xce!\xbfY\x07\r\n=\xcc\x10\'(\x9e=\xdc\x10\x08\xda\x96d|),\x0c\x8a\x97#\t\x8eK\xd3\xb4qE\xf6\xda\x1cuT)\xcbO\xa1\xfb\x94\xd5&amp;\xd3(qA\x8c\xcd\xbc\x01\x02\xc6\xa9PX\xd5\x17\xc1\x0b\xfd?d\xf1\xc7\xff\xc8+\xe3M\x1a\xbd\x84\x9d/4\x0e\xef\x0c\xe5Q\x88&gt;?F\xfb\xc3\xe8\xce\xfe\xa2Y\x03N\x81\xde\xceh\x10\xf7\x9d\xac\xea\x7f\xa3\xd9\x1f\x04\xca\x19\x1e\xf1\n^\xe5\xd6\xa0\xad\x97Ja^\xe5f\xc9d0=\xa5\x84\xe5\xdfc\x8d\x88\xe6U\x9f\xfa\xce\xfb\x16\r\xdeUn\x18\x88\x97\x16Utk\xa9\xc3x\x9b4i\x9a$\xe6\xc5,\x0f3\x15\x89G=\xd3\xdayes\x9a\xd0\xffrzz\x85\x85&lt;\xa8\xae=;Z\xab\x1b\x8d\xe6jL\xc2LW\xfb\x8b\x01\xe5=\x17~\x80{Zh\xf6*\xef7\x80\xbcL\x0b\x1d;\xcc\xc70P\xb0\xc96\xf6\xd7\x80i\xb4{Z \x0c\xf0\xc4\xf6\xf6\x01\xce\xbc\x10Pb\xa8l{lr/"\xe3\xcae`7\xe6\xcc\x84\x18v\xcd{9&amp;\xbaI\xb6\xfb_\xfb\x00\xb4\xaa\x1a\x83B\xf9\'\x0b\xc9\x1e\x05\x04VX\x8b\xd2\xf1\nhn\\\xd5#\x92\x9b\xc6\xbaH\x11heIP\xa1\xfb\xe9$\x99W\xd2\xd4]\xec4O\x9a\x9f\xe1\x89\xc7tK\x8a*1$\x19\x9e\x0b\x18\xb0\x00Q\xb7\x13\xdew\xda\x10^:\x9f\xd3|\x15M\x82\xbd\x9c\x19\xffN6\xb7$^\x9fOL\xc6C\x9c,YT\x03d\x9d\x15|&amp;6\xb0r_\x9b6q\xf3y~\xf5\x8f\xb6\xae.L\xb0\nP\xd9D\xadp\xcd\x0c\x1c)\xbd\x1di\xb2\xd9\x16\x7f\x07\x19EY\\0z\xe4\xec\xdd\xc0I\x95\xb7U\rk#\xdc\xc93u\x89\x98F\x15p\xf1\xa8\x9f\x9a\x12\xa4\xa2\xc2\x1a\xa6\x82\x7f\x19\x0e\xb0\xf4\xb0&amp;\xd0vG;\xb0\xadp c\xc4\x18\x17\x91!\x9a\xe0\xc1\xf5\xbeL\xe0\x81?L\xa0\x1b\xa6?\xf9{\x82\x98\x90\xcc\xff/\x1d\x944e\xca\xcbq\xde:\xf8T\xf4\x1b+\x9e\xe9u\xbc\xf7\x0b\xc3-\xac&lt;\x05\xfc\x91\x8d\xb4\n#X\x0e\xe7%\x08@Z\x8d.\x83 \xe0\x14M\x80\x0b/~1\x96\xee\xe2S\n\x19\x8fJr\xe3\xdc8\xd2+\xf4\x17\x9d\xbf\x1bM\xf1\xff\xb8\xb1\x8f\xc4#U\x8dcN\x99\x17d\xdaR\x04\xf2ry\xdfs\x9f\x1d\xa9ko\xc0\xfc\xac\xf9Mq\x85\tue\xc3\xeb4\xc5h\x1f\x8a\xce\xadF\x07\xd4\xab\xf9\xef\x01\xb5\xe5\xce\xce\xfd\xd9\x19Z\xbch\xe2o\x03\x9c\x8b\xd2Au\xad:s.T\xfa\xcf\xe2W/\xc2\x99\xb6\xfe\xbd\xf8Oo\xda\xbc\xc0\xa7\xd0\xc9\xab-z\xf1=\x18\x9c\xcd\xea\x89\x19\x9a\x97\x8a\xaf.?\xd3#\x0f&amp;\x19\xfac\xa9\xacl\xb6_\xe8\xa9j\xda3\xc2a\xe7\xc1\xea0H\'\xc2.~\x8d&amp;\xbc?Blca\xfc\x8d@\xe4j\x95\xb54\x98\x8e%\xc0^j\xfe\x06\xc3\xf61|\x0e\x9d\xb81\x93\xdb\xff\xefg\x86\xaa\x8c\x88\xe6\rI\xcd\xfcn\xb6J\x1fS\xf2v"}9\x04\xf1w%\x00\xa0\xfb\xb2\xb1\x84\x13\xdc\xd6;\xf0\xca`1\tru\x92$\x97F4\xe7\x9e-\xf3\xc5\xfa}@\xbd3\xdaCl\x92\xa8\xffoD,\x93}hd-\xbd\xc1\x91\xd3\xaf\xe9Q\xd3\x87\x97\x14\x1f\xde\x8c\xe8\xaf|\xa0S\xee\x99\\4\xf3\xc5\xf7\xd7\'\x1cl%\x1c\xb2xS\x08gI\xf6d\x90\xf8\xf6\x14D&amp;\xe9Z\x96\xad{\xcd\x16\xcf\xac!\xaa7\xd0Y\xd8\x0c\x9ao\xc8q\xab\xef8\\\x9c\xa4\x8bZv\xea\xae\x07)\xa8\xfftD\x8f\xfaQ\xcb\xe4M\xbc\x9c\xa9TTY\x0e\xfa\x06\xb3d\x05\x82^n\xc2\xd7\xeaB\xbc\xfb[ \x92o\x85|\xaa=\xec\xf5\xc3\xfd\xfa!s\x02`&amp;K\xe5\x1d\x19\x05\xa0\x11\xf1\xe6\x8b\xa1dEk\x06\xcaI\x18{\x9b\xd2\xbf\x1d\xcbY~\xfc\x16\xe6\xbc9\xe8p\t\xb6y\x08\xeaZ\x14\xcb\rB\x14\x19\x96j\x9e\x13\xa3v\xfd7t{R\xb1X}\xee\xeaa\xcf\xf0\xad\x84P\xa5\x95l\xda\x8f\x9dZ\xff\x87\x8aQ\xf3\xa6\x8b\x8e.\x84\xfb\xc9\x16J\x9d\xcd;\xed2\x99\xdfZ\x7f[z+\xa3T=vTS\xe5\xf0P\x9b\x93\xe3\t\xab\xee\xd5\xde\xa5\xe16\x81I\xb01\xf0\x89|x\xb6\xac&amp;\x80\xd8\xd1\xe6\xd8\xae\xf4\xbfN\xbeL\xd7eX\xa8X\x1b8?}X\xd5~\xf2\x0f\'\x82\xb3\x84\xf35\x94\xb8\x98\xfa\x91\xf8\xcb\xd1\xfc\xe4\x19\x91\xdb\xa3ES(\xedc5\xe7/\xc4\xde*\x02\x1f\x9d\x8b\xe5F\x9f\xe2\xb4{\xef\xa47\xa0\x91\xd6\xce\xa3l\xa3\x10\xf0t\xa0A\xd4\xce\xfb\xfa\x14B9\xf2\x8e^\xd3\xabY\x93\x87&gt;\xe8z\xed\r\xb0\x08\xcf?r\xa3\r\x01r*\x97\x88\x0e\x1e\xb4\x0b\xce\xd5 \xc1\xf2|\xa2j\x93\x14\xf9\xd2\x14\x18\x0e\xbc\x0bm\xf0\x9f\x8a\xf6z\x98E2\t\x85\xcc\xd6\x93\x10\xdf\xf1nU\x8681G\xfbt=\xe9\xe4\x95\x03\xea [\xde\x86^\xb2\xb0\xa8u6\xb3jD\'\xe7\x99\xd1\x83^\x01\\O\xffcc\xdd\xd3D\xdc\xf5\xd3\xa7\n\x01\xbc\x94\xc2\xc1\x1b5P\x065Tan\x02B\x94\x07\x08xU&lt;\xdb6,\xbe\x92\xf34\xe7\x14\r\xd8\xf6&amp;~\xb5\x89\xdc\x86H\xff\xf5E\xad\xb2\xa1\xe5\xfe\xd3\xadmP\x19`\x17C;;\xe6\xd6\xe7\xf6q\xa4\x1a|\xb2\x06_\x06\x03\x9a+L\xc9\xa9\x1db\x0f?AC\x16t\x97w\xb8Jz\xe5\x02\r\xa0\xa2\xc1\xcc\xfb\x06p\xb1z\xcc\x05\xa5\xea4\xd7\xde\xd4\xff\x82\xb2\xa8\x81\xbe\x8die]\xee\xd4\x8ce\xe8\xc5\xbc\xf7\x7f7\x97\x12W;\x04A\xc5\xf8IQ\x98\xfa:\x8aT\x01"\x0ejo\xe6!\x0el.A\r\x14OA5)\xd3\xa4r\xdaO\xbblpq\xb8\xc2\xb3\xe3\xe0\xeb\xad\x1c\x8a\x05\xb1FI\xcch\x07:\xb4\xa7@\xff\xd8\x03\x0f\xe8E\x8d\x1f\x16AW8\xa8\xa0n\xf0W\xb43o\xa3R\\\x1aW\xdcG\xe1\xbb\x06u\x16\'\xa2\xa5\xd2\xea\x15!\x1a\xf6z\x89\x00Ij\n\xf4{[.\x9a\xfdP\xbc\'J\x97\xa0\x86\xbe\xc5\x81\xae0\xc5\xcc\xd2q\x83tC\x12XL\xfa\x8c\x12\x95\xe3\xcb0\x03@}~\xb7?\x85\xad\xe0\x12\x1c\xf6+:\xfa\x12|c\xc0U\xc5D\n\xef\x10\xebQ5\xd3\x95j\xfdMVr\xb0\xae\x97\xe5}{\x862It\x88\xe6-\x02\xe6\xe7a|\xe6g\xb2TV\x12\xb6\x10\xa8\xfb\xc6\x0c\x17i\xa6\xbb\xbf,\t\xa2\x1em\xd4\xd4\xcf\xd7b^\x01\x8cJ\xfaJ8\xd5R,e\x12\x0f\xcc\x01P\xc0\x8b\x15\xac\x8b7\x8dx\x82\xdf\xc6\xe3\x80/\x1d\x18~\xe3[\xa0\xd2`\xc2\x05\xbd1\xb5\xb5\xf0y\xae\xaf\x10.\xa5\x06\x16F\x82o\xa1\xbcf\xf4\xd8\xd7\x0c\x8b1\x14\xb5\xb9\x04*\x8b\x0e\xe1\x97\x81H:;=\xd8k8? \'\t\x12U\xbd8\xee\xbc\x87-\xe0I\x88\x1a\x0e\xda\x87\xd3\x90\xa6\x1e\xf7\xbc\xd6\xc3`\xde2:`\xce\xa8m$\xa5\xc4\xfd\x884\x17\xec\xfbNy\xd95\xe9L\xee\xd8\xda\xe0^\x96\x00.\xce\xcc\x08J\xddB\x1e\x0c\x0f\x0b\xb2\x11\xda\xd0\xc4\x06\x9av,\xaa\x1aOL\xbb\xe1bWX\\\xa0\x11n\\\x01\x87/\xe1\x97\xe8;\xf8\x04A~\x88Z|\x15)/\xa4\x92\xc9f\x1e\x1f6\xb8\x9b$\x1fE\x89e\x1c\x19\xa0p\xcd\xbb\x85x\xb2\x80\xda \xea\xef\x1ck$\x14\xba)\x8a\x0b\xf7\xc8\x1b\xdeh\xf0S\xea\x8d\x7f\xa9\xac\x9e9\x96\xff!;\x1ca\xd4Fu\x81v\xd1\x91\x15\x83\x85&amp;\xa8\xf1\xfd\xf5\x02G\x9d\xfd*\t\xd5%\xdeW3\xb0\xe6\x96q\xba\x12d\x8ek|\xca&amp;f\xa8\xb8\x99\xd1\xedN\xe7\xe9v\xee\xb2\x1a*\x9e\xdb\x15$\x12\xe2!M;\xc3Q\x99\xdcW\xe3\xb3\xa9\x9bH\xf9\x1d\xfax\x9bzp7\xe9\xe0%\xeff\xd3\x08Q\xa3?R\xc9xU\xce5\xdd\xce\x95\'\x9b\xb5u\x92kDC\xc4\xb7\xcd\xa0\xfc\x12\xcf\x85\x08U}\xd8\x8b\x02a\xcd\x12\x08\x16\x1f\xe8R\x88OJ\xc7\x9dq\x18\xec&lt;\xb8\xf2\xdce\x97c\x93\x1a\xacZ&lt;\x8bMeW\xf1\xe2U\xe0\xcd\xd5\xe1=\xaf\x01\x81\x13\x94\x8b\x810\x0bd3g\xad%\x04\xc3\xb03\x83}\x7f\xc8\xb7\tTm&amp;\xd8UM\xde\xd8\xcd\xa0V\xd2]\xa8\r\x8a\x11\x00\x1bZ\x81}n~[+H\xb1X\xb1\xa6\xa8\x0f\xa4N\xeam\xec\x19\x8e*\xe6\xea\xbf=\xacX\xcb`:\x17\xca\xe6\x1fU5\xb7\x9d\x82\xe2M\xa4W]js\x89\x8a5\x16\x1d\xe0\x19j\x17j\x08W\x0c\x06\xf0\xf8\xeb\xab$\xb8\xf3\x8f\x9e\x07\xc9\xe8W2\x9c\rO\xea \xabY%\x0e2\xecn\\\xc4&gt;\x17\\\xf7]Cc\x02k\xee\x1a\xd2r\xb3\xb8\xd9yU\xa2WU"T\xee\xe1\xdf\xbe\xbbT\x9c\x03\x89\xdbQ\xb6\xfe'</t>
  </si>
  <si>
    <t>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</t>
  </si>
  <si>
    <t>b'\xed\xb6o\x02Y\xaa\x92&amp;\xcc\x85\\\x16\x86\xb2\xfel'</t>
  </si>
  <si>
    <t xml:space="preserve">as micromolecules or simply
biomolecules while those which are found in the acid insoluble fraction
are called macromolecules or biomacromolecules.
The molecules in the insoluble fraction with the exception of lipids
are polymeric substances. Then why do lipids, whose molecular weights
do not exceed 800 Da, come under acid insoluble fraction, i.e.,
macromolecular fraction? Lipids are indeed small molecular weight
Pigments Carotenoids, Anthocyanins,
etc.
Alkaloids Morphine, Codeine, etc.
Terpenoides Monoterpenes, Diterpenes etc.
Essential oils Lemon grass oil, etc.
Toxins Abrin, Ricin
Lectins Concanavalin A
Drugs Vinblastin, curcumin, etc.
Polymeric Rubber, gums, cellulose
substances
TABLE 9.3 Some Secondary Metabolites
2024-25
BIOMOLECULES 109
Component % of the total
cellular mass
Water 70-90
Proteins 10-15
</t>
  </si>
  <si>
    <t>b'\x05\xb4.\x19\x9c\x0cng8[\xc0\x8c\x8c\xcf\xffxfH\x06\xe4\x8c:\xc2\xa8\x1c\xb5\x8b9\x93\x9b\x00p\xb3\xc8\x10\xdd4\xfa\x85\xcf\xbcs\xc0\\\xae\xabQ\xa3Zn\xbdM\xd9\x8f\xc7|U6$\n\xc2\xcf\xfb"\xa7?*~\xbb\xbde\x18\x81M\n\x81\xe0\x8b\x94\x11~\xbeB-\xb7w\x1fIX_\x0b\xae\x88\x14\xeb\x07W\xf7\xec\xb5\x95LA\xec\x1f\xc2\x1d}\xce\xae\x8a\xeaqqVw\xb5\xa1\xbdz\xd7\xee\x8f\x91\x7f\xca?\xef\xda\x88w\x94A\xcbc\xfd\xb5!\xfa\x85\xd0^\xdf\xb4Lt\x1b\x80\x1d\x14\xee\xea{\xc1\x127\x81\xba\x87\xf1\x10\xae\xcfXDv\x10\x8d\xf8=~\x9e.&gt;\x16\xf9\xb7-\x1d[\x92;\x19!*K\xb6r%\x08\x88!\xb5\n_\xaa\x14F\xb9]\xc9\xf4%\x1c/\x9d\xc1{ q\x85\x95V\x04\xaf;\x19\r\xc2,\xe3Ebv\xc4\xa0\x175_[\x85#-\x1d?\x05\xc2-3\x85\xb9L\xce\xcf\x12\xc0\xb5P&lt;-TR{C\x7f\xaa&lt;\x11|\xee\xab7\x81\xbf\xa5:\xd9FI.\xde\x06/x1,}Z\xd7\xb7z\x1fht\xe1\x11\x88\xc5J\x00y\'\xd3X+m\n\xe5\x03\xd2\xb6\x01\x04\x9c\x92\xc9?\xc8LQ&amp;O\xe7\xc1]\x15=H\xa3\x89k\xe4\xd5\x92w\xa3k\xfbi*\xca\x10\x0f&lt;\x05\xc3\x1a{\x95\xb0\xf2\xcd]\xc6\xbc\x93\x1eS\xef_&amp;\xa8\xdbO\xc7\x04Q\xdc,ey\xf4\x91\x0b\xff\xfb\xd0=j\xdf\x17g\xe5\x19\x16\xf8\xe0\x8d\'\x01{?\xd3\x0f\x00Y\x8cV\x0c\x0cm\x1e\xb8\xefW\x1d_u\x8b\xbe\xd0\x04PG\xdb?\x93E\xf7\xb4\x07f@\xa6\xabu\xa3Q\x9c\xe7&gt;\x8d\xe6\xd6;(\xee\xc7\xa0\xd0\xe0?I3f\xa7B\x8d\x8b&gt;\xc4\xb7\xde\xb7\xd3\xe8\x04\xe6\xbawE\xfd\xddQ\xa8\x90\xdc\xf2\xee_6\x93:\xe2\xaf\xb8\xc68o(\xe0\x024\xffL^\xb6on\x00\x8b\xa7\xa0\x1e{\x12&gt;C\x15\xe6\x11/d}~\xb1\xad:\x8a\x12\xddv\xe3\xed\x14xv8\xf1\xf6^\xea|\x1c\xaf\xe2\xd7\xed\xf9\xcd\x9c\xca|\xbf\xdaS\xfc\xbc\xc2&lt;7\xcb\x8d\x0b\xce\xeb\xd5\xdfa\x10g\x0e\xf9\x03\xcfMy\x0c]N\r\x80u\xdd9\x89\x92\xbc/\xa7q|\xfeG*\xedQs\x9cvh\xa9\xe3\x08\x9b=\x8e\xb8\x15\xd1V\xf6}\xa1\n`\x0c\xb2\xc1O\xfd\xe0b?]\x85:\x19\xbf\x10v\t\x1e\xbe\x10\xa7\xd2~im+\x1e\x82=\xbf\xceNw\x1b\xc08X\xaa\x15\x9c_\xa0\xac\xaf\xb8T\x1173\x9b\x8d\xf8\x9dm\xfa\xf4\x14\xba\xc2\xb7\x9d\x0e\x13\xb9\xb7\x9bS\x94/\x98/\x0eEp\xcf\xe5\n1r\x08\xdfKW\xd4S\xf8\xd6\xc3\xad[\xc4\x1em\xa2\xb8Q\x95B\xe9\xf3iA~u0X\x82\xabF\x1b\xd4k\xbe\xc1\x8e\xc5?&amp;K\xc8\'\xfb\x95\'\x10\x1b`\xb6\x03 \xf4m\x9f\xc3\xee\xc1\xb71\x9fL!(\x9f\xe9\xb4_\x9c9S/&amp;\xcapL\xe3\xda}\x0f\xcfb\x7f\x06\x86\xa8\r\x84\x86\xa6\xdda\xf2\xd2\xdb\xb9p\x8b\xa5\x86#\x11\xaf\xc25A\xd7\x07\xceQ@&amp;6M\x07Qy6\xdewq\x03c\xa9S\xf4{\x92\xfb\x94\xbd\x1b\xf9\xc0O\xb7ka\x16\xf1\xdc\xcb\xdf\x04\x9a(^Y\x83\xc8\x95zs\x14\\\x0c\xe3'</t>
  </si>
  <si>
    <t>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</t>
  </si>
  <si>
    <t>b'\x05\xb4.\x19\x9c\x0cng8[\xc0\x8c\x8c\xcf\xffx'</t>
  </si>
  <si>
    <t>ll inertial observers.
 532
  Chapter 12 Electrodynamics and Relativity
  Problem 12.22
  (a) Draw a space-time diagram representing a game of catch (or a conversation)
  between two people at rest, 10 ft apart. How is it possible for them to commu
 nicate, given that their separation is spacelike?
  (b) Thereâ€™s an old limerick that runs as follows:
  There once was a girl named Ms. Bright,
  Whocould travel much faster than light.
  She departed one day,
  The Einsteinian way,
  And returned on the previous night.
  Whatdoyouthink?Evenif shecould travel faster than light, could she return before
  she set out? Could she arrive at some intermediate destination before she set out?
  Draw a space-time diagram representing this trip.
  Problem 12.23 Inertial system Â¯ S moves in the x direction at speed 3
  5
  c relative to
  system S.(The Â¯ x axis slides long the x axis, and the origins coincide at t = Â¯ t = 0,
  as usual.)
  (a) On graph paper set up a Cartesian coordinate system with axes ct and x.Care
 fully draw in lines representing Â¯ x =âˆ’3,âˆ’2,âˆ’1,0,1,2, and 3. Also draw in
  the lines corresponding to cÂ¯ t =âˆ’3,âˆ’2,âˆ’1,0,1,2, and 3. Label your lines
  clearly.
  (b) In Â¯ S, a free particle is observed to travel from the point Â¯ x =âˆ’2 at time cÂ¯ t =âˆ’2
  to the point Â¯ x = 2atcÂ¯ t =+3. Indicate this displacement on your graph. From
  the slope of this line, determine the particleâ€™s speed in S.
  (c) Use the velocity addition rule to determine the velocity in S algebraically, and
  check that your answer is consistent with the graphical solution in (b).
  12.2 RELATIVISTIC MECHANICS
  12.2.1 Proper Time and Proper Velocity
  As you progress along your world line, your watch runs slow; while the clock on
  the wall ticks off an interval dt, your watch only advances dÏ„:
  dÏ„ =
  1 âˆ’u2/c2dt.
  (12.37)
  (Iâ€™ll use u for the velocity of a particular objectâ€”you, in this instanceâ€”and
  reserve v for the relative velocity of two inertial systems.) The time Ï„ your watch
  registers (or, more generally, the time associated with the moving object) is called
  proper time. (The word suggests a mistranslation of the French â€œpropreâ€, mean
 ing â€œown.â€) In some cases, Ï„ may be a more relevant or useful quantity than t.
  For one thing, proper time is invariant, whereas â€œordinaryâ€ time depends on the
  particular reference frame you have</t>
  </si>
  <si>
    <t>b'\xe5\x91\x1bN\xc4\xc6x\xab\xe0L\xb0\xf7\x80\x9bS\xa8v\xfaFi\xfb\x92\xa1b\xafp\xbd\x8b\xa0n"\xb5'</t>
  </si>
  <si>
    <t>e5911b4ec4c678abe04cb0f7809b53a876fa4669fb92a162af70bd8ba06e22b5</t>
  </si>
  <si>
    <t>b'\xe5\x91\x1bN\xc4\xc6x\xab\xe0L\xb0\xf7\x80\x9bS\xa8'</t>
  </si>
  <si>
    <t>e to avoid offense in a single year, even though one yearâ€™s disappointment
could be made good the next: how much greater would the offense be to men who were
put off beyond the five year period? How was it possible to foresee what the mental
capacity, family situation and fortune of each man would be so far in advance? Men
became arrogant even when they were designated for office a year in advance: what
would happen if they had the office for five years? The number of magistrates would be
quintupled, the laws stipulated the time for exercising the industry expected of candidates for soliciting or enjoying preferment would be subverted. (Ann. 2.36.2â€“3)
Tiberius was being rather more clear than Tacitus allows (he said that Tiberius was
concealing the secret of power through his refusal of the proposal). An emperor
was bound by his word, just as Tiberius says. Once he had made an appointment
he was expected to live up to it. To grant favors so far in advance would do precisely
what Tiberius said it would do: it would enable people to take preferment for granted.
As Gallus realized, the Augustan system meant that members of the aristocracy had to
compete for the emperorâ€™s favor in order to gain further office. The point of the
Augustan creation of a host of new positions reserved only for senators of a certain
rank was to transfer the arbitration of senatorial success from the Roman people to
the emperor. Members of the Senate plainly found the long periods between offices in
which they would be expected to prove themselves, over and over again, tedious. In
16 CE when Gallus made this motion, Tiberius was only in the third year of his reign,
and men may already have been finding it difficult to discern what his mood would
be. His managerial style was different from that of Augustus, who was notably
accessible to members of the upper class. Tiberius was less open, and seemed prone
to take offense. It was also the case, in the wake of the massive disaster that the
Roman army under Varus had suffered in Germany at the end of 9 CE, that any job as
a legionary legate was likely to be especially dangerous. The danger was compounded
by the fact that Germanicus Caesar, the emperorâ€™s adoptive son was, with erratic
success, commanding a third of the army in Germany, an army that had mutinied two
years before; another significant portion of the army, now commanded by the
emperorâ€™s biological son, Drusus, had mutinied at the same time. By appointing
young men to legionary commands, Tiberius was asking a great deal of them, and
Gallus was simply asking that he recognize this by relieving them of the additional fear
that some failure would not end their careers. What Gallus was asking was typical of
what the slaves in the Life of Aesop asked of their masters: that they set reasonable
expectations, that they establish clear rules, and that they abide by them. It was true in
14 David S. Potter
an even broader way that these slaves might share with their masters (tacitly) an
understanding that their sense of self-worth and future prospects were out of their
control if these rules did not exist.
The speech that Tacitus attributes to Tiberius gets at the heart of senatorial selfunderstanding in yet another way, for the Tacitean Tiberius seems aware that office
holding and preferment define the self-worth of the individual. Disgruntled men who
are passed over were no figment of the imagination. For some, of course, a career that
ended with the praetorship could be a very fine thing. It seems to have been so for
Velleius Paterculus who saw the joint nomination of himself and his brother to that
office in 14 CE by Augustus as a great moment (Vell. Pat. 2.124.4). For others, as
Werner Eck has shown in a masterful treatment of the evolution of senatorial selfunderstanding, inscriptions commemorating</t>
  </si>
  <si>
    <t>b'\x8b-\xff\xde\x89\xb9\x06[\xa8\xaer\xa2\xcc\xc0\xae\xf3o\xa5\xf8+\xd9\xa8\xa2\x16\x9f\xd2Q\x9c=\xb5u\x87x\xf5\xea\xc6\xed\xa0\xb7\xdb\xa0\x9c2s\xdd\x9d\x99\xb3\xcbW3\xa3\xdf\xff\xe1\xdfv\t\xa6\xa3\xdc/\x88|\xa6\x17\xd7\x8bh\x89+\xf7@vG8\xd0\x8e:Q\x850G\x97!\xee\xb7\xa0\x9f\xa7h\xf9\xa8o\xd9\xa7\xe4&lt;\xff\xf4\xe3Wr\xfc\x10\xc9\xde\x02b \xb8\x89=\xc9\xfd\xbd\x90t\xa1\xe6\xcb\xe3MpX{@\x9b\x82\xe3\xb8m\xec\x86\x8c|5Wb\xc2\xf0\xda\x87\xe6.+\xe7\xd9\xdc\xe3 [\xa7y\xac#B\x84s\xf6`\xee_\x9be\rT\xa4\x89\x15\x1bt\xe6\xa4\xa9\xfd\x07\xa1\xdc\x9c|\xc6\x1d\xb7Zn\x82\x9d\xb5\xec\x9b\x81\xd6\xe4\r&lt;\x88U\xfa\xfe\x99\x98gD\xcdX\x9bUq|\x08\x80\x1c\xcc \xfflbF\x88\xacFeAc\x14\x95\x05\xd12\x1fm\x7fd\xdb\x8b3\xc8\x99vs\xb9\xc7R\x00\xc5\x06\xc16\x9b\xa1\xc3g\x03\x88\xe2\x13\xd7\xc5\x90\xc1)E\x02\xf4\x92e\xfe\xa8:\xb1@\xf0B\x85\xb9\xab\xc8\x13a5\x9c\x91\xa7;I\x10\x8bK\xc6\xc6\xbb=g\x0e[\x00b\xc3\xa7\x93\xb2.\xe1\xc4\xae\x11\xc9o\xa1`\xd8\xd3\x0f\x84u\x1aQi\xed\xa2Kw\xed\xd1\xcf\x86\xda\x07^\x88\xc1\xce\x81\xc7\xb2\xb7\xfb\xb8Y\xfc\xf1`\x19\xb5\x10\xd9u]\xd73\x117\xe9wti+\xd8\xcb\xb6 ?\xc0;\xa5\x015t\x8d\x91\x9c-w\x9f\xc0\xae\xcc\x04\xb3\xa4\xcd\x92\x0b\x9bV\xb9\xc7\xf9\x00\x02\xc6\xd3\xa1\xba\x14\x06\xb5\xef\x99Q\xc3\xb4\xfbD\xa5\n\x80\x8d\xfd\x8eo\xcf\xe1\x07\xb8\x8c\xba\xa8P"\xb3\x859\x99@\xf4x\x0e\xced\x863^\x8d\xddGq!D\xc2$+p\xecj\xc0\x1c|H\xb1\xbf\xe4\xf1HE\x10\x84\xbdK\xc3\x85\xa4\x88\xe0\x1f\x88\xa0\xcb\xddPj\xa1#%H\x07\xf2+\xc3\xba\xaa\xe5\xb7\x03s\xda WOl\xa6\x10\xf6\xeeV\xf5\x89\xd7\x86&amp;\xf2\x8e\xfd&amp;\xb8\xa1Mf&lt;&amp;^\xe3\xbf\x01\x9b-4{N\x06\x05Q\x8d\x0b\xce)\xcd\xb3\x84\xff\xb2j\x94\xc4\x8a\x9aj\xdb\xd1\x80\x8c)kTt\r\x9f\xc4$}\x86{l\xd2\\@\xd8\xe4\xfe\xcbu\xa0_\xa6\x91qI\xb7X\x0f\'q\x8eLQ\x87\xc8\xb99t\x05\xd0B\xb3r\xd3\xe4\x19\x83\x9dgq\xa9\xbd\xcb*\xf3}\x9f"&lt;q@\x9b\xa6\xe6\x05\xa3i\xbc\x7f\xbd~\xa4\x0e3L\x8c|\x12\xcd$\xb7\x1d\xb4\x15\x04\xa0\xe4\xd7&lt;&lt;\xa0\x00\x90S\x9cz\xd3\xa0\xc6\xa4\xd7\x99:\xee\xd8\xc4-#\x8b\xf4\x9e.\xe8\xa2X&lt;\x12.\xe3\x13\xb3\x11\x14\xc0\x06\x89\xfe#\x15\xa2dkf\xc9h\xcf\xdf0\xe7\xf6\x87\xec\x08\xd48OV3\xbe\xfa\t\x08\xaf\xa6\xd0jx\xc3\xbe\xe8DW\\\xdbM:\x17r\x17\xbd!\xf3\xefu\x19!P((RY\x85\xaak\x8b+/\xe4\xdb\xb1\x87\x8d\xb8\x04&amp;\xfe\xe7m \xac\x1a\xbb\x00A\xa7\x9a\x02b!\xe8j\x18H\x81d\'(\xd4=\xe3\x07xL\x9f\xb1\xff\xf2I\x82\x0eo\xe7q\xeb\xe5\xc6\xba`\x83\xd57\xcf\xb7\xb3\\\xbd\xe5\xbf8r\x86\xc5^)-\xad\x89S/\xaa\xd8m\x9eS\xa4\xc02\xbc\x19\x908v\xd2\x91up\xa7v\xb2\x1c\x8c\x9a\xf0\xbf\r\xe6\xe4\xb6\xaf\xd7\xa2\xa4\xfb\x81\x9b_\xd8\xa9\x03V\xfa\xc4\x96\x1coB~\x18\xec7\xe9yig\xe1\xa80\x1b6\xbe\x90\xe1}\x85\x0e\xe2*\xe7\xf2\x98\\\x0e9\xd8\x9a\xbe\x0c\xcam\x15\xae\x1e(\xd6\x8b\x1b\xa9\xf74!v1\x057\xe19\x15\xb4\x11\xe0\x8aeX/mv\xbd\x0ek6\xc9\x00u\x88\xaa\xd3\xea\xc6I\x82i\x8b\xeakO\x1f\x13\xaf\xfc\x1c4\xc4\x8c\x94\x9d\xe0\xd6\xab\x95\xd9\x19 \x0e9\x86\x82\xc1\xd1\x91\xfa\xd5]\xfe\xb5S\xac\xaa\xefU\x00G3\x17\xea"\xcd:Ia\x11\xce\xe3.\xdb\xfe;\xac{\x9b\n\xbc\x8dh\rX\xc7G\x0f\xf7\xf1m\x81B]\xaeu\x8c\xaa\xf4J2\xcd\xf8\x03\xa0\xf0\xb5\x823x*\x82\xdeu\xf4\xcb\x15\n\xb4\xae\xa9-Q\xce\xb3o*\xef,\xb3\x93\xf3\x02\x12\xac@6\xd3\xe2E\x0cTf\xeb\x9b\x1b\xfcY\xad\xa3\xd0\xe6\xddFH\xe8\xb4\x1bZ\x9c?\x02\xd0\x92\xe9\xc7\xe2\xfd@\xb9\x04\xf9\xe4\x92\x9a\x81%8\xbf\xb0R\x86\xf3\x8a,\r\xbd;\x93\x1ch\xf6h\xb8\xb7\x9e\xf8\x88\xb4\xc6J\xa3l\x9c[.\xcf\x08un\x08\xed\xd2\x9ec\xce\x9b~\xa8\x13\xb7E\x0c.\xe0\x1eL\xa7\xc7\xa6H\xb5\xd9V\xeb/\xcb\xd5\xe9&lt;\x0c\x86[\xf7v\x97V\x99\xa7\x16\x1f\xb9\xd2\x1e]\xc2\xdf\xa9\xed\xc7yF\n\x12x\x9ez_\xc8i\x7f\xc0C&amp;\x97M\xf4\xf5\x94[c\xb0 \x03\xffz\x18\xc8\xba\xec\x89\x99\x82UO\xa2}\x1a\xa9=\xa3\x10\'s\xeeN_\x0e7zc\xc4\xcc\x1f\x11\xca$l\x9c\x05Z\xec\x0e\xcb\xda\x19P\xd1\x92\xa6\x97\x93F\xca7\xcb\x1f\xb5\xbe\x89B\x8a\x9fx\xc2\xcf\xa3-\x02\xac\xb9\xd7\x16\x0b1\x89\x1d\xdbw\x82\xabu\tdq\xc4?4\xba\x99\x85\x0fA\xb9\x86\xc5E\xe3\xb0\xefT\x93\xd7\xa2\xc5\xb7\xa8\xdb\xe6\'=\xb8\xe4\xc7\xf8\xde\xce\xa6\x90\n)\x9d\x9e\xf9\xef\xc8Q\x9b\xe2y\xff\xbf\xd6\xff%\xa8i\xce\xa98\xe9\x0f\xe0\x96)\xc2\x1c\xa2\xe8!\x0c\x9ar\xcae\xba4\xaa\x90\xb2\x1b\xffDDH\x96\xb4\xc5\xf1\xbc\x9d\xb5\xaa\xdf\xf3\xda\x82\x17\x14\xe80\x8a\x8fR9V#\xd1m7i\x02t\xa81^\x0e\x87N\xd2\xf0\xf3&amp;\xb24\xa6\xb6Y\xa7\xa4\xd5\x80\xd1\xd1\xdb\x80\xc6M\xad\x84&lt;\'\x18\xaa\x05?\x88\xcc\xbe\x85\xfe\xde\xe0\xee\xf7\x8dp\x97\x8c\x80[r\xc1\xef7&gt;_\x94\xe8\xf7\x92\x1a\xa9.[\xb9\xfc\xed\xa1L\xd6\xc9@}\x8c.\xdfJb\\\xaa\xa2\x805\x809gI\x9bb%\x1b\'-\x95\xe0\xc2\xc2\xd4O/\x86u\x10\n\xd7Y[9\x82\x93K\xef\xb2!\xee\x8b\xff\x00y\x15\xee\xf0\x7fo\xc4\xee\x04`0\x8c\x8c\xcd\xa7\xc9\x9b\xa8L\x0c\n"\xfb{"x\x99\t\xde\xeaq\xa8s\xad\xefpw\x14\xe88\x1c\xa6\xec\xa8\xef\xfb\xc1&lt;\xae:\x07\x11\xe7l\xe9R\xc6#\xa9\xb9LZ\x94\xc2\xc8\xe8ktx\x80&gt;\x10\xbf{\x07\xcb\x16Z:\xd8+\xaab\x14.`\'\xd5$\x0f\x83\xb1\x8a)"!\xe79\xb41\xaf\xea[\xe4\x0c\xdd\xcbX:\xed\xfb,\xd4\xf9\x9b:\xab\x82\xbfq\xe6\x88?g\xa4\xe8\xc6J\x17_Ug\xc7\xa3Q\xcd\t\xdc\xe0D\x94\x90\x07\x06\xaf1\xad}\xec\x04a\xca\xd8\xea\xc9k\x1a\x90\xc1\xbb\xb9\x89\xab\xad\x95|\xad7@\x8f\xe0\xe2\xed\x05n\rOXj\xf4\x83\xf7#Pk\xb9\xd4_0H\x1d-\xfb2\xaf:\xbc\x15\xbd\xba&amp;\xd6r\xc6\xb9\x8bH\xdf\xb0\xf1\xdd\x12(\x1d\xa9{\xf6\x17\x94\xf1c\x80\xd6)\x9f&gt;\xc3\x1eK\xf0\xc4`\x0b\xc3\x15\x17\xa0Be\xffXU&lt;\x85\xe1\xa7\xe2H\xa6\x96n\xd84\xe5\xe7?\xab^\xbe\xa0B\xf48\x90"\xe6\x9el\xd9$\xdc\x91\x81b\xd1\xc9\x08-\xe8\x7f\x9f\xb0\xb0&lt;\x9275\xabm\xcb\xa1\x9d\xd1\xa3T\x97\x93\x12\xd8\x15\xc6!\xea\xdc\xcd\xef\x9f\xf3\xc6^^\xdcs5\x9el\x12\x18\xf5\x01\x0e\x86\xc0+2T\xf2\x9e9/\r\x9a\xe0\xab\xc2y9\t\xc5G\x11tu\xb6\xe2\xf3\xa9A\xfa$Y\xb4I\\\xaf\xb1\xe9\xd4\x0b\x1a\xcc\x06\xdcD\xd1\x13\x9e\xca\xe2\x96~L\x94C\xe3\x84\xddEN\xe9\x15\x06S&amp;\xc8\x00TS}\x7fj\x97\x1b\xa6\x96\x03(\xe5\xfc\x84\xe9GH\xe1M\xf4\xf9m?\xa3\xf0\xbd\xd8\xe9\xcd6\xab*\xaf\xf5s\x15\x98\xfcp!Q p\xee\xe3\xbf\x0f\x0be\x022\'\x01DYp[\x89J\xe6\x1c\x99\xf6\x1d]V\xb4@\xeb"\x9e\x96\xde\xbb\xe1g\xfa2^6\x03\xcb\xd1C5\xca\xd8E\x14\xdfF \x0b\xa3\xaa\xa1\x14\xbf\x94O]\x07p9vc\xf9\x11_\\\xb44\x89-%v\x15*X\x92z\x83\xdd\x92Om5d\xf6&lt;H\x80\x11E\xf7\xb9\xb5\xfdR\xe9\x98\xdb\xb7\xca$#\xafs\x1c\xa5\x94O\xdf\xdd\x19\x11\xa5\x06\x9e\xafz;\x9e\xfe{(oB\xad\x9e\xf5\xe4\xe38\x0bb4\x80R]e\xea\xc6!\xd1\n\xc8\xe9\xd5\x12\xe9\x17\xde\xffRYs\x05\xa8\xa5\xcceG\x00YqY\xa1\xd1\xf7fB\xb9L9y\x085\x84\xc1\x00\xfdry\xc1UQ\xf3\x85\x0b\xb8\x7f\xa8\x17\x82\x17H0G\xdfI\x8b.\x14\n\xcb-c\xd9\x91"{\xcfN\xf7t\xa8(\x9c\xd6\x99{\xb1\xc6xe\xed\xed\xf5(\xca\x92\x86\xbc\xf3\x8bk#\n#J\xfc\xf8\x7f&gt;*\xadDL\xa9\x02q{\xday\xcf\xa4\xf1;\x05\x81\xe0\xe3\xa2\xf1^P8{zC\xa8K\x11\x94\x8d\x1e\xdca9\xef?\xaf\xab\xc5\x8e\xdb\xf4q\xd5tYfQ\xf2\x81\xe0\xeb\xf8\xb3\xa9\xcdH\xc0\x04t\xb7\x82\x1d\x93_N\xc7\xef`r\x83\xdcD\x18\x91t\xfe\x07\xd8\xc1\xd4*\xd0\x82\xab\x84\xd2Gk\x06z\xf7.\xaf\xd7\x94\'\\\xb6I\x1c\x93\xf0\x04\xa5+\xa5\nMr(4\xfe\xbe\xdc\xb4\xc2\x91\xd7\x0f\x7f\xb0Z\xd2!\xeb*\xcc\x9c\x94MY\xfb{\xbf5\x08Y9Z\xaf\x17\x06\xbd\xfb\x8b\xde\xe1 \xac\xbc\x9a\x83\xba\x93\xcc\x8a\xc1\xff\xca&amp;^\xb0\xc9Z\xb6E\xe8\\n\xcar\xfa\xbd\xbfX\xb9\x85\x9f\xb8K\xb7\xca\xf2\x8dE\xb47\x85\x1a*\n\n\xc39\xe2\x97h5.\x026oT\xc6u\x96h\xa3\xca\xde=\x18\xdaXf\xa9/q8{\x86\xe2\xbaH\xef\xf1\xb0iCGe\xe6\xb6\xc2\x9a\xfe\xf9\xacm\x10\xc0\x80I\xee\xd5"\x96l\x84kv\t{2^\xafT\xec\x9eTb\x1a\xab\\\xf1\xeb$`\xc0&amp;\xec\x1bXR8\x1e\xd7\xbc{S\x11\x15\x91\xd9\xc9^\'+ P\x91D\x0c\x1eB\xe6$\xb7u\x19ST8\xfb\xa6p\x83\xeb\xa7\x1fU5\x97\x85\x8d\xd4E\xdc\xa8b\x0fN[\xef7\xd1EAf\x13oP\xcd^GO\xc5\x19\r\x0c1\x9eV\x7f_\xee\xdc\xa2\xf0$6FK\x14d;Z\x82\\\xe1\xe7\x16\x90~\xe0\xbd\x8e\xa0\xed\xdc\xbc\xb4\xa8\xeb;\xaf\t\x88\xdb\xbd\x892\xb3ez\x03R\xff=\x96\xe7\x1b\xcb\r[H\xf3\x81p\xdfA\x05pI6\xf2\xc1\x8c\xe5\xf4\'\x97&lt;\xa5\xcf\xab\xd1\x11\xf4a/\xeb\xa8\x13\xbf\xd2\x14\x01x\nM\xfci\xaf\xa0`\xe6\t1{f\xd61\x91\x8b~\x0e&lt;N\x00(\t\xa7}u\x98\xbdwa\x90)\xe1\x85.\x04z{\xcb)\xca\x8bn\xad\x14[E\xba\x96\x15\x94d\xf8t\xe9\'\xc6\x9d\xfa\xaa\x99\xb5\xf2\x07\xf4\xd8s\n"\xb8,\xc8E\xe2\x9fO\x9e\xd1\xeeo\x8d\xff\x96\xd3L\xd2/\xfd\xc5\xc6\xd7\x16\x9fP\xbcM\xbe\xa7c\xb1rCan\x07\xbb\x08 \xb2Y\xc5\x8c/_\x1b\x05\xf6&lt;dg`\xb5 g=\x00+A5\xcaH\xc7\x8dw\x9d\xc8P\x90M\xe2G\xe5\xcb\x88\xa6\x7f\xd3%\x16\xa7"\x11\x1d:\xcf%\xe9gE%\xe5\xf9\xf3\xa3\xfaY\xf2mo\xe9\xf1f]\x05{qr\x80\xd1\xb2\xed}\xd6\x89\x110\xd1\xcd\x99^\xe6\x96v\x06\x1fZ\xdb\xf1q\x0c"\xd7\xa9\'\xadfb\xc23\xafR\xe2s)\n\xe60\xdf\x9a\x0b\xb9\xa6dO\x81C\x7fj0M\xd0\xda\xea\xf8:E\xba\xe4\x9e\x8d\x89TX\xe0\xae\x05\xf9K-\xb80\xc9\xc7)\xe0u\x96A\xf4o\x89\x0cmu\x82\xf4\xff\xdaZ\x06\x03-\xab\x8b\x9cN\x1f{LOs\x06\xaa\xa4\xa2\x1f\xf8 ^\xa3l3\xad\xcb\xb6\xaeC[\x03-a8\xfc\xde\x1f&lt;\xbb\x1c\xe34I\x13\x02\xcb\x84\x82\x06/\xd5\xbfZ\xe7\xee\x02\xc29\xf1\x9cC\xa6\'\xb6\xc2\xcf\x97\xd3[/\x8d\xbe\xd5Ia\x97\x8cLH\xfbc\xef\xae\x86\xd3\x1a\x10\x91qF!q\xf2u\x07\xd8\x12\x89\x9c\xd0\x1b\x91D,_\xc0\xff\x94\x15\xd8\x7f|\x00\xe3\xd6\\j\xc5\x91"\xe5\xb7Pn\x08bF\xbb\xaf+\xc1\xafV\x83\x10[\x86/\xed\x98\xa9\xac\xd8\xe6\xe4\x0e%\xd0n\xd6\xa1a\xcd\x83g\xbb\x8a\x00\xd1.\xe7\x16\\\xa3\x17/\xafg\xe4\x91*\xd2\xd8.\xbe\x98\x00\xd1\xa7\xfd,\xe1k\x82R\xfc\xf5\xe1\xb7\xa30\x8d\xa3L\xbdy\xbey`\x8f-\xderWN\xcc\xa1ciCRU%?Z\xae\xe2\xe0OTwmU\x145\x1aw\x15B\x8bx2E\xf2\xc5r\xc0\x88\xb4\x18\xa1Omjm\x8a\xb9\xbdt\r\xec\xe4\r\xfb\xfa8LO\x92\x12M0\xaa\x9c\\\x98\x9b\x81S\xdc\x94E&lt;\xdaJ\xd4\xcc[\xa9g\x81!\x9cVib\x1f^\x95\x9f\xcd\xe1\xf3\x99\xf7KKq\x87\xb8\x86u\xd7\x1a\xda\xd6&amp;\xc74\x91S\xc6W\xf9\xd8\xe7\xfc\xff\xef\xc5}%\xfa\xadYJ\xbca"\x9dDb\xb32\x82t\xad"Sl\xd0\xf6\xcc\xc5/\x000\xc9\x1a\x1e\xbdO\xee\x96\xff\x88,T\x97\x01&lt;1\x80\x10\xf90\x87g\x1aHB\x0cg\xceZ\xeb\t}\x17\xe5\xed\x8fk\tE\xd6o\xa4\x00\xdf1\xd1\\I\xf0\xa9\xa7\x0c\x95\xd11&gt;\xb1\xf9\x87\x10\xfb\x06\xf7\xce(\xd4s]n\x01\x89\x80\x87\xf1\xcb\x1bu\xd4\x91\xe4\xf6\xfb\xad)\xba\xbco\xd4\x8e\x9e\xe1\xef\xbc\xd5&amp;\xe3\x1b\x1c$\x95LI\x8f\xf0\xab\xb3Zw\xec\xc2_D(\x94\x85Nnk\xe3\xdee@\x80\xce\x0fr1\xf4;M&gt;\xc0\xbbdr\xbb\xdc\xd3]\xa0Ma\xe0Rl\xc9\xf80F^\x9dU_q\xec\xa1LSY\xea/\x12\xa7\x1b\x13D\xd5\xbe\xd8\xf4\xdf\xba\xe3Y\xd4\x9e&gt;}\x87\xb8\xc0\xc0,\xd2 \xd7rD.C\x8f`\xb8\x98g8\xc1x\x93\x88\xeb\xc8\xb0y\xcf\xffd\xe8\x12 \xafup\xab\xfd\xff\xbf\xa9)(\xd5n\x8f\x8d\x1d\x93\x19Q\xaa\xb6\xe43k\x040&gt;F\xfaS\x0c\\\x11\xb6\x8d\xafM\xc9O\x0c\x16\xaf\xfc\xd5\xd2\xd1?\xe4\x1eiS\xf7\xd8\xf36Y\xben\xd6\xae5X;\x13D,0\x84\xfaz\xe0\xf5#\x8bS%\x8f\x0c\xb2Ud\x8b\xd2\xb63U\xd7\xc2\xa3"3\xb0vZ\x96F\x14i&amp;e\x85u:\xc8\x97\xf9\xf6\xa5\xbe4\x0f\x91WS\xe0\xa1\xe5k`\x1dT\xea\xf5\x84\xaf\x82\xd2\xd8\x9b\xaa\xf1&amp;_K#\x7f\xa5\xc0qd\xeb\xa9W\xb1hI\x93\xf0\x14\xffX\xd0\\rm\x18x&lt;Bi\xaf\x0e\t\x7f\xb6\xf5\xcf\xfcY\xea7\x7fXo-\x1e\xb4\x1f\x02MJ\xef\xe7\x92\xe9\x9f:\x00\xc1\xb4\x02\'\x92&lt;b\xee\\\xe2m8B\xc6\x92Z&lt;\x94\x8d\xaa\x9c &lt;\xfa\x0c\x01\xb9\xb4\x9c,\xe5d\xd4\x00\xe0\x04S\xdff\x16\x94D:ft\n\x0b5_i3\xaf\xffv?\xf05e \xb1\x06\xf2\xe3\xd9\x88\x1b\x1bpFT\x17\x9b\xe2\x1a6\xbc\xd1sec=\xc2n\xcbW\x85\xdbQ\xdd\x99k9\xa4\xee*\x82\xe0P`\x83\xd1\xff\x0f\xbe\x850W\x0b^\x0c\xd1\xcf\xc6Xj\x87,\xee\xec\x97\xf2\xff\x7f\x92x\xc22\x13\x96\t\x1eg1\xb159\xdeg,\xca4l\x03\xcf&amp;\xf4~\xc0\xd2\xed\xf2\xd1\r+[\x97J\xd1`b\xdd\x91L\x91e\xb1\xa0N0)\xac\x1c\xe9\xfe\x84\xc9\xc1`\xfb\x9aa\xadz\x1bo.g\xd31\xbd0\xbd\x05\x13\x84\n\x9c\xafs\xf1:\xb6\xd9@\xc6\x1f\xa2R\x98rX\x07c\xbe\xb4L\xf4\xb1\xd7\xa0 \x8a;\x9a\xb3\xf0\x820\xc6\xd9*&lt;~\x01\n\x0c\xb9T\xb4\xfeg\xdd\x8c\xc3\xae7\xc0\x84.\xf8-S\xd0D\xe1\xfe\xb3w\xcc\xb1\xc0g.[\x8f\xb9\x1ab\x9b!\xcaI/+\x92X\x84u\xf2O'</t>
  </si>
  <si>
    <t>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</t>
  </si>
  <si>
    <t>b'\x8b-\xff\xde\x89\xb9\x06[\xa8\xaer\xa2\xcc\xc0\xae\xf3'</t>
  </si>
  <si>
    <t>the above values of Cj and Cjsw, the drain junction
 capacitance of M1 in Example A.12 is equal to:
 CDB1 = (3 Ã— 10âˆ’12 m2
 ) Ã— (3 Ã— 10âˆ’4 F/m2
 ) + (11.2 Ã— 10âˆ’6 m)
 Ã— (4 Ã— 10âˆ’10 F/m) (A.1)
 = 5.38 fF. (A.2)
 Note that, if the area and perimeter values are absent in the netlist, SPICE may use a
 default value of zero, thus underestimating the capacitances in the circuit.
 The source/drain junction capacitances exhibit a voltage dependence that may not
 follow the square-root equation associated with â€œabruptâ€ pn junctions. SPICE allows an
 A.4 Other Elements and Commands 889
 equation of the form
 C = C0
 _x0003_
 1 +
 VR
 Ï†B
 _x0004_m , (A.3)
 where C0 denotes the value for zero voltage across the junction, and m typically falls in
 the range of 0.3 to 0.4. Thus for Cj and Cjsw, we specify
 (cjo, mj)
 and
 (cjswo, mjsw)
 A more complete MOS model may therefore appear as:
 .model mymod nmos (level=1, uo=360, tox=0.4n, vth=0.5,
 lambda=0.4, +cjo=3e-4, mj=0.35, cjswo=40n, mjswo=0.3)
 where the â€œlevelâ€ denotes a certain complexity for the model. In practice, higher levels
 with many more parameters are used. Similarly, a PMOS model may be constructed as
 follows:
 .model mymod2 pmos (level=1, uo=150, tox=0.4n, vth=-0.55,
 +lambda=0.5, cjo=3.5e-4, mj=0.35, cjswo=35n, mjswo=0.3)
 A.4 OTHER ELEMENTS AND COMMANDS
 A.4.1 Dependent Sources
 In addition to the independent voltage and current sources studied above, we may need
 to incorporate dependent sources in simulations. For example, as mentioned in Chapter 8,
 op amps can be viewed as voltage-dependent voltage sources. Similarly, a MOSFET acts
 as a voltage-dependent current source.
 Consider the arrangement shown in Fig. A.18, where the voltage source tied between
 nodesC and D is equal to three times the voltage difference between nodes A and B. For
 simplicity, we call (A, B) the â€œinput nodes,â€ (C, D) the â€œoutput nodes,â€ and the factor of
 3, the â€œgain.â€ Such a voltage-dependent voltage source is expressed as
 Output Input DC Gain
 Nodes Nodes Value
 e1 c d poly(1) a b 0 3
 VAB
 A
 B
 C
 D
 3
 Figure A.18 Voltage-dependent voltage source.
 890 Appendix A Introduction to SPICE
 Note the element name begins with the letter â€œeâ€ to signify a voltage-dependent voltage
 source. The next two entries are the output nodes, with the first representing the positive
 terminal. The entry poly(1) indicates a first-order polynomial relationship between VCD
 and VAB. Next, the controlling (input) nodes are specified, and the zero is entered to
 denote a zero additional dc voltage. Finally, the gain is specified. In a more general case,
 this expression can realize VCD = Î± + Î²VAB, where Î± is the dc value (zero in the above
 example) and Î² is the gain (3 in the previous example).
 Example
 A.13
 The circuit of Fig. A.19(a) employs an op amp with a gain of 500. Construct a SPICE
 netlist for the circuit.
 in
 X
 Vin
 Vout X
 (a) (b)
 1 k Î©
 10 k Î©
 1 k Î©
 10 k Î©
 out
 r1
 rf
 eopamp
 Figure A.19
 Solution We first draw and label the circuit as shown in Fig. A.19(b). Thus,
 r1 in x 1k
 rf x out 5k
 eopamp out 0 poly(1)x00 -500
 For the voltage-dependent current source depicted in Fig. A.20, the description is as
 follows:
 g1 c d poly(1)ab0</t>
  </si>
  <si>
    <t>b'5y\xda\xf8\xf9\x1b\xb5\xdc\x99\x81\xd63\x18\xcf\xda\xda'</t>
  </si>
  <si>
    <t>3579daf8f91bb5dc9981d63318cfdada</t>
  </si>
  <si>
    <t>with a long history of prosecuting its governors. In
repayment for the favor, this friend appears to have asked Pliny to see if he could
speed up his sonâ€™s promotion to the rank of military tribune, enabling him to aspire
to a senatorial career. Pliny writes to Trajan that he is not alone in supporting this
young man, that the manâ€™s commanders when he was prefect of a cavalry cohort
thought he was a good officer (Ep. 10.87). In another case, Pliny asks Trajan to grant
the privileges accorded the father of three children to Suetonius Tranquillus, the
future biographer of the Caesars (for the technical aspects of this request see Evans
Grubbs, this volume). Pliny is quite specific that Suetonius has married, but that he
and his wife have been unable to have the requisite number of children. As Trajan
makes plain in granting the request, this is not something that he usually does, and it
is clear that if Suetonius had not met the minimum qualification of having been
unfortunate in his efforts to have a family, this would have been a non-starter (Ep.
10.94â€“5). In each case therefore we can see that favors could only be asked within
reason, that a person could ordinarily hope only to advance a certain distance with
each request and that he had to have preliminary qualifications if the request were to
be successful.
Plinyâ€™s relationship with Suetonius raises a further complexity in the business of
patronage. Years earlier, Pliny had sought a military tribunate for Suetonius from
Neratius Marcellus when the latter was governor of Britain in 103. The request was
granted, but Suetonius decided that he did not want the office and asked Pliny to
get it transferred to a man named Caesennius Silanus (Ep. 3.8). In other words,
Suetonius was using Plinyâ€™s connections to build his own patronage network.
But Suetonius would not stop there. In the first years of the reign of Hadrian he
became the emperorâ€™s secretary in charge of answering letters in Latin, a far more
influential position than Pliny would ever hold. It looks very much as if Plinyâ€™s
patronage of Suetonius was a relationship that could potentially have benefited Pliny
more than it benefited Suetonius, since the latter would some day be in a position to do
greater favors for Pliny. As soon as we cease to assume that promotion within the
empire was governed by rules, and assume instead that it was part of a process of
establishing reputations for both patron and client, we begin to gain further insight
into the dynamic process by which members of the upper class acquired status. The
interest in procedure and precedent that is evident in these relationships is very much a
feature of the cast of mind that Matthews detects in the officials who created Roman
law. As Gleason, Edmondson, and Ando all show in their very different ways, these
relationships affected not only individuals, but whole communities. We might extend
18 David S. Potter
this analogy somewhat further to the literary studies contributed to this volume by Sara
Myers, Rowland Smith, and Joseph Rife, for they all show us how imperial authors and
their audien</t>
  </si>
  <si>
    <t>b't\xc0b\xf8"e\xb7i\x91{\xb0\x7f\xaf+_Q\x07&amp;P\x927\xb4&lt;1\x04\xbc\x0b\xbd\x99 \tG\x81\x8f`+\xda\x9fo\xeb\xf4\xa5\xef\\a\\\xa7\x1e\xd6\x8a\x13\xac\xde\xf0\xddW\x99\x13\xb1\x84\x10zCf\x97)\xfc+\xae2K\xa63\xdc\xdcS\x0e\x97\xd3\x90\x00\xb5\xd2v\xdc+\x8d\xf0\xe9\x82\x8dt\xe0\xeb\x97\xc8L\x89\xf4\xe8?\x15*\x11$\xab{\xb8\xdao-\xd8)\xf0\x08\xfbIC\xd0\xf7\xf7_m\xb9Y\xe3?\xbdV\xb7W\x8b\xf4\xab\x87fis"a\xe0\x9f\x81\xa4C\x8b\xcaN\t \x122\xa6o\x9aGK5d\x01&amp;\x1c5 \xffT\x93"O\xe6\xc5$\x8e\xa7\x8b\x83\xe1\x1d\xe8\xaeO\xe4\xb8\x94\x9e\xa6\xf8h\x8a\xba-\x89\xbb\xb0\xe0%\xdcEM\x00\x10\xf5x\x97\xf6\x1d\x0c\x0c\xf0\x92\xa3w3,\xda\xe8l\xa1B\x7f\x00(S\xbe\xfa\xaa"\xeb\xe1\xbf\x1d\xcc\xf0\x0e\xf7z\x101\xf8\xc8\xe6\x8c\x90\xf9\xba\xb1\x938|:]Y\xab\xe15\xf2\xc3\x95\x98\xd1Yu\x86\x1f\x90\xb5@\xac^\x86\xaa\xfc}zB\x96\xea\xa1\x7f\x9f\x1441\x00\x7f1T\xca\x94\xc6\xd1~\'\xa1\xdb\xf3\x15%\x99e\xc6}\x12t=\x07\xaf\x0c,X\x87\xa0Z\x00\xb0\x83Fu\xbd$\x93\xbe92K\x8f\xacz\xfd\x1b"%N\xb2L\xd2\x9d\xb3\x80G\xb1A\x94\x19\xc2\xf2\xa0h\x7f\xdb\xc7\\p$]\xbf\x01u\xfdu&amp;&lt;u\xae\xacf\x18.M\x15\x96W&lt;$IT-\xf9\x8bK\xc2\nn\xe3\x02!\xf6\ty\x83\x16\xae\x17\xcf\xe6\x90+\xe9\x1e]g_ \x03\xaa\x94&lt;\xe2\x9b\x9a\x87\xe5r\xe0}Ci\xee|E&amp;_\xee\xe5o\x99\xd7\x92\x81O\x90nlR\xeb1\xdf\x07\x04\x82AL\xebG\x91.\xfb\xd6f\xac\xf4\xac\xc9Pc\xca\xcbVOk\x80rC\x93\xe4\x86?\x8a\xf7\xb1T\xc7\xc4 Q\xb9\'\xd8);\xc40H&lt;\xbd4\x0c@\xe2\x82\x0b\x1f \x93 \xf6o-\x9b-\xc9IR0\xb7\xb9\xc6M\xa0!k\x89\xdd\xbaV\x87\xf3\xcf\xb3\x86\xb3\x03\xcet1\x9d\xa9\x19\xc4\xfa\x7f\xba\xb3\xa7~\xb6\xd6\xeew\x07\xe0\xf4\xb5,\x12\x02\xb1k\x08\x7f\x19\xe3\xf7\xbb\xa8zm5\xb0\xea \x97\xef\x1a\xa1i\xd3\xf8\x9e4\xaf\xf0Q\xd8\x92g\xa3\xb9?~K\x82\x0e\xc0\x9a!J*\xde\xafv\x95\xbd=j\xa4\xe0\x9a\xccf?R\xd7x#xd\t\xfc\xa7\x81\xc2\x08\x1a/w\xdesy\n+\xc4\x9c\xf2\xe8oz&lt;"\xab#\xc4@z\xd4\x98\xd4\xaa\x15\x9e\x8a]\x89&gt;\xe5\xb2\xc4\xa1\xb8=\xd1\x06\x1fJ5/\xe7:j\xb9\x93\xee\xea\xf0\xcc\xeaI\x80\xfb\xbap\xfa\xd3\xb8d\x02\xa2\x13x:\xcb\x872Y\xa3\xd6F\xf7L\x1dR\xc1\x1b\t{G5\xffs\xaf\x9b#c\xb6\xcc\xbbk\x8c\x9a\xea\x8b\xcb\x88\xf6\xac\x97\xd5\xb3\xcdl\xc7\x90\xdb\x04\x08\xe2\xfaP\xf2XvO\t\x08\x11\xd3\x98\xc4\x9e\xcc\xd9\xfd\x8d7\x820\xad\xf3JH\x959o\xbf\x80\xad\xbfl;\xd9e\xc9\xc2\xe2\x1b\xc6\xe6\xe9Q\xe7;\xc0\x06X\xb6\xe0$\x7f\x83\x00;\x0b\x07!\xcel\rA\x7fod\x0eaz|\x13\xe8\x05\xf9\xda\xe1\xb4O\x7f\xaa\xb9\xe4\xb8\x14\xf1\x95\xea\x00\xc2\xc2\xdd\xe7(#B\x9ar-\xab~u\'\xe3-\x98\xd0\x08\xa3\xcc\xab\xfa{\xf0\xfa\xea\x90\x06\x92o\x17\xe4\x13?\xf0\xd7\xb5\x7f\xf4\x01\xe5\xe2S\x07M\\\xe9\xd5o\xe7\xc7\xe7\xbd\ti\xa9v\xe0\xe5i\x01\xf4&gt;\xdf\xc0\xe8N9\xbdvq+;*.\xaf\x8c\xd5\xf4-\xab\x92\xf3\x9b,\xa3`\xf4\x19}\x07ZRL\xc4\x19\xdc\xc2\xe6\x85\x84\xf3d\x83\xc49\x02E\x92\xaf[G\xdf\xdf\xb2\xde\xcbY`H.\x1d\xf0\xac\x92#E\xe0\x85\xf2^\x8f\xa4[\xdc\x9d\x0355\xa0\x9a\xcf\x11\'\x8a\xc7\xb9G\xda\xb9dc\xc1~Qp.%\x84\x1d\xc9\xc7\x93\x8ce\xc9~\xd7\x9cG):\x10R\xd7{RD\x05\xbc\xdb\xca\x18t\xfei\xfe!\x11\xe9\x0fH\xa7\xc5\xb2\t*\xe4\xf0N\xa5\xddp\xf9(i&gt;\xf4\x1a\xe5e\x1d\xef\xdc\x9f*@"\x8a\x10A.\xee8\xd8n[6\xd9\x93%\x0b\x0e\x06BCQt\xa1\xb2C\xff\x8c=\x88\xc6\x93}z\x03\x8fo\xdd\xee\x9c\xe1\xaa\xe8w\xfe\x99$1SX\x06\xb0\x80\xf3\xa3\xe9nS\xccfnb\xb0\xa2\x12\x0f\xdcf\x08X\x7f\x04\xee\xf4P\xdb\x80\xb3NW \x8et\xbed\xea\x914FJ\xf2\xeb\xb5\xf8\xc7\xe7\xec&amp;\x83\x17\xcd\xedd*\xdd\xd9\xccP{O\xfd\x80\x8fr\x10\x95\x11\xd7\xa8\xd6k\xd1O+\x0e,\x81\xef\xe9\x93\xda\x15r\x15\xd6\xbd\xeb\x96\xa6\xb9|\xb4(bG\x184?G\x1b0\x02;\x15\xa9\x8e!k\x1a\xf9&gt;\xe3nS _\xe8I\xc0PZ\xfb2?\xd4\xe4\xdd\xc5\xe6\x90\xdf\\c\xed\xc2\xe4\xa6@\xe3}\xf3\x0e\xee\x1fPcT\xe1=\xc9\x9f\xac\x0fB\xf9T\xd4\xd1\x90\xd1\xc3&gt;\xbe\xb7\xdc{\xac\x8f\xder\xd1\x8d\xbd\xdc\x7f&gt;\x1f\'O\xd8\xd7\x04\xdaVy\xb9\xff\xb8\xaa\x80\x82\xf8\xc2b\x91\x856\xff\x94\xc2\xf1\x8dM\xce\x0b\xf8].\x1f\xd3\xf2tM\x0f\xd9\xf6\xa2\xa2\xff\x9c\x02o\xc5\xd8\xb2\xc5Y\x86\xb1P@\xd7\x81h\x8dt\xde\xcf\xb2\x87\xb3\xff\xae\x1a\xc4\xae\xf6&gt;\xaa,\x81\x96\x12}\xcb\xfa\x15\x12q\x81o\xb0\xc7`\x05W\xdc\xcf\xd41\xae\xde3\xa3t\xa7v\xff261\xa8\xee\x1f\x08\xc4\xc4\xce\x03\x11\xbb\xc2\xc5cr\x82w*\xf5\x87M@{\xbb\x1b\xa3\x80\xbb\x90f#\x01G\x90Gc\xfe4\xbf\x1f\x89\xf9\xa0lh\x19\x17\xf8\xc2\xc4\xca\x1c\x91\x83\xc2\xc5\x8f\xd9\x1f\x98Ze\xc0M\\,\x90aa\xe34\xf6\x9f\\4o\xbe\xc3,=\xbc\xe4\xba3\xa85alj\xdfB\xe8\x8c\xabD\xc6\xc8\x0f\x1b\n\xfbl\xc7\xae\xae\xab\x80H\x04\xb0]\x9b9\xf4\xbe\xcf\xa4\xfaX}4Lq\xb7\xa3\x93\xc7\x8d\x01\xfb\xc7)7\xd0\xd7`\x9a\x99I\xaeu\xbe\x9eS\x95^}t8T\x87bp\x80\x88\x99\xb6\xeb\xd1\x90\x96\xfc\x9c\x92\x7f\x8eZ\xc4R\x03W(\xae\x85\xcaC\xa1q\\\x8e\xf4\x16\xf1\x18\x16\x97\x9d\x1a\xa9\xe9\xfbi\xbaq\xef=\xd0\x88\xb3\xc3-\x82\xa5\xad\x93\xb7T\x82WK\xde\xdag\xec&gt;\xec\x8d\xbc\xa7\xe3}\x00\x83a~{9\x8a\xa0\x04\x0f\x1f\xcfHB\xaeI\x16\xd5\xc8C\xf5\xfbv^\x9a%\xfeP&lt;\xaa&amp;2o\xcf\xff&amp;\x98\xbdtv\x01\xdfu\x83\x92\xec\xe8"\x10N\x94"Bja\xb1\x02\xdbsQ}t\xa2vB6\xaco\x8c\xcb\xe1\x8eV\xf0;)\x12\x9d\x8b\xecN\x9b\xa9\r&gt;\x90\xfd\xca4\xfb]\x89@\xe6\xeb\xe3\xddbY\xbe\xb1K\xf5\x97e\xe2)\xf8k}]!T\xdb\xc9\xd7\xc2\x18\xc5i\xd1\xfdX\xe7U\xf1 w-Z\xfd8_\x81\xd4\xa0\xd1d\x8d\x03\xc4\x92\x06XA\x96L!f&amp;\x19Y\x9c\x9fg\xf8\x08H\\P\x02T?-\xb9{qY\xca\xb1$\xd0\xb1\xe0q\x06\xbchPPF]\xea\x81\x8a\xcc\xf0\xc1\x12`\x13\xabB\xf6iEK\xd2qa\x98P\xe8\xe0\x05(7\xba-.p\x8e\n\x81\xf7#\x92U\xa91UU\xe7\x1ds\xc3t?\x1f8\rD\xa5\x1f\xf1|\xda\xa3\xb4=\r\xdf\xddQ\xd3\x81\xf7\x9e7b\xdc\xb5p\x15}\x0e\x1dV,5]\xcb\xf2\x10\xf1*\xad\xd9\xc7\x0e\xa9\xef\x98;\xd7\xf1D\xd3M\x17\x95\x97\x83\xee\xd4\xbc\xe6\xca|\x0c\xc8K\xb5\x1a\xe8\x1e[\xdd\xd9m\xa5s\xb4u\xb8\xdbP\x8dO\x9dNBSN&gt;*r\x8c}\x8e\x98X\xcd;z&gt;\x8a\xb0^\xd2\x96M\xcf\xbf\xca\x0e\xf1\x1dZ\xa9x\xa2\x90\xfd\xc0\xb4W_\xfa\xf6\xd9i\x88\xe8?\xf2T\xd2cd\x172F\x06w-\xe3\xc0\xb3\x93&gt;\t\x9d\xd8\xa1b\x82p\xed\xc8\xc3\xea\xf3\x93\xfeo\x98/\xe2\xf4\xfck*\xcey~\x8bH\xb3\xe7@+\x06 \xc8n\xbeA5\t\x15\x98\xc6\xb8\xe9J\xcd\x10\x8a&lt;\xb9\x01a\x80\xd7\x82\xd1\x01\x9b\x18\xb7\x1b\xe2&amp;q\xc1\xe3\t\xd6\xd5\xe1\xc5\xdch\xe0&amp;\xfa\x8b\xe6\xaaK\xc9)\n\x114\x85\xd8\xffh\'\xaby?\xe7\xd7\xa2\xc1\xc4a\xe1\xbf\x10R\xea\xfd\x87\xa1\xef$\x9dPN\x8eE\xa4\xddqO\nFh\xbd\xd2\x1e\x9f\x0c\x8e\x06\xba\xa1]&lt;\xaf\xd1\x9bF\x81\xed]I\x13\xe1\xc9\x10\nu\xe3U\xbc\x0b\xb8\x90\xa8\xd7\xc5\x9e\xd3\xadWK\xb0\\5J\xc5(\x93=\xc9\x1b\xd0\xc5}\xc9\r\xbe\xfe\xa3\xebw\xbf\x97Gu\xfc\xbd\xa2D\xb6;\xf5=Z\xb6XM\x9dh\xea r\xb7\xcb\xb6\x1af2\xc2\xeb\xe3\x17\xd4[;\xf0\xb4\x9f\xf7nYq\xae\xf4]#k\x14\xda1\x17\xdb\x04\xbe\xf5\xdcR\xd0\xa6\x92\x9c\xc0T&gt;l\xed\xe7x\x02\xa7\xdex\x10\xa3\xf5\x9bW\x95\xf6suM\xa4\x03z\xf2\x01K\xb7Vc\xd9\x03e\x14u\x0f\xe0\xe3#*5d\x99\x15\xd0\\mu\xb5,\x95\xc0\xdb\xee\xe8\x03\xdb\x8f\xa45#\x96\xef\xed6C\xb3\xeb\xab\xdc\xe9\x12\'\xc6\x8dD\xdd\x91\xf6)\x86#k\x01\x1e\xa2\xf3\xcb4i\xb5\xaf\xa9\x16[DaJ\xe5\xe8\xc0t\xc6~\xd8%z\xe6\xbdoo\xd5D\n\xb02\r\xcb\x1f\x15~\x9eX\xd1+?\xa1]3*i\xee5\x9a\xf9_\x1a\xd8\xfc\xef\xb2m\x03\xb8\x80&gt;\xd1\xc4\x81\x1dr\x08\x96g\xb8!\x1b\xde\x84\xe6 \xc7\xd1\x80H\xff/\x8b\xbb\xa2\x88\x9f\x80\xf6\x0ff\xd6&lt;\xb3 \xa0m\xdc\x08\x03\xcb_\x1co\x97\x92\xf6\x16\x96\x96\xe8\xf9\xee*\xc1vE%\xcb\\&lt;\xae\xa3\xfd\xc4\x82\x1e\x07u]3\x9c\xc4\x91\x97\x9cKo*\xc5]\xbaN\xe5\x80\x14k\xa5\x18\x88{E\x8c\xd9"\xac\xe7R\xd0tD\xe5\xb8\xfa\xc7\xea%|F*\xf8\x98j8w\xe6\xe0Da\xda\xc9\x11\x9e\x0b\xab\xaa\x08\x94\x96\x17d\xb8~\xed|\xf5\xaa\xeb_Q\xe0?\x04=\x89\xa8\xe1Y5g\xb8\xbe\xcc\xdf\xda\xf7"^\x8b\xa9`GX\xa6\xe9\x00noc\xbfy\x90\xbf\x8d\xf4\x08\x86\xf3X\x9c\x8c\xbai\xba(\x8c\x17`\x00\x1a\xcb\x02bc\x89Tu\xc3\xe3N\x1dWNo\xe1\xc6\xe5\xf6\xe7\x0c\xa2\x9d.H^\x8fe?\xb6\x03r&gt;\x05\xf2oys\tk`\x8cM|h\xa7\xeeJ\xa8\xec\xc2\xda!\xf7\x98}\xd2v\xd3\xb9\xe0@#\xa7\xcb\xad_\x02\xc4\xdeD\xeb\xb4\xf1&amp;\xb6L \xc3\x14\x15L\xeb\xc2\xeep\xefK\xe9B\x14(\x9e\xee\x19\xd2\x14\xd0\xc5\xd4\n\xb9\xf9\x0e/\xd2\xec{\x1d\xf8\x91\xea|\x1c:\xb8\xe6\x161|\x9c\xbb\x08\xd8\x99\x81\x19\x91vAX\xa8M)q1\xf5\x01&lt;\x96\xe1\x01\twaA\xf8\xae\'FM\xec1\x90\x90\x00\xc1^\xea\x1a\xd7\xdej\xcc2\x1c\xbf\x9f\xe6{\xe6\xb3\xfa\xc2H\x90g\x00\x982J\xba\xb1\xffQ\xaa\x04z\x14\xcd\xedw\x1a\x8be\xc36A\xec\xc5\xdfo\xac\xfcs\x9bV\xd1@\x94F)x\xef\x85C\xfa3\x8d\x8cGb\x97,r,Q)\x1a\x01\x8d\xf6\x93\x82\x93e\x8d=\xe2U\xca\\\x00\xc2\xfa\xba}\x8c\xf4\xe9o\x88x}\xec\xaa\xce\xcf\xfa\xc4bn\xb8c\xa6\xc78\xe6QM\xfd\xe4YDPy\x19?E\xc2?\xf4\xa9\xf3V\xac\x8b\xa1\x8a\x94\xd6\xa5\x88A\xc1\x02\xe43\xe2\xa6,\xe6&lt;\x99\x9fn\x18L\x03\xaf.\x7f\x92\xc2\x0f\xc7\xca\xcb5,O!\nf\xae\xec\x1a\x97\xb3!h\xea\x9d\x0e\x03\x85\xaf~p\xf3\x8d\x90\xc6\x8a\xb5\x1cft\x06\xc6\x9d\xe6)\x1a!\r2\xe79#\x97@\x91E\xe1\xb44\xe94?\xad\x99\xe0\xf8\x8f\xe6\x05]\xff\x0b\x95W\x88\xa4\xfa\xd6\xcc=\xd3\xf8Km\xfe\x12A\x89\xa0\xd4\x07\xd7\xc3\'\x87:\x96\xea\xc3\xfe]6o\x1eh;\x8b5\xb3\xe7\xd0\xd6\xcb|\xc6`j\xf0\x156\xb6\xdd\xdc\xa5}\xa1\x9ej\xbe\xc7\x8b/\xb3\xe5tf\x93\xee\x1a]a\x90\x98\xb31WF\x0b\xbf\xee\x02\x04\x16\xe1\xcc\n\x03\xfa\xdaa\xea\xa3\xe4\x98\x98\xeb\x9a1\xd6n\xf5*V\xe4\x98\xb4\x97\x043h[\xe1m\xa9\x92\xe53\xaa\x0c\xa0%d\xef\x8c\xf1n\xba\x83\xe3\x98\nj*\x0f\x17\xb8\xeb\x1f\x16\x1c\xa3\xc6\xf9\x03d\x87\xe1NLo\x86V\xa2k\xe4\x82\x07\x90,\xa0\xaa\x85\xa2\x0e\xa177\xc8\x93\x85\xae$\xbcC\xef*\x18\xd7\x01Y\xe0\xb3\xc2\xcb\xb9*\xf0\xf4\xa8\x80\xa9I\x14\x86\x9e\xe7\xec\x86\x0b\xa0\xa9\x87\xb9\x92 B \x95%\x83\xcb\x93\x83\xb5\xaf\x195\x04\xe2\x0c\x08Q\xb9 \xa5\t~\x11c\xd2\x01z\xd7\x8c\xb0\x1aG\x88\x82B;\x03}\xd6i\xfd&amp;\x18\xa3\xc5\xd3^\xd3\xb2\xd8\xa9\xfa\x8e\x956\x9f\xf1'</t>
  </si>
  <si>
    <t>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</t>
  </si>
  <si>
    <t>b't\xc0b\xf8"e\xb7i\x91{\xb0\x7f\xaf+_Q'</t>
  </si>
  <si>
    <t>n's dead." 
 They were a good deal taken aback, and after a little consultation one 
 and all tumbled down the fore companion, thinking no doubt to take us</t>
  </si>
  <si>
    <t>b'\'x\xfb&lt;\t6\xa8\x9e3NZ\xb2\x8b:\xe0_\x15I\x86@\x0f\xd6\xf0\x7f\xeeO*i\n\xb7J\xf7\xdc\x07w\xc6\xb7tv\xf5\xc4\xc0\xe0U\xea\xc6\xa1\xbf\xe7lKjs\xb5\t\x14\x180S\xec\xd5\xa4\x1b\x92\xc9\x87\xfa\xe3i\t\xfc}\xe6\xa6s\xa4D.!\xdd\xf8\xa2\x03ES\xdf\x8a+r\x9f\x188e\xf6\x9dC\x07\xe3\xecz\x89\x93\xd0i\xad\xb0\xfakT\x11\xea\x9c\xe9b\x13\x11\xdc\x97\\\'\x0f\xeev\xde\xa9\x8c ?\x84\xe5\x14\xf6r\xe7\xb3\x87R\x98\x80^\xed&lt;\x99\x9b\xe0\xc6\xb7&lt;/~|\xa0\x7f[c\xde\xdfx\x95\xab\x9a)7\x05\xd4q\xe4\xbeehp\x9eb\x9d9m\xbc\x11\xaa+\xc8\x9015B\x8b\xc9K\xfcu\x9f\x06\xe5\xdfc\xe5U\xbd"%&gt;\xe5YG\x1c\xf2l!&amp;?q\xa1\x7f\x1eig\x01\xe0\x0f[\xb7\xf5\xff\x81nB+\x18#{\xd0;\xf2$\xabe&amp;u\xa19\x15\xe0\xabT/\xce\xe0\xc2S\xf1[\x9e\x03\xf8\xc4\x91\xa9\xa5\xab\xb0P&lt;/yV\x02Bf\xde\xb4\x93\x190\x95T\xa9h\x8dB\x188h\xe1-\xc0Y\xd2\xfc6\x84,\xae;g.\x80\x0f\xcb\x15&gt;hH\xec\xc8\xdb\xb5h\x8a\xaad\xb9\xce:\xa7\x84=\xa5\x08\x12-\xb9T\xa7\x80\x86\xa6\x9a\xe7\x9b*r\xb2\x9e\x92u:\x9e.\x91?\xee6d\xa9n\x12\x03M\x8c\x1a\x1dfcCEc$7\xbfH\xc3Ey=\xf9\xbbuJ\xe7\x0b\xaf\x1e\xd3\xd9\xa4\xb3\xf9\xcb\xcdK9\x18L\x8b\xc6\xe8f\xad\x1f\x8fm\xb0\x80 \x11u\xb7\xc8\xd45\x19\xf5\x15\xe2\xf7\xe1l\xa1\t5U\xfe\x9a*\xaa+:i\xff\x87[\xd4\xc1e\x813\xbf\xd5\xa36\x8f\xc7\xbe\xea\xd2\xdeM\x86\x82\xad\xaf\x82\xf4\x07y\xdc\x82\xce\xd6\x18 \x18\tB\x9c\xd9,\xce\xb4Q\xce\xf5\xec?],W}C\xb2\xb9\xd87X#b\xd9~\xf3\xe8"\xf3\xe6g-\x80\xe9jn\xf7\x86#\xfc\xdbT\xf6\xe0y\xffa\xaa\x0b\xb4-AYJ&lt;\xbe#\xc8#'</t>
  </si>
  <si>
    <t>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</t>
  </si>
  <si>
    <t>b"'x\xfb&lt;\t6\xa8\x9e3NZ\xb2\x8b:\xe0_"</t>
  </si>
  <si>
    <t>en atom from the
Î²-carbon atom.
(13.37)
13.3.5 Properties
Physical properties
Alkenes as a class resemble alkanes in physical
properties, except in types of isomerism and
difference in polar nature. The first three
members are gases, the next fourteen are
liquids and the higher ones are solids. Ethene
is a colourless gas with a faint sweet smell. All
other alkenes are colourless and odourless,
insoluble in water but fairly soluble in nonpolar solvents like benzene, petroleum ether.
They show a regular increase in boiling point
with increase in size i.e., every â€“ CH2
 group
added increases boiling point by 20â€“30 K. Like
alkanes, straight chain alkenes have higher
boiling point than isomeric branched chain
compounds.
Chemical properties
Alkenes are the rich source of loosely held
pi (Ï€) electrons, due to which they show
addition reactions in which the electrophiles
add on to the carbon-carbon double bond to
form the addition products. Some reagents
also add by free radical mechanism. There are
cases when under special conditions, alkenes
also undergo free radical substitution
reactions. Oxidation and ozonolysis reactions
are also quite prominent in alkenes. A brief
description of different reactions of alkenes is
given below:
1. Addition of dihydrogen: Alkenes add up
one molecule of dihydrogen gas in the
presence of finely divided nickel, palladium
or platinum to form alkanes (Section 13.2.2)
2. Addition of halogens : Halogens like
bromine or chlorine add up to alkene to
form vicinal dihalides. However, iodine
does not show addition reaction under
2022-23
HYDROCARBONS 389
normal conditions. The reddish orange
colour of bromine solution in carbon
tetrachloride is discharged when bromine
adds up to an unsaturation site. This
reaction is used as a test for unsaturation.
Addition of halogens to alkenes is an
example of electrophilic addition reaction
involving cyclic halonium ion formation
which you will study in higher classes.
(13.38)
3 2 3 2
(ii) CH CH CH Cl Cl CH CH CH
| |
Cl Cl
Propene 1,2-Dichloropropane
âˆ’ = + âˆ’ ï£§ï£§â†’ âˆ’ âˆ’
(13.39)
3. Addition of hydrogen halides:
Hydrogen halides (HCl, HBr,HI) add up to
alkenes to form alkyl halides. The order of
reactivity of the hydrogen halides is
HI &gt; HBr &gt; HCl. Like addition of halogens
to alkenes, addition of hydrogen halides is
also an example of electrophilic addition
reaction. Let us illustrate this by taking
addition of HBr to symmetrical and
unsymmetrical alkenes
Addition reaction of HBr to symmetrical
al</t>
  </si>
  <si>
    <t>b'\xaab0w\xbd\xe5\xd6\xf6\xda\xa66\xc6R-\x0fB\xd7/\x9e{\xf2\x12\x95i\'+c&amp;\x06$^P&gt;\xe7\xfd\xe2\xfa\xea30|c\x10\xc3&amp;\xe6\xe8m\xd0\xdc\x82+\x9a\xa8G\x07\xf9:\xbcg\x8f\xd5\x1d6G~\xc7\x83lX=\xa7\x8f\xab\xe9\x02sWA2E\xb2\x85P{\xb3k\x86 \x8c\xfe\xf5\xba\x87e\xd8\x1aP\xda\xb8&lt;\xe8\x80\x93Y\x8d]\xd8\xab+\xb6@\'\x137t\xf8`\xc8Lo\x91#\xa1\\\xaa\xa1Di\xec\x07\x12\xb5\xcct\'\xc5\x83\xea\xd3\x19\x02q\x00\xcfR\xbbf\x9c\xeb\xd5\xba\x03q\xe4m\xfd7\x9f\x05\\US\x97\xac\xcd\x85\xfa\xa7\xc5\x90\xd9J$\xaa\xd0&lt;9t\xcc\xb6z\x06)\x8d\xa4}K\xa1,\x99db\x84\x10\xdc\xaeOf!\xd79-\xa9\xeb&amp;\x9a\x9a#4\x9a\xbf\x93\xdd\xecR\xd1\xd2y\xeck"1\xa2\xda\xe5\xe8X\x10\xd6\xac\x0b\xbf\x16\xa6\x92\xcb&amp;\xab(\xee\xfaV\x1a\xd4\xe8\x12\x1a\xbb_\xacS\xe8\xb2\xe4d^H\xe7f3\x00\x9d\xd1L\x1b\x0f\xac\xe2\xad\xc9\xfc\x13c\xb7i3\x15\xbee\x15\x8c\xf5\xdcKI\xd2\xda/\xa7\x1f\xd0\xe9\xfd\xa6\x03\xcf\xea\x87\xebt\xfb\x8eLj7\xde\xa9\xb4RY\xe1\xd0h\x0e&gt;6\xf9D\x1f\xf71\x82\xd62xG\x02Pt\rP\xae\x92\xf4\x8d#\xf2\xdf\x8du\x9c\x81\x80\x05\x92\x13W\xdcX\xd2\x98V\x96\x9ar\\\xbctb=`\xc5\x85\n\x93\x1d!\x9e\xf0\xa9\xc1Y^\xfd\xb7\'\xd0\xc3w\x97\x897\xcda\xa8\xa0.\x0c3\x18\xe0\xb0\xc7\xea&lt;\x1f\xdd\xa2^9a\r\xdc\xa2\xa4\xbc\x0c\x12\xb5\xdc\x82\xa6\\!\xc7\xc5\xd5i/\x9ciL\xb3V\x0c`b\x97\x08z\x9a\r\xe4\x96\xd1yC\x01\xe0/\xediOzt\xc4\xb7Z\xb1\x0eb\xc2\xe6n\xa1|\xcdF\x8eD\xc9K\xca\x12oj3\x95\xca\xc4%\xc0:\x05x\xaaB\xc4m\xc5\xac\xaf\xaa\xc8\xd1i\x86\xbdKG\xba\xb6\xa9s.\xab\x07\x89O\x05\xc8\xe2\xa6\x8e\xf0\x98\x8e-\x01\xb3SBR\xf6H$\xadI{5\x15\x0b\xd1(\x94\x02.\x1b^\x1b\x7f^\xd6\xb8\xf4p\x1cR\x8d\xe8\xed\xc9\xf6F\xd0\xb2\x1c\x1f\x10\xed\x9e\xf0Bt:\xa6#\x16\xde\x05B8V\x90&lt;\xb9:\xb1B\x99*\xfc\xdd\xc8\xa8\xd7\xc2\xccL%Y6\xd7\x16y\x87F\xa5\xf9\xdf\x11\xff\xc8\xc7\xf6\xdc\tv\xf2G`\xd2\x06\x912\xd8k\xc8\x87q: \x0f\xbbkN\xaf\xdf\xde\x9e\x18\xde\xe0\xec^\x88RQ{\x0f^`\xed;\xd3\xb1L\x843\xf3\x00\x17\x14\xff\xefBO$\xe2\x8e\x15\x9f\xb8\x04\xcdf#\xa4s\x9d\x99KGu\x9d\x10sT\xa5\x07\xb8\xa4Nn\x83\xae\xc2\x10\x08\x88Z\x15\xf5!V\x94\xcf\xe5\x88\xa6\xc09\xff\xbd\xfdr\xb4\xfe\xca\xce2\x9c\x07e9\x89"\xe2R\xf5\x87\xc0\xfa\xcf4\xf1{\xa1\x81QI\x07K\xb0\x1f\x11&lt;25*\xfe\xd3O\x94\x07C\xa8LAn\xfc\x11I\xdd\n~\xb5\xca\x1c-\x00\n\x99a\xeb*\xf1\x17\xeasa\xe1&gt;\xeb\xe0e\xb7\xc0\x05M\x1b\x822F.\xbf\n\x8d[[0\n\x86v~0\xd4I\xdfr\x0b\xb5q\xfc\'\xf7i\x03+"&amp;Y\x98\x92@Q\xe5q\x19S\xdd\xbd\xb4\x8d\xa1\x9c\x0e\x81\xdcc\xfb\xe3\xa7\x94r7\x01G,p-\xd42G\xb6\x82d\x1c\x06\nf\xcc\xd4\x9e\xff\x8f\xa8\x1e8\xb6?\xa0o\xd4\t\x06&lt;0\x08z\xf1l\x0f\x19\x02\x1fK\x03\xf5\xce\x89\xf07\xb5\x89\x00\xe7\x08i\xab\xa2CI\xc1\xe4-\x9a\xfe\xca\xf53@9\x98\xfbYN}\x86E0\x8eS\x85%\xd7L\x83\x96\xe6~\x98\xfa\t\xc8\xa2\xc3\xf5\xf1\x8c\nH \xf4\xd3\xba\x9dQ\xb07&gt;%l\xc7Ov\xf3\x85\x93\xc5r\x19\r\x93-\xa8\xbaU\\\x9aq\x1d#\x8aI\x06Q\xfdf[,Xo\xc8\x1c\x0eE\x07\x82\xbc\xa2\xb4\x975\x16\t5;\xb6\x86\xb3e\x0fb\xc4\xb8\xd2`\x92b\xe3\xfev\xb3z\xf4\x04\xca:\xe0?\\\xd2\xbc\xec%\x92\x0e\xbd\xaf\x94\xf8\xba{\xd5\xecK\x9a\xfc\xd3Zg},\x99\xcbg\tv^4\xd0\xa2C\x8d\xb9f\x1e\xa9\x1a\xc9\xae9\x1bIm\xaeG\x9b\x01\x17\xb3\xc1\xe3\xae\xf8\x80C\x93a\xa2\xe4SZ\\@REN\x97O\xbbx!I\xd1\xb0Wvj\xeeX/\xc1\xa0&gt;Q\x80Ug\xd3\x8e\xde\x94\xa4\x8f&amp;)5\x10&lt;\x98\x10[\xe1w-\xae\xe0\x08\xcd\x10RN\x8c\xdb\x1a\x19\x96\xd3\xaab\x1b\x136x\xa5}\x92\xba\xe9\x03\x98\x97\xc4\xdd\x1b\x0f=\x1939r\x80\xf8\xaf\x1e\x05A\xcb\xfc83\xfd4\x05\x86\x95\x8as\xcd\xc7\xdbm$\xda*?\x93\x1a\xf6\xf0\xe9\xaa\xd9\xeb\xc1\xb4\xf3\xad\xb1\x82\xaeR\xf5\x1c\xcb\xbb\xab?+\xdb\x9e\x8d-A\x11\x9a\xf6\xe6\xb7\x9bd\xd1|\xbc-\xe2\xffZ\xa2\xa2\xb9\x91\xeeI\x82\xfd\x18\x1aS\xdc\xfa\x8e=\xd4}o\xbd\x89\xa4\x97\xb2%\xdeRp\xb8\x1e\xe3d\x89\xffBu\x07\x1e\x95\xf7\xf2?\x02\x9a\x97\x91y5^\x94\xba|\x8c\x9b\xf55\xda\x92\x18\xb1\x00\xc8\xaf\xc4\xa5\x08g\xc4\xe2D\xcdd\xfb\xff\xe2?\xbb-\x84\xe1\xe8\xbf\x80\x80}\xb9\x19\x8c\xb6&amp;\xceHk\xe7\x9d(\x14\xbc\xb3M\xca="\xaa\x88\xec\x9cf\x11\x88\xc2\xc2\xccR)\x15?\t\n\xeb+\'\xb3cc\x11u\xf8\x8cK\xe4\xad\x9c[\xc3\xa9\xf0#\x86ZM#\xe2\xb3a{\x07\xc9 o\x07\xaf\xae\xa6\x13c\x020A\xa3\xed\xf3\x89\xa4\xf3\xfa\xc6\x81\xfaVjX\xdb\xec\xdd\xe7\x04\xd0)\xa8\xb6\x81Y\xd1\xe3\x82\xf9\x1d\'d\x89e\xef9R\xa3\xb3&lt;P\xef^\r\xffQR/:\x91*\xa2\xc6X4\xa6\'\x0be\xdb(\xaa\xfesz`\x93\x0cg\x95\xc1\xb1\x05$\xa7\x1c"\xd1\xa8\x03\x0bX!!\xbf\xeaa\xc0\x9fi\x1a\x02\xdf\xbe\xb3~46\'Adk\x08*\x13\xaep\xa0\x15\'G\x13\xde\xf5\xb9\x8b\x0b\x93\x89g\xf7\x0e\xc3\x8b"UE\xb4\xc3\x9fA}u\x8b\xcb\x923\xaf \x10J1\xb6#\x9fM\x9di\x83\xf0\xfd\x7fa\x9f\t\r\xc9\xeb\xe4\xe9\xbc\x17\xc4\xf4\xe5\xa6.8kz\x99\x1c\x82\xe9\xae\xb3\xbe\x9b\xc25\xd3\rxa\x96\xad\x19\x9d_(\x01y~0\xa2i\x04r\xec\x90\x82\x85\xf2\x8b\xc9E\xf6C\x0e9\xe1\x15{\x05\x138\xc3&gt;\xc4\xbc\x87-\xf7r\x8e#N\xde^\xa5\x98\x08\x11N\xdf\x06\x06v\xdbv_`\x9b\xde\xc8\x8e\x08|/\x1d\x86\x14\xc9A~\xc8\x82\xa4\x87&gt;Xtf\x01KN8\xba$\xe0z\x03\xean_B\x944\xcbR\xfe\x1d!\xdex\x1f\x012\xd1dt0\x9f\xb5\xd8\xb0\xf5\xba2\x8e?\x04\xc3\xac\xe6\xdeq\xaa\xe7"\xdbHj\x9cL)\xeb\xec\xb7\xd4}\x88\xc3\\\xffeZ\xf4\xdf\xe3\x0eN\x89\xce\xb1\x9d\xc2\x82?h\x96\xae\xdc\x98\x03&lt;&gt;\\%F\xfd\xf5j\x16"{\xfd\xe3@r5nJ\x88c\xed)\xb2\x82\xed\xcdlU\xb7c\xf9\xf9\xed\xd5m|\xf5\xa2\xe0\xd9\xd6\xb2\xc3\xea\xd57Us\xe3Q.\x98e\x8b\xec\xac@\xc9\x901\t\xbf\xc7\xd3`\xd9\t\xdc\x03\xb9\xf0^e\x15\xa7\xea1\x92VE\xb1\x88\x87\xc2s\xe3\x832\x06Q\x1af\x82\xcb#\xce\xd6\xcd)\xa2\xa4\x0c\xec\x86\xe8C\x15\x9f/\xa84\xdd\xdc\xe6"\x0e\xcb\r\x115R1\xd0H\x87\xf8\xed\xd9\xd2\xc8\x84:\xb0\xb4\xef7\t\xfc\x8f\\\xadgZ}U\x987\xef\x05\xbf5\x12\xbd\x88\x8e\'\x13\x1f\x95#xC3B\x035\x16\x05\xb2\xd5\x99\xf0 \x18\x9a*\x9e#\x92\xa4\xd2F\xae/\xfd\x7f\xf7\xd0z\t\xc1n\xb3`\xfd\xa2\x98b\xed\xa1\x9fQP\xe8%\xd8\xa8\xb0\x19\x13\xff_daF\xc6\xf8nG\x88&lt;]N3\xf7\x1cr\x80\r\xbc*\x00\xd3i\xa6=\x03\xa8\xb1\xabz\xef\x10l\x81\x1e\xe3\xd8\x0e!O\x8aw\xb0\xfb\xc7\xfab\xd7\x0b\x10\xea\x00\x08 Q\xe0\xab\n\xd1\xd1-\xb6\xf1\xce\xab\x89w\xf20\xf0mw\x92\x04\xb2\xa5-\x08yG\x8b\x19o\x02\xdd\xec\x10\xb4\x02\x03\x82\xa2\xae\xa5r\xe7\x1es\x1c\x17T@\xfe\x94\x94u\xe1\xb3\x0c\xd2\xd0\xcaI\xe9:;\x08{\x192\xc9U\xca\x80\x94\xack\xa7\xd0%\x9b\xd0\xab=Ht4S\xbeJ3\xde\xac\x8az\x8eH`\xff\xafW\xc2b\xde)\r\x1aWt-=J\xb4?Y\x96\xe1}\x0b\xf1\xf9\xee\x9b\xb2[\x18Wm\x91\xf8\x85bIm\xc5\xec\xcc\xc1$\xbc\x0c\x00\xc5Q\xdf\x07\x15\xb03\x86\xb8f]K\xbc\xd2\xef*=\x0f$`\xed\xccH\xb2^\x8b\xcb\xc1(=\x8a;\x80gq\x18[`m\xe2\xbb\x9e\xe1\x03\xd3p\xb1\xdd\x04\x1dTb\xdf\xba\xbek\x99\x00\xe4\t\xd0LzJ|z\x17z\xaa\x81\x97sH\x83\xe9\xa9\xb8\xf1\xcd$`\xd8\x7f`:\xe0&amp;\xd4\xbb\xfe\x1b)o\x84\t+p\x924}D\xdcC\x18\xed\x95v&gt;\xe3B;\xe3]X\x0b_\xd7\xbf\xe0\xd7\xcd\x9e\x88\n\x18DS1!N1j\x94\xe0\x11\xfb\x17\x18\x81\xcb\xd0\xf8F&amp;\xd3\xf1o\'\xe4\xd4\x91\xb6,c\x8ef\x94(\xe4\xa6\xe6\xa7S\xf2\xff\xd7\xaa\x12\xfd\xdcv\x9egu\x02\xd0r\xb5\xa9\xe5\x1e\xbeu\x96p\x00\\A\x88\xfc\x91#\x8c\xb2\xc8\x08s\x90\xbd\xe0\x9eI:\x9b\x9b\x08n\xb6B\x81e\xcc\xde/\x9c\xa2\x8a\xef2\x9cc\xfc\xcb\x8ce\xe0\xc2z\x16\xb4=k m\x01)\xe0l\xe2\x18\x985\xa4\xec\x0b\x18\xf5s\x81\xf5\x8c\x12\x92H\xd4P\x7f\xe5XV\\\xb27\xd6\xe3\xcb\x8aS\xc8n"RDN\xe8\xe9\xca\xf8\xff\xa7E\xa2d]P|&lt;\x97\xef\x99o\x1fV#\xba\xfb=\xee|\'a\x96!\xa98\x80\xe7\xa3{\xb9\xa0xg\x8f\xb1\x8b\x81\xbe\x8e\x91J\x16\xac\x04-\x89\xdda\x1d?\xc2L~$\x03\xcb\x03Fu\xf6\x9fm\x17\x04\xca\xc15\x08I\xa9\xc6\xfeF\xd53\xbazR\xd0m\xff@\x168\xa9T\xa3\xe9J\x846\xbar\xa4\xe05\x01\rXz\xe9\xd7\xe9\xd9\xceQ7\xe6\xa6\xc8\xdaq\x89\x05'</t>
  </si>
  <si>
    <t>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</t>
  </si>
  <si>
    <t>b'\xaab0w\xbd\xe5\xd6\xf6\xda\xa66\xc6R-\x0fB'</t>
  </si>
  <si>
    <t>. Wendy fell
 on her knees, but her arms were extended toward Peter. All arms were
 extended to him, as if suddenly blown in his direction; they were beseeching
 him mutely not to desert them. As for Peter, he seized his sword, the same he
 thought he had slain Barbecue with; and the lust of battle was in his eye.
 CHAPTER XII
 THE CHILDREN ARE CARRIED OFF
 The pirate attack had been a complete surprise: a sure proof that the
 unscrupulous Hook had conducted it improperly, for to surprise redskins fairly
 is beyond the wit of the white man.
 By all the unwritten laws of savage warfare it is always the redskin who
 attacks, and with the wiliness of his race he does it just before the dawn, at
 which time he knows the courage of the whites to be at its lowest ebb. The
 white men have in the meantime made a rude stockade on the summit of
 yonder undulating ground, at the foot of which a stream runs; for it is
 destruction to be too far from water. There they await the onslaught, the
 inexperienced ones clutching their revolvers and treading on twigs, but the old
 hands sleeping tranquilly until just before the dawn. Through the long black
 night the savage scouts wriggle, snake-like, among the grass without stirring a
 blade. The brushwood closes behind them as s</t>
  </si>
  <si>
    <t>b'\xff\x15\x1cT\xd2\xc0\xb3c'</t>
  </si>
  <si>
    <t>ff151c54d2c0b363</t>
  </si>
  <si>
    <t>across the State of Iowa, by Council
 Bluffs, Des Moines, and Iowa City. During the night it crossed
 the Mississippi at Davenport, and by Rock Island entered
 Illinois. The next day, which was the 10th, at four oâ€™clock in the
 evening, it reached Chicago, already risen from its ruins, and
 more proudly seated than ever on the borders of its beautiful
 Lake Michigan.
 277
 Nine hundred miles separated Chicago from New York; but
 trains are not wanting at Chicago. Mr. Fogg passed at once
 from one to the other, and the locomotive of the Pittsburgh,
 Fort Wayne, and Chicago Railway left at full speed, as if it fully
 comprehended that that gentleman had no time to lose. It
 traversed Indiana, Ohio, Pennsylvania, and
 New Jersey like a flash, rushing through towns with antique
 names, some of which had streets and car-tracks, but as yet no
 houses. At last the Hudson came into view; and at a quarterpast eleven in the evening of the 11th, the train stopped in the
 station on the right bank of the river, before the very pier of the
 Cunard line.
 The China, for Liverpool, had started three quarters of a</t>
  </si>
  <si>
    <t>b"\ttT/\xe2\x00\x07\xf1Q\xcf\x94\xe0\xee\x91L\xf5?\x89\xf0c\xa1\xa8\xe6fw\xcb9\xe1g\xb8'\x92"</t>
  </si>
  <si>
    <t>0974542fe20007f151cf94e0ee914cf53f89f063a1a8e66677cb39e167b82792</t>
  </si>
  <si>
    <t>b'\ttT/\xe2\x00\x07\xf1Q\xcf\x94\xe0\xee\x91L\xf5'</t>
  </si>
  <si>
    <t>up
 their office in a hundred-year-old building, rather than in one that had
 just been built.
 Nevertheless, the company plateaued during the first year after
 opening its office doors. Sales didnâ€™t increase at all. Kevin attributed
 this to a loss of focus. â€œWe were all over the map that year,â€ he said.
 â€œShould we go into retail? Wholesale? Sell on Facebook? We needed
 to get back to basics.â€
 Once they refocused on their core competency, selling natural
 supplements on Amazon, the company started growing again. Now,
 three years later, they have grown to four times the size, pulling in a
 million dollars in revenue each month, with a staff of fifteen, in
 addition to several contractors who work remotely.
 According to Kevin, there are things you can and should do when
 starting out that canâ€™t be done once you get bigger. You can test things
 out, change your branding, and even change your name. â€œFocus on
 getting things right when you start out so that you can then scale
 smoothly, as opposed to growing as quickly as possible as early as
 possible,â€ he said.
 Itâ€™s equally important to make sure you have someone to handle
 inventory by the time you expand your line from one item to ten. This
 could be a part-time contractor at first, as long as they have the right
 experience. And, when starting out, donâ€™t just chase after revenue. A
 lot of things can start to break</t>
  </si>
  <si>
    <t>b'\xb4\x10\xceX\xe2\xbd8\x96\x89\xc1]\xfb_a!\xbd\xd3r;\x0e~\xde*rc\xba#5\xa2\x13\xf5\xdf&gt;\xdc[\xeaLG\x07TdS\xe4"\x1cxM\xbe\x81?\x1bE\xc5lu\x93\xbf_\xb2\xe9\x11.G\x97\xfah\xac\x87\x12\xb1\x1f\x8a\xeb!\xed\x92{Y\xb3\x0e&gt;\x02\x9f\xb4\xa9\xa3\x12\xf54\xb1\xa6\xaav\xefKo\x96\x1f0\xb8\xfb$^\x940EYF\xbfb{.\xe2X\xd4z\xb2\x9aM^\xeb\xe9\xfc$\xfd\x18\x9f\xc9h}\xbfX\xe9\xae$\xcf;\xd7KS\x82\x10\xe0\x96#\x82"\xed\xf5\xea\xeb{\xaey\x83v\xc1\x02\xbeq\x83\xef`\x06a\x9f\xf7X\t\xcb\xf5V\xf9\xa01\x80\x03!\xc5\x8cDj5\xa0\x12\xf3\x04(\xb3m\xf9}\xf3\xbb$\xa9\xe0\x89\x8c3}P\xaf7a=\xc6!=G\xc0\x14\x1dXVI\x14G9\xd8\xecZP\xe4uN\x96b\xad`\x83\xb4\x17C\x95\xe1\x16\xff\t[q\x9a-P\x11:\xac&lt;\t{\xcf\xe4u\x17Z\x8fD;f!3\xb7\xbce\x19\xaa\xfb,^\xe4\xa8\r\xe7\x96_\xf7Y\x1e\x0ek\xd6Y\xeda\xd6uV\x00.\xbf\xea\xa8\xfd\x1c\x90n\xfc\xebN\x83\x0cCV\xd6KTB\x15\x88\xe1\xad\xa6\x92\xf6\\)\'\xaf\xc8\x04\xc2\x02\xd1\xb1=}\xb7\xbe\x16\xbb\x9c\xbb\xc6 \xdbL\xc8\xc4\xf4\x15\xee\xb02\x7f\x13\x95\xce&lt;\x07OC\x90\x98\xb5\xa1\x06\x93&amp;\x05\x8a\xf1\x89_\x99\xa4x\x9d\x01\xd3\xf8&amp;5\x11c\xdc@\xb1\x16*j\x19\xfaW\x84\x10\x1e\x81\xb2\xd8\xba|\xcf\xc6\x12\x01!m\xf0\x91\xe3\x8a\xf5\x1f\xf5m\x9a\x8ewa\x1f[\xdf\x8f\x83\xe0bm)\xba\xdcJ\xfc\xbeoq-\xf8uVY\xd4\x8e^#\x1d"u\xb3Ua\xea\xf8&gt;\x8aQ\xe1\x05J\xcc\x0eV\x99}\n\x87\xb4\x1b\xaegC\xbbp\x17\x97\xd5\xa6\xe8\xb1,\xee\xed\xa9k\x0e\xadg\xe4\xd1\xd2\xd5%\xb3\x91\xd8,p8\xb9(\x12@k7\x17\xf1\xe0Wv\x97\xef98\xbf\x06\x8c\rt\xe5\\i\x83\xb5\xf9z\xfd0j\xcb\xe2\xb1\x14\xd3O\xadpK\x03W\xfcg\x86+&lt;\xc1\x01W\x8fSg_\x1d\xa79_\\a\x7f\x1d\x18\x0e\x92\xdf\xc7\x8c\xd7\tc\x013\xc8\x878\x16t\xf5!\x1f9\x1e\xddO\xf7\xc2S\x00@\x13\xd9&lt; c\xb7\x85R\xe2X9\xf5Fu\x1e\xba\x90\xff\xad:\r\xe1\x8a\x0b/\xd4\x14/|\x9c\x19\x108n\x91^\x88\x9b\xb7\x81\xcctQ2b\x94\x86\xef\xa5\x8d\x84D\x9a\x91\xc78\x16\xca_o2{\x0f5\xa7\x0f\xf4\xb7\x05e\xe7\x80\xa5Tj\xff\x7f\xb1u\x89\x81\x87\xdb/\xdeQ\x1e\n\xd0\xd3\xda$\xadJwk\xf8Q\xe2t\xe4\x05D\xacm\x18$]\xdbO\xafl\x83\xa6\x19\xa5\x19U\xde$Z\xb0\xdb\'\xb4\xf4\xd5\xd7\xfd\x1f\xd5\xdc\\G \xd8\xf0x%\xd0\xbd\\\xa0\xe1\xb4\'\xbe\xc6\xf2[I\xce\x0b\xb6\x9f,\x88\xd4)H\x90s0\x99\xf9[\x80\xab\xa8\xa2\xc8\x1e\x82\xf4*j\xbdq\xf0\xaf\xda\xb91\xde\x06S\'+f\x9cW\x11\x05\xdcU,\x03\x92\xc1\xbf\xf3| \x95tp\x18O\xca\x96\x16\x1a@\xedg\xb7\x19\x02b\xac\xee\x13T# c${S\x86Q\xb5p\xed\x11S\x0c\xd1\x0b\xf0\x97z\x05\x1e13\x97+\x93\x8f\xb9)l&amp;\x02\xdd\xc6\xa7\xc8\x86A\r\x0f}A\xfe\x80&gt;\x05\x0f%\xa15+\xb0\xcf+=\xf7[\x9ab\xb9\xdd\xb8\xf3\xcd\x87wZ\xf54\xed\xc7\xf5\x99\xcfA\x04K\x18\x01\xff\x9a\x15N\xe0\x03\x16\xee\x92\xe0\xd2\x87\xa9T\x11ct)\x17\x03\x14\x82\x7f\xc6e\xb6\xf3pMp:0\x92\xf3\x8e"\xad\xb5* ;\x83\x0b\xb9\x94k\xd51:o\'\xb4Y\xb6[e\xed\xc6R\xb5\xeb\xf9\x99\xc0\x97\xb7T\x9a\xabLtpI*\x93ux\x89o\x16\xc7\xa3\xc9\x9a\x0b\xed\xc7\x98l\x060\x13\xaa\xbcr\x91rW]\xfb\xf5\x8c\xfe\xee]\xb3SXs\xc1"y/|\xf0\xb9LPjEv9\x04\xad\xa7\x18\x1a\xab\xe1\xf5\r\x81j\xf4\xac/\x84\xb3c\xc6\x0e\xc4\t\xc2\xbf\xe3o\xb2\xadW\xc5\xbb\xbbz\xd0s\xd2b\xcc\xdcm^:\x03\x86\xc2#z\xd0\x0b3t\xd1\x93\xe7\xd5P\xdf\x9fX&amp;\xbd\x87\x81\xa5\x8bQV\xa25\x8c&lt;\x03\x8a\xdb\xc8\xd5\x95\x0evz\xf6\xe79\xe7\xa5z\t\xcd\xcaz\xcc\x8a,\x97D\x87e\xe2D\xdc\x00\x9e \xabC\x8b\xb6T\x93i\x08\xbd\x8e&gt;\xa6\xde\xcc\x13\xa7"\xff[r\xe9]\xdf\xdf\x13\x03\xe8\xf2\x01a\x98\xe1M%9!7\xd2uw(\x98\xee=k\x9b\xcd\xe7\xed\xc4V2qC=\xbeF|\xcb\xd0\x9c\x17\xbc&amp;\x92s\xd6\xf9\x9dn(\x99&amp;\xdd2G!\xc9}\x86|n\xa4\'\x8d\x8f\xe3\xd4\xcf\xea?\xb3\xb6\xabq\x90\x94|1\x87ly\xf2&gt;\xbc=\xcc\xea\x93\x9b\xfe\xf6v_\xeex|\xb9n4l\xda4\x18\x9b\xaez\xd9\xbb\x11\xfe\xd7)\xba\x9f7\xff0w&lt;\xce\xdfq[\xdd\xe4\xa7\xdc\x1a\x08\xa5\x87\xf97\x87\xc6\xe3\xf8\xa9\'\xc8\x80?\xf7\x83\x19\xd9\x1b\x99;\xbd_\x9f\x92\x14:\xc3\x14\xbd\xceCYs\x02\xd7}\xe2\x1c\x90\xe9;\x8b\xcd^\xed\xfd\x8a\x93e\xc9)TZ\x16\x8f\xff\x82\xe4\xfb\x02\x0b\xfe\x1cD\xa9o\x8b\x0e\x8c\xd3K\x0c\x8f0\x81z\x96an\xca\xce\x8b\xf4\xc1\xbb\x17\xba6&amp;\x1bf\xb4\xf96j\x0b]`\xf0\xdc\xbf\xc8\xca \xc0\xc3\xfb\xe7\xf9\x99\xecTe\txk\x7f\xc2\xd0\xea Zx\xbd\xaa\xb0\xc1\xef[z\xa2\xf2\x97\xdf\xa3\x85&lt;\xe2['</t>
  </si>
  <si>
    <t>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</t>
  </si>
  <si>
    <t>b'\xb4\x10\xceX\xe2\xbd8\x96\x89\xc1]\xfb_a!\xbd'</t>
  </si>
  <si>
    <t>ponses for all 20 of these questions would exceed the space
available. Here are four that would have affected most adults.
What is your attitude towards . . .
(1) sex between men and boys?
14 CE: Horace, poet, freedmanâ€™s son from southern Italy, Rome, 30s BCE:
When your groin swells, if a slave girl or homegrown slave boy is near, that you could jump
right away, would you rather burst with a hard-on? Believe me, I like sex thatâ€™s easy and
ready. (Hor. Sat. 1.2.116â€“18; on Horaceâ€™s sexual satires, see Richlin 1992a: 174â€“85)
Ovid, poet, equestrian from central Italy, Rome, c.1 BCE:
I hate sex that doesnâ€™t get both partners off; this is why Iâ€™m less moved by love with boys.
(Ov. Ars 2.683â€“4; on sexuality in Ovid, see Richlin 1992a: 156â€“61; 1992c)
84 CE: Philo, writer and community leader, Jew, Alexandria, 30s CE:
[A]nother evil . . . has ramped its way into the cities, namely pederasty (to paiderastein).
In former days the very mention of it was a great disgrace, but now itâ€™s a matter of
boasting not only to the active but to the passive partners who habituate themselves to
endure the disease of effeminization . . . These persons are rightly judged worthy of death
by those who obey the law, which ordains that the manâ€“woman who debases the sterling
coin of nature should perish unavenged . . . and the lover of such may be assured that he is
subject to the same penalty. . . Certainly you may see these hybrids of man and woman
continually strutting about through the thick of the market. ...(Spec.Leg. 3.37â€“42,
passim, trans. Colson 1935)
This is only an excerpt from a lengthy section on what are supposedly Jewish laws on
sexuality, including strictures against sex during menstruation on the grounds that
â€˜â€˜the generative seeds should not be wastedâ€™â€™ (32). At Spec.Leg. 1.325 Philo says that
â€˜â€˜the men who belie their sexâ€™â€™ should be debarred from congregations, along with
whores and the children of whores (326). At Vit.Cont. 59â€“62 he critiques Platoâ€™s
Symposium and pederasty in general; at Abr. 133â€“41 he recounts the edifying story of
the Cities of the Plain and how God punished the Sodomites. Throughout, Philo
merges pederasty with the making of eunuchs and sex between adult males, which he
sees as a continuum of practices (see Satlow 1995: 216). Philo also says of women
who get into brawls in the marketplace and actually grab their male opponents by the
genitals, â€˜â€˜the hand shall be cut off which has touched what decency forbids</t>
  </si>
  <si>
    <t>b'\x1b(\x14\xd1\x13\xbeC\x07\t2\xec\xfc\rs@\x82\x91M;\xd5\x02\xf7\xb3\xb0\x9b\xc9\xcb\xd2J\x99}|\xdd\x16l\xbe\x91\xcf\xdf8\xcf\x98\x11\xb2\x9d\xa3u\xa9\x85J"\xe8\xbd7\x8a\xd8\xaa\x0c\x94&lt;0X\x91M\xac\x81\xe0\xb9W\xd4\xda\x9b\x19\x82\x1cK\xf5W@\xd5\xde5\'#$z!LBc\xb7\xb2\xd6,y\xab\xfdK\x82[5W@\xc2W\xbfm\x88\xe5r\x7f\x0f\x85\xb5\xe5\x93\x82\xeb\xc4\'g\xd1\xce\x8a\x84\xd1\x8e3|x\x10\xd2&lt;\x01\x8b9\xb5a\xd0y\x1cc\xc6c\xc10)\\\x1a\xa4\x078=lk\xc7^\x1b5\xec\xdc&amp;3\xdd\x90\xee\xaa\xab\xbc\xdaM\xa1Q\xce\x8c\x94w\xe6u\xb3\xc9\xb7\xa1g\xe8\x8b\xe5V\xa3k\xe2\xbcQ\xa1\xab\n\x8a)l\xe4\xae\xea\xf8\x1d\x15\x86-+\x8f\xb9\x11[\xf3\xb3\x0c\xbf\x99\x1b\xc2\x9a\xfd\xa1\xe0\xb9\x99"\xf8\x86\xa0\xbe\x96-x\x18p(K\xf6\x0c\xfb\xa2\x1b"\xf8H\x15"\x8c\xe5\xa3\xe3\x88\xcf\x83g/\xbe\x85\x0eO\xd0\xed\xb4I\x03\x0f\xccC8\xba\xb4~\x10\x02F\xc2\xbe\x85\x1d\xe2\xc8\x1eZ\x91\x93\xe7\xab\xe4\xd3\x10\x0e\xad\x87N3\xab]\x00f$i\x89\x00\xb6y\xa8\n\xb4\x94\xa9~\xc4\xd0\xabO&amp;5\xcdiY\xb6\xaa\xd0\xbc\x8f\x99\xea3\x18N\x0e\x93\x93\x98\x909\xc0\xe6S{EI\xaa\xb7\xb0q\xa9\x80y@\xb8\xf3\x17aL]U\x89\x0e\x85\xcf6k\xb0\x0fwmi`p``Ia\xaa\xea)\x00l\xdc\xb3h\xc2\x03o\x9a;\x17m\xb7\x9d\x1e\xca\xd4\xf4X\xc3x\x14\x9aP\x80\x85\x13\x84%\xa0\xbf\xe2S\xe5\x0f\xde\xef\xf2\x1c\x10\x02.&amp;\x7fc\xe5\\\x1a-\x9b\x14\xdf\t`d#z\xb2\xed\xad\xc8\x9e\xb9;\xde\xba\x7f7\xcb\x1f`\xda\x90\xc88!\xaf\x80\x9bl}r\x88\x06\xdd\x94g\xf8s\x19S\xf1\xb5"\xd4\'\xcb\xbc\xf5\xc7\xc6\xa8M\x08\x89\x9a?]\xcf\xd0\x19\xb0X\xaa\xbcb\xfc\x8ff\x03~\xc7\xc0\xec&lt;h\xe9\xfd\x8c\xd0\xe8\x89\x16\xc5dUx3A\x89JD\xf2.C\x90En\x87mN_\x0eK\xc4N\xeb\x03,\x96\xeb\x92\x93\xde\xbeh\xe3\xef\xab\x89F\xd0P%\xa0\xb6\xd1\x9cWd\xb0\xf1U\xda`\xebl?\xdb"a \x89\x1b\x8e\xcb\xbd\xc0\x95\xa7ptK\xa3Lv\xb5\x9fgh\xb0b\xb5\x13^1~\xcf\xc1\xd6VDnj\xcbB\xf6\xbc\x0c5rX\rn]p\xe7\xc1\x19q\xc5\xf0K\xa6\x89\xd2\xa1O\xd9\x1c\x86\xa4O\xf5\x84[\xb7T\x1b\xe2\xd3\x81\\\xfd[\x1c\x96\xeamL\xb6\x04(`i\xcf\x97A\xc5\xd3\rfJF\x17U\xc1Wn\xf9R\xfa\x85\x97\x8709\x90\x0co\x86\\\xf7\x074&gt;M\xa7\x1c\xb1\xfbC&lt;|\xe3\xed\xbd\xf4\x9a\n!\x80\x8c\xf9g\x95\x11\xac\xfe^\x90\x8c8\x9b\x1b\xb1\xf1\x90\xedK\x94\xd49\x17\xd6)\x98\x90\xcc\xd4\x15\x816\xc4\x9a\x08\xe5\xfd\x08\xc9?\xf6V%\xbf\x1f&lt;\xa2\x18\xc9{\xeay\x18\xedH\x05\xab\xd9Iu\\aK\x9d\xf0}\n1e\xfaQ7.\x0b\xfa\xcdo\x03\xd6\x00\x19\xb2\xa1Y\\\xe5E~J\xa4r\xdb{\xa6\xff\x0c\x969\x10\xb5&lt;\x94\xca\xa3\x90h_,\xf5\xa0\xc9^\x83^d\x99\xa4\xde\xd3mN\x1eae\xf10\xda%\xe3\xba\x01l\x96\xf3rQJ\x02\xa7dbW\x12d\x93\x8e\xdd\xf5\x14\xe3\xce~\xb6\x0e\xd3\x9e]\xb1X\xe2\xe8\xf4\xa5M\x8e:\x13\x89}xP\x8a\x05t\xf7\xf4)\x0e\xd4\xde\np^o\x97\x1d\xa0\x15\x02\xb4f\xcf\x18L\xab\xd1&amp;\x08\n\xfd\x1c\xee`\xdb\n\xb7\xd4\x02&amp;R\xa0W=Hx$N\'mM\xbbL\x99\x03\xc0\xdbL\r\x1d\xe0@a\x8dC\xf1\x82\x8b\x85C\xe9\x9d\x7fN}\xe4\x7f\x06\x07_\x80\r\x91S\x87\nx\xbf\xe0\xa6,\xd0\x1b;\x87\xc2\xc5-\x0e\xe3Q\xfb\xdf\xdb\xa0m\x05z\xc08-\xbd\xfa\x19(\xdf\xe6\xbc6!\r\x1daB\x01\xfcq9\x9d\ne\xc93Ah\xe5M~\xc6\xd9d\x18MT\x16sl\x05\xce\xef0\xe2\x93E\xf8\xc4\xedY\x08Yrv,f\xb8\x19\xe48DMk\xa6\x15\x9d\xbfO\x01Yn\x192\xfc\xde\x9c\xafY\x0b\x13rZ\x1c\xb6\xbc6\x00#\x8c\xec\x07\xc2\x15\xbc\x8e\xaa$1\xb5N}\xa6\xa1\x99.\x9fI\x9etr\xb7\xbb\x0b\xe7\x82\x00\x04a\xcb\xe7\xf9\x05 k\xe0\xe5\x1c\xe0\xa4\xaf\x05]\x8b\xc6b\x9b\xa6-_\xe1\xce-\xff7\xddy\xf7\xd6]\x12\xffZ\x03\xf8\xd6M\x10\xca\xcc\x9a\xd1\xa6\xf6\xeb\x88uROP\xf3\xbfH\xd6\xc4#N\xdf\x86fx\x98/\x89\x7f:\xa5t\'\x9b\xb1\xbb\xcd\xdc\x1bM\xb7\x82{|\xb7\xb3\xa9B\xc2\xf8\xa0\x82\xd6\xf4\x91A:\xc1\x88\xe7\xeb\xd6,\xdc\xc8u\xef\xfb\xd3\x97\xbf\xf4\x06W\xc9D\xd1\xb7%\xffPD8\xd4w\x93\x96\xf0+\xbe\xc2P~c\x12\xfd\x95\x8e\x04VL\x94\xcb\xf4\x1a|hX\xab\x95\xb6Ur8y\xea8q\xed\x86\xc6\xc8\x92\xd3Q\xce\xbf\x81\xaaQ\xb8tAx]\x8c}*@N\xf1a&amp;\xc4\xed\xd6\x94\x9bK\x1c\x99\xa6\xeb\xc1\xb6\x04\xb04\xd4_\\*\x9f\x01\x1a\x05\x97\xc0}%\xcct|\x92\x94\x99\xc7\x1f\xee\x9aX\xad\x87\x06\x91:"\x1dz\xddDg+\x1fy3\x0c\x07\x0f\xd3\xf6\x0b\x0cLin\xc9\xfcr\x14\xa6\xdd\xc4=\x98I\xec\x7f\x03t\x0b\x13\xf0e\xd9\r!\x8d\xf5\xad\xdf\x0c\xf1\x8b\x8bW\xc6\xa7\x8b\xe7j\x8d]\xb0g\xcfD\xdb\xf1\xb0\xefQ&amp;\xe4N\xfc\xe5k\xc5\xa2\xb8\xe1\xd52\xe0d\x90v\xf3k\x8c&gt;8\x9b\xf19\xd0\xdb\x96m\x91\xec$\xdc\x0cY}\t-n\x94u\xf8\xa5\xbe\xde\x9c\xcf^\x913\xc0\xe4\xba\xaeW\xb3I\x0f\xf4d14\x85\xf3.PI\xec\xaf\x84\xae\xfb-)E\x1d\x86\x08PY\xcf\x961\x18,\xcb\xb6l\xd1\x80\xf7\x80\t\x9eCdb\xf6\x80\xd7^\xf3\x8eF\xa2)\x10\xc2\x13\x9c\x1ey\x1d\x98\x13\x9f\xfd\x1c\xbf=\x0bu\xddz\xf4\x8d\xef\x15U\x90\xf2\xe0\xa4$\xed\xacB1\x92\xe7\x8c7y\xa7\xa5\xef.\x9a\xces\x0bX\xd7*\xa8\x8fy:\x9c\xc4\x89\x17\x98;\xbcfK\xa1=~t^\x88\xc7\xc5\xc8\x9b\x8c\x08L\x10\xa6\x81\xa8\xa6H\xe2\x12\x16\xb3h\x87\x83.Y\xd8\x08_SK\xd1&gt;\xa7\xcd\xe0\xf6\xd33\x84|\x83\x98\xc8D\xc1F[\xdd\x0f\t\x1e\xbf\xc0a\x99\x9d\xc5\xaa\xa4T\xc9\x86di\xae,H\x98\xa5\x88^\xec+\x1d\xce\xcd6O\xd3\xc1\x07/\xcd=\xc16\xb3"\xa9\'\x04\x11\x1e\xb5$\x00%\xbb\n\xdb&lt;2\x1eh\r\nwy/\xa3\xe0\x0b\x93Y\xcb\xf9r+\xf3\xaf\x81\xee7y\x1f\x8b.C[\x8b[S\x8c(\xec\xaa\xaa"b\x15E\xf6\xd9\x89\x9d\x18\x13\xd5&amp;\x0f\xabI\xc9\xde\xf6w\x83\x18\xafk\x1f3\x81\xd4\x0c\x1ed}P1Z\xe1\xd5\x0fN\x1dh\xba\x01\xe8\xee\x0b\xe6&lt;\x8d\x042\xe5\xd3\xdf\xc7\x80\x81\x8e\x15E\x92\xc9\x9c\xef\xd3\xa1\xfd\x93M%\xe6A\xd6\xb6d\n3\xf0\xb6\x00\xca].;\xb4g\x074]\x869\x84l$\xecR\x19\xd8%\x1d\xf6\x9f\xee\xd9\xc0O\xc8\r\xea\xbfJ\x1c-\x80\xcf&amp;\xc4\xad\x1aD6\x93T\x13\xecU\x01\x8dC\xba\x03Y}\xc4\xd7\x04^u|\x1f,S\xe2\xf1}\xcfD\x90\xf9=\x8a\x02O\xb0w$\xaa\xd3K"\x89@\xde\x12\xc1\xc3;I#48\xec\x91\xa3\xc3\x9f\xff\xd9\xee~B|V#\x8d(\x96\xdc\xd04\xa8?\x86\xe0TNW`\xb3&lt;\x8b\t\xd5\xf1\x1f\xf8\x8a\x96\xe7Y\xe0\xc3\x0eb\xd9\xfc\xe7\x9f\xa8\x9dS&amp;\xa3\x08h\x8d\xc0K\x9e%\xc6\xc1P\xeb\x9f\x19\xcc\xaa\x8a\x0e\xb7@\xbb\\\xe7*\xe5R\xa4&lt;\xad\xaa\x10\x10\xa3\xfbr\x89\x1b\xd3\x01e\x8b\xd5WC\x05Q\xb9\xcb\xf5\xff\xbf\xb1\x9b\xf4\x16[=\x9a\xdep \x8e\x81\x02\x92\x08F&amp;S\xad\x0b\xae9\x97`\x0f\x14 \xc6\x9bU\x95~{{\xa2\n\x91\x10O\xb9\xff/\x1e\xc1\xf7\xa5=\xe71SK\xe1hdA\xbb\xe1\xc8}\xe5n\xc6\xd4h\x10\x15w\xf2\xca\x03\xba\xf6l%V\xe8\xff!\x9fVnf\xcfh\x07\xb1\xcc\'4\x7fIO2\x7fK\x03\x05\xb3\xce\xcc\x91=M\xb0\x15$\xec\x97&amp;\xefq\xc9R\x85H\x9d\x02\x08:+\x9b\x84m\x89=v\xb3\xb2\xc1\xea\x16C\x96\xcb=7\xa6\xe3\xf5\x10\x10j\x13$cz\xa6y\xa6I\xbcF\x18\xe4h\x15!E\x9dm\xa9\xfa|M\xaam\xbb\rk#\r\x91\x83\xf3\r,^$\xbdV\x19\x06\xe7\x06\x1a\x1b\x1dR\x15\xe4\x8fi\xe0F\xf0\xdd\x0f\x19\x88\xb6\xc1\x87\xa1\x11Q\xdc4\xe4**\xb4"4Nb\xf1@\xfe\x87w\xd5\xb1\xd5\xfb\xffr\x10\x05\x96\xa7(\x0f\x04\x04G\xe5gi{\xb4\xec\xcd\x08\xce\xcf\xf9x\xe0\x8a\xb8ck\xa1\xe9\x7f\xa5\x1bI\xf3Z\xca\tS|\x1f\x08\xa1\x89z\x0e`\xb2*\xf3\xe4i\xc5x\x87\xcdht$y\x13anv6;\x12L\t\xf4\x1b\x04)\x86F;2?\xee\xb6L\x81Tg\xa4\xf4~\xdb\x8dj\xeb\x86-\xb6\xd6\xbd#\xb3\x9cR\x159\xcer\x92\xddf@|\x9f\xfe\xc9\xcd\xe2:\x06\xc5m\x1f\xa3\xe1\xeb\x9e\xe3O.\xb4\xf3\x89\xaf\xda\x07\xd6\xbe\xfb\tP\x84\x11\x06$\xf4O|\xb4c%oe;\x8dV\xab\x81\x8e\n\xe4h\x82\xc9z\x85\xec\x96\xa9\xd5+\xc7\xa6\xee]Zt$\xdb\x82\x13\rf\x83\x8fn\xb86ie\xa4\xef\x99$\xe2#a\xae\xe7\xc0Iyi\xb3=\x87\xed\x01O\x81\x973@u\xffT\x89\x88\xf5\x17i\xe6\xba%\x16!\x19|\x0e[\x88;\x98+\x8f\xf9k\x9d\x01/\xf6\xef\x8d/4\x9c\xa3 \xab\x94\xf5d\x07\xd6\xc2k\x05\x9c\xd0\xa3"\xe2\x03\x0c|xw\xc3.\xd4a\xe5\xb3\x02\xbeuH\xe8]\x85\xb6~3\\\x93tN\xec\x1b\xe4\x1cj\x932N\xa9\x80\x8b\xac\x9e\x7fw\xd8\xf9\x91,\x01F\xe3\xf7\xb4\xf1\xec\x14$\xf5\xab\xc5\xd2\xcdg\xaa\x1e\xf8R\xab\xc3g\xf5\xb6\x11\x7f\x1b\x7f\xfc\xeb\x06\xbf\xed\xe9}\xef\x9dXW{\xcb$K\xa7y\xb5\x0c\xc2\xe4vu\xd8\xd5\xbe?\xdf\xd4\x18'</t>
  </si>
  <si>
    <t>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</t>
  </si>
  <si>
    <t>b'\x1b(\x14\xd1\x13\xbeC\x07\t2\xec\xfc\rs@\x82'</t>
  </si>
  <si>
    <t>e to the South-Eastern Railway?" said the young man; "this unlucky fall
 has made me late, I fear; but it is of great importance that I should not lose the twelve
 o'clock train. I should be most thankful if you could get me there in time, and will gladly
 pay you an extra fare."
 "I'll do my very best," said Jerry heartily, "if you think you are well enough, sir," for he
 looked dreadfully white and ill.
 "I must go," he said earnestly, "please to open the door, and let us lose no time."
 The next minute Jerry was on the box; with a cheery chirrup to me, and a twitch of the
 rein that I well understood.
 "Now then, Jack, my boy," said he, "spin along, we'll show them how we can get over the
 ground, if we only know why."
 It is always difficult to drive fast in the city in the middle of the day, when the streets are
 full of traffic, but we did what could be done; and when a good driver and a good horse,
 who understand each other, are of one mind, it is wonderful what they can do. I had a
 very good mouthâ€”that is I could be guided by the slightest touch of the rein; and that is
 a great thing in London, among carriages, omnibuses, carts, vans, trucks, cabs, and great
 wagons creeping along at a walking pace; some going one way, some another, some
 going slowly, others wanting to pass them; omnibuses stopping short every few minutes
 to take up a passenger, obliging the horse that is coming behind to pull up too, or to
 pass, and get before them; perhaps you try to pass, but just then something else comes
 dashing in through the narrow opening, and you have to keep in behind the omnibus
 again; presently you think you see a chance, and manage to get to the front, going so
 near the wheels on each side that half an inch nearer and they would scrape. Well, you
 get along for a bit, but soon find yourself in a long train of carts and carriages all obliged
 to go at a walk; perhaps you come to a regular block-up, and have to stand still for
 minutes together, till something clears out into a side street, or the policeman
 interferes; you have to be ready for any chanceâ€”to dash forward if there be an opening,
 and be quick as a rat-dog to see if there be room and if there be time, lest you get your
 own wheels locked or smashed, or the shaft of some other vehicle run into your chest or
 shoulder. All this is what you have to be ready for. If you want to get through London
 fast in the middle of the day it wants a deal of practice.
 Jerry and I were used to it, and no one could beat us at getting through when we were
 set upon it. I was quick and bold and could always trust my driver; Jerry was quick and
 patient at the same time, and could trust his horse, which was a great thing too. He very
 seldom used the whip; I knew by his voice, and his click, click, when he wanted to get on
 83
 fast, and by the rein where</t>
  </si>
  <si>
    <t>b'\xc7u\xa0%D8cG'</t>
  </si>
  <si>
    <t>c775a02544386347</t>
  </si>
  <si>
    <t>h was made upon the 
 Admiral Benbow, the lantern-bearer following; and then I could see 
 them pause, and hear speeches passed in a lower</t>
  </si>
  <si>
    <t>b"z/\xb8\xc1\xca\xcfdky\xfeS/\xee\x14VR\xad\xdc\xb8\x1b\x8e\xab3\x1f\xf0\x8b\xa0o\xbc[\xb5\x89\xbf\x81`\xe4&amp;&gt;z\xc9\x81\x0c\xfa\x9a\xc6\x1f^\xa0\x88\x1a\xed\x85&lt;\xebyP\x04i\x18\x8a\xf3\xae\x1a\xfeoz\x19\xba\xee\x8f\x1e\x13\xa0\xcf\xd70\xdd\xc4Ws\x82W'&gt;6 x\xf0\xad(k\xd8\xbd}j@\x8b\r\xeb\x1e\x81\x14\x88\xfd{\xab:;\xf3\xd1\xf6\xb7\xb7k\x174Pv\xa1\xc5\x96V\x1a\xd9hjd`k\xf67\x19\x0f\x8dv\xa1\x84\xb5\x87E\xa5\x9f)\xcf_\xeb\xb7-\xf3C\x1eP\xb0\n\x0c@&lt;=v\xdb\x1cF\xb07\xcd\x0e$C\xf4\xa4:q\xa6E\xae%\xa0!E2f[\xca\xe4)\x06\xd2\x1c\x8a\x88\x12\xe9\xf4\xd6\xb8\x98\xbe\x89\xa7c\xdc\xcf8\x94P\xc9\x90^{Si\\]G\xf1\t}\x14\xa8\xc6}\xd9\xeba#I\xd1`\x85\x11\x83\\g\xe7\xed:se^D\x07\x8d\xf9\xc9\x8c\x87\xed\x1f\x10P\xdf-\x01h3\xad"</t>
  </si>
  <si>
    <t>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</t>
  </si>
  <si>
    <t>b'z/\xb8\xc1\xca\xcfdky\xfeS/\xee\x14VR'</t>
  </si>
  <si>
    <t>d
 stained dirk would be my last experience on this side of eternity. I placed 
 my palms against the main-mast, which was of a goodish bignes</t>
  </si>
  <si>
    <t>b'\x85L$*V\xa8\x1eC=G*(&amp;__\x94\x1eT10_\xb0\x1aU\x1d\xc9\x0f\xa0\x12\xc2\x10\x92%0S\xee\xb0\xca`\x91\xa7l_\x91\xc9\xd5\x0c\x13\xf3YA\x99\xa2\xf3\xf4\x85v\xf2\x87A\xd5\x0e\x7f\x8f\x90\xe3M\x17[\x9c\xb7\xa1\xb1\xda\xe3\xc0\x12\xfd%\xbf\xec\x8c\n"^\xd2\xaf?\x84\xc5s\xc6k\xbd\xf8\n\x1f\x83&lt;\xe5\xd1l.\xebN\xae\xa0\xa5\xc0\xe9\xed\x12Qlq\x96n\x140\x87\xd1vZ\xd8\xa7IpD\xf7\xec\x1d\xe9U\xf8Stf\xc9W.\xc0\x9f&lt;\xae\x80\xe1\xf0\xfan\xe5\xcaw\xebs\xabKF\x8c\xe4(\xa3\xd1&amp;9\x98\xd4\xbc\xf4-\xa7\x0c\xd5\x156:\xf7\xe9\xd6 I\xdb\x89\x8f\xf8\xd1\x98\n\x1af\x84T`\x99d\xbcx\x06\x08\xb3\xbf\xa80\x10\xcb\x0e\xdfTEZ\xfc)t\xc0\xa8\xdcZ\xd9\xee\r/\xe5s+\x7f\xf4\x1e5\xe7\x06\xa0\xba\x7fhz\x17Ib\x8f\xe5\xefe\x8cF\xfa\xbc\xc5\xb0`F![\xc40\xa0K\x008\xe3*\xdd\xda\xe3\x91v|`\x19\xad\xc1\xe9_\x94.\x16/\t,\x82fl\x08\xfe\xa5\xe3\x7fw\xf3\x1f\x95\xc3$\x1c\xb2I\x0bD0\xe12\nC \x9ei\x1bG\xb1\xdfn\nb!$C\x95\x1b{\x82\x11C\xe4yQ\x85\x1bnn#s\x81\t\xec\xe2\xef\xde[oND\xd2\x87\xcc\xf8\x16\xacuC\xf3\xf1\x0bk\xfb\xbb\xc3\xab\xcf\x96\xdc}} \xcbq_\xe0\x8f\x17e(\xa8/\x15c\n\xe6\x05f\x8a\x19\xf4\xcek\xd1\xdd\x99Kro\x8d`\x0e\xb1\xf2&lt;\xbe\xa9\xdd\xd8\xd8\xd2\xa6\xe2{\xad\r\xea\x14\xf98r\xebX\x02\xf3HL)+\x9e\xc87\xba\xa6^\x80\xf9\xc9s\xec#\x00\x8f\xdcI*\xb97G\xbcj\x15G4n\xdbi\xc7\x93\x03\xc1\x14\x1f\x93[hFJ\xd5\x8a\xf1RK]9\x97\x01\x1a\xa6\xb5\xea\xd7\xee\x1d\x7f7\x0f\x87\xcf\x07\xae\x05\xa3A\xfa@&lt;\x1aj:\xf75C\xf9\xb0\xa6\x91\xc3}\xc3\x0eq*\n\'\xb04\xb0\xb2[\xd4\xb2\x14'</t>
  </si>
  <si>
    <t>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</t>
  </si>
  <si>
    <t>b'\x85L$*V\xa8\x1eC=G*(&amp;__\x94'</t>
  </si>
  <si>
    <t>nge Rate
 Now that we understand why the interest parity condition must hold for the foreign
 exchange market to be in equilibrium and how todayâ€™s exchange rate affects the expected
 return on foreign currency deposits, we can see how equilibrium exchange rates are deter_x0002_mined. Our main conclusion will be that exchange rates always adjust to maintain interest
 parity. We continue to assume that the dollar interest rate the euro interest rate and
 the expected future dollar/euro exchange rate are all E given. $/â‚¬ e
 R Râ‚¬, $,
 TABLE 14-4 Todayâ€™s Dollar/Euro Exchange Rate and the Expected Dollar Return 
 on Euro Deposits When E$/â‚¬ = $1.05 per Euro e
 Todayâ€™s Dollar/Euro
 Exchange Rate
 Interest Rate on
 Euro Deposits
 Expected Dollar
 Depreciation Rate
 Against Euro
 Expected Dollar
 Return on Euro
 Deposits
 E$/â‚¬ Râ‚¬
 1.05 _x0004_ E$/â‚¬
 E$/â‚¬
 Râ‚¬ _x0003_
 1.05 _x0004_ E$/â‚¬
 E$/â‚¬
 1.07 0.05 - 0.019 0.031
 1.05 0.05 0.00 0.05
 1.03 0.05 0.019 0.069
 1.02 0.05 0.029 0.079
 1.00 0.05 0.05 0.10
 340 PART THREE Exchange Rates and Open-Economy Macroeconomics
 Figure 14-4 illustrates how the equilibrium dollar/euro exchange rate is determined
 under these assumptions. The vertical schedule in the graph indicates the given level of 
 the return on dollar deposits measured in terms of dollars. The downward-sloping sched_x0002_ule shows how the expected return on euro deposits, measured in terms of dollars, depends
 on the current dollar/euro exchange rate. This second schedule is derived in the</t>
  </si>
  <si>
    <t>b'0E\x02!\x00\xfc\xbe\xb0\xf1\xe7-(\xa6\x8c\xb2\xb5f\x1b\xaclz\'\xf2\xc1\xa9\x19q\x1a-\xef\xe7\xf2\x9d\x84\t\xf9\x92\x02 r[\x03\x89`\x81d\xe5\x8a"J\xa2\xeb\x9c\x89^\\\xa8\xddR\xb0&lt;\x0f\xa7|VW\x82gn\xb2\x17'</t>
  </si>
  <si>
    <t>3045022100fcbeb0f1e72d28a68cb2b5661bac6c7a27f2c1a919711a2defe7f29d8409f9920220725b0389608164e58a224aa2eb9c895e5ca8dd52b03c0fa77c565782676eb217</t>
  </si>
  <si>
    <t>b'0E\x02!\x00\xfc\xbe\xb0\xf1\xe7-(\xa6\x8c\xb2\xb5'</t>
  </si>
  <si>
    <t>to me, was well enough 
 21
  known to some there and carried a great weight of terror. Some of the 
 men who had been to field-work on th</t>
  </si>
  <si>
    <t>b'\x88\xb5\xcf\xa1Y\x7f.\xc9\xb9\xd2\x19\x9d\xfbs\xdc`\xd5\tV\x02H\x98\xcc\x99Z\xd5d\xdf\x08\xfd\x1dv\x0e\x9c\xebv\xdd\x9e\x00Is!\x16\xf1\xc8\x9e\x8d\x08\xa6_^HK\x06\xb6\xa3J\xc9\xc7}AN\xad\x03\xb8\x18{R\xddtZ\xcch2&gt;^\xbf\\#\xd2n\xb61\xf9\x1dc\x85*\x08_%Fg\xfeX3o,O(x\xa8\xf1\xbb`\x16\xbc\x00+Y\xf3\xec\xfa2\x9c\xcc.\xbe\xf8(\x91\x05nm\x8b\xd9\xcc\x13\xaen\x1b\xa6\x06y\xec\xdarZF\x0c\x96\x96\x04\xa7F\xc1\xcb\xf6idEI\xd7\xc0\xd5\xcb\x14\xfe,)\x99o\x1be\x87\xcb\x0c\xd1\n\xbe\xf5\xd3tdud[&amp;\x1f\xaf[\xec\x0b\xd35i\xca\xc3b\x94\xfb\xe5\x8c\x84\xd0bP\x80X\x9ec\xf1\x9a\xf2\x9b\x1c\xc3\x0eU\xa9\x9f^\xe7\x80\x01\xe4\xf4\xf98NU\xdd\n\x00\xc1\xca\x84\xd6\xd2|\xd1\x87\xcf.V\xb3&gt;H\xff\x83`\xa1M \xcb8\x1d"\xc6\xb9)0{\x85\x19\xdd'</t>
  </si>
  <si>
    <t>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</t>
  </si>
  <si>
    <t>b'\x88\xb5\xcf\xa1Y\x7f.\xc9\xb9\xd2\x19\x9d\xfbs\xdc`'</t>
  </si>
  <si>
    <t>lmost at the same moment she shoved off. 
 No one took notice of me, only the bow oar saying, "Is that you, Jim? 
 Keep your head down." But Silver, fr</t>
  </si>
  <si>
    <t>b"P\xf2\xeb\x10g?\xce\xe1\x8e\xda\xe4U\xd6\xabPn\x1bw\xb9\x85_\x18\x06&gt;ZL\xbf\xfe\xc0\x90K\x08\xea$\x9c\xf0\xcdE+\x7f\x94\xfd\xf2\xb35\xa6F\x80\x83f\x96\xf7X\xe6\x0cW\xdc\x9c\x9f.\xc1\rO\xa3)\xb8\x14\xb8z\t\x817\x17\xad\nX\x10\xfctt\x07\x8b\x1d\x19tZ9\x8c;\xa0\x84\xb7\xd7\x867-42\x16\xb7\x1cD\x1e&amp;\xdb\xa4,\xd1\xd3\x83\x10\xa7\xc0*\xcd\xa6\xd5\x1cE\xbb\xed\xc8\xf2\x0e\xa6:\x04\xfe\xb1\x86E\xa0\x80\x1b;{\x9dZ\xdauF\xaa\xd8\x96yo}\xccE\xa8\x02\x1a\xe9\xf3\xf9_\x80\xee\xc5-\x08H\x80\x1fh8\x16\xd5\xfb\xea\xa3\x010\\\xb5\x8e\xba\xddW\xf6\xb7\x16\xcf\xee#\xcb\x84q&gt;\xa5\x11\x7ft&amp;6n_\xa8]\xd2e\xd40\r\xffq\x85\xa9\x0b\xd76\n\xeePd\\\xc1\x1a\x7f\x80\xbc\x97\xcc\x04\xc0\x08\xbb\xc6V\xc7F\xff*{X\x13\x93p}\xbd3k\x11\x9b\xf7\xed\x11X\x99\xc3\xafM\xe4\xbc\x8fk\xe0\xcf$J\xdd\xab\xd2bv\x85\xce\x13\xe5\xee\xbb\xb6\x83T\x8b\x00N\x80\xea\xa1\x96$\x10\xc6\xdb\x04\xadIT/\\\xf0bu\xa5\x80\xe2\xb1\xa8\x8fk\x13\xc1\x0e\x8b(fo\xb0\x8f\x12K\x10wI\xe7\xc6\xe1\xc0\x08h\xe4\xd4\xb82\x13:{\xafv\xad9\r\xe8\xc5\xa3/2\xda\xe4\x1fBP\r\xc7\xc6'V:\xe3z\xe2O\xdb\xc5DH2)L\xc2\xb8ag\xfa\xc2\xcf,\x0bM\xa2\xd8lM\xf0\x8b\xfd\\G;\x02\xdf\xec\x19\x90yotU\xe9b\xf2\x16\xc5\x9eV\xb9eCx\xb2%\xe8\x01N'\xe4\xfex+_\xab\xa3=,\xec\x9f5\xb7\xb1\x9e`\x81\x05\xb1\xe1\xbc\xb2\xa1\xe8\x0ei\xebY\xe3J\xa4\xf7\xde\xd5\xd4U\xf8\x9f\x0e6\xb8\x0c\xb4\x89\xce\xe0\xe7\xb1\x9b\xe7pM\xaf\xa10\xf5\x9c\xc8\x93\x05R\xb0qh}\xb9\xc5\xd4\xcf\x1c\xd5\x82u\xae\xbb}\xb0+T\x92\x02\xba\xe6\xee\xf45\tF\x0f\xec\xdf(\xaf\xd5\xe7\x0c\xbc~\x97\xd7\xbe6\x01+\xa6\x8c"</t>
  </si>
  <si>
    <t>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</t>
  </si>
  <si>
    <t>b'P\xf2\xeb\x10g?\xce\xe1\x8e\xda\xe4U\xd6\xabPn'</t>
  </si>
  <si>
    <t>at knowledge is attainable, became central to
the epistemology and ethics of the Academy under Arcesilaus and then Carneades,
while at the same time detailed study of Platoâ€™s dialogues had fallen out of favor in the
Hellenistic Academy. Philoâ€™s break meant a return to the limited affirmation that
some things can be known. Largely due to the puzzling nature of Ciceroâ€™s account,
Antiochus himself has recently become a philosophical legend, the supposed founder
of the Alexandrian metaphysical school of Platonism and the first Academic philosopher to reintroduce Platoâ€™s philosophy of the ideas (but see J. Barnes 1997, who
considerably deflates the reputation of Antiochus).
Well and good, one might say, but why are these quibbles of any interest to a
student of Roman imperial history? Because they show that philosophy was subject to
shifting tides even before it reached Rome. The move to (a dogmatic) Plato was
building momentum at a time when ordinary citizens and then emperors still affiliated themselves with the Hellenistic schools. The scriptural reverence for Platoâ€™s
dialogues was just on the horizon, as the intellectual vigor of the schools waned
through lack of mutual antagonism. At any rate, while Philo modified his skepticism,
two thinkers broke away from the Academy altogether. The first was Aenesidemus.
Perhaps disgusted by the mediocrity of Philonian skepticism, Aenesidemus sponsored
a return to the philosophy of Pyrrho, a fourth-century BCE eccentric who wrote
nothing, but who evidently maintained that the world was not such that anything
could be known about it. Later, Sextus Empiricus was to champion the cause of NeoPyrrhonism with his monumental works, Against the Grammarians and Outlines of
Pyrrhonism, perhaps relying extensively on the now lost works of Aenesidemus (for
the relationship between Pyrrho, Aenesidemus, and Neo-Pyrrhonism, see Bett
1997). Second, though, was Antiochu</t>
  </si>
  <si>
    <t>b'4\xe6\xe3\xc63\xa2\x10\xae\x89\xa4\xe4\x83]m\xcf1=\xdav@\xa7\x93\x84xz\xd7$P4a\xf6S\x1er%+\xab\x0bu\xf0\xfcD\\yF\xe1\xe8;\x12\x96Rx75\xf5@\x9a\xa04\xfe\x0f\xa0\xa8\x14\x8a\xf9T\xb5\xed\x89S\xc9\x19S\xcb\xecP\x9a\x92\xb3\xd8\xebd\xb3\x0f\xae\x8a\xfd\xe3\xe1[a\xbf?e\xc3\xcb\xf5\xd5\xc9\xe8\xc43\x96\xc3\xf9\xcaky\xb2\x81\x80U\x9e+\xb8Hve-\xc8E\x8c\x9f\x81\xb0\x02+\x8ce\xf8&amp;\xbe\x17t\x9c\xe8\x16\x10n\xaaA\x0f\xb1\x0fR\x1b\xed\xe9\x05\x19\x1f\xef\xb3\x16\xb6\x01\xef\xbd\x1c\x8f+^\x8e\xef\x812\x0bhtQIT+c\xad\x8c9\x9eN\xd6\xc6k\xc0 G\xac\x874\x977\xfb\x19\xd1\x1e&gt;\x92\xa9\xb8\x1c\x9d@\xba-\xd3\xe2\xc6\xdfo\xaeJAJ\xb3\'~\xe8n\xcbP\xdc\xef\'\xa0B\xc9\xc4\xb2r\xae\x8fak\x0c3\xac\x02\x1e&amp;FpI\xf0\x86\xd9\x04=\x02KU\xa3m%\x8b\x00D\x1d\xda\xed)\xc4\xedHV\xa2\xcaW\xe1\xfd\x9c\xbf\x7f\xee\xd6\xcc\xbe\xc5}\xd5\xea\xfc\xfd\x18\n\x88\xef\xf6\x16T\x80\x0bh\x98\x15\x04\xf4+\xc6V\x17e\x05\xdc,\xd4c\xb7\n\xe0kC^\x8a\x9b\xac\xc4\xae\xc6ZIF,;\xb9O7\xd6\x8c\x8a\xbc\r\xec&lt;{#\x1e\xf0\x86g\xb3\x07%J\x13\xcb\xf8\x1b\x9e\xe3#\x04\xf5\xa4Mf\xb2\x89\x7f5\x1c\x18\xd0m\xb9Q!\x84\x0f$&amp;\x81\x8f;\'\xa5)\t\xd6\x1dQ\x08\xbc\x15\xba\x075&amp;t`Fj\x0b\t\xb5dYT\\.\xa8X\x87\xd5\xbdE\xcei\xfd\xfe\x97\xfb\x83&lt;\x8e\xc7\x849\xc2\x1e\xe2\xc2dT\xdd9\xf7\xc5\xaeS\xb0\x88\xe4\x8a\x1b\x0e\x90,\xdeU\x0b\xad\x8a\xea\xec\xaf&gt;\xeb\x95\xcc\xd8\xd4\xf0O\x113\xdc\xa2\x18I\xa7\xd7\x7f\x12e+$\xd92Fw\xb0\xf1\x9d\xc4\x87\x88SA\xd8V.\xb8\x90\xf8\xf3D\xd5\xce\xa5\x16!\r!\x07,\xed&amp;:\xe5\x15\xa5d\xbf\xee\xbb\t\xe9\xca_1/\xfcL\xea\x12\x17\xb2\x11$b\xd07\x84m\xef\xfce\x8eb\x8d\xcd\x07!zY&amp;y\xb52\xd3\x9e\x8e)\xeft\xb1\xff\xcai&gt;\xc5\xf9W\x91CUag\xbd\x93\xc3r\x15Gw\xd1c\xcczT\xbb\xe1W\xa8:K\x19\xddO^d\x149\xcb\xaa\xb0\xe5\xb6\xed\x00\xd0\x89\xbeH+S\x0eA\x15.\xc7\xbc\xaco\xe0b\x13\xbbo&lt;\xa25a\x12S\xb1\xd8\xeb\xcd\xfc;\x9f$$\xc0\x7f\xd5w\xca\xb4\x1b)\x17\xfd\x80\xf2\xee\xc2\xaa\xa6\x13\x06\xd0\xa1\xda\x1f\xed\xb31\x18@?\xb1\xff\xaaWS\\!9\xf7\x15\x02E\x89\x8a\x8c\x12[|\xde\xb4\x87\xa2\xa8k\x91.\xf9\xf8M;\xc4ua\xf16$T\xf3\x84]\xef\x18\xf3\x1f\xbf\xf3!\x80\xceG\'\x9d\xeb\xab\x03=\x0b\xfc}j\xa7\xe0F\xb5\x04c\xd5\xdd\x8bw\xbaus$z\x82W\xdc\x9a\xf8\xa5f\xefJ96C\x05\xb1\x81z\xe5\x1c\x9e\xabz\xd8\x0f\xa5\xf8\xa1\xff(\xbe9\xb1\xae\xb2\xf4 \xa4\xa0\x9b\x00\xb9\x06y\xbe\xc3\xca\xe0\xbcP\xfc\x0e^7\x12[\xb8\x16\x98sc4,\xbf\xe8.&lt;\xe7\x03\xb0\xc6\xd6\xa5@\x8e5n\x87\xea#\x1d\xf83\x9b\xdf\xeb\xdcA\xe1\xb4&gt;IiF\x90L\xf1\x82$\xbd\xa3\x82\x1c\x0b\x11\x8a\xe04\xdbW\xe4\xf4\xd0U\xbf?/F\xc9\x9c\xcb \xdc\xfc!\xa8I"\xeb\x14ze\x7f\xde\x93D\xcd\xdbB\x86k\x08\x04\x13\x1d9\rn\xbf`\xee"\xbb\x07\xf3=\xac\xc9\x0b\xf9\xaf\xef\x19\xf4\x1f\xdd\xf9\x96\xec\x85\xe7\xd1\x01]=\x8b\xffi+\xd6wg\xf8\xd2y\xe3\xdaq[\xb0\xb7\xb5f\xaes\xab\xa2n9\x05\x12\xd1\xef?\xfa\xcdZ\xc0uc\x10:]L!\xed\x11=\x9a\xdc\xf2&amp;r\xeb![\xb5\xa5\xef\xb9\xf8k\xf7,\xb4&amp;\xf7B\x88\xcf\xdcc\x06B\xd6\x93}u\xd0\xda\xb7\xfe\x03}r\xbf-\xff\xbc\xab\xfc\x8f\x98\xae\x9d\xa9\x1e\x90\xa2\xfc\x8el\xd6\xe1\xc9Ks\x8d\xc5n\xdf\x7f\xea5-\x84\xdd\x7f\x01\x9c\xaa5\x8e&amp;\x99x\xf1s\x9d,\xda\xc55\x0e\xdf\n3d\xe0\xfe\x84\xea\x15\x0c\x93\xbe|\x01S\x08\x9b\x13\xb1\x82\x81C\xbcQ\xd4\xe6\x87\xdf\x94\xbdfL%\x7fS\xc5\xa0&gt;\xe0\xefSF\xffV\xb9fY\x0b\t;\xac\x9c\xac.W\x8fK\xe5\xb0\xf2\x86#\x05\x11^+\x96\x9d\xcfKGO\xe9\\\xb1\xb0T\xd2\xaa\r6\xf1\x12l\x1b\x80j\x7f\xb0\x83\x026D\x8a\xe8\xb77\x00\xe3\x8dN\xfb\xdb\x1f\xa8\xeaNb\xfb\x84\xe1\x8b6R.\x876ef\xe1\n\xb5\xf0{\xbc\xac\x84[A\x0fp\x82v\xf5Ab\x15 R~D\xa03\x05\xc4\xfe\xbc.\x1b\x11\xd6\x1c\xfd\xea=)C;\xb2`\xcf\xe3\x08-\xeds\x9cM\xb1\xdcxvC\xc6/\xb8\xcbK\xf4\xd2\xabF\xa6\xd4M\xc9\xb0\xde\xc4+m]\x971\x83"\x0e"\xeb\xfa\x0e\xab\xbf\xe9\xfb\xa8\xd6gi\xcayEq\xf1[\x10\x00s\r\xc4\x95;\xd0M\xe1\xe9;\x89\xbf)\x9f2\xdf\xb3^c,tY\xa2 \x8c\xe50\xd6\xb0I\x8b3\xe3\xf8\xf0\x10\x8448p}2O^\x97\x1b\xa2i\x84\x01\x11#2hy\x1e\x1cD\xef}\xff5S\xfb\xcdX\x0f\x12\xc7\xf5\x9c\x00\xe3\xef\xa4\xedi7J\x1a\x88\x9f\x84P\x8ev|aYZ6\xb0\xfb\x0c\xcb7\xd50\xa0\xc4\x02\x94\x85\xaf\x83\x02R\xa7\xcc\xc4\xd8&amp;\x8b\xb7\xe8\xc3\xe0\x99\xb96%\xbe\xdci\xedP\x0b\xc4\x14\x94\xad\x8f!\x88\xc7\x88\xd1(r\x9e$ }E\xc3\xdd\xfc%\xed3v\x13\x90\xc6\x9c\xb2\xd5\nm\x06N\xfc\xf4\xe9\xfe\xc7K]\xeeV\xb6$#\xa3\xb7\x14\xe4Ln\xfb\x88k@^\xbd[\xdc?m@L1\xfb\x8a\xafZ:\x89ry\x7f\x83?\x1eN\xe2=\x98\xdb\xa1\x8b\x00\xea\xc1;M\xc2VJ\xeb\x93)\xd0,G%\xc6\x17\xe9\xf4\x9e\x07\x198#\xe3\xe1gB[#\x9b\x92P\x80\xa4|\x07\xc7\n\xf6\xbdEQv\xe1U\x13\xad\xba\xd3:*\x08@V\xa6\xb1mO\x96\x9b`\xf8\x0e9\xe2\x8e&lt;\xe1\x1c\x16\xc4\xb0\xd3\\\xa9?0\xa1\x99\xad\xa9gH\xa3\n\xd9\xd6\xb27c\x83,\xc6\x82\x94N\x88!\x17)\xb9\xfe\x86\x11\xc9\xd22\x18\xbdt\x0eY\xf0@\x0f\xfa~H\xd3M\xa3\xc2\x08(\x15\x8a\xf1\x11:f\xca\xdb5^\xb911\x02\xf2^\xb2\xe1\x08\xe1^\xf0:\x03\x9a\x07\xa9\':1w\xfe\xc9\xc7\xf4flM\x16\xd3\xc3\x1b\x93\x84\xaf\x1e\xbf\\\x08\x953\xa4!\xd2\xf6\xc0\\\xb71K\xc6\x1a\x89!\xe5\xc8\xb5&amp;\xb8\x9f\xd0&amp;\xd1\xa5|\x81\xb0/\xc5\r\xf9c\xb1\xcb\x98j^\xad:\x89=\xb7h\x0ct\x93{\x84\x92\x9e\x88\xa3\xdb\xbe\x17JB\x05\x92I\x8a\xb0\xa0\x13|\xab\xbe\x18\x86aZ\xbe\xd3\x89\xa9\x1f\xab\xe7\xe8\xe2fn\x12\x1a\x04\xed\xe2\xb6-Y\x98\x8bkO3\xbc\x14.,\xd1Bt\xce\x96\x0b(\xcf*/b\xbd\x9bZ/2G\xc6\x13\x07\xb6\x17\xc4C\xb1C\x90_\x869\xe4\xfd\xaeF\t.5\x97\xbb8\xc5\xdb$&lt;\xe1\xd4\x9d\xf48\x9f@\xbf\x1c\xca\xf0[\x84A\xebL\xcc\xff0^\xd5\x9d\xd5\xd4\x9a\xd0\xf0\x1dUW\xcc\xb9f\xfe\n&amp;\xc1\xa6\xe5\xb2\xc6\xcc1.\xb8U\x08\xa5\xe4\x97\x1e\x9d\xb9_C&amp;\xef\xb6N\xf0\x06&gt;\'\xf4\xf1\x05\x11{\xe45K\xb9\x01\xbb\x1b\x16N\x1b\x17vw:\xd3\xa0z\x88\x824\xfd\x7f\xc3\x9e\x96h\xb7\xce\xbb\x80d\x14NF5\xba*_\xe6D\x1e\xedZ\xf1\\\xd2\x02g\x84Vq\xf2.U\x01L\x8a\xe15\xfa\x1aiV@\x89u8{\x82\xaa_ \x03F\xe2\x95K\xac|\x81)\xee\xe4\x97\x16e\xc3\xb7\x1dp]\x12\x99\x83$\xd6\xc9E\xf4\x11\x11\xda\xb3(\x9a\x00V\x02\xe5'</t>
  </si>
  <si>
    <t>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</t>
  </si>
  <si>
    <t>b'4\xe6\xe3\xc63\xa2\x10\xae\x89\xa4\xe4\x83]m\xcf1'</t>
  </si>
  <si>
    <t>all to mind the Augustan message of peace and prosperity.
Even the hand gestures of these portraits are more authoritative than those of other
female portraits of the day. Although the empress lived to the age of 87, all her
portraits depict idealized and youthful beauty; the same idealism appears in the
portraiture of Augustus and, indeed, of nearly all the Julio-Claudians. As the wife
Figure 4.1 Portrait of Livia, wife of Augustus. Her dress and hairstyle reflect her husbandâ€™s
traditionalist social ideals
78 Lea Stirling
of Augustus and the mother of his adopted heir Tiberius, Livia was a major link in
Romeâ€™s first imperial succession. Thus, fresh portraits continued to circulate under
Tiberius, as seen in a group of statues erected in a building in the forum of BeÂ´ziers
early in his reign. These included the ever-youthful Livia, Augustus (posthumous),
Tiberius, his adopted son Germanicus, and other young members of the dynasty
(Balty and Cazes 1995; Rose 1997: 126â€“8).
Liviaâ€™s signature hairstyle, with a fluff of hair over the forehead, became popular in
non-imperial portraits, which sometimes even imitated her facial features. In general,
imperial hairstyles, particularly those of imperial women, were emulated in private
portraits (and presumably fashions), thus providing an important dating criterion.
Subsequent women of the Julio-Claudian dynasty developed distinctive hairstyles,
while the men of the dynasty produced portraits that imitated both the hairstyle and
facial features of Augustus (irrespective of their actual blood relationship). Later
emperors (Trajan, Constantine) continued to evoke the hairstyle and idealism of
Augustan portraiture to compare their rule to Augustusâ€™ golden age. All these careful
choices demonstrate the many levels at which Romans read a portrait. A further
expression of the power of portraits is the mutilation and destruction of images of
emperors condemned after their death (Varner 2001).
2 Architecture and Archaeology in the City
Certain typical building structures such as fora, basilicas, baths, aqueducts, amphitheaters, and theaters (to name some of the most outstanding) existed in most cities
above a certain size around the Roman Empire, and may often be taken as markers, at
least in the west, of specifically Roman social ideals (MacDonald 1982, 1986;
Edmondson, this volume). It is important to remember that these buildings functioned as status markers in addition to playing a functional role. Local patrons (and
sometimes the emperor), always commemorated by an inscription, donated the
buildings, supplied aspects of their deÂ´cor, or underwrote repairs to them. Let us
look more closely at fora, amphitheaters, baths, and aqueducts.
The forum was the administrative and commercial center of a city. The planned
fora of the provincial cities were often axial and fairly symmetrical, surrounded by
Roman-style buildings (for MeÂ´rida in Spain, see Edmondson, this volume). These
buildings served as offices, shops, and venues for conducting the public business
of the courts and city council (the role of broader public assemblies declined through
the imperial period). One of the most important of these structures was the basilica,
a building type that only came into use in the Roman period (Welch 2003). In its
Roman sense, the term basilica refers to a building form with a wide central space
flanked by one or more colonnaded aisles. An apse at the end could provide focus and
proved to be well suited to representing h</t>
  </si>
  <si>
    <t>b'\x86\x89wcd\xb2Z5\xb9;\xe5^\x15d\x98l\xe8\xbb\xbdc\xfe\xf2)Q\x90NG\x1d\x1c\xac\x19\xc2\x0fc\xbaEZ\xd1\'\xfd\x7f\xe4\x0f\x93\xaf^d4\xab\xc2\xea\xc0O\x89\xd9\xf6eV\x0e\xf6\\\x81G v\x05\xcb\x90B\x83x\x13&amp;\x17Y\xd9\x82\xde\xc7W\x1b\xf5\x14"x\x90\xadc\xd1\xcf6`L\xda(s$_\xb8T&lt;[\x0f\xe6\x1b\xe0\xa9\xef\x06\xe7\x05;\x8c\xa5C\xd2_\xfc\x00\xd1(%$\x94*\x9d\x8b\xb5@\x96\xf8\xccp\x82\xc4p\xc2%W\xfb\xf3I\xa3\x05P \xdf\xfcB\x1b]\x05\x07\x99E\xaf\xcb5:5\x12c\xf9\xc8\x86\x01\xb2d\xe9\x1e\x9b\xfb\x0e\x04\xa0S\xae\xd3q$\x02\x8cm\xdbw\xcf\xafX\x10\x91\xe0u\xc2\x92\x14H\xc4&gt;\x93\x84\xdb:\x8eE\x0c\x07\xa0\x06H&lt;\x1a!\xa3St\xd4\xa1\xfc\xd9l\xd5\x99\x05\x89\x1d?\n&gt;\xc7\xa9Sd,v\xccR2\xe1hU%"\xa4\x98\xc8,c\xffH\xdb\x8e\x0e\x9d\xc6h\x14\xd0G\t\xb2\x1c\xd8\x8dXt\x02\x8d\xac\xd2S\xd1\xaa\xe9X\xd8^\xedo\x04\xc8][\x9aKZ\xbd\xd6jA\x94\xce\xd8\x0f[\xddjA=W\xe3\xc0\x1b\x12\x85\x98\xaaM\xa8:\x9df\n\x0f\x94\x14\x1a\xef\x11\x1f)\xf15\x818\xf0\x89@\x19\xc0\x14\x9fl\x83\xba\xc9\x13\x8ct&lt;\xa3\xea\xed}%E$myW\x9d\x1c,\xa9\x8f\x1e&lt;\xe3G\xf9\xcf\xfel-\x9eXs{\x1ck\xdc\n\x92\x19L\xbc\xce|\xbd\x98D\xcd\x92/\x85R~w\xb5^+\x08\xc5\x8c\xa7\x8c\x9a-Ds\x974\xf0\x01\x03\xf4\xc7s\x19\xad\xed\xd8\xef\xf6\xf7\xec\xc7#\x1d(\xcb\x1eF$M\xa2&amp;\x18\x98\xad\x84\x0eN\xcd\x80(u\xcc\xcd\xc0\xb4tv&lt;8S9\xca\x96Y\x12\x1d\xc7\xb5\xcb6y\x8cW3pb\xb8\x01@*\xa0\xf8\x16\x8f\x15\xb9a\xd71\xe9\x7f}\x94.w@\xbd\xdb1\xfa\xf3`\x0bp\x9cr\x12\xae\x0b\xbb\xe7\xcb6&amp;w\xd4i\x03\xaa\x11\x03Xp\x0b\x02\xa5\xa1\xae\xed\x94M\xaf\xeb\x9e\xd4\xe9\xc8yn\x08&lt;&amp;v\x98"\xfbeQs^\xe1\xeb#\x8b\xa1\xe8i[Bo\xa9\xa7\x83\xb2\x0c\x0cO\xf4\x84:\x1a\xfd\xa4\xb1\xcb\xcd\xf5\n\xfc6mL}\xa3\x0e\x9a\xedF\xd2\xc6E\x91\xaf\x18\x1e\xb9\xdf\xaa-\xda\xfd\xad~\x01\x86\xa1,\xabU;!\x9e\xa7\xca\xb2\x08\xb8\x021~\xa7\xbbOh\x8d\xad\xd1\x1an\xdb:\xa5\x1coE\x15\xcaQ\xffZ\x8fd5h&amp;\x04\x94;|\xdcz/o\x87G\xd8\x19\'\xa1"j\xea\xd6\xde\x08bo\x99\xd2\xcdh\xb2.\\\x9e\xa8\xf5\x96K1\xb1a\xbdY\x83\xc2\x94\x9f\xa4At=V\xd6\xc1\x17\x99\xfb\xd2\xfb\xafn\r(v*\x03\xa9(\x1b\xb7\x82\x9cy\xb8\xcaxs\xbd?\xbfh\xac\xccm\x11\xe0\x92\'l:\xb1\x12\xea\x8fc/Q\x0f{Wj\xa04\xb5;$\xca\xf3\x1c\xb5\x04\xeag\xe6&amp;"\xdd\xbfB\xcc\x11W\x86\xa7\xee\x9b\xee\xf1\xe0G\xb1\tU\xbe\nch\xba\xd57\x03\xde\x05\xa1\xe3\xabdp\x8e=4\x16\x05\xac\xb4\x89g\xc2[\x029\xe5\xd8s\x02\xe2\xd7\xbe1]M\xbdE\x8a\xb1#\x86&lt;\xb4\xa3Y\xd4=\x0cfX\xad\xb0\x1b\x80\xa1\xd2\xe7\xdd+\xceI^14Wp\x8c\xfcu/\xa0x\x1fj&amp;\xde\xd2\xc5QPQ\x81\x89G\xfc\xd5x\xb7\x9f!l\xc6=\xf4\xb9\x13\x16\xaa$/R\x18\xbdON\x1a\xcd\xf0s.ka\xeb\x87}\x12\xc4\x8c\x95$\xf5\'\xd2*\\Q\xfd\x97\x0e\xcdj\th\xf0G\x13\x02\xef\x98\xd5\x16%\xd3\xa0%7C\x89\xdf\xfc\x14\xe8\x91\xa7\x95g=-\x02f\\\xcc\x8b\xb90\xfcR\x00e[\xa4;\xc4\xa9\xc3\'\x05Y\x8d\x96\xfe\xfbG\x96\xbe\x9bZ\x87\x1b\x1d\x9710\xde\xa5\x82\x831\xf9\xdaj\xd1\x11N\xc6\x1d\xcf\x9f\x92`\xd83C\xe7\xe0\xe2\xdf\x8b\x80\xc1\x92\x8c3\xdd\xf6\x8d\x95\x0c\x97\xf8F\xb6D\xa6\xcb+3\xe4\x06n\x04r2\x18\xa5g\x075\x8eeb ?e\xfa\x86\xfaO&gt;\x17\x86m\xa4\xf4\x06\xe5\xf2\x93\xfa\x99\xe0\xce\xefX\x82b*\x8b\xd02\x9by\xe9.\x9a\x94M9\xab\xaf\xf2\xb5\x8c\xec\xcc\xf1\x8d\xa12\xfd\xc4S@\x8a\x92\\\xcal\x10\x0f\x1f\xf8K\xdb\xb7p/42\x96\xf1&amp;\xfd\xbf\xcb+\xa8\x02\x07\x8f`\xf0\xb7\xb5\x9c\xbfS\x10M1C\xbc\xc6{m\xc1\x9a\xb5Y\x11\xb7D\xe9\xe7\xb5\xccq\xec\x97\xf8C\x97\xe4\x92q\xef0\xc0+6Y\xd3q\x19P\x98\xef\xd1\x06\xd0\x1e\xd4\xfc&amp;\x89\x9dH\xb3}\xe6\xf7\x94xOC\xc5\x9cPpz\x80\x8c\x8b\x17b\xbd\xb1[f\x0fF\x0b\xb7Ui\xe1j\x83d\xa9LA\x01\xad\x91%[\xa9\xa4cA\xb4\xf5R\xae\xf8\xf3\xef\xd1\xee\xd6\r\xb0&lt;\x9b\xa0.\x92#2Xdb\xb8\xa5d\xb1\xfb\x17w\xd9E\xb9\x87X4\xe6]\xf9\xf0iw&lt;\x0cq\xb1X\xcf?N\xe4%\x01\xbe\x83\xbd\xfb\x9e%\xe6L~ja\x8eA}F\x0c\x96\xb8o\x9b\xfe\xf9\xd9\x95\xdf\xbdo{Xi(5\x88\'\x9f\xcej\x06\xf6\xb0$9\xc2\x11\x82\xbfx\xfc]\x83yRpNO:\xe1\x80\xec7\xbe\xe9Y\x1bY\x90\xaaB\x06\x972\xcf\xf9&gt;iS\x82\xa9\x12\xcb\xa3\xcfy\x1c@k\xf1\x88\xe2SzG\xe8\xcfo_\x05zo\xf6\xeb\xaa\x06\xed\x181v\xe6\xe3\xe5i\x0cI4p\xe3\x88\x08\xa3{(\xd1\xc8%\xef\xa2#\x1a\xb2\x86Xi\x80C\x84\x0c\x97\x1e\x88\'&lt;\x88\x11\x15\x98;\x7f\xfeK\x0b\x7fo|2Q\xb8\xb9\xd3q\xf7\xc7E\xfd\x15\x01\xc6\xb3`d\x9bA\xb5\x11\x18\x10\xa1\x8d\xfe]\x11\x8e~V\xb6gI\xad\xaa\xc8.:/\x14\xd8x3\x00~CA\x12-EY\x93:/\xaf\x8e\n\xce\x87\'\x98\x8f\xbc#\xa1\xc3\xaa\x08gsO\xefa\xa3\xdf;\x85\xac{\xa4nH\xcdD\xb0\x9d\xcb\xf7g\xb1\xc2&amp;{\x9f\x04y#q\x92\xcc\x9ay\xd0E&amp;Z?ZTaTy \x89m\x17\xd3\xbf\x03\xa37g\x87\xbf\x10\xc2W\xe3\t\x0fa\x0c?\x98\xafp,8Y_W\xb8I\xbb\x15D\xd3\xab\x10J\x7f\x99A\xf7r:\x89\xf8^6W"Bh\x83\x9b\x02a\xae\n3:\xb7W\x11\xad\x08\xa3\xe8\xf3\xa4\xa7\xd0\xbb\x9a\xc6a\x83\x13\\ix"\xfc\x84\x01\x96\xae\xe0\xff\xc9p\x89S\x82\xfaj\x92\xe48\x9d\x99?\xf9\xdc3\x98\x18\x96\xc0\x81\nP[\x0fm\xeae\xe9-*\xfa\x8b\x04\xcfj7*&amp;j\xe5\xaf\x1a\x89"\x7f\n\xb2\x91V\x87+W\xaa\r\x0f\xc3\xd0:K\xc2\x8eqS\xe4\x97e\x9f\xfab\xecJ\xc6\xc3\x81*E\xbb%\xd6c\x87wr\x89\xde&amp;6\xf8\x95\xd5\x1c[\x02M\xcd\x89\x88\xb8\x10\xfc\xc7+~2\xea.,\xf7S\xd1\xee\x10\xee\n\x02\x0f;\xa6k\xf1\x0b6\xd4\x85/q\xe7\xd80\x7f^\x11\xf2\xd9\xf5\x8a\x00\x8f\x9fc\x85 6\x02\xfc\xa1\x86\xe8\xa3\xb1\x84,\x9aJ\x8a\x8f\x95\xe0\n\x88\xcf\x16\x00E\x8c#\xd1\xc5;\x04\x81c\xea\x19W\xed\xba\xbbc\xd2\x08\xf7\xab5\x00[\x99\xb7Y\xb4c*\x96X\x10\xaffd\xe7\x15C\xe4\xdbC\xf41\xcc\x94\x0b\xf1C/\xbbd\xf8\xac#\x1a[kK\xeb0;x\xc4\xd0\xf1M\x00\x1d\xd8o\xa9?\x17\xf3 $\x1agY\xf6\xad~\xf2-\xc72\xbf\x15\x8e\x96\xfa\xdaW/\xdaW*\x9f\x10\x97\xb4\x82\x98Kg\xe6\x1a!\x07\x91\xc11B\xafl\xc6,2\x8bWbr\xb3\xaf\xc6\x8br\xf2\xf2\x19x\n0\xd0|A\xc3\xab\x90\xd3\xf9\x13\xbe\xec80\xf8-\x9f\xfd\xd5n\x7f\xe6[}V\x12\x1c\x10w\xbf\xb9\xce\xce\xbe.K\xbf\x11\x13\xe6\xc8\x8e\xd1c\xcd\xe5\xb4\x90\x96\xd7\xfc\xdd\x0fQ\x85R`\xe1\x9a\xedw.\xe8]\xd6u^s\xd5@}\x16%f4\x96p\x94\x01\xe5%g/\x7f\xdb\xadz\xc4HX\xd6\x839\x12\xf4\x15s=h\x12\x82;v\r\x8cd1\xb8\x98_@\nb\x16\xbc\x9cf\xf1.\x82\x85c\xc3\xb6\x08\xa1Yi\xb6\xa9?\xd0\xd3\x05\xe0=\xa9Ucx\x94+\xcf\x83\xd4\xd5\xe4\xb9[_\x1a\xb5G\xce\xf8\xf1\xee_\x8f\xcf\xf6w\xb5,\xed\x88{\xf7\xfea\xe9~\xd8\x15)\x92\'\xe0\xb2\xea]~p\xf8O\xd6\xcd`4\x87|s\xb5\xab\xf7\x10\xb6\xf4+b\xfd\xfbB\xedd\xe15\xda\x08\x06\xd4\xd4\x9f\x8a\xf7`\xc0\xdf&lt;\xc6\x81D\x92\xec\x999\x07\xa6\x9b\xe4[\xcc\xd8#\xbc\xf5\x1f\xe55P\x7f\xa3\x0f\t\xa0\xf9\xf1bi\x8cZ\xa1n\x9c\xe8j\xb4\x1f\x0f\xa9C\x8a\xc2\x8a\x19\x10\x9fQ}\xa3\xab\x16\x96\x9a\xc5\t\x19=\xf32G\rd\x1f\xf6\xd5\xbd_\x1c\xf1\\\x9d\xfej\x10Ne\x0e\x10\xdb\x12m\x91\xb7\x9d\xbd\xe7f\xd2\x04\xae{\xa8\xdf\xb1l\x9e\x10~v@ddo\xfdzL\xdd:\xd3\xe1O\xee\x0c\xdd\x91\xe4&lt;D,\x8a\xb5B\xd9\x051\x0b\xee+\xca"2\x15\xcc*\xd4?\x1bq\x89\x98\xc2z\xef\xeenQ\x1e\xbeAk\xba\x0cJ\xf6\xc0H\xc9\xf5\x16\xd5\x14V&gt;R\xa8z\x0f\xebA\x8ea\x02\xdc\x94\x1a\xd7\x84\x8d\xf6\xcdk\x06tx\x1b\xa3F\x97\xe29\xebx\xee"U:H\x01\xc2\xd2a\xf7\xdb\x05\x14\x0f\xd1\xde\xe1\\\x7f\xae|8m\x92\xd2X\xc0\xe3\xf2\xdb \xc7\xcb\xf6Be\xe6\xc1B\xedN\xe0\xb8\xc1(\xac\x9bT\x83I`\xb4\xbc\xbdj\x18\x0f\xcc\x1a\xfb\x8a\x9fO\xdf\x0c\xe9\xa6sr\x97m\xf4&gt;\x01\xd2\x82\'\xf6\x1d\xfaK\xf3\xfa\xba\xdc\xca\xa8=\xb6\xe8\x19\x8bU}@^bB\x01D\xb6\x14C\xddX7I\x01\x0f\xa48\xee\x97\xe7\xe9lK\x80\xc4\xb2 \xe3Z\xf7\xff\xb5\xba\x7fv=Z5\xc7\xec\xd7\xcc\x08_\x96\x88\x01\xe7\xbb\xd6f\x18g\xff.\x14\xed\x19\x99ir\x7f\xc5\xb8\x7fg\x15ElXo\xab\xf6\x89d\xcc\xb2a\xee\x95eoB\xfbDz\xe1\x9c\x8c\xf1\xb7\xda\xacl\xc4\xf4\x815\xe3\xf7xxf\xaac\x03J\xd3$\xc7bv\xb6\xdf\xfd\xdb\xa9e\x9e\x89\x84\xbd\xca\xbd\x0c9w\t\xc5[S\xd5\x05\x90\xd1\xf8"|Q=\xe3="@\xba\xec\xcf\xbb\x8c\x81\xe5\xb9W\x7f1\xf8:\xbdW\xd7\x9b0\x95\xe5%\x16\x08\xb9\xae\xfa\xf5\x19\xdfCO\x94\x85z\xe8\xc6\xb9/&gt;8\xa3\x1e\x1dm\x13\xda\xb92&gt;ZB\xc1uB\xb0\xc5\xf50xw\t\\n\xe2\xf8\x07d\x03\x8f\x1a\xfbaN\'\x0e#\xde\xf12\xe8\xdfG\xf5q\x8d\x0f\xe9\x8c\x8eA\x11\x0eHke:\xc0K^-\xb1\x9d\xe9/\xfc\x052\xaf{\xb1\xc9\xeb\xd8\x82O\xde\xd6\xadq*.`\xea\x00[\x16\x9e\xf2\xb2\x15Z%\x1b-\xd6n\xbd\xa3\xcf0\xd3\xfc\xfdV\xd2\xa4NO\xfcC\xc5/\x14\xd2\\e,\xb28\xe3x\xfe\x9bib\x1c\xb8\x00\xd7\xde\xecB\xd2\xc0\x18\xb3,\xd0\xe5\xe5\xe7\xda\xb9|\xe3b0\xdb\x86\xec\x9f\xc1\x82\xa5\xdd\xec2\x80\xd4\xe3\x9b. \x1e\xc8~\xee\x0e\x02s\x1d\xff\x10\'P\xa5l\xfd\x06-\xaa\xb0\x17iS\xa4K$\xfe\x9a\xa9\xd3\xbd&amp;\x8f\t\nU\x1b\x80\xfdT\xc3\'y}[\xf3\xb6E\xdf\xc0\xb0j\x81\xfd+\xd4\xa7\xe66mtjT\xfd\x13\x19Zv\xa13oC\xedT\xf7\xe5\x98\x88j\xaf\xf1Z\x82\xc6\xdb\x12\xe9\xfd_\xad\x0c\xc5\x06\x86\x9aa\xa5\xc0\x97?z\x86\xae\x94\xa4\x9d\x9a\x98)\xf7\x02&lt;\xfa\xc6aa\xcf\xcc\x8d;\xae\xa6\x1c\xe5*\xc1\xa4\x1e\xce\x1b&amp;\x10\xf8\xec\xec\xa5\x88-jH\xe5n9Q\xb2\x08_d\xec\xb9\x99g\x8e\x07$B7\x0c\xda_9!p\xc1\xee\xb6\xa9\x07\xca\x80\x18&gt;7i\x18~\xba8\xd5@x%]\xe92\xca\xf5\x80\xd49q\x06\xfd\xd3s\x11\xa8,\xbc\xa0\xe1\xde\x00c\x0e\x87\x8f\x89?\xb2s\xcb\x02\xda&gt;\xd5|\xd1&amp;\x06\xc5\xe8_\xc5.V\x15\xfd\xef\xc6\xe3\xd5\xcaz\x8ct\xc8\xfbt\xa8\'R\xfd\xbb\xa0{]\x99GT\x97\xf8d\x12m\xaa#{\x8a\xe1\x8a\xfa\xcc\x85l\'\xa9\xd2"\x1f\x93\xf2\x06\xb5\xdb\xf4\xfd\x97\x8f}\xab\xee[k\x0f\x8aI\x83p\xa5\xaa@:\x13\xfe\x14\xa1\x88\xb9X+`\xf9\x8c\xce\xbd\x1b\xe3\xadb\xa4;\xfb\xe19t\xd3l\xc9\xd9\xd2\xc0\x01\x98\x8b4\xfe\xb4\xde\x14&gt;\xd7D \xb9\x01\xe3&gt;\xd8~\xc8\xd0D\xec\xd8\xec\xbf\xa2\xfe}\xecwp\xff\r\xf0\x03\x952\x95\xd2\x10\x00\xd3 K\xb6XH\xdc\xad0\x195\xc2\r\xd8\xea\xa3\xb2\xd5\xbf\xb4\xd7\x1fg\xa8\x1c\x89e)h\xa0\xbb\x19\x1eD\x02"\xcb\xa5 c\xb5\xcf\x87\xf4*\xd1\xa8C\xcd\xd4\x1a\xb8\x19Z \xce\x96uFsp[3\xe7\xa6K\x80A\x14#G\x90\x14z\xfe\xfd\xdb\xa3@\xd5\x1c\x9e%`\x07R\xbf\xfc\x15;)\x86Q\x9bkD\xebj}\x8a\xa5\x11\xba\xfa\x08b\xa3\xa7\x8f\xc0g\x10)\x0e*\xec\xe4$\xe5T\xc6b\xbf&lt;k\xfdwV\xdf\xd8%cx\xe3\xc3\x027\xda\x05\xd4h\xa6\x8d1\xdb\x88\x9d\xb6\xc1\xb6\xe4\x90,\x92\xc9\xd3\xfao|\x16\x9c\xbd=p\x8c[&amp;:W\x01\x90\x11\x08\x07\x0c\x91\x9b\x81?d7\x8d\x9b\x98h\xcfCJ\xf4N\x18\x06!h\xd1\xdd\x9dz=.\xe9\x01\xd6\x04\x9f\xfa\xa0\x06\xf0Jd\x0c\xe25d\x9c\x1eD\x91BYtK\x98^\xe0\xc2I\x8cu\xf6H\xa5\xfeg\x87Rpb\xb5H\xdan\x05\xc38\x10\xebk\x7f\x0c\xe5\xd4"-f(\xa9\x13\xd0`\xc2F\'\xccd\x99\xefM\xa2\xf6\xa0\xf45\xcc\xe6$\x04R\x13j\x8e\xe0\xf4\x18i\x9e4\xc6\x02\xb5\x92\xb4\x95u*`t\xe6\xe3\x868\x1c\xe7\x03\xcdc\xef\x8a\x9b\x9e\xc7C\xfc\xdc\xb7O\x10\x08\xcd.\x12\xb6\xc4\xe3\xdd\r\xc6\'\x80?\x8a\x11\xcf\xb2\xddx9-\nb\xc0.\xaaF\x9e\xd3\x89\x0fE\x8cf\xe5\xa0\x14.g\xc7\x8fJ\xe4\xf5\x80Z\x93\x9e\xb9\x00K?\xf2\xac\xbd&gt;\xc1b=\xf5\xccl/\x14/\x15\xc5\xce\x04aH$\x19\x99"D1\x0f\x91\x052\x1b)\x04\x0c\x9fd\xce.\xf5-\xd0\xbalOL.l7\xf0\xf8\xafO\xcdg\x8d\x0bF\x16V\x84\x96b\xaa\xa3&lt;\xcaP\x101\xb9\x7f\xefP\x17'</t>
  </si>
  <si>
    <t>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</t>
  </si>
  <si>
    <t>b'\x86\x89wcd\xb2Z5\xb9;\xe5^\x15d\x98l'</t>
  </si>
  <si>
    <t>roduct needs a personal sales
 effort, but at that price point, you simply donâ€™t have the resources to send an actual
 person to talk to every prospective customer. This is why so many small and
 medium-sized businesses donâ€™t use tools that bigger firms take for granted. Itâ€™s not
 that small business proprietors are unusually backward or that good tools donâ€™t exist:
 distribution is the hidden bottleneck.
 Marketing and Advertising
 Marketing and advertising work for relatively low-priced products that have mass
 appeal but lack any method of viral distribution. Procter &amp; Gamble canâ€™t afford to
 pay salespeople to go door-to-door selling laundry detergent. (P&amp;G does employ
 salespeople to talk to grocery chains and large retail outlets, since one detergent sale
 made to these buyers might mean 100,000 one-gallon bottles.) To reach its end user,
 a packaged goods company has to produce television commercials, print coupons in
 newspapers, and design its product boxes to attract attention.
 Advertising can work for startups, too, but only when your customer acquisition
 costs and customer lifetime value make every other distribution channel
 uneconomical. Consider e-commerce startup Warby Parker, which designs and sells
 fashionable prescription eyeglasses online instead of contracting sales out to retail
 eyewear distributors. Each pair starts at around $100, so assuming the average
 customer buys a few pairs in her lifetime, the companyâ€™s CLV is a few hundred
 dollars. Thatâ€™s too little to justify personal attention on every transaction, but at the
 other extreme, hundred-dollar physical products donâ€™t exactly go viral. By running
 advertisements and creating quirky TV commercials, Warby is able to get its better,
 less expensive offerings in front of millions of eyeglass-wearing customers. The
 company states plainly on its website that â€œTV is a great big megaphone,â€ and when
 you can only afford to spend dozens of dollars acquiring a new customer, you need
 the biggest megaphone you can find.
 Every entrepreneur envies a recognizable ad campaign, but startups should resist
 the temptation to compete with bigger companies in the endless contest to put on the
 most memorable TV spots or the most elaborate PR stunts. I know this from
 experience. At PayPal we hired James Doohan, who played Scotty on Star Trek, to be
 our official spokesman. When we released our first software for the PalmPilot, we
 invited journalists to an event where they could hear James recite this immortal line:
 â€œIâ€™ve been beaming people up my whole career</t>
  </si>
  <si>
    <t>b'j\x91#\x1e\t\xe5K\x0e\xd9\xba\xb3\xbf\xb1\xf88\xbb\xc8\xd2\x9b\x14TW\x8a\xc4\x04\x9d\x8fT\x08\xe0\x81\x9a\xe2u\xd3\xc0b\x7f\x01\x94\xc3\x0c6\xa5\x90+H\x0f\xf3c\xf5\xe1\xeb\xac\xef \xbb\xcc?\xf2\xc4d\n\x88\x13\xb0{\x97K\xf0qO"\x83\x9f~N6\t9\xdf\xa9\xc3\xdb\t\x88\x9a2;\xd5\xaamc\xaf^t\xa7\x1dG:\x7fN\xadr\xad\xd49\xe1K\xacm\x01\x8a\xc5\xcag\xb0=\xfe\xc5L\xc3\xb9\x8c\x06 |\xe1b\xcd(p\xc8q\x1d,\xe4owx\xc8q\x1fZ\xe6\xb4\xa2\xcf\xf9`\x7fd8\xdb\xf3\xbem\xa6\xb8\x07\x86h\x7f\x11B\x0f\xfc,\xb73(\xb8.+*4\x1ar\xffH\xba,F\xe5\xf8\xa3[\x83!\xa7\xdc\x84Z-\xc8\xc95\x1d\x18\x9c\xf8x`U\xc6\xa9\xcb\x99j\xb4\xf8\xec\xcf\x99\x9b\x97\xd0H\x08\x8c\xfa\x17Wh\r\xc9\xf5\xeb|LZs\'\xed\xd5\xc0z\xe1\xb3D\xe1\nj\xa8\xdb\xf1\x99\x9eZ\xcd\xf9\x88\xb9}n\x0c\x84q\xda\xbf\xf0t\xb4\xed\xca\x9a\x11\xf4?B\xa0@\xdc\xa1\xd7Ke}\x01T\xf0\x05\x7f\xc9\xd2,J\xd1\xefS;n\xf6\x87w\x87z\x9c\x83\xfbx\xc4\xf8\xe2\x89\x9f\xb8\xceF!\xed\x1cB\x16\xab\x9aJ\xb2\xd5\xa1]\xb4\x9a\xad!#\xb7\xd0\xa4\xf8\x98\x1d\xb7T\xdbi\xbd\x8a\x94\xd9\x93N3!\x08\xd9\xfd\x8an\xa4\x9er\x1dZ\xaaz\xbc_\xc1\x016IN\xb0\xb5\x83\x82\x071%\xd3-C\xa6;MY\x1e\x03iQ\xf2\xb6\x82E\x94\xb0sjp\x8f_\xdd\x9a\xb5/\xf5\'\x9a\xde\x11\x1cP\xaf\xe9\x92\x1cs\x0e\xe1\x90F\x92\x83\x9c\x1b_\xd8\xe7\xb0\xab\xf8\xb9\xa6;\xb0\xee\xb3\xeak\xc6\xc5b\xc7\x18\x87q\xa4\x06\xec\xaeQ\x19\xd9f0\xbc\x9b\xd9\xbcQ\x19\x18\xc6\xb5\x99\xbd\xd9\xa4\xbfM\xd3s\xc0|\x87p\x8c\xba\xbe\x0b\xb9\xd6[\x16\xe9\xa6\xbb0\xb9F\\\xef\x92\x16\x91B\xb5N\x9e\xf3\x03\x05\xef;\x11\xd1\x83\x96G&amp;\x1f(\x18by\xe5\x89A|\xecdFk3\xcd\x8a\x94\x04a\xb8\xd0\x9d$\x14sX\t\xb1\xc1h\x9f\xaf\xca\x7fv\xc9\xde\x18\x94)\xc7Z\xed\xa2\x92q\xf7\xccC\xbe%FM\xee\x8b~\x1e\n9b\x98\xc4\xb1ls+\xa5&lt;\xcf\xc7\xc6\x91\x8c\\\x1d\xb0I\xde&lt;\xb9\x049\x8dP$\xac\x07\\A\xc5\xa7\xda\x909pM\xbf\xb6\x8b"\x90\xa3\xd2\xfbM\x1c\xd6*\xf2N7s\x7f\x01\xcc \xef\x96\x0c\xfeG\x11\x88\xbe\x97:\xa3W\xf9\x08\xce\xf5\xba}8\xea\r\xd2\xd0\x1d\x7f8\xe4^PT\x9b\t\xa7\x80\x84|\xcd:\xd5o\x078/4\x19\xa69\x85&amp;\xf17\x18\xd7\x1a\x14,\xa3\xe4b\x16=8\xddb\xc1\xb8\xad\xd1\xf2\xe1\xa7\xd9\x00=\x97\xc7\x7f\xce\xe1\xd3#\xf7Y\xcb\x13\x1d\xd4\xf8\xb0\xce\x80\x83of\xde\x80\x8a\xb6\x90\x9b\x9d\xac\x83&amp;C\xed\xc14\xf1\x08\xbdM\n"r\xdb\x02\xbe\xea\x8eL\x11\xd4\x1b\x00\x87\x8dB\xf1\xe2[\xb4p\x92\xcd\xc6\x99\xfc\x0e"g\x10\xa0\x13K\xf4e7\xa5&gt;\x11\xf2\xacR0\x84ZB\xd9\xa3\xec\x86?(! \xb4\x92U\xdbd\xf8\x94\x07:o\xc1\xd0\x87${P\xfdc\x92aD\xaeC\xc8\x13\xb8\xa1Ztw9B\xc0&gt;\xe40\x97\xa0B\x1c\xfe\xb0\x87\xca\xf1\xee\xd3\x91\r\xc2\xfd"\xd6\xb7=\x94\tx%\x14\xeb\xb0\xcb\xc2\xf9B\xf1\x1b5\xc1\xaa\xabY*\xc5A\x14\xeb&amp;\x12\xb9\xba\xa69\xbb\xfd\xa9k\xa8\xc8\xf8\xd1dI\xbap&gt;af;\x11\xe9\x10\xd0\x18^\x90\x83\xc6j\x98\xd6\x99A\xd3\xed\xfd\\\xe2s\x0eM\xef\x9d\x82HU\xcf%\x93&lt;U\xdd\x9e\xb4h|\xea\xde\xe3\x83\x81C\x87\xab\xc6\x01\\\x108M\xcfX\x86\xf6\xcdW\x8di5"\xe8\xe7\xea%2\x03\xad\x9b\xd3\xbf\x8eucH8\x91\xa2$MKl\x7f\xc7\xc7\xc6\x00\xd4\xbb6\x19\xa4\xe2\xacP\xa5"\xee\xa48\x81\x1a\x0b\\\xb4\x90_\xd3\'0\xbe\x0e\xf8\xb3Igg\x81\x89\xae\x16 \xdc\x97\x01\xc4\x97\xc6j2\xb4^\xf3\x1f\xfa\x0c\xd7\xcb\xf0\xcc\xa5zf\xaf\xe1{g\xb9H\x0c\xa7\xb0\r}\x10\xeb\xa8\x16\xfd\x82\xfd\xea[\x06"\x02|\x81Z\xdfDw\x8d\x8a\xe6\xc3\xf7\xd6\xbe\xd0\xc7&lt;\x9b2B\xc5%\xa9&lt;&amp;\xb1JR\xe2\xe30q8 \x98\x1e\xb4~\'\x9c\xc8Q&gt;\x05\xd7\x00G\xe0e\x85\xd4e\xa7\xecx5Q$\xfd\x80\x9e\x82\xa2\xd3\xd8\xde\t\x1f\xac\xc0\x81&lt;9\xe7\xbe\xdf\xcb/\x80\xec^\xc4\x0f\x8f\x96u\x851\xc5\xe8\xac5q\xd4\x87-ZH\xc7[\xb3P)?\xaf\xf0\xe0`\xe7D\xd9\xd7\xcb\xb6jE{N\x13^[&gt;\x88Xc\x80\xa9\xb7\x86\xca\xee\xa5\xf0\xbeGf:a9V\xed\xc5\x9f\x86\xfcw\nm8\x86F\xa1~g\x99gU2\xb0\x96\xf9\xe2\x97&lt;}\xba\x82\xae)\xa9\x99\xa2Eg\xe8\x13&gt;\xd8`_\x86\x13\x98\xffY\xa6\x01\x0e7\xdc-\x19O|\xebR\xae\xd9\x04\x0b\xc6n\x16\n\xfdb,\x9dSd\x1f\xf1\xa7\xacO\xe3\xdd1C\xabH)s\xb7\xfa`\xcf\xfa|\xf9!\xe8\xc5\x84\xc6pu25\xdc\xe7J0\xee%]3X\xbe\xde\x06\x97\x98\xfd\xda\xb9\xef\xdb\x01\xf2\x82&gt;R&gt;\\\x0fn\xd2u\xb1\xb22\xb2\xa0"G\x03a\xf2\x82%\n\xf7\x9c\n\t\xd7\xa3\x94\x05S\x97\xde\x8b^\x1c\xa7\xde\x07\x9a\xf8\xb1\x16m\xf2\xcfE\x96f&lt;\xbd\x81b\x9f\xeb\x8a\xc2E@\xff\x1b\xc9\xc4\xce\x1e\x98X\xd1\xb5\x03\xac\xc5\xdc\xbf\\ \xf5\x11\xeb\x9duUt\xa2\xbc\xfa\x8b\xb9\xfc\xba\x8e\x95\xb6\xf7z\xea\xa8\xc0f\xfeX\xd8\xfb)\x97\xf5\x10\xb8\xe8\xad8\xb0W\xeem\xff\xc1 ^T\xa0\xba\xa0\xb0(LeZ\xf9}\xfe\x1dms\xdd\x19\x94Y\x19|\xacv\x08n\xa7\x83\xfd\xbd]~\xd9\r\xe8\x9cn\xbas\x15dB3\xbf\xf6\xbb\xbc{]\x16"lA\x8e\xba\xf5\x91K\xc9\xbf\x1a\xeby\xe94,\xfc i?\x9aT\xc6f\xd6G\xd2{\xaf\x0b\x91\xfd(\x8b\xaa\xaf\xd7\xfdB6Et\xd8\xaf\xb3\xb7\xa2lC\xcfW/\x1d\x00\xae\x88\xfe\x87\xe5L\xd9D\x95b\x18\x84\x07\xcex\xe5\xb6T\xdf;\x1c\x0f\x86;#\x929)\xc7\x87\x83\x9a\xb822n\xa0\xdeI=\xa7lm#\xf7\xca\x10u\x19O\xc3_\x05\xfa\x8e{\xf3\x01!\x8b\xe4\xfe\x1b\x03WW\x9f\xe28\x91e\x17\x9cNKV\x19\x10P\xf5\xcbUJ\xaf9\xc8\x922\x10G\xa9]*\x05\xb5\x99?h\x1b:,"\xc5L\x065,8\x9b\x11HD\'/\xa6\xec]D\x9c\xab\x14\xd0\xa42\xac\x14\xcd\xd14ak\x85q\xc4_\x12\x1d\x1d\xed\xaftEg\x18aU\xca\xfa\x9e\x08\xa9\x95\x01P\':\x8a\xec^%\x84\xe7\xff\x19\xf3\xb1\xa7\x01L\x16\t\x0c\xd5v\xd3F\\\xdcN\x80h\x9f#\xcc\xb2\xaf\xf6\x922\x99F^;\xfcUU@n],\x8aBeC\x11\x7fa\xa0b\xd1y\x1a\x1fV4\x146\xed\x0ex\xf5\xb1\xca\xc2\xc0\x1a[\xcc\x1d\xf8\xd1\x99\xa5\x13\x118PB;\xcc\xbaG^~\x93\x83\x0c\xfd*a\x88\xa9\n_\x06\xbf\x1cD\xd7\x0eu\xf7\xb8\x19\xb2$U\xd2\x16l\xa6A\xdeyZe\x99M\xdf\xb4\x89\x00\xd7\xb1\xaf\xe6b}\x7f|\xde\xe0\x9e(\xb9LNG\x89\x14\xeb\xdd0\xc0n@tK\xbb\x1b3\x87\xae\xdb\x19\xdeE\xacX\x93\xc9A\xfc\xeal\xe0\xaf\x0f\xa7E\xac\xf2\xda\xd8W\x19HE6q\xd4\n]\xc4\xb3\'\xc9[|\x0c\x9d\xb1qc\x11h\x18M:\xb7m\x7fP\x13\xc9\x87\xce\xa9B\xec0\x83\x14b\x81\xce\x0c\x18\xadh\x12+xMD\xb6\xb6\xe9r\xe1=m\xae&lt;\xeb\xc7\xf0s\xae\xf2\x83\xc4\xd5\x96\x03\xd7_\xd6\xba\x92~\x9dp\x08\xd5\xf7\xaa;\xee\xba\x88,\'UM\xed\x83h\x87K\xaeZ&amp;\xac\xc3E\xf0\x9a\xfa\x1e\x10|n\xd0Q\x86\xc0V=\xbe\xf1\xcf\xde\xbf\xf6\x91\x88!\xffL1\xaf]\xad\x1eY\x88\xbcu\x0b\xbd%\x89\x9ciF&amp;\xf8u\xd1\t\x85\x16E\x90u)*?\xa6\x07\xc9\xec$\xaf\x1bq\xaa\xb4.d\x87\xbfU\xad:`\xd6\xb7W\x10\x93V\xb7\xff\x11\xb4~\x9f*\xe1\x18\x92\xcf\xd0\xe2\x1f\xf2l\xc5D\x08\xa7\x86\x99=\xdc\rF*\n\xcf\xa0L\xc7\x90W\x95t\x0eg\xe6\xac\x13|\xf2&gt;\x9c\xcb\xe2\x9e\x97[q\xbc-X\xd5\xc8\xa2\xda\xca\xbf\xcf\xb0\xe0\xc7\x12V\xddg\xea\x8a\xcf\r\xbb%+!\x11c\x91\xf9v\xdc\xbc\xeaf\xd5y lG\xc8\x1a\x81\x94\xd7\xa6\x96\xf8\xdf\x89\xe0&amp;\xf9\x8e\xce\xa9\xb2\xa4\xe62\xf4\x08\xc0\xcalj\xbf\xc7_`\x00\x1b~\x19\xfe0\x9f\n\xd3/\xe37\xf1q\x1e\xc3d+\xad9q\xc2k\x19\xb5 |z\xcf:[\xdd\xce\xa9\xb2kdq\xe7\xf7\'\x8fO\xc2@U\x15\xeca\xc0\x08\xea\x9c&gt;e\x0b6&lt;|\x98\xc3\x85\x89.\xb0Yjd\xa6-t\xd6\xec[\xed\xf4\x8d\x85\xa9s)\x0b\x07e\xfd\xa4\xc7]\xedt%\xc19\x0e:\xc5S\x9c\x1b\xe9E\xc2\xd7.K\xffA\x9eZ\xcb\x8d\x12(E\xeb*\xb7\x1d_\x1e*--Dv=\xab}\xa0\x85\x0c\xb7\x9fJ\x05\\\xd2\x99\xaa\x90\xbb\xb0\xbdTi"\x96m\x9f\xda\xba5\xe8\xe9\x04-\x97*\x978\xbb\x0e\xef\xc8\x9b!\x9d2\xae\xf6\xa7\xde\xa2c\xccWQ/u\xd1F\x19\xb5\x9e3\xdb\xe6\x80\xd9\xc4\x1f\x894o\xdf\x8e\xa9\x1f\xc3a{e:\x1f\xb3\x8b`\x9a\x17D\t\xb2\xc0m\xf7\x0cn\x15h\x1fv\x81\x08\xda\x1b\x1d\xd8s\x1c\x13T\xf2\x03\xf8\x03\xef\x0fq/,y\xae\xa1\xcb\xcc1f`\x94%e;Q\xb4b\xa4W~\xf3\xc2K\x14\xea=\x88&gt;\xed\x17\x8b\x13B\xf3@N:\xc2\xf6\x03\xbf\x80\xe8\x92\x12.\x08\xd5\xc4L\x0f\xae\x17(\t\xf1\xd2\'\xd3Vy\xe9k&gt;\x08$"H\xbf\x8f\xdd\xff(\x82E\x8c`\x0c\xab3\xb9Q\xbaZ\x0b\xb2J\x19\xc2\xaa\xb0v\x84\xc8\xcf\xb0\x84\xb9E\x0bi1 \x12b\xc2w1$:S\xd7o\x9e\xed\xee\x80\x8b\xd0\x9c\x92\x94A\xc4\xe3\xf6\'\xc7\x04\xcc9d\x10q\xc3\xb2LE\t\x0c\xbc\xa4&lt;^\xab\xcc\xde\x8d\x0fB\x90A\xe9?\xf8\xe9{\xa3*R\xfa\xe70'</t>
  </si>
  <si>
    <t>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</t>
  </si>
  <si>
    <t>b'j\x91#\x1e\t\xe5K\x0e\xd9\xba\xb3\xbf\xb1\xf88\xbb'</t>
  </si>
  <si>
    <t>THE STAKES ARE HIGH
 Youâ€™re going to be tempted to move ahead and skip thinking
 deliberately about each of the seven parts of the framework.
 THE SIMPLE SB7 FRAMEWORK
 41
 Youâ€™ve already got the BrandScript, after all, so why not just fill
 it out?
 Amateur screenwriters make the same mistake. They think
 they know how a story works, so they start typing and a couple
 months later canâ€™t figure out why their story is boring and unrelatable. Iâ€™ll tell you why. They had an overview of the process but
 never bothered to learn the actual rules.
 Each module of the SB7 Framework has set-in-stone rules
 you cannot break or else customers wonâ€™t find themselves in the
 story youâ€™re telling and will be much less likely to engage your
 brand.
 Thousands of companies shut their doors every year, not
 because they donâ€™t have a great product, but because potential
 customers canâ€™t figure out how that product will make their lives
 better. If we donâ€™t closely analyze each element of our customerâ€™s
 story, theyâ€™ll sense we donâ€™t care and move on to a competing
 brand that took the time to do the work.
 Some of you are probably thinking itâ€™s too late. I mean if itâ€™s
 printed in a book, everybody else is probably doing it. But are
 they? How many people read the first twenty pages of a book
 and then stop reading? Iâ€™d say most, which means youâ€™re already
 passing them. What would happen if you committed to executing this process and your competitor didnâ€™t? Youâ€™d win, wouldnâ€™t
 you? And how many people are actually going to put in the work
 even if they do read the book? Believe me, human nature tends
 toward complacency. Finish this process. Beat the competition.
 Clarify your message. Grow your company. The competition
 may be more talented than you are, but they will never outwork
 you if you donâ€™t let them. Thatâ€™s the one thing you get to control.
 In the next seven chapters, Iâ€™ll show you how to create a
 BUILDING A STORYBRAND
 42
 clear and compelling message that will organize your thoughts,
 simplify your marketing, and grow your company.</t>
  </si>
  <si>
    <t>b'!$\xb6\x0f\xb3\xa8\x9c\xcf:\x1a\x91\xd8\xd5d\x8a\x05\xfd\xa0\x94\x0e\t\xe4m\xe3\xed\x10kYs\xe8kYH\xd0\xb8(\x04G\xea\x82*\xb6\n\xf0\xcc\x8a\xba\xaf\xb5\xa0\x0c\x8e_;\xc8\x83X\x10\xa6V\x0ca\xbaD\x15\xae\xe4\x00\xbf\x8d\x04\xfc\x0f\x0eI\xd0\xb2?\xc6\xfd\x99*\xe4*\xc0O\xeb\xa9\xad8\x121\x8b\x90\x12\x1c&lt;.\xb1\xa2\xf6\x03\xc2%cC\xd7,]-Qq\xb3\x82\xd72\x17\x85\xeahpZ`\xa5U\xa7\'\x00\x8c\xfe\xedM1\xfe\xf8c\xb7\xa0\x9eSo\xe2\xee\xac\x17\x13\xc4\x12\x94\xa6\x12\xccl\x13k\x15SE\xb3\x96\xfa\xf0S\xfe\x08\x82ms\x1a\xc4TW\x0c[i\xf4\xcc\xe2."\xf0HP\x02V\xb9\xfb\xd6\x14\xc1\xd7\x1f1\xc0\x05\xaa\xf1\nM\xab\xa0\xd9\xe6ft\xb83\xd3\xba\x0cg\x15+\x18\x13\x1b$\x12?\x9b\xd7\xbe\x8c\xfc\xe3\x81\x0f\x81\xac\nL\x18p\xd7\xd3\xfc.Kyd\xa1\x83_\xe3)\t\x94\x86_\x0e+i\x9f\xdaA\x05\xaa\xcd\xd3-\x1e\xa4\x10\x9b \xd2I\x85x?-\xdb\xf6\x8d\xfe\x9bR\xe8\xa7\xda[L\xbe\x0f\xda\xf8\n\xfez0:\xc7\xc2\x1c\xf6^\xd1~\xac\x9a\xec\x13\x87O\x0c \xb4\xfd\xda\xa1t\xec0\xf2\xbf\xc6[[\xff9*\xcc\x8cm\x1b\xaa\x9d\xa2\x8e\x85t\xac\x07@\xaa\x84\x12\x0c\t\x91G\xf3\x19\x80u\xc1\xf2\xfd\x9dEt\xc6\xcf$\x866[mX\xf6\x8c@\xea\xfe\xaff&gt;W\xa1\xdeS"\x96\xb9\xbdr\xb0K\xa6\x06\xdc|ov\xdd\x85GO/\xad\x9a\xbc\xbfMC\xd1\xcfj\xc7\xd1_\x81Gg\xae%\x94ZQ\xf8\xbbz\x98\x10\xd3`H\x00\xb4\x81dN\xf3@\xad\xeb/d\x81\x98\x88!O^Q\xb6M\x9d*\x0f\xe3\x11?\x83\xff\xf3\x88\x92\xec\xb1$Y\xb0\xaa\xb9W\x7f\x1c\xd7\x1c\x9b\x9b\xe3\xe2\xa8\x02\xa32L\xb6/mnHJB\xb8\x88jH|\xdf\xcc\xd4\xcb\xc0\xd0H\x9e\xf2\\\xb4\x056\xdc\xd9z\xa0\xa6R\x81\xc4\xf8\xc1\xe0X\x81*\xae?K\x07\tm\\Q\x86A\xcc\xd5N\xcf\xb5d\x00\xb4\x9e\'Y\xe2\x87\x89\xc1\xc2\xcc\xa0/&gt;\xa1s&amp;\x19\x84\x9b\xff&lt;\xac\xc8\xfb\x18T_\xf9\xa9H\x9c_S\x1cg\x80P\x88\xb0\xdcf\xc0\x8e\xdb\x95\x96\x99\x95\x18F\xff\xf8\x9c\x150\xf3\x0cryy\xed\x92\xff\x95\xae\xdfE\xf3\xa5.K\xce\x8bsR\x10/R\xc04\xe8\xf76\x88\xba/\x94\xe0Q\xdf\xfa\xfa*+\xb5\x8b\xb0\xe3R\xc4\xbf\x01 \x7f\xcd\xd5\x04\xddT\xf7\xf4\x8b_z?\xcf\xc0\x8d\x90g\x9fXV\xe4\x046t\x99\x8aYw\xb3&gt;\xcakt\xdb\xc9\xdd\xa1\xec\x8dQ\x97_BY\x04\xb3\x89C\x90\xd3J.j\xbd\x83\xe9\x8b\x00\xa3&amp;\x0f`\x05\xb8\xf2{\xbe9\xb5T\xdf\xfc\x85\xc8\xe5\xc9\xc1\x83n\x9b\\\n\x15L\xaf^?\xf7\xfc\xc4X\x01\xf0\x8a\xd1JI\xbe\x15@\xd5\xc0\x9f\xc1\x18\xf5\xe49\x11\xff+\xe9\xdc\x89\xff\\7!\xcc\x9d\x0b@\r\x99+\x17nx\xa8\xb1J\xf4#\xa1H!\xf5\xecY3\xb1\x9cQ\xc8t_{\x13\xfeV\xde\xe9\x9d\xbf\xb8\x12_\n\xb0=\x06$S\x1d\x10^P\x0b\x12OgC\x9c\xe6\xc6\\\x9c\x17\xe5\xd9\xc1y\xd43A\x99D3\x98\x1a\xaeP\xf9\xa8\xf2n\x80If\xbb\xadz\x1b\xb4\x91"\xd5\x9f\xea\x00\xac\xe7\xc0vay\x81o\xaf\x83\xcd&gt;\xbc\xbcE\xb9\xbf\xe5\xaa"\x80]\xff\xf0\xc7\rKn\x12w\xafM"\xf6h\xd4\xa5@\xeb\xa9D\n\x8c?\xc7O=8\xbf\xed\xa3\xdd;\x90_\xcfa\x04\x17T\xf50\x86\xb5\n\xac\x9fD\xa5\xb6\xc5\xd6c\xb3\xc6\xa8G\x06I\xe4KZ\x14\xc4\xa5\xb4\r\x1a\xb4/B\x96\xb2\xf1[\x94"\x12\xd4.Dm&gt;b~\xd9\x11\xbe\x16\xc2z\xe2\x04\x7f\x95\xf7\xf9\xa2\xff\xe9\x8bt\xe0\xbc\xe4T\x7f.\xed\x05\xbe%\xd9\xd9\x06t\x18\x01m;\xdcL\x17&lt;\xcc%\xc82\xc2y\xf62\xb0u\xfc:\x10\xacM\xc7BP\xe9{\xde\xeem\xccz\xb1:&lt;C\xe3(A\xc1\x8e\x1a-gm\xa7k\x065xK~\xeb\x86k\x02\xc2\xa7\xd3\x1a\xa55@\xd2\x92\xf0\x9c9\xe1\x85\xbd\xf3\x13\xe9\xfdA\x08*\xdb\xb0\x00\x03\x90\x19?v\x10\xdd\x1e\xdf&gt;\xb0\x1a\x87y+[\x89\xe34#\xb2\xe7\x81\xe3{\xd7\x04~\xfb. \xc3\tw\x83\xa0\xf9~\xc4\x00\xaf\xfb\x90%\xc5\x05D\xb7\x82\xd4\xda\xb6\x90S@J\xb3\x88A\xd7\x07\x07\xb9K@\x00\x18\xc8O\x05B\xc24\xe5\xdc\t_u\x88\x00eu\x16\xc8\xffD&amp;\x9e\xf4\'\x9ctr\r?\xf8\x1b\x9c\x1a\x0e~`b\x91\x98\xaaP\xf3V\xc1\xdbU\xe2md\xaf\x07\xa9A\x01\xb0iB1\xe4x|\xceeHBQ\xe2\xb3s\xc1\xe5\xe1\x03\xe6\xff\xae\x16\x85#d\xdf\n\x1eF\xa06ha\x16ku)O\x91\xb0!\xd8q\x04\xd0\x84\x04\xf9\xd4\xb4C]\xb4\x94Yr\x98\x8d\xb8oR\x8e\x84\x9d\xf0\xbcVA\xed\xbcIGu02P\xa9\xf6s\xf1\xf4s\xd8&gt;\xa5\x14\xceH&lt;\xde2\xc52\xdd%\xca\x9b\xeb\x1cU\xfa\xf7\xb3\xe6\xfa \n\xea\nG8GU\xf6\xd5C\xcf\xf7\x14U\xfa*B\xb6\xc7\xaf\n\xc6q\xbc\x8b"\xce\xfbD\xaf\xda\xab&lt;F\xe8\xd8!\x02\x9b\xdd\xd5\xf37f\xa7\xc9\x9d\xc8d7`,/\xed\xadh\r\xa1\xd8M\xe8c&lt;\xe5\xe7\xbb=r\x0cpz\xa4$\xf9\xcb\xb8{\x8c\x9d\xc0\x87\xff~\xc6\xc7\n\xc4\xd7\xda@\xaa\xc5\xbf,r\xe4A_\x96\xf5E(\xfd9\x98\x88\x03r\xfekz\xe2\x1e\xb6c\x8a&amp;\x16\xb8\x9c\x14\xe4\x14{\xd9\xb9\x86\xc7\xe3I\xe8\xe8\xb0\\A\xdeA\x02y\x86I\x8f\x89&amp;s\xcbJ\x00\xbez\xbf\xcaS\xd9\xe2\xe8\xb4\x1c\x8b\x05\xbb\xca\xac\nd\x8en,\xdb\xa9\x11s8\xd2(\xc1\xb1\x16_\x8b\xfc\x16\x02\xb3\xd6\x85\xb6\xb9#\x04\x88je\xab\xc3\x0b\xe4\xac:\xf8\x01\xb6\x96j\xec0\xf0\xf7J\xf8\x93\x99\xcb\xe8\x8e\xeaG&gt;\'\xf2B\x81\x17XG\xb4Fv\x9d\xe6\xd0*k\x9db\xdf\xe0\xfaM0\x8b\xdbT=g\x86\x01\xbfo\xa4\xca4m\xa4\xbb\xfe.\x88\xab\xcdY\xfc\xe8k\xae\x18\xf2\xe4S\xa3UV\x9b\xfb\xe7,\xc9\xa3\xec\x9e84t\x89\x9c\xe9E\xb1&lt;\xc1\xb9\xe1;\x1b\x14)\x1f\xab\xf6,9\xf8\r\xba~a\xcc\x9e\xc0\xa0~FL\xd9\xa9\x0c\xb0\x91\xce\xb2`\xf6\xed\x95\n:@\xfd7\xdb\x83&amp;e\xe4[\xc4\xfc&lt;\x95\x16\xc6\x9c\xf8\xab\xb5\x1e\xa3q\x1eG\x04\x01\xca\xec\x9aa\xb1\xa7Bw/\xe5\x17\xb1\xbe\xd0\x1b\x95\xd6\x86u\x86\xe2\xdfM\x82\xde\x9a\x98\xe2z\xed\x9b$\\\x0e\x80\xd6[\xbd\x84\x86\xbe\x84\xb9\xc6\xab`&lt;\xa7\x80/\xd0F\x97\x15\xb6!C+\x05R\x13\x19\xa7\xd2 \xf1P_\x1a\xaf\\\xdb\xf8\x89\xaa\x9f\xc9d\x93\x97i\xf5\x02V\xe4\xdcXu\x89\xb9\xc3\x85\xd8\xf6\x12\x86\xcaY\xc6K\xc9d\x95lj\xad\xa5r\xe6\x98\xbe\x01C\xa6\xb2cSwf\x89\xc1\xf3\xbe\x0b\xf4\x92\xea\x01\x86Sk\xc1\xc5\xecJR\xfet\xb7\xd0[#,v\x19\xc8\xe3\xdb\x98\x0eeX\xf2\x1e\xed\xb0\xdb\xdb\xc6\xbe\x8b\x87\x03Sx4YX\xc7pE\xbb\xc6\x03\x99\xf3\xe4&gt;&lt;\xaf\x08XdXj/\x08L)\x0bcAj\xda\xed\xf7kMW\xccXJ\x1clC{\xb9\xac\xca:\x1a*`\xa4\x9cF0A\t\xd9\xb1`L\x87\xebB\x8c\xc9L}\xa2\xdd\xbbL.\xeen4\xf83\xd5\x9fj:\xc2)\xf9\x8b\xe8\x11\x08^\x8e8\x90\xd1ol\xbe\x98t\xed\xf1=\xdbFs\xfdc~r\x8f\xab#\x1co\xcf&amp;v\xd426\x8b\xc3\x92\x9bm\xd1\xe0\xdb\x04\\\x11\xf3\xac\x80U\x93)\xf3\x9b\x99\xff\xddR\x9aq\xab\x05B\x015\xb6\xd6+\xc2\xf5-5$\xed\xcc\x8b6\xb9\xf8\xdaXs\x1fh\xdaa$\xfbF8BP\x1c\xc1]\xf7\x89(\\\xc4l\xbc\x0b\x97\xcbK\x8aH#b\xd7xM\xa6\xb5R\x0c"\xd5\xf7\x8bK\xe4&gt;0ZQ\xcd&lt;hp\xb3\xcf\'A1/\xcab\x0blm\x8c\x83\xa2\xcbx\xd6\xba?\xbc\xd4\xf1\xdbgvt\x04\x93\xe4Km[A\x9f\xa4;\tO\xb3A\xea\xde\x1f\xcc\x1fa\xd1\xa1\xef\xbf\xd8\xd6\x91\xfe*]az\xdb\xdf\xb1\xab'</t>
  </si>
  <si>
    <t>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</t>
  </si>
  <si>
    <t>b'!$\xb6\x0f\xb3\xa8\x9c\xcf:\x1a\x91\xd8\xd5d\x8a\x05'</t>
  </si>
  <si>
    <t>received orders from Master Colin's room to the
effect that he must report himself in the apartment no outsider had ever seen,
as the invalid himself desired to speak to him.
"Well, well," he said to himself as he hurriedly changed his coat, "what's to
do now? His Royal Highness that wasn't to be looked at calling up a man he's
never set eyes on."
Mr. Roach was not without curiosity. He had never caught even a glimpse
of the boy and had heard a dozen exaggerated stories about his uncanny looks
and ways and his insane tempers. The thing he had heard oftenest was that he
might die at any moment and there had been numerous fanciful descriptions of
a humped back and helpless limbs, given by people who had never seen him.
"Things are changing in this house, Mr. Roach," said Mrs. Medlock, as she
led him up the back staircase to the corridor on to which opened the hitherto
mysterious chamber.
"Let's hope they're changing for the better, Mrs. Medlock," he answered.
"They couldn't well change for the worse," she continued; "and queer as it
all is there's them as finds their duti</t>
  </si>
  <si>
    <t>b'F\xd23\xf4\x88\xf1\xc5\xf1i@@P\x7fu\x87\xd3\xb8\x07p\x01YC&lt;}\xec\xb0\x96\xed\x8c\xb6Zgw\xd6\xb0\x0f\x05\x00\xceC\xe2\xb7qZ\xdb(\xed\xfds\xf9\xfa\x14K\xf6+\x1f@d\xdb\xf3\xed\x85S\xd6\xddS\xff\xe4\xa8[\xbf\xa1\xb3C\xe9=;\x17\x1bI\xf6\x9bd\t\xf56\x02#\xedT\x1bf0\xf6\x92\xc27\xc70\xfb\xbc{\xffM\xc4\xb1\x13\xa3\x1c\xdd\x1b\x0e\x8cL\x13"\x17\x13O\xcd\xed\x9a\xbd\xaa\ry\x9d\xba\x05\x06\x89\xc0\xe1[\x18\xae\xe0\\\x0b9SY\xe8W\xc7yf\xc2\xfc\xf3\xeb\xaf\xc8\x96`r:\xceZ\xe9Q\x0c\xf1\x8d\x97\xd4\xfc\xfa\xe9i\xf1\x1f\xe1\'\xd0\x86\x0b\xae\xcf~\xa3\x8b\x96.`\xd7\xf1\xc0\xa8\x1a;\\\xf7:\x18\xca\xd8\xfc}\xcd\x7f}\xbe\xdcc\xbb\xe7\x90=Z"?\x0f\xd8\x8a\xac\x8c\xf9\x1eZ23i\xca\x11\xedm\x9a\x91\x12\rJ\xdexo\x1eI\x0ba\xf0\xac_f\xb3\n\xe2\xba\xd3u\xdb\xd0\xd3\xe3\xc9\xeb\xc2d~\xb2\xc5\xee\xa0\x92}\xcdu\x91+\xddEVG\xcd\x87\x01\xfb|\xe5B\x03\x0b\xd9\xf3\xd2[d\x19\xee\xc7\x1c\xbcBz\xef\x96\x9a\x80&lt;y\xc5T:\xb6A\xa1;?\xbaI\x18Bf_\xbb\xfd.\x03\x91,\xe7\xdc\x846\x08\xa5\xc3\x90\xa0\x9e\xda\xbdi/\xbeh\xd7PA\x04\xe5~\x02\x1e\xa1j\x12\xe3lf\x19\x1e\x0cB\xb1=\x1d\\co+\xca\x8d\x06\xd5\xda\x13\xe7b\xca\x88\xbb\x8c.\x05D\x05-3R\xa2\xcd\x0fU_\xaci\xb3\x01\xf7\x7f\xac\xeb\x98g\x04\xc0\x83\x05&lt;V\x1djS\xb7\x1e%\xb2\x10G\x19\xba8Z\xbc\xe1\xceQ&amp;\xba\xf8\xdf\x92\xbc[&gt;9`\x91\xcfu\xef&gt;%\x7f\xbe\x9c\xcb\xb6\x15\xb9C\xed%W\x81\x80*&amp;\x0bG\x13{05iB9\xd7.\x1b\x8b\xb9\xd0\x11\xc9j\xc7Z2\xa9\xa5"R(Q\x0b\x04\n\xe7\xd8\x87\x15\xb2\xfd,\xaa\xcd\xf4\x1a.X\xf9_\x96N\x87\x07\xa7\xb5f\xfd\xd0\xde\xc7\xb2\x92Y\xb2\x90L\xc2\xc7++\n\x87&amp;\xd4\x0by\r\x15#\xfer!\xab\'\xed\xa7m\xc7\x97\xf5l*C\xbd\xecE\x84^U-:b\x0e\xd2\xaa\x9a4\x82&gt;\x92@g\xa4\xa9J\x1c&lt;rUc\xf5\xd3\x17\x84\xe6\xe9\x7f\xeeJ\x9a%e\xbb\x1e\x88q\x93&gt;\x02\xec\xc5\xf3\x14\xd8\xc4\x99\x90\x8cy\x1f\xf2\xa3\x93\xf6}\xf0L\xb5\xf3s\xd0k\x10\xef\xd5\xbc\xc8\xcb\x10[\xd93j\xd2\x96\xc4W\x9c\x0b\xfc\xd0v4\xb6\x8a8e\x06\xb3\xb7Z\xe8$c\xde\x19\xa7\xa4F\xef\xb51\xe4\x05\x9b\xc9\xad\xde\x94\x90\xce\xea\xd3a\xc7\xed\x00\xe3\x83\xea\x82\xb2\r3E\xc72\xf4\xa4\x17?j\xdf\xbf\xcex{\x98\x9bo*J\xc6\xe4hd#\x8e\xcd*\xfeu\x83\xb0\x04_\xf8Z\x0e:j\xe2\xf8\xb2l\xb0H\x0bN\x9f\x16\x03\x0b-\xb7g\x10\xd4@\xcdv\xbb+Z\x81I\xe8\xea\r\x07!\xca\xc4W`|\x07\xea=D\xb1\xc8B\xfa\x1fgf\xc5\xc3rz3B\xd2\x1a\xa1.\x19\x00\xeb\'\xbd?f\xdd\xb8\x8f\xa73?\xfd{\xdf\xd6\xa4*,!a\xa03\xc2H3\xfd\xaf$rJB\xcc\xdcU\xa1^r\xa0Tw\x82\xb5\x95\xcd;&gt;wF\x14I\xe8z\xfd\xc4i=\r\xc6.\x83/\xc2-\x166Q\xe4\x0c\xd8\xc0\xea\xab\xf7w\x97\xb0\x83/\xce\xfc\xd4&lt;U\x85]\xe9y:b\xab\xe9\xb8\x97\xd9D\xe0\x9c\x92$j\xb8\xc4\xcf%[\x96\xb7\xaa\xe4[\x17%\xe4\xca\\\xad%\x00\x8c\xd4\xd1\x18\x89\x92\xd3(\xde\x9b6,\x95\x02\xb7\xc10\xf9^A\xf5\x01&amp;HI\'\xceY\xb8n\x17\x020\xdf\x9a-i\xda\xfd\tel\xde/\xd6d\xdf\xfd3\xb1k&gt;\xde{\\\x8cX\xf9mT\x8fU~\xcd\xb3\x90eNb1\xb6\x95g\x8fe7d\x99\\\xc7\x83\xe8\x1f\xeaB\xd5#m\xdf\xe0\x81p\xa3\x14\x06\xde\x91\x81\xf2\xf7@\xabLs\xf1%\x11c\xd4\x9f%&amp;H\xe1\x9br\x00\x99m\x91\xd4\x15\x86\x83\x81\x14\x89\xbf\xd8PVV\xdc\xf4\xb1\x18yn|\xa7\xd7\xa4\xb1\xfa\xfc\x14\xbeCw\xab99\x9c\xc8\xe4\xc5\xc6\xbd\xe2E\xbb+\xb5GGP\xfe\xb39\xeb\x84\x96\x86\xb0\xd3\x07\xd2+c\xa6FH\x94R.%v\x82\x9a\x89kT3\xe4\x86\xc5\x97\xf3\r\x93z\xa6^B\x0c\x80\xf1'</t>
  </si>
  <si>
    <t>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</t>
  </si>
  <si>
    <t>b'F\xd23\xf4\x88\xf1\xc5\xf1i@@P\x7fu\x87\xd3'</t>
  </si>
  <si>
    <t>keynote speech, or elevator pitch.
 THE SECRET WEAPON THAT WILL GROW YOUR BUSINESS
 17
 The brain remembers music and forgets about noise just like
 the brain remembers some brands and forgets about others.
 Story is similar to music. A good story takes a series of random events and distills them into the essence of what really
 matters. Thereâ€™s a reason the final cut of a movie is called a
 final cut. Prior to the theatrical version, a film has gone through
 rounds upon rounds of edits, omissions, revisions, and deletions.
 Sometimes entire characters end up on the cutting room floor.
 Why? Because storytellers have filters to cut out the noise. If a
 character or scene doesnâ€™t serve the plot, it has to go.
 When clients want to add a bunch of confusion to their marketing message, I ask them to consider the ramifications of doing
 so if they were writing a screenplay. I mean, what if The Bourne
 Identity were a movie about a spy named Jason Bourne searching
 for his true identity but it also included scenes of Bourne trying
 to lose weight, marry a girl, pass the bar exam, win on Jeopardy,
 and adopt a cat? The audience would lose interest. When storytellers bombard people with too much information, the audience
 is forced to burn too many calories organizing the data. As a
 result, they daydream, walk out of the theater, or in the case of
 digital marketing, click to another site without placing an order.
 Why do so many brands create noise rather than music? Itâ€™s
 because they donâ€™t realize they are creating noise. They actually
 think people are interested in the random information theyâ€™re
 doling out.
 This is why we need a filter. The essence of branding is to
 create simple, relevant messages we can repeat over and over so
 that we â€œbrandâ€ ourselves into the public conscience.
 BUILDING A STORYBRAND
 18
 STEVE JOBS AND THE MESSAGE OF APPLE
 Apple grew much larger only after Steve Jobs began filtering his
 message through the lens of story. Transformation in his thinking happened after working with (and partially creating) the
 genius storytelling factory that is Pixar. When Jobs came back
 to Apple after being surrounded by professional storytellers, he
 realized story was everything.
 Just think about the incredible transformation that took place
 in Steveâ€™s life and career after Pixar. In 1983 Apple launched
 their computer Lisa, the last project Jobs worked on before he
 was let go. Jobs released Lisa with a nine-page ad in the New
 York Times spelling out the computerâ€™s technical features. It was
 nine pages of geek talk nobody outside NASA was interested in.
 The computer bombed.
 When Jobs returned to the company after running Pixar,
 Apple became customer-centric, compelling, and clear in their
 communication. The first campaign he released went from nine
 pages in the New York Times to just two words on billboards all
 over America: Think Different.
 When Apple began filtering their communication to make
 it simple and relevant, they actually stopped featuring computers in most of their advertising. Instead they understood their
 customers were all living, breathing heroes, and they tapped
 into their stories. They did this by (1) identifying what their
 customer wanted (to be seen and heard), (2) defining their customersâ€™ challenge (that peop</t>
  </si>
  <si>
    <t>b'\x03\xce\xa9\x0c\xa0\x8b?=@\xc4\xfb\xe4\xc5\x14F\x04J\x8b\x92\x8a\x12\xf9\xf9m\x1e\xb2\xd8J\x88\xc9\x9eY\xee\x10\xa9)\x11\x10&amp;\xbcm8\xd4\x94\xb54\xcd*z?\xc1\xd1\x1a\xe3\xd1*\x8d\xf1h\xb3\xe5\xa1\xad{\x83\x0b\xceL\xf5o\xa1\x9f\xe2\xa0@\x7f\xe2\xd5\x01\xcd\x87;\xf6\xfb\xba2\xe0g`\x8d\xe4\r\x1b\xaa3\xcb0\xdb\xf4]{\xb4C=\x8c\xb1|\xe3\xd1\x06i&gt;\xd2\x16T,N8\x8ez\xb3\xdc\x13#\xb2=\x8a\xc5;\xe6\xcb\xae\xc4\xda,\xab\x8a\x0e\xb6\x80`\xa47@.!\x16\xb1K{\x0c\xb2\xac\x0f\xa4\x80\x83\xd3\xba:\x81\xa8\xe79\xc2\x8c\xf1\xba}\xf5\xd7\x13\xc7\x89\x15\x9fL\x9f\x1c\x00\xd5/\x92R\x06H1\x87,\x1do"\xc6V\xff\xb5~\xc2\x13\xb8+\xa94p\xf7n\xfe\xba\x8a\x9bm\xb5\xef@\xdb\xa7!p\xc9\x1d\x1f\xb6=C\nA\xf00Ag\xbbz\xa7\xa8%\x80\xc3\x9fd0L\xce\x1e~\xf1\xf3\x85\xa9\x9a\x95\x02$\xea\x12\xe7\x0cwO2T&amp;\x1c6\x12/q \xa1\x00^\x073\xef\xebc\x92M\xb7\xa1\x8d\xadRgRP\xea\xc4\x0b\xcf\x15`F\xd1{\x84\xb9\xe8\xfc\x18\xd5\xf8\x04p\xb2\x8dl\xa2\x8f\xc9\xd3h\xde\xf3\x16\xbd\x97\x1b\x9d\x0e]2\xe78\x06\x14-\xd9\x989\r\x9c\x11\x0b\x95\xa8\x04\x81\xfa\x88N\xdaEASx|\x16\xf3\x08`\xf7b\x19\x99Z\xb6m\xf4\x84\xb0\xa1\x9f\xf1\x00\xbf\xf6.\x85\xed\x9bz\x11\xe7\xbfu\xd8t\xc02\xd7\xa6^\xfb+\x12\x80\xdd\xd1\x83\x8a&amp;H\xa8g\xfc\xbc\x97\xdd\xee\xb5\x9b\t\xaa\x84X\x1b\x9eI\x97\xd9\xfaW`\xf1\n\xe4\xe4y\xcd\xff\xf4:\x80dr\xb8|\xe0\x18\xfbo\xad\x8f\xa7\xe6\xb2\xeb\x0e\x1d\xe9\xa7\xf2\x1aV\xf1\x9c(\xbfq*\x88\x8aIUK\x1c\x9e\xc2\xe2\xd0\xc8\xfb\'F\xc0\x100~Z\xdf\xe5\x93\xeb\xcf$\xc8s2\x0b\xfe\xa2\x05\xebIm\xaeH\xd5\xfa\x95\xae=\x91\xe9 \x00_\xa9\x85\x8d\x83\xff\x13\xdb,\xd0R\xfa\xd1\xca\xa7\xddxQ\x14C\xca\x1e\n\x97\x8d\x9b\x9d\x00\xa0U.\xb3.\xda\x94\xbc\xf3\xec_\x01\xb9b\x8c\xe4\x021\xdeR@i\x8c\xfcYrVK\x19_\x93\xd3W\xaa\xc4\xd0_L\x86\xeed\xe9y9\x0f\x17\xe8\xbd\x83\xdb\x98U\x7f,\x81)\x8e;\xf1z#f\xc2[\x82\x08\xb8K\x88\xce\xa4\xfa)\tK\xd1\xd7\xe5\xe7Q\xba\xc9V\x00V\xd5&gt;\xab\x92PB\xe8\xbc\x08\xff\xf0\xdb!d\xdd&gt;2\xdc\xf6\xe2\xd9\x94pt\x95`\x10\xab\x16&lt;\xbe\x89\xb4\x86\xc8\xe1D\xe9\x83\xc7k0\xae\xc2\xbd\xd1\xd7\xe0\x86\xd9\x1b\xb0p\xbd#\x96\x87\xed\xa0n:\xd5\x08\xa9\x87\xb0a\':#WY\xd41W\xb5)\x04O&gt;+\x9f\xa1_\xcfl\xe4m\xddh\x9d\x99\xc4\xc0\xf8"\x88L\x16z\xc1\xea\xad\xe4o\x9b\x96M\x02\xc3]\x91x\xcf\xc2\xf5M\xe3\x98\x0b\x13*\x88\x0c\x96`\x00\x95\xd3\xb0\xb3\x8dt\x13\x1a\xad|AN!\x17\xce\xd82!\xb5bH\xde&gt;\xaba\x96\xb3{ro\xe1?G\xc6\'*t\\J75\xc4\xaa\xc7\xe0\x9d\\\x8fc\x80\x97\xd4\xf5\xb8\x1b\x92&amp;\xea\x92Y\x0c\x00\x16\x08\xe0x\xb0j&amp;\xfd\xfd\xcc]\\zq\x18o[M\xb9{\\O\xe9\xdaLXQu\xd2\xbc\xe71\xb78H\x14\xc8E\xdc\x86\xe3\xc1l[\xd6\xcbK\xde"c\x06\xf1\x16/\xc3\xe5D\xf7\xb6\xbb\xa1\n\x9c\xf3\xde\xa7-\x0f\x1ci\x02\xcc\xcd\xabl\xe5\xbe{Y\x0c\\i\xb2y6 \x18\x883\xfbH\xf2\x80\xde\xab\x0e\xea\x9f\xec\xd5R\xe4\x120a\x1fw\x18z\xa95\n7 W\xb7\x1f\xbf\x95s\xa7\x87\xbb5x\xe3\x84D*\xc1]\xd5N\x12\xf9\xd7\x1e\xbf\xf7\x85|\xc4\xcejd\xec\x0eE\xd9\xfb\xf9GN\x93\x1e\xdf\x88\x9f\xca\xf7\xc5i\\\x19\xdfjZXp\xb2J\x8c\xcb\x9c\x074.\x9b\tS\x1a_\xd1\x87\xcf\xd7X\xa3\xe6Vy\x0c3\x95.#\x0f\xc4\xf3{\xf4l|Jy\xcc\xc1\x1a\xa7\xad\xd5\xe39cwt\xfd\xb8\x90\xb2\x1e\xcc\x01\xfb\xda\x05]E\xb8Z\x1c\xf3\x17\x88\xae\xee\xf9\xfdIp\xa5\x1e\xac\xfe\x03r\x92Z\xb1\x06\xc3\xec\xff\x04\xa2\xce"\xa6]\x8d\xffC,\xc2\xae\x83\x92\xe7\xee\xb0\xa9%\x95\xad\xccS\x98\x9d\x1e\x07XE6a\x84\x96\x02\xc5\x00\xd7M\x04\x1a3\xa2\x1ec\xcb\x18p\x1b\xe8\x8ek\xaa:\xd3l\x00k\x81\xd7qedo\x8f\\\x01\x1c\x8f\xcdnsr\x8c\x87\xaaq$w]\x1d\xeb_\xd9W\xdc\xe2Y\x05W\xb90m%\xef\xd3\xd0\xd9RX\x16,\xb4\x19\x1a\xe3b\xd6\xd3\x95\xe8\xa6\xbf\xd6\xb7\xb7\x1c"z9\xfc\xc0\xcd\xfe\xfe\xefr&amp;V\xcc\x8f)lP^\x07\xeaVu\xf0\xc7\xcd\x94\x9c\x8e\x18\xd3\x05\xcd))\xa6\x18^\x8c\xf9\x81\x1c\x80\x95\xe1\xd1\xc1\xad\xd9;U\xdfe \x8e^{\xa5;\xa7jr\x89\xb7\x8f\x1f\xe5{G\xc0\xf8k\xb8Z\xcfn\x17\x08\x16\x1df\xc1e\x96\xd9\xa12\xdd+\xef+\xaa\xc6u\xd0\xf0\x8c\x8c\x81\x19_\xf6\\\xda\xa3"\xbbR\xbf\x96\xe8\xa2\x9aJ\'\x0f\xb9:\x9f\x8b\xc6s\x04\x0finc\x83N*\x0cY\xcbQ \xbb(\xb6\xa5U\x810C\x92\x11\x8c\xc0\xcfI\xa6]\x94dA\xfd\x98\x0e\x88\rm\xc3\xcbj\xbdY\xd1o\x81\xbc\xb6\x14O\x10\xd3\xe9p\x1d\xe6\xa9\xfc\x14\x97b\xfb\x8b\x94\xb8\xaa\x1e~s\xf8Wj\xeb\xb0\xc7\x80\x0cMo2j\xb3~\x13N\x1fm3\xfd&amp;\xe8\n\x87\xe9\xa0!\xdb\xcc\xc3+\xd9\x80\x10\xc2-\xb2\x9c\xa7Tn\xbcG\xf5\xe5Qk\xd5\x85\x18\xde\xc1\x8fj\x04\xb0\xdc\xf8\x8e^3P9\x95&lt;&lt;~}\xac\xa0\x90PQ:\xe3\x80N\x04\'\x1f\x94\x1eq\xe9dxF\x14\xf6T\x95\xb9\x8e\x07LPv\xf0\xe2\xb2=\xc1\x0bj\xd6\xe1\x16\xd9\x03\xd0\xbd\x16\xdd\xb3\xbb\xa6~\xd5zX\xad\x1b\xfe\xe9\xd7;_P@s\x8d\x19E\xf3\xf1\x87\xcd{-\xd0dM\\s\x98\xa3\xe8.s\x88T\xd2\x1fD\xda=\x14s\xf2\xb8\x82\xd6\x91iZ\x95\x01A\xfe+\xa0G\xb9yJ\xf2\xac\xca\'V\xcet\\)D\xa0\x88\xdb\x8b\x17\xf2\xba\x98\x1e\xecm\xd1\x03bo\xa2\xdbT&amp;\xb7\x10\xd7]=|\x89\xec\x15\xda\x92\xda\xe1&gt;\xb4\xd6\xdd\'\xe1\x05I\xe0\xddV9O{\x94\xc6\x94\xea/\xed\xa3\x8bR\x99*\r\xa4P\xc4\xf1\x94:V\x8d_\x90F\x96\x86\x14\rM\x18\xb5\xb2\xe0\x1d\xee\x9e\x19:\x03J;e*\x96\x07W\x19\xbb\x89(\x9fh\x80%\xd7\xa6\x95\t\xc2i\x83\x9d\xe6p\xbd\x80} \x84\xc8\xd2\x0c\x9a\x98\xbd\xeb\x1c\x0f$\x96\xed_\x90\xec\x91\\\x12i#Y+\xcd\xd0&gt;E\xd6E6;T\xe1\xc7\xf5\xfe;\xaaQO\x9cq\x02\xae\n\xe0[x;\xce\xd4L\xd7\xc0\xc8\xe1\x96\x10\x9f\xff\xeeg\xc1\x17\x02A5\xf2\xc2q\xe3\x947\xd9\x8a\xfa\x87\x1c&gt;Q\x84\xff\xed\x9cF\xa9\x1f\x15\x87\xfa\x14?\xac:\x0f)\x8brq\xf3\xb7B7"6\xf5\xb1\xd1!\x8e9,\xc6\xe7\x03\x1c\x12\xde\xea&lt;\x01P\xed\xcb\x8e\xa1\x95\xdb&amp;h\xdaL\xb9\x84Q\xfa\x98&gt;k\xc80\xe7\xbb\xf5\xf1\xee(\x162\x1b\xb7\xe8\xee2@\xf8oS)K\xb0V!\'/\xf5\xd4\x0e\x193\x0c\x96\xae\xd3\x96#\xd3\xbd\xa3[\'\xae\x808\xde\x8c\xc0\xf3\xa1\x10\x8d\xbc\x81Jkb\x98\x8e\xe3\x7f\x97\x16\xcd\x7fP&amp;\x1a2\'\xe0\xe0\xd6\xc3\xfea\xd1\xa7#\xc3\x03\xb5\xd0LhH\xfd8Kf\x96\xfd\xc8Q^\xa9\x1c\xdb\\\x87[\x08h&gt;PN\xba\x1aTv^\xb1e\\\xa1\x85\xbc\xd7\x90U\xcc\xf9\xa8\xa9\xd4\x02\xb4\xf5W\xa5t\'\x9dN\xe9U\xc6I\x87\x12\x03\x125\x8a\r\xdb\x08\xd3$\x97\x17B\xf24\r\x0f\xd7\xd5\xf39\xd5lc\xc8=\xa9.\x18\\\x0b5\x1et\xbd\xf9I\xe1\xb7\xd9\xe7&gt;\xbf\xed\xf7\xc9V\xb5Jw\xe2\x94]\xf6\xcf\xc7\x15\x94\x12\x82\xbc\xf4\xfd\n\x987\x98\xf3KS\xe5t\xfd\xed4al\x80sq\xf4\x1e\x12\x8f\xb6\xc7\x15\xa4\x81*Iv\xeb\x9f\xb7\x82\x04\\\xbc\xffF\xdb\x03,3P\xa3\x8d\x00n%--\x9b}\x98\x82\xfb}5\xc2@`\x815\x13H\x8b\x1a\x84\xf54\xdd\x19\xee\xf3\x81\xb5\x9b\xb1\x9e^\xa0\x90)\x95\xb6\x98n\xd8\xc1%s7\xbc\x85T cX\x1bq\xae2\xfc\xbe\xda\xeffK\xb7\xd9?&lt;\xf0\xdf\x1d\x17\xa6|\xbf\xbeM\x15\xa3\xec\xd0\x96ogX\xa4\x981\n;m\x99FQ\xb9+\xba\xa0e\x10\xae`L\x1cB\xcd^E#R\xbd\x14R\xef0\x9a\xb8\xfa\x14\x16\x80$\xc8\xec:\x04\ry#7B\x865WJ\x9f\xb67%\xffU0\x9dMr\xfc/\\\n\x1aW\xd1_j\xe6B,Fm=1\xe6\x04#*\x1b\xf7\x9b\ne\xeb\xfe\xe8k\xe7nI\x101\xed\xadP&lt;\x10q\xfaWtR\x99\xc4w9\xb9\x04O\xaf2\xbfd"\x06\x96\x9a&lt;/\x84 \xb3\xec\xdc\t\x8a\x144\xe9m\xd67\x8d\xd3\xb1\xaa\xfd\x1d\xf8\xd4&lt;\x0bQ(#\x0e\xa0\xba\xd2G(\xd1\xa7\x17\xfe9\xa9\xa2\xc4\xd7\xa4\n\x8f[\xf6DG\x81\x04\xca\x04.\xf5or\xef\xd2\xa1\xcc\xdb4tZ\xc6-*\xa5}\xde\xbc\xf2\x96Y\xb4L\xe9\x96f&amp;\n\xcc\x03\xe2\xd0aE\x8a\x14\xca\xf9&amp;G\xca\xab\\\xbb_\x95\xb2\xdaP\xc2\x87\xce\x9d\x94.\xac\x1c\xe5\x1a\xc6\x9c\xed\xca7\x04~\xcc\xbc\xbd.\xbd\xe5\xa5|\x1e#\x7f\xf5m\xfc\xc4q\xc88\x80\xeeb\x80\xd0\x18\xbd\xfcN\x98S)q\n\xcc\xb4C\xbeb7,\xc5\xa9Wt\xf1\xa9"\xb8\xb5\xfb\x87\xe72]=hO\xbc6\xf1\xc85\x17\x80\xd0\x19\xe3\x83\xafu\xe8\xe5\xa9\xd8\xfc\x17\x83\xb0\x9a\x11\xd9\xdeA\xe0\xec\xf6U\xcac\xbbE\x104\x0fB\x8aSy\xaa&lt;M\xd9n)x\xac\x822\xa9\xc4q\x9e\xb43\x9f_\xa6\xbd\xe7\x10\xa1jp0Z\xb7\xeb\x1a\x00A\xd8\x82\xc7~\x91\x1a7V\x05c\x16\xc9\x04\x05\xfe\xe1h\x1fEL]\xa6"IX\x80"/\xf2\xb7\x8e\xb6K\xe8\t\xd5@\xb8\xf7\'?\xf1\x06\xe5\x16\xad\x88\x0b\xcf?\x80&lt;\xb9\xad^\xbf8\xe0\x8adc \xff\xb1\xb7\xdeZ?\x1aJ\x0bW!\xe2\x8fL\x90\x96\xfb\x1f\n\xa8 \x8c\xd2\xd9Vt\xba \x85bK\x0c\xb3."\xa4J\x8cD\x02\x9f\xf2n\xc69\xcd=\x0c\xe4\x8c\x9f\xeaB\xa6\x01\x89\xdbfSl\xbe\xec\x86\xcd\xa34\x7f+\x18|[\x1e\xde\\\xd1PZ5iGiD\xb92\x1f\x16\xab\x9b\xac#,:\x0bfR\x18\x91\xb5&lt;\xa9\xfb\x03\xd3\xef\x8b\xbb\x83\x96\t\xd7\x04-[\xfb\xc7\xba%\x1e\xe8\x02\x06\xd3K\xec?\xfaD}t\x9eb\x0b\xea\x93\xafw(\xf3\x1d\xe6\xe2\xb5#\xf7\xfe\xdbh1\xad\xd9\xe1\x15\xe1 \rN\xbb\x17\x02\xc5\x03*5\xa5\x8e\xa4:;\xf9\xba\x9a\x0b\xc7\x88\xff\x87j\x1e4dL[\xfe\x0e\xe3\xaf\x87Tb\x95\xa2\xd3\xee\xa3\xfcQ\xbf\x0fH\xd1\xb8\xadjV\x12+\xe38\xff\x84\xce5\x86se,J\xdee$\x9a\xf4\xb9\xc9\x1b\x19l\x0f4\xd0[:\x0f\x8c\x9f\x01\xbb\x88.at\xcd\x0b2\x8a\xd8\x98\x8b\xfc\xfb5\xf9\xe2%\xf6\x81\x1c\x02\x01J)?\xf9\x8f\xc4gW\xe31\xff\xc1\xc1\x1a\x83\xbdO\xe3q\x93\\\x0e\xbc\xd4+\x8akm:po$MZ\x8b"\xdd\xa5\xec\x16i\xa8\xa2i \xd3\r\xe17\xdc\x8a\x9c\xa6b\r\x16x[\tI\xd6\xc6\xdb\xb0\xc7|\x87\xf0c\x08r\x0f\xbd\x89\x13)\xa2\xd7\xb5\x80\'\xe1\x06\xb0{\xe1\xd2\xf9\xc3\x8f\xea\xa2\x98@\x87\xcf\x15\xaa\xc6hp]\x14\x92#S2\xa6yE+\ty\xc9\xa9L\xfd\x80b\x8c%[\xa1\xad\xf6B\xb3\x003\xfa\x9f\x9d\x1f\xe5\r\xb6\xad\xcds\xe8J~~h\x15\x84\x834\x8bP\xe8\xf5t3\xa5\xceC\xb8\x83\x17\x82\xbfpPW\x10\xfc\x12\x07\xee\xc7\xcb_\xf3\x00\xe3\x81x8\xb5\xc5\xfc\xd6bW\xec\x88\t\xa6\x8f\x01\\p\xe2\xcfx@\xcd\xce\r\xbbiBl\x81\xdc\x91Y!}j\x92\xfa6\xb1\xc4\xba!\xf1{\xf0\nu\x19\xbe\xd9\x1bK\x8euoK\xb5 ;=/&lt;\xaa\x1d#\x98\x0f2\x04\x80\xd9\xae\xe21\x1a\xb7&lt;=\x91\\,\x8b\x19\x9e\x9e\x8d\xb2\xb1\xc2:\x89\xa6:T\xf8\x08\xec\xd3O&gt;\xfer_\xac\xac\xd5S\xfc\xad\xaas\x03\xa7\x15\x03ah\xa3lh\x18\x0eb\xebb\xcd\x9c6N\x19\x87~`T\xe6\xe62\x8f\xcd\xe9\x97H\x0f\xc6\xc7\x9am\x9dE\x96\tf\x05\x14\x19 \xd8_#\xae\x0em\xfb\x98\xaaLA\xd3\x1a=\xda\xde\x80TX\x82\x0b_\xad\xb3&lt;\xcb\xe7D&gt;\x97\xc6&lt;\xbd@\xe4\x9dq\xc8\x8fiQ{@\x1eJ\xc9F\xe7\x86\xb3e\xfb\x10u \xced\x19\x8fd\xab\x8b\xda\x82;\xf9\xc3\x13UN\x8az\xd2^J\x8b\xb1"aL\x1b\x81\xaaS\xf6\xe8\x95f 1@f\xa9}\x0e\xa3ybC\xb6\x95ir\x90\xa7\xcb#^\x87X\xa0B\xbc&gt;=\xc5\xda\x8c\xcf\x89\xe6\xd7\xd4KJ\xa6\xa6\x1c\t\x90T\xb2\xd2W?(\x9c\x8dN\xb3\x94\x00\xb7'</t>
  </si>
  <si>
    <t>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</t>
  </si>
  <si>
    <t>b'\x03\xce\xa9\x0c\xa0\x8b?=@\xc4\xfb\xe4\xc5\x14F\x04'</t>
  </si>
  <si>
    <t>han the hypothetical
cyclohexatriene.
X-Ray diffraction data reveals that benzene
is a planar molecule. Had any one of the above
structures of benzene (A or B) been correct, two
types of Câ€”C bond lengths were expected.
However, X-ray data indicates that all the six
Câ€”C bond lengths are of the same order
(139 pm) which is intermediate between
Câ€” C single bond (154 pm) and Câ€”C double
bond (133 pm). Thus the absence of pure
double bond in benzene accounts for the
reluctance of benzene to show addition
reactions under normal conditions, thus
explaining the unusual behaviour of benzene.
13.5.3 Aromaticity
Benzene was considered as parent â€˜aromaticâ€™
compound. Now, the name is applied to all the
ring systems whether or not having benzene
ring, possessing following characteristics.
(i) Planarity
(ii) Complete delocalisation of the Ï€ electrons
in the ring
(iii) Presence of (4n + 2) Ï€ electrons in the ring
where n is an integer (n = 0, 1, 2, . . .).
This is often referred to as HÃ¼ckel Rule.
Some examples of aromatic compounds are
given below:
13.5.4 Preparation of Benzene
Benzene is commercially isolated from coal tar.
However, it may be prepared in the laboratory
by the following methods.
(i) Cyclic polymerisation of ethyne:
(Section 13.4.4)
(ii) Decarboxylation of aromatic acids:
Sodium salt of benzoic acid on heating with
sodalime gives be</t>
  </si>
  <si>
    <t>b'\x0e"\xac\x05|c\x13\xd0\x03f6\xe1@Z`0hF\xde\x1f\x1f\xfa\xa5~\xfa\xb4\xa8\xab\x0b\xac/I\n;\x8a\xea\xa3\x89.\x81\x13\xc3\xd6a\xd80\xf2\x8c\xfb\x86~/Oj\x8d\x16\x02:*E\xf0\xe3\xe3\x14\xc9\x92\xa8-\xa5\xe1\xe0V\xc5\x80y\x83\xd5\xff]N6\tC\xb2\xb1\xcc\xab\x10\xc0\xe6`}\xd0\xd2~F\xa0\xaaqt\x01\xfa\xc4!\x08\x99\xf6\xeb1\'\xe4n\xb7\x08\x93\xd6\x13\'\'vrL/\xdf-1g\xb0\x01*\x16\xf2\n\xa5gs.\x0c\xf3\xe8u\xf3\xf1[\xbbCxd\xad*\x8a}\x00M`e\xc8\x0ck\x8a\x1c\xd3\x99\xe9&amp;\xbb\xcd\xd1\x11\x86\xb4L\xb9\xdf;;\x98\xfd\xc0\x99\xa2\xd0U\xc8 V\xc2*\r\xf3\xfb\x87\x1c\xcf\x7f\x9d#\x94j\x05\n\x83\xbd\x17\xd5\xd1\x1c\\\xe4\x97\xdap\x19\x8e\x0eVS\x11\xf3\x8dl5\xbc\x10]\x02&lt;\n\x0e\x1bn\xba%\xeb\xd1\xeb\xa1\x88\xd4Y\xd9\xd2\xb3\xdc\xe1\xad\x920\xe9\xc5oOb\xc7$T\x03"\x8eb\x96\x08\xd4\xa1\xd7p:E\x03.\xb8H\x08\xaeQ5p\x8e\xf3\xc4\x1b\xdd\xf7\xbd\x95\xa4\xb5\xb8\x84\xa8\x1e9\x97\x94;5N\x8e\xb0/\x1c\x1f\xd3\xeaqi;5\x97\xce\xd5rA\xac\x8a?~\xd5nM\x1cTp\xa7\xf9mp\x97n\xff\x92\x8b\x83\x96\xe7\x90u]0PW\xb9b\xb7\x9bk&gt;\x91nm\xb8\x93\x82\xd2\xf9\x9a7\xcc\n\xb6\xbb\x8c\xec\xbd\xe1\xfd\'\x8d\x9e\xf5UvJ\xcd}t\x1a;0\xd7]\xe9\x19\xbcm\x1d\x15&gt;\x05\xb6\x93\\\x15\xf0\xf0\xb6\xd4U\xb7\x17\xb7\xd2\xb3+E,\xcd\xd1\xcaH5\x9bz\xceLW\xdb\xac\xa1\xb4\x1f-)[&lt;C\xee\xdb\x82\x84P\xc4\xa3\x9a/T}\xc5\xecU,\x17\xe8\x92L\xcd\xed\x99%.\x1f\xf9)\x9e\x05\xda`\xb0\xfb^\x9d#\xfc\xc7(\xcfV&amp;rH\x13/\xc7m\x03\xd7\xd3r|O-IO,\x1a\x82\xa5\xca\x12\x1a\x97R\xae\x8cXaM\x15\xed\xbbm\x1a0\xd7\x9e\xea\xc2\xd5\xb39\x02\\h\x98?\x89}\x8ew\xa6\xb8\xb0\xbc\xd0\xe8\x99g\xc0v\x9az\xe8\t\x08V\xfceT\xf1\xcfJ\x8ek\xb6\x9b\x1a\x02\xfdv;[\x980\xde\xfd\xb5\xacM\xbf\x0f\xf0j\x01!\xad\x0e\r\xa7\xcd\xe9\x93S\xee|\x8c\xbcZ\xb2\xf9\xab^r\xe3\xcbDB\xdb\x0f\x875\xf5(\xf5\xd1\xc5\xd0H\xaa\x13\xfb\x9bR\xf2\x03\x12\xe0\xe3 \xd3_\x8c\x0eB\x86\xc2\xb5LE\xa0~\xbe\xd7\x1b%\x076\x18\x1f\xea\x10\xc1\xdf9\xd9\xe5\x8c\xed\x90Hm\xec\xc3F*\xb1B\xf1\x00S7\xd5\x00r\x12_\xf1\x88o\x16@\\\xb7b\xad\x12\x03/^\xa7\xa4^\xad\xaf\xad\xf8\xb8C3/aMnDv\xf2\x13\xc8\xe5\xd9\x1c$\xd1&lt;\x98\xaf^\xbcZ{"\xbe+m3k\x93+\xe5\x87\r\xb1n\xd0"-\x8c\x086G\x14\xa5\\n\xae\xe9\xc1\xb8P\xdd4\xdc\x1ec\x0c\xb0[\x08\xbc\x01\xc8\xe5`\n6\xda+\xe2\x0bt\xa3\xd1MD#\xc2\xda\x95\xc4k\x07\xf2k\xa6\xc6\xfe\xbf\xce\xba\xf6\xb5Z\r\x84\xc8\x0cd~\x00\xcc\xaf\xf0\x06E-9\xdb\xe6\x95\xda =Ul\xfe?\xe9{\xdf\x19m{\x18\x03\xac\xf8lf\x07!\xd6n\x8dU)\xc1\x80\xae\xb1\xa8\xd8\x06\x11\xaf\x1eyXw\xc9\xb0\x8c/\xb7\xc6vV\xf2x\xa5\x10\x9e#MS\x18.\xd8\x9e\xef\xfd\xe4\x9e\xebi?#\xd8\xb8\x1a\xef\x9e\xb6\x17\xb13\x1a\xad\xc9\x91#\xd9\x06\x85A\xae\rZ\xe8\xad\xc6r\x1e\xe0\x99\xa2\x1c\x8c&lt;e\xb5\xb2\xae\x0b[j\xdb#\xb3\xdc&amp;\x13\x00\xef\xe1K\xc0\xfb\xa2\xff\xcb\x9b\x9f\xd2\x80m\x9b\x0ec\x1b a\xb1%\x1f\x8d\xd5x.\x9c\xcc\x7f\xd2\xaa\x1d\xa5\xf8\x0f\x81\x8c\x8dC\xf7s\xeeDH\xaa\xf6W:\xcf\xe7 \x0f\xe4Lr[~\x88D\x1d \x86\xf2\xab:\xb4\x8b\xb8\xf7qzg\xf6\xae\xad\x15\x026\xb2\x80\x01\x0fW4a\xad{iD\xbeCFfWb\r\x133\x83)U\x82\xf5l\xbf\x90\x96\xbd8\x95\x08M\xe8a\x12\x90-\x8d\x1d\x88 k]z}yo\x12\xd9\xe9\xb2/\xbc\xa6\x11\xb0\xea\xcay\xae\xd20\x85B\xcf\xa6s\xf7\x1c\xb6\x15\xad\x04\x97I\xf8R\xaa\x89N5\x8d\x94:\xcf\x93ok\x02D\xcd\xdf?R!\xca\x99\x8c\x97\x97f\x8be1\x18e\t\x02\x81\x95\xfdR\xf5\xcd"\xb2H\xb1\xc8\xf2\xfa\xc55\xb4_\xc4Q\x8b\x11\x15\xadkn\x91\x14\xd0\xd7\xde\x0f\xc8\x9bHIs8\xc3*\x01\x8foV6G\x90\x17}(\xde\xed\x02\x9b)\xf7v\x11_\x14\x94\x90\x9d\xdd\x90xH|\x9c\x87\x08\xd2\x164\x02\x1b\x0b\xe9\xe6\xc7\x95\x87\x8d\x10A\x97\x8b!\xfa\xac\xfavn\x03\x00\x9f\xfa]\x05\x04\xbf\x97\xf8\xfc\xe0/\x17\xf8\xa82\xf3E\x18F\x95\x9b\xf9\xff]Yc+\xf7\x12\xaa!\xaf\xe7\xc0D_~Wp\xa7\xd1\xb7\x1c3\xb2\x834\x96\x1f+V\xc7\x82e9\xc7\x9e\x8fR"\xc2\xeck\x0b\xed a\x81\x8c1\x1d\xb8\x8bl\xb1\x012\x168WR/\xddz\xeeR8\x1a\x95+]\xfb\xd5\x8c\x9f}R\x9e]\xed\\\xc7zK\xdc&amp;\xa5\xe5$\xdb6\x08\xed\n\xfeq\xfa\xccFG\t\x06\xc3z{{\x85\x0b\xb7\x98\x05x\x9bP\x92\x86d\xf5\x96\xbe~\xc6k5n\xe6\xd1\xfc\xb8\x0b\xa9\xf7\x0em\xbd"Q\xc8\xf0q2\x8d\xc0\xb7{\xb7w\xbeX\x82\xbd\x08Af\x10\xbc.\x9cr\x08|gfF\xca\xc7S'</t>
  </si>
  <si>
    <t>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</t>
  </si>
  <si>
    <t>b'\x0e"\xac\x05|c\x13\xd0\x03f6\xe1@Z`0'</t>
  </si>
  <si>
    <t>Fig. 17.100 must achieve
 a voltage gain of 5.
 (a) If (W/L)2 = 2/0.18, compute the re_x0002_quired value of (W/L)1.
 (b) What is the maximum allowable bias
 current if M1 must operate in satura_x0002_tion?
 * 17.28. If Î» _x0004_= 0, determine the voltage gain of the
 stages shown in Fig. 17.101.
 VDD
 M 1
 M 2
 Vout
 Vin
 VDD
 M 1
 M
 Vout
 Vin
 M 2 Vb 3
 VDD
 M 1
 M 2
 Vout
 Vin
 Vb
 M 3
 VDD
 M 1
 M 2
 Vout
 Vin
 Vb M 3
 VDD
 M 1
 M 2
 Vout
 Vin
 Vb M 3
 VDD
 M 1
 M 2
 Vout
 Vin
 RD
 (d)
 (a) (b) (c)
 (e) (f)
 Figure 17.101
 864 Chapter 17 CMOS Amplifiers
 Sec. 17.4.3 CS Stage with Source
 Degeneration
 17.29. In the circuit of Fig. 17.102, determine the
 gate voltage such that M1 operates at the
 edge of saturation. Assume Î» = 0.
 M 1
 VDD
 in
 out
 V
 V
 = 1.8 V
 RD
 RS
 Figure 17.102
 17.30. The degenerated CS stage of Fig. 17.102
 must provide a voltage gain of 4 with a
 bias current of 1 mA. Assume a drop of
 200 mV across RS and Î» = 0.
 (a) If RD = 1 k_x0003_, determine the required
 value of W/L. Does the transistor op_x0002_erate in saturation for this choice of
 W/L?
 (b) If W/L = 50/0.18, determine the re_x0002_quired value of RD. Does the tran_x0002_sistor operate in saturation for this
 choice of RD?
 17.31. Consider a degenerated CS stage with
 Î» &gt; 0. Assuming gmrO _x0005_ 1, calculate the
 voltage gain of the circuit.
 **17.32. Calculate the voltage gain of the circuits
 depicted in Fig. 17.103. Assume Î» = 0.
 **17.33. Determine the output impedance of each
 circuit shown in Fig. 17.104. Assume
 Î» _x0004_= 0.
 17.34. The CS stage of Fig. 17.105 carries a
 bias current of 1 mA. If RD = 1 k_x0003_ and
 Î» = 0.1 Vâˆ’1, compute the required value
 of W/L for a gate voltage of 1 V. What is
 t</t>
  </si>
  <si>
    <t>b'\xf6\xa0\xb5+I\r\x1e\xe6\x033\x80\xfd\xb6\xe86\xfb'</t>
  </si>
  <si>
    <t>f6a0b52b490d1ee6033380fdb6e836fb</t>
  </si>
  <si>
    <t>e Jews constituted a special case on various counts â€“
its religious nationalism and exclusiveness, the authority it assigned to sacred texts, its
very longevity, and its bearing on the rebellions in Judea under Nero and Hadrian
sharpened its interest for them (e.g. Tac. Hist. 5.1â€“13). Josephus (37â€“c.100 CE)
wrote partly with gentile readers in mind, and presents us with a fascinating case of
divided loyalties: a rebel general who surrendered to and later served the Romans in
the catastrophic first revolt; an aristocratic and priestly Jew from Palestine writing
history in Greek on Jewish subjects â€“ writing</t>
  </si>
  <si>
    <t>b'\xaa\xc6\x9eL\\$\x88\xf9\xe1\xb2\xcb\x81\xac`\xe5\xfe;\xf0\xc8\x94\x94\x9f\xdd%\xa0\x92\xf1\x98H\xf6\xdb\x17=\x1f\xe7KDC\xba\x17\xc1\xa0Z\xc6\xc2\xdf\x8c\x10\x12=\x8b\x06\xb7\x92U\xa7\x92%\x17!\x1c\xc4#h\x13\xa9V\xa9\xbeu_Q\x94\x8b\xfd\xdd#\xbe6\xa0&amp;\xbe\x90\xbd\x97$Q\xb0y\x0f[H\xf0\xf1\xfa\xc6\xa5\xe7\x9f\x15E\x0c\xc7z\xa6\x8c_\xc2|h\xec\x89]\x94\x00\xd9\x8a^\xc9\x18(-\xb6\x1eI\xdf\xf7\x89\x0cEQ?\xbe#QX\xe9\xbbDd^zH\xf4&lt;av\xab(\x97\x90\x1eJ\xd4v\xfal\xe0f\xa5\xb6\x17\x1e\xf1\xfc\x98\xe4\xb2y\xde\x98\xbc\xc0\xd5\x15\xd0\x90\xd1O\x04\xbaLt\xa2\xffE\r\x86\x16m\xbd\xb1\xb6v\xd2\x80G\x1c\xfa`Z`\xc6\x1d\xcf\x98\x01\xf9\x9b\x0b\xbe\xb2\xc0\xe9\x87\xa7 \xb2i\xa6\x12_\xfd\xa1\x1a\xfbNF\x83\xd0\xb1B\xb6\xdb\x945q\xeeZ\xd9\xf1\x84X\xa5,\xcf\x18\xef\xbf\xa2\xd23\x04\x98\x00l\xefz\xff\xc9\x10\xca\x86\xb9\x00\xe5:&lt;\x1b"\xa2\xec4v\xe1\xcb\x8f[\xce\x91\xd4\x0f\xe8~G\xf7M\x84\x04\xf9\xb3\x98`\xf3\xf7y\xd2\xe6\x13\x91\xe1(GPl\xcd\xb8C"j\x10\x98\xef\x13\x08\x156\x19\x7f^-H\xba\x1b\xd0%\xb5xU\xb7\xc4\x88g\xcb\xc9\t\x0f\xa9\x9a\xa1\xbb`\xfa&lt;Y\xf1\xc5\xd2\x91M\x86\xff12\xc5.\xeb=\xd5\x10\xe7K\xe5~\xefy,\xbb7\xca\x7f\xd40\xd5uQxa\'lW\xd2\xab\xb6\x80\x1b^&lt;\xda[(H\xbd\xb9\xc83\xc1\x05\x163&lt;\x8e\xaeEx\xbb\xb40R\xc5f/\x9f\xb5\x10\x1b[\x03\xee\xa3\x06\xf0be\x9e&amp;\x18uc\x01\xdc:V\xa7o\xd0-}I^\x95\xc5\x00\x87\xd0\xa1\xe8\xbd\xa7\xaf\xae\x1d%\xac|.\x17C1O\xdb\xca\x1e\xe2\n&lt;\\G\xee\x0fo\xf8\xb2db]$\x07\x89_\x80\x99xH\x13\xbeJ\x13\'\x18\xad*P$|\xfa[\x7f\xdfSq\xe7[L?S\xad\x07\xefE\x902\xfd\x0eY\xe4`\xfaVw\tM\n\x0c]\xc0\xee\xf4\xdc"Vy\\F\xadkY92\xdeR\xe6]ge\x865\x9e8\xf1\x1b\x92gC\x900\rs_\xa9\xa8\x15\xc9\xedm\x8c\xb1\xeak+\x0c\x00\x9aA\xed\tL*\'\xb6\x96\x8e\x91(~\x9b\xc3\xac5\xbd\xe6\xcb\xa8`\x11]g&amp;HD\xf1\x1c\xa6\xa4\xda\x0b\x9bW\xec\xca\\\xf9\xde\x9a\xe6F\xce\x85$\xec\xb5\xe9\x80\xb4\xadn\x04]\xc9\x87\x10|H\xce\xd3dm\xd9~\x87\xd6?TU;\x13\x1e^V\x8e\xa0U\xb4'</t>
  </si>
  <si>
    <t>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</t>
  </si>
  <si>
    <t>b'\xaa\xc6\x9eL\\$\x88\xf9\xe1\xb2\xcb\x81\xac`\xe5\xfe'</t>
  </si>
  <si>
    <t>rceive itself as an interest group. The problem of collective action, then, can explain
 why policies that not only seem to produce more costs than benefits but that also seem to
 hurt far more voters than they help can nonetheless be adopted.
 Modeling the Political Process
 While the logic of collective action has long been invoked by economists to explain seem_x0002_ingly irrational trade policies, it the theory is somewhat vague on the ways in which organ_x0002_ized interest groups actually go about influencing policy. A growing body of analysis tries
 to fill this gap with simplified models of the political process.5
 The starting point of this analysis is obvious: While politicians may win elections
 partly because they advocate popular policies, a successful campaign also requires money
 for advertising, polling, and so on. It may therefore be in the interest of a politician to
 adopt positions that are against the interest of the typical voter if the politician is offered a
 sufficiently large financial contribution to do so; the extra money may be worth more votes
 than those lost by taking the unpopular position.
 Recent models of the political economy of trade policy therefore envision a sort of auc_x0002_tion in which interest groups â€œbuyâ€ policies by offering contributions contingent on the
 policies followed by the government. Politicians will not ignore overall welfare, but they
 will be willing to trade off some reduction in the welfare of voters in return for a larger
 campaign fund. As a result, well-organized groupsâ€”that is, groups that are able to over_x0002_come the problem of collective actionâ€”will be able to get policies that favor their interests
 at the expense of the public as a whole.
 5
 See, in particular, Gene Grossman and Elhanan Helpman, â€œProtection for Sale,â€ American Economic Review 89
 (September 1994), pp. 833â€“850.
 Who Gets Protected?
 As a practical matter, which industries actually get protected from import competition?
 Many developing countries traditionally have protected a wide range of manufacturing, in
 a policy known as import-substituting industrialization. We discuss this policy and the rea_x0002_sons why it has become considerably less popular in recent years in Chapter 11. The range
 of protectionism in advanced countries is much narrower; indeed, much protectionism is
 concentrated in just two sectors, agriculture and clothing.
 Agriculture There are not many farmers in modern economiesâ€”in the United States,
 agriculture employs only about 2 million workers out of a labor force of more than 
 130 million. Farmers are, however, usually a well-organized and politically powerful
 group that has been able in many cases to achieve very high rates of effective protection.
 We discussed Europeâ€™s Common Agricultural Policy in Chapter 9; the export subsidies in
 that program mean that a number of agricultural products sell at two or three times world
 prices. In Japan, the government has traditionally banned imports of rice, thus driving up
 internal prices of the countryâ€™s staple food to more than five times as high as the world</t>
  </si>
  <si>
    <t>b'0F\x02!\x00\xc5\xed\xebTZ\\\xa03\x02\'\xbc\x8b\xc4K\x00\x01+\x88\x9b\xf7o\xec\xe4\\\x00\xabN\xe5\xf04\xfd\xd8\x02!\x00\xe4\xe1\xb2E\xef7B\x05\xe3G-\xca?"\x0e\x00y\xdc\xac\xba\x9e\xeb \xdc\x06KqM\xcf\xec\xbe\x86'</t>
  </si>
  <si>
    <t>3046022100c5edeb545a5ca0330227bc8bc44b00012b889bf76fece45c00ab4ee5f034fdd8022100e4e1b245ef374205e3472dca3f220e0079dcacba9eeb20dc064b714dcfecbe86</t>
  </si>
  <si>
    <t>b"0F\x02!\x00\xc5\xed\xebTZ\\\xa03\x02'\xbc"</t>
  </si>
  <si>
    <t>had known, and the 
 sorrow of the first was still fresh in my heart. 
 20
  CHAPTER 4. THE SEA-CHEST 
 I LOST no time, of course, in telling my mother a</t>
  </si>
  <si>
    <t>b'\xb4\x82\n]w$\x16\xa3&gt;Gy\x0f\xc4f\xe5\xe4\xbe"\x80h\x8f\x0f&amp;\xc0\xa1\xff0q\xfd\xc3\x8a\x92\xe0\xc0\xd8G9\xfe\x8e\xfc\xf42+@\x835n\x18\xbe5?rp\xe4\xf6J\xf9I\r\xdd\x0b"\xfet\xca\xa6\xb12k \x06E8\xf2$\'&amp;\xd0F\x19JA\xf0\x15\xe3\xb3\xe6%\x8b\x89\xdd\xc7\x1f\xff\x86xo\x0b\xd3\xf3\xda\xd9\xa9\xdaV=\x7fY\xc5\xccBnx\xf6M\xecW\n\xd8\xf3\x1f\x12\xfa\xdf\xd7\xa1\xe8\xd6\xdf\xaf\x18\xe7*\x9dy\x92\xa53d1E}\x9c\x80\xecD\xcb\xaeLm-\xbb\xd9\x99wt\xc8\r8\x05\x80.Z`w\x1e@\xa0\xa4@b\xc8\xac\x0b\xd2\xe8\x16\x1c8\x81H%\x07\xd9\x0cq\xf9\xde\xf5\xde\xe6&lt;\x07\xb7\xf1\xe8\x1dc\xa0\xf5q#Z\x1a1."(\xc0(q\xe9\xd2\xd0l8\xd9\x8fM\r@{[\x11\xc5\xcc\xd8\x168$\x1f\x8e\xae\x18\x7f}JS\xbb\xb2l\xac\xc9(\xacX\x0e\x07\xd3[G\xeb\x1a\x02\x8e\xeb'</t>
  </si>
  <si>
    <t>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</t>
  </si>
  <si>
    <t>b'\xb4\x82\n]w$\x16\xa3&gt;Gy\x0f\xc4f\xe5\xe4'</t>
  </si>
  <si>
    <t>y.
 Okay, I made it to this big achievement. What do I do now? Am I done?
 Do I keep going? Do I start another business?
 Thereâ€™s a weird almost-depression that happens when you reach the
 million-dollar mark. Itâ€™s a whole new type of self-discovery. You wonder if
 youâ€™re really as good as you think you are; you wonder if you deserve it.
 Most of all, you wonder if itâ€™ll all go away at any moment.
 It sounds crazy, but if thereâ€™s a big pain point in the method I outline in
 this book, itâ€™s that it works almost too quickly. Your brain doesnâ€™t have a
 chance to catch up to the new level of success youâ€™re in, and it reacts by
 going into defense mode. You sit at your computer endlessly watching all the
 pieces of your business, trying to make sure no fires start. Youâ€™ve only
 allowed yourself to think right up to the edge of the million-dollar mark, and
 now that youâ€™re past it, you revert to playing whack-a-mole with (largely
 invented) emergencies.
 My whole thought pattern at this time was in the groove of if I stop
 moving, itâ€™ll all go away. It was exhausting. A part of me was annoyed that I
 still hadnâ€™t made enough money to buy the Cleveland Indians, a life goal of
 mine since I could walk.
 When I decided I was going to put on the Capitalism Conference, a
 conference for budding entrepreneurs featuring the best minds in business, I
 started out, like any total amateur, Googling speaking bureaus and coldcalling to try to land the people I wanted to speak. It took some persistenceâ€”
 and figuring out how to sound like I knew what I was doing way more than I
 actually didâ€”but I managed to book Gary Vaynerchuk, of whom Iâ€™d been a
 fan since 2008, way before #AskGaryVee or VaynerMedia. The second
 person I booked was Robert Herjavec, from Shark Tank, because Iâ€™d seen the
 impact a physical products brand had on the show. The third person I booked
 was Grant Cardone, and at the time I thought there was a lot I could learn
 from him. (Nope.) Iâ€™ve publicly documented my beef with Grant on the
 podcast, but letâ€™s just say that when you meet your heroes, you sometimes
 run the risk of realizing that you donâ€™t want to be anything like them.
 I ran the first CapCon simply as a way to elevate my thinking and my
 knowledge, and do the same for my friends and the dedicated band of
 followers Iâ€™d gained sharing my business-building on my YouTube channel
 and podcast. I did it because, after reaching the million-dollar mark, I needed
 to see what the next steps looked like. I figured that I could crowdsource the
 path by bringing together as many uber-successful entrepreneurs as my
 budget would allow.
 It was a huge successâ€”enough to immediately plan year twoâ€”but after
 that conference, I had</t>
  </si>
  <si>
    <t>b'gN&gt;5\xb5\xb3#\xe7\xa7Q\xc3\xc5X~\xb9M\x7f\x07\xdeH\xf2+Ed\x87\xa6^\x00\x01k\xc8\xcd\xda\xb87\xcd\xcc;V\x96o\xba\xfae\xc8\xa2\xef\xfbT]\xeb\xd4+\xd7\x13\xbc\x9eO\xf6-\x02\xd6\x88\xec\x1f\xcc&lt;\x96\x9d\xc6\xab\xb1\x9ayUR+\xbd\x12\x19\xe0~\xe9T\x937\xe4o\x92\xb0\x1ed\x19s\x13\xc3\xaac\xde\xaf?p\xbf\xc1\xc6\x18\xace1\xe3\xed\xca\xf6\x97@\xe2\xac\x9cjZ\xd8G\xff\xa3\xf8\x82\xe1\x83\xff\xdb\x13\xadz5\x95Q* \t\xf3\t\xd2\xe0\x82\x8aa\xc8\xf3\xbd2\xa8\xab\xdda%t\x94\x80gK\xee\xcbY\x1f[u\xb9:\x80\x13\xc4\x15\x83s\x03,\n\xa2\x01\xa2O\x19\xed\xb1 \x83?\x15\x9f\x96\xf1s\x04 \xd2\xd0\xad*\x0b\xed\xe0I\n\xeb\xe4\xce\xc2\xc5;\xa8\xf5e\\\xfd-S\xacsWk\x9d\xc0!\xfe\x10\xef\x8d-\x0ejq\x9e\xff\xc06 \x95\x0f\xc2&amp;L\xc5\xd1\x1b\x13\xb8\rq1\xebd\xcf\x8b\x0e05\xb7\xae\'\x93}\x9avm~\x9f\xa8^0\xc6o\xeb\xe6^\xfe\x19H\x8f\x8ak\xd6\xe4\xe8r]\xc4\roT\xafd\x9fIA\xcb\x8d\x8eC\x80\xcb\x17M\xff!\x08\xfef\xb0\xbf\x98\x80\xb1\x08\xaex\xee\xe5K\x8a\xed.\xe4\xa0\x01\x83\xb6\xf5I\xf9\xc2\xae\xb0\xa2\xd0\xa9\xbf&gt;\xa1\xd10\xb5k5\xdf\xdeZ\x0c\xaem\xca\xfd\xad-\x8e\n\xceW\x93\x0c\x91_\xc7m\xe6\xef\x19\xcd\x14\xf0-!\x14C4\xf9x\x9a\xf1\xfeI\x92\xab7\x96or~\x1c\xd5(\xcb\x01\x11\x12\xc5\xf30p\xeek&lt;\n\xaa\xfb\xb3\xac\x15\xd1\xc8\xdd\xee\x1b\x1f\x9bU\x91\\\xe5-&amp;\xde\xc0wj\xf0P.\x8e0\xcf\xe8\xd7O\x0b\\\x80\xc9\x0c\xec\xdbL\r\xd3\x82`\xb5\xc3q\x80\xd3Oa"\xf1J~\xf7d\xd3\xec\x99\xb0\xbfJI!q\x8c\xb3]u\xe4\xa9\'h\x96\x11A\xee\xc7\xda\xec\xf3\xf7X\x85\xb9}m\x89\x96\xe9bf\xf8\xbe\xbb\xfe\x99{\xd7\x8da\xed6\xc4\xf7\xa4\xe8;g\xbe"\xf6\xbc\x95\x1c\x94\x88\x98\x1cV\n7\xe6\x04M\x03[\x86\xd3\xd1\xbb\xd8\x03@\xdbI\xf2\x94cAV9I\xc8\x0c\xd7\xd8/ \xa6?\xc6\x1b\x97\x97\xc7$O\xfaC\x1fYa\x93l\x81\xa9\'\xd1d\xef\x9f\xe7&gt;\xda \xc8\xa7\xb6\xd4M\xc4\xce\xcb\xf8CE0\n\x17\xb2\xb1\xf3\xd6\xba\xca\xcf)g\xa6\x00U^\xd8\xc5\xdd\x06J\xbd\x89Id\xa4\xd8jwJ\x99\x82\xa0.\xe7\xe48\x1b\x7f\x9c\r\xddd\xef\xad\xf3\xb4\xdf\xf4\x00\x14\xcbu\r\xe5\x9b!0t\x7fQC\xdf\x1e\xfe\x99\xe0\xa8\x7f\x95J@\xccR\xbdt\xb9CY\xcc\xacw\x8b\xe6\xe2\xe6\xba\r\xc5\xeb\xdcp\xa7\xba\xd22\x0c\xdb\x0b\xd4\xf8\x82\x96\x06\x9af\xb2F\xbcK\xe3\xce8A\x00y\x0c\xa4\x87\x13\xa4x\x8f\x1bw\x06\x0bk\x8c\xc9\xe0N\xd6\xaf\x0c\xcel\x81\x16\xc8\x80\xdc\xa2\xbb\x018\x87\x9c\xc7L\x18D"z\xee\x99G\xad\xd3\xbf\x82dw\rM\xe2k\xae\xc7OR\xea\xca0\x87\x0c\x9c\xb24\xa0\xe7\xe0+\x98\x89x\xf9z\x119\t\xc0\xf8=\xd6Ik\xa2\xe7\xb8\xdb\xe5lU\r\x95\xb4\x7f\xf6\xa1\xc1K`J\xf4\x8f\xc21\x191\xf76\xe5v\x1dq\xb3\xd1\xab\x85P\xb4GP\xbc\x881\xbc\r\xce\x89w#U\xef\xcft\n\xe1\xd3*\x14\x1b\x8d\xb6\xe4\xb7P\xaa\x84F\xd9\xf4\\\x14\x03\xe0@\x88\xc2\x98\xd9a\x14\x0e\xb6\x89}\xd8r\xafs\x12%j\x17\x85\xdc\x93\x0c@\x8ar\xa8\x00\x1f\x8e\x89\x8c\x0c\n O\xf3\xf8\xd69Q\xd5\x94p\x05G\x91=\xc7\x86\xbaj1H-+\xca\xf7\xa1\x88\xdfO\x88\xe8\x9b\xbc\x81\x8b,\xe5yO\xfc\xaf\xbb\xcc\xfd\xad3?[+Q\x84\x11\x97\xc6\xef\x8a\xe0\x1f\xef\xa2\x00\x1fv\xaa\x83g^\\\xd1!Sj\xd2ZO\xc6\xa5\x1aWz\xa0\x90p\xb3_|\x05\x03\xed\x88jcx+E\x07d\xa6\xb7\xe9\xc83\xfe\xa9d\x1e\t\x92\xf4\xd5\x03K\xaa\xa9c\x156=\x1d\xc9\x1d\x11f\xefr\xcb)\xcd\x80\xfc\'K\xeeB\x05\xd4Xz\xf1n*\x1bDg\xa4c\xc31R!\xc6\x93\xfd\x96\xe6\xb8\xb8k( \xec\x8fM\x8a*\xe1\x0e\xb9\x1e\xecM\x0f:F\xb05\x1cGi\xa4\'\xf4\x81eu\xb6\x89\xd56#$0q:\x04\xbc\x99o\x9a\x963q3\xc2\xf8\x83\xdf\x07\x81\xfcI\xb8CV\xb0p\xcf~\t\xc6v3\xe8DY\x81\xe6B}\xb0\x05\xf4\x99\x11\x80\xdf\x8d\x92F\xe4\xff}QYM\x13\xc2\xb2i\xeb\xaf\xd9\x98]\xa7\xb3\x16r^\xb4\x13\x8a\xf3\xfb\xec\xb09Y\x05\x12Gm\xfa\x07\xd9(Q\xe8\xd0\xd9\xc5_zh\xd6drV\x99\xa5YW@\xfb\xd1B)\x80\xdd\x0b\x84,_8;Cz\xa22\n\xef\x08J\x03\x0f\x8c\x83\xb5\xa5\xfeG\xe3\xa5\r\x1dZ$\x94\x9a\x80\\\x82\x8bNy\x14\x98\xbc`\xd56\xea\xbd\xcc\xa6c~\xd7\xf6\xe7\xde\xe4\x0e\xe4=~y_\xba\xa5\xda\xf6o@\x05\x9d\xe4\xc6\xb2\x81Y&amp;\xf4\xa4+M\x9ea&amp;\x7f\xed,\x12*Q\xc4=\xc3\xa2\xc6\xd4\xeb\x83z\xa6!\xa9l~\xbd\xf0T\xdd\x0c\x11\xd97\x0f\xfa?\xc8\xc17\xfd\xe2\xac\x85J\n\xe0\x0b\x99\xe0\xa0\xc5\x10\x1b\x02\xbb\x12u\xdbA\x9eCH\x83\'\xe8Q\xb2\xf1@\x98\x18\xf4\xf0\x02\x91Fg\x96\x08\xb7DHD\r\xb8\xc9\xdc\xd6\x8f&lt;\xaf0cVn3\x19\xa9i;\x1e^ \xb3a&gt;\xc6O\x0f1\x12\x03\xcdP\xc2\x8aL2L&amp;"\xf8\xe59\xe4\xf8\x16N\xedh\xc3\xa8H@M\x02\x9f\xa2(\ra2\xf3v \xbd\x99_\x9e\xd1\xe8`\x15\x8a\x1ce\xbe&amp;\xd5j\xa08\x8b\x0c\xd9\xb2\xa39m\x8c|\x8b2V\x99\x993\x87\x052\xcdB1\x9e\x85\x9d\x83\xdc\x0e\x08y\x87\xd4aYp\xe8\xcc\xdc\xff\x9aR\xc4\xf1\x0f=G\xf2\xa9M~\x1f\xea\xcc\xaa\xd9D\x9e\t\x1e\xc0\xf20\x0f=\x972\xf3\xb2\xea\x02\xdb\r\xe6r\xcc\x9f\xa6\xfa\x82&lt;\x0b\x80Ad\xcc\x899\x1b\xae,\x84GP\xca\xedu\x89 \x00\x989\xfaR\xc9\x0bp\xc5\x82\x87Znc\x9f\x14\xb4v\xb0\xe1\xc1\x96\xb6M\xc3v\x89\xb9b4\xc0!\xfa-&amp;\x92\x17\xed\x05h3\xdb\xa3\xa8\x8du\x93X\xa1\xb9k\xd3\x98\xe7\x81\xfc\x80"\xd5\x88\x17h\xda\x0c\xce\x90\x9d\xd9E\\t\xda\xac\xe1O&gt;\xde\x02i\xdb\x92\xa7\x0c\x90\x9c\x17B\xad\xb4\\l\x7f\xd8\'\x0f\x9f\xa1\xaaP\x83tJUw&amp;\xe35\x1d\x94\x7f\x01*0\x80\xf2\x88\x97\xdf\xdb\xcdu\x00\x93DV\xe3W\xdd\xe4\xc0\xf7\x08!B\x8d\xc5\x8bG\x1cb%"g\x92\x06\xb2\x06t\xaa\xbe\x87\x91:R\'!\xbd\x84?\x95;\xf4c\xbcI=\x0ch\x92\xf5*ia0\\\xe0q\xa6\xfc\x9c"\x06\xe6\x92\xa3\x97\t\xc8\x94\x1c\xea*\xd3Sm\x98\x1f\xec\xf7\xd2\xca\xb6\xd0.\x8bl\x9c\x13l\x84\xc8\xbc\x1df\xc1\x10\xcb-OV\x94\x96d\xae\xb9\xd9\xc5\xa4\xef\xa3v\xaa\x93\xba\xaf\x1e\x1de\t\xfe\xa6\xd1;k\x16\x99\xf6\xa4\xcfj\x8d\xa3~\xef(\x86\x92&amp;K\xc8o\xd23\x08\x0c\xfft\x8a\xec6\xe5\x15\xa15\xe6\xcc\xba3\x16\x17\xa4\xe3\x9a\t)s\xd8\xd0\x7fmqQ-\xb75\xbe\x03)o\xc5\x03\xd7\xabN\xb9\x00\xba\xaf\xe5\x94 \xfb~u4x\xa7\xdbc\xe5\x1d\\\x82`\x99\x0b\xf3\xa5\x1c\xf2^\x92\xdc\x0e\xbf\x1c\x8a\x0bf\xa2\xd6\x89t\xbc \xbf\xaa0J\xa1\xf3\x9cA\n\xe2Pg\x1a\xc4\x17Hy\x1f\xb9\xaa\xe1\xd0\xd6\x0e\x90\xbc\xcd\x00\x9e\xfc\xf8\r\xc3\x04/\x97\x8bib\x9d\xdcd\xd4vk\xf3\x89\xcf=\xa8\xdd\xf6\xbf\xa9\xdc=\x16\x86Y \xea\x01T\x06\xcb&gt;\x90c\x03QB\xe8\xb2O\xfe\xc3\xaf\xcc#\x96\xee\xe2\x97\xd1\xc7\x03!&amp;P\xf7\xda\xd5\xc7A\xc2\xdd\xb1\xd3:/R\x0e9\x98\xca\xfc3@\xce\xaf+\xd5s\x19z\xa9\x99\xee\x88\xb1\xb8\xcf\xa2\x92\xc2\x04\xb8U\x01UH\x8e,Q\xe5N\x08\n\'&gt;\x02\x89\xdb|\x87\xd0\x9c\xfb|\x86\xcf\xd9\xd3\'\xe1w5`0\xd0\xf2\x01\xbc(W\xcfR\xd6np\xa5\xcb\x9f\xbbh\x18\x1e\xf3\x12\xf3\x7f\xfa/\x90|&amp;\x0b\x1a\xb8Lh2\xba\xc1\x15\x85\xdf\xcb9y\xb5\x0e^\xe6N\xe0\xbe\xae\xd5\x8e/\x93\x15\xa6\x81\xbe\x0b\x8c\x94k\xf4:!\xaf\x94\t\xa7\xa9\xa9/\x91\xbf\x82\xd9b\xee\xec;_\\\xfd\x03,i\xd8\xfb\x96\xb8r\xb0\xee\'\xa2\xd1_\x0f\xd1\x92\x9f\x8ce\xabZ\xcc&amp;\xb2\x11\xab\xe0v\x82k\xa3\xd8\xf6\x98\xd9*T\xc9\xbd\xf1x~^\xfb\\\xfaZi%,\xf8\xe7\n\xab\xc9\xee\xbc\xae\xd7#t!\x1c\x02\x98$\x1f\xff\x04\xeex?C\xdfc\xbffO\xc6\xb2\xc7\xc8\xb9bM\xa1\xcf)\xa9\xef\x11\n\xd2\x84\xa4bH\xa2\xa2\x06\xdcml\x9a\xed\xd1SN\x93\x90\x1d^ \xd7zcU$\xa3\x12\xd7\xd1k\xdd\xb5\xc9xfn\x04,\xb5j\xabT\xe9\xcd\x1e\x98E\xb7j\xf7Pg\xf5L%\x93\xe0\xb9\'\xed\x18\x91\xe3h\x8e\xda\xa9\x05\xd9{\x94\xa4vaAHj\x8b\x05\xf5\xa8T`)\xe9\x16E\xaa}pLLL\xed\x87#\x8e\x9dy\xed\x8d\xdai\xce\x89\xe9{,L\x88\x1a\xdf\xd1\xc5A\xd8V\xdf\xb2\xf7\xf6=5\xde\x95\x08\x86\xaf]\xc34\xd2\x01\xab\xae\xde\xbc\x81\rO\xd8`\xectA\xb7\x0e\x1e\xeb\xa7Q\xc7\xbbI\xefRh{\x84`\xc2\x85)1\xc5\xd2\nN\x9da\x17\xc3\xcd\xb3Al\xce\xa4\xf7\x91\x8bL\xee\x93L=X\xe8\xd1W`\xd2\x05\x0e_)\xe1\x1c\x19\xc4\xc4\xc0\xe3\xea\x04&amp;\x12\xdf~\xcf\xd3\xd1\xfc\xbb\xb4\xa9\x13,\xab\xc2zQ9k/S\xfa\x91|$\xe3\xab\x14\xf9\x8a\xddX\xb3\xf1\xfb\x11\xd7 \x87\xa4B\x8aEB\xccx[T\xd7\xd3\x92\xd5\xb7d\x16\xecc\xbcU\xb3\xe8\xe4\xc0\xf8as/HN\xc5t\xcd12\x08\x10\x93\xf9f\x82\x90\x11\xean\x92\x82\xedV\xef\xae\x082F\x0f\xfd\x82]8\xf56\x0f\r\xd1\x1aWBf\xf9\xbc\x12\r*\xc9\xd4`\xbc\xc0\x19\xfa\x1e\xf7\xf6\xda\xb1\xc2\xb5/\x93\xe8\xf8\x82\x9e\xd7+\xcc\xb5\xa9\x1ax\x8e\x01XE\xf4\xaa\xa9%\xf0D\x1b\xeb\x1d\xe8x"SQ\xf5\x93N\x91\x10k\xa8\xae\xca\x1a\x86J\xdf;\xb7\xdf\x16/N-0\x7f\x90\xc2wR1\x8c\x85\xf2\xe6\x9b\xb7(\x7f\xd2\x98\xcb\xa0O\xa8$\x8d\xd4c7\x93\xfb\x9d\x94\xf6\x8b\xa8\xe0\x06FJ3\xe8\x0f@\xae\xf5\x04l\xfb\'E\xfb\x8d#\x1fn!\xb6e\xd1oV 1\xe8\xaaf\x97Z2\xa7\x13)\x10\x0f\x81\xa9\xde\x8e\xb3\xbe\x13L\x96\xf5\xad\xaf\x1cc\xfcz\xac\xd5^\xb3\x92\x89siM\x06\x957\xaa\xb6\xf1\x00\xf6\x89\x01~\xdd\xf9\x91p\x0fr}@\xae8\x94\x13\xfa\x88m\x80\x88\xb3@\xa6\xabr\xaaz\x8az\xa7\x95\xb3)\x9e\x82\xd9\xbfM\xd9\x89`\x1d\x84,\x93\x92'</t>
  </si>
  <si>
    <t>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</t>
  </si>
  <si>
    <t>b'gN&gt;5\xb5\xb3#\xe7\xa7Q\xc3\xc5X~\xb9M'</t>
  </si>
  <si>
    <t>I will not tell about our way back. The doctor was a heavier man than John, and not so
 good a rider; however, I did my very best. The man at the toll-gate had it open. When we
 came to the hill the doctor drew me up. "Now, my good fellow," he said, "take some
 breath." I was glad he did, for I was nearly spent, but that breathing helped me on, and
 soon we were in the park. Joe was at the lodge gate; my master was at the hall door, for
 he had heard us coming. He spoke not a word; the doctor went into the house with him,
 and Joe led me to the stable. I was glad to get home; my legs shook under me, and I
 could only stand and pant. I had not a dry hair on my body, the water ran down my legs,
 and I steamed all over, Joe used to say, like a pot on the fire. Poor Joe! he was young and
 small, and as yet he knew very little, and his father, who would have helped him, had
 been sent to the next village; but I am sure he did the very best he knew. He rubbed my
 legs and my chest, but he did not put my warm cloth on me; he thought I was so hot I
 should not like it. Then he gave me a pailful of water to drink; it was cold and very good,
 and I drank it all; then he gave me some hay and some corn, and thinking he had done
 right, he went away. Soon I began to shake and tremble, and turned deadly cold; my legs
 ached, my loins ached, and my chest ached, and I felt sore all over. Oh! how I wished for
 my warm, thick cloth, as I stood and trembled. I wished for John, but he had eight miles
 to walk, so I lay down in my straw and tried to go to sleep. After a long while I heard
 John at the door; I gave a low moan, for I was in great pain. He was at my side in a
 moment, stooping down by me. I could not tell him how I felt, but he seemed to know it
 all; he covered me up with two or three warm cloths, and then ran to the house for some
 hot water; he made me some warm gruel, which I drank, and then I think I went to
 sleep.
 John seemed to be very much put out. I heard him say to himself over and over again,
 "Stupid boy! stupid boy! no cloth put on, and I dare say the water was cold, too; boys are
 no good;" but Joe was a good boy, after all.
 I was now very ill; a strong inflammation had attacked my lungs, and I could not draw
 my breath without pain. John nursed me night and day; he would get up two or three
 times in the night to come to me. My master, too, often came to see me. "My poor
 Beauty," he said one day, "my good horse, you saved your mistress' life, Beauty; yes, you
 saved her life." I was very glad to hear that, for it seems the doctor had said if we had
 been a little longer it would have been too late. John told my master he never saw a
 horse go so fast in his life. It seemed as if the horse knew what was the matter. Of course
 I did, though John thought not; at least I knew as much as thisâ€”that John and I must go
 at the top of our speed, and that it was for the sake of the mistress.
 42
 Chapter 19. Only Ignorance
 I do not know how long I was ill. Mr. Bond, the horse-doctor, came every day. One day
 he bled me; John held a pail for the blood. I felt very faint after it and thought I should
 die, and I believe they all thought so too.
 Ginger and Merrylegs had been moved into the other stable, so that I might be quiet, for
 the fever made me very quick of hearing; any little noise seemed quite loud, and I could
 tell every one's footstep going to and from the house. I knew all that was going on. One
 night John had to give me a draught; Thomas Green came in to help him. After I had
 taken it and John had made me as comfortable as he could, he said he should stay half an
 hour to see how the medicine settled. Thomas said he would stay with him, so they went
 and sat down on a bench t</t>
  </si>
  <si>
    <t>b'6\x81/\x8fq-\x8e\x00'</t>
  </si>
  <si>
    <t>36812f8f712d8e00</t>
  </si>
  <si>
    <t>alk about only ignorance? Don't you
 know that it is the worst thing in the world, next to wickedness?â€”and which does the
 most mischief heaven only knows. If people can say, 'Oh! I did not know, I did not mean
 any harm,' they think it is all right. I suppose Martha Mulwash did not mean to kill that
 baby when she dosed it with Dalby and soothing syrups; but she did kill it, and was tried
 for manslaughter."
 "And serve her right, too," said Tom. "A woman should not undertake to nurse a tender
 little child without knowing what is good and what is bad for it."
 "Bill Starkey," continued John, "did not mean to frighten his brother into fits when he
 dressed up like a ghost and ran after him in the moonlight; but he did; and that b</t>
  </si>
  <si>
    <t>b'\x1c\x83\xc2\xe6k\xe7\x03\x88'</t>
  </si>
  <si>
    <t>1c83c2e66be70388</t>
  </si>
  <si>
    <t>determined by the economyâ€™s
 endowments of labor and capital, so in the long run, real output does not depend on the
 money supply. Similarly, the interest rate is independent of the money supply in the long run.
 If the money supply and all prices double permanently, there is no reason why people previ_x0002_ously willing to exchange today for a year from now should not be willing after_x0002_ward to exchange today for a year from now, so the interest rate will remain at
 10 percent per annum. Relative prices also remain the same if all money prices double, since
 relative prices are just ratios of money prices. Thus, money supply changes do not change
 the long-run allocation of resources. Only the absolute level of money prices changes.7
 When studying the effect of an increase in the money supply over long time periods, we
 are therefore justified in assuming that the long-run values of R and Y will not be changed
 by a change in the supply of money. Thus, we can draw the following conclusion from
 equation (15-5): A permanent increase in the money supply causes a proportional increase
 in the price levelâ€™s long-run value. In particular, if the e</t>
  </si>
  <si>
    <t>b'0F\x02!\x00\xfcL\xda\r\xb5D(\xf6\xffd\x8b\x11\x00b\xd7BE3\x8e\xf3\xb6\xab\xb1\xc9@\xd0\x0f!\xba=\xff\x83\x02!\x00\x9e\xc6\x81\x08\x83\x91\xef3\x9ba=\xd7ZM\xbdn\xeb^\x02X{&gt;\x00\xec}2\xaa\xea\xa7\x1e\xee\x11'</t>
  </si>
  <si>
    <t>3046022100fc4cda0db54428f6ff648b110062d74245338ef3b6abb1c940d00f21ba3dff830221009ec681088391ef339b613dd75a4dbd6eeb5e02587b3e00ec7d32aaeaa71eee11</t>
  </si>
  <si>
    <t>b'0F\x02!\x00\xfcL\xda\r\xb5D(\xf6\xffd\x8b'</t>
  </si>
  <si>
    <t>ign exchange market examines whether
 exchange rates have been excessively volatile, perhaps because the foreign exchange mar_x0002_ket â€œoverreactsâ€ to events. A finding of excessive volatility would prove that the foreign
 exchange market is sending confusing signals to traders and investors who base their deci_x0002_sions on exchange rates. But how volatile must an exchange rate be before its volatility
 becomes excessive? As we saw in Chapter 14, exchange rates should be volatile, because
 to send the correct price signals, they must move swiftly in response to economic news.
 Exchange rates are generally less volatile than stock prices. It is still possible, though, that
 exchange rates are substantially more volatile than the underlying factors that move
 rt
 1 3For useful surveys, see Charles Engel, â€œThe Forward Discount Anomaly and the Risk Premium: A Survey of
 Recent Evidence,â€ Journal of Empirical Finance 3 (1996), pp. 123â€“192; and Karen Lewis, â€œPuzzles in
 International Finance,â€ in Gene M. Grossman and Kenneth Rogoff, eds., Handbook of International Economics,
 Vol. 3 (Amsterdam: North-Holland, 1996).
 14The original Meese-Rogoff study is â€œEmpirical Exchange Rate Models of the Seventies: Do They Fit Out of
 Sample?â€ Journal of International Economics 14 (February 1983), pp. 3â€“24. On longer-run forecasts, see Menzie
 D. Chinn and Richard A. Meese, â€œBanking on Currency Forecasts: How Predictable Is Change in Money?â€
 Journal of International Economics 38 (February 1995), pp. 161â€“178; and Nelson C. Mark, â€œExchange Rates and
 Fundamentals: Evidence on Long-Horizon Predictability,â€ American Economic Review 85 (March 1995),
 pp. 201â€“218.
 CHAPTER 21 Financial Globalization: Opportunity and Crisis 615
 themâ€”such as money supplies, national outputs, and fiscal variables. Attempts to com_x0002_pare exchange ratesâ€™ volatility with those of their underlying determinants have, however,
 produced inconclusive results. A basic problem underlying tests for excessive volatility is
 the impossibility of quantifying exactly all the variables that convey relevant news about
 the economic future. For example, how does one attach a number to a political assassina_x0002_tion attempt, a major bank failure, or a terrorist attack?
 The Bottom Line The ambiguous evidence on the foreign exchange marketâ€™s performance
 warrants an open-minded view. A judgment that the market is doing its job well would
 support a laissez-faire attitude by governments and a continuation of the present trend
 toward increased cross-border financial integration in the industrial wo</t>
  </si>
  <si>
    <t>b'0D\x02 \x04\xf8\xf8\x8a\x9d\xd0\x8b\xa6\x86\xc1G\xfa\xa4b\xdd\xdb\xf5k\xbc\xe0%\x11\x1b\xd7\x0f_\x8b\xc63\xdc\xd9u\x02 \x1d\x8b(xY|\x84{9\x82\xd9v\xd0\xf8\x9cu!\x99\xcd\xca\xb2\x05\x92\xde\xd8\x07\x18\x94\xeb\x84V;'</t>
  </si>
  <si>
    <t>3044022004f8f88a9dd08ba686c147faa462dddbf56bbce025111bd70f5f8bc633dcd97502201d8b2878597c847b3982d976d0f89c752199cdcab20592ded8071894eb84563b</t>
  </si>
  <si>
    <t>b'0D\x02 \x04\xf8\xf8\x8a\x9d\xd0\x8b\xa6\x86\xc1G\xfa'</t>
  </si>
  <si>
    <t>ng the cityâ€™s revenues and finances, establishing the
religious calendar for the year, and making sure that the religious rites were carried
out. They would also intervene on behalf of their city with neighboring communities
or with the Roman provincial governor or procurator as the need arose. Below them
in rank were the aediles, the two junior magistrates responsible for supervising the
local grain supply and market, and for the upkeep of the cityâ€™s temples and urban
infrastructure (streets and drains), as well as for local policing. The larger cities often
also had a college of quaestors, responsible for financial matters; the II viri looked
after this in smaller communities. Many of these same individuals also served as the
cityâ€™s major priests: pontifices, augures and â€“ of increasing importance â€“ the flamines
responsible for the local imperial cult.
Such magistrates and councilors dominated the public life of the cities. Rank was
crucial to their dignity, and it is no surprise to find lists of decurions arranged in
minutely hierarchical fashion. The best evidence for this is the album of the council of
Canusium (Canosa) in southern Italy (CIL IX 338), dated to 223 CE, but the same
preoccupation with rank was widespread. It made a difference whether one was of
quinquennial (i.e., local censorial) rank or duoviral, aedilician, or quaestorian, while
the highest-ranking members of local society were those who had gained Roman
equestrian or â€“ still better, if more rarely â€“ senatorial rank.
Below the ordo decurionum a secondary ordo developed in many cities that was
composed of current and former Augustales or VI viri Augustales, who were for the
most part upwardly mobile freedmen (Abramenko 1993 is crucial for Italy, but many of
his insights extend to the provinces, on which see Duthoy 1974, 1978; Le Glay 1990a).
As a college, they played a central role in local imperial cult activities, and the institution
allowed these rich individuals, whose servile origins usually debarred them from
serving on the council, to play a prominent and dignified role in the public life of
their city. Like local magistrates, they contributed some of their wealth to support civic
projects, as we shall see, and in return their freeborn (and hence more respectable) sons
were often recruited into the ordo decurionum. Another intermediate group, often
neglected by scholars, were the local apparitores, who served as secretaries, lictors (that
is, ceremonial attendants), messengers, and assistants to the magistrates. Their importance is clear from their various privileges and duties laid down in the civic charters from
Spain (e.g. Lex Ursonensis 62, 81; Lex Irnitana 73). As with their equivalents at the
level of the Roman state, they represented a liminal group, occupying a positio</t>
  </si>
  <si>
    <t>b'\x12"?y\xa7\x9c\x9eN\xd4p\xc5\xa9\xac_\\\xd1_T\xf8\xc3=\x94\xe4y\r\xe5\x8045\xbd\x1e\xa2\xde\x17M\x89\r\xe9\x07nL,\xaceW\xae\x91\xcb-\'\xee\xbbc\x13-\xea\xca\xadG\x03\xf5bIQ!\xfaH\xf5\x88\xb9`g\xf3\xe7\x1e\xdb\xa5u\x1e\x0f\xbd\xc9\x8b\x1d;s\xdf\x8b\xa8N\x10Kcor\x80\xbd\xdb#\xe8\x1e\xf6.\xa9\xe0\xaa\x92\xa0\x98\x89A\x99+\xb8|~\xcf\xf7\n\x02\xe8\x14\xa0\x83\xc4v\x18v\xe3\x1b0w,\xa1\xb6\xfc\xbe\xfe\t\xe1\x8d\x01\xb1?\xeb\xceS\xa2L\xe0\x8c;\xe5]\xb9@\xf0\x15CO\x060\xce\xf5\xca\xdd\x0c\xea\x9fMU\x857\xbcE\xf9d\x04\x8dR\xae\xc8?7\x93\x0b"n@\xc1\xe24\xcfX\xae_n\xb3\r\x00=6\x99.Jff\xd1-\x03\x08\xad\xd9Z\x1c#\xe7\xbd\xd9\x95?\xa9\nZ4\xf3$\xa1\x87/\xd1$s\x1b\xb5\r\xb9~\xdb\x86\x8fP\xce\xc0`=\xba\x1a\xe8\xe9@"0\xc9w*\xc2\x84}\xcd\xf1\xbby\x8a\xf0\xf1\x16Q\x83\x18\x89\x1f\x11F=\xe8AB\x87\x88\x9e&lt;\xc9\xb5\xa4\x19\x14]\xad\x0b1/\xc0U|\x94\x00\xea\x17A46\xe7\x88C&lt;J\xbb\x14\\4\x1eC4\xcb\xb08w?\xee.#\x08\xd7o#4\xfb\xcf\xe5M\x91\xd9\x8f\x1e\x8e\x8c\xb1.\x8f\x9e\x01\x87\xa1\xc0\x83\xfd\xc0@\x8e\xd2\xa7i\x93X&gt;\xd9o\x1e\xc9l\x17\xc3\xaa\x11\x91\xce\xf6\xd2\x9b\xadM\xe2|6\x01"\xa6\xdf\xea6\xea^7Y\x97v\xe4\x15\xe9y\x01P\x9e\x13I^\xf8=\xf8\xdeh\xff{\x04|\xf9\xcb\xf8\xf9Q\x8e_\x8c\xc5^\xb1\x99i\xe4\xe7\xb4\x85|.,\xa0a\x14\x98\xd8K\xe3\xc2k\x90\x9aQ&amp;\xc8Y\x97\xd3\x89\xe4)3\x14\x1a\xb5\x0f\x8f\xfcb\x04\x87&gt;\xf2\x19\x1c\xcc\xca\x05\x06\xe4\xc9\xba\xc5\xack|\x8e\xbc\xdd\xb8\xa7=\x11;\xff\xb9d\x08\x9a\x8d\\\x84\xe3f\xe1\x0b\x9d\xc12\nU\xbdT\'\xf4\xd8\xc4V_\xb7YN1\x14\xba\xf0\x08A\x04\xb2\xba3\xd9z\r\x9a\xfe\xb7\x11\xe6\x88\xd2\x10\xdc\xd2TYU\x88_#\x12\x9a\x1e\x00\xde\xf0J\xd2\xfa\xee\xa1\xc6;\x9f\xc6V8\xd7\x9a\xbf\x86&gt;7\xda\xf6Y\xb10\xd2;\x17\xe4\x8dQ\x00y\x9a\x9f/\xc2\x83w%\xcc;\xaf.\xc4&lt;\xb6\x07\xf3\xc4\x1bJNU\xbe\xff\xd6\xc0\x8c\xd1^`$\xf2\xda7\xdbQG\x85\x13\xe8\xdc\xda\xb1\xbf\x90\xdbk\xc2X\xe2\x02\xe8N\xc8\xc6\xb6\x11\x95 6\x18\xdb\xa7g\x9a\x83\xdc\xd9\x85\xc5\x93f\xdb\x10X\x1eR&amp;\x83\x95k\xcc\x9d4\x99k\xa9\xd9\xc3\xc0\x1c\\\xe3\xe4\xba\xd4\xbc2\x91\x17\x91\xcf\x8dO\x05\x9f-\x00}\xbc\x15\xdb\xd5\xf7\xf1t\x020\xe6:I\x11^V\x1c\xa9\xafy\xf5\xb9plHHa\xff;0_\xff\x86V\xdb\xeb\xfa\x16G\xd0 \xd4\xa5"\x1d\x19\xb8\xa73\xcb\x87E\x01\x01A:3I\x06\xeeP&gt;\xefcL\x0e\xe5(]\xabg\xd4!3k\x92\xb4\x1b,\xf5\xd1\xbd\xe1\x15\x17\x04\xbe\x87\x18\x00\x88\xf6\x12\xf7\xf1\xfb[&gt;i\xf8\xd5\xdbe\xf5\x95\xcf\xedc\x94\xff}\x91\x0bX\x17\x00m"\x11\x0c-\xba\xaeD\xcd\xb7\xdc(&gt;8w_8g}\x11\x9a\xde\xe2j!\x8d\'\xec\x85ii\x82J3\x1cq\xf3`\xf3\xf92H\xb2N\x86ruL\xcf[\xadD\xe8]\x94D\xf7\x00p\x15V\'\xfc\xc4\xd6Cy4\x81\x9a*\r\xad\x1a$\x04r\x16z\xc7f\x08\xa2\x17\x03\x90y\x17\xc7(&amp;MD\xc5l\x8d2\xa8"\x7f\x18B^\xa7\x94O\xeb\xf0O{\xbaO\x1a\xc9Y\xdf\xafjZ\xff\x80p3\xd1\xc6\x1fu\n^OC\xd5\xe4\xae!D\x02\xa57\xd6\x9d\x11z\xc6\xeb\x90\xe3\xfb\xa78\xa9!\xf4|]\x80@\xaf\xec\x86,g.\xb9\xa2m\x1e5\\\r\x1c\x11\x0e\x02O\x94d^\xacP\x15\xdap7F\xb9\x12\x7f\xed\xfd fZ\xdd\xe4\xd1D\x836;c!\x16yS1\xd8\xb9\xb7^&lt;\xe4\t|\x11!;\xd6g\xff\xd7\x1c\xfe\xa6{\x81\xc0\xcf\x87Ww\r\xc2\x9a\x17:\xed\xaax,\xc9K\xb1\xbe\t\xb4\x83\xe7\x9c/\xc4\xfbw$\xd7\x1f%\xac!s\xc17F\xdb\x01\xbdq`\xaf\x8b\xdc\x05\xdf\xf6\xe0\xf4\xe7\x18\xbe\x17\xb6,=\xde-\xc7\x83\x01Y\x0f^\x11g\xbf*\x87/V\xef{\x88\xa6j\xff\x87m1\x02t\xc7\xe0;\nW\x13\xab\xed\xd3a\x8b\x86\xb3\xb6\xedm\xc7\xd5(\xf8\x81\xac8\xa7\xd2 \xc1q\xff\x85\xc2A\xaa\x06\xf9a\xa6\xcf\x91\x02\xfdxc\x05\xbfz\xcb\xe8\x1f\x8fc\x90\x8e\x02Rs\xfb\xc5\x1c\xba\xb1\xce\xe6\xe9\x1c\xa5\xeen\x05\xa9\xc5]\xf5\x8f\x1a\xbf\xed\xaf~\x86\x18\x81\x1d*\x99\x00\xff|\xae\xc2\xc4|\xaf*,\xbfs\x06M\xff\x87s%n\x0e\xadD\x19\xceO\xed\x030^\x88L:\xdd;\xc7\xb9\xb7\xff\xe1\xeb\x0b\x02\xec\xad\xf5?\xe0\x9a\xef\x00"\xe0\x1b\xf6\xf2\x98y\x19F\x95\x17\x94(&gt;\xd4~K\xd2R\xa6\xac\xb6\xc8\x9b\x12\xecf(vG\xaes%G\x00g2\x87\x89@e7\x91\x85Ijx#\xbd\xd7j\x17\x99sb\n\xc0\xde\xbbvb\x05\xff\x1a\xd9`r~\x85\xd1\xd9TKJ\xf9&lt;\xa1\xc2\xda\xca\xc7\xf6\x0b%\xfaZ[\r\xdb\xe2N*\xbb:\x1e\xaf\x80\xad\xd0\x90\xb8\x14\xfe\xf3o\x11I\x19)\xe7\xe8\xe6\xc1\xbfg\x83\xe1*\x91\x1e\xc8\xc6o\x84\x81\xe7\x05\xa9|=\xce\x8d\xd9\xff\xb5)\x9e\x04,\xfc\xc6q\xa3rc=\x1csh\x00\xd8\x9b\xc9\xf7\x08d _\xa6\x90\x84\xd3\xc5\xe7\x8d\xb0-\x06\x01\xc6\xf4|4\x04|&gt;h\xd7\xf5TB\x0ef\x0c\xb6\xb3e\x83\xbf+v\xef1&amp;c\xa7\xa4z\x08\x9cY\xdb\xe1\x01u\x08#Bs\xa9\xf9\x19\xccS\xee\xed7i?\xbdk\x12i\x10\xdd\x8f\xfcI\xd8\x12\x10I\x99\x95\x00fJc\x83r?\xba\xa7R\x12\x15\xf7\x02I\x8eu.\x0ey\xba\xb6jQ5\x8c\x1co\xf0\xcc\xc2\xe3i\x92a\r\x18\xf5\x12[\x82\xd5\xa9\x10n\xf7\xfb\xa4\xd5\xb8\tv\xa0+\x13w\xf8\\a\xd0I\x1fB\x97\xb6\xb4\xde[\x9e\xf8\xe7\xf8S4M\xaa\xa3\xb5^\x0cx\x18\xc1\xe6_\x1c\xa4^(\xda\x99\xec\xdfr\xea\x84/sfx\xa8E\r^\xa8\x88\x81YF\xa1\x12\x9c\xa5\x073,j\xc0s\xaah\xf5\xe2o\xc2\xca#\xce\xea\xb9e\xf67\xa1R\xcf\xccC\xe8\x99\x11\xd5\xa0&lt;\xe8n\xe1]\xf1"\x89Rn\x90\xf3\x9a\xba|\x17S\xc7\x11\x05\x89\x02M\xd6e!\x19w\x04\xb1R\xed\xec\xdcy\x97\x0e\x08\x06\xb5:\x18T\x189\xfcp\x9f5!\xe3\x0c&gt;M\xec\r\xd0\x07\xc1\x16\x06\t\xed\x81\xe4\xad0\x1d\xc5\xdb]/3\xb8\xcf\xaf\xe4j\xe4\x1cGyX9E\x95\x98\xbb\xf6\xcd\xeb\xb6\x9f\x02\xeefP\xbe\x9fV\x87\x18\xf2\x99Df([o\x9e\x96A9+X\x06_\xaf\xa8\xbc\xcc70\x81R\x006\x17h?H\'\x8edh{v:f\xca\xf3UPEH\xca\x9f\xa5\xdb\xb2d\x01\xa6\'\xe5\xfa\x0c\xa0T\xe8\x0c\x8e0\xdf\xf2\xd8\'\x87I&amp;%\x1dh\x83U\x15\xf28\xd0\x99\xb1\x8ayR\x8f"\xfd\xeb\xde\x86ZX\xd7\x92\xed\t6\xc8U!\xe9\x9d\xd5~%%\xaf\x1d.\x84P:\x07\xfb\xf1l\x8d\x03\x9a6\xb7&amp;"\x0b\xb1\\*\x8fkU\'w#\x1d\xd1\xe6\x06\x18\xdd%b\x93\x1a\x06g\x0f|\x84a\xcal\xfdUb\x8eRN\xd7\xea\xc3\xf4\x12\xfeuA7\xc3\x9d\x9d\xea\xebE\xe6\rr\x10\xca\x87`\xc9\x9ch\xb3\x0btU\xe7W\xbd\xd3\x14\xea{\xf5\xcb\xd9\x10\x1b\xc1\xad\x00\xb4\xab\xba\xc7\xd3\xb9\xaf\xb3\xf8\xcdJ\x94\x7f\xe6\xf0\x82n\xa8\xf5\xdfb\xe3]\xf1m\xdb\x97\xd3\x86\xd0{\xc4\xb9\xf6\xd5X?F\xe4\xa2\x1eLc\x17G\x8e\xc29\x14\x9e\xdc\xa6\xd6\x92d\x95T\xb3n,D\xc7/\x08\xff\xba\xdb\x8aT\x0c\xb7fZVU \x90\xe2k\x13A\xe2\xba\x1d\xf7\xaf\xbe\xbb\xec\xd3\xb0`\xeaEh+\xa2Da)q\x1e\xf0V\xe9\xde\x187V\x04f6O=,I\xae/Y\x00|n}\xc4\x80\xaa\xfcxt\xd62\xbcl\'r&gt;\x8f\xf2\xb4\xbf\x9a\x8a\xff\xb8\xe19\x87\x95h\xce \xee!\xa9\xf3\x91I\xdb\x04M\x0fvT\xbe\xe5\x08K\x10\x16\xe3\xa3\xb5\x80\xdd87\xe6\x10\xa85\x10\x17Q\x1e\xd4\xfaB\x13\x95{oQ\x97\xc2\xbc\x17\xbaR\xf9\x0c\xdeY\xe8Q|\x846\x8f\xcdD\xbc\xa2\x1a\xe6H]\xf7\x8e\xc9\x8a\xe9\xc1\x8b3\xc6\xcf\xd0)\x82\xcd\x99ibg\xfc\x97ev\xbb\x11%\xad\x86\xcd\xa3\xeb\xb2\xc3b\x99\x0c#&amp;)\xb1\x18\xc9\xf2\xe4\xa7&lt;\xb3\xc3\xd7^\x8d\xec\xa0\xbe@\xdb\x93\xbb\xcc\xff\x90\x9b\x0c\xdd\x0b\t@1\x926n6\xf5\x87\x18\xaf\x9a\xde\xbe\xcd04l\x9e\x11\xaa\xf4/N\x80\xe6\xc6\xbe\x90\xbbB\xe2e\xb0\x0f\x03|+\x05\x0c\xe2\xd2\x0f+y-}W\xb7_"If3\xd0!N\xd3\xf0:\x11\x99\xfb\xd4\xe5\xc2&amp;5\xbc!5!/\xb1%8\x81\xdf\xd3\r\xf0\xfck.\x98\x9c\xa3\x19\xc4T\x84\xf6?\x9d#\xb1g\xa9\x83E\x18\xfc\xee\xc8\xc4\x0es\xb1\xc6\xad\xb0\xach\xdd\xc6C#%\xcb\xa5\x02R\x98\x9d\xdfB\xe2\xbf\xe4\xf2\xa4zG\xed\xd9z\xf7l\x9c\x87\xd8\xb8\xc3R\xf7\xb6%\x80X\xbf\xfc\x94\xc2\xedL\xe4\xb0\xc2\xafs\x80HP\x06\x08\x11\xccV\x19\x80x|\x01M\xd5\x80\xf9\xa3D\x94G\xa219\xf0\r=\xbf\xd7\xb4\xff\xf4\xbb\xfal\xe6\xc0]=\x8a\xe6F\x90\xf8Fx\xc4\xd7\xe6\x93|\xb7\x97\xf9w\x03\xdb\xba\xfeDW\xbb\xd4b\x83\xf8\xcc\x97FDN\xec\xaf\xde\x19\xce\xdc\xf9\x07\xac\xd3\xc6\xf6$\xddJ\x9d\x05\xbd\xfdl\xe8\x1fy\x8dY3\xd0\xb5\xa8\xaf\xecb\x96\xb6\xe1\xf9\x98\x12\xcb\xe9Lf\x1b \xe2\xb3\xaa\xaaZ\xe0\'\xb1\x89b/;&lt;\xe2puj\xe1\xae\x02\x9c\xbe\x190\x1a4\x89_e\xe1\xba\x00\xcb\xbfD\x98JV?\xc1\xa5\xef\xf9%1Blj \xb3y\xb5\x97\x0582y\xbe.\xb3\x89&gt;`\xf6\xcf\x80\xbc\xad\xc7_\x81\xbf\x81\xf8i\xce!\xe9XB&amp;\xda\xe3\xef\x93\x81\x90\xf5\xa423/\x86\xa3[\xaa\xaa5\xc6\xa0\xf7#\xda\t\x86Wf\x84,\xfb\x19\xfb\xb6\x89\xbdh\xe9\xb8\xe9\x90\x13f}\xfc\x946\x10\x9b\xff\x02]|5\xe4^1\xf7\xd6\xf9\n\xd7\xa54\xac}(\xff\xaf\xe1KCm\x0f\xd6\xfd\x9b\x91\xcdU\xafh\xf9:\xfb`*\xe1\x86S\xef\xc3\xcbL\x8a^\xe4xg\xf5\t\xa4\xe5hHN\x93\xec\x17\xbb\x0f\x8f\x00\xee\xfes\xec\x9e\xb0\xef\xaaL\xef\x9d5\x90\x80\x95t\xbd~\xdf\xcb\xa5\xfeg[9_K\xa3\xc0\x03\xa8\x06h\t\xdbT\xf7-\x9e.\xfa\x97+hea\xdd\xca\x89\xb3 \xac\xa3o\xa0;\x15\xacg]Y\x06\xe5\x90\xd0\xda&amp;os\xc5H\xa6\xda\xc1\xaaT\xd5f]\x16O!\x9a\xa8\x81,G\x05C\xc0Z\x80\x8eLw\x88\x86HK#\x1e\xa4\';-C?\x9a\xf7\x04\xfa\xedY\xa1\x93[\xc3\xc8\xe6e\xc5r[\xa5\x95\xaf\xd3\x12\xd8&amp;\x88qO|\xa2rMY\x08\xbao\xce)\xa5*y\xa8*\xa8,\x89\x02\x84C&lt;ku1I\xe0\x84Q\xca\x89\x90,G\xddN)\xc9$;l\xa6 G \'\xb1\x11\x8b\x96\x14'</t>
  </si>
  <si>
    <t>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</t>
  </si>
  <si>
    <t>b'\x12"?y\xa7\x9c\x9eN\xd4p\xc5\xa9\xac_\\\xd1'</t>
  </si>
  <si>
    <t>Watch him as we pleased, we could do nothing to 
 solve it; and when we asked him to his face, he would only laugh if he 
 were drun</t>
  </si>
  <si>
    <t>b"\x8e:\x08@,\xbf)j\x95h\xe5\xf3\xfbeh\x9d.\xc5hT\x06\x90B\x9bV\x14\x8e\x04-\x1d\x15G5\x8b\x06S\x12\xa0\xb2a(\xe5Q~\x90b\x19\x8cO1\xc3\xd70\xda\xf4\xb1\x03\x84\xee\xa7\xd5\xc2\x04\xa7T\x1e\xef\xa1&lt;\x9a\x9b\xa7\x9b\xa3\x04C%\xde\xd2\x9d\xe6\xec\xca\xb1\x0fk\t\xbeW\xfa\xff\x11\x18f\x1d\xf7\xd0\x8cl\xf9`\xd9\xcb9\x8f\xe3M5\xccH\xe7\x12md\xb6\x97\xfe\xed\xcf\xa3\xec\x97`&lt;h\xa6c\xbe\xe3\xe5\x81\xce,4C\xf6'^\xc0h\xe3\xf7&lt;\x10\xd6(\xdd\x0cO\x9aS\xa3\xe2V\r\x81\xad\xa9\xf5sF\t\xdc\xc2\xeb\xb7\xdb5F+\x1ej\xcf\x83\x93|\x11\r\xa5N;c\x15\xbc%\xea\xf2\x0f\xedYQV\x0e\xa9R9\xfd\xbb\xb4|f\x9cP0^=f\xb9B\xb8\xf8\xf9\xe4\xe9\xe7\x87o\xbc9\x14\x8dG&lt;\xa3\x11\xf3\x9a\xd6EJ\x8b\x0e\xd3x\xec./\xce\xd9\x95 \x9b\x85'\xc4\xc7\x97\xb4\xa2\xdb2v\xb5\xd5\xbdA"</t>
  </si>
  <si>
    <t>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</t>
  </si>
  <si>
    <t>b'\x8e:\x08@,\xbf)j\x95h\xe5\xf3\xfbeh\x9d'</t>
  </si>
  <si>
    <t>rent density is
 given by
 Jtot = q
 _x0004_
 Dn
 dn
 dx âˆ’ Dp
 dp
 dx_x0005_
 . (2.44)
 Example
 2.9
 Consider the scenario depicted in Fig. 2.11 again. Suppose the electron concentration is
 equal to N at x = 0 and falls linearly to zero at x = L (Fig. 2.13). Determine the diffusion
 current.
 x
 N
 0
 Injection
 L
 Figure 2.13 Current resulting from a linear diffusion profile.
 Solution We have
 Jn = qDn
 dn
 dx (2.45)
 = âˆ’qDn Â·
 N
 L . (2.46)
 The current is constant along the x-axis; i.e., all of the electrons entering the material at
 x = 0 successfully reach the point at x = L. While obvious, this observation prepares us
 for the next example.
 Exercise Repeat the above example for holes.
 Example
 2.10
 Repeat the above example but assume an exponential gradient (Fig. 2.14):
 x
 N
 0
 Injection
 L
 Figure 2.14 Current resulting from an exponential diffusion profile.
 n(x) = N exp âˆ’x
 Ld
 , (2.47)
 where Ld is a constant.7
 7The factor Ld is necessary to convert the exponent to a dimensionless quantity.
 2.2 pn Junction 35
 Solution We have
 Jn = qDn
 dn
 dx (2.48)
 = âˆ’qDnN
 Ld
 exp âˆ’x
 Ld
 . (2.49)
 Interestingly, the current is not constant along the x-axis. That is, some electrons vanish
 while traveling from x = 0 to the right. What happens to these electrons? Does this
 example violate the law of conservation of charge? These are important questions and
 will be answered in the next section.
 Exercise At what value of x does the current density drop to 1% of its maximum value?
 Einstein Relation Our study of drift and diffusion has introduced a factor for each: Î¼n
 (or Î¼p) and Dn (or Dp), respectively. It can be proved that Î¼ and D are related as:
 D
 Î¼ = kT
 q . (2.50)
 Called the â€œEinstein Relation,â€ this result is proved in semiconductor physics texts, e.g.,
 [1]. Note that kT/q â‰ˆ 26 mV at T = 300 K.
 Figure 2.15 summarizes the charge transport mechanisms studied in this section.
 E
 Drift Current Diffusion Current
 Jn =q Î¼ n E
 Jp =q Î¼ p
 Jn =q Dn
 dn
 dx
 J = q D dx â€“ p
 E dp
 p
 n
 p
 Figure 2.15 Summary of drift and diffusion mechanisms.
 Did you know?
 The pn junction was inadvertantly invented by
 Russel Ohl of Bell Laboratories in 1940. He melted
 silicon in quartz tubes to achieve a high purity.
 During the cooling process, the p-type and n-type
 impurities redistributed themselves, creating a pn
 junction. Ohl even observed that the pn junction
 produced a current when it was exposed to light.
 One wonders if Ohl ever predicted that this prop_x0002_erty would eventually lead to the invention of the
 digital camera.
 2.2 pn JUNCTION
 We begin our study of semiconductor
 devices with the pn junction for three rea_x0002_sons. (1) The device finds application in
 m</t>
  </si>
  <si>
    <t>b'_\xf3lC\xf1J\x0e\x8fA\xc2\xe6\x04\xc1\x83K\xbe'</t>
  </si>
  <si>
    <t>5ff36c43f14a0e8f41c2e604c1834bbe</t>
  </si>
  <si>
    <t>utual gains from trade will be realized? Will the United States and Colombia
 actually end up producing the goods in which each has a comparative advantage? Will the
 trade between them actually make both countries better off?
 To answer these questions, we must be much more explicit in our analysis. In this chap_x0002_ter we will develop a model of international trade originally proposed by the British econ_x0002_omist David Ricardo, who introduced the concept of comparative advantage in the early
 19th century.1 This approach, in which international trade is solely due to international
 differences in the productivity of labor, is known as the Ricardian model.
 A One-Factor Economy
 To introduce the role of comparative advantage in determining the pattern of international
 trade, we begin by imagining that we are dealing with an economyâ€”which we call
 Homeâ€”that has only one factor of production. (In Chapter 4 we extend the analysis to
 models in which there are several factors.) We imagine that only two goods, wine and
 cheese, are produced. The technology of Homeâ€™s economy can be summarized by labor
 productivity in each industry, expressed in terms of the unit labor requirement, the num_x0002_ber of hours of labor required to produce a pound of cheese or a gallon of wine. For exam_x0002_ple, it might require one hour of labor to produce a pound of cheese, two hours to produce
 a gallon of wine. Notice, by the way, that weâ€™re defining unit labor requirements as the
 1The classic reference is David Ricardo, The Principles of Political Economy and Taxation, first published
 in 1817.
 TABLE 3-1 Hypothetical Changes in Production
 Million Roses Thousand Computers
 United States - 10 + 100
 Colombia + 10 - 30
 Total 0 + 70
 CHAPTER 3 Labor Productivity and Comparative Advantage: The Ricardian Model 27
 inverse of productivityâ€”the more cheese or wine a worker can produce in an hour, the
 lower the unit labor requirement. For future reference, we define and as the unit
 labor requirements in wine and cheese production, respectively. The economyâ€™s total
 resources are defined as L, the total labor supply.
 Production Possibilities
 Because any economy has limited resources, there are limits on what it can produce, and
 there are always trade-offs; to produce more of one good, the economy must sacrifice
 some production of another good. These trad</t>
  </si>
  <si>
    <t>b'0D\x02 F@\x92g\xa4\x12u\xd8\xf7\x96\x06G\xdf\x07\x1d)v4\x08\xb0\x1f\xd2UqZ\xf9\x91\x81\xfe\xcf_\xbe\x02 x\xec\x99t\x14\xf1X\x02\x9e\xdfC\x8e\x17\xed\xadl&amp;\xb7~\x89n\xb3\xd0\x8a$\xd1-\xf2\xf2\xa4\x16\x0e'</t>
  </si>
  <si>
    <t>3044022046409267a41275d8f7960647df071d29763408b01fd255715af99181fecf5fbe022078ec997414f158029edf438e17edad6c26b77e896eb3d08a24d12df2f2a4160e</t>
  </si>
  <si>
    <t>b'0D\x02 F@\x92g\xa4\x12u\xd8\xf7\x96\x06G'</t>
  </si>
  <si>
    <t>ded as an independent â€œsourceâ€ of electric fields
  (along with electric charge)â€”after all, the magnetic field itself is due to electric currents. Itâ€™s like
  asking whether the postman is the â€œsourceâ€ of my mail. Well, sureâ€”he delivered it to my door. On the
  other hand, Grandma wrote the letter. Ultimately, Ï and J are the sources of all electromagnetic fields,
  and a changing magnetic field merely delivers electromagnetic news from currents elsewhere. But it
  is often convenient to think of a changing magnetic field â€œproducingâ€ an electric field, and it wonâ€™t
  hurt you as long as you understand that this is the condensed version of a more complicated story. For
  a nice discussion, see S. E. Hill, Phys. Teach. 48, 410 (2010).
  9You might argue that the magnetic field in Experiment 2 is not really changingâ€”just moving.What
  I mean is that if you sit at a fixed location, the field you experience changes as the magnet passes by.
 314
  Chapter 7 Electrodynamics
  Note that Faradayâ€™s law reduces to the old rule E Â· dl = 0 (or, in differential
  form, âˆ‡ Ã—E = 0)inthe static case (constant B) as, of course, it should.
  In Experiment 3, the magnetic field changes for entirely different reasons, but
  according to Faradayâ€™s law an electric field will again be induced, giving rise to
  an emf âˆ’d /dt. Indeed, one can subsume all three cases (and for that matter any
  combination of them) into a kind of universal flux rule:
  Whenever (and for whatever reason) the magnetic flux through a
  loop changes, an emf
  E =âˆ’d
  dt
  (7.17)
  will appear in the loop.
  Manypeople call this â€œFaradayâ€™s law.â€ Maybe Iâ€™m overly fastidious, but I find this
  confusing. There are really two totally different mechanisms underlying Eq. 7.17,
  and to identify them both as â€œFaradayâ€™s lawâ€ is a little like saying that because
  identical twins look alike we ought to call them by the same name. In Faradayâ€™s
  f
  irst experiment itâ€™s the Lorentz force law at work; the emf is magnetic. But in the
  other two itâ€™s an electric field (induced by the changing magnetic field) that does
  the job. Viewed in this light, it is quite astonishing that all three processes yield
  the same formula for the emf. In fact, it was precisely this â€œcoincidenceâ€ that led
  Einstein to the special theory of relativityâ€”he sought a deeper understanding of
  what is, in classical electrodynamics, a peculiar accident. But thatâ€™s a story for
  Chapter 12. In the meantime, I shall reserve the term â€œFaradayâ€™s lawâ€ for electric
  f
  ields induced by changing magnetic fields, and I do not regard Experiment 1 as
  an instance of Faradayâ€™s law.
  Example 7.5. A long cylindrical magnet of length L and radius a carries a uni
 form magnetization M parallel to its axis. It passes at constant velocity v through
  a ci</t>
  </si>
  <si>
    <t>b',* C\x91\x0b\x013\xff/3x\x1d|\xdf&gt;\xfe&gt;FG\x15[\xb5y\xd6\xda$,]\r\x98S'</t>
  </si>
  <si>
    <t>2c2a2043910b0133ff2f33781d7cdf3efe3e4647155bb579d6da242c5d0d9853</t>
  </si>
  <si>
    <t>b',* C\x91\x0b\x013\xff/3x\x1d|\xdf&gt;'</t>
  </si>
  <si>
    <t>to die for their beliefs.
Nor should we be too eager to make a Platonist of Origen, who is said to have
succeeded Clement as president of the Catechetical School. His reputation as commentator and preacher flourished after he decamped to Palestinian Caesarea and was
illegally ordained as a presbyter. He was persecuted, however, by the jealous Bishop
Demetrius of Alexandria, and suspected by some contemporaries of heresy; in 553 the
Fifth Oecumenical Council denounced 15 propositions widely associated with his
name. Of these the one that has come to define Origenism states that souls exist
before embodiment, and descend by their own inertia into the bodies of angels,
human beings, or devils after tiring of the contemplation of God. The evidence of his
own works, however, suggests that he entertained at most the first half of this thesis,
which by itself is neither Platonic nor heretical; he certainly did not accept the
transmigration of souls, and he maintained that the body, suitably attenuated and
purified, participates in the sanctification of the inner man (C. Cels. 5.18â€“23 etc.). His
purpose, as he states in the introduction to his treatise On First Principles, is to
uphold the rule of faith, speculating only where the apostles left a matter undetermined, and he admonishes a pupil that the function of Greek learning â€“ whether in
grammar, rhetoric, history, or philosophy â€“ is to elucidate the obscurities of scripture
(Ph. 13). With these auxiliaries we may arrive at a consistent and intelligible paraphrase of the letter, but the sacred book must be its own interpreter in the quest for
Christian Thought 615
the higher or mystical intention. This is present and mandatory even where the literal
construction is untenable, since every word is a manifestation of Christ the Word of
God (Ph. 4). Most passages have a threefold signification by analogy with the
threefold division of the human person into body, soul, and spirit (De princ. 4.2.4);
1 Thessalonians 5:23 is the source of this trichotomy, which a Platonist could only
have elicited with difficulty from the Axiochus. In any case the Platonists had
only begun to flirt with allegory</t>
  </si>
  <si>
    <t>b'\x1c\xf9\xbf,\x0fC\x83\xf674\x97\xa3Z\xa0d\x0f\xf9\xda\xecR\xf5\x07\x94Z\xc4\xcc\xb4\xc2\r@,\x94\x8a\x8f\xa1\xff\x1e\t\xf3\xe0H\xf4u\x80\'\xac21\r,\x16v\xf06\xa2\x8f0\x0f\x15 I\xdd\x97D\xda\xff\xefhl\x08\xd5V\xf11\xb7\xa2wz&lt;a\x1b\x89\x11\xce2\xb8e\x8a\x16\x13\xa5\xffw\xa1f\x07G\xb3\x9b\x1b\xf2\xdd\x16N\xcd\xc0\xfb\xf9z@\xa7\x1a\xbc\xff9\xec&amp;\xb6X\xc9\xa9\x85\xde\x02\xf8\xde-\xd5*=\x9f\xfd\x90:G\xa3.b\xa6\xed\x85*y\x86\x1f`\xae\xa5\xa8B-X)\x92\x96\xa9Cz\x98\xc5\xf9m5\xf4\xcb\x8f\x1e&lt;\xb6\xb9]Z\xbd\x86n\x06N\x9f\xec\x8d\'u$\x05\xa6\xd4\xaa\xa1w-\x95\xf7L/\xae\xbd\xd0\xac~Z+\xbe\x9f\xa1\xcf\xc8\x89O\x8f=\n\xbe\xc9\x85\x11\x12O?\r2\xd3V\x1b\x16\x1b\x18\xdcf\x03x\xe6\xd7\xe8&lt;\xccQ\xe8\xacTi`\xdb\x89\xdf\xc5n\xab\xc2\xe1\x0e=\xc4\xab\x8eh\xda\xe7*8;f\x1bj\xb7l\x92\x94\xff\x85\x96\xddN\xe7]\x05L9b\xa1#\xf3\x96~\xe7E7\xc0\xab\x1b\xf1\xd4\xdb\xd3\xcf}\x0c\xf9\xfa\xcb\xd7h\x9cV\x04\x01\xcb\x14\xf6\xc6\xd92\xe4\xcf\xd7\xded\xb8\x11#$G\xb2\xa9\x1e\xa8\xff\xefn\xba\x12\xb9\xa3Ci(\x92bd\x0e\x86\xca\t8?\x17\xf5\xa9=U\xc9\xc6\x0f\x0e\xaf{\xe7w\x04:\xb0\x8c\x89\xd3W\x83\x7f\xb1\x1c\xd0\xe2\xa0g\x96\x0e\xact1dd\xbe\x1d\xfb\xdb=\x8cjT\x1b\xc5\x00\xce\x1b\xfbDX\x92]\xd2\x1c-\xf3\x86\x1e\x87tM\xf8\xd0\xec\t[\x80\xd5P\xe8\x11sA\x01\xba_)?\xd4\xb6o\xf3\x19B\xd2\x86P\xf1\xc0\xe7\x96\x1a3:h\x9f\xb9\x16\x18\xfa\x1d\x1f\xfdKk\x9a\x8e\xe3\x9a\xe3\xe0\x8d\x11\xfc9\xf0\xd1f7Nf\x07\x86\x07\xbb*\xf9{\xd0\xa2\x16\x9b\x90z\xd8\xb4\x90A\xc5\x16\xac\xf9\xd0,\xbc\x12\x04_$\x0c\xe7\xebc\xca\x17\x0e\x83\xbd\xa0\xab\x95\x94P\xf4\xbfA\x83\xdb\xbb\xd7\xb8\x92\xcd\xfc\xf7\x05\x86\xaf\'\xdb\x93Y\x8e\xcb{Jk\xe8\x9c\x1ct\x10\xe3\xf7\x98\xe4\'\x0c,\x95\x199\xcf\x12ZM\xfe\xb2\xde\xb2\x00\xc7K\xad\x07\x0b\xe1\x87$\x07VPF\x00z\xe5WM\x188\xb8x^\n\xfc\x82\xf38:&gt;\xfa\r\xd4\xb2R\x96PNi\x076W\xb5\x9czZ\x91a\x94k\ncT\xd2/\xf7\xe8\x98\xd7\x84\x04\xdc\xc5\x1d/|-\x15q\xe7i\xeb\xfd\xb3M\xa3\x1b\x16K\xcf\xd0a+\xd7\x03&lt;\x11`\xd1\x0c\xfa\xbf\x9c,\x8b\xe7\xe4|\x00\x97OV\xae\x1b\xc95\x82\x15\xe1\xa4\x8b^\xf7\xd0m\x00\xf7&amp;f\xc9\x8b\xcb&amp;S7\xb6\xfb\x1b\xb2\xf2$\xcf):\xcf\x11\x9d&lt;\xde\xf30\xb30\xfe\xcbq\xbc\xdb\x9atUE\xe3\xafY\xff\x08m7G\xbfl\xa6\x1cF\x97\xae5\x15{UA\xc7\x82\x91\xde\xd6@\x84\xe7\x9d\xae\xf31\x8f\xa0\xce\xf4w7N\t7\x89s\xe6\xdd\x07\xeaScJ\x88\x81\xc1&amp;\x1e\xedy\xcb\xece1V\xc8\xee\xb7\xa2\x050I@\xa9\xe2\xbbQ\x9a\x94\xce\x87Il\xcd\xd2aN\xc6\xddi#3\xb3r\xf6\xd8\x11\xd6a\x9f\x81\x04\x1d\x8d&gt;\x12k\xa3\xdf%a\xd5)O\x9c\xc8\xcd\xcd;\xa1e6G\xdd\xdf\'\x08\x98\xe2E~^\xb9\xa3\xb1\x06\x19\x00Xh\x85\xb8xz\xbd\x80`\x8fRX\xc0\xd8\xe1~\xbe\xd91\xd0\xb1\xc7Zi[\xb4\xd2\xb5\xff\xffT\xf4/\x8eHG\x91\x9b\xf3W\x08bmH\x8a=H\xdaH\x9f\xde\xd7~\x87\x1c\x0c\xaa\xa8M\xa7v\n\xb2\x94\xdf\x10.\x1a\xb6\x9a\x8b\xb7\xf5\x0cB\xdbeS\x18}\xe1\x83\x89\xf7\xc2\xd2\xd0.\xb2A\xa0\xeaL\x16v\x12\x8f\xc0\xcc\xee\xa1\x829\xdc&amp;\xef\xbdI\x98\x0bC`\xdf\x8b\xc0\x0f1.\x921C\xd5(\xfd\x07\x192J\xc1H^sH\'\xce\xc5\x9c\xf1\x05\x05\n\xb2\xda\xa8\xbc\']\xf6\xadS\x80M\x98\xc3\xb3\x92ro}\x14?\xd1U\x90+\x83)|\xcf"f\xb1]\xb693Pp\xab%\x1c\x1e4\x97\xbf\xc14\x06\x90\x1f\xb6\xf7I \x9b\xf8\xd2[i1g{aBz\x18\xec\x84+,\x13\xbcCfR&amp;\xedV\x97\xa5\xf9\xbc&lt;\xfaI\xd8\x17\xd3\x0b\xf4=\xc9T4\xfej\xed\x06\x16#X\xc1v(\xd4\xec\x82G\xcf\xd5\xa5]\xb6\x03\xa4+`|\xa8\xf5Br\x19xKKu\x0e\x08\t\xb7\x92{A\x892\xf25\xfb$)\xd7\x91\r8\xd9&lt;\xfb7"\xae\x02\x80\x81\xf8\x12+f\x95\x97=\xdf\xe7\x83\x1e\x86\x91\xa3\x05\xe6e\xac\xcc\x0b\x8a\xf8\xf2\xcf\'\xed[\'\xfa\'\xf7t\xa3\xa8\xe1MV\xaa\xb4\x14\xe4\x1f\x19k\x86\x12g\xc3};U,\xceCPB\x078t\'9\xd8Z\x8c\xa7\xbd=\xff\x0e\xc7\xfb7\xdc\xa2"\xd0"x\xe1SUj\x94\x93\xb8\xfd\xf0\xf6\xd3n\x85\x9a.\xc7\x85\xfa\x0b~C\xba;j\xc9\xdb\xb9\xb5\xf2\xfc\x8bk^\x91\x96[DWG#)\x839\x85}\x9f\xbf\x12M-\x0c4i=\x92\xda%(B\x90kQ\x129i\\q\x96u\xfd\xa7\xedx\xb3\xc4\x94^U\x143G8\x11`\x91|\xc4\x1c\x06\xcb\x87\xaaI\xabo\x17\xb1\x1eY[\xd8y\xc6\xd2l\xee\xe9\xe8\xcf4\x8ab\xe7\xef$\x14\x9cC\x95+CI*\xd0\xc4!eu\xc2zId\xbc\x8dnG\x86\x8a\xe3\xadH\xf4b\xa6~\n&lt;\xfc\xe6\xe5mC};\x86\xd3\xddd\xfa\x06b\x8f,s\xae\x87\xa2\xac\x10\x12\xd8L\xa6\x8b\x03[`\nwRiN-\xed\xd6\n\x89\xack\x881U\xbf\xb5\xeb\xbc\xd3\xb6U#z\x85/\x85\xa6y8^H\x88\xfc\x83"\xf5\x8e\x1d#\xc7\xec\xb8\xc3B\xc9\x82h4\x0c\x19\xca.\xbbJ\xf6;\x9d\xf2\xbf\x9f\xdf\x10\xbb\xaa=\x96\xc9\x89$\xf6b\xf1\xce\xba\x82\xae\x1f:\xa0\xdc\\,\xa1\x82\xdbG\xd2W\xddUt\xe5rk\xbcM\xc4t&gt;$mG\x12\xef\xbeM\xe9\xa9\xef\x8e\x89X\r\nt\xc2\xf7\x83\xde\x0b\x1f\xf1\xe77\xee\xa3\xfd*\x9cu\xae]\xf6[`\x1c\x1a&amp;\x98\xecK_dW\xb3B\xb6\x12\x06\xe0\x05uq\n\xb7Y\xac\xab\n\x94\xd8Z\xa0\xf9\xfe\x88\xf4m\x19@n\xccZ\x00W\xf4\x1a\x95e2\x80$\x96&gt;\xd5\x0c\xf6\x91\xday\x15\xc9\x04P\x82Y;\xed?\x08e\xbd\xc2\xb7\x1e\xa6jU\'_\x8cN\xd5\xd0\x9bT\x15\x88&gt;\xf5\x7fF\x9e\xbf\xf5;\xba{\x80A]\xf3\x94\xac\xbb\x1a\xf4@\xddk\xb0\ra2\x0e\xa5a\x0cj?\x98A\x89\xd1\xc4\xe6\x8bm\x1b\x07m|\x19\x8c"\xe8=\xd6\x8cYP5\xf9&lt;4ch\x876\xb8\xfa\xda_\x0b\x90i\x9e(\x94\xae\xc3\xad\x00{\xd5\x1bY-\xd2\xeb\xbfg\xf4IO!\xe4l\xb4"\x8f&amp;\xaa\x1fn\x16\xee\xf7\xe4g\xda\x06\t\x86\x93u\xc6\xe3Q\xbd`}\xca\xb3\xdd\xa8\x927\xb03\xf6\xba=\x15h\x8d\xe1qmdr-\xf9\xf6\xfb\x8b\xaf\x7f\x98 \xd4A\xf2\xbd)X\x0f\x1a\xc9\xc0\x88D&lt;A\xbc\xc2\x17\x17\xc3\xc0_\xaa\x17\x93\xc9r\x01.H\xa6\xc0`\xfa(\x01\xc3\xc4\xb2\xcb\x1b\x03\x8d\x1a\xb5=\xa6\x8a]S@\xb2$\xa5\xc98S\xdeY\xd88\xe0w\xc7\xd7\x85\xe4\xcbl\xc9\xfd\x0c!T\x8fW\xf4V\x10\x89b\xe9\xc8\xe0\\\xdf1\xdb\xf3H\xadN\x94\x1d\xa0y\x95\xc0Y\x06\xf3\x00\xa9\x19\xb6I\xfb\xea\x9c\x9e\xebR\xff\x9e$\x1bn}jB2.C\xf9\xbbxC*\xc0\xb9?\xf9\xb4\x00\r\x16,\xc3=a]E\x19\x01\xc5\x92\xd4W\x83\x1ahM\xae\xa5"\xf7\xb5\x11fv\x14\x1fr\x01\x8ck\xf1K\xfe\xc6\xb1\xcd\x0b\xaee\xee\xfc\x12\xc2\xa9\x12;\xde(j9\x87&gt;\xab\x01K\xfc\x0f\x1e\xd3T\xcde\x1e\x0e\xea\xda\n\xfa\x8c\x8b#EB\x85\xfe\xbc\x9b\xd8\xbc\xe70E\x8a\xc2y\xf6\xa9X\xd1l\xfe\x17\xab\xf7L\xf1\x0cN\x1b\xb9\x89\xe8\x97)\x02\xca\x86\x03]\xfc\x9ao\x8dIz\xd8s|\x84\xe0\xd7J:;,\x0eM\xdeL\xed\xe9\xd6$\x03r\x02\xb7\xf5|KV\x16vF3\xe5G\xb4bc\x123A{\xa1`\xb7l$\x8f4\x9e\xe8W&amp;\x91PL\x1d-R\xeef\xbe\xe5\xbd\x84\x1a\x9e\xcbq|~\xa2\xe5\xb4\xa0\t\x9ay\xd8\xa1\xc8D\x04\x8f\xeb*3\x87\xaa\xce\xdb\xfaO\x98I\xd0\xcaPr\xe8e1\x9e\xed{G\xb63V\xffqkN\xedp&lt;\xf6\xa9\xc4\x01\x10\xa0R\x85E\xa2le }\xef\xce\xd5\x96#\xc9l\x11}\x90m2\xd5\x9a\x91\x14\xb7V\xf4P\xfd\xf5\xb3\xaf\x965x\xe9\xf9\x1cS\xe0\xecO\xe8K\xce\xbb\x1a6\x90\x1f\xd9?\xcc\xc0\xb0\x00s\xba\xa2~\xfa\x98\xc9\xe7\x9e\xc3\xb6\x03\xe3\xc6\x19\xaf\x90\x10z\x139\xcdOvm\x10,\xcf\x96\xf0@\x9b'</t>
  </si>
  <si>
    <t>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</t>
  </si>
  <si>
    <t>b'\x1c\xf9\xbf,\x0fC\x83\xf674\x97\xa3Z\xa0d\x0f'</t>
  </si>
  <si>
    <t>ck, silently wondering, each in his own mind, if ever they would come
to the end of the woods and reach the bright sunshine again. To add to
their discomfort, they soon heard strange noises in the depths of the
forest, and the Lion whispered to them that it was in this part of the
country that the Kalidahs lived.
"What are the Kalidahs?" asked the girl.
"They are monstrous beasts with bodies like bears and heads like tigers,"
replied the Lion; "and with claws so long and sharp that they could tear
me in two as easily as I could kill Toto. I'm terribly afraid of the
Kalidahs."
"I'm not surprised that you are," returned Dorothy "They must be
dreadful beasts."
The Lion was about to reply when suddenly they came to another gulf
across the road; but this one was so broad and deep that the Lion knew
at once he could not leap across it.
So they sat down to consider what they should do, and after serious
thought the Scarecrow said,
"Here is a great tree, standing close to the ditch. If the Tin Woodman can
chop it down, so that it will fall to the other side, we can walk across it
easily."
"That is a first rate idea," said the Lion. "One would almost suspect you
had brains in your head, instead of straw."
The Woodman set to work at once, and so sharp was his axe that the tree
was soon chopped nearly through. Then the Lion put his strong front
legs against the tree and pushed with all his might, and slowly the big
tree tipped and fell with a crash across the ditch, with its top branches on
the other side.
34
They had just started to cross this queer bridge when a sharp growl made
them all look up, and to their horror they saw running toward them two
great beasts with bodies like bears and heads like tigers.
"They are the Kalidahs!" said the Cowardly Lion, beginning to tremble.
"Quick!" cried the Scarecrow, "let us cross over."
So Dorothy went first, holding Toto in her arms; the Tin Woodman
followed, and the Scarecrow came next. The Lion, although he was
certainly afraid, turned to face the Kalidahs, and then he gave so loud
and terrible a roar that Dorothy screamed and the Scarecrow fell over
backwards, while even the fierce beasts stopped short and looked at him
in surprise.
But, seeing they were bigger than the Lion, and remembering that there
were two of them and only one of him, the Kalidahs again rushed
forward, and the Lion crossed over the tree and turned to see what they
would do next. Without stopping an instant the fierce beasts also began
to cross the tree, and the Lion said to Dorothy,
"We are lost, for they will surely tear us to pieces with their sharp claws.
But stand close behind me, and I will fight them as long as I am alive."
"Wait a minute!" called the Scarecrow. He had been thinking what was
best to be done, and now he asked the Woodman to chop away the end of
the tree that rested on their side of the ditch. The Tin Woodman began to
use his axe at once, and, just as the two Kalidahs were nearly across, the
tree fell with a crash into the gulf, carrying the ugly, snarling brutes with
it, and both were dashed to pieces on the sharp rocks at the bottom.
"Well," said the Cowardly Lion, drawing a long breath of relief, "I see we
are going to live a little while longer, and I am glad of it, for it must be a
very uncomfortable thing not to be alive. Those creatures frightened me
so badly that my heart is beatin</t>
  </si>
  <si>
    <t>b'PZ\xb94\x1f\x8a\x9e\xa8,\x14%\xc8\xd9\xa73\xd1|\xc7\\\xcb\xb9\x07\x9a\x11\\\xaa\x0b\x96o\x0fF\xe2\xde?\x07\x8c\xb0\xaf\x8b\xa2\x93\x0f\xef\xf9\xdd\x8bitj5\x0fc|:\xa9)\'\xc3\xba\x01./\xcc\x01e\x14C&lt;\x99\xae\xda]\xbd\xdd[*\xba\xa8^I\x17#\x1eB\xe6{\xe3\xf7\x87\xd6\xa3\xc8\xf5\xa5\xf16"\xae\x00wz\x80\xd9\n\xa3U \x91j\xcf\xfc\xe0\xe4\xccR\xca\xb8/\x9b\x9d\xa6\x14iDJ\xc3f}C\xd8\xf8\xa3\xbf\xab\x8f@\xbf\x88l\x0f\x03.\xc4\xf4v D\xec.\x109\xe7&amp;\xec\x87\x18rK\xd1!\xcf\x92,\xa3\xe3\x92vI\xd2P\xa6\xb3vh\x8c-\xc5\x85\xbb\xcd\xefH\x83\x0c\xfe\xbdur;~W\xf7\n\xb3\x9e\xb9G\xf0\x933\x91\xeb\x8f"\xf16\xb68\x99\xf2\xe2\x94j\n\xe2S4\\\x1f\xda@\xe4r\x0b\xc4\x83\xc8b\x97#,\xaa\x8dl\xc2e\xdf\x8d\x82\xc3\xb2\x14[]\xef\r\x97\x85-\xfd\xdeO\xe0\xf0=\xdd\x06\x10\xb8\x91|\x1c@aZ\x1d\xff}-\xf9\xa7}5w\x06\xd6\xc6i0\xd4o\xe9I\x043\xd2\xb5\x99\x9b\x7f\n!@\xa8\xa9f\xb4H\xf5\x08s\xb9\x92\xaa:\x97\x93\xfd\xd9\x1e\xff\xbf24b@\xa1SlG\xb9m\x7f\xc7\xf4\xa4\x861a\xde\x93\x13\xf9\x10QsYK)\xdd\t\xd9\xa1\xb3\xb3\xf7u\xc3\xbd\x85PqD\xf7\x05]B\x1dH\t\xe2xN\xb6C4;#\x14eW\x87\x1b\x94\xdf\xa9\x852\x9b\x9e(\x1a\x0b\xcd\xc5U\x03\xee~\x15\xec&amp;\x99\xc3\xba\xdeX0\xea\n#\xf7*\xd0\x9a\xb9\xb0\x19\xbe;\xacK\xff5\xa0\xfb\xdd\xfdH,\xc0\xa7\x02~yd&amp;\xd5,4\x08\xd4A\x7f\xea=\xac*B\x80\xd4\xc1\xf1\xb0\xe55\xf0\xb5\xaa\xe9\x92O\x94\xbbU\xc2\x95\xd3\x06#;\xbc\xeb\xb4P;\xb85\x03\xb4\x95\xf5\x9d(\xc0z\xac"1\x9e\x97L\x9b\xf7\xf8\xb8\xbc?I\xe4\xbc\x0f\x94\t\x80\x86\x10\xde\x04\xc7\xae`\x89\xc3eB\x15\x07D\xec\xe2\x97\x0e\x1d\xca\x91\x8dX\xc2\xee\xa9\\\xff\x93\xacp\x16\x1ff\xb4\xff\xa3\x05\x9b1h\x82dD\xd2}nhd\x03\xa9\x11R\xcb\x00\x18\xfe~a"\xcf[\xd9jc\xb7a\xce\'\xe7b\xd4\x97\xad\xfc\xbe\x16)\x19\xbe.\xa3\x8f!\xd0Y\xf0\xc3L0\xc42`8\xc0\\\xeem\xdd\xb3!D8\x9b\x16\x8c%\xc7\xed\xcc\x1bk\xd1~\xef\xfd\xb3#\x81\x8f%@\x114\x96H\xb69e\xec\xef\xdeC!\x077\xd4\x9bhX**p\x116\xe4"\x86\x84\xb2L\xd6\xab\xa0o\xf1\xfb\xf9\x96\xb1\x0f\xe3\xe8\xbb\xb5\xf9\xf2\x1b\xf4\x1d\x004\xb1\x14\xe6\xeb\xc6\xc1g\xd4\x1ek\x83Gr\x9b*\\)\x80\xdd\xdf\xda\xfe`g\x04\x94\xa48\x1a\xd9&gt;\x0cS\xd7~\x90\x8d\xfe\x13\x14\xc6\x1d\xf6a?Y\xe0\xb2\xc5t\xd9\xc5\x00H\xaa6o\xce\xde?^\x02[\x1eD\xc8\xf7s&amp;\xcf\xd1@\xcb+Q$r\x97IR\xab\xd3\x1e\x1c1E\x9f\x9dL\x1e\x10\xdf\x80{\xaf\x8f\n\xdf)\xe2\xa4-O\xc2\xf7b\x9a\xa3\xbb\xd1\xb3\x1b\x83\x92\x8dc\xee,}!\'@r\xc8\x89\x05z\xd8=\xf1\x81\xf9\xf4NIj\xf1\xd6\xab\xa7\xf6\rp\xadT\x92D\xca3\x1c\x1f\xd0\x07\xcd0\x9dd\xeff)P\xd2&gt;\xac\x99\xbf\xcc\xf1\xd2\xf8G\xdc\x00\xd4\x9a\xf2%2$4\xe6\xd9\xae\x85H\xe7M\xd8\xd9\xa0\x10\x9cDf&amp;\xa3\xb76S\x0e\xec\xc4P\x80\x9c\xde\\\x83\xb2\xea\x0b\xb5_\xf1\xa2\x018\x13\xc7\x99\xaeG?\xda\xd9\xb8\x86C4\xd7]\xd0(\x9b6\x95\xfc0\xae\xc4\xbc\x07\xf7\xf7\xa59\x0b\x81\x96\x95\xc6*\xe9.U|\xae\x14\xe9\xcfT\xa6\xbf\xde\xcda5z|p\xd57\xa4\xaf\xb9\x9c|\x8b\nd\xd6i\xfc\xeb\xe2B5\xae:A\xeb\x80\xa7\xcb\xb4\x96\xa6\x848\xae\xa6` \xb2\xd4\xcd9k\xda\xde\x15\xcf\xe2\xa4\xb4]\x186\xd2\x80\xa8w&amp;5\xf5\xb8bBOTs4\x852\xf9\xf8q \x89,w7\xc9~ju\xcf\xd8\x89\x0e\xf5\x92\t\xa4\xa8{\x8e\xe2\xec\xf5\xb0Bc\xda\xc3\xfb[\xee(\x95/,\xba{D\x88:*\xe0h\xcb\xf2\xa0\xb1\xf1d\xb1;$\xcaC\xe2\r\xc2\xe4c\x88\xee\xda\x17k\x83\x11)I\xd0D\xd5\xa5Kv\xa60\xb2\xebld\xd3\x80\xac\xf0uz\x13\xbd\x9b\xd4\xcb\xda\xfbL\xe2\xb7\x92\t\x94#\xf7\x0c\xb3\xb6\xdef#\xbd\xd5\xb5b\xa7\xb2\x12\x95\xf9\x06\x1f8\x10\x8dY\xfbCa-6_\x7f\xfe\xd5gXS\xcf\xcf\x0b\xe6k\xb1\xb0\x8f\xb6\xd7\xafa\xf2"!&amp;\xa7\xdb!Z&amp;T\xaf\xc3nF\xd75k\xa6\xeb\x101\xd5\x8bKA\x7f\x84\xb2\xc4\x0exF\xb0\xd7\x02\x81\x8e\x8c\xac\x16O\x99\xaew$\x1da&lt;K\x13\x05\x0b\x98\xea\x87\xd7\x14_\xac\x9f;t\xc63\xf8\x8a\x19`\xbe\x84\x048\xd1G\x90\x99\xda\x0f\x19J]\xd5\xed\xbd\x87\xf7\xbe\x1e\x97\xdcR\xfdU\xa2\xa5K\x91\x8er\xee(\x02;\x179\xb1RH\'\x1e\nf\xfc/\x9f\x9f\xa1\r\x9e\x8eU\x8c\x14\x82\xc7bj\xf7&lt;\xf6\x13J\xd4W\x18\x13.q\xd1a\x84\x06\x16\x0f\x99\xe5Xk\xf4\x9a\t\xbf\xd6\x8b\x9eCx\x94\xd1^r\xa6\xf7\xc4\xb2{\x02n7-\xbd\x1c\xa8K\x16G\xe5\xaa\xb9\xa2r7\xdd\xf4\xa8\x8d\x9d\x9e\xad\xebx\xc4\x90\xc8^\xb0\x91\xf1 Wc\xad\x04\xd7\xc1t\xda[\xd8\x17\xb5L\x92\xb6\x11\x1dGp\xca\xbe\x8d`]?\x96\xc5r\x1d\x92\xd8 \xe5\x08\x91D\xde\xbe\xea\x07!`%\xd0\xf7~m\xe4+\x85\x04y|\xdd\x86\xf8\xda\xb7i\xbe\x0fo\xafpj\xae\x0b\\\xcb\xe6B\x03\xe0\xb8enR\xfb&gt;q\xcb7%v\xcf\xc1d&lt;o\xeb\xed\xa9+\x1f4J"i\x14/DS\xc75+\x9f_\xcf\xb9\x08\x8c\xc7\x18\xe2&lt;\xbay\x98\xbc\x0e\xdaom\xd8\xb3\xb2H\x86A\xbb|\\\x87\xd5\xb5-\xdf!\xab\xa5\x05\xb6f\x813iA\xf0\xbc\x1b\x97\x0f\xa4[2\xdar\xdc\xb2\xf3\x9fuw&lt;\x8e\xe8h\xc8Bw\xfb\xc5\xab\xc08\xc0\x8b\xa5\xb7\xe4\x17\xc6\x05[\n\xbb\x18\xb3\x96\x81p\'\xc0F\x96]3\xab_-(\xee\x9a\xd3\x9b\x1d3!\x02Vs\xae\x1c\x11Z$\xc4s&lt;\xe5\xd0\xd7\xf1\x1e}HJ\x0c6Dt\x15S\xa1;\x0e\x84u\xd9`\xe8\x01\x15"\x8c\x9a\xd1D\xce\x1f\xca\xcdN\xbd\xc3\x82!\xf91&amp;\xbd\xdcX3\x10\x06P\xb6\xb1\xfbj\xaf\x9d\xd0\x90\xe2\xc5#\xc7\xe6\xd7m\xf9B\xa76\xe6\x19\xe9\x8c\xc9\xa4\xd6\xc8\xa9\x18JxG\xa6vM*\x83\xce\x1e\x8c\xc9KJ\xe85\xa5\x13\xf0\x13\xa9\xb7B\xbb&lt;\xbe\'\xb7\xcb#\xc7\xf5\xc4W&amp;\x92\x1b\x88\xcd\xe0[\x08\xb2\xb0\xbeo\xaa\x90\x058)\x9d\x06K}\xe4\x11;\x94\x06*\xcc\xf2\xf7E\x97c:\x1b\xf7\xf9\x14\xac\xf3\xe2[\r\x0f\x1a\xd5\xa7T\xce\xa2\xda@!\x92\xcf5C\xcb\x91\x07\x92\xbbF\xd4\xe2\xd4_\xae\xb3fA&amp;\xd9=%\x99w/Y\xcde\xe8\xe4\xac\x0b\xba\x87 \x84\x81\xd7\xefKy/1&amp;\xa1\x8beS\x8e&lt;A\x7f\xcf\x19q\x10\x8cL\xc8\xc8|\x00\x1b\'4\x8c\xe7\x1e\xc2\xa8\x0cg\x0c}\xa6\xe1~\xe7}!0\xaa\\\xa4\xe9\xf00\xd6\x1fI\xea:\x12m\x88=\x84\xfc\x91Zygc\x94_i\xe36\\\xb4\xb9f\xd0]p\x1a&amp;?\x84\x148\x8aa`\xad\x87\xfc\x18T\xb3\x1a\x06s\x07\xc57\xaf\xaaYrP\x18\xe6\xca\xb6\xb2"(l\xd4U\x85bZ\r\xb2\xc6\x99n~\xe6\xeb\xc0\xc9\xbc\x94?\x89\x05\x92\xda\xb9\x14\x03\tI\xd0\xd0LU\xc1\xee\xe8M\xef\xee\xbdd\xbe\xcb\xd8\xc3=\xcb;\xa6j\xe0\xc5.\x1f\x05\xec]\xbd0\xcd%\xb9s\xde%\x1e;\x05[\x87\x02\xce\xa2\xc3\xcc\xebC&amp;[+\x96}\\\x01P\x96\x1d\x95\x13l\x15\xda\x0bY\x08\x00\x1c\xdf6n\x99\xd31{(+l\xf9\xa0\xc3\x98Vs\xc5\xfe\xa1\xc9g\x08&lt;\xa6%\x97\x07\x1c\xeba\xb59\xae]\xeb\xc1,u\xc4o\xe8\xfc\xb5\x97vyu7\x13\xad\x03\xd2\x00\x0c\xfb\x18\xecU\x89#\xf7\x1d\x84W7\xd2[\x1e\xef\xb3\xcd\xc8\x81:\x1b\xde$\x85,\xad[\x8b@\xfa\xd3\xdc\x1f\xdf\x1bh\x9eH6\xdc\xac\xcf\xaa\xbe\rA&lt;\xd9\x1c\xa9\x12Yh\\[\x18\xa9\xfd+\xcf\x07\x84\xad\xe0G\xb8\xf0\x11m;\xe1I\xe4\xb0\x07\xfe&lt;\xb7\xe1#\x94\x17\xd5\xb4\xf7\xbf\rQ\xa1l\xc7AUF-\xec\x03\xdd\xe9p\xb5IaXH\xe4\xee\xe3\x1b\xef \xb88\xe2\x18\x1a\x03\x8d\xabX\x88\xa2p24\x9a\x002\xe2\x03\x05\x9f\xaa\xc03H\x05\xb4\x8b\xbe\xdd\xa5\x0b\xc7\xfd\x05\x0cG\xf11\xc5\xf5 \xcfb\x054R\x04\xf7c\x82\xcaS\x9b\x85\x0cAZ\xdeU\xa1LD\x94!\xd6\xc5}5\x8b?|\xe9\xfb\xd0\x95!\x0f&gt;;\xbbk{Y\xba\x17Q\x0c\x05lR\x9d&lt;x\xa4\xd8\xe4\x1c\x8dE|\xdb\x12\xf3%\xf3\x88\xba\x19JV\xb1\xb3\x91A\xb5&amp;\xa9\xc0f\xace\x15\x92y\xb3\xfb?.G\xbf\xb7\x03\x87\x86\xc10xV\xb4\x0cA3\xe0\x8cP\x8e"\xbf\xf1\xe0\x95\xa9V\x027\x87j\xa1\x05\ni\xfc\x89?\xf7\x14\x92\xf1\xd6a\x8a1\xac-hk\x8b\xb1\xae\\\xfe\xd4\x13\x99\xb4\'\xf2\x93\xbe\x9b\x80x\xc8\x10`4\xb1\x9c\x03qT\xc8J\x90\xde\xe1\xa2(q\xe8\xb6@\x90R3\x05\xcaO[\xbd\x88\xc8\xc6}\x9a\x8d\x8c\x86?\xafB\xdb\xb4\x12\xcd~+o\xd8\xc2N\xae-\xcfn\xb9,A9U}6\x84\xc5\xcc\xaf\xbce\xec\x00\xb6$\xdfct\x0ckXx3\xeb\xa3.\xc3\xde\x95\xc40\xc7{\xac\'\x8f\xac\xb6\x9e\x050o(*-\xfa\xf5\x84\'+v\x11(z\xe9}\xc1\x83\xd4\xc1_\x11\xdc$\xcb\xdc\xfb5\xc4^\xbb\x05]\xc3\xa1\xb4p\xe6\x16\x1b\xab\xf504\xdc\xd6\xf0\x8d\x06\xfdU\xa6\r\x8c\xecv\xe9\xe5\xe4\x03\x95\xba\x80\x9f\xa7k\x8e%\xed\x80D\xe4Z\x97U\xf9l\x07\xf5\xaf\x7f*l\xa7I\xe8g\x9a\xf7\xbd\x1a\xbc\x9f?\xd9!]\x97(\xc1\x12uMJ\x14^\t\x84S}\x04\xa5\xef\xefxD[\t}V~\n\x89y\xa0\x14Z\xeb\x16SgyH\x86\x06\x94&amp;6\x83\x12\x01\xcc&amp;2f\xd5\x9f\x9eQ\xda6\xd0\xe0;\x86\xfc\xda(\x9e\xad\x10j]hc\x1f\xd1\xd4G/\xaf7\x83h\xe1\x97\x8e\x8eE\xf6}\xed\xfa\xe4K\xc5\xa4\xfbeD\xd6i\x84m\xb1\x87\xc1\xc9\xd1uJ\n\xb9aZ\x06Ex\x17O\xa0\x82h\xa4\xee@\x9d!f,\xa7\xfd? \x01\x15$\x9cPv\x86\x99\xddI\x81\xb3o\x15\x1b6\xd132\x9e\x95vW\x8b\xf8\xd2Xk\xba\rAd\xec\xde\xc0\xc1\x05\x1c3`\x1c\xf3\xfb\x06\t~\x80\xa1\xd4"E\xcey=\x1e\xc6\xde\x1aa\x92T\xa5\xb5\xcc\x05/hv\x03C\xea(Y\xad&gt;\xf2\xff-\x9a\\fm\xdcF\xc5\xbc\xfc\xf3:\xaav$\xac\xdb}\x10*W\x92\xe6\x10e\xea-=ZM\xe0\xf5!\xeb\xa6\x19\xdfF\xd45\x0eh\x14\xbfc\x9dqc\xab\xea\xfd\x97"\xaf\x8e)\x8fElC\x15$\xc3\x10\xd4\xde\xd11\xe74\\\x1f\x18o\xb8$D\x8f&lt;\xcd\xc4\xc6\xc5\xcc;4$\x9d^\xd3o\xd0`\xc2\x9c\x0e}\xbem\xdb\xdc\x8e@\xba9\xc9o$\xea\x92\x01\xeb,\xb0\xef\xa3\x15a\xf52\xdb\xf8SI\xc1\x11\x05fU\xf5\xd5&gt;\x8a\x8b\x8d\x9a\xa7ic\xe7_R\x83\xdd\xe9!\xb5\x06\xac:E\xa6jr\x11\xfe\xc0@\r^\xd5\x0e;\xdb\xa5\x84\x1a\x86D,\xbc\xd1du8\x1fj2m\x9c\x1e\x10\x03\xb1k4*\xea}\x1e\\\xb5WL=\xe0\x8b\x0f\x81\xaaM=\x1b\x05\xf9\xe7&amp;\x93L\xbbV\\\xc3\x9c\xb69\xc0F\xb2h\x7f n\x0e\xa1\xff}!\x88\x8eM0\xb5\x97@\xb7\x81\xda\x98\xa8c\xbe\xf3\xf2\xfbh\xec\xcf \x84\xb6r/\xce\x15\x17\xf9\x1f\x8a\xb03\x95\xeb\xfe\x99\xd2W\xb7HBT\x9b\xcc\xc3:K$&gt;\x88&lt;\x8b\xd6\n\xcf~Z\xc8\xfdYL\xe2^\xeff?f\x1e\x8f+\xd0\x0e\xff\xca(\xff/sr\xba\xf37\x1a\xc1&amp;T\n\xf0\xd3?\xe3\x8e\x8b\xab\xc5\xa5\xf4w\xab+\xc2A\xad\x84*\xdf\xfeZ\xc2aZs\xa6_#\xd4\xeb\xef\xb1vgx`Mn\x1d\xd7Y\x8c\x85d\x96)\xd3\x9fl\xa4I\x1d\xc6\xf4\xa2\x19\xdd\x9a\x0e\x8c\xc3\xb0*=,\x1eh\xdc\xad\x84~N\xcc\x07\xd1\xa0\xfd\xe18\xe0v\xbc\xa8#.\xf6.\xc8\xd1\xd4?sS\xf2\xaa\xadW\xe7\x8e\x87\xf38\xca\xd6z\x8e\x08w)\xa2\'\xe5\xfe\xdas\xc6\x1f\xbe}4\x93\x8a\xc1Qb7\x96\xf82\x12\xcf\x8b1]e\xfc\xa2\x8a\xabt\xa9wXf\xc1\x85\x08~G &gt;5\x8f\x82\x14\xe9\xac\x04\x0e:\x0f)\xb4\x7fvvt\xcd\x9c$B\x14)\x89\xb3)\xb1N\x03@$ `\x96F\x1ca\x86v8\x12\xe9\x0c\x10Lw\xe6UP\x03\xdbVG]9\x86\x02\xf9i\xf7J\xc3S\xd1\x1f\x9aP\xca\x13\xf8A\xfej09\x9cR\xa5X\xa85\xcd\x9f\xea\x05\xee.\x7fv\x8fC\xc0X\xde\xf3\xfa\xcc\xddIN\x07:\xb4\xe2\xd0\x94\x0c\x15\xb3\x10\x8a&lt;%\n;\x98\xb5\xa9\x95\xeb%\xbe#.\x0f\xc2hl\x86\x1b\xd3o\xfe\x7f\x8b\x95\xed\xf5\x03Z\x84\x8b\xddP\xfb~\xf6\x1dp&lt;Ioo\xc2\x12\x81x\xb1\xbeUCK\xec\xfe\xa1\xe2\x8f\x85;\xf24X\x87\xa6[\xbac\xa1\xeb\xce\xe4\x02\xbbi\x87\xf2f['</t>
  </si>
  <si>
    <t>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</t>
  </si>
  <si>
    <t>b'PZ\xb94\x1f\x8a\x9e\xa8,\x14%\xc8\xd9\xa73\xd1'</t>
  </si>
  <si>
    <t>ws
 of buttons. I'll be a groom or a gardener."
 It was quickly settled that as soon as Jerry was well enough they should remove to the
 country, and that the cab and horses should be sold as soon as possible.
 This was heavy news for me, for I was not young now, and could not look for any
 improvement in my condition. Since I left Birtwick I had never been so happy as with
 110
 my dear master Jerry; but three years of cab work, even under the best conditions, will
 tell on one's strength, and I felt that I was not the horse that I had been.
 Grant said at once that he would take Hotspur, and there were men on the stand who
 would have bought me; but Jerry said I should not go to cab work again with just
 anybody, and the governor promised to find a place for me where I should be
 comfortable.
 The day came for going away. Jerry had not been allowed to go out yet, and I never saw
 him after that New Year's eve. Polly and the children came to bid me good-by. "Poor old
 Jack! dear old Jack! I wish we could take you with us," she said, and then laying her hand
 on my mane she put her face close to my neck and kissed me. Dolly was crying and
 kissed me too. Harry stroked me a great deal, but said nothing, only he seemed very sad,
 and so I was led away to my new place.
 111
 PART 4
 112
 Chapter 46. Jakes And The Lady
 I was sold to a corn dealer and baker, whom Jerry knew, and with him he thought I
 should have good food and fair work. In the first he was quite right, and if my master
 had always been on the premises I do not think I should have been overloaded, but
 there was a foreman who was always hurrying and driving every one, and frequently
 when I had quite a full load he would order something else to be taken on. My carter,
 whose name was Jakes, often said it was m</t>
  </si>
  <si>
    <t>b'\xbfBF\x90\x9b\xc5\x99\x0f'</t>
  </si>
  <si>
    <t>bf4246909bc5990f</t>
  </si>
  <si>
    <t>is. It's been made
into a nursery for thee. I'll help thee on with thy clothes if tha'll get out o' bed.
If th' buttons are at th' back tha' cannot button them up tha'self."
When Mary at last decided to get up, the clothes Martha took from the
wardrobe were not the ones she had worn when she arrived the night before
with Mrs. Medlock.
"Those are not mine," she said. "Mine are black."
She looked the thick white wool coat and dress over, and added with cool
approval:
"Those are nicer than mine."
"These are th' ones tha' must put on," Martha answered. "Mr. Craven
ordered Mrs. Medlock to get 'em in London. He said 'I won't have a child
dressed in black wanderin' about like a lost soul,' he said. 'It'd make the place
sadder than it is. Put color on her.' Mother she said she knew what he meant.
Mother always knows what a body means. She doesn't hold with black
hersel'."
"I hate black things," said Mary.
The dressing process was one which taught them both something. Martha
had "buttoned up" her little sisters and brothers but she had never seen a child
who stood still and waited for another person to do things for her as if she had
neither hands nor feet of her own.
"Why doesn't tha' put on tha' own shoes?" she said when Mary quietly held
out her foot.
"My Ayah did it," answered Mary, staring. "It was the custom."
She said that very oftenâ€”"It was the custom." The native servants were
always saying it. If one told them to do a thing their ancestors had not done for
a thousand years they gazed at one mildly and said, "It is not the custom" and
one knew that was the end of the matter.
It had not been the custom that Mistress Mary should do anything but
stand and allow herself to be dressed like a doll, but before she was ready for
breakfast she began to suspect that her life at Misselthwaite Manor would end
by teaching her a number of things quite new to herâ€”things such as putting on
her own shoes and stockings, and picking up things she let fall. If Martha had
been a well-trained fine young lady's maid she would have been more
subservient and respectful and would have known that it was her business to
brush hair, and button boots, and pick things up and lay them away. She was,
however, only an untrained Yorkshire rustic who had been brought up in a
moorland cottage with a swarm of little brothers and sisters who had never
dreamed of doing anything but waiting on themselves and on the younger ones
who were either babies in arms or just learning to totter about and tumble over
things.
If Mary Lennox had been a child who was ready to be amused she would
perhaps have laughed at Martha's readiness to talk, but Mary only listened to
her coldly and wondered at her freedom of manner. At first she was not at all
interested, but gradually, as the girl rattled on in her good-tempered, homely
way, Mary began to notice what she was saying.
"Eh! you should see 'em all," she said. "There's twelve of us an' my father
only gets sixteen shilling a week. I can tell you my mother's put to it to get
porridge for 'em all. They tumble about on th' moor an' play there all day an'
mother says th' air of th' moor fattens 'em. She says she believes they eat th'
grass same as th' wild ponies do. Our Dickon, he's twelve years old and he's
got a young pony he calls his own."
"Where did he get it?" asked Mary.
"He found it on th' moor with its mother when it was a little one an' he
began to make friends with it an' give it bits o' bread an' pluck young grass for
it. And it got to like him so it follows him about an' it lets him get on its back.
Dickon's a kind lad an' animals likes him."
Mary had never possessed an animal pet of her own and had always
thought she should like one. So she began to feel a slight interest in Dickon,
and as she had never before been interested in any one but herself, it was the
dawning of a healthy sentiment. When she went into the room which had been
made into a nursery for her, she</t>
  </si>
  <si>
    <t>b'\xcdY\xda[u\xe6\x91hR\xbd.\'\x91\xc7\xcb\x82\x8e(\xd7\xa2\xb6\x11\xa6v\x16\x80\xcc\xf9\xd2\x8c\x07\xc6\x07{\x0f\x0c\xf6\x0c\x80\xdd\x11\xdf\xa1?\xc2Q\xd7z\xc6\xef\xe0\x89L^\x15%@\xea\xba\x18\x16\x93tQ:\xdf\xf9\x8d\x8c\x7f\xb45\xf9(\xaaL\xcd\x82\xfa\xf9\xc8\x86\xe4\xc3\xdbK\t\xc3\xbf\x0f=\xd5\xb2\xb8B\x81Y\x98\xbfg\xd27b\xa5/\x1f\xd9\x12\xd0*\x16\xeee\x8c\xe7\xc0\xdf&lt;#\xa5\xe2e\x7f\xa0\x97,,V\xae\x1e\xc7\xd4\x9a0*\x86\xd1\xf2\xb6\xa9\xcf\x81\x8d\xdf\x97\x9d.\x96\xbb\'\xcb\xb8Lv\xb2@\x97"S\xe5{\x92\x0eD\x1a\xfa&lt;\x1a\xfa\x13N\xbfgV\xa8DR5\xde)B\xcb\xbek2\r\xf2\r\xb8G\x9ef\x89\xb9\x90@\x92T\x1eO\xee\xcfG\xd2\x14IA\xa8e5|\x88\xc7\xea\x14\xc5\xfc4hG\xc1\x02\xd9\xb2\xe3\xafD\xa6\x0c\xb1UPC\xc6\xbd\xcb\xf4\xe2\xc3\x1b2\x9d5\x1dqSa\xf6Dt\xf0)#\xdb\xbd\xb9@\x99\xc6\tJ\x9bA\x13r\xc9@\xd1V\xaa\x1a/9\xee\xb8\xc1%SjpePSt\xf2a\x1a\xe4\x9c-\x01\xe2\xe4\xfc\xbe\x14\xb9\xc6\x05\xdb#\x9e\rQ\xb0*m\xa5\r\xc5\r\x8a=/\x94\x1b\xe5x\xbb`[8\x879\x04\x823\xed\xae:\xa6iIHI\x1c\xcb\x1b\x0f\xd4\xc2\x8a\xbb\xe8\x1c\xb5)\xad\xc1\x95\xda\t\x96%\'0\xf5\xbf\x02\xc0_\xbb\x93\x98\xb6\x1a\xec\xb5\xd6\x1dA(\xb1\x18\xdf\xe4\xba\r\x07\xab\xb1ae\xc5\x0f\x14\x1b\xab?\x9d\x19\x0b\x9b\xeai\xf9\x0f\xcd\x14$mJ$=&amp;\xce\xe8\xd7H\xa9\xdd\xb6Y\xa76=\x86\xb9\x80\x8ar1\xe9v\x08\xde\xea\xcdf\x9f\x84\xba\xdf\xcfc\x98@\xe4V\xbd\xdc\xb4\xc5.4\x1b\x82\x06\xc6v\xf6(\x90\xd4]S\xadp\xa9\xafz\xd2\x0b=\'\xe2\xa3-\x91}X{\xb2&gt;O\x156N\x17\xef\x1d\xf2O^\xfe\xf3\xb7\xb3\xe4Xv\xd0\xca4S\x90WW `\x95!LL\x9d\x9f\x0b\xde&lt;A\x12:\xce\xba\xfe\xa9\x15\x9d\xba\x15\xaeQ\xfe\xd2gk\xd9\xdc\x18\xed?p\x81\x1a h\xc9\x88\x8f\xa8\x9c\x9cz\xe4on\xf1\xd9:\x88\xb3%N\xf7\xab\xb7\xd9\x91\xac-)\x85t\x80%\x07M\'\r\'\xd7\x15\xc3\xe0\xb4x\xc9g}\xa0(:p\x1b\xde\xc0\x94H\x9a\xd5Y\x8d\xe4S\xe7\x9a\x80\x02$Kf`\t9\xab\x07O\xcd\xfc\x92\xec\x80T\x9eO\x87\xbd\xe7\xdf\xdc\x14\xf1B\xc4"n\x80\x99\xac\xda\xd3\xb1~\xcd\x8f&amp;_oxK\xc5\xc0\xf1\xdeV(\x1b\x8a\x86\t[\xbaJ\x8cj\x16VS\x08\x03$\xcd\t\xdb&lt;\xde\xadY(\x14\x06\xbd\x81O;\x14\xb8L^\x8c\xb8v\x0f\xa2&gt;X\x9d\x0fK~\x13\x18.\xfe\x98\xa2\xb0S\xd9\xd1\xae[\x7f\x97\xc5\x8b\xc0\xe0\'`\xc57\x01\xd3\xc6\x9f\x0e\xe9Fa\x87\x9e\xb4E\x9d\x04\xa0\xfe\x1c\x97\x02p\xb4\x05\x1f\xb3\xce$/\xdb`\xd7\xa4t\xe2\x89\xa1\x12\xa2C0\xbe\x86W\xeazB\n\x12i4\xc2(\xe7O\xd8\x99\xf1\xa4\xf7\xea\xa8\xa8.K\x19\xafa\xb6\xec\xcd\x7f\xd5M,\x16^2uqb\xcb\x9b\xea\x03\xea\x0f.Z\x06\x83\x9f\x96\x07\xd9\xb6w\x17)|yGA\xb9\xe4\xf4\xdb\xb6\xb5)%\xf7\x0e\x17AL*\x18\x90\xe9\xd9e\xd1\xd8C\xb0&lt;;\xd9N?\x93\x8f\x16\x1d\x13\xdf+\xa8e\x1fy\xe2\x1c7\x02&amp;@\xca\x9f\xd3J\xea\x19\xef\x14\xbe\xea\xdc\xdc\xf3/\xcc\xec\xb6\x82\xd8\xfc\x06\x13\xac=\xed\xa2\\0\xec\xf9\xbdV(\xeeQ\x16\xfb\xd3\xf0 8\xdb\xe1F)/hqz"iY-\x85\xe0`\x90\\\x00$S\\\x98\x0c\x07\xcb\x9f\xbf\xe2\x92\xdf\xe3\xb5\xc7\xe4\xfb[\xf0\xf7W\xa6\xc9\xf6\x87\xf3\x9a\x9cC\xf1\xfd\xa0\x7f8vj\xa8\xcc\xe8\xc3c\xb0\xbd\x8a\x84\xe3\xb0\x82p\xf9\x1fM\xd5\xbb2,S\x07nyC\xa5\x82\x1e\'\xb2\x83d\x88\xf0f\xbfJQ&amp;\xc1\x9e^t\xfbZ\xad\xfa&gt;\x80\xf9\xf591\xfed\x0f]\x8au\xcf\xb8N\xe6J\x85\x01l\xb2.:\x1dgGV\xa26n\xb0\xf1\x01\xc2M\xe8\xbc\xc3\xab\x1c\xf5\x86\x17\xcbZ\x84mN\x99\xee?)@\x0e[\x1c\xf8\x0e\x81\x8c\x88\xf8\x08\xea\x98\xbd\xeb\xd2\xcd\xc0\xdd\xb6&amp;g\xbe\x8e&lt;\x82*\xf4\xff\x01+\xac\x05\xe8\xaa\xfd\x1a\xd4\x08f\xb7\x19\xc3/\x8d\xd2f\x05)\xecV\xbe~,k\x0c4\x0f\xfe\xb4\x99t\x8d\x00\xbaa\x1f\x8a\x97\xb0\xfdB\x1c\xa5\x1aJ\x90\x0e\x07\xab\n\xbb\xe0\x18\xcb\x85\x0c1\x06\xb4\xfdU&lt;\x16\xc2PM~\xb4&lt;\xdaU\x14L\xe1\xd0\xde\xc5\xb1\xb97\xa0e\xbf\x17C\xe4(\xd0\x89\x8b\xae\x9d\x1aU\xe4\xbd\x16\xef\xfb\xef:V\x94\xb7\t\xdf\x8b;\x85\xc8~\x92l\xb9\x1eS\x0c-&gt;b*h\xb3\x1bi\xcd\x01\n;\xfe\x03\xab\x9f\t\x93\xac\xe8e6\x8b\x0c\x9fO\x94\xe0\xf5\x16\xd8@\x04\xb4\xf8\xc9\xf3\x1c\xa0nA\xa1\x1f\xda\xb8z\xcbe\xd4\xfb\xe6\xb0\xd0\xde;\x0f\x91|\x89\x1a\xff\x81Rt\xef\x8f\x08S&lt;%\x84e{\xa3\xc2@{\xf3\xf1\xfe&lt;?\xd6C\xf6\xc9*}k\x16\x0c\xa8\xa4\xa6P\x0b#!\xa8\xef\x1d\t\x08c\xbc\xff\xba\xa1\x98\xa44\x95wzL&lt;\xf0x\xd81\x01N(&amp;Zb\x1bP\xd2=\xf3\xdfj\xd1W\x11\x91p\x12Wv5U\x07\r\xaf\xa5\xa3\xa5\xdd\xdc\xf7\xd0\xff\xdc\xa8&lt;JXf\x1f#L\x1dD\xcb&amp;\xa9o\xe9UyqWQ\xde\xc1\xae!K\x8c-\xacO9\xa9\xff\x98\x1f(\xa5\xc7\x13\xe9\xaf 8 \xc1\xd3G\xc1\r\xa3\xa2\xad\x0b6\xae\x96\xd3\xa1\x94\xb6r\x07m\x10\xd6\xa7LK\x88\xa8\xee\x08\x89\xd0o%\xee\x00\xfb\x18##\x87\xfdb}n\xc8\x9d\xb4\xa8i\x9b\xca\xa9-QY\x81y\xdb\xec\xd4{\x94\xfcJ\xd9\xb4\xd8NKIbO1\xd0\x99\xd8\xa7q\x01\xb6\xf4\xee5\x89\xbb\xd9\x1e\xd7.o:K\x90\xdcM\x8bd\xf0\xcf}]\x13\xc0\xf4\x7f[\x08\xc5\xe2\xba:m&lt;\xd8\xc8\x83^G\xaa\x81j\xed\x97\xc8T\xf4\xf6s.\t\x19\xf0&amp;\x949\x8c\x80t3E7QM\xab\x19a\xd8\xb5:Cv:\x16\xc1\x9f\xe6\xc1)_\xb2\xc7\xf0\x8e\xdb\x1a\x10Y=De\xf7\x15\xda\t\x95\xc3\x86q\t@\xfe5X3\xafe\x99\x9a\xb8\x1a`|q\xf8B\x1c\xbe\xfa9H`5\x91\xaf\xedf&gt;\xda\x0c\xb4\xb8\xf3\x91\x97\xe46\xbb\x83\x07+\xb3i[i\xec\x18\xd9\xbc\x8c\xaf\x97s^\x04\xb3b\t\x81\x90}P; mh\x96L=\xf5@\xd5=\n/[\x11b\xd9\xf2Q\xacP\xe4\xcc\x0e\xf5J\x8c\xce5\xf5\xaf\xdd\x01f\xf6\x1b\x88\xa1\xb0\x92[\xb8\xad\x80\x8d\x94\xbf\xf6\x9b\xab\x0b\xc6\x84\x98\xe6 \x9e x \xa8~S\xc49\xd9\xef8\x16\xef\xe6\x0b\xccl\xf3\x03\xe1\x1bT\x87\n\xa7\x97N{"\x0b\x1c\xff&gt;\x8e\xf6\xa0\xd9\x94v\xe5k&lt;M$\x0e\x8f1\xcfU\xbf\xcb\xa7\xde%N\x1f%\xad\xc2i\xb1\xebro\xea\xb6\x0c\xbbm\xeb\xe2\xddr\x02i\xfb\x891\xca\xbck\xdc\x957T\\=\x9e\xbe\xb3\x13\xda\x8d\x9c\x93v\xaaQ7n\xe4\xf2\xadLC\xd6\x92+S\x86J\xc6=t\x82S\xa1\xfb\x08\x8d}\xb9\xba\x97nu\xe9\xe1\xf7\x9b\xc9\xeb*\xfea\xea\x8a\x02n\xa7\xfe\xb5"\xa7s\x13\xa7\x96\xc9\x7f\x1e\x05\xb8\x9f\xd3\xdb\x1b\xa49%\x1a\'|\xfe\x9f,\x86\x9f\xfa\xa9\xd5\x1a\x95p)\xe9\xd1\xf5\xcfF\xeam\xad\x06e\x02\xe0PO\xad\xa6\xec2\xa6\x14e\x9dP@\x8e\x1fn\xb3\xfc\x11\x94\xc7\xc8\xe8\x99i+\xd5\x82\x0f2\x03\xcb\xce\\\x98jR\xe9\x17\x9e\xb8dP\xcb/\xe0\xa9\xf7HY\x91S\xe1\xb9\xe9\x87~\x02\x90\xe2\xab\xe9\xa8\xa0\x98\x80\x0c\xe5[kH\x8c\xa4t\x07/\x14\x14} \xc7@\x00\x12\xed\xbf\x18D\x9bP\xb2\xb8T\x9dN\n\xe3\x01\xee-\xc2\x83\xb7\xb8\xc2\x83\xeb\xebm\xf0\x9d\xf8\xf3t\xbe"\xdc\x8f\xe3\xc1h\x92\xf3X!Zj\xcc\x8d.T\x0c\xb6\'\x0c\xb2\x03\x9c\x07`\xa9|\xbeu\x8f\xec\x83\xdf\xa5\xcd\x9c\x9c&lt;\x0f\xcff3\x04\xa2\x9c\xb5\xe1\x8bE\x8fRw\xf6*\xaaA~\xe2Z\x07d\xaa\xe9 \xcfO9I\xa5\x84\xf7\x15*\xdf\xc1u`\\\x19\'\xf06\x0f\x0cl\x14\xa1\xfc\xcd\xcdJ\xe1\xe2\xf3\x98\xc0\x0epf\xf3\x0c\xe0\x05\x0b\xfcg1\xd3\x1b\x9b\xe0\n\xf7U*S&amp;\x1c\xca\xdf\x0b&gt;\xef\xc2\xa7\xeb\xd9\xb1g\x8aG\x98[\x1a\xef\xd4\x9a\xf4\x8a\x14\xbb\'\xbc\xaeF\xa23\xa1\x8c/WT\xcd\x04\x0cc\xc5\x8f\x8c\x81\xa9\xbax\x14\xc3bP\\P\x807\xe5\x93\x02hl\x18@S:?6\xd8\xc8\x9a\x10}d\xdf\x99\xd8H\xc7d\xce\x8c0\x14|%&amp;B\x8f\xa5\t&lt;y\r\xd8\xf0i\xd3\xda\x8dxW\xec\xde\'=(\xcbM:es6\x04\x9e3\xa6Z\x8d\xce\xa4\xbbP\xd5\xb4^\xe6\xe7\xb8K\x82p\x0e\xcd\x9cR\xe0\\dl\xeb\xb9\xf4{\xd3\x8ao\x04+\x80.\xf6pt\x12\x08\x84\xf4O~K\xa6\x85\t\x921]\xca\xa3\xc5\xd3\x93\xf0&lt;6\x82}\x13)uS\x05\x91\xe4H\xae\xfc\x1aS\xcf\x9f\xc4\x91n\xd2\xd4}%\xd2\x06\xa1\xd7b#\xd2\x0ez\xc0\xbb?\xf6I\x8d\x87T\xe7_\xc3\x96\xcdn\'P&gt;\xf0\xd4~\xf8E#\xad\xdd\xc7\xc4\xec\xb2\xa4\x9d\xea\x85\xd7\xd7j34\x05)\x1d\x96\xce\xf7=R\xfcw.\x03\xd3u\x9c\xe8\xeb\xf9ZNK\xf06\xd1\xd0&gt;\x18I\x01\x8b\xb3\xc0H\xf2\xe8\xeb\xae\x95\x01\x87\x9b\xc7\xae\xc4\x11\x06\x9e\xc2,\x05\xd8\x82\xc9\x8a\xec\xaaI\x1a?I\xc3l\xb4\x18\xed\x87\xb0\x1b\x14\x10&amp;R!\x0cCm\xfaSw\x86M\x8e/\xe6\xb9\xc3\x88x\xf3G+\xedR\x8c\xc5+\x004\r\xf4\xf9\x94\xa3Gs\xb3oV\xbb\xdf\x92\x0eC1\xc9\x0e\x18\x81\x7f\xb6\xedh\xad\x88\xdb\xc8\xa1\x17\xee\x7f\x04\x01\xc8i\xc5\x17txR\x00\xd5^$\x1e$\xf1\x0e\n\x14\xed\x8e\xfd\x8f(G\xdd\x04\xc1\xedX\xa6G3\xd1\xdc`\xcf\x1b\x81T\xefX\xc7?\x02jaixr\xaf#p!\xcb\xde\xa6612pf\xe0u\xa2\x8a\xa8\xea\xac\xb6\xe9VT\xbau\xbd/T\xe7\xab\x83\xee.w\xf6\x90$\x1a\x1d(\xe8\x9f\xd4\xbe\xe4\xb1\xd9\xcd\x13\xcc\xe7\xb5\xcd-\x8f\xd2\xe9\x84\xb62\xe1\xa2\xbf\xf4,|\xff\x9e\xdb\xf57P\xbcN\xf3&gt;3\x1f\xe4\xecLg\xabJ\xe3\xfbT\xee\x9f0i\x99p\xe4Gt\xcc\x7fgAR\x92\xd4$ht\x8e\xecM\xcb}/\xab\x9f\x9cP\xfeW9\xb3\xb5\xb3|(\xcd\xd4\xe9\xa0TG\xd7\xf6\xe9\x92\x9b\x0f\tiS\xaf\xf0\x14\x08\xc7\xce\xd2\xc9\xe2meH\xd5\xb2\xbb\x9da\xefLN\xc9\xdd\x13\xd3z\xf1\x1e\xc0\'\xc7\xfb\xd2&amp;\xa9z}@\xc8\xac\xd4\x02\xd9\x0f\x05\x1c\xbd\xf5\x11z?\x89\xc1\xafq\x8e\xb6\xc05\xb7\x86\xa4f\x8d\xc9\xbfU\xb7\xbeJMPJ\xcc\x02\x1d\n\x0c\xee\x96\xce@-Qp\x14\x05\x0c\xdd_s\xb8h\xef\x9d\x87g]\xb5\x11\xa5\x03h\xa7Y\x03\xb7\xe2Z6\xb5\xdc\xac|\xf8T-\xfb\r\xb9\xcf\x91\x94h !\xa8e\x19\x1e\xdbU\t\xe7\xa1\xe5\xbd~\xdeAn.\xf9\x83$\xfe\x13\xf7\x942\x0b\x9c\\`T]~\xfeh\xca+\xbdS9\xf4G\xe6\xc1x\x82\xd2\xe9\xed|\x1e\xffJ\'\xeb\xc6G2\xcc\x1b\xaexE\x06QJ&amp;\xb9\xe4F\x0fb\x0b\xfe\x1f\xa3\x02\xf6\xf6n\xac\x00/\x0e\x1d\'p#\x90\xe2\xe6v\xdf\x1b\xdc`I\x9c\x02\xab\xd3\xa9K\x01h\x03\r/\x9c\xe5\xb7\x9b\xfc\x10\xa7\xe4\x18\xd7\xdd \x84\x0f\xe3\xe5\x86r\xc6k\x11\x8d)\x02\x96o\xa6\x19\xb9\xe4(-\xfa\x9c*\x1b!y\xee\xcf\xe6\xe1W+\xb3\xab\x98\x11\xd9\xd5\xcd\x0b\x84B\xdeb\x89\xe5\xa8#\xc9\xde\x1e\x06\x93\xb7\xec0\xd7\xa2\xa1\x9a\xb9zUx\x9b\xcb\xb9\x12("\x9dY\x9b\xc0\x06O\xe1k\x0f\xec\xe1\xe9\x198Q\xca\xa9\\l/\xb7\x89}w\xb1\xcfj\x81R\xbe\x1f\xeaw\x12\x07tg\xc4q\x06=p\x87Rc\x8b\xff\x9fK\xba\xc0\x1fCu\x8c\xd1\xde&gt;\x04\x87\x11XeF\xc6\x12\xe4\x90\x86\x84\x94\x82\xf3\xcaz\x9d\\J\x1b\x01\x95&gt;\xf8\xd1\x93\xcf\x98}%EL*\xbbA\x14\n\xb9\x04\xa4)\n\xa0.\xe2\xe0\xd4\x98H\x92%\xf0G\xf2\xcb\x05\x94N\x988O6;\x015\x81\xd5\xe4\x9b*\xac\x92\xd9\xd4\x13a\xa7p\xea\xd9\xe5ec\\zh\xb2\xe9\x98\xcf\xf6z\xcch\xaf\x03\xc2\xfc]2\x17p\x96\x9e:Z\xb1\xbf\x85\xbf\xd1\xfaH\xc9]\x12e\x02\x9am5\xc0Z\xcc\x92\x0e7&lt;\xd3\x10a\xdb\x9f\x1d\x0b\xe7\x012X\xca\x97H\xb7\r1\xaa\x88\xc1v\xc5:\x14\xd1\\\x1ag\x05\x80\x1a?{\xd2m\x7f\xe0\x93\x95\xc9\xeb\xdc"\xf9\xd60\xe3\x01o\xe2h\x1c@\xbcB\xcb\xc7\x89\x11\xf8oV\x8e\x1c\xfc\xd3\xa4\x8et\xe7-\xd8\xa0\x15p\xc8\x97\xce\xbceA\x8b\xa7\xe8H/2\x17\xb0Go\xd7\xb9\xf1T\xaa\xbf\x8f\x9ae\x04\xe2n\xda\x0e\x85\xdc\xbc\xa9\x00c\x89\xa2.0\xd9.\xc5yInG\xcc\xddNQY[\xe0`\xb6\x92:\xdb1\xf7\xb4U\x16\xff\xbf=\xfb\x86\x16\xd2\xef=hc\x9b\x80|\xb7\x89CZ(V\xb8\x0f\x89\xd8m#X\xe9\xd5\xce\x1e`sL\xd6\xa1\xdd[01t\x94\xbe\xd6\xd0\x9c\xee\xb9\xb5\xa0\xef$!X\xfbW\xc0\xf1\x13\xe7\xe5\x93\xa9\x14\xfd\xc1\xaa\xf38C\xf1\x0f1;\x0c\x05y\x11\t\x05\x04\xbd\xc3\x8c\xdc\xf0\xaf\xa7\x8f\xc2\xd5\xca\x98\xef\xb5\xc4%!{\xf87\x8a\x00 \x0c\x01[\x10\x96oP\x7fnU\xde\x91&gt;\xc2{\xff*\xb9\x1f\xb2\xb5\xb4\x9e|8\x91\x99V\x0e\xae\xc7\x8b\x1cm\xf7x\x94\xfc,\xfc\xac\xc6\xd2\x1a\\\x0e\xf4\xc7\xe0\x82,\xe6\xa7\x1b\xb6&amp;H4\x88G*\xad\xa8$\xb5\x7f\x98\x18\xfa\xbe\x17\x82\xfa\x97\xe6\x8f\xd2r\x00M\xa4\xeb/l\x8e\x08\xa9%\xcb.\x1d|\xe1\x98]\xc7`\xad\xafX\xe8\x9f\xf6\xe5\n\x91\xd3\xd2\x04\xf3\x14\x84\xe0b$ik\xaf\x85\xc4\xd9\xa7\x15\x82\xcd,\x1fIf\x9b\xe2:\x15\xed\xeb\xe0\r\xb7\xfc\x9a\x14.\xc8\xb9\x94w\xf0t_`\xf9\x9c\xa4\x14\xc0E\x88Py`\x8f\xa0j\xb8\xa9\xe2t\xe4\x17h\x81\xdc\x16\xb5\xe7\xe7\x0eO\x9fH\xe2\x83\t\x9a\xf3xk\x1e\xbf\xf84\xabUT\x03\x8fRXb\xe73\xb4\xec\x1b\xdc\xbeB\xc9r\xf0=\x113;r\x97me\xfe\xc1v\x8b\x13\xa6oq\xed\x93\xf4\xe5\xcb\xee\x8b\x7f3E./]\xb3~\xfch\x1aJ\x1c\xf5]\xfep\xffr\x9a&amp;\xf1\xce\xc1\xd3\xd2,\x8ax74\xf5\xe6\x01g\xd1\x1e\xe3\xfa2\'*\x80x\xbc\x8b\x86\xd5\x9c^\xc2\xfe\xd9\xe8\xd2\xcel\xb5\xc7R\xafY\xc8\x04M\x05v9\x92N\xeb\xdc\xefb\xf1\x1e\x16&lt;\xc2\x0b\x02\xa6\x99\xaf.\xf6\x16S\x0e\x84\x9f\x15\x87\xa0d\xad\x04\xf0\xcc\xda\x9cE\x94\xeccW\xc3Y\x19U\xe4\xc8]\xf8\xa5-\xcd\xe7\x86\xd1\xa2#\x7f;\x0b\xcd\xf4\xedK\xd2\xa8+\x83\x9c\xef\x10b\xa1\xe7{\xd8\xc8=\xfb\'.\x86d.\x86\xfc\xf0\xbe\x00\xfeD\x1ek\xa0\xd3\x92\xb2\xc0n\xa4K\x03L\xd8i\x8d\xe9T\xfa]\x81\xd8^\xd0^\xb5\xdd\xe6b\xf2[\x84`\xd7\xe5i\x13\xa3G\x97\x05\xfbw\xa5\x87\x83\xcc\x86\xfau\xcf\xb0z\xea\x9dj\x12?@2+VZ\x9a\x9d\xa5\x18T\xbd\xc6\x9d\'\xa6\x19BSG^\xb4\xf8\xb9\x81\xc5+\x00\\ \x82\xdd\x13\xb1y\x04\xab\xca\xa1%F\xf9\xba\x9ck\xb6\x94\x08\xcf\xaf\x8d]\x94Vs\xd7\x05\x84y\xec\x1c\x89\xbdMX\x19\xe2\x1b]\xa8JG\xca{\xc8\xeb*\x8e\x96\x82\x82\xec\x8f\xaf(\x12\xd7\xc7\xbb\x1a'</t>
  </si>
  <si>
    <t>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</t>
  </si>
  <si>
    <t>b"\xcdY\xda[u\xe6\x91hR\xbd.'\x91\xc7\xcb\x82"</t>
  </si>
  <si>
    <t>, who, as they now led the way to the
 courts, amused themselves with jokes upon his holy order, which he
 endured in silence, demanding only to be conducted safely to his
 convent, and to which Emily listened with concern and even horror.
 When they reached the court, the monk gave her his blessing, and, after
 a lingering look of pity, turned away to the portal, whither one of the
 men carried a torch; while Annette, lighting another, preceded Emily to
 438
 her apartment. The appearance of the friar and the expression of tender
 compassion, with which he had regarded her, had interested Emily, who,
 though it was at her earnest supplication, that Montoni had consented to
 allow a priest to perform the last rites for his deceased wife, knew
 nothing concerning this person, till Annette now informed her, that he
 belonged to a monastery, situated among the mountains at a few miles
 distance. The Superior, who regarded Montoni and his associates, not
 only with aversion, but with terror, had probably feared to offend him by
 refusing his request, and had, therefore, ordered a monk to officiate at
 the funeral, who, with the meek spirit of a christian, had overcome his
 reluctance to enter the walls of such a castle, by the wish of performing
 what he considered</t>
  </si>
  <si>
    <t>b"\xee\xbd\x1cv\xa2\x84\x08\xfe\xb1\xd0\xd7)U$K'z\xce\xddaQ/\x88\x7f\x8b\x1a\x84\xa9\xee\xa4Z\xcau\x80\xaau:\xd5\xeb\xa5\nW\x8d\xd1Y_\x04\x81\x16\xe6\xea\xcfM3_\x08\x16\xa8p2\xad\x99\x13j"</t>
  </si>
  <si>
    <t>eebd1c76a28408feb1d0d72955244b277acedd61512f887f8b1a84a9eea45aca7580aa753ad5eba50a578dd1595f048116e6eacf4d335f0816a87032ad99136a</t>
  </si>
  <si>
    <t>b"\xee\xbd\x1cv\xa2\x84\x08\xfe\xb1\xd0\xd7)U$K'"</t>
  </si>
  <si>
    <t>orters, it illus_x0002_trates the new systemâ€™s effectiveness. To oppo_x0002_nents, it shows that the organization stands in the
 way of important social goals such as protecting the
 environment.
 The case arose out of new U.S. air pollution stan_x0002_dards. These standards set rules for the chemical
 composition of gasoline sold in the United States.
 A uniform standard would clearly have been legal
 under WTO rules. However, the new standards
 included some loopholes: Refineries in the United
 States, or those selling 75 percent or more of their
 output in the United States, were given â€œbaselinesâ€
 that depended on their 1990 pollutant levels. This
 provision generally set a less strict standard than
 was set for</t>
  </si>
  <si>
    <t>b'0F\x02!\x00\xe7"sDOMy\xb7\xb2\xb5\xf3\xe3\xd5\xa7\xcf\xea\xa8\x03\xea\xe9I\xbdz\xfd\xe0)\xf7\xe3=\x81\t`\x02!\x00\x8c\x81x\x06\xb7w\xa2\xe3\xd1\x8d?\xa9\x06\x92\xe1&gt;v\x94\x05\xfcr\xa3\xa6\xca%z2\xce\xe4&gt;\xb5\xdf'</t>
  </si>
  <si>
    <t>3046022100e72273444f4d79b7b2b5f3e3d5a7cfeaa803eae949bd7afde029f7e33d8109600221008c817806b777a2e3d18d3fa90692e13e769405fc72a3a6ca257a32cee43eb5df</t>
  </si>
  <si>
    <t>b'0F\x02!\x00\xe7"sDOMy\xb7\xb2\xb5\xf3'</t>
  </si>
  <si>
    <t>e crosses stand for the names of 
 ships or towns that they sank or plundered. The sums are the scoundrel's 
 share, and where he feared an ambiguity, you s</t>
  </si>
  <si>
    <t>b'/N\xd6\x99\xa0\xd2\xa2\xbc\xb7\xc0GC\xd9E\x8b\x1f\x0c~\xde\x9b[\xe8e\xdc\xa3\xda\x9f\xf2\xf0Q\x98\x87{I*\xca\xba034\xe8\xa1\xe9\xf3\x9d\x80\xc7=\x15C(\x99\xf6@\xbf\x9b\xe9y~E\\t\xc6\x0e\x1c\xcb\xebp\x98\xa6\xf7\x1c\xb7\xbc]\x87?e\x97\xcb9\x16I\x83lzn\x8b\xb6\xda\xb0\x0f\x90\x1d\tuK\xef\xd9\xae\xff\xb9Q\x02\xddN1O\xb1\x1d\xe7\xda\xb5\x14\xd4oz}\xa2eS\x89\xb9\xdd\x8e\x8b\xe0\xf1\x19t\xa6.\xf5\xf7\x1ax\xf3Y\x13\x8aP\x1fI\xc3\'\x85.\xd7\xc2P\xf1\n\x0e6\x17\xeb)\xd6\x11\xe9\t\xfb\xd5\xd9/\x94\x9d(\xeb,\xfa\xef:\x98V|]\xaa2\x1d\xb7\x16\xc6\xc5|\x05\x96\xb31\tZG\xedsp\x1b`\xf5\xb4o\x04n\xc0\x06\xd5[\x82G\xb8/^\xa3\xd7x\x84K\xa3\xab\x13\x13\x85\x0f\xae\x9eUNNI\xcb#\xef\x9a"\xa8"\xf2\xf5\x16\x0bk\xf9\xcf\xafg\xc6\xcb\x9em\xb6t\xec\'@!S&amp;'</t>
  </si>
  <si>
    <t>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</t>
  </si>
  <si>
    <t>b'/N\xd6\x99\xa0\xd2\xa2\xbc\xb7\xc0GC\xd9E\x8b\x1f'</t>
  </si>
  <si>
    <t>ing to decide how to take care
of ourselves when you came among us."
The Lion thought for a moment.
"Are there any other lions in this forest?" he asked.
"No; there were some, but the monster has eaten them all. And, besides,
they were none of them nearly so large and brave as you."
"If I put an end to your enemy will you bow down to me and obey me as
King of the Forest?" enquired the Lion.
"We will do that gladly," returned the tiger; and all the other beasts
roared with a mighty roar: "We will!"
"Where is this great spider of yours now?" asked the Lion.
"Yonder, among the oak trees," said the tiger, pointing with his foreâ€“
foot.
"Take good care of these friends of mine," said the Lion, "and I will go at
once to fight the monster."
He bade his comrades goodâ€“bye and marched proudly away to do battle
with the enemy.
112
The great spider was lying asleep when the Lion found him, and it looked
so ugly that its foe turned up his nose in disgust. Its legs were quite as
long as the tiger had said, and it's body covered with coarse black hair. It
had a great mouth, with a row of sharp teeth a foot long; but its head was
joined to the pudgy body by a neck as slender as a wasp's waist. This gave
the Lion a hint of the best way to attack the creature, and as he knew it
was easier to fight it a</t>
  </si>
  <si>
    <t>b'H\x031\xd9\xdfL\xfcS\xab\n\xff\xd3\'e)\xa9\xfe!\xfa\x8a\r\n\x14\xb6\x9b\xda\xbf\xc9\x1a\xe9\xa5\xb6\x1d\x10\xb1\xe9&lt;c\xd2\x1a\xf6Z3\xa7\xd0\xcd\x8b\xce\x12\xc6C\x05\x89\xad\xe3\xa0\xd4\xf9y-\xd0ko\x8e\x9a\x82\x9dy&amp;_\xb6v\xcd\xafX7s\xa3\xc8\xfe\xaeV&amp;\x1c\x88\x13&amp;\xab\x877\xdaM\xea:\xaf\xfb\xf1\x14\xb9\xc7\x84\xe44\xa9\xe95\x19r\xf9\x8a\x1f\x86\xd4e\xb52\xe4?\x91\x0c\xa6\x10\x920:_\xa2ad?\xae\xbc1j\x052\x1a\x82$W\x9e\x90%-\x93\x8a\x1bf\x81%\xc3&amp;\xcf\x16\xd0\xd2rA\x97\xfe\xd8\xa5\x8a\xe5\xf8&amp;\x07\xd4go\x00\x11x\x87\x9a\xf46\xd5}s\x19\xa8\xbe&lt;\xc3\xc48b\xd3\'\xb3^U\xba\x06\xe6doR\xe5\xa3\x86@S*\xe8\xc0\xd1~@\xfb\xe6 X\xc3\xdfb\x13\xd6\x12\xbbX\xdae\xa8`\xb2(\xa3!\x1d\xd4\x95\xe1W\xe6~\xb5\xb6\xe0\x89Y\xc6\xea\xa4\x88\xb7\x8b\x8aN\x88Nd\xca:R\xd8\xeew?\xdc\x88k\xbe\xe3\xac\xb3\xc6\xa5]w,Z\x95\'\x8cC\xd5="6\xae\x83\xf9\xbeq\xc1\xa3\xefR&lt;\xd3\xa5\xc9#W\xfb\xc0\xbb\xa4\xf3\x87\x1c\xbay\x94\xc54!"&lt;\x8f\x7f\xb0\x917(\x8a\xc3QtS\x84\x10\x7f\x1c\x007\xdf\x04\x8e\x03\x9ew^\x81\xce\xddc\xc3:\x15zH\xfa\xbe\x166?\x14g\xcei\x1d\xfc0\xa0AO\xb7\xe9\x11l\x81\xda\xe9\xb5!\x0f\x9e\xb7j=\xbf\x0b\x11\xb3\xb2\xf2/\xde\x8ek\x7f\x95\xac&lt;\xc0\x87\xe0y\x99\x99\xab\x8eNlR\x1b\xe8\x9cN\xc0\xd7\x83RxZ\xd72\xbd-\'\xbfX\xba\xca\xc8\xb5+\xe0\xd7\x8aN\x19(nw\xc9,\xfb\xce\xd0\xf1"Bj\x11\xe2Ci^\xf1ht\xa7\xbf\xa7&lt;\xbe\x8f\xe8\xf9b\x18\xcfA\x18\xef\x8f6\x89\xd6\xb5q,\x1ex\xa1\xcf9\xbcN\x01\xe3{\x9b\xb3\t]\x10Kd\xfc\xb6\x0bZ +\xd8wl\xaf\xfd"\n\x88\xc0\xf5$\xfey\xa3g\xe1\xf5\xf6&gt;\xb9\x0f1\x0f\x1b?\xf9g\xc9LfG\x9d4\xb67\xd5\xa1\xf1\x08\xc7\x01D\\\x90\x13\x05j\x9e\xc1\r\xca\x87\xa5\x9e\xc6\xd9 \x92\xa9\x93\xd5\x02\x80\xd84\x14P\x08e\xe9D\x12im\xdc\xc9T\xfa*\x9d\x9e\xe7\x8fz\x9e\x11J\x7f\xb8\\\xc8\xe0\xd074\x19;Nl\x08\x9e\xf2\xeci\xc3\xbbZ\xa9:\x9d\x92\xfesc=\x99\xf6\x87\x86\xedv\xb3\x89}zU$\x00\xfb\xf2K\xe9\x02\xa3c;\x95\xdeR\x03\x8dyq\x90\x0cu\x95\xefRm\x11\xeaX\x81Z\xc3\xe6\x8a|!\xe4\x92\x994\rDs\xa8D&amp;}k\xfd\x05\xf4\x87\xd0Sm\x19G\xf6\x102\xd4\x87\xe9U?3\x1d(\xf1\x9d-"\xe3\xd6;\'_\x1e\x0eXZ:\xcb\xb4\xc6t%\xf4g\x01\t]f\x00\x086\n\xcb\xc9\x97\xc4\x8f&amp;QC\x84v!u\xe1\xb8Yg=\xfb\x87\x0c\xd4w`\xfe_\x1c\xdf\x97\x9d\x9f\xbe\xab\xaa\x02\xf6W\xcc?\xbb\xf33z\xf2\xc9\xe3\x9c\xa3a\xca\xd9\x83\xc7\x85\x0b#n\xeb\xe2\xf9M1\xf0~\xbc\x00\xee\xfe\xc0\xaa\xfc\xb3\xa3;\xba.\xb8\xa4\x14\xc5\x88!\x8ed\xc0\xfe\xbc\xbd\xfc\xd1\xfb\'j8\xdach?67\x93\xdc\x99a\xaa\n\x95\x9d\xacj\xd8\xae\xfc\xcf\x98&amp;\xdf\x9d\xc0LN\x86\xca\xfc\x8a\xa6\xdc\x8b\xbc\xd5+\xe6ga\x18\x9a+\xc4-6\x9b\x8519{\xd2\x04J\xdc\x15:3\xec\xfc\xb3r\x04 \xf02\xce\x1f?\x9d\x1c06V}\xa5\xd9\xa6\x8f\xee\xc1\xc2\x8b\xf8\xc2n\xeb\xad\xd8H\r\xbb\x88\xbb\x1f\xb5\xc1/\x16A&lt;\x9bo\xb9\r\xe0~\xfa5l\xa4 ?\xe7\xfd\xea\xd8\xd8u\x10\x8fz\xb7\xe7\xce\xf3n\xebMpr\xeb\xb7\tv\x00\x87l$\xfc\xf5\x1b\x0e\xf8\xe5\xc7\x87\x9c"YEF8\xaeD\x9a\x05h8\x81\xe6\xb2\xbcm\x0c\x8c\xfc$=\xd1\x80\xd7O\xaf6\xfa\x9cXis\x9a\xe4\xfeDV\xb7*\x84\r\xd9\x87\xcf\xd8\x0f\xff\xe5\x83\xaa\xdd("\xf7Z"\xd4\xc8{_\x87\xf4\x8f\t6\xacA\xb0\x9ff\xbb\x8c\xd8\x1b[\xe3\xbb\x9d\x08J\xda\xea\x03\xf1E1L\x81\x93L\xa2\xe2\x1bR\xa3\x16\xedO\xaa\xfd\x8e.\xfc$\x1ai\x89\xfaV6\x1528&gt;\x8ejcP\x98\xde|\xc5#\x13M\x18\xfe\xd1o\xfe\x0f\xbbv\x82\xfb\xb2\xc3NfE\xd0\xa7i\xfd@\xd3\x81\xac\xf0M\xa1\x83\xfb\x8bK\xaf\x95\xa1\xcd\xe30Vo6\xfbj\xd1\xe0G\xfe\xaf\x18X)\x8b\x86\xca\x85\xea?\xb0\xac\x8f\xfb\xdde\x804?\x97\xb0WA\x11\xab]P\xc7\xf6\x98.\xa7\xaf\x19\xd6\x9f\x04xq\xf9\xbcQ#\xfd\x12\x8e4\xbb-\xeb\xa5s\x0fg\xcf\x9bm\xc8\xb4\xc3F\xc4\xb1\xe7\x06T\x17rOT\x07(\x8bt\x8e\xc4\x8d\xe7|\xd4\xb7\xd7\xeb\xe2\x9a\x12\x10\x0b\x15\xd1h\xc57\x05\xcb\xca\xecYM\xe8\x9e\xe1p\xda\xde4\xca\x8b/t|\x02,\xaa\x0c]\xb5\xde+86\xbbJ\x19u\xbft\x8b\x9fS,\xa8\x97\xe1\xb8N\x83\x88\xd3J\xda\xaa\x1f\xb0h\xea6d*u\xd4L&amp;\x0f\xecr\xdb\x90\xd4\xfc\x08R\x0b\x87\xe5t\xa6v\x999%\x17`*-\x96`b\xfe(\r\x07\x82\x95\xfeT\xdf\xb9\nZ\x14'</t>
  </si>
  <si>
    <t>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</t>
  </si>
  <si>
    <t>b"H\x031\xd9\xdfL\xfcS\xab\n\xff\xd3'e)\xa9"</t>
  </si>
  <si>
    <t>s.
  In its application to classical mechanics, the principle of relativity is hardly
  new; it was stated clearly by Galileo. Question: does it also apply to the laws of
  electrodynamics? At first glance, the answer would seem to be no. After all, a
  charge in motion produces a magnetic field, whereas a charge at rest does not. A
  charge carried along by the train would generate a magnetic field, but someone on
  the train, applying the laws of electrodynamics in that system, would predict no
  magnetic field. In fact, many of the equations of electrodynamics, starting with
  the Lorentz force law, make explicit reference to â€œtheâ€ velocity of the charge.
  It certainly appears, therefore, that electromagnetic theory presupposes the exis
 tence of a unique stationary reference frame, with respect to which all velocities
  are to be measured.
  And yet there is an extraordinary coincidence that gives us pause. Suppose we
  mount a wire loop on a freight car, and have the train pass between the poles of a
  1This raises an awkward problem: If the laws of physics hold just as well in a uniformly moving frame,
  then we have no way of identifying the â€œrestâ€ frame in the first place, and hence no way of checking
  that some other frame is moving at constant velocity. To avoid this trap, we define an inertial frame
  formally as one in which Newtonâ€™s first law holds. If you want to know whether youâ€™re in an inertial
  frame, throw some rocks aroundâ€”if they travel in straight lines at constant speed, youâ€™ve got yourself
  an inertial frame, and any frame moving at constant velocity with respect to you will be another inertial
  frame (see Prob. 12.1).
  502
 12.1 The Special Theory of Relativity
  503
  Wire loop
  FIGURE12.1
  giant magnet (Fig. 12.1). As the loop rides through the magnetic field, a motional
  emf is established; according to the flux rule (Eq. 7.13),
  E =âˆ’d
  dt .
  This emf, remember, is due to the magnetic force on charges in the wire loop,
  which are moving along with the train. On the other hand, if someone on the
  train naÃ¯vely applied the laws of electrodynamics in that system, what would the
  prediction be? No magnetic force, because the loop is at rest. But as the magnet
  f
  lies by, the magnetic field in the freight car changes, and a changing magnetic
  f
  ield induces an electric field, by Faradayâ€™s law. The resulting electric force would
  generate an emf in the loop given by Eq. 7.14:
  E =âˆ’d
  dt .
  Because Faradayâ€™s law and the flux rule predict exactly the same emf, people on
  the train will get the right answer, even though their physical interpretation of the
  process is completely wrong!
  Or is it? Einstein could not believe this was a mere coincidence; he took it,
  rather, as a clue that electromagnetic phenomena, like mechanical ones, obey the
  principle of relativity. In his view, the analysis by the observer on the train is just
  as valid as that of the observer on the ground. If their interpretations differ (one
  calling the process electric, the other magnetic), so be it; their actual predictions
  are in agreement. Hereâ€™s what he wrote on the first page of his 1905 paper intro
 ducing the special theory of relativity:
  It is known that Maxwellâ€™s electrodynamicsâ€”as usually understood at
  the present timeâ€”when applied to moving bodies, leads to asymmetries
  which donotappear to beinherent in the phenomena. Take, for example, the
  reciprocal electrodynamic action of a magnet and a conductor. The observ
 able phenomenon here depends only on the relative motion of the conductor
  and the magnet, whereas the customary view draws a sharp distinction be
 tween the two cases in which either</t>
  </si>
  <si>
    <t>b'q\xcb\x1f\xd3_\xa4\xff\xa1\xed\x8d\x93\xd7\x04\x8f\x06(\xeaa\xebDw\xad&gt;\x15\xe4\n\xb1\xafZ\xfa\xa45'</t>
  </si>
  <si>
    <t>71cb1fd35fa4ffa1ed8d93d7048f0628ea61eb4477ad3e15e40ab1af5afaa435</t>
  </si>
  <si>
    <t>b'q\xcb\x1f\xd3_\xa4\xff\xa1\xed\x8d\x93\xd7\x04\x8f\x06('</t>
  </si>
  <si>
    <t>hy most
 people never even make it to this point. When you make these decisions, you
 are nearly halfway home. However, as the old adage goes, nothing really
 happens until something is sold.
 Everything up to this point is simply getting into the game. You have a
 product to sell. Now, itâ€™s time to play the game. Right now, you donâ€™t know
 how to play the game, so the first few months of the game are a grind.
 During this time, you will likely obsess over every detail, and you will
 overthink every decision. When the chaos starts to get to you, take peace in
 the fact that your goal is incredibly simple. Your only job during this period
 is to take a sale. Thatâ€™s it. You will feel tempted to make it complicated, to
 follow a slew of different peopleâ€™s advice, or to create complex sales systems.
 You will want to get distracted by reading marketing blogs and chasing every
 opportunity that falls into your lap.
 But you have just that one job: take a sale.
 Whenever I feel stressed, I remind myself that my job in business is to
 take a sale. If Iâ€™m having a bad day, Iâ€™ll often make a list of prospective
 customers, or put something on social media that talks about one of my
 products. Then, I call those customers personally, email them, or send them a
 message. My goal is to take one sale. Itâ€™s hard to express how much that can
 turn my day around.
 Sometimes, you have to think very small in order to focus, but doing that
 creates momentum that very quickly builds. Right now your focus is 100
 percent on taking sales, and you will have to resist â€œbig thinkingâ€ to do the
 work necessary to take those orders.
 Thankfully, I have coached hundreds of entrepreneurs through this
 process, and believe me, it used to be much harder. It used to be that
 entrepreneurs would spend three to four months just getting their finished
 products in front of enough people to take a sale. Today we know better.
 Today we know that we can complete â€œThe Grindâ€ in thirty days or less.
 We do that by â€œstacking the deck.â€
 How to Guarantee Sales from Day One
 You donâ€™t need to be a social media celebrity, or even have a following, to
 guarantee sales of your product on the first day. You just need enough
 eyeballs to put the cards in your favor.
 Thatâ€™s what led me to utter these three words: â€œI love yoga.â€
 By no means am I the first personâ€”or even the millionth personâ€”in
 recent history to say those three words on social media. The impact they had
 on my business, though, was incalculable. Those three words were essentially
 enough to get me in front of as many people as I needed to launch a
 successful and profitable brand.
 Back in 2013, I was working with many new entrepreneurs who were
 excited about the opportunity to start a business. However, they sometimes
 got frustrated when it came time to take sales for their product. They did a ton
 of research to find their first product. They did the hard work of getting
 samples and working with suppliers. Then, they set up their Amazon store
 and . . . crickets.
 I call that â€œthe hump.â€ Itâ€™s when you do a lot of work to get your product
 ready for sale, and then you hit a barrier to the next steps. And itâ€™s why the
 first few months in business are called The Grind.
 If new business owners donâ€™t get sales right away, they often get
 discouraged, anxious, and worried. Sometimes, they think about quitting
 before they even have a chance to get started. But if they make it over this
 â€œhump,â€ they sail toward success. Fast sales out of the gate, on the other
 hand, gives them the momentum to keep going and keep growing.
 Thatâ€™s why so many of my students are so profitable and successful. In
 The Grind we work almost exclusively on getting sales as fast as possible.
 While I was coaching some of them through the process, I heard one of
 my peers utter, â€œMan, Iâ€™m so jealous of established companies who already
 have customer list</t>
  </si>
  <si>
    <t>b'\x12@\xf98S\x15N\x85=\xeb\x11\x0c\xc5\xa3D\xa0\x08\xac\x8e:\xb9\x11rE\xf7W\xf2\xf6\xd3\x9a\xa6\xaa\xcbNE.\x84K\xccH\xd3\xd9\xc4\xbbY\xf4\xf8\x89\x1c\xd0Q\xc0\xe0\xed\xe9\xbeE\xf0\x18\xa9_\xf62C0\x19r\xfc\xdeA\xd7\x1c\xbe\xf0\x02\x84i\x88\xe5._&gt;\x8dU\xa6\xe7\xafJ\xac\x8b\x1d\x12,\x9d&amp;\x85\x94\xf0\x14\x928\xf87\x19&lt;\x89F\x9dF\x84;\xee\xe9yd\x13\xfe\xa2lP\xa9\x17\x96\xbf\xf2i\x96\xd2Q\xe1?\x0e\x92\x82\x9b\x86\xcd\x11Y\x1d\x1b\xec\xde\x942\x9a\xb8\xcfH\x92\xd4^D\x93\x8d\xa2\x93"AK]YD\xdb\xa6\x1b\x81\xf2\xfa\xb6U\x82L\xad4\xf0\x91 \xd2\xec\xe9J ]2\x95\x91\x99\x87\xf9~~\x18w\xdf\xb1j\xd7\xb8\x9e\xa3\xfc\xae1\xceF\x80\x9a\xee\x07Y\x9e\x89\x1c\xb1\x8b\xa0\x9f\xa7)\xf8\xb5\x7f\xb7Z\xa2|\xaf{\x99N\xe3\x82l/\x01\xdc\x0c\x0een\xa2\xfa\xffo\x98K\xe7=\xbb\xc2\x11\xb8a}H\xad|\xacT\x84\xf6}\xdd\xfd+&lt;\xe7\x90(\xfe*\xb0?\xdeS\xcbB\xe3r\xb0S\x03|\x97\xa7\x12\xf9\xe0\xcde\xf0\x86P\x1dR\xa3v\xe5u\xaf\x1b\xf1\x03\xfa=\xb8\x0e\xef\xdc\xd2ENqL_\x16Ak\x07\xa6o\xcf\xb1\xba\xe4\x10\xbe@\xd6\xb14\xda\xbd\xde\x98\xf0\xc0\xf9qp\xab5\xbb\x9c\x13=1\x84v2B=\x8d&amp;%\x12\x92e\x04\xd3\x02\xd7\xc6\x1ac\xde\xa8\xae4M\xbfBR\x06\x1c\xafw\x1f\x15$\x84\xd7\xd5\xc5\x1f\xee\xbez?\xb2\x90\xe5l5Mc\x8b\x07z\xde5\x9ej\xbb\xe3\x86\x04m6#\xb4\xb7\x8cA\x0f\xc64\xf5\x00\xc7\xef\x13\xbe\xf4z\x15dP\x1f\x03\xcbZ&gt;\x14N\xe1\x1fx\x0c~\xfa\xe6?\xbc&lt;\xef\x1a\t~\\\xdb\xe3\xb2|K_\xe3\x8eR;\xba\xba\x88~\xe2\xaa\xae\xfb\xcc\xec\\q\xe1$-\x8d\xc8?\xf0\x97\xf4:\xce{\xecn\x8f\x1cK\xad\xc8Q0a#\xeb3_\xb8~\xbe\xcc\xde%\xad\xbeCy\xca42*m\x0e\x073 \xee\xd8\xe6\xee\xf7AewN\x11dM;\x8c@`p\xd8C\xd5*DY\x10\x0f\xc2\xd0\x85\xa4f\x00\xeeeb=\xcdU\\6\x0b\xf1\xb7_\xe1\x85BE\x06\xad\xdc\x91\x0bPI\x12\\5\xce\xd04X\xb5 \xce\xb6\x8c\xc9\n\x82\x97j{\xa9\xd0.\x9f\xf2\x0b_&lt;\xd7X\xb9@\xff\xfe\xeb\x82o\xe1\xc5\x9d\x88&lt;\x98\x1bc\x1fn\x87\x10\xb2ypc\xfe\x00t\xdf\xd4\x88\x84\x1a\xf6P}\x9c\xd2\x98\x02&amp;tQx\n\xd3\t"\xd1b\xf8\xfamV\xd1\x86\xfe\xb5\xc1\xb4kL\xf8\x01O\x9e\x90\xa8q\xac\xd2P\x1e\xf8\x18\x0c\xa1mEa\x98\\\x14\xdf\x93J\x8e*\x955uq\x0c\xaf\x15N\xbd\xda}r\x97\xe25\x94\x96@R\xaa\x9eF\r\xb5\x19\x14\xcf\xacW}\n\xf4t\xd1*\xef\xd1\xcd\xc9\xa94\xc6\x93\x82 E\xa4V[UB\xc1\xf7\xf7\xaed\x14\x8d/g\xae\x8cVj&lt;&amp;0\xfb\xec9\x915\x8a\xbc\xccz\x10J\xca\xa9\xf8\x06Sl\xaf\xdb[H\xa8\x82\xcac\xe4\x9cY8&gt;mh"`\x0e\x1d67\x94\xb5^\xa1(\x85\xee\x13\xe7\xf2\x0bw\x95\x9c\x04\xa0r\x89\xf4\x91\xb1H\xba\xeeGdl]\xe8\xb7\xf6\x0b!&amp;\xcb\xbau88\x04;p\x86\xd6g\x0fn\x16Z\x13\xa6\xd1\xd3&amp;\xcc\xd0\xb5\x8du\xf9\x0e\xaf\xecmL\x84\x0e}y\x11\xb1\xcd\xa7\x08\x9dxa\xd1\xc1*\xa8\x0co)P}fN[\x81U\xac\xd0A\xb0\xe8+\xe0LHBD\xf2g=\xfd\x0f/\xba\x84\xb43\x90\xf8Jk\x97\xa2\xb6\xa4\x04N\xe3\xc0r\xe6c\xcb;,\x8e\x80\xbb\xbc\xc6\xcbU\xb0D\x8d\x9d\xf7\x0f\xa9\xd9\x1f\xd4\x940_\'\xc8\x0c$\x96vp\x0e\xa9\xef\x84uF\x98\xc20\xb8G\xda\x08P\xdc\xf1\xb1\xc3\xf8\xac09`\xc3\xcf\x1bj\x10\x8b\x93+\xbe\xda\xa9A\xf6\xff\x11kB\x9e\xbe\x0c\xcf\x18\xb8\xb3!\xf0\xea\xef6\x96\xdb\xe7C\xeehl$;\xc8\xb4FW\x83\xfeO2\xff\x16|$e\x01\xde\xdc\x8b\xde\xf7\x1e\xe4\x15M\xd2L\xdf\x9d\x95\x19\xd0\xe9\\\x14\xcb\xbb\r}Z\xd2\x1f\x96\x8cp\x95\x15J\nL\xdd\x9fh!\xe8\x1f\xa9\xcc\xbc;*\xb5\x94\x89\x8e\x99%[\xc3wMV\xd0\x8f\xe7L\xc5f\x1b\x8cF\xd9\xeaif\r\xf6\xf6}p\xebP0 |Od\xf2\xb35\x87a-\xaeJ\x0f\xa6\'-\x9d\xfcF\xc2"\xf7z\xbc\xda\x9a2\xa7\xf5X\xd0$fg\xf8k\x9b\xffU\x84\xdcS:\xb2H\xc4\x1dK\xd1bX\xa0\x0e\xb05B+\xa0d\xce\xff\xa3\x89\xa9[\xcd\x1d\xe14\xb1!\xf2\x0c\x7fx\xb5\xbagh5\xfc\xca]2\xc1\x1dHO\xe6(\x01=c_\x9aW\x82\x8f-&lt;\x08z\x8a\xf7\xd1\xfc\x00I^\x84VS2\xada\x89\xab\xf2\xf3\xe6&gt;T\xd3\xbc\xb3\xd8\xd6\xe5\xc5\xd8\x0e\x01\xc1v\xc4C9\x0b&amp;\xc0O\x8bEUg\xcf\x14~{\xb2\xa5zN\xd1\xea0\x93\xe85\xe2@\xd2\xc6\x82/\xa0\xf2\x8e\xcc\xe7\xf2b_T\x0e\x8bc\xc1\x0b\x16\x17#Z\xa8\xa5Z\x93\x0f\x0fY\xbc$\xc6\xff\xab/\xd9r2\xd1\x12U\xed&lt;\xbe\x81|w2\x08AP\xb4_{1\xbc,\xe2\x1e\xd3\r\n\xcdj\x9a\xa8[\xa8j\xdaM\xa8\x11%\xa0\x89x\xf4\nYlmm\x7fD\x93P\x0bg\xab\x1b\x86\x1ci\xa0\ro\x92.B\x1b\xb1\xf8 \x1b\xcd1\xb6\xd7d`e{\xfaLA\xdeI\x8f\x810od\x114\xfej\xae=\xf8\xdapW\xf9G\xe5p\xcc-\x18\x08\x14\x1d,A\x16^B\xeb\x80\xb8\xa9\x0b\xaf\xb4\xf3\xde\x1ci\x87\x0b|\x88\xe68r\xc0\x89\xe8"S\xe9]\xb8\x8cm~V\xa3\xc1(\x8bK\xe7\x99T\xd6\x89S\x80\x13\xd2\xe5\xc3\xefR\x11)0bf\x85;\xb9R9\x98\x14J\xb3&lt;\xf3\xd4\xac\xe1c\xc4\x81\xf8I\x89\xdcpp\xa6,\x9a\xb9\xa8vW\xc9Y\xfb\x0fT(P\x1e.kc\xab\xda\xa5cHw\xc7\xcd\xd9\xd5\xd9\xdb\xa0\x8a\x94t\x8bD\x96\x1d\xcaE\x97p\xdb\xd8f\x9cxe\xe7\xf2\xcb\xa6F\xcc\x0b\xf59\xcby\x97p\x8f\xd3\x01f$\xd0\xd3@dimk\xf1.\xa7\xab\xcb\xac\x95\'|\x87?\xc7T\xcaX0\xfa\t\xc1\xf5x\xd1\x12]\xcd\xf8([Nn\x98\x12=?Ye\xd3dn&amp;\xae\xf4\xe4\x81T\x07\x85\x00\x8c\xf70\xd6\x16\xe3E0\xf6\xe4\xf5\x84&gt;z\xf1i\xdf\xa2\xc8k\x9c\xaa\xe7{\x02\x85\x82\xf3|-\x97\xb9\x93\x84G",)\x19\x98Q\x1c}0#.\xb0&lt;C\x01\x1d\x92q~l\xd2%\x95\xa7Ib\x1d\x13E\xdbb7\xb3\x82#\x97\xbc\xc0\xa2\xadz\xdc\x8e\xf92S:!=\xc2\x89t\x89\x81\x8b\xde\xed\xc76\xc6\x91G\xe58\xb4\xe1+`\xc5\x88\xf1{b\xc0v\xbb9\xd2P\x19(\x13Z\xab\x06T\xde\x82\x81M\xf8\xcd(\x0b\xf5vV\x0f\x1f=33\xb2\xbc\xd5\xb2H|\xf9\xa0W1\x1a\xd0\x14+8BD\x9c\xc6\xfc\xd1\x89\x9a&amp;\x15{\xdeG\xa4J\xa0\x17/_\x18\x88OjW:E\xa1|\xdd&gt;\xd2\xeaB\xcf\xa5K\x10\xee\xa9h\x0f\xc6\xc5I\xfa50\xeb`\xa7\xecC\x95F\xb4W\x01\x9cj\x87\xb8\xb6j\x9b\x8e\x01\xbd\x03\xdcZ\x18{4\x12|a\xf3n\x80?B\xd0|\x8chB\x84\x9f\xc56\xf6\x98\n#\x94\xb7\xbd\xf1(L\x04\xbe}\xb8z)\x1dfP\xef\x0f\xb3\xac\xc5\x08\\E\xdd\xe6\xb9]\xee\xf0\xecL9\'\x1cy\x03C\x92\x078x\x0eD\x87\\\x8d\xc6\xd2\x83\x03\xb1\x12~lW[\t\xb6\x03\x98\x12\x16\xa1\xfe[\x9ak\x99\x84\x81\x1a&gt;\xdbd\x1dWfR\xdeu&gt;\x15\xc1\xc2J\xba\xcb)Z\xaf~\nn\x01\xfa\xfc\xfa$l\x915\xcf\x8d"\xfa(\xa8V\x93\xc2\x15\xee\xcaO\x03\x19\x07\xee\xcaR\x17\xe0\x0bG\xba-u\xdf\xf0\x82N\xe1\xc4au-\xff\xc7\x9b\xf3\xc6\x00\x928\x89\x0e\xab\xcb\x15"\xc5\x0b[!\xba\x16a}\x00\x1c\xa5CA\xc3\xe0\x9c\x9b\xa4\xcb=_\xbc\x8eEbQ9\x90\x9f59\xc8f\x1am\x97\x86=\xb6xKS\x16r\xf9J\x19\x14\x90\x80\xe4\x18b\xdb\x98\xb8\xe1\xb0\xa8\xd3\x10,\x01\xb4\xbf\xa3\xc3\xa269\x04\xc3\x97\xda!^3\xf9}\xe5\xa9HJ\xe2\xc1k\xc5\xb5\xbb\xfd\xb19\x84e*\xa6Y\xe7Z\x8a\xd1H\xe9\xa5n\xbd\x8a`\xee\xb4g\x98S\xd1\xde`\x18.\xc79\xf1\xac\x14\x0f\x91\x12\x17\xc4\x95\xb2\x06\xccF\xdc,.\xd4P\x02\xa1\x1f\xad\xbb_&lt;s\xce\xbb\xdd*\xc1\xa6\xd8T?]:\x9c=#\x8f\xc3\xd81Hp\x17\xdb\xdf\xb5%\x98\xb9!\x9b\xff\'\xec\xce\xe4M\xc3\xf4\x05\xa0w\xd2-\xa9\xb7\xb9\xfam\xd50~\xb7\xc8\xbf4\x0b\x8b\x04q\xc7\x9a\x1c\xce\x8e\x14\xb8\xcc\x9c\xf2P\x90&amp;\xe0\xac"\xfd\xcf\xd1n\xf6\x84\xe6p\x8d0\xe5\x0ec\xb5\xde\x10h41(}\xf4k\xfdPm\x1f\'\'\xa6\x92\xea\x8b\x13RY\x06\xb3\xf32\x9aM\xa8\x12L\x00_\x17D\xb9#\xa4?U\xbfL\xca\x81\x80\xc89\x94\xecU\x89\xb08K\xe9n2\xa0\x93\xdb\x9c\r\xfb\xa4\xa5\xfe\x07\xb0\x92t\xccu\xe6\xb3Qj\xd2z\xc4\xa2\xca\x98&amp;\xd8\xc5\xbd\xd5\x9e\xe8\x12\xcb\xf2\x1e\xf0J\xe6\xc0\x11\xee\xcbY\xcbn!v`JJ\xa4\x97\xcf\x9c\xff\x13\xd5?k_JZ\xb7*\xba\xdf\x9a\xc0\xf6GJ\xbfay#LG).\x98\xc7GL{NK\x9e\xf9\x0cY\x9f\x82\xe0\x91Xi\x1cT\x06\x84B\x9b\xfctlr\x9ac\x7f\x0cZY\x0bfl\xe8\xfc\xd9\x89^\x94\xfd\xb8K\xde/`K*\x9c\\5\r\x0b\xba\xfe\xb3\xd6\xc3\xa1Dm1D@\xbb\xe3\xb67\xce\x98\xc8\x0c\x8eB\xcc\x8c\x16\xc6UQ\xb5W\x9bG{\x15\x80\xe1\xf9\xdb\x8c\xe36\x8e\xf3A\x10\xce\xee\xc7*(8Y\xe2\xce2\x1f\x90\xec\xab\xb6\xdd\xf2\xb5\x86\x06[7/\x81i\'=\x9d\xbb\x8e4\xd1=\x08\xe5\xbf\xdf\xd6rV\x1c\xe7F\x9b\x15df\xcd\xf8G\xaa\x90G]2\xacpo,i\xab\x8e\x16e\xd0\xe3\x984\x81\xa1\x8e\x8c^[w+\xa2^\xe1\xea\x93\xdf8q\x8cQ/\xdb\xb9#\x1a\xc5T\x06U\x05Jhg\xdc\xda\x96\xec\x12\xefwa\xe0\xe3,S\xe4\xd9\xca\x06\r%;6\xb5\x00Nx\xfd\xa5\xcdg\xc2\xbf\xe228\x1a\x1c~\x8a\x00\xa7\xdcEL_e\xfa\x90\xaf#\xe9\x8e\x97\x86R\x7f\x87\x8cv\x82\x1a\xf4\x05\xca\x14:\xfdb\x197&gt;0d\xa6\xb7\x868\xb6\x12\xa1\x8fp,O\xa3\xf8\x9bE9\\\xd69s\x7f\x90\xc7\x18\xe9/u6\xc70\xd9_\x80\xe2\xc5\xc2\xbc\xcd\xfe#\xb0\x06\x1e\xa8\xf24\x85\x1f\xb5P\x1b\x1a\xa5o\xd6\xf92\x1b\xeb)\xbf#:\x10\xfc\xe0]\x97F\xb6u\x880$\xaa\xc6\x12\x16\x9e\rW\x1a\x93]\xd5\x0ep\x06)&lt;\xa7\tZ\xcc\xe7\x06\xe0\xcc\x01\xe4\xa9\x07\x86b\xfe\xfa%\xe1\x96\xa7y\x05I\x8ci?&amp;%\xe1d\xcc\xc2:^\x9e\x8e\xb4\x15\xf4W\xed\xc9\xd9\\\x1f\x04\x19\xb73\x00\x08\x0c\xdc\xa4(\x93\x16\x17\x86L}\x92p\xf3\xf7\x97YQ@]\xb9hX-\xaeL\xf5#f*\x98\xbc\xf1\xed\x95\x0e\x90\x8a\xaew\x88`\xd0\x1f\xd8J\x9f]\xf8\xc86K\x1eif\x989dr\x9d=\x0bsM\xa9I&amp;\xb3\x00\xbf\xdd\x94\xb7\xbb\x89\xcd\x00Q%\x92JsD\x8bfhl\xb8\xff8\'\x86\xe6,\xee\xed\x11\xfe\x05\x95\xb1h\x84!0z;v\xd2\xefF\n@\xfd\xc5\x9a\xf01\xeea\x12\xdc\x01{T/\x8a\x0b\xa0c\x81\x7fO\x84_\xa5T\x9ft\xb1C\xd3\x7f\xa6\xbe\xebj\xb9I\xf4\xfd\xb6\xdf\xca\xad\x9bv\x9e\x81\x9eW\xc6.\xc9\x82\xae\xf0\xf0\xf8\xc9\xe2\xcc\x85i\xf5\xda\\!\x83\xe0C\xdf4\x85%\xc0\x85XI\x05\x8f\xfe\x07\x1bB\xb2Z\xa3\xeb\\W\xf0j{\n@[\x86\xed\n\xf2\x8fU+wO\xf5\x1d$\x81@n\xeb\xe9f\xbb\x80I\xdcd`\x95{C\x0b\xaaf\x17.\x0b\x9cHQ\xc7}P\x07\xed\x18\xa8\xfe\x14\x8e]XXAZ&lt;\xd3\x10e\xfb\xf4"\xd2\xfd\xa6,\xd4\x12c\t\x18\x014K\xa4\x18\x992Z\xb7b\xc4-3\x15]$ZR\xd1\xfb\x0c\x9f\xa0\x14\xde\xf8t{\xa8/\x8e}!\xf9S\x92\xcdz\xea"\xd2D\x061\xbf\xb5\xb2T\xf2\xf8\xc3\xd7\xb1\xb9\xcc\xab\xd7\x9d\xb1\x7f\xaf\x9a\xa9\x83\\\x99\xed\xfa\x89w&gt;\xddHl\xf8J;c\\\xed\x05D\x17\xad\xe2\xee\x04T\xf6\x8f~\xe8\xd1\xaf\xa1l\x82\xb6&gt;:\xec\xf2&gt;W*\xb1\xf1\x9f`\x96\xff\xe9_9f\x9fl\xe8\xaf\xaa\xad\x08\x90q6K\xf4\x8a\xb6\x17+\x81\xc6\x08\x80g\n\x04\x9b/TQ\xe2\x82{\x8a?\x9cBq\xecvq\xf6\xa1_\xaa\x7f\x19\x16\x85\xdc\xd7sRZMs]n\xec\x1e\xdeD nQ\xc6\x7f\x80\xaf\xdbpd\x9f:O\xea\x10&gt;Lf\'L\x95V\x82\xa6G\xb3M\xacP\xc9U\xa6&lt;{r\xc1\x88\x90\xbf\xc8K\t9\x0e\x8bu\xbe\xb9,@\xa5W\xfbD6\x97\x04\xc3\xabD38x\x92RsH\xf6O\xaa_\xff#UDY\xb4\x8d\x10\xf7\xcaq^\xa2L\xed\xc8Gr\x917\x97\x82&amp;=9)\x06=\x8b\x19\xe7\x0e\xfaT\xb7\xb4Uv*6\'\xd8\xf2\xecP\xa1\xd2c\x8cH\xecqpc\x0ch\xb4\x82\x89\xb4\x87\xed\x82\xa29:\xd5\xc3\x9b\xc6M\x12p\x1f\x15\xc1\xe8zZ[-\xa9\xb9X;\xb0_\xa8\x95N\xe0\xb9!\xb7\xb1;\xf9,\xfe\x0eK\'FJ\xfc\xaf\x81Wm\x9a\x17\x8c\xfb\x00\x92\xf7G\xaa\x84\xec\xbf\xed\xdc\n\xee&gt;wd\x8c\xf7\xd7O\xd5XE\x0cZ\xfe\xc5\x95\n\x011\xc2\xf5\xc3b\xe3Px\x16/\xbb\xcb\xf7*\xb5\xbb\x06\x03p^\xcb\xa6\xa6\xbf|n\x1bM7\x98O\xe1\xc3@\x88*\x8d\xceS?\xb5y\xe4\x9b8\xc5o\xeb3Rp~\x0b?U\xb9$.\xb3:\x9a?\xfa\xd1\xa7\xd8\xfbh&amp;\x8d\xeb\xb3bi\xe9\xa5\x1a?eA\x06\xd5Hu9\xcfR\xa6\xaa\xbf\x1fp\xa3\xe5\xe1\xab\xa2D\x02\xee\x0bC\t2J\xd4\x11.\x1aZ\x8c\xb9\x9cyV)\xb5x(3y\xd4$\xc6\xef\xa3]\xa5\xe8\xccFtJ\x1a\xd9\xc7\xb2\x9a\xd9J\xf8\x03q_9\x1a\xb0\xdfj\x11n.H\xe0\xb9\x10\xc24\xbf\x9b\xe1Pi\'\xd1\xd3}\x0b\xdc\xa6l\xeeU\x7f=\xceRR\xfb\x9a\xb8\xfc\xd5smE\t\xb4\xcd\xb7V\xc9\x92\x9f\xc4Z*\x0bb\xfftF[\xd4*t\x92\xc4\x07/\xfduhe\xa4\xc4\x03\xb8\xcb2.2\xa4\xf5\xcd\xf7s{\x0b\xb2|N\x0f9Q\xa0\xe8\x1a\x0f\xcd\x1c5\x90\xf3X]\xd7f\xee!=oti\xc1,\xd7\xc6\x08u\xf8\xb4\xdc\xf0\xfa\\\xfah\x17\xf9\x0e\x16\xd3AE.m|\x9aDo\xc4\xd2\x82\xa5k\x8e\x97)L\xd1e\xae\xbd\xdaO\xe6y4\x99\xcd\xc9\xf6\xe0h\x89=\x9d\x90\x80\xe0\xa0\xc0:\xaf\x1b\xf4^\xe4ny?7\x140f_i7+\x8a\x98\x98\x15\xa5\x0e\xa7}\xd5\x9a\xca(V\xb2\xa6\xbbX{$\xc1D\xcb\x1c\xed\xb9\x17|)\xc1)Jo\xced\xea\xa2\x97M}\xdf\x81\xf8\x17\x10\xa1\x8b&lt;u\xa9jPi\xbd\x16\x93\x9c\x0c_\xce\xbd\x14Q\x1b\xfa\x96\xb3/0\x80\xfb\xab&lt;\x85\xed\x81\x0ce\x93\xe8_\x9d{\x8fV\xb1_W\xdf]\xda\xe1\xa6\\\xde\xd5\x01G)|W\xba\xab\xb3z\xee\r\xd6u^\xb9\xa9+i\xeeW\xb17\x81\xc64\x81\x12\xcaeN{+F=\x96\x00\x92sc\x7f&amp;y\x80\xa0\x9e\x84\x8a\x92\xe2u&amp;\xe8'</t>
  </si>
  <si>
    <t>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</t>
  </si>
  <si>
    <t>b'\x12@\xf98S\x15N\x85=\xeb\x11\x0c\xc5\xa3D\xa0'</t>
  </si>
  <si>
    <t>e sabre cut first took up his lodging under our roof. 
 I remember him as if it were yesterday, as he came plodding to the inn 
 door, his sea-chest following b</t>
  </si>
  <si>
    <t>b"\x97\xed\x08\x06\xf9\x11\xe24\xe1\xf5.\xab\x04P&gt;\xa7\x89P\x1f\xf4X\xfb\xd1]\xbeE\xba\x98\xf3\xdfr\xfe8\xb0w\x03b8\xd5W\xf6\x98/\xe4\x8a\x8bcEu\xe7{\xbb\xc9\xc8\xa1\x1b\x01\xeeP\x80[XR\xc8\xa9I\x89\xc9uCF\x9a`\x88\xa6\x0f\x19)\x14t\xb7\xfa\x9d,f\xad\xf4n\xf1\xca\x8b\xc3\xfaf\x15\x8f\xb7\xe8\xea%\xa5?\x92\x98*d\xe1\x96\xe3\x19\x9a]\xacO&lt;\xd1\xe3\xb3\xed3\x10\xd6\xe3\x8d\x7f\x92N\xd9\xcfb)\xf0\xaa\xde\x856+!wP&amp;$\x04\x1f%\xf9\xf66R\x10\x83\xa7pL\x96\x91\x9ax\xed~#\xff\xbe0\xfa \x9a\x1c\xa3\x01\xa7\thz\xbb\x99\xf6\xce\x8f\xefP\x19\x97\xbc\xed\x9dz\xc0\x18f\x14\xd8\xb4\xcc\xd8\xc4\xe0;A\xcdV6'\xf5\xcc\x8012\xe3\xfbFH+\xfe\xb7\xfd\xc3\xdd\x06\ng5\x01I\xdb\x9ax\x8a+\xbfx\xe3\x9c\xc3\xe2\xc8lfv\x1b\x04\x0eH\xd4\xeab\xacP\xe6\xaa\xeb\xa0\x82\xd6\xc6\xaa"</t>
  </si>
  <si>
    <t>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</t>
  </si>
  <si>
    <t>b'\x97\xed\x08\x06\xf9\x11\xe24\xe1\xf5.\xab\x04P&gt;\xa7'</t>
  </si>
  <si>
    <t>y
soluble in water and is stable in cold but reacts with water when
warmed. It decomposes easily in the dry state. Benzenediazonium
fluoroborate is water insoluble and stable at room temperature.
The reactions of diazonium salts can be broadly divided into two
categories, namely (A) reactions involving displacement of nitrogen and
(B) reactions involving retention of diazo group.
A. Reactions involving displacement of nitrogen
Diazonium group being a very good leaving group, is substituted
by other groups such as Cl â€“
, Brâ€“
,
I
â€“
,
CNâ€“
and OHâ€“
 which displace
nitrogen from the aromatic ring. The nitrogen formed escapes from
the reaction mixture as a gas.
1. Replacement by halide or cyanide ion: The Clâ€“
, Br â€“
 and CNâ€“
nucleophiles can easily be introduced in the benzene ring in the
presence of Cu(I) ion. This reaction is called Sandmeyer reaction.
Alternatively, chlorine or bromine can also be introduced in the
benzene ring by treating the diazonium salt solution with corresponding
halogen acid in the presence of copper powder. This is referred as
Gatterman reaction.
The yield in Sandmeyer reaction is found to be better than
Gattermann reaction.
2. Replacement by iodide ion: Iodine is not easily introduced into
the benzene ring directly, but, when the diazonium salt solution
is treated with potassium iodide, iodobenzene is formed.
3. Replacement by fluoride ion: When arenediazonium chloride is
treated with fluoroboric acid, arene diazonium fluoroborate is
precipitated which on heating decomposes to yield aryl fluoride.
4. Replacement by H: Certain mild reducing agents like
hypophosphorous acid (phosphinic acid) or ethanol reduce
diazonium salts to arenes and themselves get oxidised to
phosphorous acid and ethanal, respectively.
13.8 Physical PhysicalPhysical
Properties PropertiesProper</t>
  </si>
  <si>
    <t>b'\xa51\x82\x11\xbfA\xce\x0f\x9a#D]\x8c8b^\xb8\xc5\x08^x\xd71\xee\xfc\x87\x07\xe4\x03_\x88\x9a\x9e\xb0*!\x18\xd1s\x0e\xdb#!X\xb3\x8b\xec\x19\xaaz\xa3\xfcB~d\xda\xc4\xd7,X\x95\xf0(\x11{\xad\x10X\x8c\xb5\xc9#\x05\xdb&gt;\xf2\xdeM|p\xfe+\x7f\xf2\xe3\xe0\xe6\xcc\xff\xf2Vge\x1e\xc4,\xeb\xb2\xe9\xad\xae\xfe\x92\xda\x8e\xeev\x17FH\x8e|s\xe7.h\x12&amp;]\x8e\xa9\xfb\x9fm\x89\xbc\x0e\x87c\xcb?\x80\x96q1\xcck\x87,\xe1\n~\xa3\xf0D\xd8~O\xa8\x95&amp;\xb4\xdd\xa70\xa1!T\x1e\xf4\x8a\xab\x10j\xdcS\xe2\x1d\xccI\xcfO\x82\xe2$\x8a\xfb\xd3\x8f\xcc\x828\xdbL\xcd\xb6\xab\xbb \x13\x89\x86\xect\xa5\x80:H\xeaK\x9f\x01\xcf\xb5\xff\xaf\x81\x08\'\xc6\x89\xd8\x1f\x97\x9d\xa4\xda1\xfc\x9c\xd0\x7fl\xb8\x8ehk\xa7M&gt;\xde\x95&amp;\xaf\x1a\xb3\xb1\xdb\xbd\xa0U\xf9\xd6\x800\x811\x12H\x88U\xe3_\xeaB\xb3\xc5|\xa9\xc7\xc1\x10`\xee\x8ex&gt;&lt;t\x80\x04d\rx\xed\xd6E\n\x08L*\x12d\xf5\x88$\x19K\xba\xd7\xf6#C\x9fPo\x06X\xb9\x85\x89\xf0\xeb\x896@fk6\x11\xa1U\xf0\xcd\xcaO\x05la#T\xbb^\x94\xe10Gm\xc8\xa5@\xb3\xe4\xfc\xc1dR\xf7\x1d*\x00\xb5\x1b\xd4\x01\x962\xba\x80\x96#\xec\xd6X\x9a\x8f*Auj\x99\rg\x9d\xbb\x07\xba\n{z\xac\x13\xb2\xa3\xab8zNLW\xb4\x1e\x9e&gt;\x1d=\x19c\xfb\xed\x13\x92Y\x12\x19.M\xa7w\xe3\xb8\x1f`He\x11\xb0\x05\xad\xca\x01\xd0^t\xd2\xf4g\x7f\xf2U\x02W\xe04ph\xb4\xa8\xfd\x95L\xcc\x15)\x12$1w\xc8\x94&gt;\r\xef\x97*\x83\x88?\xa2=K\x1eT,p\x0c\xf3\xe9\xbc&lt;\xc3\x13\xed\xc6f\xa3:\xb6\xcf\x84\xc2\xd2\xaeu\xe3\xe9*\x85\xdc\x17)\x8a\xea\xa1\x16\t\xfcWJO\xf6\x13\x99\x81\x97|\xfcB9\x1f&gt;\xfc\x7f\xd6Z\x9c\x8d{+5i@\xb1a\xf7\x92\xaa\xbd`X\xa9w\xac\x19\xa66\xe0\x89\xec\xa6\x16\xd9\xca*\xe4\x97\xe5\xbfc\x13{\xd4\x1dL \xfdK\x93E\x19\x00/E\xd0\x85\x06\xae\xf1a\xaf\xf4\xdc\xa5\xfaW\x83\xd1\xe6\x8bN\xad\xc5\xd4(Gs\xd0\xd19o=m\xd5\xee\xda\x87[\x95pi\x04m\x82Y_\xe7\xe6T&amp;~\xdd\xa51\x83\xbf\x0c8I4\xccw!\xf9\xba%\x19\xd9\xa3\xfb\xe6_\xfe\xff\xe7\xfa\x83\x0e\xf7\x8e4\xed\x95")\xecz\xe8A\xd0\x88\x0c\xf6S\x96V\xae\x13\xa9\xc6\xfcu\xf31J\xe2\x18sw\xe4\xfd\xb1\x88\xa4&gt;oE7\xde;j\x96e\xda!\xa5\xf7\xa1wN}a\xceP\x97\xa5\x8a\xc0*\x9c[\xe6\x9a+\xb7/\xc2P\xbf\xce\x8d\xbfH\x01qg.\xe5%iE\xfa\xf3.c\xbegV\xa6\x9a\xb9bi_\xc6\x0fM\xda\xa3\x06\x82.&gt;\x1dZ\xc9+C\x88%\x9b\x05\x06\xfd\x16\xf7\x99`\xb7\x91\x1d\xb1&gt;\xad\xc5\x82B&gt;o\x8d\x9d"\xd7\xa9\xc1\xf5\xe3%\x14\xc6\xb6\x9c\xbc}\xd8\x92p\xdc\x16.\xd6s8\x9c\xa6\x1e4\x9e\xbd\xfa3\x1fLYL\xbdS\xdd\xeb\x19_\x9d\xc4DF\x7f&gt;\x02D\xb1\x1d\x94\xc1\x98f\xae\x1f\xc3IU_\xa5_\x0f\'\xed\x12Lk\x07\xfc\x89L\xcdP&lt;P\xfa28#\x1f\xff}\x18\xf4\x9e\xfa\x98Tu\xc5\xadOE\xf4&gt;\xa25\x816\x0e\x96\x86\xd9\x1c\x9d\x0eM\x81\xea\xe1\xbeg\xa0\x05\x90\xc5\x13\x16\xf6\xafiW\xb1v\xd5\xb6\x00\x98F\x82f&gt;\xa7\xa1\x96\x88\xe9\xc1\xb2\xa5\x95\x1d\xcdS\xb8\xbb\xb5\xdb\xe6I\xd4\x10\xd4(\x06\xd6\x90\x9f\x04@t\x87\x0f\x99o7]\xfck\x10H\x1d\xc9\x94\xfc\xef\xc0\xd5\xa1\xab\x0b\xfb\xcesD\xe0?\xb3\x91n7\xc9\xf8\xd2c4\xca\x16\x82\xc5-K_\xb9\xf8\x8dT\xd0\x1e\xf7\xcd\xea\xb9\xce\xdd\t\xb5\x92\xd2\r\xfd\xce(\xb7&lt;\n\x0b\xd8\xde\xaba\xee\xac-\x08\x97\xffz\x15\xcd\x80{k)\xde\x0c\xc1\x02\xdf#\x1b\x0f\x1c\xd7+R\xe8\xf2z\xfa\x1e,\x05\xd9h.\x7f\x82\x1a\xfb:\x1f$u\x85\xfds\xde\xff\x01\x0b\xf5\xef\x9c\x83\xbb\xd4\xf5\xbai/X\x1c\x11e\x8c\xe4#\x0eO\x86\xe6\xa29\x18\xd7\x90\x7f-\xb7wD\xd1\xd4\xb9;\xdb\x99;)\xf0\xbf\x0e\xfb;\x05C5\xff\xad\x84\xa4\xee\xe9\xc9\xeb\x03\xc9\xd0\xbb\x16\xfe\xff(\xfb\xf5\tqPc{\xdfa\xdb\x1b\'\xc6\xbfA\xc5\xe8\x83%\x88y\xa6\x14=\x9a:{\xbc#6.\xb8\xed\xe9\xc9Z&gt;\x9dN\xe8\xd2\xa0\xe5&amp;\x993\xfe\x8e\xb1\x11\t\xcc\xd04a"\xab\xe8\xaa&gt;\xed\x0b\xe1\x8b\xb3L\xf2&amp;VG\xc8y\x81Dl%\xc7\xd9\xe1g\x83\xff\xed\x8f\xb6\x0f\xe9\xf7h\rV\x7f\x8a\xa5|\xed\\\xddW\x0f\x93`Qw/t\xa5\xac\x8c\xa6\xf6\xb5\xfd\xfd"\x17\x8c_\xba\xadjd\x1cj\x97\xf63\xca\xb9gE\xef&amp;[\x99dOKZ\xd00Q\x00\xb9\xcfG\xff\x80\xa0\xf2\xa5\x1c\xad[5\xfc\xf8X\x90\x87\x89\\\xd5\x8d\x89\\\xb0\x10\xd3I\x87\x85\xfb!\xfd\xb1\xad\xcf\xecp\x93\xa5\xb97\x87\xdc\xaa\x14L&gt;\xa4\xd9\xa6\xdfOG\xa1\xc9\xe0o\x12H&gt;b\xfes~\x96\xf7C\x8b\x82\xbc\x02kd\xd0\x8d"\xb5tC\xa8\xbd\xd9\x97\x80~\xd4\xef\xf5\xabY\xfba\xd1\xd1\x9b\xc4-\xea\xdcz\'\xcf\x9a*S,5P\xf0\xf7\xcfS\x0e\x1dk$\xac4\x80\xd1M\xf1\xd5\xe7\xb6k\xc2\xae\xec\xf8\xa3.q\xaf\x84\x9b\xaa\xad{\xea~O\xde\xd7V\xf8~\xf4\xe4\x9b=\rJr\xb0D\x82_\xc3\x10Bj5\xfd)\x17\xfe\xce\xef\x9f8\xd4\xb8S\xd2s\x8ee\x0bA{\xf4\x19g\xb1\x8a\xca\x11\xed\xaa\xf1\xcb\x95\x9bp\xee\x90\x01\xd5\xf2\x96s\x0f\xb8\xdf\x17\xd8\x19X\xb4\xadhK%\xb3J\xc9\x80\x89\xe2w\xfeE\xd5H\xd6\xec%^\nD,\x12XV\xf3\x88\xa8}\xbd\x1b\xf82q\xe1\xb3\x8d\x01e4\x03~\xdbj\xda\xe7=U\x95k\xba\x16\xff\x95s\x83@_\x1d\x02\xa5\xb0\xe1\x1f\xb3\x858-\x97\xc3$\xeaTM\xc2k\xc5&amp;V\x85\xc71\xe3_\xadX\xcc\x7f\xf6v\xf6\x89 \xff\r8\xce\x99\x1d\xae\xe2AGv\xf9\xd5\x8da.\x08\xbc\t&lt;\xbe&amp;D\xcct\xf5X~\xb8\xf1\x0fp\x87v?\xe6r\x01\xd5\x00&amp;\xebl\xc2p;\x16dV!\x1b\xe8\xe9\xf0\xd5\x08\x8fB\x17\xb6\xab\xa8\xc84\x82/\x9bT7\xba\xf2A\xd4P\xff5\x1e\x0e]C\x18M\xb7\xdeH#\x04|\xf7Iyb\x046\x0e\xa2v\xdc\xee\n\x10A\xea:\xf0\xb1\x18_\xa2\x9c\x06\xe5\\6\x12\xfdQ\x03^\x10a~\xe9\x05\xc2&amp;\x859\x0eu@\xf4@kW\x99x\xa5\xf8\xf8\xdd!\xf1\xad\xa0\xb0\x0e\xf0\x13x\x05W\xe5\x0e\x81\xa0q\xe9\xad\xa0\xf6\'aR\xcd\xc3\x8b\xef\xe09\\\x0b\x05\x1b\xca\xd0\xb53`\x95\xb1\x8dS[\x8c\x01\xc9i\x14\xca)\xa7\xafS\xfb\xa1\xd4\xf8\xa9(\xbd=\xe9\x02\xc4\r\x1c\x80\xd0\xc1\xa7\xe9\x8b\x1e\xb78v7\x97\x99u\'lgN\x97\xcb\xb6\x93\x18[\x05\x1fB$\xf90\xf5\n\xda\xd4C0/m\xc0;\'\xfcw\x8b\xd6T\x13\x0f$\xd9\xed~\x8f\xa4\xbf\xc8\xf6\xf16&amp;Y#\xa2\xda\xe3m\x9b\xa0\xbf\x05\xc6\xda\xa8u'</t>
  </si>
  <si>
    <t>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</t>
  </si>
  <si>
    <t>b'\xa51\x82\x11\xbfA\xce\x0f\x9a#D]\x8c8b^'</t>
  </si>
  <si>
    <t>, they now followed to the great gate. As they passed along the hall, a
 loud tumult was heard at some distance, and Blanche was terrified. 'It is
 only those villains in the dungeon, my Lady,' said Ludovico. 'They seem
 to be bursting it open,' said the Count. 'No, my Lord,' replied Ludovico,
 'it has an iron door; we have nothing to fear from them; but let me go
 first, and look out from the rampart.'
 They quickly followed him, and found their mules browsing before the
 gates, where the party listened anxiously, but heard no sound, except
 that of the torrent below and of the early breeze, sighing among the
 branches of the old oak, that grew in the court; and they were now glad
 to perceive the first tints of dawn over the mountain-tops. When they
 had mounted their mules, Ludovico, undertaking to be their guide, led
 them by an easier path, than that by which they had formerly ascended,
 into the glen. 'We must avoid that valley to the east, my Lord,' said he, 'or
 we may meet the banditti; they went out that way in the morning.'
 The travellers, soon after, quitted this glen, and found themselves in a
 narrow valley that stretched towards the north-west. The morning light
 upon the mountains now strengthened fast, and gradually discovered the
 green hillocks, that skirted the winding feet of the cliffs, tufted with cork
 tree, and ever-green oak. The thunder-clouds being dispersed, had left
 the sky perfectly serene, and Blanche was revived by the fresh breeze,
 714
 and by the view of verdure, which the late rain had brightened. Soon
 after, the sun arose, when the dripping rocks, with the shrubs that
 fringed their summits, and many a turfy slope below, sparkled in his
 rays. A wreath of mist was seen, floating along the extremity of the
 valley, but the gale bore it before the travellers, and the sun-beams
 gradually drew it up towards the summit of the mountains. They had
 proceeded about a league, when, St. Foix having complained of extreme
 faintness, they stopped to give him refreshment, and, that the men, who
 bore him, might rest. Ludovico had brought from the fort some flasks of
 rich Spanish wine, which now proved a reviving cordial not only to St.
 Foix but to the whole party, though to him it gave only temporary relief,
 for it fed the fever, that burned in his veins, and he could neither disguise
 in his countenance the anguish he suffered, or suppress the wish, that he
 was arrived at the inn, where they had designed to pass the preceding
 night.
 While they thus reposed themselves under the shade of the dark green
 pines, the Count desired Ludovico to explain shortly, by what means he
 had disappeared from the north apartment, how he came into the hands
 of the banditti, and how he had contributed so essentially to serve him
 and his family, for to him he justly attributed their present deliverance.
 Ludovico was going to obey him, when suddenly they heard the echo of a
 pistol-shot, from the way they had passed, and they rose in alarm, hastily
 to pursue their route.
 715
 CHAPTER 13
  Ah why did Fate his steps decoy
 In stormy paths to roam,
 Remote from all congenial joy!
  BEATTIE
 Emily, mean while, was still suffering anxiety as to the fate of
 Valancourt; but Theresa, having, at length, found a person, whom she
 could entrust on her errand to the steward, informed her, that the
 messenger would return on the following day; and Emily promised to be
 at the cottage, Theresa being too lame to attend her.
 In the evening, therefore, Emily set out alone for the cottage, with a
 melancholy foreboding, concerning Valancourt, while, perhaps, the
 gloom of the hour might contribute to depress her spirits. It was a grey
 autumnal evening towards the close of the season; heavy mists partially
 obscured the mountains, and a chilling bree</t>
  </si>
  <si>
    <t>b"xR\xf7\x84+\xa0sZ\x80\xc1\xbb=\xb8\x00\x90\xcc\xd5\x0b\xa6#-\xac\x1e\xada\x18\xc7X\xe2\xec[\x1a.\xba\xd2\xb4\x9b'\xfd\xd1\xac?\xef\xa3\x87\xd0\xd2\x02^\x19vk\x0b&amp;\xa6j\xccn\\R\xc3v\xa2K"</t>
  </si>
  <si>
    <t>7852f7842ba0735a80c1bb3db80090ccd50ba6232dac1ead6118c758e2ec5b1a2ebad2b49b27fdd1ac3fefa387d0d2025e19766b0b26a66acc6e5c52c376a24b</t>
  </si>
  <si>
    <t>b'xR\xf7\x84+\xa0sZ\x80\xc1\xbb=\xb8\x00\x90\xcc'</t>
  </si>
  <si>
    <t>ances. Consider a cascade of two identical inverters, Fig. 16.28, where the PMOS device
 is three times as wide as the NMOS transistor to provide a symmetric VTC. For simplicity,
 assume the capacitance at node X is equal to 4WLCox. Also, VTHN = |VTHP| â‰ˆ VDD/4.
 Compute the PDP.
 16.2 CMOS Inverter 789
 M 1
 M 2
 Vin
 M
 Vout
 VDD
 M
 3
 4
 X
 Figure 16.28
 Solution We have
 Ron = 1
 Î¼nCox _x0002_W
 L
 _x0003_
 (VDD âˆ’ VTH)
 (16.94)
 â‰ˆ 4
 3
 1
 Î¼nCox _x0002_W
 L
 _x0003_
 VDD
 . (16.95)
 Also, from Example 16.22, the two terms in the square brackets in Eqs. (16.74) and
 (16.82) add up to 1.36. Thus, Eq. (16.93) reduces to
 PDP = 7.25WL2
 Cox finV2
 DD
 Î¼n
 . (16.96)
 Exercise Suppose the withs of all four transistors are doubled. Does the delay of the first inverter
 change? How about the power dissipated per transition? From these observations, explain
 why PDP is linearly proportional to W.
 Crowbar Current In our study of the dynamic power consumption, we have assumed
 abrupt transitions at the input. In practice, however, the input suffers from a finite transition
 time, thereby leading to another dissipation component.
 Recall from the VTC of Fig. 16.19(d) that both transistors in an inverter are on in
 regions 2, 3, and 4. That is, if the input lies in the range [VTH1 VDD âˆ’ |VTH2|], then M2
 draws a current from VDD and M1 passes this current to groundâ€”as if a direct path conducts
 current from VDD to ground [Fig. 16.29(a)]. Called the â€œcrowbar current,â€ this component
 arises each time the input swings from one rail to the other with a finite transition time.
 As illustrated in Fig. 16.29(b), the circuit draws a crowbar current from t1 to t2.
 How does the crowbar current very between t1 and t2 in Fig. 16.29(b)? For Vin slightly
 above VTH1, M1 is barely on, drawing only a small current. As Vin approaches the trip
 point of the inverter, both transistors enter saturation and the crowbar current reaches
 a maximum. Finally, as Vin reaches VDD âˆ’ |VTH2|, the crowbar current returns to zero.
 Figure 16.29(c) plots the behavior of this current as a function of t and Vin. The peak value
 is obtained by assuming Vin = Vout = VDD/2 in either side of Eq. (16.45):
 Ipeak = 1
 2
 Î¼nCox _x0002_W
 L
 _x0003_
 1
 _x0002_VDD
 2 âˆ’ VTH1
 _x0003_2 _x0002_
 1 + Î»1
 VDD
 2
 _x0003_
 . (16.97)
 790 Chapter 16 Digital CMOS Circuits
 (a)
 M 1
 VDD
 M 2
 Vin
 Crowbar
 Current
 t t 1 t 2
 DD TH2 â€“VV
 VDD Vin
 t t 1 t 2
 I peak Crowbar
 Current
 I peak
 Vin
 VTH1
 VTH1 DD TH2 â€“VV
 (b)
 (c)
 Figure 16.29 (a) Crowbar current drawn by CMOS inverter, (b) time period during which crowbar
 current is drawn, (c) crowbar current as a function of time and Vin.
 16.3 CMOS NOR AND NAND GATES
 The CMOS inverter serves as the foundation for realizing other logical gates. In this section,
 we study NOR and NAND gates, both of which find wide application.
 16.3.1 NOR Gate
 Recall from basic logic design that the OR operation, A + B, produces a high output if at
 least one input is high. The NOR gate, A + B, thus generates a</t>
  </si>
  <si>
    <t>b'`\xc6\xe4a\x86"6pa\xd5\xf0/Y\xb3\xe9L'</t>
  </si>
  <si>
    <t>60c6e4618622367061d5f02f59b3e94c</t>
  </si>
  <si>
    <t>Repeat the above example for a triangular input that goes from âˆ’2 V to +2 V.
 The large swings at the output of the op amp in Figs. 8.22(b) and 8.23(a) lower the
 speed of the circuit as the op amp must â€œrecoverâ€ from a saturated value before it can turn
 D1 on again. Additional techniques can resolve this issue (Problem 8.39).
 8.3.2 Logarithmic Amplifier
 Consider the circuit of Fig. 8.24, where a bipolar transistor is placed around the op
 amp. With an ideal op amp, R1 carries a current equal to Vin/R1 and so does Q1.
 R X
 Vin
 1
 Vout
 Q1
 Vin
 R 1
 Figure 8.24 Logarithmic amplifier.
 372 Chapter 8 Operational Amplifier as a Black Box
 Thus,
 VBE = VT ln Vin/R1
 IS
 . (8.65)
 Also, Vout = âˆ’VBE and henc</t>
  </si>
  <si>
    <t>b'\x9c2g\xa2n\\\xae\xec\x0e;v\xffF\xc4)!'</t>
  </si>
  <si>
    <t>9c3267a26e5caeec0e3b76ff46c42921</t>
  </si>
  <si>
    <t>.
Youtie, H. C. 1973b. Text and context in transcribing papyri. Scriptiunculae 1. Amsterdam.
25â€“33.
Youtie, L. C. 1996. P.Mich. XVII 758. The Michigan medical codex. ASP 35. Atlanta.
Zach, B. 2002. Vegetable offerings on the Roman sacrificial site in Mainz, Germany â€“ short
report on the first results. Vegetation History and Archaeobotany 11: 101â€“6.
Zajac, N. 1999. The thermae: A policy of public health or personal legitimation? In DeLaine
and Johnston: 99â€“105.
Zanker, P. 1988. The power of images in the age of Augustus. Ann Arbor.
Zanker, P. 2000. The city as symbol: Rome and the creation of an urban image. In Fentress:
25â€“41.
Bibliography 679
Zeitlin, F. 2001. Visions and revisions of Homer. In Goldhill 2001a: 195â€“266.
Ziegler, R. 1985. StaÂ¨disches Prestige und kaiserliche Politik: Studien zum Festwesen in Ostkilikien
im 2. und 3. Jahrhundert n. Chr. DuÂ¨sseldorf.
Ziegler, R. 1993. Kaiser, Heer und staedtisches Geld: Untersuchungen zur MuenzpraÂ¨gung von
Anazarbos und anderer ostkilikischer StaÂ¨dte. Oesterreichische Akademie der Wissenschaften,
Philosophisch-Historische Klasse Denkschriften 234 Â¼ ErgaÂ¨nzungsbaÂ¨nde zu den Tituli Asiae
Minoris 16. Vienna.
Zienkiewicz, J. D. 1986. The legionary fortress baths at Caerleon. Cardiff.
Zimmermann, M. 1999. Kaiser und Ereignis. Studien zum Geschichtswerk Herodians. Munich.
Zuckerman, C. 1994. Les campagnes des tetrarques, 296â€“298. Notes de chronologie. AntiquiteÂ´ Tardive 2: 65â€“70.
680 Bibliography
Index
abortion/contraception, 320, 351,
499â€“500
Achilles Tatius (novelist), 336, 458, 460,
465
actors, 394â€“6, 404â€“5, 408, 441
Aelian (novelist), 455, 466
Aelius Aristides (rhetorician), 239â€“40, 464
Aeneas: in Aeneid, 250â€“1, 443â€“4; example of
pietas, 313; ship of, 411; statue group, 261,
266 (fig. 13.4)
agones: Capitoline, 402â€“3; conduct of, 392;
development of, 388â€“9, 391
Agrippa, M. Vispanius: and Emerita, 261;
Augustusâ€™ elogium for, 116, 121; in
Velleius, 420
Agrippa Postumus, M. Vipsanius, 118
Alciphron (novelist), 455, 466
Alexander of Abonuteichos (prophet), 556,
559; see also Glycon
Alexander of Aphrodisias (philosopher),
526â€“7
Alexandria (in Egypt): â€˜â€˜Acts of the
Alexandrian Martyrs,â€™â€™ 430; in Cleitophon,
458; and history of medicine, 495, 502;
Jewish p</t>
  </si>
  <si>
    <t>b'\xe1"\xeam\xbcF\x1f\x0e\xcb\x9a\x82\xca\xa8\x03\xf0\x7f\xfeZ\x02\xf2\xbb\xf8\xad\xc2\xa8\x06\xb0-\x1eA\xaf0\xf0j\xfe\xf1$\xa0\xaa\xa6\x03\xe7\xa1\xefAa\xc2\xcb|(e\xb3Y\xbcQ\xb0`\xb5\xc1\x12\x98\x93i\x99\xd6\xfcg\x04p`\x14\xb2\xe6@\xd5q\xc0\xc5S\xfbx\x96((\x7f\xe0\x13\x05\xf6t\x88R\xc6D4\x17+\xb1\xf0\xaa*\xfd\xeb\xab\xfd\x7f\xc7-\xb8\x02U\x05\xd0\xc53\xaa]\xcc\x8f\\\xa3\xd6\xde\xcf\x03\xf0=\x8a\x17\xd3\xaf\xc7?\xa6\x80\xbbK\xc5H\xf1c\x06^ \xa6\xd7(\xb8\x89\x9d?S\xa3U\x07\xbd\x18=o\x97\x15\x7f\xca\x1b\xfbH\x0e\x14\xeb \xbe\xd4\xe0\x86\xf7OS_\xf5]\xe6\xcb\xc7\xa4\x81\x9e\x98\xe0I\x90\xe8\x92i(i\x1a\xbfI\x93\xba\x1f \xc6\xfd\xff(P\xf7\x97\xb4(\xcbv)i\xa0\x92\x03jN=\x90X~t\x07\xd0\x9dw\xc1#\xc1\x8d\xb4g\x0e\xd3\x91~\x0f\xad\x9an(\xdb\x06\xadBE\xae8a\x89V\xd1\\L\xe4$\x83jl\x9cQ\xd0T\xbc\x8d\x1e\xde\xf8\xfc\xdf\x13\xee7VV\xe3l?J\xbd\x8c\x8a\xed!!\xb5\x15\xfc\xc7\xcf\xda@A\xe5\xb0\xf9\x94%\x0c\xd1\xcbT\x85\x9f\x95/\xaf+\x85\xff\xba.Hp\xf7\xc2\xd4\x9e8G\x06\x11F\xfd\x7f\xd4&gt;@\xdf_1\xf7\x9e\xa3\xc6\xfe\xb1=\xbd\xd0\x02\x14$\x18[u\x83\x16\\\xff\xaf\xd52\xc8\xc7\xfaA\x90\x82\xfd2\xf3)\x90\xca6&lt;\xd5\xd8\xa9\x11\x8b0\x8b\xec\x9b0o\xc1\xd0\xe3\xc6m\xf5o\xe8! \x0b\xa8\xff\xb7\xd3\x80\xb1\x9c.\x18\xff\xc2\x19A\xd4m\xec\xed\x10\x18r\x97\xc9\xf58k\xb5\x89$c\xc3s\x07\x91\x7fYT0\x97\xd8C\x0f\x05(\x10\x19\x14\xad\x15m\x04o\x81\x91\x98@\xa4(\x02\xec\xd4P\xd5\x82\x8a\xbf\x95\x0b\x1f@\x97Q\x858\xc9\x1dX\xb8P.J\xff\x0f\x04\x92%\xb3\x94\x0b\xe1\xc8\x1a\xe8Vm\x00\xb3\x93j\xe2\xbcf\x11\xf2}az\xaa\xe9\xb1~M"\x0b\x19TX.\x02\xc3v\x1aj\x9d2\x0cD-[\xc5\x9f\xfa\x8ef\xd6\xe5\xb0tMZ\xb7\xe0-\xc6\xa7\t\xd3L;\xe5\xdf\xf0*\xd7\xc6\x10\x9b\tN\x1e@k^;rx\x19\xbc\xb2\x94R%\xe3\xb9\xdbc5\xa0\x12\xa2\xec[\xcc\x8a\xf8\xae\xe0\xf1\xa7\x89\x06\x18\x11q\x0e\x83o9e\x06\x0b\x05;kmMH8\xcc\xee\xdd\x9d\'\xc5\x11\x94wt\x86\xfd\xf4H\xeeg,7\xea\x860\x08\xf6+\xa8\xe9\x05\x05\x8fIMy\x08\x15\x95A\xf2ekU\xbd\x11j\xfagpg\x91$\xb2m\xee\xc9\x0b_\x02S\xa6\x9a\xcdC\x90N\x98\x81\x90~Ow\x8c\xc2\xb5$\xf1Y\x00\x86\x8c\x03\xcd\xef:\x9au\x98\xdc\x8e\x0fI,Hu\x02Z`,c\x13q\xf8n\xfa FC\x89\xc8\x00\xb0\xb0U\x15\xbdP\x13,\xfe8\x9a(\xc1+\x0f\x98\x84\x98\x90o\x90\xccW\xec\x9bmv\xaa\xcf+\xa2y\x9d7\x80s9\x03Z\xb6}\xbd]\xf8A0:\xb4\x94\x0b\x0bP\xb8\x91s\x1e"\x9a\'\xcd7G\x85F\xca\xb3\xc4\xab\x06\xce\xa5n\xf4\xff\xaa\xc2V\xb6C\xddw&gt;\xa9P\xf2\xd5\x8ee\x13~)\x80"\xef\x88\xc1\xf2\\z\xeb?\xc2D\xdf\xd3\x9f\xc3\xea]\x1f\xb7\x8d\xa8yB\xa3SE\x9a\xdb\xcfOr\xcdR\xcca\xe4\xe0@t\x14\xeap\xc6\x19L+\xacC\x13 \x92c\x1bl\xc5\xb00\xcf?N\xa6\xf7*N\x06\xbb\xd30#}\xda\x8d\xeb\xdeJ\xebh\x8e\x90y\x97\xd0:\x87}w\x84N9\xb3\x10\xd2G2\xb4|\xaaV\xd8hC\xd7]\x9d\xca\xd0\xc0=\xe6UPG#\xbc\xd0\x93\xfcI\n\xd4\xca\xbdD\xf3\x1a\xcd\'\xc3;\x98UO\xa64\xab1\xad\x0ey=\xc3\xd8\x02.\x91\xe15\xc5T\xb7L\xb2\x0f_6V\xe2\x8a\xd5\x00\xe1\xeb\xa4\xa9\'\xccK\xd0R\xd9^\xe9\x90!\xeb\x827-ET\x14Q`\xd1\x83\xc7\x0b\xa7\x9a\xc5d\xf2\xc5\xd3\x10ZB\xa3\x92J\x1e\xd6\xdc\x7f\xea\xdc\xc9X\xd5:\x016\xfcG&lt;\xd1\xc4\xfedS9\xc3\xbe\xa2\xcb\xf4\xcb\xefB\xf4__\x83\xf9\xd1\x847i\xe7B\xacxr\xab3[q\x88\xda\n\xa6\xc9?\x1f\x85)\x9c\xecU\xc5\x0c.\x93%\x01XX\x07\\\x07u\xf5\x80\xbd\xbf\xd9z9\x88\x10\xdb\xdcBT\xe0$J\xbc\x94\x8b\x1a)\xd9\xf6\x1d\x80\xd2}tPk\x08\x1a\x90\x12\xe5o\xa8cF\x0b\tZ(1)\x13h\x0c\x80\x08#_i\xc1T\xce\x8e_;\x85\x13rK\xef`Q(v|\xe5\xa158\x15\\(\xce\t\xa3\xa8\x1b.\xf3o\x8f\xb1\xa8\x9f\x9f\xa3\x85z\xaex/\x9dc\xd03^\x98\x90I\x14;\xe6\xe8\xc3*\xa5l\xb3\xba\xc3k\x92(\xc4 \x9e1\xc2\x1dx&amp;\xa9\xf18snfC\xed\x89\xf7\x80\x16\xf3\xa02\xd6*~\xf6\xd8F\x07\xea`\x1eF\xa6\xe6c\xe69?\xb41\xdb\xca\xd6\xf5\xd4\xedL"N\xeb&amp;6\x7f[\xd7e\x05\x05&amp;\t\x9a\x1a3\xef}W\xfax\r\xea\xfb\xa0\x12\x18=\x86\x91\xf0G\xc4&gt;\xf8\xcf\xe9I\xfa-lj-\x08\xb4H\x15\x86\xee\x81\xf4\x85/YP\xaf\xd8\xf9\x96\x0f\xb3lP\xb0\xe1KP"N\xa0j\tt!\xc1\x13{\xa3\x82\xf7\x12T\x973\x93\xf8\xd5Ix\xf5\xa7\xde\xd7L\x11\x19%j1\x87\x87\xa5\r\xe5\xa5\x83\x84\xc7\xdc\xc8\nl\x0e\x8f\xado\xcb\xa6E\xeb\x87\xe5x\xe5\xd3\x84=\xa3\x7fm\xd8L^+@\x94\x82\xa7\x0c,N\xf1\xb0\xac\xb7|\x81 \xce&lt;\xe3\xf61lsw\x1eU\xb0\xeea\x11\x0c\xbc\xc2\xa3d\x04\xb6\xb9Y\xddO#\xe5\x90\xe7L\x0bW\x17(\xdd\x9d\xacp\xcbz\x95\xa5\xaaB\xa5\xba\xd2\x96\xeb\xf6\x04\xcb\xf1\xa1\xb6t\xdb\x9c-\xa8\xc6\xd2\xd2b/Ou7f\t\xf1%c\xfb,VJ\xb4\xc5I\x7f\xc8B4\xc4\xcc\x17\x9c\xe3\xb1\xc6\xd1 \x82v\xe8\x99_G\xe1\x0c\xa5\x05\x1d\xe5\x14\xdf\xc1\xd9$h$\x84\xd5!D\xfcC\xca\xf2\x1f\xe4@\xed?\xdaG\xedH\x14\x88\xb1g\xe6Z\xea\x8d\xf7\x8e\x1e\xe1\xb8a.\x1b\xfe{\xae\xb7g\x89c\xcc\x94/\x04\x19:\x9axe-\xcf[\xb7\x95%\\\x82\n\xe2\xc6\xe1Z \x10u\xfdp4\xfa\xd8#+\xd9\x01OwxU\xa2\xc0\xad\xfdH\x14V\xb3\xb0\xf6&gt;\xb2\xdb\xe0\xc4\xa0\x84\xa4\xfc\x05}\x9a?\xfd~!\x0e\xbf\x11\xa8\x9d\xda"X&amp;\xb6\xf7\xc2\x1c\x0f\x8dj\xdd\xcc\x85\x07\xae\x08\xdd`m\xc8\xd6\xd2\xb5rTa\xe5\x03r\x07?\xd9\x99L\x89Q\xb0\xe1\n\xcb0\x1c\xfdY8\xb26\x1bu\x83\x9b\xe56\xd0\xf8\xb2C\xfd#\xc7\x93\xfb\xa9\x0e\xaa(\x94\xca\xdfi\xf13\xa1\x14\xac\xef#\x88\xc1g\xa3\xc0\xa7\xd9\xa8\xa2\x0b\xbaMT\xa8\x94f\xb0\x9f\xda\x91\x96%R\xdd\x9bH\xab\xb5|\xf8v\xcd\xbf\xa3|om\x91\xf0,\x1dL\xb2\xca\xc7)\x8e8\\$\xfa\x1a\xc5\xc2\x8a\xe7\xecW\xa2\xda\x8d\xf3\x90\xd8y\xe7c\xb4\xb1qVS\x95\x13\r\xe1\x06\xf1\x1d\xb5\xfc\x93\xeb{\xe8\x8ek|:@\xd0T\xda\xa2\xe9\xae\xa2\xd1\xd1\xb8\x10\xc5\x07U*\xe4\xfeI\xe8\xe2\xd1\xb6f\x17\x82^\x9c`\x95\x8d\xbea\xf49s\xcf\x8f\x806s1\x99$\xbfx\xa7\x93M\xacr\x00\x1a\x18\xc8b\x9bg\xf7\x0f\x0c]F\xc6\x02\xa7\xb5\xfa\xb6\x06[\xa4\xd7\x9fZ\xb4\x95\x95-8B\x17\xd6\r\xb2\xb2\xec\x1c\xec\xc3@\x06\xde\xc2Q\xee.2\x96\x92\xe1\xd6m{\xb3\xa7\xd4\xd2\x93\xd3\xbe\x9b\xa2s=1V\x11\xe8\xd4\xb9&amp;\x90=\xda\x15\x82\x90Sy\x1a\xd4\x87J\x0c\xe2\xfe\xcda\xfe`\xd8w\xb2\xb7M5\x87S\xe5 \xb7F \xfc\x10,\xf6QI\xcd\xb8\x18\xbe\x80a\x98\x02\xe8\xadM\xcf\xd7\xac&lt;e\xcd\xc9x`b\xf7\x04g~\xc2\xff\xcc\xa8\xba\x1c\xea\x82\xbe\xeb\x012\xb9`\x19\xb3\xf9v\x89\x8c\xbb\x9b\xba\xaa\xd2\x1aC\x00o\x9d\x86\xd9I:\r\x05b\xae\\\x94\xbc\x8b\xa1;"\xea\xa8\xd6\xb1\x9b&lt;mk\t\x199\xd6v&lt;\xef\xf5[I\xb0\xe4n\x17{#\x01\x91\xecz\xeeJ\xb6\xce\x0f\xf0\xb0g\x84\x9fT\x9d\xb9~\xc0\x9b\xecX\xc3\xb6\r\xb5\xcdX\x88\xaf\xaan\xe8\xb9\xcek\xd7\xb5\x91\xa1oT\xc9{\x0b6#3\xb6&lt;.BG\x82\xcb\xda\xbf\x1fq)\xf7\xbf\xc8R\xf8J\xef|!T\xa2;\x84\xc6"\xa9\x06\x08\x12\xd3\x9d[\x12F\x9d.\x1c\x83\x069J\xbe\xc7XJ\x1c\xbf\xa3\x0c\x05Km\\\x8d\xee\xd5\xe9\xa5\xab\xc4\x0583\xb7\x8a\x06\xc4\xffp\x7f\xfb\xc4\xedz\xeem\xf6\xf0_\x08\x88\x8a\xa8\n\xca\x1f\x0ex)v+\xd2\x8b\x0c\xc9\xbb\x05UT(\x02%\xfe\x89\x91\xc5\xbbhf&lt;i.\xae\x00\xfd\x07\x85\xff\xc6\xe3\xfe\xe8\x01\xff\xee\xf3e\xb0\xf7c\xf7j\xd8\xcbO\xc5O\x93\']T\xab\xf3\xa4\xa6D_\xddX\xe8\xbe\x07\x12\xf4(!5\x1a\x83rwx"G\xd1\xbe\xda\x91\xe42B\xd9\x8e\x0bA\xf5\xec\x89W\xa2@p\xaf\x1e\x0eL\x92z\xd0\x95\xedyR\x94\xaf\xacZ\xd8\xdb\x01b\x91Vx\x99\x04_\xd7\x8ak\xf4\x9fVo\xc3.r\xffg\x12\xf1\xeb\xbd\xef\x88\xba\xdfh;_I\xb25\xeb,+J^\r;'</t>
  </si>
  <si>
    <t>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</t>
  </si>
  <si>
    <t>b'\xe1"\xeam\xbcF\x1f\x0e\xcb\x9a\x82\xca\xa8\x03\xf0\x7f'</t>
  </si>
  <si>
    <t>the zeroth
  components have a minus sign:
  âˆ’a0b0 +a1b1 +a2b2 +a3b3.
  (12.28)
  This is the four-dimensional scalar product; you should check for yourself
  (Prob. 12.17) that it has the same value in all inertial systems:
  âˆ’Â¯ a0 Â¯ b0 +Â¯
  a1 Â¯ b1 +Â¯
  a2 Â¯ b2 +Â¯
  a3 Â¯ b3 =âˆ’a0b0 +a1b1 +a2b2 +a3b3;
  (12.29)
  just as the ordinary dot product is invariant (unchanged) under rotations, this
  combination is invariant under Lorentz transformations.
  To keep track of the minus sign, it is convenient to introduce the covariant
  vector aÎ¼, which differs from the contravariant aÎ¼ only in the sign of the zeroth
  component:
  aÎ¼ =(a0,a1,a2,a3) â‰¡ (âˆ’a0,a1,a2,a3).
  (</t>
  </si>
  <si>
    <t>b'\xc8p{\xa1\xad\x052\x94\x9cP\xd5\xd5\x95u\xb1\xd1\xc3\x05\x89\x9e\x88S\xaf\xea\xe2\x03\xae\x94N]\xa4\xdc'</t>
  </si>
  <si>
    <t>c8707ba1ad0532949c50d5d59575b1d1c305899e8853afeae203ae944e5da4dc</t>
  </si>
  <si>
    <t>b'\xc8p{\xa1\xad\x052\x94\x9cP\xd5\xd5\x95u\xb1\xd1'</t>
  </si>
  <si>
    <t>emselves to stand up for the oppressed, nor bring the wrongdoer to light. I
 never see a wicked thing like this without doing what I can, and many a master has
 thanked me for letting him know how his horses have been used."
 "I wish there were more gentlemen like you, sir," said Jerry, "for they are wanted badly
 enough in this city."
 92
 After this we continued our journey, and as they got out of the cab our friend was
 saying, "My doctrine is this, that if we see cruelty or wrong that we have the power to
 stop, and do nothing, we make ourselves sharers in the guilt."
 93
 Chapter 39. Seedy Sam
 I should say that for a cab-horse I was very well off indeed; my driver was my owner,
 and it was his interest to treat me well and not overwork me, even had he not been so
 good a man as he was; but there were a great many horses which belonged to the large
 cab-owners, who let them out to their drivers for so much money a day. As the horses
 did not belong to these men the only thing they thought of was how to get their money
 out of them, first, to pay the master, and then to provide for their own living; and a
 dreadful time some of these horses had of it. Of course, I understood but little, but it was
 often talked over on the stand, and the governor, who was a kind-hearted man and fond
 of horses, would sometimes speak up if one came in very much jaded or ill-used.
 One day a shabby, miserable-looking driver, who went by the name of "Seedy Sam",
 brought in his horse looking dreadfully beat, and the governor said:
 "You and your horse look more fit for the police station than for this rank."
 The man flung his tattered rug over the horse, turned full round upon the Governor and
 said in a voice that sounded almost desperate:
 "If the police have any business with the matter it ought to be with the masters who
 charge us so much, or with the fares that are fixed so low. If a man has to pay eighteen
 shillings a day for the use of a cab and two horses, as many of us have to do in the
 season, and must make that up before we earn a penny for ourselves I say 'tis more than
 hard work; nine shillings a day to get out of each horse before you begin to get your own
 living. You know that's true, and if the horses don't work we must starve, and I and my
 children have known what that is before now. I've six of 'em, and only one earns
 anything; I am on the stand fourteen or sixteen hours a day, and I haven't had a Sunday
 these ten or twelve weeks; you know Skinner never gives a day if he can help it, and if I
 don't work hard, tell me who does! I want a warm coat and a mackintosh, but with so
 many to feed how can a man get it? I had to pledge my clock a week ago to pay Skinner,
 and I shall never see it again."
 Some of the other drivers stood round nodding their heads and saying he was right. The
 man went on:
 "You that have your own horses and cabs, or drive for good masters, have a chance of
 getting on and a chance of doing right; I haven't. We can't charge more than sixpence a
 mile after the first, within the four-mile radius. This very morning I had to go a clear six
 miles and only took three shillings. I could not get a return fare, and had to come all the
 way back; there's twelve miles for the horse and three shillings for me. After that I had a
 three-mile fare, and there were</t>
  </si>
  <si>
    <t>b"\x93\x7f*ly\x8f\xa3'"</t>
  </si>
  <si>
    <t>937f2a6c798fa327</t>
  </si>
  <si>
    <t>ue, 
 but still these great rollers would be running along all the external coast, 
 thundering and thundering by day and night; and I sc</t>
  </si>
  <si>
    <t>b'\xb1\xeb\xc7O\x86\xb7\xd7\xd6\x88\xd4\xe5\x1a\xaa\xa1\xd3\xfc\xaa\x9c\x81\x01\'\xf3E\xbfTE\x15@\xce@dS\x08L\xc9\xb9]@\xc4\xfc\xd0\xa7$\xf4\xdff\x15jr\'\xa7!\x15G!x\xb8\x99\x9d\xdc\xe5ZH\xb262\xaf\xfd\xefb\xf7\xd1;hqA:&gt;\x14\x86\x94V\xa0\n\x86\xc9\xf0\x96&amp;D\xb7\xebP\xc9\x05Z\nuof\xa5\x83\x8ai\xae!\x101|\xf0\x14\xcb\x0b\xe5A\xf5+\xd21\x8fI\x92\x82\x9b2\xb9@\xe4#\xb1\x18&lt;\xf5w\x97T\x13\x9c\xa6ka\x9f\xd0\'\xa9\xdbG\x950\x1d\x9b\xf5.\x18-\xfdw\xb4\xba5\xbd1\x90\x05\x80\xc0rj\xe4 \x14\xe4"\xab\x1c&amp;\xbd,&amp;r\x10\xba\x17\xe9\x023J\xd2\x10Y1\xbb\x0c\xf2^KWqC\xe5\x0b\x80\xed\xb2)\x8b\xc7\x19)\xc0\xb8\xf0-^\xe9\xc0\xf7\xbb?\xec\n\xa3\xd7"\x95\x9b\x19\x82gI&amp;\x17i\x91\x1e\xf5\\\xc6\x04\x1e-\xdf\xd9\xa4\xd9\xf5\xa1\xd6\xf8\xb0\x8f\xa1m(\xdb\xb5\x7f\xc2"\xc7\x7f\xf3\x9dA\xa6\x1b^\x7f\xa4\xcb\x8e\xb4iTU\x1b\x8b\xef\x88\x81\xb1IxjmA\x96\xc2\x06fx\xb9\x16c8\x93&lt;\xbbe\xf3\xcf\xb2\xc9\x00\xefc\xc8\xb3\xc2\x95N\xc0\xd2\x1d}\x8d\x03\xc9/\xdd7@\xb8\x1a\x08lD\xe0[n\xfd&gt;\x9f\x9a\x0ff\x85\xecF\xfdc\x8d\xc0DS\xc6K\x11\xf8=Ie\xc0\x1d\x16T~Ne#\t\x92\x11g\xf0K\xed\xedc\x80A\x02\xf3#\\[\x92\x93\x8bF\x06&gt;\xdaX~F\x08\xcd\x8d\x16\xdbY(=tH\x01K\xf4\x84\xd1KQ\xbb\x0fo\xca\x06\xa8\xd5Ju\xbe\xd9TR\xe6\xee^\x86R\x85o\\\x7f\x8c&gt;gL\xa3\x06\xd0\xe0=g\x97\x1d1)\x11\x85U\x05\xfe\xb2\xdeZg3Yb\x83,\xc8\xacz0Qt\x8b\x16\r\xcb\x0eg\xb9F|\xf3\xd7\xf8#\x8e(Q\x89\x04\xa01]#?\xba\x81\x05|\x11$\xea\x9f\x0f\x13\xa4\x95iE\xae(\x86/"f\xf6\x1e\xf5\xd1\x181TsRu'</t>
  </si>
  <si>
    <t>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</t>
  </si>
  <si>
    <t>b'\xb1\xeb\xc7O\x86\xb7\xd7\xd6\x88\xd4\xe5\x1a\xaa\xa1\xd3\xfc'</t>
  </si>
  <si>
    <t>n if VGS is.
 In summary, the typical biasing schemes introduced in Chapters 4 and 6 fail to establish
 a constant collector or drain current if the supply voltage or the ambient temperature are
 subject to change. Fortunately, an elegant method of creating supply- and temperature_x0002_independent voltages and currents exists and appears in almost all microelectronic systems.
 Called the â€œbandgap reference circuitâ€ and employing several tens of devices, this scheme
 is studied in more advanced books [1].
 Q1
 I 1
 R VBE
 VCC
 R
 (a) (b)
 2
 1 I 1
 R V
 V
 R
 2
 1
 GS
 M 1
 DD
 Figure 9.21 Impractical biasing of (a) bipolar and (b) MOS current sources.
 412 Chapter 9 Cascode Stages and Current Mirrors
 I
 VCC
 REF I
 Current Mirror
 copy
 Figure 9.22 Concept of current mirror.
 The bandgap circuit by itself does not solve all of our problems! An integrated circuit
 may incorporate hundreds of current sources, e.g., as the load impedance of CE or CS
 stages to achieve a high gain. Unfortunately, the complexity of the bandgap prohibits its
 use for each current source in a large integrated circuit.
 Let us summarize our thoughts thus far. In order to avoid supply and temperature
 dependence, a bandgap reference can provide a â€œgolden currentâ€ while requiring a few
 tens of devices. We must therefore seek a method of â€œcopyingâ€ the golden current without
 duplicating the entire bandgap circuitry. Current mirrors serve this purpose.
 Figure 9.22 conceptually illustrates our goal here. The golden current generated by a
 bandgap reference is â€œreadâ€ by the current mirror and a copy having the same character_x0002_istics as those of IREF is produced. For example, Icopy = IREF or 2IREF.
 9.2.2 Bipolar Current Mirror
 Since the current source generating Icopy in Fig. 9.22 must be implemented as a bipolar
 or MOS transistor, we surmise that the current mirror resembles the topology shown in
 Fig. 9.23(a), whereQ1 operates in the forward active region and the black box guarantees
 Icopy = IREF regardless of temperature or transistor characteristics. (The MOS counterpart
 is similar.)
 How should the black box of Fig. 9.23(a) be realized? The black box generates an
 output voltage, VX( = VBE), such that Q1 carries a current equal to IREF:
 IS1 exp
 VX
 VT
 = IREF, (9.86)
 where the Early effect is neglected. Thus, the black box satisfies the following relationship:
 VX = VT ln IREF
 IS1
 . (9.87)
 Q1
 VBE
 ?
 I
 VCC
 REF I
 Q
 I
 VCC
 REF
 REF V1 Q
 I
 VCC
 REF
 REF Q1
 I
 Current
 Mirror
 (a) (b) (c)
 X
 X
 copy
 copy
 Figure 9.23 (a) Conceptual illustration of current copying, (b) voltage proportional to natural
 logarithm of current, (c) bipolar current mirror.
 9.2 Current Mirrors 413
 We must therefore seek a circuit whose output voltage is proportional to the natural
 logarithm of its input, i.e., the inverse function of bipolar transistor characteristics. Fortu_x0002_nately, a single diode-connected device satisfies Eq. (9.87). Neglecting the base-current in
 Fig. 9.23(b), we have
 V1 = VT ln IREF
 IS,REF
 , (9.88)
 where IS,REF denotes the reverse saturation current of QREF. In other words, V1 = VX if
 IS,REF = IS1, i.e., if QREF is identical to Q1.
 Figure 9.23(c) consolida</t>
  </si>
  <si>
    <t>b'4\xa7\xe3\xaa\xbe\x85\x9c\x9c\n\x1e\xfe(\xf6\xbd&amp;Z'</t>
  </si>
  <si>
    <t>34a7e3aabe859c9c0a1efe28f6bd265a</t>
  </si>
  <si>
    <t>negligible and the transistor operates in the active mode.
 Q1
 VCC
 I C
 Y
 X
 = 2.5 V
 17 k Î© R R C 5 k Î©
  Î© R2
 1
 8 k
 Figure 5.16 Example of biased stage.
 Solution Neglecting the base current of Q1, we have
 VX = R2
 R1 + R2
 VCC (5.31)
 = 800 mV. (5.32)
 It follows that
 IC = IS exp
 VBE
 VT
 (5.33)
 = 231 Î¼A (5.34)
 and
 IB = 2.31 Î¼A. (5.35)
 Is the base current negligible? With which quantity should this value be compared?
 Provided by the resistive divider,IB must be negligible with respect to the current flowing
 through R1 and R2:
 IB
 ?
 _x0005_
 VCC
 R1 + R2
 . (5.36)
 This condition indeed holds in this example because VCC/(R1 + R2) =
 100 Î¼A â‰ˆ 43IB.
 We also note that
 VCE = 1.345 V, (5.37)
 and hence Q1 operates in the active region.
 Exercise What is the maximum value of RC if Q1 must remain in soft saturation?
 The analysis approach taken in the above example assumes a negligible base current,
 requiring verification at the end. But what if the end result indicates thatIB is not negligible?
 We now analyze the circuit without this assumption. Let us replace the voltage divider
 with a Thevenin equivalent (Fig. 5.17), noting that VThev is equal to the open-circuit output
 voltage (VX when the amplifier is disconnected):
 VThev = R2
 R1 + R2
 VCC. (5.38)
 5.2 Operating Point Analysis and Design 183
 Q1
 VCC
 R
 I C
 R
 X
 1 C
 R 2
 VCC
 Q1
 VCC
 R
 I C
 X
 C
 RThev
 VThev
 I B
 R1
 R 2
 R1
 R 2 VCC VThev
 Figure 5.17 Use of Thevenin equivalent to calculate bias.
 Moreover, RThev is given by the output resistance of the network if VCC is set to zero:
 RThev = R1||R2. (5.39)
 The simplified circuit yields:
 VX = VThev âˆ’ IBRThev (5.40)
 and
 IC = IS exp
 VThev âˆ’ IBRThev
 VT
 . (5.41)
 This result along with IC = Î²IB forms the system of equations leading to the values of
 IC and IB. As in the previous examples, iterations prove useful here, but the exponential
 dependence in Eq. (5.41) gives rise to wide fluctuations in the intermediate solutions. For
 this reason, we rewrite Eq. (5.41) as
 IB =
 _x0002_
 VThev âˆ’ VT lnIC
 IS
 _x0003_
 Â· 1
 RThev
 , (5.42)
 and begin with a guess for VBE = VT ln(IC /IS). The iteration then follows the sequence
 VBE â†’ IB â†’ IC â†’ VBE â†’Â·Â·Â·.
 Example
 5.9
 Calculate the collector current of Q1 in Fig. 5.18(a).</t>
  </si>
  <si>
    <t>b' n\x07\x8ci\xda\xc1\x8d\xaa\xed%]c\x90\xc4{'</t>
  </si>
  <si>
    <t>206e078c69dac18daaed255d6390c47b</t>
  </si>
  <si>
    <t>been got in, but not enough for the captain's fancy, and he shook his 
 head over it and told us we "must get back to this tomorrow rather 
 livelier." T</t>
  </si>
  <si>
    <t>b'\x84\xea\x82K\x82+\xaf\x99\x12cr\xa8\xb0\x07\xa4X\xcd=A\x8b\xa2B\xa8\xbb\xa5!.\xd5\xd1\xa2\xf1\xcfCf\xc0;\xf2\x92\x8b\x95n\xa1\x88\x0em\xa2\xa20\xb2\xf7\x8b\xe94\xfe6\x94\x14-\xce\x9a\xe4\x9c@\x0csX\x83R\xf0a\x10\xe5\xf7\xaa}`@Tg;\xb1\x08\x0b\xfe\xb5\xd1fB\xda2\x16+5\x8a\xdc~\x9f-=[s[\x9c\xed=\xc3\xf3\xa9Iq\xd3 \x1a\xad7\xe9\x1aC\xef\xa3N\x8c\xff\x0f\xa6\xd8\x08K\xa9F\x08\x9b\xad\xa6\n\xbd\x02\x02\xf7 \x1e\xac\xe1\xa8W\xaa\x0bT"\x1e,\xd8K\xfa\xd55\x07\xd1\xb5\xbf\xe9\x04\xa0\xb4\xea\xc9\xb8\xeb^\x91\n\x18\xef\x03\x9bA\xffA\x8e\xea\x0e}c\xbe\x9b\xd4\xc6\xd9\x1d\xedV\xa2_\x8f\'C\xe7\xb9z\x8a\x1f\xedN\x879}f\x84w)\x9d\x99s\xb4\x87e\x9f\xfd;@Pl\xc8\xc1:\x98m~\xac\x99\xfcB&amp;h\x0e\t\x9b\x9b\x8a\x91gfDP]; x#\x10\x11\xc4X|\xa1\x95\xea\x0b&lt; \xebJ"\x96+\x16*IB\x9fw\xa1\xf1`\x9c\x82~\x07a\x85\x8f\x1deK\xaf\xa9\x97\x02\xe1Vk@&lt;\xc7+\x8c\n\xf5\x087{\xaa\xf7\xfd\x13\xbc-v\xac\x13\x92\x10\x1b\xf5 \xce\xa3 \x89\xfc*W\xee\xf1\x9eb\xb3\x05v\xac\xe0\xa7\xb5-\xd2\xd3\xdd?\x87]9\x10k\xfdN\xff\x82\xd6\x01\x9a\\\x02\xc1\x1d\xd0E\x8f\xd5\xd2\xf12.\xa1\xc7\xd4\xc9\xc2\x85\xa3^\x88&lt;D\x82\x8c\xaa\xf1D4\x0c\xd3"\xc0.\xd2\x8eW\xf8\x89\xe7$:\x029\xd6\xde3\xa2Q\x84\xdb:e\x98\xae\xc8\xe3\x08\xec\x1b04@\x1a#\xf6\n\x1d\x04\xdf\xff\x13\x95\xbeU\xbf[&gt;\x8bY\xbb\xf2\xb6H\xdfB\x8f2\xb3\'}C\xad\xd1n\xa0\xec6\x93\x07Fs\x1d\x00\x135\xa7\x9fv]\xb9\xff\x80\xc6%\x9c\xb1\x02\x8b\xb4\x04IA\x06\xd6\xa3Gp\xd8\x001\x0b\x9e\x92\xa0\x15f\xd83\xfc\xbd\xf1o\x84\x84\x19\xeeB,9\xea\x87\x17+3\x95\x97,\xd3#\xd0$'</t>
  </si>
  <si>
    <t>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</t>
  </si>
  <si>
    <t>b'\x84\xea\x82K\x82+\xaf\x99\x12cr\xa8\xb0\x07\xa4X'</t>
  </si>
  <si>
    <t>or the synagogues (e.g., 1 Cor 5:11; 8:7â€“12; cf. 10:14;
Fredriksen 1999: 128â€“37). By the late 40s some apostles suggested that Christian
gentiles should convert to Judaism (Gal passim; cf. Phil 3:2â€“11: Paul did not like his
colleaguesâ€™ idea). Such a policy would be no less socially destabilizing to Diaspora
synagogue communities, which might still bear the brunt of their neighborsâ€™ resentment. But at least in the instance of conversion to Judaism, these gentiles-in-Christ,
socially and religiously, would have some place to stand: pagan culture had long
acknowledged conversions to Judaism.
What happened next is difficult to say. As early as we have evidence of the Christian
movement â€“ which is to say, with Paulâ€™s letters â€“ so too do we have evidence of loud
and roiling internal debate. Vigorous variety characterized this moment of Christian
history no less than it characterized the Judaism that was its matrix. This variety â€“ and
these arguments â€“ only increased with time. We know that gentile Christians continued for centuries to frequent synagogues and to co-celebrate Jewish festivals and
fasts, just as their pagan neighbors did (Fredriksen and Irshai 2004). We know that
there were Christians who were traditionally religious Jews. (Justin Trypho 47.3 refers
to Torah-observant Christian Jews in the Diaspora; for Christian Jews in the Galilee
up through the Talmudic period, see Boyarin 1999.) We know that, by the early
second century, purely gentile forms of Christianity were also evolving. We know that
well-educated, formerly pagan intellectuals, turning to the Jewish Bible in Greek as
Christians in the Roman Empire 597
the textual ground for their speculatio</t>
  </si>
  <si>
    <t>b'\xfe\xebe;y\x8b\xbebL\xdf\x87HT\xb6\xb5w\xc3\xa2\xa9\xe9\x1f\xc1\x91l\xce\tu\x08\x9d\xc7\xefP\x8a]\xe9\x97x\xb8\xe1\xb8[4\x8fd\x81\xb9\x0f\x10r\xc7\xba\xed\x0bgC\x83\x95\xa2 \x10\x86\xb84\xcf\xe6\x08Wx6!q\xcc\xbf\xdf\xf7\xb8\xfe@\x1f\xa8N&gt;^\xa5\x89\xce\xd6[\x1a3\xc3\xb7\x16Y\xdf\x12Q_\'\xc9\xadk| \x1c\xca\x87V\x89Fh\xe8\x151("\x16y\x8f\n\x1f\xd9qnb\x9c\xdb&gt;\x1a\x1f7Ir\xeef\xa0!\xc9jb\x0cY\xec0\x08!\xbc\xfa\x14\xe0\r\xefP;\xdf\x9f|N\xee\x83j\xfe\xdc\xe2)\xdb\x01^\xe7\x8c\xf6\x82*\x06Y7g\x16`\xa4:_\x1cO\x1d\x8e\xa5\x85\xdc(H0\xf5G\x1a-\xe9%\xaaX\xdd\xb4\x8b(\xdf\xfa\xdeRD5vM\xe21,%\xa9%vpm\x04\xe3JJ\x86X\r\xc0\x00S\xa4\xea\x1c\x18_/\x82\xe4\x85K\xd2\xd5\xb8\xe3\x14\xd9\x81\x87n\xe4c4\t\xd1\x84\xae\x1f\xb1]Q\x8b\x0c\xf1,s{\xae\xfa~\x8a\xef\x90\xad\xfa%\x8a\xdd\xfae\xb75\x81\x8d\x88\xb0\xb2\xffWO%\xac\xbcnG\xf1I3\x7f\xe3\x9f\xc6\xc6r\xc0O\x91y\x93.\xd0p\xbe*\x9c\x13\xab\xa9\x04r%\xc1\x06\xcf\x98n}\xe6\xe9:m\x1cv\\\xfa\x1b\x08\xc4\xbc\xde\xd5B\x01{\xdf\xd5w\x81\xd1|\x99\xcb\x86C|\x12v\x86\x81\x84\x96[\x0b\x8d\xc4Q7\xb3`\xb6\xc0S\xbc3\\c\xad\xae\xe7\x97\xfe\x8fi$\x04;\xeaE\xfe\xb6/p\xfe\xcfJ,W\'(,\xd6\xc9\xd1f|^\xd7G\x8c\xfc\x99\xe6c&gt;\x8f"]\x8a\xbd{8\x1b\xae&gt;\x16\xccw2\xa6h\xb4Z\x82H\xdd\\h\xacT\x00\xa6\xb8\xfe\x88\xa7\xe6J\xca\xcf\x0b\xcd\x97\x02\xdf\xb3\xaa\xf0\xb25\x96\x07\xaa\xcb\x8fYH \xed\xcb\xd6\xae\xd5\x16\x91\x16!\x1f4\xbc\x8f\x9f\xb5\xc9\x0ex\x05\xd8\xcb-\xd4o\xc0q\x14\x9f;\xearF\xd3u\xa5\xde&gt;\x06\xb2\xa7\xdaV\xe3\x17\x1d\xb3^\xe1_hv\xca\x99\x00&gt;5\x88\xdfh\xb3-YHSgT|\x9f\x1b\xb1Wl\xd7\x96\xe1\xac\xa6w\xf7\x1a\x07\xb7\xed\xa9\t\xf7_\xda\xf0s6\x1f\xc7Yp\xddg\x04\xd4x\xeb\xac\xefX\xddv?\x8c\xeeNF{D.\xeea\xd8o\xf5LZ\x07\x1f\x9d\xadt\x8d\xd79\xe2\x1c{;u\xe2Jp}4\xeb\x9e\xe3f\x14\xa4!\x05\x97\x1b\x123\xa3\xf2\xd3\x9e\x86\xd9I&lt;_\xe63\xa7\x84\xa87AhT\xb6H\xbd\xf6\x93\xff\xde\xce\x0c\x8a`n\x90\xf69,$e\xd8(wn\xe4\xd0\x92\x1f\xc9\xb8\xd7\xb5iH\x8bj\xda\xd5\xdd)\xbb\xee\\g\xd2#e6\xc8\xfdo\x8d\xc0V|\xe6\x11_\x113D\xb5\x9d-\xbd\x1d\xb5\xab\x0cB&gt;\xd7\x07\xde\xde\x0e\xde\x00\x1fy\xb44\xc8q\xc9\xc2\xbd\x93d\x7f\nT\xdcY4]^\x92\x82\xf1\xf4\xd3\xbd\xf4.nY\xeb\x1d\x1f\xa1\x99\x81\x00&gt;\x86\xfaj\xc8AC\x15_\xde/b\x87c\xae&gt;\x98\x8bF\xcdXe9\xa6m\x1cWgm\x94P\xaa\xd1-\x8cIo\xd6\xf7\x16\x0cp\x9e\xa4%R\x19L\x85\xb6\xcdD\xceI\xfcT%\n\xf1o\x92\x1ei\xb1}Y\x85-\xc6\x1b\x8b\xda"\xee\x9dC\xf1.J\x0f\xf3,V9\xb3z\x95\xd3\xff\xd8\x97\x95\xa96\xfcy\xd7\xb7\x0e\x92\xa2\xe6\x19\xcb\xe4\xc7e\xc6\xd0\x97d\nu\x11\x1b\x04\xe0\x82T\x94\xab\x04\xba\xca\x8b\xee\r%\x7f\x17\xdf\x99y\x8d\xe7S\xb9\x9a\xe0 \xfa\xb7\x01\xc5q\x93\xbf\x96\x1a\x8a\x01\x1c\x943n:\x8c\xb0V\x84\x06\x1c\xda]\xd6\x02XF\xf3\x96\x19\x1b\x7f\x8e\xcb\xc0\x95f\x02\x94\xf9n\xb62\x18\x84\x16\x90\x98cbo)\xfe\xb3n\x97Q.\xae\xbfK\xd7\xad\x9b\xc2\x14\x1f\x86\xa5O\xf3\xa2\xa2\xec\xa2\x95l\'lr\xbe\xf9\xfa\xc9W\xf35.\xb7\x14\n\xbb\x9a\xa5\xc7ft\x0cM\xe4\x8dR\x82\xe7\'\x04\x14\x18*\x8d]R\x9f\xedW\xea\xa4\x04\x12a \xe6\xab\t\xe2`\x9a{e\xe8\xdd\x86[\xef\xe1\xbf\x8e\x9e\x97\x83\xda\xa68\xe7\xa1r\xde\xe2\x86\xc5^\x96S\xb9\x93FD\x05\xd1\xac~LI\xf2p\x9d\x86RxF\x18U:9\x95\xf1J!\xad1\xfc\x8ch\xe9\r\x9a\x85"\xbc$\xcb%\xf3}\x05\xb6\xd4\x84?mPKf,xCtk\xba\x80\xddY\x025\xd4\xed\xd8\xd3\xbc\xc3p\x86\x88\x06\x12\xa7@\x0e\x9d\x82\x01\x96\x04\x11\xd6-\x9b\xf6\xaa\x9f\x18\x88\xfdh0\x12p\\-f_\x8b\x14\xff\x94n\xe8\xd6\xbd\xd9\'"\xe2\xcc\xb4\x85\xe4\r=\xe7\xcb\xc9EZn\\\x83\xc7\x7f\xd9=\xcdq\xf3\xe1\xe6\xa2n%\'\xb2PY\xa2\xb2I~\xf28I2\xa7\xfdl\xaaf\xf0\xfb\xc8\xdb\xaeL\x925Y&gt;\xfb\xa5m\xe6\xc4B\xdb\x1dD\xa0dVsp\x1ekv\n^U\xbd\xe8.\xb9[\xfdj\xa03\xa0\x8fc^\xbbV\x12\x85\x8c\x9a]g$49\x81\xaf\x81\xac7\x9b\xf2\xd6\xf6[oqR\xab\xac\xbe\xab\xca\xb7J\x96\x1a\x86\xcd\xce;\xb3\x95Ch\x1e\xbe^\xf1\x0f?t\x85h\xe8~\xec\x0e,\xe79\xc6\xb2\xd0\x00\xe9t\xc6\xdbO\xb7\xe1\xa4{\x93\x03\x90V%9!\x02@\xa0\xcd\xb4\xb3_F&lt;v\xac\xa3\xa6\xf0\xfe\xb5c\xde\xa0yS\x88D\x06\xa3\xb8kK\x961\x95\x0f\xf0\xf0\xf5\xd8V\xf3\x8ff\x89\xca$\xefqJ\x8bCt\x8e\xb9\x19\xa11\xdd\x08EF&lt;\xb9\xe8\xf0\x8b\xc9\xd8\x9d\x90\xd3\xa2\x1f\x11S\xe8B\x1c\xc9N\xd2\x8d\xab\xc6\xc6\xdf\xf44\xee\x03-\xcb\xbc\xc4(U\xf6\xf6\x89\n\tw\xbe\xe1\xd7\xf9&amp;\xad\xb6\x8c\xf1L\xae\xc4\xa8\xea\xe9\xabJ\xabs:\xff\xa9\x9e\tm?&gt;Y\x12\xca\xad`\xa9\xa7h\xba\xfcO\x1f\x7fY\xfc\xa2\t\x07a%Rne\x91UO\xeb\xa8\xdf\xf7lA\xd5^\xbd\x8a\xd1\xff\xe9\x19^\x12\xb4n\x14\xca\xb1\x10d\x97\x06\x95\xc4x\xbe\xf4\xa6.\x11\xafr\xc9@-\xa5\x1c\xb5x\x8c\x85o\xc2W\x01\xef1\xe4Jx\xc0\xec\x01\xce\x08\x13\x1fJ\x84\xf9w\xe5\xfa\xaf\x9e\xd0\xaf\xfeiv\xb9T\x8b\x84Z\xfc\x02\x19\xdd\xe7\xa8\xbe\xfb\xb3B\xce\xf2:l\xed\x1bE\xa6\xc2\xa2RgQG\x96\x1f\xec\x8b\x16d\x15\x0eP-{N\xeb\xad\xf4\x16\xd4#\x12Y9\xea\x8f`P\xab\xae\xe0\xaaY\x01P\xc4\xfe\xb6\x0b\x99\x9ey\x8f`\x01\xf8#NuOX\xb2\xb4?\x85\xe2sgt\xb0&gt;\xb4\xf6\xf7\xf2`\x1d\x9f\x00\xba\x85\xdc\xb8\xef\x0f6D\xb5&lt;T\xa88\xff\xb9\xf4\x06\x84YhG|\x9e| \x0e\x86\xc7\x81bJ;Y\xc7B\xb6\x84\x86\xa4\x1c7wASH\xa6\xdd\r\x81RWsJ\xf0)H"\xbc\x91\xdcx(\xae\xdd\xf9i\xf3\xf6\x88Q3\xfc`\xbc^,\x82\xb1\xf1&amp;\xf0s\xb4\x07A|\x15\xcb\xdf)\x91\xaf\x0e[\x83\xcd\x88\x13\xb9\xe3\x85\xb9)'</t>
  </si>
  <si>
    <t>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</t>
  </si>
  <si>
    <t>b'\xfe\xebe;y\x8b\xbebL\xdf\x87HT\xb6\xb5w'</t>
  </si>
  <si>
    <t>Rule 229
Greece or to foundation by a god or hero from Greek mythology. It was important to
be â€˜â€˜on the mapâ€™â€™ of the Greek past, historical or mythical. A city that claimed to
have been founded by Perseus, for example, would celebrate that connection in
oratory, allude to it in diplomatic dealings, and commemorate it in coinage and
in cult (C. P. Jones 1999: 115; Robert 1987: 74â€“86). The people of Aphrodisias
did not hesitate to remind the Romans that their city had been founded by Aphrodite, the divine ancestor of Julius Caesar and Augustus (Tac. Ann. 3.62; J. Reynolds
1982 no. 32). This diplomatic game was played competitively. For example, in the
reign of Tiberius, 11 cities claimed to be the most suitable spot for Asiaâ€™s new temple
of the emperor. Eleven diplomatic teams converged on the capital to claim the honor,
variously citing antiquity of origin, grandeur of setting, and previous services to
Rome. Sardis alleged a common ancestry with the Etruscans, and hence with the
Romans; Smyrna somewhat absurdly claimed title to the honor on the grounds of
three incompatible genealogies (descent from Tantalus, Theseus, or perhaps an
Amazon), but had the best record of service to the Roman state and for this reason
(in Tacitusâ€™ opinion) won the day (Ann. 4.55â€“6; Strubbe 1984â€“6). Again we see that
the exigencies of dealing with Rome accentuated claims to Greekness.
Religion was also an important part of Greek identity, and a prominent part of city
life. Greek cities worshipped more or less the same gods in more or less the same
ways. Processions, sacrifices, hymns, and feasts provided a common format that
allowed for infinite local variations in ritual details. The gods themselves varied
regionally in their titles and attributes. Our Artemis would not look exactly like
your Artemis, perhaps because she had evolved out of syncretism with a different
local goddess, or perhaps because her cult statue had different features. However, our
statue of Hadrian would look pretty much like your statue of Hadrian, because
emperors seem to have found ways to propagate fairly consistent visual images of
themselves (Potter 1994: 128). Our Hadrian might reside as a guest in the temple of
Apollo, while yours might adorn a gymnasium, a complex of public fountains or even,
by imperial permission, have a special temple of his own.
Worship of the gods was only one of the features of urban life that required
an architectural setting (Mitchell 1993: 1: 80â€“1). A Greek city had a fairly standard
set of architectural components, some of which definitely show Roman influence
(Macready and Thompson 1987; MacDonald 1986). Commerce required public
structures: a harbor, an agora, arcades with shops, aqueducts, and sometimes less
glamorous structures like channels for industrial waste (van Nijf 1997: 89â€“90; Pliny
Ep. 10.98). Many commercial activities required water, as did the ancient cityâ€™s
leisurely habits of personal hygiene. Fountains and public baths were a delightful
by-product of the Roman peace, since the aqueducts required to fill them could not
be constructed across hostile territory (Coulton 1987). Greek gymnasia, elaborated
by the zeal of local benefactors, evolved into bath-gymnasium complexes. The
gymnasium was often simple, of classical Greek design, but the baths right next to
it were more elaborate structures inspired by Roman habits of monumental architecture and incorporating the Roman idea of taking the waters in a sequence of different
temperatures (Fagan 1999a; YeguÂ¨l 1992). These complexes often contained a room
devoted to imperial statuary. The statues of local benefactors, living and dead,
adorned the site of their benefactions â€“ indeed all the public places of the city.
Structures of commemoration were a basic ingredient o</t>
  </si>
  <si>
    <t>b'\xd2:zo\xc0\xc7|\xc9\x93\x00]qG\x05\x98\xef\xbbeI`\x9d\x81@\x9c\xe8\x95\xb9\xedr]\xbdE8*\x97P\x19\xf6\xf2?\x82\xe8\xd7\x13Sq5\xa3@\xda+~\x0f&amp;\xf8\xe5\xc5r\xc9\xba\xb5\x1f\xf5\x94\xf58i\xf5\x87\xdfh\xc3\x10\xf4\xb2l\x87$ \xf8\xe8\xa1.\xda\xe8\xaa5\xf3\x1c$-\r\xda\x8c\x9bM0L\xd3\xcd\xb1\xdc\x18} hi\x17\x0b\xc8\x01\xdcYC2\n\xb8\x1d\xff\xd6\x80Q\xa0Ns\xe5\x1e?n\xd6\x1e\xaf\xb9\xce\xf6w\x13v&lt;\xf8\xeb\x8d\'\xbfMm|&lt;\xbf\xdc\xe0[`P\xd9\xe7\xba!EX\xa4\x02\xba\xde\xbe\x08+^H\xde\xce9.pG\xd998;\xfa\xb1+ J\xd9\xf7C\x7f=V\x86\xf7\xcf_yV\x9d\xed\x164\xae \xd7\x93u\xd6a\xba\x13\x05\x187V!\x1b\xf8\xbebFS\xb7h&amp;&amp;\x91\xa0"q\x16\xe8\x9e\xfb\x11\xa7\xbf\x9f^\xaf\r\xe2\xf6K\x1a\x14\xe9~@5\xdd\x1eQ\xfe\xc7\xb6\xf0\x18\xa0\xd1\xb1\x19#\xdd\xd2\x82GFY\x8eG\x85K&lt;\x8d\x14[\xce\xe8\x9c\x80&amp;0M}\x04\xb1I\xe6\xa6\x80\xa5\x7f\x99v\x13\xd2\xa7)\xb71\x85\xe1\xef\r\x8c7\xfc\xe8\xc9\xe5\x83\xb4p\x1d\xcbj\x99a\x12n\x1cdM\xf6\xb9\'\xb1\x93\xa4%\xd8NOJJ\xdbog\xa9M\xdcy\x90\x13%Z\xc9c\x04U\xa6\xa9*\x0e\xe0k\x96\x85\xd3gyc\xbd\x013\x7f\xc4\xb8\xe7\x02\xee]\xf7;-M\xb6B\xd7C\x10\x03aP\xc4f\x17\xf4"\xce\x8d\x80\rU\x01:27j\xbeh0W\xb5\xf6v\xddY}\xb7\xbdZ{\xe3\xab\x045}\x02\xd4\xd8\x1cD6\xc5\'\xe4\xc0L\x9e\xcf~X\xd7\x9f\xdf&amp;\xdb\xf9Ya\xb0\xefO\x0fO\xab\x8a\xb9\x86\xab\xf1\x01\xf1\xbd`L%aO&gt;\r.d14~\'\x19\x8a/\xb4\xacXo*\x1agY1$(\xd9\xbf\x07Jy\x1fM\xdbD{\x99{U\x92\x84\xa5[`\x9bi\x07\xee\xea6`\xc9a7\xa4%\xef\x96\x06%F\xc0.\xfebj\xb8\xc6d\xfe\x88\xe7\xf6\xc0X^\x07m\n k\x15\xfb&lt;\xa7\xd3g\xcb{\xca\xf4\x16\x01\xe77\x85\x8dq\x0ea\x81?\x0fZ#\xd3\x1e5A\xb70:\x03\x14\xc4q\xaa{\x1e(\xb9@\x17L\xe5,F\xff\xb7iRp\xc9\xb6\x0eA\x1f`\xca\xda\x93})\xf2q\xc0K\x15\x7f\xff\xcf\xed\x07\xa9\xc7\xf4\r\xb1\xe1V\xdf\xddx\x06kQ\x04U\xf5I\x90&amp;\x94q_\xaa\x02\x113C\xee\xf4\x9b\xad\x9dc\xb8\t(\xbc2\xdf%\xdf\xa6/\xad\xc6\xbf\xd7\x08d\x9f\x82s\xb9\xdb\x9f4 \x96\xcbY9e:\x8f\r\xaf\xd1$Z\xcd.\xf0&gt;\x1f\x89\xa45&lt;r\xe6\xeex\x82g\'\'r\xb3\xe0\x9c\x9a\xac\xbb\xb1\xd1\x00\xab\x07\xd9$\r\x1d\xf3\x19\x891\x8b\x16]\xfd\xa9\xe7\x1e\x051\x98s\x19Ik\xee\x7f\xc8=\xc9\xa5\xd9\xc0\x87Ji\xec&lt; \xd1:u\xaf\xef\xbb\x9c\xe92\x1a\x85\xcf\xd7\xc3F\xeeB\x8a\xd8\xf4l\xde\x1e\x82\x9b6\x8ewv\x8f\xc5@\xbc\x87D\xb1z\x8d\x94\xb9\xd2\x90]\xab\xe5&gt;\xa4\x01u\x19\xc4\xaa\xfeo\x9f\x88Zw\xb1\x05\xc3\xf8\xea!\xa6V&gt;\xb4I\x99y\x8b{\xaf\x07\xc4\xe6x\xado\xcf\xc2&lt;\n\x8c\x80\xe4\xc8\xd3\x8f\x01\xed\xb7\xfbK\xd0?X\xdd^\x85\x04Zv\x8c\x144\x0b\xe5:\xf6\x033\xc5\xa0}\xae\xa7\xfa\xd5\x0f\xc6\xfbY\xd5\x8f\xdf]\xe5\xdd\x00\xa5\x88\xd3M\x81\xe4\x91\x1f\x01\xdd\x9d\xf7\xcd\x17[\x01\xa9\xf5\xd9Wv\xc0\x05\xe9\xe7\xa4\x8f\xa9\xb6\xa9W\xb9\xb1\x1f\x04%\xe6\x9d7\xd9\xf3\xa7\tY\x82\x88M%\x87\xbaKrz[p\xfe\x97o\xa6]\xcf\xef\xec\xda\x97ain]\xf2\xe2\x16&lt;\xb1\x89\x10Q\xecGbM\x90\x84\x89\x07\x00v\x90\xeb\xd2Q\x01\x8d\xd01\x07\xf7,A\xb2\x91\x941\xcbG\x14\\\xc8\xe5\xbc4\x035\x9c\x8e\xfa\xe4\xf6\xb4\x82&lt;GK\'\xe7i\xe6\n\xcf\xe1n\xacO\xb9E\xf58[^p\x10c@)ou\x04(\xb7\xca\xd4\x91}\x86\x95\xb2\xa4E\xf1\xc7\x8d!\xaf\xca\xaaE\xaf\xbf\\\xbd\xb4\xedYQ\t\x0ca\xbd%\x86\x0b\xda\x8a{\x89\xed\xdd\x90\xcb\xc7\xdb\x187\xc1l\xb5\xbf#\x03\x17\x11\xb5\x8a\xa9\xf7:\xf3\xac\x00H\xc6\x06\x1e\xb1\x05\xce&gt;2],\x94M\xca.\x81\x91b\x02\x17\x7f"\xb0\xff:\xfc\xfd\xa4\xd7S\xfdO\xd2\x12\xb8,\xf9M\x90\x0e}\xbe%\rI\xe1\x1f\x0b\xae\xb9\x10\x80\xc5\xca&lt;\x15\x80\x18\xdb\xd3\xac\xcf\x1fl\x1c\xa5\xbe\x7f\xf2\x98\x89\xa4\xc8\x9b\xc7u\xef&lt;{^\xef\xf8$\x01\xcf\x17oV\x07d\x97\x8c\xcd~\xb8\x8f\x81^\x99\xe5\xbd\xd0T\x08\xf2\xde\x12&amp;\xe3\xd4 \xad\x05\x173\x8f\x83\xaf\x80\xa6\xe8f\xd1\x17\x8f\x840k\xb7\xda\x8f\x9d\xdc\xbb\x03GY\x96\xea*\xd2t_(b2\xb1\x90\xf1\xfc\xae\x1c~\xb17\x9b\xfd{\xd1`\x93T\x0f\xb7D\xdc\xb7C\xf9\x83\xe8\xe9y\xe6J|\xff~\x97=\xc4mO\xc8\x18\xa6\xe4^\xe2\x94\xc6\xe1ve\x07\xf9\xdbe\xab\x04d_\x90I\x9a\xd3\xaf.\x8f\x1d!\x94S\xe1g\xad\xe9\x1bk\x93\t,AFG4_\xe1?\x053\xba\x94;\xeaO\xcc\x0f\xf4\xd0\xd3\xe5}\xe6"\xed\xd8\xa7\x00\xf6\xbd\x9a/K\x82\xcf\xab\x03\x10,\xc1\xd0\x04\xb2\xa4\xd0:\xfbUkXZ\r\xf5Vi\x9a\x94\xbc_6&lt;-\xc9l(\xe9\xb5\xfa\xe2r\x89\t[\xcb\xa4\x9b\x8f\xad\x8c\xb8\x08\xff\xcd5\xd2}\xdc\t?\x91\x02[\x13SI4\x8fW\xeb\x8f\xb1\xf9\xe2\x8dC\x97\x12\xf91\xdf\x85\xec\x93\xb0\xc8\xf8\x893\xe7\xe6\xf1\xcbJ\xcb\x9c\xdc\x15&lt;}\x95\x13\xce\x08\xa8\xd8\xfa\x08^\xbdW\x0c"\x9c\rp\x1d\x98\xdf\xd1!\xdc2L\xb6\xc6V\xd3.\xe8\xd7\x9f6\xe6N\x94\xf6\xdc\x84\x1a\xe1?\x15O&amp;-M\xc4\xff\x91\xc5\x05\xf6\xdd\xc0VtD\x1cW\xe1\x88\xf1"\xdf\xe0\x8eEIsa/\xd1X\xa1F\x171H\x8a[^\x14\x9c\x7f&lt;\xd1\x93\xdaz\x8d\x08\xe7D\xe3L\x0f\x1b5\xf2\x85\xad\xcdm\xd4%\xb2\xffp\xd3\xa4\xd9\xb2\x81\x03\xd4\xbb\xa1\xf1&lt;\x91K\xb9\xff\xb3\xae\xb1\x9b\x0c\xec\xe8\x08\x9c\x8e\x112\x80C!,\xa6\x8e\xd5q\xf9w\xa1=\xc9\x14\x9a\x19\xc1\xb8\xf7\xde\xb6\x9a\xbe=\xab\xaf\x8ecp\tv\xc8\x10Y\x03u\xb3?\x9eCG&lt;\xe2[\x8e\x1f4=\xff\x12\x9d6S`[\x9a\x18\x96\xd3\xfa\x14\tG\xe4W$\xec\xbb\x90\xdf\x87\xd8y9I\x7f&gt;T!\xc1"\x9a\x18\xca\x0e2\xbat\xe7Ae\xb0"ch\x98\xda\xf3\x01\xd4\xf4C\x01\x7f\x1fL\xcb\xef\xbd\xebk\x04\x11\'\x89`O\xae\x84\x8an\xa4|\xc86\xde\xf2Y)\xfb#\xfad\xa0\x8c\xb6\x1c\xdfr\xaa\xdb\xb2\xa0m\xd0~\x19LHz\x05\x0f|c?\xb2\x8b\xffg\x18\xd0\xc0\xfcP"\xd9kRt\x16\x00\xb2\xbbAK\xfb\xf9\x1cz\xbe\x0f\x92\x19\xb5\xf2_G&lt;\xe8?\xf7\xd7\xe7\xe8:ZE\x07p\x05\xd0h\x9b\xec\x0c\xe4\xab\t\x14\xb4?\x04\xa4 \xf7\xe7\x8dj\xad\x8c\x1aFJ$(\x10\x8bkQ\xdb\x9d=\x99X\n\xbcM\x18A\xd4\x87\x1d\xff\xe2\x94h`\xe7\x87\x13\xeb\xd6\xac\x80\x93^\xa6\xfd\x1e\x14\xa8H\xfby\x93\xc2\x7f\xbe@?\xba\xb2\x7f\xa3\xa3&gt;hZ\x8cr\xb7\x8aF\xfd\xb2\xc7\xa3\xb5$i\x80\x97\xf8v\x8ev\x85\x17\xb0\xd7\xa1=\x94y\x0b\xc8|AcR\r\xd1\xe0\xacV)\xcb|\x9bW&lt;\xb2I@\xa0\xfb8\xfc3\x18)\x8f\x02J\'\xca\r\x19t"sBaE\x97o\x0b\x01\xc2\x05\xec.f\xde\xf1\x84{W\x02R&gt;i\xc4\x17\xabk1I[D\x8a\x0b\xfbV\x0b\xf9\xb5RJ\xa2\x15\xdf\x1b)X\xda\xf3\xd4\x96\xbd\xf5,\xcfS\xfd\xfbr\xcc\xff\xc3\x88\xfa|y\xc7&amp;\x17\xf5\x92\x12d/h\xafEB\x04\xf1\xd2\xa7p\xd2\xd9O\xaeU\x9a\xeb\x85\x15]d\xe1n\xd4s\x82-\x97i\x10\x01h\xbdo\xdb\xf7\x059|\xb5L\xe6\xbc\x14\xf3\x83\xd6\x19\xe0\x1b\x83c\x81xf\xe8\x8e\xb8\xe8\xb2+\x95\xe4\xb4\x93\xe9\x86Z\xad9\x8d\xfc\xc5\xd0I\xf4\xc5Gw\'\xc9\x0e#\xfd6\xe8+\xe3&gt;\xfd\xac\xa6V\x08\xdd\x7f\x19Z\xc3\xbfFZT\x81\no\xec\x06\xed\xa4\x01d\xe3\xf1\xc1\xed0\x85\xf1|\x9f\x14y x\x96\xf6\x0e\xa8\xf9\xa2\xd5\x8eM\xd04&gt;\xa5\x1b\x9c\x9d\xe5b\xca\xd9\xdc\xf2\x00m\x91\x1a\xc0\xa2\xe4\xee\xbe\xb3\xee\xa4\xfb\xe6\xfa\x9b\xb0n\x9aBAb\xc1y\xa7\xd1\xce\x07hqG\x1d\xdf\xbd\x01\x86\xa8\x03,U\x93\xa8#\xfe3a\x8d\x96,QP\xaem{\xf2\xb7\xfa3\x84\xbd6\x9a\x0e\x0b\xf5fUZ\xe3\xef\x1b\x96\xa6\xf8=S\xb1\xa3\'\x0f\xcb\xbc\x05}HY\x9c[\xa6\x96\r\xb4\x86\\v\xef\xbbR\xd4\xc7\xf6\xe3\xb9&amp;7|\xb8\x1f\x19\x9c\x87_\xec\xa1\xbe&amp;7\x0f\xefH=-\x14\xb3\xabOu\xc04!\xae\x8b\xcb\xf0?&gt;\xab\x15Hy\xb9\xdc\xe2{\xc7\x86\xf2\x03%\xactU\xb8\xfe\xe0\xe9S\xb7\xbf6P\xf6x\xd6sf)\xf9\xde#\xe7\x11fi\xcc\x8e7\xa1\xb8\x89Q\xd7\x07\xd6\xba\xc9&amp;\x98)c0\xe8\x9b\xd9\xae\xce\x07[F\xc1Bc\x0f\xfcxp\xd1A]@\xc9\xae\xa3\xf0f\xb0\r\xa4E\xc1\xfd\xd8\x18\x96\xe9\x81\x06\xaaC\xdeE\xf9\xe4\x97Z\x80\xb9g\x17\x08qV\xba\xda\x17\x13&lt;\xa5\xcdV\x9e\xb6\x9c\xbf\x94N\x89\xfb\xea\x80a\x82J\xc9\xa9\xb7\xe2\xea\xc9\x12i\xbe\xce\xfe\x00T\xe4:P0W\x17HvO]\xd1\xa7a\xc9\xe9\xdd\x03\x97\x9e\xb7\xde\xbd*\x08\xf6\xaf{\xeb`\x1d-\xaa\x943\xd8\xd3\xe1&gt;\xa0+-\xebY\x9e\xe6c\x981\xc39\\\xd85\xe0b\xf9e\x98\x88\xd8\x9eT[\x8f\x87$&lt;0+\xdc&amp;7\xa1\xd4\xa1]$\xff\xd2\x8f\x1af\xd7\xa6\xf3\x0f\xa4%\xc1\xf5\xbcWA&lt;\xc6\xc1\xb8L\xae\xd5\x01\xab\x13\x1f\xe5\x98\xbe\xe9\x07YA\x81]\xaf:\xa0\xf9\xda\xbf?\x9f\xd5*\x93\xfb\xff\xb7\xe8, \xb4P\x013\xc8(\xb3AW\xf6\x88b\x95z\xb7R.\xbf7\x07\x1c7\x16\x8c\x83\xfd\x81\x16\x1cE\xe1k\xd2"\xbd\xe9\xc5;\xa8\xf5\x178\xfc-\x00\xd3cx\x84/\xce\xfd\xeb\xd9wgva5\x9a\xf3\xd0\xbf\xbb\x86G\xe3\x9c|O\xbbEL\xf3\x88\xd2/\x9d&lt;\x06Q-;\xee0mF\x15E\xb1(\x00Z\xfc+\xcdiF\xe8\x9a\x82\x7f\xf1\xafN\xdbIY{\x96\xf2`\x94\xff\xbcr\xfd\xf3Vr\x16$\xc6\xa1p\x978\x01\x1e\xbbG\x1b$TA}\xd6U\x06\x1a\xcf,\xbe\x83\xbcN\x1ex\x92\xb7\x19)\x90\x89\xcc\xc5\x8c[KmB\xc4\xfdx\x1a\xdc\xb8h\x16NI\xce\xd4O`9\xfb\x80\xd3\x8f+!\xc3Vv3O\xe7Us\\M\xe2\xf5@,\xda\x94D("\x1f\x8f\xaa\xed\x19r\xd3)h\x97\xdc\x96\x01\xa2\x99|\x1f\xc7\xbc/\x92X\x1c\xd8qL=\t\xcc|\xf5&amp;\xafA\x92`a\x1a\xfc\x94\x14#\\\xb2\xf0A\xe2\x05\x80\x7f27\xfc\x0f\xb6J\xdcL\xf6\xa8\x85\x168Jd;yL\xe7\xd5\xe1\xc3\xb3\xfbO\xec\xb4v\x97\xabltCy\xf0\xa8\xc2\x96m\xce\xbb\xad\xbf\x81\x0b\x80\xea\xc6\x9aS\x17\xaf\xb2\x9c\xd59zW\xedTT\xd3\x97\xdcv\xdeV\x98P\xf7\xcfS\xe5\xc4\xb4\x12\x14\xd4\xa8\xe6j\xb2\xcbW\x0f\xd5h+\xb4\x1e\x1f\xb8\xc54jZ\x8bLWfnh\x9c|B\xc4y#\x949\x94\x9c\xd9\xff\xeb_\x94W\x07\xcd\xc4+\xa0I&lt;\x1b"\x9d^G\x04z\xcfj\x8c\xba].\xf4)\xe9\xfeO`\x7f5/@\xbc\x19\xe5\x02\xf9b^\x8b\xb4\xc5\xed\x9a\x01 \x01\xb35\xc4\xbe/\xcf\xa1p|\xff\xbd\xc6\xdb5\xc7\'\x02\xd9\xb3Y\xbc\xe1\xcb\xb3\x06\xda\xe7\x8b\x18\x1c!\xa8]K8\xf0:\x8a\xff\x8b\xaa/\x82b8q"\x1e\x19\x81\xe1!N\x02N\x8c2\xb5\xc6\xa2C,\xe7=\x97\xe1\xd11y)\x19\x99\xc4B\xbe\xf9#3\x8b\xbb\x01{\x90\xb1\x12&lt;\xefE\xb3\xd5\xca\x90\xc7\xe5\xec\xc0!\x14\x10\xff\x19gDb.\x99\xf8:\x1f7\xbb\xbaLQ\x0e\xdd\xac\xb6\x8d\xc0\'\x8bB\xd7Y\xd2Z\xf4\x9d\xe9\xab0*\r\xe4\xcbq\xf6f\xa2@\x024\xe7\xe0\xe5\xf82\x1b\x15\xc3\xb2\xa3(\x97x&gt;\x8e\x9e\xdaL_\xc3\\\xcd/\xab\xc7\xba\xee\x15\x012\xf0\x8a\x1a1\xda\xf7t\xe5\xa2\xaeEi\xaf\xf3\tQ8y]Q\x9be\x16P\xfa\x1e\x96e\n={2\x16]D\xc2\x93\xcf\x90X\xdc\xaf\xf4\xb9\xb4S\xe67OQ\x9d\x86xC\xdazz\xda-\x9bz\'d\xb6A\x87vqar^\t@S#(21\xc8j\xf0g\xd9\xaa\xd6\xb9\x85\x8a\x7f\xc77\xa9\xba\x03a\xa6\x0f\xfe\xd4\xfe\x03\x990"\xd3\x93zF\xb2\x079`\x9b\xc8\x92\x97B\x16\xaaV\x99\xe9\xaa\xab\xc6\xdf\xb0Y\xa2\x99j\x90\x9f\xeaK\xf2\xc5_\xb2\xef\x84\x9e\t\xec\xf7,d)\xdfp\xcd\x87c&gt;\xcf\xf1\x11\xe5!\xc4{\x07\xc0\xf2\x00\x0cp\xfb\xdb\xcb\x9c{\xfbFf~\xce\xb2n\x8c\x02x\x97\xd4\xf4k\xbf{\xabw@\x9e\x89\x9ee\xe7\xfdX\x0b\xc3N\x0cG\xcc\xd4\x0f~\xad\xbeo3\xf3W\xaf\xfc|\xc43M\x86v}\x87U\xa1\x03\x9bL\xc1\xd7`\xcf\xea\x8e\xa5tF\xa5\xe7@\xa1eYV\xbb\xd1#\x14\xbc\x91\xd3\xc1\xc0\x92\xab\x18\x0b\xf8\x1b\x8e\xcfrV-U\xae\x1e\xd0\x8a\xa8\x9a\x9bq]&amp;nY\x831%\xc5T\x1c\x1bjZva\xb0\x97Y\xe95\xf8D=\xc1\xf9@\x12\xcb7\xd6%\x8c\x11}\xed\x86\x17R\x80\x907\x10s\xb2x\x17Z\x8c\xf1\x90\xa6z\xc8\xcf\xb8$\xf4-\xc2Y\xdf\x1fw\xd6B\xa1\x1a\xd4\xb1\t%\x95#\x895\x92v_\x14\xc9%\xcd\x12\x82\xf7i\xf9\xb9\x99\xf6"\x8d\xb2\xccG\xe0v\x188\xa0\xbdd\xca\xec\xf9vI^7\xc1"\xa4\x89\x00\xb8\xa5\x81N\x0cB2\xb4\xf9\x04\xbdbR&lt;\xc2i\xd7\xba\xe9\xdaa\t\x8c6\x98\xa3,k\xd9Qi\x15\x13:o\xe9\xe4\x10\x06\xeeI\xa4*Y{\xdf\x88\xaf\x8a\xd3\xefC\x12\xdd\xbe\x0cS{\xd7\xd5\xc9\xff\xcejf\xec0\xe8\xc6(\xaf\xd0\xfc\xa05^\x03\x1e\xaa\xb5\xfa&gt;\xd6\xac}\xc8t\xffub\xc8\xee\x9eq\xa0\x8de\xdc\xc2\xbeef$+\xd1/V-\x0f\xca\xd1MO\xa3\x08\\\x96\xcdI\xeb8\x86Q\xfa\xfa\xd7\x03h\xd8\xb5-8KT\x92\xaf+\xd7\x87\x80\x86j\xff\xb3tK\xe0w1\xa2\x07\xab\xe6@\x9a\xd7\xba\xe3\x08\xa0q\xc1y\xd8\xcb2\xd2\xf4\x13\x8c\xa4P&amp;\xef\xadK\x93\xbc\xbd\xd1\xddCH\xac\xd37\x86\x80$\xc98W\xc3\xd1j:5\xaa\xbb\xd2\xf6\xff\x16QIM#\xfd\x05l^\x94F\x08|\r\xaa\xeb\x88\x9c1\xbc\xe7\xbe\xe5\x02\x1e\xf8\xdc\xb4\x9c\x8b\x90\xbd\xd0\xb3\xb4\xbc\x11\x9b\xae5\xb3\x1a\x7f\xba\x1d\xd0\x8c\x8aO\xdc\xb1\xffs7f/\xcf\x07Nx\x17\xfc\xfc\xf5\x06 \xe4\x8bA\x93\x81L\xbd\x98\x9a\xa3\xd6{\'n\x03*\xa7\x134^\x93\xb9\xea\x13\xd2:M\xfb*w\xfcZ\x8fo\xd7\x15\xa8\x9a\x8a\xe4\x9d\nX\x13!\x1d\xfb\x0e/4\xa2\xdd[\x8b\xff\xb1Q\x18\xac\x9e\x90\x12{\x8e,\x07NH'</t>
  </si>
  <si>
    <t>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</t>
  </si>
  <si>
    <t>b'\xd2:zo\xc0\xc7|\xc9\x93\x00]qG\x05\x98\xef'</t>
  </si>
  <si>
    <t>so I'm here instead."
 The next morning the same man came again.
 "How is Sam?" inquired the governor.
 "He's gone," said the man.
 "What, gone? You don't mean to say he's dead?"
 "Just snuffed out," said the other; "he died at four o'clock this morning; all yesterday he
 was ravingâ€”raving about Skinner, and having no Sundays. 'I never had a Sunday's rest,'
 these were his last words."
 No one spoke for a while, and then the governor said, "I'll tell you what, mates, this is a
 warning for us."
 95
 Chapter 40. Poor Ginger
 One day, while our cab and many others were waiting outside one of the parks where
 music was playing, a shabby old cab drove up beside ours. The horse was an old wornout chestnut, with an ill-kept coat, and bones that showed plainly through it, the knees
 knuckled over, and the fore-legs were very unsteady. I had been eating some hay, and
 the wind rolled a little lock of it that way, and the poor creature put out her long thin
 neck and picked it up, and then turned and looked about for more. There was a hopeless
 look in the dull eye that I could not help noticing, and then, as I was thinking where I
 had seen that horse before, she looked full at me and said, "Black Beauty, is that you?"
 It was Ginger! but how changed! The beautifully arched and glossy neck was now
 straight, and lank, and fallen in; the clean straight legs and delicate fetlocks were
 swelled; the joints were grown out of shape with hard work; the face, that was once so
 full of spirit and life, was now full of suffering, and I could tell by the heaving of her
 sides, and her frequent cough, how bad her breath was.
 Our drivers were standing together a little way off, so I sidled up to her a step or two,
 that we might have a little quiet talk. It was a sad tale that she had to tell.
 After a twelvemonth's run off at Earlshall, she was considered to be fit for work again,
 and was sold to a gentleman. For a little while she got on very well, but after a longer
 gallop than usual the old strain returned, and after being rested and doctored she was
 again sold. In this way she changed hands several times, but always getting lower down.
 "And so at last," said she, "I was bought by a man who keeps a number of cabs and
 horses, and lets them out. You look well off, and I am glad of it, but I could not tell you
 what my life has been. When they found out my weakness they said I was not worth
 what they gave for me, and that I must go into one of the low cabs, and just be used up;
 that is what they are doing, whipping and working with never one thought of what I
 sufferâ€”they paid for me, and must get it out of me, they say. The man who hires me
 now pays a deal of money to the owner every day, and so he has to get it out of me too;
 and so it's all the week round and round, with never a Sunday rest."
 I said, "You used to stand up for yourself if you were ill-used."
 "Ah!" she said, "I did once, but it's no use; men are strongest, and if they are cruel and
 have no feeling, there is nothing that we can do, but just bear itâ€”bear it on and on to the
 end. I wish the end was come, I wish I was dead. I have seen dead horses, and I am sure
 they do not suffer pain; I wish I may drop down dead at my work, and not be sent off to
 the knackers."
 I was very much troubled, and I put my nose up</t>
  </si>
  <si>
    <t>b'\x95\x08\x10[`\xa4\x04\x84'</t>
  </si>
  <si>
    <t>9508105b60a40484</t>
  </si>
  <si>
    <t>be lifted by decree of the Senate, or by imperial
fiat (both are attested), enabled the imperial government to intervene at the local
level to grant favors to people who, for their own reasons, might want to exceed the
statutory limits.
The economics of gladiatorial exhibitions had a profound effect on the nature of
the games. By the second century, two systems of acquiring performers for
amphitheatric events are attested. One involved the outright purchase of the performers by the prospective munerarius, the other involved rental. The jurist Gaius
mentions a penalty clause that appears to have been standard for gladiatorial rentals,
according to which a person in whose games a gladiator was killed had to repay 50
times the rental cost, while a pair of inscriptions, one from Sardis in Asia Minor, the
other from Italica in Spain, record a discussion in the Senate of a measure by Marcus
Aurelius to fix the purchase price of gladiators according to the financial capacities of
cities across the empire (Gaius Inst. 3.146; Mommsen 1892: 414). The survival of the
vast majority of gladiatorial combatants is implied by both these schemes. Survival
was not, however, the order of the day for people condemned to fight in the
amphitheater as a result of the judicial process (see below), and it may be that
restrictions on the danger of gladiatorial combat enhanced the appeal of these
spectacles of public punishment.
The exhibition of wild beasts, both fighting each other and fighting humans,
developed in the course of the republican period, and did so separately from gladiatorial combat (see below). By the imperial period there appears to have been a welldeveloped network to supply animals for contests, enabling a person who had
obtained the requisite imperial permission to collect the animals himself. Beast
handlers (bestiarii), who would also be charged with delivering human victims for
the animals, and beast hunters, venatores, appear to have been organized separately,
and, as was the tradition with events that developed under Roman influence, were
supposed to be people of lower status (but see below).
Spectacle 391
All the forms of entertainment outlined in the last few pages flourished throughout
the first three centuries CE, a sign of the importance of these events in the cultural and
political life of the empire (Robert 1982: 45 Â¼ 1989b: 719; van Nijf 2001: 334).
Fiscal crises at the end of the third century appear to have impaired athletic contests as
endowments that supported many of them were probably wiped out in the currency
reforms of the period, while gladiatorial combat seems to have declined in popularity
as Christian emperors withdrew their direct support (though they did not ban them).
At the same time the spread of circus buildings throughout the major cities of the
empire, and the direct connection between circuses and imperial palaces, meant that
chariot racing would enter a golden age in the later empire. The theater, d</t>
  </si>
  <si>
    <t>b'\x86\xdf\x15\xd7\xc36\xc7\x10\xce5\x19\xfdO\xbacg\xcd\x089\x02;\xf4\xca\xe2&lt;Y8\xcb5CaU\x94\x87Q\xff\xb5O\xad\xc4\xec \xe2\xc6)\xc6\x17(\x9c\r\x10c\xed\xedi\xf3\x7fY\xf3\x8aS[17\x8f\x91\x80Qt\x85\xfd\xde\xa4v\xcf\xff\x0b|\'v||\n\xdc9\xee\x90\x84\x80\xbd\xdd`\x10\xb5)\xa6\x02\xd9\xbb&amp;p\xf5\xb8\xec\xc1\xd6\x81\x17\xa4w\xe1\x87hVK\xc3Ayk}.mE\n\xcd/)\r\xafS\x02\x95d\\\r\x85\xad\xe1hb\x01\x08\xd9\xdf\x8d\x052\xb1\xa8\x9a\xf0X\xef\x13\xa2Wh\xa1a\xea\xe7\xea\xf5\xd4-\xa9\xe9\x98\xf6\xee\xafw\xb7\x9d\x89W\xe9p\xae\xf9\xa6\xd0-o\x95\xfcN\xb8\xbb\xed\xc6:\x16\x94\xbd\x85\xa3G\xa5\xa0\x96@\xde\x05\x0e{\x92\x87\x95\xfe+\r\x87^\x91#\xea\xe8\xee\x90R,V\xf6\xda\x11\xb2\xdb\xf1\xa5\xa4\'\xc2\xc6N\xee\x00E\xb9\xdbq%^\xe7\xcb\xde\xb1=\x8cG\xf5qsh\xc1\xd0\x8f\xea\xb4\xf9\xd8*\x7fR\x84:\xdd\xa9/\x10\xa4\x96s@\x83\xb4\x99\xc4\x03\xca\xeb!j\xd6Y\xae,\xd5\xb4s\xfd\x995\x84\r\x1e6\xa1\xb3\x84K&gt;\x06\xdde\xf5n\xb7zf\xb6\xf74@\xd0o\x92\x16I\'I\x10_B\xbeA\xce\x00\x1cG\x80\xa9l\xa5\x96\xe61ewc,\xe8f\xe1\x05\xdaI\x83J\x95AT"\x92=\x15\x86\x15\x08\x9e\xbd\xef\xf7#\x19\x98\xb6-\xd8\x0f\x95\xfe\x07F\x89\xea*\x9cY\x8a\x18&lt;;Z 1\t\x1056s}\x9ae&lt;\xfe\xe8\x0e\xe7\xc4\xa4B\xcb\xd4:%fW\x85W\x98P,\xb2V.=5\xfb\xa2\x8f\xc7w7\xb6\x0e\xf6r#\xd7\xd7\xe1\x91\xdd\xc7\xbf\xd3\xb8B\x8c\x8f\x86\xff\xb6\xf7\xc3\x06\xbc1\xec\xf9(8\xc6N jom\x7f5\x9dc\xf5l\x03\xfa\x06;\xc5\xd9\xe5\x16\x90/2B\xdd\xa6\x17\xe2\xaa\xed=\xc8\x9e\xcdq:\x0fz\x16(\x0bjF\x808;\xe7\xf2\x8e\xf84\xe6\x87\x01\x1d\xec\xb4\xc8\xa9\xc9\xa7&gt;\x99\xa8\x18\x89W\xa3\xa5\x94{$\xd4\xc9v\x05\x1f\x89W73\x19\xfcbQ~\xe1l\xcd\xd8\x0e\xd8v\xf4\xffd&amp;\x01N\xf0j\x89\xe5\xa8\x03l\xe7u\x15\n\xd5D\x83P\x9c\xf0\xae\xd4w8\xb4\xf4\x17\xd1\xa2h\xde\xf8\x17z\xc8\xf8{}\x95\xe7\xee\xcc\t$c\x07.\x93\xd6y\xf2\xa9\xdd~\xa9\x1a9\xac\x8f\xab-dJ=x\xb2u\xd7wd\xce\x8e\rTR\xe6\xb6\xb4\x1d\xf0\x16\xd8\x1e\x8af_\xbe\xd6\xf2\xa3\x03W\xdbJ\xeb\x9bF~\xae\x95%\x94\xf5[\xffR\xd6\x04\x815%\x15\xb5\xe1B\xb1\x88;\x9b\x18`\xa3j\xa6\x9d\xa4k\x92\xf4;\xa9v\xd5\xe8\xee\rv\x8dW\x12GQ\x02\xe0C\xadL\t\x16\xde6\xde\xbc\xd6\xd9\xfe\x85j\xbcx\x82\x87\x82\x13\x9b%\xa4&gt;\xaa5\xabi\xff[M\x8e\x95\x10=1`\xba\x8fT\xf8gCM\xda\xc6x\xc6\x9f\xcd\x03\x18\xefX\xea\x1f\xed\x7f\xb6\x9aA[\xa8\x1fX\x1b\xd2uM(+\xda\x18\x87Nk\xa3\xceC\x88\x1a6\x84\xae\x91\xe3\x93i\x7fq\xa4\xec\xfaB\xe5Mu\x82\xc3{\x9c\x840OAiG1\x06\x83o\xfa9\xd8\xb6\x11\x1a;\xe6g\xe2\xe5\xbc-\xf43\xc6\xf1.\x8d\x87H\xff\xef\xfb\xf5\x9bQ\xd6\x14\xb1\x93\xc0\x0c_\x19e\xf7\x18\xf7\xbe\x01\x84D\xfaDBzg{\xd6\xb2\x14AK\x14\x9b\x8e\xe5V\x17;sm0w:svGb\x06j\xaa&amp;\x9c\x8eC\rw\t\x8a\xf9\xa7O\xf7=7\x1d((m\x89\xca\xcec\xae&amp;4\x13K\x06\x9e\xb2\xe5\xcf\xda\x97\x03\\},\xbf \x04\x0f\xb1|\x99n\xea\xf6\x18b\xd7\xbf\x81\xc6\xa2\xaa?}\x86\xdf\xc6rp\xd0\xd02\xa0\xf83.\x10\xae:\xe2\xd5v\t\xaa\xa5\xc1\x06\xce\x97\x8b3\x9f\xe4r\x01qF\xef+h\x1f\xed\xd4\x90\xf1\x92\x11"c\x80FR\xdd\xef\x04k\x90C\x98\x0f\xae\x88\xbc:$\xa7H\xe7\xaai\xe1\xdf\x01\xd7\xec\xd8N\xb3%h=\xf3Z\xff\xb1\xc9\x89\xb6 i\x14E\xb4(\xc2\x18\x9bA\xafZ%RW\x9d`\xc5Eu\x0b5\xf2\xe7\xe3\xbc\x1f\xd6\xa5l(u\xb8\xa6\xd7?\x9c\t\x1bp\xce\xde\x829\x18@\x1f/\x7f\x9ey\x84\x14grpK\xbf\xe6}Y\x0b\xd3)\xf2\x91&amp;\x08;\r\x97*\xca\x92cIE2\x0c\x9c\x18\xfc\x1c5X\x0c \xe9\xd9e4\xf4\xa9\xe2\xba\xd3\xb9\xad\x05m\xe3\x80\xe1\x1c-a\xd4!U\x8a\xdf\x93;\x07\x8e\x98r\xbd\xdbX,7\x92\xc3\n\x9aO\xdb\x8e\xc5D\xcd\xed\x9dKE\x9cf\xd7\xaa\x92\x02\x98\x9a\xe7M\xb3\x90z\x9d\x97&gt;1\x8a\xd2Q\xadL\xdeU\xee\xf8j\x94\x18mBE\xa3\xe7\xe8\xe7\xe5F\xfc\xa0\xb9\x82\xa9\xe6\x91\x0c\x16Z\xb7\xc0Wo\xb6\x80\xc9\x04\xf2z\xdd\x05\x02}%j\x89^Z\xd02\xa3\x99!\xfag\x02%0\x05\xf6)\xf47\x91\xd70\xa9/\xa7\t\xe2\xea\x8eY #,\xee\xa5]2\x1f\x12Q\x00\xccxp\xb7\xce\x1f\xac\xc1\xd1/~\x1c-\xe9rn\x1a:$\x0c\x86\x18\x86\xee\xf9Kli\x9b\xebb\xddvG\x0eJ\x07\xc7*B\xa58\xff\xdfH\xfc\xbb\xd4\xd6\x86[\xe3s\x83\xeer\xca\x88X\xbb5|\xcd\xec\xf1_\x99\x89ok2\xfa\xc8\x17\x01\xae\xae\xa2\r\x91\x1b\x1c\xbb\xd9n\xc6\xe6\x81\xb1\x8c\xd42\xae_\x85\xc9\x03gN\xb2\x94i\xb5+\xe0\xb3\x1e\xfd\xf3\x1f\xccu&gt;7\xfa\xd3l\x1e\x1d.x\xe8\x05\xd3a\xe9\x9d2kZ\xfa\x8e\xb2\xd3\x83\xf6c\xff\xae\x15M\x87X\x86f\xd1w\x93\xcaZdQ3\x93rQ\x99\xb4\xe6v\x84\xea\x99\xdfXq\xf6\x8c\xd9^,\'\xdd6\xde\xd5\xb9\x83\xc8Q\x8c\x91\xb5\xde\'zC\x85\xe2\xc38\xdda\x84\x80\x18s$\x8di\xdau\x88\xd9\xb9\xd3\x06\xfe\x8c\xbe\xf0\xa3Q\x91\xf7\xc5\xce\x14\xa23\xac\xb0\x0e\x0c\x95\xc0\xe1\x01\xe5\xeev\xc6\xa0\x90U\x8bC]\x0ej\x00\xf1\xf7zG\xb0-\xb4\xf8\xd1b\x8e]6\xff\x86\xbb\x07\xab8\xe5\xb1;\xef\xf1\xad\x81\xd5\xab\x02\x85\xc1\xa6\x9f\xdc\x1b\x91,\xbe\x15\xde\xdc\xaah\xaa\x0f\xfeY\xcbz~\xcf\xc0\x81p\xfbi\xf4\x7f\xfd3;"\xfc\xe5c\xa8{\xa0\x0f\xd1\xef\xb0\xa8\xa8t\x9e\xdb5ys(U\xfe\x9a\x89OF\x97a\xee\xf2\xff3\xa3\xca\xeb\x1bo\x0b\xba\xefQ\x16\xdf\x85\x0b\xa0\xa2\x91V\x14#\xd3\x01\x0f\xdf\x01a\xb7\x19\xfbRXgj\x15\xb8\xb1,e\xd8a\xfe\xd2\x83\x98o\x9e[\xea\x91\xb5\xb0O\x83S\xd8\x97\xcaZao\xcf\xe1K#G\xd5\x08O\x1f\xb7\x05\xa0\x980j\xe7\xb5\x80m\xb2\x1b\xb0\x8c\xa7\x86MPi\x99\xa7\x0f\xd5\xc0\x0f\xb0\xba;\x85X]{r\x13`0\x97\x13\xb7\xe3\xeb=(\xb2R\xc0\x13\xdfqMj2&gt;\xb4s\x89~\xde\x0b\xd9U\x94\x80g\xb7wo$W\xcc;\n\x90g\x16\x03UQ#k\xc2n\xcd\x13^q\xe9\t{d\xf9\xb4XZo\x96e\xf1&lt;\xb0\x1d\x82"_\xce\xfb\x02\xa55_N\x05\'\xea_\xea\x0bs\x84Y\x08\xdf{\xf2p\xf1\xf8e\x03x%\x9b\x13\xab`V~\x8aE\x90\x07\x1c:\xe1P\nK\x10\x01\xbc\xac\x8dq]Bh\x97B\xaf5\x8c\xbc\xf0\xf5\xae\xdc\xd8\x03\x11P\x18I\xd5\t8\xf9\xa0\x149+9\x99\x9dI\'\xef\xb9g\rJ\xa2\xdcS\x9a\xdf\x9a\xc70\xa4aI*%\xa1q\xe9\xd7\x7f\xb6fM\x9c\xfb\xc0_c\x88\xa1\xa0`\xe8\x889\xa3~\x18\xb2\x8f\xa6N&gt;\xbe\xfa\xc1}\xb5\x97&gt;5e{&gt;\xec1\xb7\xa8\xc8\xb7\xad\xd2p\x8a&gt;*\xe2^\xc9\xc0\xf7\x96yI&amp;\x9b\xa0u|Z\xbfv\xad\xc1T\xcd\xad\x88$F%\x8d\x1a\xbc\x9ci\xb3\xd7\xa5\xc4\xb9\x94\xe5\'\xbc\xc58=\xccvY\xa9-\xa1\xd9y#\x10\xc9\xbe\x97\xa9\xd2A\\\x18\x8dO]\xf1\x1e\xd1\x80n\xb86\x9d\xf7 \x97\x8f+D\xe4\x8d\x95&amp;.\x12\x06\xc0v\xc7\x014\x01\xa9\xbcm\x99\x1a*\xda\xa3\x83vE\x89\xcf\xc0\xa6L\x16m\xdd\xa8\xdc_v\xb6\x1d\x83\x19^\xa27\x0f\xe5\xf2\xa3/Z\x1a?\x84\x168\xf3\'\xc7k\xb5\x7f\x12\xc1i\x06\xf8B8\xb9\x9a\x9e/\r\x85\xb1\xb9&gt;\x9f\x1b&lt;\xe3\xaa\xef\xdf\xeb\xfb\x83,~6%\x12z\xeak\xa2 _\x11AM\x02\xc4\xfcP\x9b&gt;\xb8\xbd\x9f\xfdT\x01\xfd\xb2\x97\n\xebF?}/\xc7\xd7P\x06\xff#\x89d\x8f\x13U\x8c\x919]\xf35\x12Xvs\x980\xe3\xd6\x1a\x98o\xa0\xb7\x9fF/\x11\x0f\x9b\xb5\xc0\xfc\x8c\xf4N\xeb\x18,\x1f\xf7z\xc3\x07cpUd\x15V\x82mv\xda\xc8L\xa0\x8f\xb9\xc3\xf9\xebs\xb3Q@\\\x89j\x15:\xc9\xc5\x83\x13\x82 \xd4*\x83\x87\xfb\xdf\x8fLp\xe6=\xe7%\xadV\xa0y\x0b?\x84\x08\xc9\xb0\t\x0eq\xca\x84\xc1[\xa1\x96\x84LO\xa9\xc2c8)x\x14\xe9o\x89\xb2\x9d8\x19\xc1\xa3\xce\x9ab\xf6\xad\xf6\x0b\xf8\x13&lt;\xb6\ny\xf7\xbb\xbdf\xbd~J\x13\x9b&lt;7\xdd3P&amp;LpG\x1a\x12\xe1\xbd\x82\xe3B\xef]V\x94L\xe7\xc5\xb0@sB\xd4\xd1\x1e\xb5\xef)\xf84\x98\xa0\x81\xe0-\xd5\x8c\xc3\xb8\xe0\xfa\xae\x95!\xa7 Qy6\x84o\xaaL\xfen\x80\xa0\xaa\xb9\x8d\xcbA\xfaab\xad\xe8f\xa5\xc6c\xf2\x856\x8f\x1fN\x145\x03\xd8\x96\xbc/\xb2\xd6_\xaf\xe6\x9d&lt;\xea\x9apd\x11\xe3\xd2\'\x02JzU\x8d\x88\xd4\xb5\xac\xae\x84\xb7o\x12n)\xe1)p\xb2\xb3\xa4e\xf8\xde\xb3\x047\xb5\xc6Y:Y\xb9D\x03\x97\xc2\xb8\x83\xf3\x9f\xbc\xcdH\xc8\xce\t\xa6A\x1e\xde\xca\x82g\xf4\xc6\x86\x07\x94\xf5\x1c\xa0!\n\x1f RT*v\xcf\xfa_E]\xf0\x80!\xcb2f\xa6\xaf\xbb\x94\x80\xcf &gt;\x8e\xc7\x1a\xc8\xcd\xf6r\'\xd7\xa5\xe20\x1b\xce\xa0\xbb\xf5b2a\xc3\xb0\xfa\x90D \x96\'6\xe9\x0b\x0b\xe7\x1e\xb5\xbe\xe8-k\xd8\x1cl0\xe1\xb0\xf9\xd9\xc5\xfa&amp;d\xc5\x9f\x8c\xee\x85\xfd\x06\xe5w\xa9\xd6`\x89V\x80\xc2R\xbdXXJ\xcd\x16\x1a\xce~I\xc0\xc2\xe1H\xf5\xa1/\xd5\x9c]\xbf\xa1+\xd2\xd1aw\x8d[\x10\xc9\xbb|3\x17o\xb7\xad\x872\x01\xbat\x03\xc3\xb9\xfc\xa5\xd8 \x90+\x1a\x0f\xa3\x02\x10^\x8d\x94\x1f\xf0?\xf7\xf5\xd8\xc8bJ\xec\x97z4N\xe5\\RL5\x8f\xebV\xe8oRD\xb6u\xe2\xfa\xab\xf4\x01\x14\xe8\xbf\x1c\x08\x0f\x1fY\x82\xe7\xf8R\xa5Hi\xa6o\x9d\xd6\x0f\x0cQ6\xee\xb3|\xab\xc08\x82\xc2\xd4\x11\x06\x1d\xb3\xbe*\xf8\x10v\x1d#\x9e\x11\x9a\xcd\x0e\xb1;\xd3\x84\xe1X\xa0l\xe2\x9d~~G\x93\xdbr\xc3@\xadS\x1eG\xe2^\xe1\xf8\x9a+\r}\xe9\xfc\xba~\x93\xbb\x8fH\xf0\xe3\xaek\xaeY\xc1\x02\x17\xdb\x9dm\xa3&gt;\xea\x9dK\xd2\xf1\n\xdf=\xe9\x8c?7\xcet\xf5\xf2\xef&lt;0ec0\x0f\x18\xa3d\x90\xbb\xad\xfe2\xfe\xe4i\xdb\x8f\xe8\xcb\x197\xfa^v\xbdE\x9cY"\xcc\xe9_T\xf6\xfb\x0c\x8b\x11,\'|\xef\xb2\xbdD\x13\xe3g\n\x8b\xd3\x90\xeb0\x89\x96$\xc1Z\x03d\xacg\x11\xe1,\x8f\xcfat\xd5\x15\xba\xeb\x05lo\xe4K\x11\xf1\xc3ti\xa8\xa2\x9f*\xa7y\x15L6\x81\x8d\x84.\x89/\xabd-\x12\xdb\x96\xe1\x8a\x08\xd9]\x9e\x1a\x04|\xc4\xaf\x08_FT\xfb5Pa\x88\xc4\xe0\xc8\xed\x13\xe9+X\x19\xab\x1c\x85G\xea\x04\xe6\xdca\x01VTP\xcd\x8fh\xf1\x18\x07\x05=\x87\xb2\x93\xacz\xa3!\xd9\xe45\x06\x84\xf1\xb2S@\xff$\x0b\xa5\r\xc0yj\x17\x06\xea\x95\x8e}\x90\xda\xb6^\xf6\x03DSMq\xdd\\\x19\xe9\x92ST\x83\xc2K\xfd\xf7\xf4{\x94\xdd\x80\x94\xe4\x0f\xb5\xb7[\xa5#H\xb1\n\x80\xea\xfd+\xac\x8d\x8d\xfd\xc1\xe6\x97/\xce\xf4\xb1\x8e;m\xb9\x01\xeea\xefr\xd7\x08$\xc0\xf0\x1e\x08\xe6\x19\xd1\x94\\\xf7C\x15\x14\xfc\x9aI\xdfj\xcc&amp;r'</t>
  </si>
  <si>
    <t>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</t>
  </si>
  <si>
    <t>b'\x86\xdf\x15\xd7\xc36\xc7\x10\xce5\x19\xfdO\xbacg'</t>
  </si>
  <si>
    <t>he calmer air, the afflictions and
 vicissitudes of her late life seemed pourtrayed in these fleeting images;â€”
 thus had she been tossed upon the stormy sea of misfortune for the last
 year, with but short intervals of peace, if peace that could be called,
 which was only the delay of evils. And now, when she had escaped from
 so many dangers, was become independent of the will of those, who had
 oppressed her, and found herself mistress of a large fortune, now, when
 716
 she might reasonably have expected happiness, she perceived that she
 was as distant from it as ever. She would have accused herself of
 weakness and ingratitude in thus suffering a sense of the various
 blessings she possessed to be overcome by that of a single misfortune,
 had this misfortune affected herself alone; but, when she had wept for
 Valancourt even as living, tears of compassion had mingled with those of
 regret, and while she lamented a human being degraded to vice, and
 consequently to misery, reason and humanity</t>
  </si>
  <si>
    <t>b'9\x82R\xcb3\xa5\xc0|\x12(*\xbe\xe5(\x07T\xd5{\x8d%\x94\x97)\xd1\xb1\xa6.}vT($\xa5\xbax\x85\x13|I1\xb6\xa8Gv\x04\xe7\xf4\x83\xb5/\xf9\xb8p\xf3M\x8b\xf9W\x81\xbbn@\xbd\x07'</t>
  </si>
  <si>
    <t>398252cb33a5c07c12282abee5280754d57b8d25949729d1b1a62e7d76542824a5ba7885137c4931b6a8477604e7f483b52ff9b870f34d8bf95781bb6e40bd07</t>
  </si>
  <si>
    <t>b'9\x82R\xcb3\xa5\xc0|\x12(*\xbe\xe5(\x07T'</t>
  </si>
  <si>
    <t>nd they havenâ€™t been enjoyable throughout, Iâ€™ve
 never liked the end product. While you should definitely prepare for hard
 work, you shouldnâ€™t have to suffer through misery for an idea.
 Hereâ€™s the difference: If you are working to prove something or to
 overcome your mental blocks, then you will run into stress, burnout,
 frustration, and failure. I call it scaling unhappiness. However, if you are
 creating from a place of abundance and genuinely serving others in the
 process, then life and business is deliriously enjoyable.
 When Iâ€™ve been my most successful, I can trace it back to how much I
 enjoyed the journey. When Matt and I worked on Sheer Strength, we were
 driven by our passion for the products and the idea of making something we
 both wanted to buy. Every time we stopped ourselves and listened to the
 market or new trends, we hit a roadblock. Those bad decisions cost us time
 and money.
 Right now, Iâ€™m working on a new food company. The project is a blast,
 and itâ€™s either going to be the most successful thing Iâ€™ve ever done, or the
 best time Iâ€™ll ever have on a failure. Either way, the project is enjoyable, and
 thatâ€™s a worthy goal. Make sure youâ€™re enjoying the ride youâ€™re on, or I can
 guarantee youâ€™ll burn out.
 The Pursuit Is Worth It
 Elon Musk is lonely. He has been public about this. When youâ€™re running
 three companies that are changing the world, you donâ€™t have much time for a
 girlfriend, a social life, or for pretty much anything else. To be perfectly
 frank, I donâ€™t know a lot of balanced entrepreneurs. The happy person with
 the perfect workâ€“life balance doesnâ€™t usually become a rock star
 entrepreneur.
 This game requires you to carry the load on your shoulders and press on
 in the face of fear. Whether itâ€™s your first business or your hundredth, youâ€™re
 going to ask yourself the same questions at some point: Is this going to fall
 apart? Am I going to be found out as a fraud? Did one of my competitors
 already come up with a better version of this? That little voice breaks most
 people. True-born entrepreneurs move through it because theyâ€™ve been
 working through fear their whole lives.
 Iâ€™m not going to claim that Iâ€™ve never wondered if this is all worth it. In
 fact, Iâ€™ve spent countless nights wondering if I would be happier if I j</t>
  </si>
  <si>
    <t>b' \xb5\xef\\hD\xcb\xa6)\xa0\xb7\xf7Ye\xce\xe6ev)\xca\xef\x11\x14\x97z\xe6s \xb3\xb1wo\x8ek\xce\xa0\xc56\x8e#\x96ri\xd4\x1aN\xcc\x08B\xa6o-\x990\xbb\xb4\xd3\xa0\x03\xf66 0\xf7n\x81\xdb\xa4g\xd6\xf8\'\xb0`}h/\x04\xd3\xa6K\xed\xdb\xb4\x12\xa0J\xd9kiwH\xd7{((\xc2\x85D\x86\x07}\xca\xb6;:\xa8\x8am\xc4\xf2\xfa\xcc\xafj"rQ\xcbb\xa6z\xb8;\x08?\x1ek\xd0:\x19\xcb\xbd(\x0e\xaa\x88\x96v\x92\xed\xbc\xf8=\x1e\xbc\xdc\xbf{\xd5^\x94\x96\xeft\x16T\x13Gc\xc4v0\x84Xp\xd6\x95\x04\x83"5\xeb \x0c\xac\xd5&amp;\xf7\xa0**\x92d\x17\xa2&amp;\xdc\xa9\xe1^&lt;\x82\'\xda\xe5\xfe\x98\x0b\xd9\x1f\xfc\xc5%\xa5\xcc]\xe8;\xe3i\xf5F\xc4\x83*\xc5\x18\xb0\x90\x06"p\r\xffD\'12\x9a\x1c\x9f\xc7\xe4-\xd1k\xca3sF~;D=R\xf0T+"\xcf\xeafp\xae\xd5\x08\xbb:p\xcc,\x03\xb5\xb8\x97\xb9\x04\xabvf\xdd\xcb\x11&lt;)\xbb\xae\x1a\xb6jX\xd6\xe6:\xed\xa4\xb7\xb9\x14\xf1\xe6T,\x8d\xac\xd0\x89\x96\xfb=\x81y\\\xea\xd3m\x9b\xfcg\xbc\xdc\xd2\xcf\\S17\xbd\xdb\x0c\xf2\xc3(\xc8&lt;[\xf9+`\x97u\xcd{jc\x19\xc2SjM\xeb\xca\x1bb\xc6\x04\xf5\\Id\xdc\x07\x1c\x84(Q\x0e#\x99\xcd,\xca\xa5\xa3F\xa3\xba4z\xb1\x8c\x18SJ,\xf3\xe6\x03GY\xec\xf6LAy\xa0\xbfd\xee\xaa\x96\x01J\xaa\x8c\x0e#\xdel\xbc\xfa\xdb\xa5P\x8bz\r\x1em\xae\xd2\x18\xa1+\xc2\xeeN\x0c\x16$\x86m=\x10TI]\xc7\xb4\xbafF"\xe4\xfe\x90\x07_-\xba&lt;p5U\xa1/\xbd\xf0\xc9}\xaa\xd8\xca\'Y\xccL\x8a\xb3v*,2\xdf&gt;\xed*q\xda[\xdd\xd6~\x04+al\xba\xf4$\xde\x830\xc4fF\xd6\x18l\x11\x86\xd0\xf7\xf3V?\x043T\xc3\xb2\xbd\x1f\x0f\x869\xa0\n\xf8V\x164\xaa\x03\x9e#\x9fvx[\x9b\xf9\xf2&amp;c4U\x03q\xf6`xJ\t\xee:\x1d\x949\xec=e7\x9b\xd9\xcbb\x91\x9ee,\xbcQ\x7fw\xa9\xf0\xb3\xe8\x11\xad\xe2\x8c;\x8b\xf1\xcc\x84\xbf\nv\xeb\xa8$\x1c\xdf\xad6V\x97@*\x9d\xe0d\xc6\x86\xd1Zl\xc4\xc9\xf1\x95\x0b\xba\x04=\xa3\x07\xe9b.no\xe5j2 \x19_R~C\xfch\xa2\xc1-\x93\xa8\xe6J\x95\xbf\x18:\xede\xbet!_\x83\xcfR,\x9f\xab\xac@\xc8\x87\xdf\xa9&gt;\xe0;\xe0\xa6!\xfb\x8aH\x7f\t\xef\xc3\t\x8b\x97\xc0\x87\x94\xe6\xed\xd6j\xafe\xa6\xac\xf6\xadI`\x8f\x95\x12\x1c\x9bj\xc6U\xbebw\xda\xea\xaa%\xe4\xdeo\x7f\x00\xbc\xc5\n\xf4\xf5\xfc\xacm\x12\xa0\xa1\x10w\x80\xd0\x03y\xc2t(Q\x9a\xc2\x00\xf7\xbd\xcc\x00o\xea\xe3y\xaf\xc1\x1e\xb5\x03q&lt;\xb3/\xd7n\xde,\xda\xdeQ\r\xde8GT\xbc\x80)\x85.\x137\xad)\x0c\x9f\xb2N\x0e\xd4Z#\x9e+tC\xbe*!\x81I\xc9\xf5\xae\xc6\xd4\xf8w\x9d1\x8a\xc9\x10\x12B\xfb8]\xc1s92-}\xd1D\xf3\xaf\xf4\xfb\xba\x8d\xa4\x89\xbaj\xf7\xf1\xd6r\x00\xa7T%\xb5i\xeb\xc8\xf2=\x9eHr\xdd\x83@6f,\xd5\xc56\x81\x00\xcf"~&lt;\xbc\r&amp;\xde\xa1\x01\x8c\x9bf98P\x95\xd47s\x8f_\xf9\x07\xb7\x13\xd4\xedM\x8b\x05:\xfc\x97\x88\x8c\xc1\xc7\xa1\xc9\xc3\x96\x1f\xa8\xfcL\x9c\xf8\xcc\'\xbf\x8d\x84\xd6n\x95oB\x03\xfaT\x1b\xba\xf7\xc4!\xa6\xa8\xd3\x98TF\xd6\x7f\xb33F\x1ey\xaa=\xc6\xc3\xfcM\xe9\xabs\xd4\xd0\xb6h\x9a}3]9\xc4__2\xcc\xf8\x94\x9b\xc6\x1dx9\x9a\x9b\xd9\xdc\xca\x94\xea\xfd\xc3`\xea\x85\xd5\x9dE\x870&amp;r\xe1\xb0\x9a\x87./\xd2\xbe\xc6\x8a|\x06\xd3\xfcjH\xea\xa8\x1e\xac\x04j9&lt;\xc8`\x1b\xef\x96 \x97F\xe4C\xf8/\xcf\x97T\x84"jJN0\xbd\xcfz\x96\xa9\xff\xb4\xd8&gt;\x18\x96n \xc3_\xf3I\x16\xed\x16\x84\xba\xef\x1d^\xa3\xb3\x10\x17dd\xdf\xe6A"B\xdd\xbf\xb7\xc6\x13\xa8]&gt;4\xcam\xa5=\xad\x06)\xc8\xbdN\xf9\xa4`\xce\',\x8b\x10{\xbaJ\x97O\x8e\x1f\x02F\xcb\xd1i f5\x06?\x0c\x84o*\x06cM\x07\xfdY\x06\\VU\x0b\x0f.\xbfi\xc0\xf3\xe3{\xe0\x98A\x8b2\xa1\x1f\xea\x10\x839\x9ej\xfb!0\xbb\xe2\xb9o\xb5\xcfZ%\xbe\x12\xddZ\'\xd1 \xa8\xcd9[0m\xdb\x89TW\xdf!\t8/\x7f\xc7[\r\xf3\xfc\xa9%2\x83\xd5\t\x9d\xccV\x1a7.\x9aU\xcf!\x16\x00\xabn\x87\xc4\x1f\xd1\x82N\xf4\xb0]u\xfe\x90\xdbP\x9d8\x03m\xe259\xa0wp\x92Z\x03\xea\xc1\x89\x06\xcc\xcf\x1b\x17\xeaB\xf8\xfa\x86oY\xbe\xe8\xa1\xabF&amp;\xd5\xa7\x10\xe9R\x11\x14\xa3X\xe2w\xc5\xa3ap\x88\xf4a\xd3\xfa\xe2\x17\xcc\x9f\x0clT\\K\xd7\x84\xd0@\xfe\xbf\xe1\xb9\x94\x9e\xc9\xd9W\xfc\x7f\xfeZ0Y_\x85B\xab&gt;\xb4\x7f\xfd&amp;~\xb9\x1f\xce\xf84\xb8J\x9f%C\xa1A\x83y\x90\x88\x0e62\xc6OD\xe4bQ\xff\xc6}\xc8:\x1f;\xff\xec\x8c\x0eW\xd2\n\x90PM9\xd1\x7f\x10,aX\xcb\xff\xf93#\x0b\xf7t\xf6\xac\'^\x1c\xc4X\xc7\xf1\x8c\xaa\xfbb\xf9G\xf3\xb1\x83/\xd7\xb8\x05\x02\xa9hp"\x0cW\xde\x16\x116\x8f\xce\xf9\xc9%\xa7sP\xcb\xc8\xd7\\\xb0\x03\x14\xd0\xfe\x12\xe1\x9b\xda\xb2\x87\x93S\x1d\x00\xf2\xcc\xedc)\xd9\xe8\xd18H&gt;\xd9\xfe\xd9a\xcf\xf2\xac\xa2.\xa4\xb1\\\x96\xfd\xb3,\xac\xde\x850&amp;\xcdH\x9f\xea)\x9e\xb9\xf6Vn+\xcd5ye\xb5\xe5\xb3\t\x85\xde\xee\x1aFd\xeca\xb6\xb3\xc4\xe8\xa5i\x17j+\xe7\x0f\xb5\xbb\xd9\x8e\xfaV\x06\x8f\x0c\x0e\xf2\xe2W\xecZ]\x14}0O\x8aA\t1\x95\xc3I\xcbh\xea\x05\xa5&lt;^\xfa\x7f\xd6E\xab;6\xac\xb4\xe4\x05M\r\xdcK\x8d\x8c\xa4\xb5\xa1N\x82\xcd\xa2\xc5\xd4\xa4S\xd3&gt;\x85%Y\x84\xc0\xbc\x91\xb5\xd5\xd2\xf9\xa7a1\r\x9e\xd6K\x06)\x00\x9f\xcax\x88\xcc`\x0b\xd1\xa2MW\x94Z\xd1\x08\xca\xb9\x8c\xd7\xcea\x94\x83\xc3\x05u\xe7\x84\xc1\xdb\x1e\x89!\x04\xe5;\x13\x14~\x93l\xb4\x1c9`\xac\x12\x86\xf6\xb1\xd9\x0c"\x1d\xcc\xb5\xa7\xc6\xd0hr0}\x00\xca\x93\x1f!\x99\xfc6z\xf6\xfc(+\x0e\xc5#z\xe2\xae\x0et\x86-\xf9N\xf2{\x85[\xc4\x98+X/t\xf0\'\x19\xd2\x07\x0c\'\xf7L%Sd\xe6\xfeGG\x8b\n+\x02\xfa\xc9"\xbd:\x7f\x16\xa8\xa7\xeb\xebu44\xaa-}\xd4\xcc\xc2\x15\xb514\xe5/\xa8%\xeb+\x967H\xe0\x16\x1cC\xc6U+M\xfe\xab\xa5\xab\xdaGmh\xd4\xe1\x8ce\xe7\x0f\xed\x8c\xc0R\x0c\xec#U\xff\xeb\x7f\xabz\xcf\xff^\xa7\x93s\xe7\x1fKm\xc8Eu=\xfa\x8a\xb4c\xa62mJ\xf2~\xe0\x9a\xe3\xea@N\xee\xadn\x84\n9V\xddK)=\xf7Zh\xf1\x9f\xa9\x94\xf6\\&lt;\x19\xd39\xce\x80\x18n\xac\xc8\xb1\xa7\xc982\xe3GA\xd9I`\xab\xf6\x91\x8a\xd5Y\x90\x1b\x02\x0c"\xe2\xd9\xbf\xc5N\xc9\xf6\xf9\xf2.?H\x1c\x9f\x08\x93\x17\xeeW\xa3\x87\xde\xa8\xc5\xcc\x06\x18^3\xe4\xc6)\x8b\xffe\xc2\xb8\xdaR\xa5\x0b\xd1\xec\x9f\x1e\xb0\x14\x8f\xc4\xfd\xc3\xd7\xae}\x8e\xc2\x92\x0b\xa8~\xa1\x01\xcd\xbf\xe7\x01\x85\x91\x89\xf4\xbb\xd1\x0b\x7f\x06\x05y\xf7^\x03\xbbe\x0f\x12\xa7^\x93^\x97\xee}\xe0L=\xfbC\xd5\xdc\x9dWo\xe1\xe6!\x1f\xa0[\xd8\xcd\xe4N\x86{w\r\x13\xf5l\xa3\x97\xbe\x88&gt;r\xf60\xa3xV\x1cQ\xbe\x95=\x8b^\xfeOK\x1d\xa8\xc8\x00\xee\x96\x12\xb9y\xe5x\xfdR\x8f\xa8m\xa3$%\xb6\x99\x13\x84\xae\x95\x9a\xeb\xcdv\x86]\xf0&gt;\xcf\xee4\xbf~\x1b\x91\tpb\xces\xc9y\x19\xce\xc8y\x83z\xa8\xa8\xa7\xd1\x84CkZ\r\xdf\x8a\xd6\xfb\xd3| \xe0i\x8c\x9e\x07\xaa\xdcL\xa7u\x8e)\x9e{\xb9P#\x0f\x96\x93a\x9f2\xa4\x1c\x8fwJ\xc0\'k~1\xe2\xd3B\xa9/?\xfex\xa3\xe7o\xb0\xd4/y\xf2p\x92\xc8y\x14\x0b\x91wck\xda\xfa\xe2\xfdK\xcby\xc1\xb7\xda\xf5\x96\xd6b\xf1sH\x85Z\xef\xd8xuD2\xf9\xeb"\x1f\xb9\xb3\xdd\xb0\xca\x9eM9\xda\xb3\xd6\x86\xa3\xc6\xe94\x02\x0fr\xf03`\x92\xc7p\xa2F\x8e\xa5\xd7\x0f\xe4\x9b\xa1\nS\x15\x0f\x13cw\xcc\xe4V\xcf\xb4\x00\x98\xfb[^\xaa\x0e?\xd2g\xc0n!\x955&amp;\xedNv\xd9\x13\xea\x17\x9d\x1c\xb7(f\x8dvS@~\xdc=\xc0\xb0\x8d\xfbe\xe3\xec\x8bI]\xf9\xa05\x11\x90?\x98\xff\x1c\xd3\x9do\xbd\xae\x8e&lt;t\xf6\xd22}\xb1\x9b+Z\xa8\xd1\xcb\xd2\x9cH7\xbb\xe6l\x97\x05\xd5\xa5\xb1\x87\xf7\xbf\x80\xa6\x89\xb0eL\x0bV\xdc\xa4\xa8\x00\xbc\xa7`\xccx-d\x9bn\xad\xbb\xf0\x85\xf2Q\xfe\xfd\r\xa0L\x9a)/\xc2\x02\t\'\x94\xdc\xec\x12\x83\xfd\x03\xd1\x84\x88\xb6n\xfaP\x9f\x8e0'</t>
  </si>
  <si>
    <t>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</t>
  </si>
  <si>
    <t>b' \xb5\xef\\hD\xcb\xa6)\xa0\xb7\xf7Ye\xce\xe6'</t>
  </si>
  <si>
    <t>o
 their destination.
 The method outlined above is exactly how to get there. I run an
 accelerator called The Backroom, which is for entrepreneurs who have
 crossed the $1 million mark (that will be you by the time we finish).
 Together, we open up new opportunities, and my ultimate goal is to work
 with the businesses that excite me most, join as a minority partner in the
 company (usually 20 to 40 percent), help the business grow from seven
 figures to eight figures, and get ready to sell the company.
 Some of our members have sold for $9 million, $20 million, even $50
 million. I have another member who just received a $50 million valuation and
 another who is building a $100 million portfolio. All of them started exactly
 where you are right nowâ€”finding this plan, absorbing the method, and
 beginning the process of building their first million-dollar business.
 Many of them got there in about a year, and they didnâ€™t have this book.
 You do. One year from now, you may find yourself in my living room,
 working with me inside my community, and readying your business to be
 sold for an amount of money that will change your entire familyâ€™s life.
 Thatâ€™s my secret, selfish reason for writing this book: Many of youâ€™ll end
 up being great people I want to work with, building great businesses I want to
 take part in.
 I had my day and got my big win. To get to where I want to go next
 (more on that later), Iâ€™ll need to create a lot of success stories in the process. I
 like to think of what we are building at Capitalism.com as an online Shark
 Tank for entrepreneurs bold enough to create change in their lives and get
 rich in the process (or, at the very least, financially free).
 Before You Begin: What I Wish Someone Had Told
 Me
 With this book in your hands, you have an advantage. You have the benefit
 of everything it took me ten years, and much failure, to learn. You have the
 stories of dozens of entrepreneurs just like me who have happily shared their
 own journeys in the hope that they can save you some stumbles.
 Distilling everything I wish Iâ€™d known when I started this journey took
 me a long time, but I believe the following six nuggets of wisdom would
 have set me up for a much fasterâ€”and less painfulâ€”road to success.
 1. This is harder than you think.
 Becoming and succeeding as an entrepreneur is a lot like parenting. I can tell
 you that itâ€™s hard; you can read booksâ€”like this oneâ€”that explain all the
 pitfalls and provide all the tips; but at the end of the day, you just cannot
 imagine how difficult it will be.
 Ask any parent and theyâ€™ll tell you the same thing: Raising children is
 harder than they ever thought. A lot of people start a family because they
 think it will bring a new level of love and fulfillment to t</t>
  </si>
  <si>
    <t>b'ZP|\xd3M\xe5C9\x8f\x99\xb7|r\xbb\x80\x11?\x02\xd5\xbf8l&lt;\xa6.\x99\xe2}\x83~\xaa\x9da\xa5\xcc\x1b\xcc\x12\x9b\x98\x10\xceX\xe9\xb6\xefA\xc5\x17\x88\x12\xff\xd0D\x05\xa7\xfbC\x8bOJp\x00\x0f\x9b\r\xad\xaaU\xff\x14!\xb9{~\xdf\xbb\x92p\xac\xcd\xb9\xce\xf1\xd3\xcdFfK\x19\xb0\xcd\xe5Q\x80\xb6\xf8\x89\x853\x94ns\x1f\'\xe6&lt;\x14o\x86\x1e*n\xb8\x9d\x02\x06\xa4\xe1\xbd\xd8\x86\x90a\x9c\xa4\xd8\x02\xd4\xfd\xc9\xcb\xdb/\x90\x9a\xe1\xd0\xc9Zf\xdd\x99y\xb4\x9a\xd9\x19\xaeJ\xd2{`\xd5\xa8\x9f\x81\xf21\xd33\xe6\xd1a\t\xbb\xec\x80\x7f\x92\xd0\xe9\x0b]\x88\xf03\'\x99|\xf3\x02\x9d\x88\x8dd\xf4-LR\x8aG\xb6\xecS\x07\xb5\x19\xb6Y{#\xa8&gt;x\x1836\x17\x00\xef\xeb:g\xb0\xb8\x8b\x00\xbb\xae\x03\xea\x18_\xdfZG\x8d8\xe3\xd1\x1cu\x11j\\\x993r\x98,}\x90e\xd4\xa1\xb9 UTT\xbbyy5\x8e\xb2\xa0\xdb\xcfP\xec\x7fz\x08\x07\xb6\xe6a\xc1\xce\x13\xe4\x137\xff\xd5\xb9\xb6\x87\x17\xcftt\x98&lt;E\xbc&amp;\xc7\x99\x00?\x8e2F\xca\xe4V\x96T_[E|\x93\x03\xe5_\x07 \xaa\xd6d\x10hO]\x9bU\x7f\xe6\x1c\xb3\xdb^\xa9\x08\xfe\x1c\x0f\xb8y\xb4l\xe5e\xe3YP\x90q\xaa\x8aO\xba2\xe4\x80\x8e\xfbow$\x83\x8c\xb8f&lt;\xc6:y\x90\xdcFf~}\xc9\xc8\xaay\x92\x1e\x1c\x9f;\x1d\xe1\x90\x02D^\xd1\xda\xf4&amp;\xcf\x83\xaf\x8c\xc3"s\x17\x02\x00wj\xf4?::p\xad\x110HJ`\x9a\xe1cJB}6\xeb\xc9\xfe!\xa6H\xc7h\xf7k\x9f\x02\xf0\x14\xe7\x8dU\xc4S\xc8c3r\x18\x86\xc8\xc7\xf3\x1c\xe5\xc3\xb1\xd5\xf0)\xbf&lt;Rj\xeec8\xbct\xc3cU7e_\x04\x93Bf+\x05\xe6\xb1\xcbM\xac\x81\xbbU\xca\xe5\xde\xfd\x10\x04a\x9eB\xaeo\x9b\xe3\x0b\xeb\xe8d\x7f\xdeS\xc4\x84A\xfb0\xc0\xb2\xda\xf1\xe6DD\xfb\r\xa4t\x03sV\xdf\x01\x88\xefpw\x009\x1c\x1a\xf4E\x12\x8e\xf4\xc0\x7fh\xff\x17\xdc\xfbD\xe3\x90\\\xef\xbeRl\xb5\x1c\x90\xe72\x1c\xb8\xdf\x9dg\xf6\x8d\xc6\x06\xc4SW\x0c\xb4Kr\x85\xd2{\xf6\xb1Nk\xdf@\x82\xe5\r\xb5\xbb\xf5\x1b\xa7\xa9[\x94e\x98\xa6\xe8\xe7\x9a\x81\r\x1b\xafiUL\xff\xd9\x08\xeb\xda9m\xa4\x7f\x11\xb6;\x88\xf4C\xa6\'\xd4A\xabG^\xcb\\"\xc9\xa2x\xb2\x9e\xf1\xc2\xcb\xce\xc5\xd1\xe7\x02|\t\xad\x89&gt;\x18`\xb4\x01.\x874\xff\xa5_A\xc7\x86\xfa\xe7\xda\xd6\xe4\xaeu*1gM\x8a\x8e\'\xfd\xb2\xe5Y~\xdd\x80\x1a\x97\xd8\xef\xa8\xbd\x83\xbe/\xd1\xe7w_b\xf2\x0c\x88a\xe2\xfdG\xa9RVf\xd2Ji\xaf\xc0^\xbb3\x00&lt;\x18B\x13N\xcb2\x1fn_\xec\x92\xc2\x8f\xee+san\x9fUBT@)\xc9&amp;\xdc!\xccZb\xd7Z}\xa9\x13u\x10Y\x06\xef\x88o\xf0\x84\x10\xc1\xc3\x99&gt;\x1d\xad\xb7\xfe\x1c!,\xe3=9\'z\x04\xb6\x95\xd7\xc24\xa7V\xf3q\x139-KT\xa84cK\xfb\xf3\x07\x1f\xd9\x13o\xa0\xa2\xe0LD\xb0\x0e\xf8\xc5M\xa8\xea6F\x8c\x832o\xbf\xa9\'\xc9\x02\xfc\xc3\x94*%\xbb\xf0\xc6\xacc\x08\xd8\x16&amp;\xc7\xf0\xca\x13\xeeFH4;\xb5\x90\xe4\xe3nM\xa9\xbc\x89V\x04\xaa\xc7\x1bR0\xf5(\x1a\xb7\xf5/\xbc\xe7\xea\xe8\x8f\x87\\I~\xb7~\x12\xc7\xa7;\xce\xb1P\xb6\x18\xa9XN\x17*\x8d\x99\x1c\xeb\xec\xf1\r\x98\xa91\xfd\xb8:\x91,\xe3\xa3\xa7\xff\'-\x8e\xb1\xeb\xees\x97\x98P\xe7\xf0t\xdc[\xc9\xc3\x7f(6\xe0\x16M\xca\xce\xf0\x1b$[*E\xae\xd0(\x91%\xcc9\xd3\x93ot#\xf4\x93\xc2\xa4\xaa\xb6\xdb\x03\xaa\xfa\x10y\x85\x95\x107L\xe8\xa6R\x92\xb6\xbd\x8as\xacf\xba{%x:\xb47\x8c\xd1\xf6\xa7\x1a\xe8h\xed\xf2\xb5&lt;\xbd!\x10\x95\x06\x95\xe6 \'R\xc2\xa63\x1fH\xea\xdf\xa3\xbf\xf6\x1b:\x0b\xfbW:\x9e\x96\xc0}e\x92\xc9c\xb3 \x00\xff\xb0\xffqX\xeb\n\xf7\xae\x9b\xa9\xc5\x01\xf9\xc7\xef\xe0\xd7\xacTl\x0c\xea0\xa6\xec]Y\xfb\xfel;\x96\xbeu\xeb\xa2W\x82]\xd4\xe2STt\xe2I-\x0f\x00\x8e\x9aI\xe9"~\xda\\\xe3I\xe6[p\x86\xc6\x8aT\xf3~b[j%\t\xc4:\x80G#pN\xe6y\x06\x0e&amp;^\xf69\xdc;M\xa7\xa5!\x88/c\xc5\xc8\x08\xd9\xe9\xef\xce(r\xcb\x16 \x039\x90\x97\xc6\xb6\xf4F\xd5J\x86v\xf8wV_\xee\x10\x8e\x91\x08\xbb\x8eV\xdf5@\xf7\x8eX\x10\x8eR\xab\x04\\"\xbc\xfd\xc1M\x1a\x98\x840\t\x1bP\xf4S7m\xf5\xbe\xf0\x88\xc0\xb5\xf6lg\x7f2\n\xd7\xc1^T\xff\x07\xce5\x07\xc8,,\xb4\x88E\x17.\x07\xb2\xc78a\xa0\xc0\x18\xcb\xbb&lt;*\x12\xcb\xdeDh#JC\x85\x16\\\x11\xe1\x96\x0c\xc5vV\x96\xf2\xf0\xb7\x11ID\xbe\xb9\xd9\xc7#\xecr\xbc\x94\xb9Zp\xfc\xf9\x82Y\xba8\x0f\x06\x90Gvw1c\x91\x88zi-\x85\xef\xc8H\x1a\x0f\xd7mW\xf7\x9e\x8b\x0f\xd1\xf3\xfe\x8a\xde*\x9e\xb8\xa2\x9b\x00\xe3\xb3C\x85\xa0X\x08&lt;.\x1cU\xba}C\xe4XP\xfbJ\xcf\x87\xaa\x93c\xc4\x1b~\xe8\x92\xdf{F\xec\x19\xd8\x89Q\xfeh^C\x08\xf7\xd1X\x05R\xa4,\x92n\xbdGi\xc8\xf4\x1a\xa0\xbeO\xfb\x93n\xa2O3#\x83\xc6\xde\xbfW^\n\xdaS\x87\x03\x85s\xa2\xdd\xe3\xc7\x05J\x92\x90\xe6\xb4i\xfc\x94a\x14\x0b\xf4\xdfnJ\xd76,Yj#\xbbs\xbb\x8f\xeb*\x04_\xea\xdf\xa5E\xf5\xfa\xc29TU\xf3\x92\x94\xd1\x98\x8c\n\x95\xfcZ\x82\xe8\x9a\x8b\xfe\x16\xf9\x05g\xe5(\x13b\xceM\xaf\xcau2U\x05\xf8\xf9\xf4\xc4n\xc3\x7f\x84\x99\xbe\xb5\xe9\xc9\x104\xfb\xb99\xb5\xdd\xb1\x16\xaf\xe9\xea$9|\xa2@\xd6W\x1d\x00\xd9\xda6\x13\x91\x1a\xad\x91K\x8d\x91\\\x1f*\xacbe\xe5\x7f&gt;O\x92_\x80\xe0\x99\x80\xc1,i\x04!\x01\xe6\x87\xf3\x9a&gt;\xf9\xd9\xf1\x1b\xafSz^\x96\x05H[~\xd6\x90p@\x7fT5\x00\x90\x81\x0e7w\x14r(K\xe3\xe7\x90)3*`9\x05G\xa4a\xf2\x9eUw\xcf\x1c\xd0\x95\x10u]4=klY\x15fNu\x05\xdc\xaf[\xd5\xecc\xc5\xa2\xf6\xad\x92\xfd\n\x93\xc7\x8fts\xb4I\x06\xaaj\x89\xe0\x87HE\x85Z)[Z@`N@\xfbd\x02Ss\x99\xe2z\x19\xa5\xf8R)\xcb\xb3\xedA\x9d\x9bx\xd52}\xa8\xe0.P\xef\xdc\x84\x8b\xe3cc\x14\x97\xdc=\xac\xcd\x87bK\x83XS\xbcI\xd9h\xe7\xcf \xe9[U\xe4\xc6\xa4\xdfr\x1b\xbb_#\x01\xcd\xde\r\xb4]vW|OIpU\x98\xf8\xee\xb0*J\xc0\x80\r$\xc1\x8a\xa0\x8b\x98\x00\xcb\x9b\xfbh\x01p\xb3\x169\xecPR\x84\xfe\xc7l\rY\xda4\xc9\xef\xec\xc5\xc6\xe2\x18\xd7\x9a\xb1\xacrlQJP\x95W\xff\x04\x87\xe4\xdf0-\x11 \xf4U\x81bebg\xb9\xf7\xa5P\x94m\xfa\x86\xb9\xe7\xc4%\xe9\xc6\xd4\xaf\x1a\xc0\xa27$\x14\xc7\xe8\x93\x13&lt;\xbd\xca\xfe\xf4\x1b\xdf\x15\x1f\xe4i\x90\xb2\xb6\x9e\x1f\xd3k\xdc\xa5\x93t]\x0e.\x12\x07\x1bt\x85&gt;\xd5\x15|\xf0\xfb\xf4+g[\xc0\xa099\xc1\r\x0e\xe4N\xa6\xb3\x8a/6Y\xeb+\x08\xd0\x02\x9b|\xbb\xa0y\xce\xc0\xa1AX\x90#%p#-\xc4\x9dz\x7f\xf1\x1c-\t\x9d\xdf\x8f\xb0`0\xa8L\xe0\x13\xc4\'\xdb\xac\xcbbj;E\x91G\x17\xdb\xba\x00\xc9\x93!&lt;\x04\xe8&amp;\t6\xa78,$\xb9\xb1\x13\xcb\\\xdc\x0f2O\x99\x17\x8d\x92\xd2\xcb\xb5\xf2\x03s\xb5\x97\x82(\xfb\x92\xd5\xe3\xa4\np\x9a\xb7h\x7f\xf3\xf0\xd9\x03\x93\x81!\xde\xeb\xed\xe5m^\xdfB\x19\xe3zg8KRL\xa5\xf6\xef^\x94\xaed\xb6\xe2 So\xa1\x9d)Kt c\xed\x02\xc6\xa2\xcd\xc9SE\xc6.0\xa2\xe7)\x9a\xbe]\x90\xec\xf7)\xc0\xfc\xf4:\xfbSK\x83\xac\x03\x0b\xa1B\xc9\n\x85\x9a^\xa3\x1bZ\xd1\\jNg\xa9\xe0Y3K\x9a\xdf|&gt;JH\xbe\x94\x9e\xfb\xceGi\xa7\xd8\x81\x9f\x98J\xa6jriA\xfa\xce9\xbe\x1f^h\xa7&amp;\xb6\x97\xa7Q&amp;:\x1d\x898i\xba;p\xca\xef\x80\xb8\x95\x8cN\xae\xf6\x91\xa8\xf0\xde\xef%\xc3\x8c\x90a\xec\x1edn2I+m\xa1\xa0\xd8\xd4\x82\xbc\rU\xee\x8f\xf0\xd8\xb8\x03/\xa1\x02b.\xff\x8a\x17\xa4\x87@\x1f\x89\x05\xe5j33\xeb\xd6VqP\x81\xf9\x96\xe7/\x11V\x02M"u\x18\xe0\xcbI\xb8\xc23\x8e(\xcc\xf3\xa9Ek\xff\xe5\x06I\x15\xb6\x0b\xe2a\xd3\xe8O\x1c\xd4]\xe2\xe9\xac\x14;\xa1V\'\xf7{\x98h\xc7$Ks\xbf\xc8\x01b\x1e@4\xdcC\xc1\xd9\xba\xa9\xf0\xb7\xa9\xa6\xaf\xa3\xbe3\xa7\x1f:N\xf1%~\x01\x13\r\x08\xca\xd7ql\xba\xa6g\xdd\xfe\x7fY\xd7\x10G\x88\x0ceG\xcb\x92\x8dH\x13\xbaX\x86@ce\xd4\xd2yLt\x0c\xce\xefTp\x00\xa8G\xcd\x9a\x91\\\xdf\xdd\x08\xf8\xa4\xe3+B\xca\x9e\xbfc\xe4\xc3\xb2bF\xbfF_U\xa5\x90)]\x13\xc0\x07Z\xeb\xd7\xdfW\x99\x8a\xc3l\x8c\xb2&amp;%\xb7\x9e\x86\xa3O\x12\x11\x1b\xb3\xab\xa4\xcc\xff\x7f\xd9\x0e\xc5\x7f\xc43m\xdc]\x80\xfa\x96+\xa4\xd5Al\x90\xfb\x8aKve\xa4\xe5\xf5\xe3\xda\xd5fd\xe2\x13u\xdf\x14\xd6\x96\x1d.\xb3mxew\x04\xacm\xac\xd7\x06\x8a\xb1\x9b\x97\xf8`\x85]\xc6\x8e\x85\xe71\xc8B\xca\x14\xb7x\xf6%Q\xb6~\xb3\xca\x9f\t\xc4\xb1\xff\x06\x1a\xc20\xfc\xfb\xf9\x9e\xa3(\xa3\xf8\x00s=V\xcaj\xebe\xf0\x10*\xd2i.Z\xa1K\xc0a\xda\x07\xb7\xf9$\x1e\x8f\x1fJ,\x1e\xad\xa0\x0bU\xe20\xfcx.\xf2\x98cV\x04\xeb\x0375)\xca\x0c\x88\x13\xd2\xc6\xa2r\x1fm\x86\xf4\xad\xca\x17\xee\xc4A\x91_\x85P\x1c\x003j\xdb\x00\xcb\xbcA\xc3o\x82%8\x16y"Z\xbc\xb7\xc1\xd5F\xceS\xad[CuT\xdc{&amp;\xee\x162\xc2\x04\xe5V\xc2\xe0\nO"\xb7\xe1d\xa3Bq*\x88\x0f \xb3ka\x12u\xeby\xd6\xa4ke5tY\xf6B\x92u\xb5\x1aq+\xf8\xc5:\x0c\xe6\x00\x99]\xafR\xea\xecx\xff\x94O\xac\x05\xf22\x83\xebu\xcay\x9a\x81C}(v\no*\x17k\x15V{4d\x12\xcf\x97\xefM5Pq\x13\x8a\xd1\x8eL\xe8\x06o\xe8!0\xbd\xb0\x80,\xbeN\xceW\xb9g\xb7\x11\x94\x9c|\xa6\x9e\xd7\x18\'h\xa3\xd0\\nG\xe7YQ\xf1y\xdf\x15\x9d\x98\x9f\x07\xb2G^\xf5\xc7\xc0\xe9\x16\xa9\xd7)YM\'\xc6\xa2#c\xa3\x8a"\x8c\xab\x0e-\xb5\xe5\x9c\xaf\x82C\xd27\xfe.f\xae\xd6\xdb* i3&gt;\xe9*\x91\xe5\x8fd\x88\xc5'</t>
  </si>
  <si>
    <t>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</t>
  </si>
  <si>
    <t>b'ZP|\xd3M\xe5C9\x8f\x99\xb7|r\xbb\x80\x11'</t>
  </si>
  <si>
    <t>cheese and Foreign wages in terms of wine. We then used the price of cheese rel_x0002_ative to that of wine to deduce the ratio of the two countriesâ€™ wage rates. We could do this
 because we knew that Home would produce cheese and Foreign wine. In the many-good
 case, who produces what can be determined only after we know the relative wage rate, so
 we need a new procedure. To determine relative wages in a multigood economy, we must
 look behind the relative demand for goods to the implied relative demand for labor. This is
 not a direct demand on the part of consumers; rather, it is a derived demand that results
 from the demand for goods produced with each countryâ€™s labor.
 The relative derived demand for Home labor will fall when the ratio of Home to
 Foreign wages rises, for two reasons. First, as Home labor becomes more expensive rela_x0002_tive to Foreign labor, goods produced in Home also become relatively more expensive,
 and world demand for these goods falls. Second, as Home wages rise, fewer goods will be
 produced in Home and more in Foreign, further reducing the demand for Home labor.
 We can illustrate these two effects using our numerical example as illustrated in Table 3-2.
 Suppose we start with the following situation: The Home wage is initially 3.5 times the
 Foreign wage. At that level, Home would produce apples, bananas, and caviar while Foreign
 would produce dates and enchiladas. If the relative Home wage were to increase from 3.5 to
 3.99, the pattern of specialization would not change. However, as the goods produced in
 Home became relatively more expensive, the relative demand for these goods would decline
 and the relative demand for Home labor would decline with it.
 Suppose now that the relative wage were to increase slightly from 3.99 to 4.01. This
 small further increase in the relative Home wage would bring about a shift in the pattern
 of specialization. Because it is now cheaper to produce caviar in Foreign than in Home,
 the production of caviar shifts from Home to Foreign. What does this imply for the rela_x0002_tive demand for Home labor? Clearly it implies that as the relative wage rises from a little
 less than 4 to a little more than 4, there is an abrupt drop-off in the relative demand, as
 Home production of caviar falls to zero and Foreign acquires a new industry. If the rela_x0002_tive wage continues to rise, relative demand for Home labor will gradually decline, then
 drop off abruptly at a relative wage of 8, at which point production of bananas shifts to
 Foreign.
 We can illustrate the determination of relative wages with a diagram like Figure 3-5.
 Unlike Figure 3-3, this diagram does not have relative quantities of goods or relative prices
 of goods on its axes. Instead it shows the relative quantity of labor and the relative wage
 rate. The world demand for Home labor relative to its demand for Foreign labor is shown
 by the curve RD. The world supply of Home labor relative to Foreign labor is shown by
 the line RS.
 CHAPTER 3 Labor Productivity and Comparative Advantage: The Ricardian Model 43
 The relative supply of labor is determined by the relative sizes of Homeâ€™s and Foreignâ€™s
 l</t>
  </si>
  <si>
    <t>b'0F\x02!\x00\xf6\xa4a\x15\x08\x9dJ\xfd\xd8\xc0\xdd\x92\x86l8\xd14\xbe\x03^\x95\xaf\x11A\xcd\xcd\xa5L\xd8\x99b)\x02!\x00\xf0\xd9x\x06L^!\x81iT`\x97\x13\xcf\xb2Um\x1b\xe1\x8a\x9f\xee\xf5\xfd\x9a[T\x9f=i^:'</t>
  </si>
  <si>
    <t>3046022100f6a46115089d4afdd8c0dd92866c38d134be035e95af1141cdcda54cd8996229022100f0d978064c5e21816954609713cfb2556d1be18a9feef5fd9a5b549f3d695e3a</t>
  </si>
  <si>
    <t>b'0F\x02!\x00\xf6\xa4a\x15\x08\x9dJ\xfd\xd8\xc0\xdd'</t>
  </si>
  <si>
    <t>it was," replied the doctor. And I could see 
 that neither he nor the captain paid much regard to Mr. Trelawney's 
 protestations. Neither</t>
  </si>
  <si>
    <t>b'D\\\x82oo\x14fB\x92,\x01\xfa\xe4a8\xc5"\xb8\x9f\xf3aX\xba]\n\xb9\xa2\xbc\x16%Et\xec\x1f\x08\xb8\xc9\xeb(\x8cwh\x1f\xf2V\xea\xb0\xb0\xf19\xc0\xb7V\xe3\x14v\x9d\xe8\xcdkP[\xfc\x98%\x0f\x1a\xe3H\x96n|r/Xq\xf6\x87L\x9a\xfe\xea\x08\nsA\xed\xdb\'\xd1\xa0\x92/c\xc4S`P\\\x81&amp;\xbb\x94\xbc}\\\x13~\xf7\x97\xd9\x93b\xa4\xde$B\x02\xf5\xde\xbf\xefrmA\xa5\xf3\xd4Jh\x01\xfc3|\x0b\tc\xdcI(S\xde\x8b\xde\x10VY\xb6\x87\xb8\x07\xb4q\xb4\xb4\xce}+\\[#\xbb\xfc\xb4\x855!q&amp;d\xda\x9a\xcb\xd5\xb0\xf9\x03\xbcQ\xb2\xa3\xa0\x9a,\xc44\\t\x18\x9aL@\xcb\xb4?\xcb\xb9s\x8bp\x92\xb7\x02P\x16?\xf8\x16\xf5\x16`|\x9e\x84N\xf3\xda"\x83iE\xfa\xc9\x96\xb8\x08\xb3\x1b\x98\xeb&lt;\x1a\xf6\x1e\xc3Fm\x9d\\=`\xc3\xa0\xec\xf3\xd9=\xe9\xd8\xc1\xa1\xc9\xb4`\xee\x95'</t>
  </si>
  <si>
    <t>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</t>
  </si>
  <si>
    <t>b'D\\\x82oo\x14fB\x92,\x01\xfa\xe4a8\xc5'</t>
  </si>
  <si>
    <t xml:space="preserve">e Adventures of hers
that you have just been reading about; and when she had finished, her
sister kissed her, and said, â€œIt was a curious dream, dear, certainly: but
now run in to your tea; itâ€™s getting late.â€ So Alice got up and ran off,
thinking while she ran, as well she might, what a wonderful dream it had
been.
But her sister sat still just as she left her, leaning her head on her hand,
watching the setting sun, and thinking of little Alice and all her wonderful
Adventures, till she too began dreaming after a fashion, and this was her
dream:â€”
First, she dreamed of little Alice herself, and once again the tiny hands
were clasped upon her knee, and the bright eager eyes were looking up into
hersâ€”she could hear the very tones of her voice, and see that queer little
toss of her head to keep back the wandering hair that would always get into
her eyesâ€”and still as she listened, or seemed to listen, the whole place
around her became alive with the strange creatures of her little sisterâ€™s
dream.
The long grass rustled at her feet as the White Rabbit hurried byâ€”the
frightened Mouse splashed his way through the neighbouring poolâ€”she
could hear the rattle of the teacups as the March Hare and his friends
shared their never-ending meal, and the shrill voice of the Queen ordering
off her unfortunate guests to executionâ€”once more the pig-baby was
sneezing on the Duchessâ€™s knee, while plates and dishes crashed around it
â€”once more the shriek of the Gryphon, the squeaking of the Lizardâ€™s
slate-pencil, and the choking of the suppressed guinea-pigs, filled the air,
mixed up with the distant sobs of the miserable Mock Turtle.
So she sat on, with closed eyes, and half believed herself in Wonderland,
though she knew she had but to open them again, and all would change to
dull realityâ€”the grass would be only rustling in the wind, and the pool
rippling to the waving of the reedsâ€”the rattling teacups would change to
tinkling sheep-bells, and the Queenâ€™s shrill cries to the voice of the
shepherd boyâ€”and the sneeze of the baby, the shriek of the Gryphon, and
all the other queer noises, would change (she knew) to the confused
clamour of the busy farm-yardâ€”while the lowing of the cattle in the
distance would take the place of the Mock Turtleâ€™s heavy sobs.
Lastly, she pictured to herself how this same little sister of hers would,
in the after-time, be herself a grown woman; and how she would keep,
through all her riper years, the simple and loving heart of her childhood:
and how she would gather about her other little children, and make their
eyes bright and eager with many a strange tale, perhaps even with the
dream of Wonderland of long ago: and how she would feel with all their
simple sorrows, and find a pleasure in all their simple joys, remembering
her own child-life, and the happy summer days.
</t>
  </si>
  <si>
    <t>b'\x99~\xe8\xb9nYhKmo\x11\x8bC\x83\x0c\xb3\x8b\xb1#Yu\x92bb:t\x1b\x1b\x81\x81\xba\xd3\xc1\x9a\x04,\xf1\xe8;\x8f\xba1\xb6ip\xb6\x08\x15\x7fU\xfc\x8aA\xe6\xb3e\xdd]4\xcb\x0f\x82FEOH;^"\xf8\xce\x1c\xe5Q\x87a\x8dw\xb3\xf6(`f\x82\x9a\xc4\xa6g\xd2\x0f\xe8\x91U\xaaD\xcb\xe9t\xfe\xd7\xa0m\xfb9\xcd\xf6\xeb\xc0)\x9e\xff\xc8\x95\x12\x93$\xb5\xf4f\x06w?S$\xac\n\xf1\xb4\xe3\x0b\xd6\x90\x84\xb2\xe1D\xdc\xab3f\xd9^\xad\xe07=\xa2G/\xe0\xd9\xc3_LbfW$H\x869#\xber\xd7sx!\x07\xc1;b\x9f\xff\x85\x94\x9c\xb1DQ?\xa6\xf1\x97*x\x8c%\xb6y\xe2jFs\xbc\xbcE\xa7\xfd\xfc\xd4\x07\xa0\xb8U\xf3\xbc\xe5\xads\x87q\xd7\x80\xb68r\xab\xbd\x81\xd7\xda\xeb\x1f{sq\x06S\xa4\x07y5\xc6\xd1mv\xe6\xd7/\xb1\xce\xdf&gt;`J\x00\xbb\x90l&amp;\xa8l#&gt;:JT9E\xbf\xf9}~\xa7o\x89\'\xc2\xb0=Y\xae\x8e\x83P\xc8`\xeei\x98\xbd6\xa1S\xab+\xd7\xcao1\x1f\xbd\x9b\xd8\xa7+\xa3\xdd\xb6+\xceD\xcd-\xc5\xfbx-\xa8\xfeK\x85\xc7(l"\x94O\x02,\x1b\xe0\xa3\xb0\xd9u\xab\x98H\x81$\xebr\x9d\xd19\x8f\x03\xa18}\xe9\xa3\xe86\xd4\xa0W\xd9K0I\x93$\xe3n*\xa1}Y)\xe5)(\xfa\x9fk;c\x99\x08\x19&lt;\xd7\x18\x05\xc1uJ\xee\x14\xe6\xa3\xf8\xfc\xda\x9a[_K\x8b\xca*q\xeb\xbd\x8e@\x1ep|\x8a\xfc\xd7NYRv\xc0fa\x92\xaf\x1af\x99\x8cTk|\x9d^\xd1\r\xe4C\xb2"\xda\xb4~\x88^\xc4\xe3\xeb\x97\xe3p)\xbf\xf7\xd7\x08\xf8\xba\xa3\xe8\xd4\xb3N\x08U\xe2\xaf\xd8\xda\xc9\x1d\xcd/Qt\xf4\xd0")`\x91\xe1\xa4h.\x19\x8fx\x01\xeb\xee\\\xe8\xe8\xf3\xd5\xa3\x84\xe0\xa3\xa9tF5A.\x90\xf8#\xe9\xb5\xde\xd9\xab\x89X6\xa0\t\x7f\xe1\x9b\xda\x02s\xf6\xbc\xa8\xa4^\xf8\x8e\xbc\xe1\x11N\x9f\xbde\xe7\xae\x0b\xce\xff_\x81U9F\xfb2\x95a\x8a\x16\x08#\xa9bT\xa6\x19J\xbeYN\xb22\xa4\xd9O\x13\xf1\x00tG)\xd4;\x8d\x87W\xc5h\x01\xc7X\xc119\xba(\x0cU\xaae\x7f\x00=:bB\xb2N\xd5/Hp}:\r\xf41\x98\xeaq\x13\x8f]\x05\x0f\xfav\xfbT)\x92\x15~V\xf2?9hu\xc42\xea\xb2\xcb\x97f\x9e\x88\\y\x98L(\xb8\x9f\x18\x04\xee\x18@\xe9\x13?\xd3\xbc\'\xe1\xdd\xab\x04\xa8t\xe4N\xa4\xb4\x9d8)e\xf1\xcb\x9b\x7f\xb0\x98\x1d n4\xc0@=\x9ft\\!\xe2\x82\xb5\xf9ULa\xee?:\x05\xb4~\xc3\x1b%\x80:\xdd;\xc7\x97G!\xa9\x0b}\xeb\xa8\x91\xb3\xa7\x11\xea\xf5&lt;n4\xf9)\xb7\x18\x87\xe73\xc3\x84\x1d&gt;9\x96\x10?\x03\xacK\xb9\xe3\x0c{\xfbU60\xfa]\xce\xe2L\xe8FD\x8aMO\x11\xfc\xef\xe3\x93\xc4POn\xe4&gt;\x95*\x90\xc8\x92\x08\x8bsG\xf60\xa8\xd21\x9f\x91\'\x07\xe5\xdc\xd6c\xa0tRN0\xb5\xb8\xea\x01?\xda\xa6\xa18\x8a9\x07\xd8w\xb5\x96mfs \'$\x92\'^\xde\xde\x14\x92\x07\xb6\xbe\\O\xbdn\xbb\\\xee\xa1\xee\x12\xb6\x1e\xcci\x9d\xa8`\xdd\xdcu\x84\x83"\xd3G\xc1\x93\xd1R\xaa%x\x0e\xb2\x16\x062\xd7\xfb\xb6s\xe0\xc2\xa4\xd0C\x8e\xfd\x99\r\xe7\xe4\xa7\x04\x99\x08\xac\x04\xb5\xd6\xf1\x18\xdb}\xc8\x0eG\x1fn\xc7\xab\xe5\x18\xed\x12\xce\xc4\x91\xab\xb9\x1ea\xcb\x81\xf0\xa7B\x91\x03\xf8\xfa\xc0\xbbm\x99\x1cRwi\xef\x0ezr\x82"p\xf8`\xd9\x17\x1b\xcf_M\xe1\xf5\nT\xcc\xe4K\x10\x1f\xe8\x88\x8c}\x16\x08\x12\xbd_\xb5[\xbar\x91Ya\x05\x99\xa1\xf6\xd8m\xf7\x83\xc1\x1fx\xe7\xb1&gt;y\xd1\xcd\xd7H[\xe9LN\xf0\xefi\xf8\xddkeo\x9dB\x8f\xe6\x88\x1a\xb4\xf1\xb9\x80Qp\x14\x1d\x92s\x85\x11q\x9a\xd0\xa02\xcc\xab\xc8\xaa\xc6\\\x82F\x04\xd5m\xf9\x8bC\x15\xa6Z\xd7\xe0\x9f\x06\xf2,\x88\x9fco\xb2J6\x9d\xd9c\xee\xee8\x11t\xc0\x87&amp;\x9dX\xc80\x0b&gt;}\xfd\xb8\xc99\xa95P\xae\xf4\x1fh\x1e\xaa\xc0\xbd\x9b5CiN\xd6&gt;\xc8l\xd2:\xfd\xc8\x96\xffh\xd06\xe6\xe2\x8f\x85\xfaV\xb5\xdeF\r\\\x99\x91\xa6Im\x00\xe6\xab\xf8\x19\x83"C|\x8b\x17\xd1\xaev\xb9\x90\x19\xff\x0f\xb3\x1c\xfd\xdci\xb9\xee\xf9\x8f?H$=\xb8i\xba"\xe7\xb4R2O\xb1#\x83\xde\xc29\xb24\x99\x84\x92[j\xf2%.gb)-53\xe9\xe8\xe6\x8a\n\xc1\x11e\xd0&gt;Akt\xdb\xba\r\xc8-\xedJ\x06\xe9\xa5\x0e8onu\x84e[\xbe\x06+-\xed\x1f\xa9g\x91\x0b\x9f\xfd\xf2\xfe\rlS\x9b\xc6K\xd0U\xc0\xaa\x88\x0e\xbe\xf4\x97c8U\xb5\x1f\xceka\x9b]\xa7\x02\xec\x7fJ\xc9\x9e[\xc0\xc3\xeca\xba\x81\x99N\xc2\xfd\nq|\x06\x0f\x87\x1c?\xb50\x90\xd5\x9a\xa3\x11\x903\'\x93\xda\x88y\xd5Yq8\xa8\x9eMa\xec\xf5\x16`\x85\xe5\xa1\'\xe7\xa0\xc1\xb0\xb5\x80\x9c\xb1\xe5?\x86\x92^2`BC\xc3\x04i|\xbd\x03\xb0\xc8\x07k\xdc(NAXHC-\xa4L\xe3\x03?\xe4\r&amp;\x1b\x82S\x02M\xa2\xbf\'o^v\x16\xbe\x0b\xcd\x86\x0bT;\x82\xce\xc3\xdc\xa9\xb6\xc15/f\x1ep\x9a\x81\x9e\xa8\xb1\xd3&lt;\xcauU\x0f\x8a\x01\xc6\xf0U\x16\xed\x9b\x81;\x03\xa1\x9b\xaf\x12bg\xc4z\x82\xbfO\xb7&gt;{\x02M\xefz\xe4\xb1G6\x11h\xbb\x16\x9a\xb9?\xe4xdLA\x90\'\x90\x03\x14\xd5\x8f/\x94\xec\xb6\xcca\x92Q\xafS\x8e\t"I\x17\x0f\x8bV\x95C\xea\x03\xe8\xe2\xe7\xc3\xdc\xd5\xea\njs\xc8\x80\xa9D\xa5y\xefnC\xb1\xa3\xf6\xf1\xcdn\xd9,6AR\xc1\x07\x8cPQ`\xa3\x8b\xb5\xcf\x13\x95\x07\x15\xf3b\xbaYZ2\\\x15h\x16~S\x1eC*\xfb\xed\xa8\xffS\x80\x00[\x85\xf3\xe8\xa3\x979\xa9\xc7\xeb\xf7l\x93|\xa4\x8a\xef\xe1U\xbb\x90\xd8\x0e\xb9\x85\xe1\x1d\x85A-\xfc\xe4y\x03T+\x8f\xfdu\x9fjY\x7f\xd3\\X\xd3\xa6\x90\x1a\x12\x8d\x17\xb0\x8d\xe03\x1c\xe2\xef\x90\xc8N\x85F\x08^\xa8\x0c\\\xea\xb7q47\xdc\xf1\xfe/\xae\xb3\x8bH\n\xee9\xb0\x93 \xadG\x1f\xa5L\xc0\xc3\xb7n\xc6\xdc\x19\xe0\x9d\x8eN\xc6D~e\x16\xe5y\x9c\x15U\xc0}bb\xd7\xf4J\x83-\xdf\x97\x19\xd34\x80\x89\xdf\x18wU\xfaD\x918\x93\xc1\xd4\x06\xc6\xd8\x83,\x1c\\x\xfa\x84T\xf1\x1f0?s\'\xc5\xad\xa1L\xd6\x8a\xea\xcc\xe0\x9aX\xc13 _8e\xb70\x1aD\x0b{\x9d\xd2\xf5\x92\x80\xea\x03J\x01\xf0\x846\xd5\xb8;\x08]\x0bO\x85+0\xa1K\x90\xa1\xf6\xdbhd\xf3\xfc\x13C%\xa3\x9eG\xd0\xfec\x08]\x96\x91\x16\xfb\xa7\xf3[DI\x1b\xa3 \xb5\xa8Oi\x95\x06\xd5-\x12\xa1\x9e&amp;E\t\'G\xa6\xc1\\e\xa9#zUk?#\x90\x99\xb8\xda\xaf\x14\r\x94\x0b\x88\x87\xe486\x023\x8eB93\xe4\x9b\xcd\xf6\xf3\xfe\xb8^\xd5\x86\xbd\xb9\xd5\x0e\xa7\xaf\x95Z\xf1\x12{\x02x=\x8b%\x0b\x9b-^\xd3\xd7)\x06\xf7\xfaj\xd2%*\xdb\x96^\xa9\xfa\xb0\xd4N\xa7\x14O\xcfuSA\xff9\x03\xf74\xb2\xe3\x1bU\x12\xadP9A\xce\xe7\x86\x11U\xea2\xa5\xa5\xd0\x84h}&lt;\xca\xd0p\xdc\xea0}\xab^V7\xe1\xb6\xc9=\xd6\x89\x94\x12\x91`|d\x95\x9d\x001d\xd6\xab;a\xca\xba9:P\xd4\x9e\x97&amp;\x86\xb6`\x1d\xdf,b"_\xe4%\x95\x99\x95L\x19\xa1\xfb\x9b\xe2\x9c\x9a\xcdNrZ\x12\x81\xf6\xca_0\x03\xca\xaeW{\xba/\xd78\xc4\xb9\xe9\x91\x83\xed\x95\xf6\x81.j\xfa\xd2\x93\x93\xe8\x989\xde6"]&amp;\xc7\x0bb\x91\x88\xbe\x00\x818\xd4\xa4\xcd\xff\xdf\xe8\x15\xb8gv\xc1~d\xc3\xf1\x0f\xed\x8f\xfc\x0e\x15\x05\x19\xd0\x9d@\xed\xc0\x8f\x14D\xedFHw\x14\x15\xba\xf6o\x0c\xe4&lt;-y\xf0D\xea\x89\xd6\x86.\x18\xc8\x005+\x1e\xb6;\x81\t\xfc\x85+e{+\x95Z\x8b\x06\xff`l\xf4\x80&lt;{\xe6\xdb\x0f\xc3\x8c\xf4\x90\x1b&amp;\xb7\xb7]\xc7"\xfb\xcaU3\x10\xfb\x8a\xf8$j\x94\x1b\x8b\xfc\x94\t\xb5P\xf1\x82\x7f\x1204\xe0&gt;4o\x0b\xfd\xc1\x1f\x16[\x07x\xa5\xd7\xc9{M4\x01\xd3\xc3Mku\xe7+\xbf\x85\x13\xaf\xc3\xd8_\xc7\xab\x92\xc0\xfe\x8d\x8dV\xa3\x86x\xd5\xfd^t\x95\xce\x05\x9a\x94h\xa3\x1c\xed\xcd-\xda\x1a\xa1\xed\x90\xd9\xed\x16\x03\xe69\x97a\xeb\xec\xfd\xea\xb6E\xdd\xc4\xdf\xef@\xb1\x94j\x1bsC\xe5\\\x86\x90\xcb2M\xc0k\x95wX\xfe)\xe1pw\x02\x82N2b\x11\xadX\xf1\xef\xb0U\x8a\x9eA\xf6\xa5n\x98K\x0eXYF\\aq^\x96\x86\x8fz\r\xc9mi\xb6\xea\x86\x1f\xaa\x1e\x8f\x9a\x90\xe1m\xcdU,\x19\xf8\xe1G\xce\xfc\xe4G\x06\x93\x1f\x13\x1d\xef\x01\xc4\xd9\x16b\xe8\xb3|\nd*\x186\x10\xd6;\xeeJ:\x1e\xe0\xa6 \xc8Q\xe1:!\xd9\x0f\x8dx\xd6\x8cY\xa0\x0bz\xb0A\x00y7X\x9a\x8d\'\x9f\xcb\xec\xe4\n\xb5\xf9=\xd8\xda\r\x92\x96\x9a\xc2\xcd\xecNJ\xd6\xbd\x9c\x9a0~\xfc\x97\x10\x12\xbf&amp;\xe1i\xa1\x03\xf2\x8c\x89\x81\xb9)\xca4\xbap\x04z=G\xdb\xee\xc5\x02lqN\xe3\xae\x01\x9b\x0e\xcd\xc7\x1eL`\xe5\xc7WG5\x18\x05\xb0\xf6_%\xaa\xfcd\x9e\x18X\n\xd5A\xf1^\x16\xa5\xadB\xb4\x02-\xe5\xf9\x03\xbf\xf5p)\x17\x96|J\x1a\x99\x08\x01l\xd2\x8ct\x15\xea\xb9\xc1\x9aR\n\x8d\x02\r&gt;\xa7\\\xc2\xaeig\xaf$\xd2\x96(B\xfa\xa6\x0f\x8a\x17\xb2\x86j.2\x1b\xdb\xf1\xb5\x9f7)Y]i\x11e\x1dx\xf9w\x7f\xec\x19-[\xfe\x8d\xefaV\x7f\x86\xca\x96)\xe9\xccU\np\xf9\x9b\xa2\x8a\xa6\xbb\x8bM\xa8\xee\xe6\x83\xfb\r\x06\x05vY\x91V*\x1f\x03\x99.\xda-r\xc0\xae@\xdb%\xe1\xed\xeb\x96\xd3+TF\xfc\xfd\xd7BQZN"\x1a\xe3\xa4\xfd\xac\x999P\xc23LiEL\x10\x89t\xb3\x0c\xdf\xedr\xf8~\xef\x19\x82\x17L\xbbsNO\x10lb\xb6\xa4,\xb1,1;)\xa8i\x9d\xcf\x85\xaf4\xb8D\xa3C\xcb\x13\x9a\x8a\nr\x16D,j,2\xfb\x08\xfd\x83\xc6\xf5\xed|%\x8f\\\xc7\xe6\xc6\xf4\x10\xcb\xe2\xd3F\xcd\xb6g\xff\x0e\x06\xea\x0f&gt;\xb6o\xe0\xe9\xa5\xbbB\xf0\xf1(4P\x1f\xcb\xff\xfa\x8a\x1f9\x0cb\xb6\xd4\x13X;N!v\x13A\xa0\xb3\x14\x81`W\xabn\x0b\x0c.\xc3J\xfe\xd9\xa6:\xfb\x96\xc7_0\x04:"\xaf\x96\xb9d\xda\xae\xd35\x9d\xba\xcc\x14h\xa7\x03\xe5,\x9b\xbf\xec\xf1 \xbf\x96\x14\x19\x85\xd6\xd0q&lt;\xcd\x05\xf9\xf3\xa2\xb1\x8dR\x1b\xb6&amp;\xe9\xce\xa8\x19\xc5\xd6\xf5J:O\xf7\x86i\x16\xc8_\x9a\xfev\xe6K_\xa7.\x96\xcb\xac&lt;\x11)\xcb\xd8+G)\x06\x98\x01\x08\xe0\xd2L&lt;\xd8M\xb2&amp;h\x0f\xe6\x96\x16\xbaS\x11\x8c\x9aq`\xf1\xaa\x14\r\xa3E\xf6\xc4\x05WH\xe4R\xb0\x07\xde\xcf\x95\xf7\xca\xf1%\xca3O+\xf4{Lt\xf6\xd1$'</t>
  </si>
  <si>
    <t>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</t>
  </si>
  <si>
    <t>b'\x99~\xe8\xb9nYhKmo\x11\x8bC\x83\x0c\xb3'</t>
  </si>
  <si>
    <t>previous businesses.
 Still, Primal Kitchen was a risk. Most people his age would have told him to
 slow down, keep writing, and enjoy time with his family.
 Once again, Mark was no ordinary sixty-something. He launched salad
 dressings, barbecue sauces, mayo, ketchup, mustard, and other condiments
 that were all designed for the paleo community. They were beautifully
 targeted specifically to the paleo community, and his audience loved it.
 Soon, Primal Kitchen products were in retail stores across the country,
 while also soaring to the top of Amazon.com.
 Then, less than four years from launch, Mark made a connection with an
 unlikely allyâ€”the executives at Heinz. Some saw Heinz as the enemy, a
 representative of unhealthy food choices. But Heinz saw the demand for
 healthy options, and they knew that Mark had carved out his niche.
 In early 2019, they wrote Mark a check for $200 million.
 Some accused Mark of selling out, but Mark saw it as an opportunity to
 infiltrate the rest of the world. When consumers start demanding healthy
 options, and those options start outselling the big boys, even â€œenemy
 competitorsâ€ have to pay attention.
 Thatâ€™s the power of creating a great product for a very specific group of
 people.
 The Exit Is Closer Than You Think
 Walking into a meeting earlier today, I felt my phone buzz in my pocket. I
 pulled it out to see the following text on my lock screen:
 Hey Ryan! Iâ€™ve been a follower for a while. I listened to your podcast and
 went to the last CapCon. With your help, I started my company last
 February, and today Iâ€™m about to go to market with it for $10 million. Can I
 ask you a couple questions before I do?
 First of all, I have no idea how this person got my phone number.
 Second of all, I didnâ€™t care. Thatâ€™s exactly the kind of text message that
 makes my day.
 Selling your company, especially for $10 million or more, is life
 changing, to say the least. Heck, itâ€™s generation changing. Iâ€™ve seen it happen
 many times, and it never gets old. If you use the method in this book, you
 may find yourself in a position to one day sell a business if you want to. This
 is absolutely possible, assuming that your product is good, youâ€™ve built a
 good business, and you have put in the step-by-step work Iâ€™ve taken you
 through.
 In fact, you really make your money when you sell. Even after you cross
 the million in sales, you will still likely be paying yourself a modest salary,
 investing as many dollars as possible back into the business. You celebrate
 when you finally cash in your chips.
 When youâ€™ve just started a business and youâ€™re working on getting to
 twenty-five sales a day, I und</t>
  </si>
  <si>
    <t>b'\xb3\n\x17QTa\xb9w\x81\x99\xae\x83\xf6r\x14\x7f\x87\x81p0\xa2Nd\x0f\xb0\xbf\x02dm1^\xc4\x9d\xcf\xda\xbc\xb4\xd2\xea\xccu\x1b\x15W\x1f\x89\x90&gt;\xc0\xdd\xd9\x06\xa0\xb3\xde4\xaf\xa4\xc5r\x17S\x8f\\p\x90\xe5T\xf1\x1b\x90v\x87HeD-\xbde\xe6i\xf8\xd89\xb8\xc8\xab\xd5l\xe3.|)\xf7\xeb\xec7\x83\xd5\xeb\xb2\x91\xec\xb8\t\xefm\xcdAY\x81\x86\x1e\xfe%}\xc1r\x83dv\x9d\xbc\x03\x97\x02\xc2\xed\x19\x98qGM\x88LQbQ\xa6\x16\xa2\x1a\xf7\xef\xd5\xe2c\xcew\x0b\xb0#j\xe1\xa8\x00fn\xf1\x90\xe2\x82\x91\x89\xa9"p\x82\x91\xdd\xf8\x97\x8cu\x9a\x9f\xcf\xed\x12A\x87\xd2*\xe1c\xb7\xfb/\xbfcf\xben\x92\xd5\x18\xde\x96\xba\xe1+\x89\xc2\xd10\x92\to\xefm)\x8a@\xdb\x10I\xfb\xe6\xbe\xc1W%j\xd5\xc5p8\xf8,\xf8\xf6\xefN\x8d5b\xe7\x0cS\x95\x8bqj\x163d\x9f\x9c|\xd7o\xc61\xe0\x166q\xa4%\x964\xbe\x93\xa9\xb7\xc61\xb7\xb5\xa6\xba\xcai[\x1f`8l\xe7\x9a\xdeg\xa0\xf9\xf5\xa3=\x99\xfb\xb8e\xb7\x90\xb9\xb0\xba:\x14\xa1\xdb\x15\xb9\x13\x1b\x15\x02\xa5\xfe\xec\xf6\x12\x08Q\xf0\xb5&gt;\xc9K\x8e\xc6\x08"v\xf5\x99\x04w\x97\xfa\xfe\x169K\xfaR0\xde\xd3\xc9\xc3\xcd\xa9\xb6\xcc\xd6\xe3~9\xb6\x98\xdd\x81\xc6\x8c\' .N\xb6\xbd\xa3\x14\xf9U\xb6d\xaa\xfb\xae.q\x8f\x9d\xa8\xf6\x1fj\xb3\x81\xd3\xcd\xa0XE\xa0\x9b\x82J\x80zJ\xa1\'K4v\xc1C6\t\x07\xb7\x16\x96\xdb\x19\xf7\xe8\x92\xff\x12\x8a-\xc8\xcc\x16\xfbU\xde#\xc9}7\x87(\x0f4\x85\xa44\x031\xafrx\xd4l\x82\x95\xbf\xf4G\x11\x86\xd0S\xea\xb8`c\xad\x1542\xec&gt;\xf5\x18\xcbL\xe9&amp;X\xe1\xf9\x05\xedx\xb2\xf8\xa1Ox\xda\x95\xc3\xdfH\x81\xdf\x93\x14\xf14\x8eUc\x86\x10Tu\xdd\xd12\xfcsA\xeb\x04(?,\x94M\xe7\xcc\xf5.K\xb80\xfc\x06Ejo\xaf\x9f\xd95\x89\xba\x9d\'4\x98o\xce\xcc\x90\x89\xd2\xeaF\x94\n\xb9\xe1\x0f\x84\x05\xd0l}\xdc\xce\xaf2\x16\x9bHd/\x0e/\xef\xa9f\xa9\x83\xc2\xa5Bc\x8c\x1a\x1a\xdb!\xa5[=\xd8\xfdN\x9c\xc0h8QUS\xb7\xca$S$C\xef\x8c\xd8\xb5k\xfd\x9b\xc8\x85\xcf\x81*\xcbY\xc5li\xd9\xefY!\x05?\xf0\xe9NVM"\xd3\xcf\xc0\xe0\x02PH\xa1\xb6\xac\xfb\xc1\x08\x07\xcbe\x9a\xe7\x81\xd3u\xa8W\xb6fio\xa7\xaa1K\xaaE\xcf#6\xee\x00\xe6\x98J\n\\\xd3L\xaaM\xdf\x01k\x87\x11^\xfe\xa2\xb5PH?1\xc7\xa1\xdb\x86&gt;\xac3\xd7\xc4\x97q\x12~"\x95\xfe\xbd\xa7_\x82\xe9\x0f7\xd8H\xe3\xb6C\tQ\xca\xc8`\x9e"\xdf\x81B\xed:BIe\x94\x83{\x946w\x95\xda\x17\x86g6\xe3\xc0k\x07\x06\xa0\xbdw\xc0\xe5\x06\x9b\x92\x80}Oz\xa0\x86\xe1;V\x89:[\xcc\x15\xf2\xee\xe3\x02|M\xcb]\xa6~\xc4b).\xe8\xf1\x81\x07\rG\xb1\xacn#\x82\xc90\xefe\x88\xacc\xa4\x9aJ;\xe8\x0en\xea\xcdk\r\xee\xf6\x7f\xb6\xe2\x1f\x17T^\xae5V\xc7\x03X\x0b\x150h\x91\xe5\n\xa9\xfe\xb2\x8d&amp;3)j\x13|`\x9fc\x0f\xa6\x94\x01\x0e*\x05\xc0a\x11!~\xc6\x84fC\x1e\x00U\xe7/c\n\x80AZK\xe8\x19&amp;\xcag$\xd1i\x84l\xa2\xc9&amp;g\x13\xdc\r\xd6k\x883~~]\xbdNtP\xce&gt;\xd4$\x9dP\xd9\x8f\xbe\xf5M\xd4\xa7\x8dd\x96u\xe4\x98\xab\xde]\x9b\r\x9e8\x14\xaf\x1fl\xfa1\xe1\xc7\x1an:\x1fjI\x03\x9c\xf2\x88\x14g\x9c\x9e$\xcb\x9eL&lt;\xfc^\xed\xecI\x82xh\xfe61\x92\xb3H\x88\xbd\xf5\xfeu\xbe\x94\x0e\xb5\xeao\'\xbf\xbas:\x86S\xc6\xdc\x0c6g\xe1&amp;^0\xdc\xc7\x804\xb7H\xd78\xd8P\x8beX\xe9\x8a\x82d{\xdd\xeb@:q\t&lt;1\xf0\x0bz\xdb\xe5\xa0\x0b\x15\xbb#\xf7@c`\x00\xf1;ct\x99\xe7P\xd9\xf2\xef\xfc\x1b\xfe\xde\xc1}\xa0\x0c,\x9bc[HI\x1c\xfb\xa3j_\x89\xf7\xf6\xf9\xf4b\x1c\x90\x10(\xb9m\r\xb1\xd3a\xf7\x16\xbe\xea\xc2\x1b\x0c\xaf\x0cF\xf6\xadFQ-\xce\x86\xf0&lt;R\xb4P3\xdc3\x1b\xb2\x99\x1e\xa6\xbb\x94L\xbb\xa4jN-\x812#b.g\x1b\xa2\x01\xfb0qt=v!\xcbz\xbe\x0b\x81\xa5\x87\xf8)\xa2I\xf3]%\xbfZ\xd5y\x1bR\xbc\x9by\xf5t\xa7\x1a\x1a\xd1O\xa3\xe6\x05L\xde\xa8\xb9r\xaf\xa7f\xe1\xcdA/kg\t\x92\xe2\x98d\xd6B\xcc\x1b3\x08\x8f\xea\x9d\x9f\\.~\xeb\xf7\xc1#\x0c\x03iT.\xa9\x1dt\x9a\xb9\xeb+#\x17)[Z=\xb3\xbc\xb7\x82\x95\xf8*\xde\\\xdb`P\xfe\xb4\x1a\x97\x12\xe0\x8b\xbf\x84\xa9\xa4\x93\x80\x108\xa0\xeb\x90\xde\xf2\xacY\xab\x062\xff\x0f\xc0\x81\xf2f\xb2\xec\x1b\x86\xd2}i\xbe\xa18\x06\xf7\xd6\xd5\xf5\xd4\x81\x89\x8ax$\x18\xecr\xbd\xb7\x95~\xc3\xa8HM4\xef\x15{m\xc2\x10\x0e\x17P?\x18\xf2Vz)\xf4RBh\x05\x9a\xcf`\xe5iU\xe8\xf5B\xaf\xf3\x1a\xa0\xdf\x1a\x97Ak\xf4\xf7\xabu}\xd5\xd5;Y\x96\x13-\x1a\x08\x117\xc6\x15* _Yy\xa9D\x84\xdbX\xd3\xc0\xc0\xcad \x92\x8f\xa8\xc27\\\xc8\xba\x06\xc8\xdfP29\xeev(b\x91\x0c\x9a\xd4\xc7\xdf\xe1\xbc\xcb\xa3\xb8\xcb\xb9\x88\xc1\x10\x90\'\xdeA\x9e\x971\xfb\xb9\x97\xcb\xfb$\x08\r\\\x82\x91\xc7&lt;/\xd3\xb2\xcd\xc7\xc4\xd6\xd4\x9e[\xbb\x9d\xc1\xa8\x1b\x81p$\xef\xc7\xdbI\xd5\x1e\xaf\xeco9\x9e^I\x98\x10\x13\x1cy\x8e\xc4\xf4\x07\xe7^r\xf13/\x01j%\xe0\xe6u\x02\xca\x90p-\x17L\x7f\x9b\xc6\xe5\x9bO:q\xbf\xf2U\xe0\xf5=\x18\x00\xbc\xe2\xc2l\n\x9f\x8b}h\x90\x0f\x91?/\x9c\x81 \x16A\xc4\xa5h|)\x0e\xdb\x8b\x9cm8\xc6\xe5k2\x08J&lt;\x12\xf9N\x90\x1f\xf0\xf9\x00\x94\x1d\x84*\t\x97\x9a\x8dL\xb4\x0b\xa6u\xc0C9Qp\xbeZwF\xce\xaev\xf3\x13\x12\x03\xb7\xa6\xaf\x07U\x902\x9e\xce\x1b1\x8fT\xf4\xf6\xa3\xaf\n\xa0\xac:\xf7\xa3\xb0*k5\xa4Q\xbc\xee\xc9u\x90}\xbaD\xb3\x9a\xf3\xae\xc8\x15\xb9\xc47\xddu\xe6\x18\xa8\xd1j\xe4*\xf6\x86\xff\x89\x9d\t\x1b\x13\x0c7\xb1\x95\x0cc\x8d\xf3\xe9\xd6\x9f\x9c\xa7\xf4\xae\x8a\x94\x12\xbc\xf0\xd30S\xa9]\xc4\'s!lc\x84\x0c\x83?\xc0\xfa\xfe\xfa\xfc\x9b\n\xec\xef\xa1\x82\x11F\x17\xf9\xe1\xdd?\xb9\xa68\xd0\xabD\xc7\xc7\x8beu\xf9\xf3\xd3\xa89\xdb\x98\x13)\xa48\x86?T\xaeG\x15W\xd7\xfb\xe1\xad\xda\xd5\xb2\x89\x81\xfd\xa4\x05\x12\xf8\x84^5\xae\xa1\x13g\x1f&gt;|.\xf8\xc1Px\x10\x7fi\xa2O\xe9\xc6\xecD\x1c\xff\xf7\xbc\x83\xf3\x9d^|\xc8A7\x1cO\xb2\x17tXy\x18M;\xe3\xc6\x1a\x1e\x99\x8a\x8cAx\xfd\xb4\xa2V\x8e-\xb6\x88\xf8\xf4\x81\xfd\x8a\xf7f;\x82&lt;B"lT\xdb\x8cu8B\x8aj~\xa5C\xdc\x92\xc4\x17\xfc\x7fc\x97V\x11$?\xe2,YF\x11\x10\x91\xa5\x7f}\xf2\xd6\xb5=\xe3.\x80Iz&amp;\x91Esh\xad1\xe7\x1f\x04%\xb3\xcc\x0eZ~l\xe0\xb99=\xfa&lt;/\xef=\xc8P?0$`\x14sdXoc\xc2\x8a\x92`5y\x9e\xc7\x06\xaa\x91\xf2S\xca\xba\x19f"a\xc5\x9fw@a\x05ip\x0eB\xa1\x9b\x89\x0f\xfc|\xcc\xa7\xf4\x7f\xc2eQ[\xba\xb6%\xb5wj,\x92\xe2\xfe8q)\x9b\xd5\xb4\xe0\xce\xc0\xf9&amp;\x94Y\xb7\x91\xd0\x0fQ\xe7\xb7\x12*\xa5d\xfek\x10\xb8\xefD}\xd7V\x85H\x89\xb4)t\xa0\xcf\xda2\xbe\x88\xb5uo\xb5\x13{\x95\xe0E\x0cB\xc8\x08\x96\xb2\x81\x88\x9eIk\xc5\xf4\xde;f\x9a\xfbW\xed\x9f`\xf9\'\xcbi\xe8\xf8\xcf\xf07*\xf4\xfedl\x08.\xd5/.n\x9c\x91q.\x0f\xaf\x8e\xa7\x07\xfd?k\x85\xc0\xd2\xef\x8er\xad\xb5\r1M\x1a\x92\xafg\x88\x8c8M\xcam\xee\xeb\xd4\x11\x05\xebF\xc5\xbe\x85k\n\x81\xe3\xdf\xc2$\xf9@q,\t\xf1\x1f\xee\x98\xbbM\x81d\xecYk\xc5Xg\xa5N\xf8\x7f\x9f\xe1I?\x82\xaf\xb2\x91\x01$(\xcdU\xa4\xa5\x0b\rz8z\x1b\xc7\x9e1\x90\xe2\xc5\xc8\x8aI\x14+\xd6[#\x8f\x1f\xca\xa8\xe4\x18\xc0rvt5n\xc8s\x17\r\xa7SB\xa0\x03g\xdb\x88\xd9\x9da\xe8\xe6W\xfc\x1d\'(\x97Wqf\xb70\xab\xc9\x06\xc9\xe6m\x1d\x1f3W\xfc\xe4N\x139\xcf"\x87\xf4\xfa\x7f\x1d\xd84z\xcb\x99\xcf\xc8\xc0\x12\x01\x023\x061\x82\x9d\x0f\r\xba@`\x90\x92\xcc#O\xd1\xd4&amp;\xbd7\x8a7#\x14\xe4\x9d\xd1\xffW\xcba\xc9\xf9t\xfd\xe1\xb1\xa5DJ\xe8k?\xeerz\'\x7f\x08\xd2+&lt;\x84\xd2\xbf\xf8\xda\x8b\x03\xb3\x8d)H\x94\xdfk\x9c\x9d\xbd\xd1\xf8\xcbPH|\xbc\xda\x8a=\x9b\x91\x1ch{\x9a\x10K+\xfc\xa7a+\xe4T\xcf\x89\x15\xf4\x89\xd5\xc6\xfd\x1b\x17\xc4"\xea\xf5J\x9c\x84\xbd\xa4q\x0cNL\x87\x01i\x0e\xb6^Vz\x98\x03\xbd\xf1\\p\x7f\x00\xd0&amp;3\xf3\xfd\xa2\x84&amp;\\\xa1z\xc5T@\x02r\xc7\x8c\xf2mV.B\xb2i\xc1YB\xbd\xb6\xedzZs\xfag\xc9\xfeh\xac\xa0Su0\xd2\x83jS_\xa2L\x0c\x13b\x8a\x88\xf5\xaa\xb6\xd8\xf2\xaaw*\xc5o\xda\x8c\xd9\xd5\xdc\xaf\x90\x02\t\xf2\xc4\x96t\x8dJ\x9b\xdb0\x0e?\x95\xf5j\x8bi70\x8a\x80(\x03\xb58\x07B9\x06\x12\x1e\x8e\x96\x9a\xdb\x9ej\x15\xc0\xc8\xd8\xd9\xd1`k\x8f\xfco\xeb\xa4\x82\x9fC\x18O\x9b\x9a\x93\xdc\xbe\xa4\x85C(\x83\x8b\xce0\x0b*nDQ\xefF\xc3#\xd9T"-f\xbd\x02W\x91~~U\\\xdbs`\xd2\xcaJ\x14\x81\xb7\xb3S\xf4\xa43\xfb\x17\xe2\xdf\xba\xdc\xaa&amp;\x12jI,\xac\xbf\xa5$\xca\x12\xcb6\x112B\xee\x84\x9b\xbbf%\x1b\xc2*2\xf8)\xaf\xfb\xdf\xae\x8d\x92I\xb5\x9a\xc7@?\xee\x00\x0c\x8bn\xb0_ \xb3\xf0]?q\xa4a!\xc0\xaa\xec\xad5\x9a\x1b\x99\xacX\xe5c\x96\xece;f\xdf\x04\xc1\xb2\xd9\x01\x9c\x84/\tu\x02Q\\"\xb3\xf8|\xb1&lt;\xf6\xa9\x16\xed\x91\xe6\x06.\x93\x9b\x9d\xf2\xa8n\xb9\xb6\xc3\x06\xb8;\xa7\xca\xae\xa6\xdd\xa3 4K\x899\xa1-\x0e\xbc'</t>
  </si>
  <si>
    <t>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</t>
  </si>
  <si>
    <t>b'\xb3\n\x17QTa\xb9w\x81\x99\xae\x83\xf6r\x14\x7f'</t>
  </si>
  <si>
    <t>the supply chain
 wasnâ€™t predictable. He kept running out of productâ€”which, again, is the
 worst thing that can happen to your business. Instead of progress, he was
 circling around the same difficulty, making small orders, jumping to another
 supplier, making another small order, and then promptly running out of stock.
 Margins donâ€™t mean anything when you canâ€™t guarantee youâ€™ll have the
 product people want when they want to buy it. Whatâ€™s more, he was missing
 out on building the necessary momentum to cover expansion.
 When he came to me for advice, I told him he had to learn to stay put
 with someone and make it work. The solution to his problem was to settle
 into a deeper relationship with a supplier.
 â€œWhich supplier?â€
 â€œIf all your suppliers seem about equal in price and quality,â€ I told him,
 â€œchoose the one with the best communication.â€
 So he went out to New York City and met one supplier face-to-face, then
 used that strong communication to negotiate better terms. He got a 20 percent
 discount on his product, a 20 percent boost to his profits, and the consistency
 to keep the product moving without interruption.
 For him, making the jump to larger orders in the hundreds of units was as
 easy as sitting down with the right manufacturer and making a great deal. He
 had the supply, he had the demand, and he had the margins to make it work.
 Not everyone is that lucky. For the rest of us, getting product made and
 sold introduces a new problem: funding.
 To scale past small-time operations, and to make sure you always have
 the inventory on hand to meet increasing demandâ€”to make it to the million
 â€”you will probably face a money problem. That problem cripples many new
 entrepreneurs, but if you play your hand right, it can help you grow even
 faster.
 Entrepreneur Spotlight: Hanny Sunarto
 Hanny Sunarto, an engineer who lives in Illinois, is originally from
 Indonesia. Once a year, she makes the long trip to visit her family.
 She and her sister have always used this opportunity to go on a
 two- to three-week hiking and travel adventure. The sisters were out in
 the wild in 2015 when one of their backpacks broke.
 Frustrated, Hannyâ€™s sister asked her, â€œYouâ€™re an engineer, right?
 Why donâ€™t you design a better backpack?â€
 It may have started as a joke, but the idea stuck with Hanny. By
 the end of the trip, she had the concept for her company, NeatPack.
 Hanny started working on designs. Her sister, who frequently
 traveled to China for her fashion and textile business, looked for the
 right textiles and other materials for their first product. The</t>
  </si>
  <si>
    <t>b'\x0f\xb1\x8cV\xbb\xf0\x8aga3&amp;&gt;\x03\xdb\xdb~1\x91\xae?*p\xd8\xc40K\xef[\xb6\xfb\x06\x04`\xd57\x10v\x05_\x89\xac\xe6G\xbde\xeb\x8bt\x1d\xa9\t`h\xfb\x83\xe15\xd16tW\xfbh\xa9\x8a\xe9\xfc81\xb9\xc8w\xe3\x81\xd3\xe0&amp;W{\xbb7\xf9\xe7/\xb0?~\xdf\xf9\x8f\xd0#\xa9\xac\x130^hj8\t\xe2[\x87\xc4p\x1f\x1f=\ngb"\xbb\x19ds\x1d\xd3\xcb\xc3\x11\xd8\xdc]6\x8d7\xb1\xa9\xe4\x92%o5\x9b-\xd5|\x1f0\xba\xc8\x97\xd9\xa5\x0e\xf2/(\xf9\xfdGC\x89\x9b\x1f\xf2\x17\x8c\x9f\n\x88\xcb\xef\x8dD\xae\x0f\xd1zE\xd5\xf3\xfe\x07`o[\x90!\xb5,\xddn\x87\x92~\xfb\x8a\x8e\xebiUp\xc2\x020\xdc\xdewR\xfeM\xbc\xb3\xb6\x16\x06\xdf}\xdeH{\x1b\x00^\xc1\xe8\x94\x1b`\x04\r\xc3\x02g\x1d\x19\xf6\xd7oi\x94\xf5KS\xc0\x9e\x8f\x9a\xd3\xa8\x9bzq\x83\xeb1{\x1a&amp;rK\x9a1Q\x19?U\xb8\xec\xe7]\xf5\xdd\x13\xe3{+\xcam\xa3\xef\xcf\xdb\xfe\xf8H\xf9\xe6\x90\x8a5\xca\xaf\x19Q\xf4r\xec&lt;)\x14\xe6\x95\xf3[\xb0x\x87&gt;\x07\x11\x91\x91\x840G\'^\xe1?.d\xa6t\xceEF\xb3b\x98\\w\x93iu\xba\xb8\xe6G\xac\x1c\xd8\xdd\xdf\xaa\x0f\x03)\xb6\xab\xfe\x007\x8e\xad\x9eV4\xc8\xce\xca\xcc\xe4\x81Y\x1b]\x95\xf2\xe8\xac\xad\x13,\x18\xa68E\x00\x1a\x80\x1a\x1bp\x8b\xf1x\xd3aQ\x85\x10\xdd\xd7\xe3^e\x8f:h\r\xba\xc7\xe7\x86\x18\x97\xfd^\xd1\xf1\xab\xb3\x85\xb92\x1d\x8b[%\xc1R\x8a\xae\x01\x9e\x03\xf2&lt;M08\xe2\x94\x02\x92$\xe5\x00\x05\x98\xae08Lh\xf3:\x05\xa8\x82D\xe0\xea\x11\xf4\xf0\xaf\x95\xb6[V\xd4\xfc\x03u,\xd8\xb8\xaf\xad&amp;\r\xd8\xf1\x9ft\x15\x08K\xf9*\x84r\'\x13I\x9e\xfc\xf1w\x123\x89\xf4c\xdd \x8bl\xf0\x8a\xe9\x08\xc6\xbc\xe74^\xa9\xdb\x00\xcc\x0bG\xe4+\x8bn\x07a\xe7$\x95\x97k\x1c\xf7r\x88\x9d\xbf1.\x1d\x86\xcaE\x87\x9c\xdb\x9eTi\xd0\x08\'X\xd7j\x18\'\r_\xcf\xbc\x0f-\x06]{\xc5\xf2\xf3B\xcaC/\xe73s\xb8e\xe7\x16\xaa\x19\x0bJ\xf7\x11y\x85\xac\x01\xefI&lt;\xe1\xbc\xfbQ\x04\x89\x1d\x05\xb9\x1f\x11\x10\xaa\xde\x14\xdbUI\x91\xda\xaf4\xb5\xe4D\x0fg\xe5\xa6\\h+\x1f\x92wv\x0f\xd6\x19\xb8\xae\xe8b\xc4\xbeB\xe0G\xf7\xee(\x99 \xf40\xc1\x1e\xde\xc4v\xf5\x96[\xb6\x8f\xe6\xff\xd2\xecv\x8f6 +\xc7K\xf6\xecUv\x1c\x80\x04\xd6\xf2\x83a\xa7\xc6\x05\xd7qvLw\xad\x83\x17\x12\xcd\x8c&lt;\xbb\x85\xd9\x19\xb4\xa9`.;)\x0f\xf7\x8a\x96\xd4\xd5\x93\xda)\xf1@\x1e\xb1\xb7\xbe\x7fY\x91\xaa\xf5\x92[\x1cI\xf4\xd1M\xc1\x1axt\x0e\xa1;TA\xaf\x10\xf3}J\xfb\xc8\xff\x0e\x94\x04\xd2hJ=bVV\xcb1\xd1\xe9,\xc5\xaa^\x8c\xb4\xce\xfeI\xe9\xc5+#9,\xb8\x01\xa5,H\xecC!\r\xe6t\xb6\xfe\xae\\wL#C\x113\x10_\xd7N\xb8\xfc\x1aT6\xee\xec\xe9\x8dRh\x93*\xd6\xc0\xb5\xa3;\x8fO\xd5X\xeb\\E\x1c\x05{\x96\x8a\x1f\xc0?7\xbd\xad\x8b]\xcac\xe1\xedt\x8dJ8\x89\x164\xf2x\xbc\x9ePU\xef\xc8\x075M\xaeH\x19\xf2,\xfd#\x1c\x9d\x97Q\x17\x99\x9b\xdf\x9f\x80\x0c`\xac\xc6\x0bD\xbbu\xf8\xb0e\xd0@*\xf0E\xf2:\xc2\x99\xdb\xc8p,N*v\xd9\xe4\xfc")\xcd\xdc\x9d\xa8\xee\xcf\xaa}\x94\xd2\t\xb7\xf0b\x1c\x1f\xc8.\xe7\x04C!4\x19 \xe8\x07\x89\xf5wm\xdcv\xa7\x18\xaeV8B\x86\xf2+\xcc\xa9\xd8\xd4\xe8ftde\xe5\xf8\x04&amp;\x88\t\xf1\xaf\xa6\\\x8b\xf2\x1afI\xf7\xab\xd0q\xccx\xa8\xabn]r\x1a\xc82\xaf\xf0\x0e\x83x(\x9b\x19[$\x123\xe4\xfa\xc5\x8a\xdd\x98\xb0\xac\x7f2\xfe\xee\x90\xdda\x99\xdee\x92f\xc8\xd8\xd0\x88w\xd4kx\xf4\x01F\x90\x1c\xe2\xf3d\x08\x90]\x8cg\xb3\xd2\x0e\x81z\x02F\xef\xde+\x15\xc6\x94j\'\x9b*\xf0\r\xcf\x01Ns\xa1\x1f7\x89\xf9\x8e\xb7\x00\x0fW\xab\x1c\xbdTg_S,\x99fm\xa5\xf0\xa2\x94R\xec5JC\xd5S\xe4#"2\xa3\x8c]\xe3\x90\xec\xfd\xbbD&amp;\xdff\xb3\xfa`n\xb0mH\xdd\x87\x0e\x96\xa0\x86\xa2\xdfQp\xb0\x84\x9d0v\xed#\xce\x02\xf7\x1fb\xd6L\xdbI\xac/z\x95\xff\xc3sL\x888\xa9U\xe0dI\xf5~Q\xc9\xe6\xd8\xa0\xc3\xbb\x03\x9f\xb8\xb5\xd6\xff$\xb1\xd7\x87\xcf\xb1&gt;\xf1a\xc1\x8c~nI_\x0b4\x93\xb3.\x957\xc3\x1a\xc5+\x9c\xabP\xf0\xc8\x000\xcdW\x8c\x11\x98\xa9\xc8\xb5\xc9\xc3\xa3j\xf6\xc2\t\xb9\xbb#\xe2\xbb\xfcX\xed\xb9\xde\xd9\xb0\xce\x82\xdd\xa2#B:\x8f\xc7`k?\xfe\xbf\x91\xf9W\x8b\x8f)f%\xe8\xa2\x91\x1ab\xec\xdc\xd6a\x16\xffFR\xc1w\x18\x06+4\xc55\x84j\x86\xb6\x8b\x965\xc1t\xa7\x9c\xc8\x9bv\xc6[\xbfXy\xdd\xdc\xe2\xb6\xd1a\x0bw,\x06\xc7\xb3\xf3\xed\xf1\x84\xb3\x07\xf6X\xd8\xc7&lt;\xbb\x8e\xf2\x1e+\xe3\x1a\xc1(\xce+\xf1\xbd\xc8\xcd\xfbrp\x1e\x124s\xd6\x8a\x1c\xb8K\xc5xW\x90\x91\xb5\xfd\xce6\xf8\xeb\x12j\r\x94\x93\xce\xd6\xbe9\xac\xef\xc6K A\xf5\x14J\x0c\x92\xf2\x8a\xb5\xb6d\'%\xf8Y\xa7\xf2\xca\xfd\xb4x%\xe7Mv)\xddY\x97-\xcfh\x9d\x1e\xba\xe2\xc57\x9a)\xe0*\xc7\xfb\x91\x80\xca\x8e\xc0W\n\xf4\xcf\xb1\xf0?\xa27;\xe03r\xe4[\x90Bk2\x91\xb1\x19\x07/\x1f-o\xa7\xae\xf7Y\xb9\xe8\xfd\x93/\xa8#\x89\xc3\xcdY\x98\x0b\x0c\x12\xee\xec#\xbe\xb4\x84\xf4\xd6\x8d\x0f\xef\xb7%\xf2\x11Do\xf5t\xcdym\xe6\xfbN\xd4\xfe\xc4\x0c\xbb\xf9{\xf8\xd0Ek4\xfa\x1a}\xed\xd6\xb2]\xd9\x7f\x83\x8a{\x8eP\xf5!?UO\x85\xf2\x97:w\x1c7\xea\xe2a\xba\xeb\xd2?/\x8a\xc4\x8a\x02:\x1fL}?R\xd8N\xf0\x0f\x14\xb1\xc5\x87Et\x06\x82\xff\xc6Ci\x12\xd1b \xda\xcaIa\xd9\xf4\x1eTE\x17Kj\x9dh\x08\\a\xfb(\x9e}\xbf\x935G\xce\xa8\x17"_\xdbAvO\xbc&lt;\xf3\x80\xaa\xf6\xe1Z\xd9/\x08rL\rZH1\x97\x1b,\xeb\x9e\'?\x803+\xf3\xce\xe4\xa1-\x80\xc5\x0bT\'\xbc\xed\x847Jt\xe8\xbb\x90\xdd\t\x89\x83\xcd\xcc\xaa\x9d\xf2\xbd\xdfd\x0b9*(\xf4\x94{\x99\x0e\xbc1\x88\x07\\?\'\x1b\x10v9\xe3\xd8\xde\x07:\xa8\xa4Z\x195\x1f\x95\xb7\xd3\xd4q\x1eDk\xc3\xc3\xb3\xcdQ\xd4C\x10\xc9\xf2\x85N\xf2T\x916u3\xe9L\xcag4\xb9\xa3\xf5\xc5t\xa8R\xc5R\'pQ\x1fP\xda\xcc7\xfd\x0ct^]w#\x80P\xd6\xc0a\xe5\xd9\xd4\x92\xad\xf3\x91\xd6\x1a\xdd\x82\x87\xf1\xcc\xe8\xf6\xbf^\xfc\x18\x13\xf3kSp\x9dZ\xd7p\x85\x98C\xea3\x8d\xc74\x920\x97yn8\x00:&gt;gb\x9d\x1dW\xb6\xa4*}\\\xe9\xe9NN\xee\xd2\x0c\x11U\xaa&amp;}9|\xfd#\xc5\xca+\x1f\x82\x11\xd1Y\x80\xf2\xfbl5\xde`\x97Wa\xe0\xb3\xf6]\x83N\x0e\x86\xb4v\x8d\x06:\x8a\xcfQf\xc4\xec\xa7\x00hQ\xa6\xeb\x8b\xee\xeb\x82\xf1\xb71\x8a\xa72\xa4\x9aL\x8f\xbc5a\x8bJ\xbb\x91\x1e\xa9\xcat\x98\x187\x14Zx\xb4\x97$\x8a\xed\x1f\xba\xf4\'\x01c\x92v\xc2/\xa0\x04^\xf3n\xf2\x91x5\x82\xa3\xd1D\x03\xb9I\xfc\xb5\x80\x16\x08\x99W\xdaKtA\x05\xb1&gt;\xf8\x824\x9c\xe4tr\xcbW\x87\x95\xee\xeb\x10\xf2Cr\xfab{:\xcf\xb0\x0b\xbbV\xe1u\r\x88\xc3@\xab\x9a\xdf\xceA\xbd-\xd5r\x17[\t\xde\x18\x99.\xd6\x1f\xa1\x0b\xe8\x81+iz\x1c\xc3\xa6\x95\x87kU\xd5\xcf\xb8\xad\x17\xb7~_[?a\xba\xec\xb6\xa2\xd9(|\xd4l6\x89:e\x81\xaa[\xb3\xbf\xc4K7\xf9\x00|\xe5N\xf6-\xbe\xbd\x1d&lt;\xd3\xc4\x06\xbfbg\x18\xe8\x98\x1cX9\xc5\xfd\xb1,\xaf\xf0R\x1f\xf4\xfa\x90\xc1\x1c_\x19\xc1\x11\xf8\xbd\x16\xd7k\x87\xea\xbdK\xdc8\x1c\xfbk\x9bQ\x9b\x81.\x94\xe6\xdc\xea\xe4\x90F/\xca\xf6fY\x80\x87\xbft\x1dS\x12A\x174\xdc\xe0\x9aKG\xd74\xd0\xcaXe\x95\x82\x90\xa0\x1a\xea\xc4I+\x84::L\xbddy\xcb\xc5\x162+\x9a\xc2\xe0\x17L\x17aO\x08a.\xf0d3\xc2H\x870\x0b\xd9R/\x1b2Iru\x06;\x89zcYqcK\xef\x0c\x07\x9c\x7f\xac\x19\x15\xa9*%\x9e\x01e\x1b\x03C\x96y\x10)\x0b\x9e\xef\xdf\xc8"R~\xa563I^\xa1\x98]zE\xdf\x9f\xab\x0c\xec\xaaw\xc0\xe1&gt;\xf6\x06&amp;\xc0-13&gt;c\xb8\xed\x19O\xe87\xf6W\x19\xa44\xc48\xe7\xd5\\I3\xa2x\xf51\xd5\xdc\x1c\x90%%@\x91\x84\xa7\x83\xc3\xe1ZiK(\x98\xe8^X\x0fa\x10P.\xd7\xbe\x90\xca\xd9U\n\x95sf\x08\x98\xe2@\xec\xb2\x10\xf0O\xd1^\xf0\x1dU_\xaa\xa6\xe5*\x7fls\xefp)E\x19\xcc2R#\xbc\xdaeM\xd73`eB}"\xe5\xf3\x08\xda\x06:\xa5\x9f\xd2\x01;\x1d\x9eCi\xab\xd1\xed\xc7\x87\xd8\xb4\x14/\xd5\nD\xcb\xe0\xa9\xd4\xfcqy\xf1\xb3F\xcb\x12^jB\x16v\xd5\xd8\xc0c2\xd0\x19f\x95\xca\x05\x08\x04vX\xb6\x94\x191\xc6\x8e\xfcF\x82\x99~\x90\xd7^\x99$9\xba~K\x92&amp;\xcf\x1es\xa7\xa7\x80\tg\x87\x05"\xb6N\x97\xfc\xa2c}\x93\xdb\x0b\xa0\xe4\x7f\xf7\x0f\x96\xd5d\x14\xfc?\xba.\xb9~E\xf3\xfc8\xc5B\xc6m\xf4KE\xb64\x90(k\xa8\xcc\x8a,\xf7\x05A\xb1\x85f\x0f\xb5\r7\x80u\xc0\x17\xe6\xc5\x86\xf9\xd7C\xc3\xbe\xfe\xbd\xa8\xd8\xf3\xec\x02\x82\xbd\xe2\xd6\x1e6\x04\xb0\x1a\x9d\x11K\x02\xf2\xb4z\x13U\xb0\x1c\x1a}\xe0\xdde\x07xf,\x9e\xc5\xf1+\xc0\xbd\xb2\xd49\xb71\x8b3\x86\xef\xbf\x19\xc2\x8b\x1b\xd6\xfa\t\x16\xaa\xe0\xb1\x0b&gt;T\xd6a\xe0\x99&amp;\xf5`\xa0\xc8\xdb\x10\x03\x88\xdd9\n\x1b?\x1dL\x0b\xdc\xc0\x123\xffF,\x15\xd5^\x96\xf9\x1a0\xcd\xd8\xf1\xce'</t>
  </si>
  <si>
    <t>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</t>
  </si>
  <si>
    <t>b'\x0f\xb1\x8cV\xbb\xf0\x8aga3&amp;&gt;\x03\xdb\xdb~'</t>
  </si>
  <si>
    <t>ve productivity in apparel was so much
 higher than in other industries, China had a strong comparative advantage in apparelâ€”and
 Chinaâ€™s apparel industry was eight times the size of Germanyâ€™s apparel industry.
 In sum, while few economists believe that the Ricardian model is a fully adequate descrip_x0002_tion of the causes and consequences of world trade, its two principal implicationsâ€”that
 productivity differences play an important role in international trade and that it is comparative
 rather than absolute advantage that mattersâ€”do seem to be supported by the evidence.
 SUMMARY
 1. We examined the Ricardian model, the simplest model that shows how differences
 between countries give rise to trade and gains from trade. In this model, labor is the
 only factor of production, and countries differ only in the productivity of labor in dif_x0002_ferent industries.
 2. In the Ricardian model, countries will export goods that their labor produces relatively
 efficiently and will import goods that</t>
  </si>
  <si>
    <t>b'0E\x02 t\xc7&lt;\xb3\xd4\xb8\xa5\xec\xd6Z\xb1\xf5T\x0e\xb1\xf3\xc1\xf6\xf6c\xc1\xeb^\xa5!+\x1af{\xcf\xd1\xab\x02!\x00\x9c\x1a\x12C\x07u\x8b\xebW4\xe1\xef)H\x9e\xf0\xb8\xd0U\x07\xa6\xbc)\x93L;\xdf\xba\xac]\xa4\xb4'</t>
  </si>
  <si>
    <t>3045022074c73cb3d4b8a5ecd65ab1f5540eb1f3c1f6f663c1eb5ea5212b1a667bcfd1ab0221009c1a124307758beb5734e1ef29489ef0b8d05507a6bc29934c3bdfbaac5da4b4</t>
  </si>
  <si>
    <t>b'0E\x02 t\xc7&lt;\xb3\xd4\xb8\xa5\xec\xd6Z\xb1\xf5'</t>
  </si>
  <si>
    <t>e a 
 word or two, and as I was able to tell him that every man on board had 
 done his duty, alow and aloft, as I never ask to see it don</t>
  </si>
  <si>
    <t>b'Z\xcc\xb5\xef\x14\xc2Q\x9f\xa4F)\x9d\xa5y\xc2\xe1\x80F)\xdf\x81\x9cq\x9b\r\xbc\xb1\x1d;qE\x1b\x1f\x8d\xb5\x94\xa9]6I\xa0\x9d\xd6\xee\xf0\xa4?\xf0\xfe\xa9\x0ei\xdd\xd3\xf8\xf8\xae\xd2\xeay\xd4v\xf7\xe5\xc3o\x9f(b\x9a\\N\xa6&amp;\x16\xe0\xc5\x8c\xe4_\xf3\x0e\xbf\x1e\xc9\x83\x88\x13\n\x97\xc9To\xa5\xbc\n\xca\xc9y\xd7\xd1%\x11\xccn\x1c\x8fc\xa2$f\xa1\xde\xc5\xb9\xe9\xe6&gt;2\xbb\x8c\xa5F\x9c\xb3\xfaE\xc61\x93\xa5Pa\xfa\xcea\xd8\xed\x14\xc8p\x95wu(UX\xe2\xf1\xa6\xfcGIO\xe9&lt;\xf5v\xafU\x1a\xb7\xb11\xed\x99\xe0J\xee\x9d\xa9\xa5\xcc2t\xf3T\x82\xe9\xee\x91\x08\xf9\xbc\x15P}\xe9(=\x96\x8d\x04\xc2yow\xb0~\xcc^\xd8\xdfTv\xbbq[\xa7B\xed\xb3T\xd5\xa2\x10\xe2PY\x91S\xcc\xae[\t\xf7\xac\xbb\xf6\xa3\xf0\xe6\xe0\x97\xd8\x98\xa382\xeeuq\xd0\xd7\x8ci\xfc\x87\n\xde\x90\x832@J\xf3'</t>
  </si>
  <si>
    <t>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</t>
  </si>
  <si>
    <t>b'Z\xcc\xb5\xef\x14\xc2Q\x9f\xa4F)\x9d\xa5y\xc2\xe1'</t>
  </si>
  <si>
    <t>ness. No amount of
 preparation ensures a perfect process. Sometimes youâ€™ll make a modest
 mistake, like going to market with the second-best supplier cutting slightly
 into your margins.
 Other times, youâ€™ll commit a nastier error, like the time we lowered the
 price on our yoga mats without really thinking through our inventory
 limitations.
 At that point, we were still in the small order phase, hedging our bets with
 a limited supply of yoga mats. Up to that point, weâ€™d kept the price high,
 which was great. Profit margins were solid. We were attracting the right
 people. We had a steady but not overwhelming number of sales.
 Then we decided we wanted to chase a higher Amazon ranking. A better
 ranking would mean more eyes on the product and more purchases; it seemed
 a nice shortcut to upgrading to larger orders and bigger profits. To do that,
 though, we needed to boost sales. So we slashed the price, handing out a
 better bargain to the customer.
 A lot of beginner entrepreneursâ€”and a fair number of experienced ones,
 tooâ€”are afraid of high prices. They want to cut prices as soon as financially
 possible, probably because some intro-to-business class told them thatâ€™s the
 best way to build a brand. I can tell you from experience, though, that if
 youâ€™re building a brand, you donâ€™t want to get into the business of cutting
 prices. You want to be near the top price point in your market.
 The reason is simple: Itâ€™s much easier to scale a premium brand than it is
 to scale a low-priced brand. Only companies selling inventory in massive
 quantities can really win at that game. Youâ€™re not going to beat Walmartâ€™s
 price, so donâ€™t play Walmartâ€™s game.
 When we cut our price, we sold really well (because when you follow the
 method in this book,</t>
  </si>
  <si>
    <t>b'\x96M\x8f\x1f\xed\xca\x83P\xa7\xf3^\xaf\xa0\xed\xafP\xbc\x8a\xa0&gt;\x82\xc9\xd33\xd1\x8fr\x9b\xc5\xdd\xee\xd3\x9a\x9c\xce&gt;y\x1e\xa9\xcf|\x91\x80n{\xc0&gt;\x8f\xdb\xb6i\xdb=M\x92\xfe\x19l\x95G\xdc9w\xb2\xab\x96\xb2\xefThWetf\xacu\xdfF\xa7\xd5\xa1\xd6\x18QE\x80.\xc1+\x04i\xbc\xa2\xca(\xc2f\x1d:\xc4\xa5\xff\x99\xec\xdb\x1a.\x19\xb1\xca\x8a\xaa\x1f\xbb\x84\x1f\t|`\xa6\xaf\x85\n\xf9\xd7\xa0\x85\x18"\x15\x95wR\x8f\xc0\xb0Z\xed}W&lt;0&amp;\x1b]\xf7\xb4y3(\xdc\x819*qz[i\xb2\xe2\x19\x08\xdeTC\t2\xfc\x0e\xfdK\xa1\xba\xce\x05%k[V\xcfiZ\x18\xc5L0\x8a\xc3\x968u\xce\x8d\x9a\x97\'to\xabm\x02\x85Pp\xeb\x03\x9c\xfaJ:\xbf\xf0jE\xf2V6:\x90\xa6uv\xecs\x93\xbd\x01\xab\xe0\xfa\xb87h\xc5\x1f\xfc\x8a\xc5\x8dl\x9c\xa1.\x83\xb5\xd7s\x8c\xf8\x1a\xc5\xf9\xfb\x9c_\x99\x16\xc6\x95\'.\x12X\x98\x8e\xdf\xdd\r\xef\xf8\x92\x99\x0b\xa7\x06\xd4\x93D\xb5\xe4\x0f:\xee\xb2\x8b\x94\x99&gt;\x02\xdb\xaa\xc3\xffn\xa5\xbe\xaf\xa5x\xd2\x8f\xbd|^\xd53\xe9\xec/\xa6cl\x9f\x1d\xdbye\n\xce\xa8J\x0f\xc6\xa7L\x91\x86tY\x83\x05\n\xcb\x14\xe1\xe0\xe3\x8f"\xb3\x894Ci\xa6\xdd\x1e\xa4\x1c\x94\xe3c\xb4h\xe4\x95\xe4U\xbd\xa5\x9b\xf5C\x10\xd2_\x1c\x8a\x1fG\x7f\xf0t\x9be\xb1\xde\x08\xfbR@M\xd5\'\rCs\x97\x03/\x91\xb07&gt;ES\xb0\xd0\xb9";\xc1\xb8]\x8a\xa1\xfe-\xdd\x83};\x87\xca\xee\x8e\x9e\xd85\xddI8\xe0 1\x17\x96\x81)\x18"Q\xa7\xd6\x9f\xc6n\xd0\x15&lt;k\xf8\x8d`\x0f\xbdK\xac\xa6\xdd\xd6o\x0b\xae\xd4;a\xb9\x81\xf9\xbb\xc2A&gt;\xf0E\x011+;\xed\xb0\xf2\xe8`-3\xd4\xcdg!\x88Y\x06\xb3?\xbfo\x89;\x92\x160C\xbf\x03[\x19\x14\x10\xad\xf9\xc2\xbe\xdaB\x9c]\x93=S4}\xd4Q]&gt;+\x84\x1bo .Ek\xfd\x8aeu\x1c\xee!1X\x1a\xfe\x1a\xae\x9e\x80&gt;\xf7\x13\xa0t\x01\xafA\x86Z\x05\x98\xf8\xe8\x1d\x9b\x08gm\xc6\x00\x05\xc8)\\\xba\x8d2\x1cT\x88\x98F\xcb@\t\xf6\x83\x90`\xbb\xe07`\n\xd54&gt;\xb0\x98\'6\x9b(\xb97\xd3\x9ae\x02\x19i\x85\xa7\xe2\xe37*\xa2L\x93d\xdf\x1a\xc0~jI\xee\xfa\xaf\x1d\xe9\')\xf2\xb4\xf6\xc8P\x10\x8a\xdb\x12\xc0Q5`\xf0\x83\xab&amp;\xa31\xa8\xe5\xa7\\+\x80\xa8\xd2\xb4B\x1e\xd2\x89\x1a\x0b\xd5\xea\x9d\x9e,\x0c {7B_\x1e\x18H\x93*R\rR\x82Z\xbb_\x0b\xe0\x97\xeen%[!\x1f\x1e\xd8\x08\xb5N\x8d(\xb8n\x96RL\xbc\x867\xad\xd4?\tD\x13\xdd\t\x03\x8d&gt;\x8b\x0b\xa5\xa5\xcb\xe3\xe0\xf5\x1f\xbf\xb8\xdd\x9f\x9c\x9f\n\xf9\x94hz\xe8\x16ZN\xc8\x9a4Q\xe4\x0c\x00;\x1a\xe3\xbb\x05&lt;\xfd\x81\xbfq\x7f\x9e$\x05\xd2\x9c\x0f\r\x9c\xe55\x832\xddU#"\xf9\xa2\xe0\xdc\xeb\xc0\x8c\x9bk\xc5\x9e\x9c\x13\xd1\x8e\xe2#\xc0\xbc.\xed\xdf*\x95\x92\xf2\xa4\xccJ\xc4\xaah\xd9\x107\xd1\xf9)\x02\xa3\xea;\xd5\x11\xa5\xa9\rb\xb1\xac2"\xb6\xc7Ux\xd6\x1b\xf6\x14X\xcf\xb2\xdd\x9c\xbb\xc3L\xce\x10{n\xbf1PsW\x9ffgS0\x002\x0cH\x97\xf2\x17Hs\xaep4zf]\xb7\xd4e\x8d\xb5\xb3\x8c\x13\x9en\x9f\xa4\x94\x9b\x89{q\xe2,{\xac\x8d\xc4S\xf8&lt;\x05#*\xb5yE\xed&gt;\x13H\x9d\x90s\xf7\xf0\xd5\xfe\x08\x07}\x131\xe1\xdcPt\xbe\n\xdb\xf38\xad\xd1\xba\xe6\xdf&lt;\x8f\x85\x87\x98\x0e\x1d\xe1\x9c\x96\x07\x80\x94o\xc3&amp;\x15Kk|U\xe2u7\x90\x8f\xd3{\\\x16\xb8\xb8\x0c\xfex\xd09\x83t\x18\r\xb3\xa9?\xb8fn\xdd\xbc\x07\xebrV\xa0\xa0\x89P\x06(\xd6-\x0e\x03Q\xaa\x02\x04[\xfe\x04}L[Z\x92\xe7I\xdf\xa0B=\xa77\xe8\x15J\xfc\x1f?k\x96\x03\x1b\xa1l!\x14\\\x04\x11\x8a.\xf0\xea,\xca[&amp;\n=\xcf\xec5\xdf\xacq\xc9\x99\xd41\xbe\xae\x19\xb3\xd7\xe3\x1aI\xe4uSR\xd6\xab\xd4\xfer\xf0\xcfg\x04\xa2\x85\x14\xd9`n\xaa\x98\xe5\x05\x04\x1b\xcb\xe1\x9f\x1f\xe3O\xad8\xae2C\xf0_\xc7\x87s\x08f\x0c\x95\xa3\x10\xa2M\x0e\xf5\xd6\xf9\x04\x03\xfb\xf0\x0b\x88\x01|\x018\xa5\x10\x80\x9d\x92\xa2^\r.i\xfa\xab\xfc\xa0\xc5\xbb\xcc\xa1\xc8\xda\x8bQ\x1d;Q7\xc1T+?\xc18K\\\x10_9;-~\x81\x1e\xf2:\x8d\xb9f3\x86\xdf@qB\xda\xec{\xa1Bc\x12\x00\xb9\xff\xa1\x9cp\x15\x80\x89`\x9c\xab\x19iZ\x92\x0em^}@8\xfcIr\xc9\x0eo$z}\xd5C\xa4\x0b\x86?\x8b\xa4\x91\xb2{\xe8&gt;\x1d7\xbf\x8d\x05\x80U\xc1\x85\x89\x02\xa4\x89\xdb\x93\x85\x0f\x0c\xb1\xd7\xde\x02\x93\x99O\x02W\xed.^S\xc3\x91\xd2?\x9f*\x18\xb2\xe8\x88\x9b\x01P\x13\x86\xd9\x00\x03\xd9\xb2GKelK\xb8\x81k\x1e \x17{\x7f\x02\xc4r\x05J\x94\xda\xb6\xa4\xfb\xe7\xac\x9aReW\xb0v\xf4\xef\xb3gu\xbc{\xbe\xc0\xdb\xe2\x1dak\xbf\x16\x1f\x1a&lt;L\x95\xdc\x1a\x12\xb1\x19\xe4ki\xdc\x14b\xf8\xf2\x89\x86~\x8f\xcae\r\x9aO \x84\x15\x92\xe0=\xd9r2\xbf\x01\x0e=\xa4\x1d\xfe\x0eX\x95\x18\x8a\xd1\x0e\rp&gt;9\x02CN\x02\xd7\x9e\x01\xb5\x86\xcc\xfe)["\x83X\x1c\xa52\x89\x18\x7f\x163\xc9Y\xda\xba\x05p|\xf3\xaa\xa0"v\x12a\xd3j\xa2h\xc5\x827\x15{\xac7\xf1\xcf\xd5k\xea4\xf2t\xd6\xff\x0b\xd4\xc2:F)\x85z\x0c\x15\xaa\xf1\xfd\x91\xd8]\xe5\xbe\xcb\x90\x84N\xcd\xd3\x0f\x00_\x15\x12\xb3\xd3\x16\x92\xe8&amp;]1f\xde&gt;a\xe5\xbe\x0bH\xea\x92v\x9b\xb0\x1dd\x08v\x80X\xba\xd1n\xbaE;\xb5\xd5\x14\x9d\xff\x92\xb3\xee\xae\xfe\xd0\xf1\xab\x88(\x1b5\xd2\xd9\x91\x86oC\x08\x1a\x91\xe9\x0f\xae\xf4\xfb\xf4?H\x17\x99\xb6\x96\xad\xc9\x02\x853\xe9\xe0\xef\x1f\xc1\xef\xa8"\x03\xdc\x9f\x14\x8f\xf1\xda\xc0\xce3m\x0f\xb3C\xee\xc0\xebv\xf6\xa6\xc3*\xf9\xda\x18\x1b\xcc\x1f\x16\xf2\x03\xe2\xbe\xdb\x0c!q-\x1b\xbbT=\\\xef\xda\xb7\xdb*\xf2\xd4\xee\x9da\x00\xf8?M\xdal\xf2\x0e\x0f\xedu\xb7\x04\x03\xaa\xf0\xf3\xe6\xdbG\xbf8\x15\xe5\x19\xd4\x05\x1b\xc0\xc6\xe6K\xa5\x8c\x9e\x06\xdeH\xb2\x01\xbc\x05\x95\x1f\xd2VW\xfb\x81\xf4\xd1\xce\xac\x12\xf6\xd6Yt\xee\xa4M\x9f\x96\xd8%\xc9\xec\xdf\xf1x\xecC\xb0\x96\x01/\xb53\xac,:\x85\xfd\\&amp;\xbflc\xcf=GyE\xffBMS\t\xe6M5\xeez\xffe\xe1bp59!\x7f\x87N\xfa\x9a&gt;+\x9e\xf0c\xa1y\x9e\xc6\x81I\xf1)\x860\x05\xdc\xdf\x99\xba\xf3!\xb0\xdcVx\xd4)\x07\x80\xfa\x05\xf2\x98\xdce\xd0\x11\xb2\x1dz\xd3\xb0\x81\xe5\x909\x1c\x97G\xe2'</t>
  </si>
  <si>
    <t>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</t>
  </si>
  <si>
    <t>b'\x96M\x8f\x1f\xed\xca\x83P\xa7\xf3^\xaf\xa0\xed\xafP'</t>
  </si>
  <si>
    <t>ative in gynecological practice,
retaining the many old recipes, sometimes enhanced by exotic ingredients from
faraway places, as well as introducing new therapies and procedures. Providing
cures for infertility and amenorrhea, preventing miscarriage, and medicating all
manner of uterine complaints remained a high priority. Both wet and dry fumigations
that delivered vapors directly into the uterus continued to be popular and would be
for a millennium to come. Cato had prescribed as a gynecological cure-all boiling the
516 Ann Hanson
urine from a cabbage eater in a pan and sending the fumes through a reed into the
womanâ€™s uterus, as she sat above on a chair with a pierced seat, her garments
enveloping her lest the fumes escape (Agr. 107.11). Similar methods for fumigations
punctuated the gynecological treatises of the Hippocratic Corpus, for the application
of odoriferous vapors was often a therapy of choice for drawing a traveling uterus
back to its proper position in the body. Old fashioned as the procedure seems, so
sophisticated a woman as the empress Agrippina the Younger (15â€“59 CE) gave herself
fumigations, once she recovered from her misadventure in the collapsible boat her
son Nero had had built in order to kill her and her swift swim to shore, and after she
applied medicaments to her bruises (Tac. Ann. 14.6). Agrippina would no doubt
have employed more exotic ingredients in her fumigations than Catoâ€™s cabbage urine.
Archeologists have unearthed uterine amulets, usually made of hematite, from the
length and breadth of the Roman Empire, from Britain to Syria; commo</t>
  </si>
  <si>
    <t>b'a\xe4\xf3Phc\xac\xdd \xccDG\x8a\x95\x9aw\x88"~X \x87H\xe7i\x00\x8a;\xf3%?\xde\xb6\x91\xe9F\x8f\xb4\x84\xcf\xab{~\x18J\xbc\xd3\xf8\xeb\xc0q\xa1\xceGRI\xbf\xdc\xeb\xe2u\x04\x0e2\x17\xbd6k\xacy\x11\x84\x0b\x84\xbevoU\xf6\xa8\xdd \xb4Z\x90\xf4\x15\x11\xd8g\xc2\x0c\xa8\xdc\x1bW\x17=h\x806\xf9|y_\x94\xec\xb7\xb2_\x9e\xd4\x90\xb66\xe0\x07\xff\xc4\x15\xc5\x0bX;\xd3j?\xf3\xe3D\xb6\xcd\xf4\x98"\xe59\xffPQ\x07S\x05\x84\x92\xe8\x92\xa6Ca}\x1a\xcc\xb0Hyy\x93\xe3\xa2\xf5H\xb3\x8fYOk\xf5\xc4\\\xf3\x0b\xcd\xeb\x04\x9f\x02#\x1bwJ\x88\x9eW&lt;\x19G\xc2]\xabS\xef\x89\xce\t\xb3\xd1z19\x16)X.\x96)6\xf9/ \x11\xbc\x16Ook\xf7i\x04\x91\xe4\x9e\xda\xe6\xce|C\xc8\x0eFL&gt;E\x16\xe2\t\x86\x85\x9c\xd8\xbb\x11\xf0\xf3\x8f\x1ae\x1e\xf0\xde8rY\xb9!\xa4c\xa6Y\xd9|\xb86/\xdf\xb6!J^w)\x073&amp;\xa8\xbc\xe3f\xff\xf5y\xa4#d\xbf\x937\xecG\x0f\x94\xf4\xabh\x8c\xf59\x9dL-\xf4\xa5\x0e\xaa\xe7\xd1\xb3\xe3}`\xdf;\xaeW\xb6\xc1gCc\xd9\xeb\x05o&gt;\t\x18\xfb\xc4\xebm\xa1\xdf\x05\x1c\xc3]6\xbb\x89G\x9d\xc6\x8a\xc0T\xcf\x9a\xcb23\xf0\x1dq\xf4\xec\x87p\x07$S\x8d\xc9f\x84d\xe4\x1d\xbd\xf4\xf4\x99E\x91X\xb8\x0c\xd9~#\xc8\xa7\xe6s0,\tf\x001\x8d\xea\xbb\x00e"\xc6k\xf0)2NZ\xa9\xc0\xece\x14\xff\x0c\xbf\xf0!eU\x15\rW\xdc*\xd2\xc4f\xc6\xd9\xceY\xd8!\x95A\xc4N\xf7\x89\x1cZ\xfe\xb36\xd4:\xa8*|\x88|\x9cm|\xb2\x8b\xbf{%V\x08\x01\xe1#/\xb6F\xa2eh\xe3\x9e\xdf\xcd9\x19\x14\xf3\xe1\xe2\xc9\x80\x19ne\x9f \x83\x162I(\xd3W\x90\xf1\xc4\nve\x00H.\x85\x94\xf1\x1c\x06\xbc\xa78\xfc\xe4e\xfeb\x82\x88\x0e\xb7\xd3\xd5\xe2\x98-\x15\x01\xde\xdcx\'\xde\x07.\x82\x94:\x9cM\xc6r-h\xad\x16~0\xb6\xb5\xb7\xae\x0e\x18\xaa"\xd8\xb0#D\xb9$\x02\xf1\xb5\xdd\x9fV\x8f\xaa\xec\xb7\x7f\xf5\x9c\xd5\x0bX\xfcW\xc2af\x98g\xb5sd\xc7\xaa#\x02\x05\x87\xe1\xf8lH\xa3\xf9\xe8\xd5&amp;u\x89\xa86\xc0F.\xf1\x9f\xd0Q{\xa0\\gK\xd9\xe1j\x04+%\\\xa6u\xf6\xbc\x10\xd9\xbd5$P\xbc\xea=,\xa9i\xaf\x0c\x13\x90\xa4\x83\xddB\xc5/\xa5\xee^cY|/c\x19\x90\xf5\xc6.j\x86W\xbf8E\xae\xf6; 3\xf8h\xf9k\x18\xf4X\\\xaeqV\x81\xd0\x18,\xfb\xbcPJ\n\xeb\xe8\x08\x19\x10x\xa7\x8d\'\xce\x00\xd1\r\xe5\xb3\x1e\x82`\xdc\xe1\x02\xafFLvj2\xb3\x960\xac\xfb\x1c.G"\xbc\xef\xd9\xcc\x8fmY\xdd\x8a\x0c=\xa3\xd3\xf9-&amp;\xcaJ\xda}2\x0e\xf3\xb0CHY-\x95G\xeb\x83\xb7:\xc5\x92e\xdf"\x94\xde\xf6\x17\xaa\xa48WjX)\x06\xb2\xf1\xb2\xe6\x95\xaa\xc6\xca\x0cp\tS\x8c4-\xd9\xa9\x0e\x15\'I\x1b\xb3\xe7\xbb{\xc7\x93\xe2\xa7v\xec\xcc\xafO\x9b\xd9\r7CO:O\xe4K9\x9d\xe1\xc5\xab\xf3\x8b\x13\xb8\xb6\xcf\x11\x81\xfe[\xf4\x0eiU\xa8U\xca\xc6\xc8:\xcc,;;G\xe6&lt;\xe3\r\xee\xf2\xf1I\x16L\x0fX\xe0\xc8\x9c\xd7)\xd0\x97\x9a\x14\xed\xa9\xc9FN\xbb\x7f\xfa\xf8\x8b]\xdc\xd8\xbeA1)}W{\x1d\x0eLe\x9an\x9e\n\xb3\xa5T\xce\xa7\x935\xfd;\xd9\x1e\x11\x0b\xa0\x9b\xc7\x845\x99\xb5q~b:\xab\x08\x16z\x9b*~B\xc7@\xd7\xf7\xf9\x02\xeb\x90\x006\xd4Y\x91\xd4\x1d\x9a\xde)Y\xbcq\xa0\x1f\xc2\x9a\x07\xf8\xd4cu\x0b\xd2\xdb\xb7q\xbf@\xf1\xf4\x19?\x10\x00t\xec\xf2\x90\xaa\x99\x10\xb3\xaa\x8ek\xfe\xea\xf91\xfc7w\xb8\xf7\xc7\xf3p\x87f\xcd\xc9\xa7\xe0l\x12!I.\x19h\xd3\x1a\xf1o\xbe\x13\xcf\xcd5\xe0\xb9\xd6\xa4\xa1\x11}\x88\xeb\x1afRb\x00\xf6=\xe5\x90\x96\xe9Q0\x19\xabI\x94\x9e]1\xa1\xcd\xd6S\x9c\xc5-\xa3\xcd\xebL\x1fCq2H]&amp;\n`\xdb\xfb\x99bX\x81\xb6\xf5\xb9M\xf8L\xd2o\xe3x\\\xff\x8f\x977\x07\x0b~\xab\x95e\xa0\xeb\x06\x12/\x07mb\xf8O\xe9\x15\xe7\xb4f!\x1d\' \xd1\xd9\xd5\x96*y3dt\x18\xfe\x84\xceC\xf7x\xa8\x8f\xd1\x89Qg\xd1\xe4\x88b\xee\x8d.\xb9\x9f\xefX\xc8[&amp;\x8f\xa6\x0c\x075a&gt;L\xa0\xcf\xab\xf2\xbe\xfd%`d\xce(\\\xaa\xb2`\x0fB\xe4\xd3\xfb\x11&lt;Vc\xa2\xa6 \x8cW&gt;\xf7\x1dv\xf9\x99\xc3\t\x8ctr/\x8b\xaa\xacZ+L\xe6\x02\xf4\xa6\xef\xcd\x044+1\x7fm\x15\x0fM\x07\xa0xL\xc3(F\x9bgK\x94\xc6\xfew\x99klCWn\xab\x06\xbe\xce\x00\xb1\xa6\xf7;\x14L_\xdd7\x9cF\xe5\xbd.\xbb\xa4.&gt;\xed\xbb\xe8\x1dC\xaf\xa1\x81\xeb\xe1\xb8\xd9\x8c\xf4P31\xc6\x8a!\x1d/\x88\xbc\xef\xd1=\xd42C+\xfa\x03h\x97\xa1\x83\x14\xd0\xe0\xce\xf2z\xdd-\\\x8e\x14/K\xaf\xfa\xb9b0t(\x01\xeb\xc6\xe2\xa96\x86x\x05a\x010T\x07p\x832\x82\xba\xd2|\xe3\xe1\x88x\xd0\x9f;\xadW\xb6\xd6\xcbE\xe9u\x92\xd9\r\xe2\xbf\xb1\xd1\x85j\x88t$\xfdA\x12\xd7ci\x07\xbcz\x0b\xad\x1d|\xe5\x0ei\xba\x1b5\xae\xb9e\x12\x96\x9f\xceIz\xf1*\x1d\xea)\xc6\x15\xe2\x92\xb8,\x94~Zm]\xfb\xde=\xa1\xcf\xadxb\x9a\xcf\x8d\xc7\xe1XD!0$(\xb8\xc4\xa5b\x964R\xccf\xb9v\xf7\xe4Q\xfd\xc69k\x0cz \xf6\xf7\xc8SO\x9a\xef\xbe)b\x10k\xf7\xc2xsT\xe76\xfa-\xa9M\x05\xafx\xa1ae\xe5\xbat\xeb\x0f\x01\x8b,\x86@&lt;\xe7\xbdaV\x94u\xff\x9f\xcc\x98\x16z\x99y\x98n\xd4\xb9\xcc+t\xb2w\xb0\x83\xfa&gt;\xe0b\xa1|\x80\x198\xe6\xf5\xb1L\xcc\\\x97p\x11\xde\x92\xc7\xc5I`\x8bkW\x88\xd5\x84\xe1#\x13\x91X\x984\x15\xcb\x83\xca\xc5sI\xea\x8esS\xff4\xc7^\x96%\xccp\xf27[p7\xd6\xbf\x16a\xa6\xa1\xf6S\xe1\x90\x8d\xe6\xcd+\xe9\xf5\xcb\xfbbe\xe2\xc2\xfc\xc6\xfa\nwl\x93s\xf4\xa1\x80l\x92\xfc\xb7\xfb\xfdCB5\xe4\x95\xa6aIn\xe8\xf5\xc6P'</t>
  </si>
  <si>
    <t>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</t>
  </si>
  <si>
    <t>b'a\xe4\xf3Phc\xac\xdd \xccDG\x8a\x95\x9aw'</t>
  </si>
  <si>
    <t>0% of
 the gates switch in every clock cycle, and
 the average load capacitance seen by each
 gate is 20 fF, determine the average power
 dissipation. Neglect the crowbar current.
 (Note that the result is unrealistically low
 because the crowbar current is neglected.)
 16.47. An inverter using very wide transistors is
 used as a â€œclock bufferâ€ in a microproces_x0002_sor to deliver a 2-GHz clock to various
 flipflops. Suppose the buffer drives five
 million transistors with an average width
 of 1 Î¼m. If the gate length is 0.18 Î¼m,
 Cox = 10 fF/Î¼m2 and the gate capacitance
 is approximated byWLCox, determine the
 power dissipated by the clock buffer. Ne_x0002_glect the crowbar current (even though it
 is not negligible).
 16.48. The supply voltage of an inverter in_x0002_creases by 10%. If (W/L)1 = 2/0.18 and
 (W/L)2 = 4/0.18, determine the change
 in the peak crowbar current.
 **16.49. Approximating the crowbar current
 waveform in Fig. 16.29(c) with an isosceles
 triangle, calculate the average power dis_x0002_sipation resulting from this mechanism.
 Assume an operation frequency of f1.
 Problems 799
 Sec. 16.3 CMOS NOR and NAND Gates
 16.50. A CMOS NOR gate drives a load capac_x0002_itance of 20 fF. Suppose the input wave_x0002_forms are as shown in Fig. 16.46, each
 having a frequency of f1 = 500 MHz. Cal_x0002_culate the power dissipated by the gate.
 Neglect the crowbar current.
 t
 A
 B
 Figure 16.46
 16.51. Repeat Problem 16.50 for a NAND gate.
 16.52. For each NMOS section shown in Fig.
 16.47, draw the dual PMOS section, con_x0002_struct the overall CMOS gate, and deter_x0002_mine the logical function performed by
 the gate.
 Design Problems
 16.53. Design an NMOS inverter (i.e., determine
 RD and W/L) for a static power budget of
 0.5 mW and an output low level of 100 mV.
 16.54. Design an NMOS inverter (i.e., determine
 RD and W/L) for a static power budget of
 0.25 mW and NML = 600 mV.
 16.55. Design an NMOS inverter (i.e., determine
 RD and W/L) for an output low level of
 100 mV and a power budget of 0.25 mW.
 16.56. Determine (W/L)1,2 for a CMOS inverter
 such that the trip point is equal to 0.8 V
 and the current drawn from VDD at this
 point is equal to 0.5 mA. Assume Î»n =
 0.1 Vâˆ’1 and Î»p = 0.2 Vâˆ’1
 .
 16.57. Is it possible to design a CMOS in_x0002_verter such that NML = NMH = 0.7 V if
 VTH1 _x0003_= |VTH2|? Explain why?
 16.58. Determine (W/L)1,2 for a CMOS inverter
 such thatTPLH = TPHL = 100 ps while the
 circuit drives a load capacitance of 50 fF.
 M
 M M
 A
 C B
 1
 3 2
 Vout
 M
 M M
 A
 C B
 1
 3 2
 Vout
 M 4 D M
 M M
 A
 C B
 1
 3 2
 Vout
 M 4 D
 M
 M
 M
 C B 2
 3
 Vout
 A M 1
 D
 M
 M M
 A
 C B
 1
 3 2
 Vout
 (a) (b)
 (d)
 (c)
 (e)
 4
 Figure 16.47
 800 Chapter 16 Digital CMOS Circuits
 SPICE PROBLEMS
 In the following problems, use the MOS device
 models given in Appendix A.
 16.59. The inverter of Fig. 16.48 must provide a
 trip point at 0.8 V. If (W/L)1 = 0.6 Î¼m/
 0.18 Î¼m, determine (W/L)2. Also, plot the
 supply current as a function of Vin for
 0 &lt; Vin &lt; 1.8 V.
 = 1.8 V
 M 1
 Vout
 VDD
 M 2
 Vin
 Figure 16.48
 16.60. The inverter cascade shown in Fig. 16.49
 drives a load capacitance of 100 fF.
 Assume W1 = 0.5W2 = 0.6 Î¼m, W3 =
 0.5W4, and L = 0.18 Î¼m for all four
 devices.
 M 1
 M 2
 Vin
 M
 VDD
 M
 3
 4
 = 1.8 V
 CL
 Vout
 Figure 16.49
 (a) Determine the optimum choice of W3
 (and W4) if the total delay from Vin to
 Vout must be minimized. What is the
 delay contribution of each stage?
 (b) Determine the average power dissipa_x0002_tion of the circuit at a frequency of
 500 MHz.
 16.61. Consider a CMOS NAND gate with its in_x0002_puts shorted together so as to form an in_x0002_verter (Fig. 16.50). We wi</t>
  </si>
  <si>
    <t>b'\xb7e\x9f\xfd&lt;\xad"\\\x11M\x92}z\x8d\xb3\r'</t>
  </si>
  <si>
    <t>b7659ffd3cad225c114d927d7a8db30d</t>
  </si>
  <si>
    <t>e us half-way back again before I struck." 
 "Why, we're all seamen aboard here, I should think," said the lad Dick. 
 "We're all forecastle hands, you mean,"</t>
  </si>
  <si>
    <t>b'\x01\x0f\x91\xfe\xb0\x84\\~\x00Z\xd8"V$\x95\xa0\x17\xc70c\xf2&lt;\x94wF\xaa\xa1r\xab\xfdDX\x198f;\x1a\x06\xd6-l/\x92\xf3\x9b\xf71V\x8b\xb7\'3\x18j\xfdq\x16\x1b\x84P\xf4I\xc8!H\xda\x94[a\xcd\x8a\x9c\xdf\xefgC\xc6cWH\xa2F\xbb\xc2-\xabN\xa9\x04\xce\xf0\x17\xef}\xe0\x0e\xb4\xe9\x87\xcbm\x08\xd6\xa2\x9c\xabp\xa8\x1a\x1b\xb6\xe0K\x85\xc51\xf4\xd6T\x9b[|\xc4\r:S\xc8\x97\xc5\xc7\x8f\x0es\xa9\x17\xa1r\xd84h\x8a\x8f^\xc9\xa1\xfd}Va\x14\xbc5O\xa6\xfd.\x7f\xda\xb0T9\xa2\xa3\xbfvsQl&lt;\xaf\xf5\x07SNT\x94~m\x84\xb3\xbc88\x89\x02\xa0{\x19\xa9\x93\xc6\xfe\xe6`\xfe\x07\xbc2\xfc\x12\x94\xe6\xb6\x90[\xb9\xb5L\x84\x18\x83\x01\xa8\x8a\x84c\x83J\xda\x99m\x1a"\x17\xb7\xfd0Es\xe6=\xa2\xaf\xe1\xc9\x92u\xfb\x15\xa9\xc7\xfd\x8c\xbdX\x8dS^1\x05\xa3\xd1\x9f\x14\n5'</t>
  </si>
  <si>
    <t>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</t>
  </si>
  <si>
    <t>b'\x01\x0f\x91\xfe\xb0\x84\\~\x00Z\xd8"V$\x95\xa0'</t>
  </si>
  <si>
    <t>r of cultural, religious, and national identity. Roman law (and
before that Hellenistic imperial correspondence), as well as many non-Jewish authors,
acknowledged a Jewish reference group with unique characteristics, and a respectable
historical heritage anchored in ancient times (Pucci ben Zeev 1998; Linder 1987; M.
Stern 1974â€“84). These sources confirm the existence of a definable Jewish identity,
while at the same time assailing the signifiers of Judaism. But, more importantly for
our purposes, the texture and content of that identity continued to be fluid for
centuries more. Jewish iden</t>
  </si>
  <si>
    <t>b'\xa1\xfd\x02I\xcb\xe0\x91\xd6\x86&amp;\x15c\'L\xb8\x89O\x01\xec\xf7\x8bz\xf2\xf6]\x88\xb0\x0e\xe8\xd9\xa8\xb5\xaa\xf9\xcf\xe7\x1bX\x8a%O\xee\x8f3bB\xd6\xcek\x0fz\xe7\xb8\x11\x9c\xb0\x94\xd5G_e\xeaE\xa6\xb1\xdf\x00\xf6B,\xeb\x06\\-\x7f\x9a\xaf\x8f\xc8\xb5{\xa2Z*D\xb4\xef\xb8\xa1\x0e\xd5+\xe5-\t\xa8\xae2W\xd5\x9a\xbe\x8e:\xdc\x14_&amp;@\x9d\xa2\xec\'8C\x19~v"\x0f0&lt;\x88d\x82\xbf\x98\x11\xdaa\xc8u%\x92rp1rz1y\xd7\x16;\x10i\xe0&gt;\xde&gt;\xbeq\x08\xd4_@hJ\xc2\xd3\x95\xf2\xd5&lt;O\xde\x01/,\xb7\x84R?+\xed\xe7&lt;\x91\x83s\xbf,\xf6\xaa\xa3\xe0\x19\x13\xdf\xab\x14\x05\xe5\xe84c\xc8C&lt;\xeb\xcc\xcbjJ~\xd6K\x1e\x9d\xbb9\x18\x1b\x89p\xba\xcc\xfb\x82\x03k3\xf8\xb2\r\x1c\xda\xdeA\x17r\x97J{\xce\xc0\xa2\x12\xcf~\x846\xac \xdbFE\xa0\x13uDR]x\xe9Q\xdc\x04tB\xe3\x1f\xffAa\x9a\xcf\x9aH\xb6\xdbdw\x12W\xf6\xbc\xab\xe9M\xce[aj\xd1Z2`\x7f\xe38\x98s(X\x82_m\xf5Vo?\x99\xde\xc0\xf4Z\xa1$\xda;\xaeb\xd0\x989O\xe4R\xd9\x97\xc4\x98\x0c@4\x97\xaa\r\xc7)}M\xfd\x05\xe4D\xe9\xad\x99\xb1\x92\x1cn\x85\xef\xd4\x8e\xbb\xab~\x99\xd2\x8e\xe6\x14\xc7\x14,\x02\x8b\x01\xbee\xfa\x876@/5\xf7$_\xe6\xa1=\xfd\xfeaa~yHW\xba\xf7;\xba\x8d\xd1\xef\\/;\x9d#c"\xa3\xa6\xd1j\x88-\xb2\xc9l#\xf8\x7fS\x1c\xfd\x1cy\x80%\xbc\x8ayJ`\xfb~\xf3\xb95\xf0\xe3\t\x87\x04\x8f\x06\x1a\xe8 \x83P\xfd\x10\xbb#\x87\x80n\x97\xd4\x82B&lt;\x03w\xc2\xba4-\xf7\xaa\x02/\x7f\x9f\x9ei[\x03\x896\xe5VL\x87s\xaf\xc4mO\x0f\\u9pe=D\xd6B@\x9eAe\xab$\xe8$~\x96\x06.\x89K4\xcc\xb961\x11\xc4\x01=\xaa\xae\x93\xa0/\xce\x9a\x04wt\x91"\x9c!\xe0\x9e\xef\x88=\x94\xc4\xd4\x9c\x81\x9e\xb1\xf7\xa2\xfap\x8e\x14W\xd66\xe4\\PE\xa7\xcf\xc7\x82\xcd\xa60\xadD\xceDtOH&lt;\xa8\x83\xa3\xfd\x1ft\x9eC\xa7;\x95\xa4\xb9\x08a\xe2/\x9c`BC\x0b\x00\xebOI\xe4|\x9e\x94\xbd5\x87\x14m\xa7\xdb[l\x14{\xd0R\x19F:[\xb4P6}\x0c\'"M@\x82\xb1\x1e\x05\x81h\xfe\x98X~'</t>
  </si>
  <si>
    <t>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</t>
  </si>
  <si>
    <t>b"\xa1\xfd\x02I\xcb\xe0\x91\xd6\x86&amp;\x15c'L\xb8\x89"</t>
  </si>
  <si>
    <t>Carbohydrates 3
Lipids 2
Nucleic acids 5-7
Ions 1
TABLE 9.4 Average Composition of Cells
compounds and are present not only as such but also
arranged into structures like cell membrane and other
membranes. When we grind a tissue, we are disrupting
the cell structure. Cell membrane and other
membranes are broken into pieces, and form vesicles
which are not water soluble. Therefore, these
membrane fragments in the form of vesicles get
separated along with the acid insoluble pool and hence
in the macromolecular fraction. Lipids are not strictly
macromolecules.
The acid soluble pool represents roughly the
cytoplasmic composition. The macromolecules from
cytoplasm and organelles become the acid insoluble
fraction. Together they represent the entire chemical
composition of living tissues or organisms.
In summary if we represent the chemical
composition of living tissue from abundance point of
view and arrange them class-wise, we observe that
water is the most abundant chemical in living
organisms (Table 9.4).
9.4 PROTEINS
Proteins are polypeptides. They are linear chains of
amino acids linked by peptide bonds as shown in
Figure 9.3.
Each protein is a polymer of amino acids. As there
are 20 types of amin</t>
  </si>
  <si>
    <t>b'\xe41\x99\xa6\r\xd7\xe5sg%;\xf8\x96\xde\xd3\x1f\xded\xe4\xb2`\r\xbd#9\xfd\x97\nl\xb9\x01\x05\xb2K|\x07\xf5\x10\xba&amp;\xd4\x96\x9a\x99~3\xc1\x81u\x84\x1f\x88`n\x01R}\r\x10\x10\x08\xfb[\xd7\xcf\x18}F\xc7\xb7O\xabT\xc8\xc2\x93\xd3\xf6\xd3C=\xe6\xa4\xf0g\x0fd\xd94\xb6\x8a\x15FDBT\x8e\x02\xcf"U-\xcc,\xd6@\xb7\xd2t\x8cj\xd3\xb9\x87\xdfR/2\x04j\xff\x86\x0b\x1cb%\x9d\xd6\x11\x1f\xbfX\x8f;\xa3\xaby\xbaJ\xef\t\x8e\xd0\xbc\xa2;.\x0e\xd3\xd2t\xf7\xa6V&amp;\x06\x17x\xf4$\x15}\x18|g\x12\x9a\xe7\xd5\xba\x1a~ s\x9b\xba0\x96|\xf1\xc7\x97\x8dYm\x1c\xbfA\xf4\x91\x1d\x9c\xbaz\xdf\xfb\xde\xae~9|\xf4,y2. /I\x16\x8fj+\xb6\x86\xd0\xe5\xb6\x02\xacYO[iv%\x9bWp8\xb9\xfegr\x80\xe3\xcc\xbb\x15\xa0\x97I\xact\xc5\x1f\x8aV\xd0\xcb\xe5a\xa7&lt;}\xaeN\xc5\xd8\x9c\xdb\x95\xcc\xd2\xf6P\x9d\xf8\\,\x90zp\x95\x84%\xa3\xe7\xb7\x81\x8d\x95Y\xc73\xc4\x9f\x97\xe7\xb6*Aj\xc6\xfb\n\xa7\x0c\xed\xd4\xa8_\xcd\xdc\xab\x087=\x9f4\xb3\x86\r\xfbT\xf8/\xd3\xa3E[\xcb\x0e!\xe6/\xed-\x9f\xc0o\xb2/\xbbx\r\x9br$\x99\x1e\xd6\xbclX\xc45\x86:;\xe8\x08ch\xf2\xf1c\xc9\x02\xb2H\xd0\xc3\xe1\xc2\x1e\xf3t\xee@^\xaa\xf3\x97\xfe\x8b5\xfb\x9f\xab6CXr\xc9\xdc\xe4\xca\x86\x88\x99\xe9\xce\x85\xddF\x1e\xd1nn\xd6\xbdM\x14&amp;\x1dE\x9e`\xe2\x15\xeehX3\xe8\xc1\x8a0f^\xdf\xced\xeb\xdeR\xfd\xb4R\x96m\xe4\xe7#A\x1b+\xe7\x10rP\xa8 \x05\x8e\xa5\x04K\xd8\xb34\xe8\xb7\xa3Y,\xed?\xeb\xce]s1\xe3\xb8ewFz\x9a\xd5o\x92\x13)\x7f\xc3\xfe\xab\x0cI\x14\xc6\xb1\r\x81\xa5t6V\x93\xcf\xffvx\xa5\x01\xbbv\x9e\x13\xb7\xc1\xc4mZ|\xebR ^\x97\xea%\xc7\xd5\xfcr\tV\xf7\x11\x16\x9c\xcf\xe7\xa6rmBo\xcfr\xe1!v\xa60.\x02^\xc15\x02\x90\x0e0\xbe\x80d\xea\xdaUG-\xa0\xbd$\x01\xa9\xea\xbc\x13Bl\xca\'\xa7\xe3h\x0fs\xe1\xb0\xbf\x05\x16\xd1\xd39\x9a\xdbj\xe2!IY\x9b\xbf\x96\xb5D|\xe4\x94\xd7J\x8a\xf5\x8d\xd0\x17`\x88\xbc\xe7=]\xb4]\x1c\xde\x7f\x87a\xfbK\xef\x1dX\x10\xc4\x92=\x05\xa7\xa3\xb3*U$3\xc7\x1c\xe2\x16l\x80B\xa9{\xb0\x97\x9b\xa9%\xf9\xe4\x17\xa9\x94\xab\x1aG\xeb\xb0\xf2O\xbd\x86\x15f\xc0\xd6\xd2ux\x9a\xad]\xa5NG\xc9\xfa\x0fC\x85\x920DzGL\xe0\x94\x8bb\x18\xdaB\xa6\xdb\n\x05\xdf\xc2L\xaa7p\x1c\xe68\xb2r\xe8\xa4\xad90\x85\x9b\xf5\x1c\x99;\xbaX&gt;\x90\x8a\xf1w\x86{@cylY@;)&lt;\x9c8p\xf1\xc7\xd5\xb1\x82\xff\x16t\x91&amp;\xeb\x9f\to\xef"\xe2x\xa1\xeb\xdd\x89kW\x85\xb49\xf7\xda\xd3\xf3\x18Di\x07,(s\xb1\xf66\xed$\xf5u\xacIV\xe3`\x15\xd4S\xefI\xe4\xfc.F\xd3\xd9P\xf9\xcd\xf2\xfd\xf6D}\n\xdc\xf3e\xc5\xee\xde\x07\xbb\x9as\xedi9Y\xb6\x9c\x84\xc3\xdeK\x0c\xc1\x15,\xe8]\x88\x8aa\x15*l\xae5\xca=\x1f\x88\xc3A\xcf\\\x85\xd88\x94\xde{\xce\xda\x98\xf2\xc6G\x18\xe1\xcf\x7f\xa7\xfb\x83\x9a%\xdd\xa5\x13\xcbx\xa3z\xa5s\xb1\xc9\x9aq\xcc?n$\x1d\xd5t]\x98C\xa7v,VC\xfdN\xd7\x93\xc8\xf6\xe7Y\x8a\xd7\x8e\x12\x8a\xa7\r\xc8\x83/\xe9\xf6\x86\x9e\x03g\xe2\xc01\x95\x1d\xf8\xa33\xbb\xfe\xfbI\x99\xf4\xd1\x14/3(\xfc\x96-m#~\t\x0c\x98\xaa\x1d\xd2_\x8el\x1cE\xd7:\xc5\x0c\xd4\x8a\x84F\xad\xa8\x9b3\x8b\xc18\xcdqr*)\xd3\x07\x92a\x9aF\x84\xe9\xf0t\xcal\xbc\xe8\x11\x9c\xe2\x1f\xaa\xcf\xcbQ\xb8\x83\x92{\x9b\xc5\xa9\xaeQo\xad\xc0\xbc%9I&amp;h\xbc\xc2F\rh\xd9"0\xc6\x13j8\x06cy2\xce\xeb,:\x03\xf8\x05t\x92\xab\xa6\x8a&amp;m\xf7|=\x17%\xc3\xd40-\x10|v\xb9\xcd8h\xb2\x8d\x81\xd4|\xd3a\x91h\r\x14\x0e\xe7\xb7a\xfb\x9a#\xf1\x87\xcb\xef\xc3\x04H5\xae{\x80\x10\x1ek\xc8\xcb~p\xc1a\rr\x8c6\x08P\xdfO\x9eT\x839\x0c\x8b\x9e\xcb\xcc\x8b\x82\x87_\x8c\xd5\xfe\x98?\xc0\xd2\x1e\xb4\x9a\x91J\\\x03Xr\x0f\xa3B\x96eK\xa0]\xa2\x14\xd7n\xe2m\x01\x9fz\xa0\xb8*SU\xb0m\xd5\x0eO\xa2\x9e\x893\xef\xa7\xb0\xb5\xb2\xbd\x9c0\xf9))A\xafF\x0c\xf9L\xfb\x84\xd2\xdb;\xa8\x14\x920N\xdd\xea~m\xe3Q\xf9\x9a\x02\xa2\xe0\x9b\x04\x8dL5!'</t>
  </si>
  <si>
    <t>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</t>
  </si>
  <si>
    <t>b'\xe41\x99\xa6\r\xd7\xe5sg%;\xf8\x96\xde\xd3\x1f'</t>
  </si>
  <si>
    <t>.Anenormousamounthasbeenwrittenabout thetwinparadox,but the
  truthisthereâ€™sreallynoparadoxhereatall:thissecondanalysisissimplywrong.
  The twotwinsarenot equivalent.The travelingtwinexperiencesacceleration
  whensheturnsaroundtoheadhome,butherbrotherdoesnot.Toputitinfancier
  language, thetravelingtwinisnot inaninertial systemâ€”moreprecisely, sheâ€™s
 514
  Chapter 12 Electrodynamics and Relativity
  in one inertial system on the way out and a completely different inertial system
  on the way back. Youâ€™ll see in Prob. 12.16 how to analyze this problem correctly
  from her perspective, but as far as the resolution of the â€œparadoxâ€ is concerned, it
  is enough to note that the traveling twin cannot claim to be a stationary observer
  because you canâ€™t undergo acceleration and remain stationary.
  Problem12.7 In alaboratory experiment, a muon is observed to travel 800 m before
  disintegrating. A graduate student looks up the lifetime of a muon (2 Ã— 10âˆ’6 s) and
  concludes that its speed was
  v = 800m
  2 Ã—10âˆ’6s = 4Ã— 108m/s.
  Faster than light! Identify the studentâ€™s error, and find the actual speed of this muon.
  Problem 12.8 A rocket ship leaves earth at a speed of 3
  5
  c. When a clock on the
  rocket says 1 hour has elapsed, the rocket ship sends a light signal back to earth.
  (a) According to earth clocks, when was the signal sent?
  (b) According to earth clocks, how long after the rocket left did the signal arrive
  back on earth?
  (c) According to the rocket observer, how long after the rocket left did the signal
  arrive back on earth?
  (iii) Lorentz contraction. For the third gedanken experiment you must imag
 ine that we have set up a lamp at one end of a boxcar and a mirror at the other,
  so that a light signal can be sent down and back (Fig. 12.10). Question: How long
  does the signal take to complete the round trip? To an observer on the train, the
  answer is
  Â¯
  t =2 Â¯ x
  c ,
  (12.7)
  where Â¯ x is the length of the car (the overbar, as before, denotes measurements
  made onthe train). To an observer on the ground, the process is more complicated
  because of the motion of the train. If t1 is the time for the light signal to reach
  the front end, and t2 is the return time, then (see Fig. 12.11):
  t1 = x+v t1
  c
  Lamp
  v
  Mirror
  FIGURE12.10
  , t2 = xâˆ’v t2
  c
  ,
  vÎ”t1
  vÎ”t2
  v
  FIGURE12.11
 12.1 The Special Theory of Relativity
  515
  or, solving for t1 and t2:
  t1 = x
  c âˆ’v , t2 = x
  c +v .
  So the round-trip time is
  t = t1+ t2=2 x
  c
  1
  (1 âˆ’v2/c2) .
  But these intervals are related by the time dilation formula, Eq. 12.5:
  Â¯
  t =
  1 âˆ’v2/c2 t.
  Applying this to Eqs. 12.7 and 12.8, I conclude that
  Â¯
  x = 1
  1 âˆ’v2/c2
  x.
  (12.8)
  (12.9)
  The length of the boxcar is not the same when measured by an observer on the
  ground, as it is when measured by an observer on the trainâ€”from the ground
  point of view, it is somewhat shorter. Conclusion:
  Moving objects are shortened.
  Wecall this Lorentz contraction. Notice that the same factor,
  Î³ â‰¡ 1
  1 âˆ’v2/c2
  ,
  appears in both the time dilation formula and the Lorentz contraction formu</t>
  </si>
  <si>
    <t>b"\xf0:\xaf\xd7\x8e\x89k\xaf\xdd4\x0c'\x19\xc0\x06\xce\xc9\xf9\xb6\xeb\x96\xceOz \n\x02J\xd4\xb6\xfa&amp;"</t>
  </si>
  <si>
    <t>f03aafd78e896bafdd340c2719c006cec9f9b6eb96ce4f7a200a024ad4b6fa26</t>
  </si>
  <si>
    <t>b"\xf0:\xaf\xd7\x8e\x89k\xaf\xdd4\x0c'\x19\xc0\x06\xce"</t>
  </si>
  <si>
    <t>ividual to contribute
 something unique.
 Thereâ€™s an optimistic way to describe the result of these trends: today, you canâ€™t
 start a cult. Forty years ago, people were more open to the idea that not all
 knowledge was widely known. From the Communist Party to the Hare Krishnas,
 large numbers of people thought they could join some enlightened vanguard that
 would show them the Way. Very few people take unorthodox ideas seriously today,
 and the mainstream sees that as a sign of progress. We can be glad that there are
 fewer crazy cults now, yet that gain has come at great cost: we have given up our
 sense of wonder at secrets left to be discovered.
 THE WORLD ACCORDING TO CONVENTION
 How must you see the world if you donâ€™t believe in secrets? Youâ€™d have to believe
 weâ€™ve already solved all great questions. If todayâ€™s conventions are correct, we can
 afford to be smug and complacent: â€œGodâ€™s in His heaven, Allâ€™s right with the world.â€
 For example, a world without secrets would enjoy a perfect understanding of
 justice. Every injustice necessarily involves a moral truth that very few people
 recognize early on: in a democratic society, a wrongful practice persists only when
 most people donâ€™t perceive it to be unjust. At first, only a small minority of
 abolitionists knew that slavery was evil; that view has rightly become conventional,
 but it was still a secret in the early 19th century. To say that there are no secrets left
 today would mean that we live in a society with no hidden injustices.
 In economics, disbelief in secrets leads to faith in efficient markets. But the
 existence of financial bubbles shows that markets can have extraordinary
 inefficiencies. (And the more people believe in efficiency, the bigger the bubbles
 get.) In 1999, nobody wanted to believe that the internet was irrationally overvalued.
 The same was true of housing in 2005: Fed chairman Alan Greenspan had to
 acknowledge some â€œsigns of froth in local marketsâ€ but stated that â€œa bubble in
 home prices for the nation as a whole does not appear likely.â€ The market reflected
 all knowable information and couldnâ€™t be questioned. Then home prices fell across
 the country, and the financial crisis of 2008 wiped out trillions. The future turned
 out to hold many secrets that e</t>
  </si>
  <si>
    <t>b'\rvr3\x06q\xcdb\x03\xa1\xe8\x9cZ\x05\xb9I\xebO\xc8\x9f\xcb8\xb9Cp\xdf\xd2u\x02\xc4cCXu\xbf\xae\xcf\tj\x0e\x16\xa3\x8e\xb8@\xcbE\x05]\x91Z\x9f\x98\x19\x98\x9a,\x02\xcd\x072\xd3V(EF\x9e(&amp;\xa0\xf9\xcb\xb6[\x19L+&amp;\xfd\x0e\xea\xca9\xb3N\xc71\n\xe9m\xee\xf2\xa2\x8f\x7f\x08":\x0f"\xcf \xb2\x9a\xb9\xb7\x00B\x83\xeb\xb5 \x87=-\xeeW\x8a\xccW\x8a\xc0h\x87|\xf3\xea\xd9:(\x99\x0b\x17\xfe\xe68\xd3\x8cd\x12W\n;9w\x82\xd1\xae\xca\xdfZ\t\xa6j\xa7S\xe8lm\x96m\x1f\x8b\xfe\xe7\x14]*\x9f \xc0\x15\x90\xd4\xc8Z\xf6\xa4L\x08\x05\x05\xf0\x80\xf3:\x14*\xa74\xe4j\xe2\xe5\x02s\xe9-D\\\x0b\xe5X\xbd-?\xe9\x8e\x95\xb2!\xee\x93aIr{\xcb\xf9\xfa\x12\x179n\xefKH\xd2\x14\x88\x06\x91_7\x1bm\xb31\x1cL6&gt;EB\xbb"w\xdc\nv\xfd\xd6\xf0;Z\xaa\xa2\xe6&lt;&amp;J!@8\xb5\xcf\xcfC\x92\xf2I\xc1,\x9d\xa9\xeb\xd4\x1a)Y\xae\x00\xc2\x8c\xcaC\xfa\xf2\xd6\x8b\x1d\x1f\xf0\xd6=4U\na]-\t\xae\xb2Bs\xa2V\xba?)A\xd3:G\xc1}Y\x15\xf1\x1d\x8d[kd\xba~\xd4\xc5\xdf\xe9\xfa\x9e\x1f\xe1\xaf\xa9#\xe8^\x98\x9d%)\xde"*n\r&amp;I\xeb\xe4\x80\xb0\xcdg\xeb\xb6&gt;\x03\xf7\xcb\xa0\xb5\x91\xab\xe0\x1fXb\x83\x85"\xd4A\x91\x07\x16\x82\xc9T\xc6\x1c(\x9a\xfe\t\xf5a\x88nt\xd6\xe8\xa7\x18\xf1|\xaf\xb5r$\x8c\xefQ\xb7P/\xe0D\xc2\x83\x8c0d!\xdc\xc7\xac\'$o\xafV\xbe\xa0l\x0b\xec@\x02\xb3\x12]Vh\xe5\x808\x8eR$\xe5\x1c\xaf \r\x94Y\xe2*$w\x85\xf5\x81\xc0\xcf\x97\xd21X\x14=,Sn87\xfdHb\xc4?\xfe\xfb\xa7\xffNGb\x96\xa3\xda0\x11\x85\xdc\xcc:j\xc1;\r@\x9dH\xdf\x07\xcd\x04\xf7o\xe1\x15\x13\x07\xee8\xb2\xcc\x7f \x9f\xc1\x03F\xaa\xf1U\xaa\xa5~\x8f\xcf\x97\xab\xd2+\xa5\x13\x80\x17T\x88\xbaA\x96,gvF\x0f\xd6\xb6b\xcb\xac\x05\x82\xd0\x8f\xafC\x0c\xc5\xa4c\xce\x1e\xf3\xba\xd4\x1e\xe8{r7\xa5\x97\xc3\xd9tx\xf6\x8aV\xb9t\xad]\xf0DL\x86iXo\x96na\xaa\xa3Q\xc4\x96\x19|\x89\xa5W\xcfA+3/\x89\x92(M\xab\xa0Z@\x97IH\x1e\xa2c&gt;\xc3W\xd0kp\xbcu\xc2\xd4\xef\r\xd0l\xf0S\xdd\x94+\xf8*\xf2\x95Y\x87\x02B}\xf2|$\xd6A\xb8\x93\x02AZ\xd9\xe2\xd3\x818\xbf~\xb7\x18:\x19j\xa2}B\xfeE\xe6Vb\x11\xefg[:\xe8\x800\x82Lo\x7f.#\x05#K|\xa5\xbe\xdc\x86\x0f- \xeb\x9d\xa4\xa6\x0e\xa7\x85\xb0\x82\x90c*\xd1\x1d/p\xe2\xc1\x83Y\xa4\x152\xf83B\x11\xf0i9\xb8*\xb3&amp;\xe1T\x81DO\xc7b\xb2e\x9f\x83\xc1l%S\xf1\x84\xb417\x99oH\xa0U4)\x8f\x1eZ\x19"\x90 S\xc5\x850\xc7\xe3\x8f}\x0e*(\x99\xae\x195\xd4\xdfC\xfa\x92\xec\x19\r\xa1\xfe\xfb}Eb\x93\xcb\xac\xd9E\xb7\xfeK\xec.\xd3\x82\x9c\x9cX\xd6N\xf0\x82\x19~\xb6\xe2\xa8O\x9f\xd8p8\xb1N\xb4\xd5|z\xe4\xaf\x0e\x90eq\x9f1\\N\x1b\xa1\x95\x8a*\xcb\xdaqk:\xf8\x9f\xb2\xf6Q\xc7\xc1RAY\x0eM\xd3\x9bf1\x85\xf1\x0c\xf2\xfb\x91\x18\xea\xe6\x04\x9c\xf4ag$\xc5\x98\xa3\x97\xd7\xb3D\x8cN\x93\x9dcV\xbdm\xae\xe7\x88\xa9\xef\xfe]\x179\x12:\x03%\xad\xa1\x0f4\xf3Y\xa6\xf6\x17\xaaHp\xec\xca\xdeg\x8d-7\xad[\x02\x8d\x8c\x83h\x99\x8e\xda\xf2^~\xb1&gt;f\xb8C\xe6\x1a\xa0M\r2\xa0\xf2\xbf\x18\xcf\xdf\xf3\xbf\x10(8\x05!\x97\x0b\x86\x86B\x17y\x94\xac\xbf\x05\xbc\xcb\x8c\x97\xe4\xd7\x9a\xba\x92\x10I\x01\x0f\xc4\x1b&gt;R\xba:F\xd9`[\xb5\x88?\xa3\xb2\xd0\x05_u\x84\x02\x10 5\xd8\xa7\x89w.\xb3\x81\x87S(.\xcc\xb2\x9e\xe8\xe0\xdd\xdc\x19\xc7\xd17\xc0\'\x0bcu\x85\\&amp;\x96&lt;\xe3\x97\xa1\xfe\r\xf9\x98\xee\x17OH\xce\x8b"\x1d\x04\x19$\xbd\xe0*\xe3\xdbQ\x9e3\x1fz\xc8P\\\xa9uF\x8ch\xcd\x01\xc1\xa7\xa2\xf4\r\x1b\xc8cBS\xcc\x05\xe1K\xfe\xcdFP7\x88\x17\x18\x1c5Gt\xdeJ\x8f\xe5\xbd\xb9\xc3\n&gt;A\x86\xf5X!\x93\rk.O\x811\x06Y\xbd3\x08\x81\x85\x02a\x00\xe7\\Y\x11\x17\x98\xac\xa7sM\x10\xd1\xc2\x1bs$\xd5;\x08\x91\x96\n\xd9\x03\x82\xd1]#\xbe\xbeT\x817P\xd2+\x8f)\x05\x13\xa6\xb4=;\xd3\xf8\xb7\xf9\xad\x01!\x14Y\x1c\xb6\x1b\xb1J\xd0\xf2\xca4\x1a\xe0\xa2qi;\x8b\xebD&lt;\xa50\xf7\xd4\x06\xda\xd8\xbf\xf01\xf5\xc4rU\xe3\xf4\xa5\xf6\xf4\x193|\xbc\xfbs\x8bm\xc64I\x9cz\xc6\xb3\x0cey\x9ep\xbb\xca \x1a\xae ^\x1c\x85\xf3\xb6\xa94,\xc5\x9d\xe3\x94\xbd\xba[3\xad51O\x92\x18\xfe)\x848A\x99\xd9\xd0\x9d\xf2o\xd6\xd2\x95\x91\x98\xeai\x00m\x8dO\xb8L\x1c\xc4h\r\xf5N_{\xca#(\x9f\x9eQ\x98\xbf2j\x0b0\xfc\x8be^N\x0c\xcc\x05q\xd0\xe0\x01\x04`\x19x:\xde${\xe7=\x8b\x8a\xe7\x17\xd1s\x8a\xb0\xd7F\xf4\xe3E\x8am\xdc\xab\x9dp\xd8\x10\xb8\xebG\x8f\xc2\xf8_}\xa6\xf9\x94Y\x03\xb9\xe4\xfbX\xf04\x84M\x8a\x8f\x9c\x92\x10RS3C\n2\xe1\x1f\xf7d\xceo\xb7J\xe1Q\xc5ng\x07M\x1b\x8d\x1a\xa9\xcf\\\xf5}JB\xa67\xf2\r&amp;\x99\xff\x8d4\xf6=&lt;\x06H\xe0\'+\x1c\xd4\x91\tC\x94A\x83``\xefZ\xc0\x06\xf5s\xe7\x80y\x1c4RU\x93_i\xe8`\xdf\xa8\xe41\xc7\x04\xdc\r\x00\x9a\xb2n\xd5\x7f\xf8\x14\xd7\x1b+e$Es\xae\x11;\xc1 \xd9\x9a\xcf\x8f\xb8\x817(\xebe=\xef\x1d{o&amp;\xe1\xe2i^##\x04\x1c\x98G\xa8)\x16:\xaf\xf5\xb0 j\xe6\xb4\xcd0\xbf\'\xea\xd9\x91(\xf4\x11\x1d\xe1\xf8+ ;\x1f\xae\x9b\xd1\x8f{\xfesj\xf3\xb0\xae\xa6\xba\x16,\xad7\x19mzh\x97\x81\xf6{\xf8my&lt;\xb2\xbf\xd2\xce\xc1\xeb\x88k\x9b\x07\xb8\xb0|a\x9e\xef\xe0\x12z\xe1\xf8\xf2\xbe\xa9\x9b\x1e\xea9O\xd3\x17/{H\x1dZ\xd2\xd1\xe0\x1a\xcf\x86Pz#Z\x894\xf7\xec\xd8\x89\xf5p\xab\xf8\x98O\xe5:z\x85\x9a5\xeb\x14W(\x9d\x84\x8d\xc9\xc7z\xb5r\x93\x1c_\x96\xc2\x8e\xceY\xc6\xad`G\'R\x0c\x88\x99;\x12\xdb\x0f4&lt;\xa8R6\xb5\xbb\x95\x81\x8c\x96\xc9\x9d\xea\xc32\x9bO\xe5\xd8\x93\xf7\xe1\x06\x00\x9d{\xe7\xff\xbf,P\x18#\xcd\x83\x1a\x04b(B\x1d\x8c\xd4\x8d\x12\xb5\x9566\x83\xef\x8b\xde\xd5\x9fQ\x9d\xe2|\xa1\xf9\xb7\xc9"\xec\x85\xdf\xfbA\xa2\x17\xa6H\x87?\x83\xdfL/9\x82\xc3{\x19\x80\x15J\xdf;\xee\x186*y:\xe1\xf8\x89\xb7\xa3cb\n\xfc\x14\xdfo\x18\\F_\xedK\x97L\x0e\x1b\tQ\xaa\xef\xd0\x81I\xb0&lt;;\x9b\xe6\xa7$\x16\xd3u\x8f\xea\xf6\x10\xca\xa5\xb5\xda\x1b\xb7jm\xc2\xbb\xcf\x9d\xf7\xcc\xfa\xee\x1f\xb56\xe0\n\xac\xfdw\x0c[s\x02\xde\x8f\xb54\r5\xb2\x07\x1c\x91&gt;\xa3-d\xfa\nO\x98\xcf\x8b=\xab\xcazAS\\7\x1f\x84\xb2j\xbcHFF\xf9\xe7\xe7ii\xf0\xa0\x8b/n\xd0\x86\xc0\xbfb\x183\x95M\xe7\xdc[qD\xc3\xe4YT\x92w\xd8R6"m\x9a\xe0\xe6\x13\x93Oyy\xdat\x01K\xc6R\x87\x02&lt;\xfed\x1d\xceT$0\x19\x0ce\x0cJn3\x0b;B.S\x8ey\x8e\xe3pQU\xe0\x01\x93\xe2\xb9|T=B\xf4\xfa?E\x90\xf9\xa2\xb0.\xc6\xfe\x90\r\xe8+\x07\xe4j\xe4\x9e\xbf\x07/Yk\xab\xe4\xbf\xbai\xf9\x08{\xa8\xff\x96\xb9\xa1)\xe3\xf9\x99B2GK\xe3\xd6\t\x91\x84\xb1\xa7\x9b\xd6\xb7\xa87\xdc\xf7\x88W\xc7\x82\xbb\xb0\xd6@ED\xd5o\xc6\xa4\x17\x8d"\xf9\xed\xb4\xaf\xcf\xb0\xb3\xcfz\x86\xab\x8b\xaa\xcaJq\xc0\x88\x1f\xcc\x11\xeaB\xef\xdf\x93\xe3\x96o\xe5I-\x8e\x00&amp;\x18)*\xe6\x8a\xdf\xdc\x07*\xed\xecd\x87\xdc\x0f\xce\x1axQK\x05\xf8\xae\x8e6Y3\xfc\r8\xabOHz\xed\xc2k\x17\xa0\\\xd6\xaf\xad\xf6\x08\x9a||\xd8\xf7\x88\xaf\'\xb4\xe4z\xb1\x89\xba\xbb\x96\xe4\xb4\x86\xf3\xf1\xf3((\xe4\xeeQ\xc1Z\xae\xfc\xc8\x94\xc5/\xca\x1a\x9a\xf7br:9\xec\xf0\x01L\xa5\xd7\xfd\x03\x98*\xfc\xeb\x05\xd6\x1cTFh9\xacz\xe3Eu~\x04\xdfN?\xbel\x18\xafYK\xc9D|\x16^\x01\x1b\xda*\x1b\x0c-\xe1\xb0\xae\x1d\xbe]X\xa0\xd5\x99\x0b\xa5\x9e\xb5Z\xb2\xc5\x10&gt;\x0b\xc4\x8a\xda_\x11\x89\xc22\xd1`cy\xa2\xe0\'\xfe\xb0?\rC\xb8\xb1\xdc\x0e\x1e\x1f\xe78[\xedg\xf5\x12L\x98k\xe8\x08\x92;\x11\x0c\xf0I\xf3\xb8\xa3\xadu/\x7f\x1b'</t>
  </si>
  <si>
    <t>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</t>
  </si>
  <si>
    <t>b'\rvr3\x06q\xcdb\x03\xa1\xe8\x9cZ\x05\xb9I'</t>
  </si>
  <si>
    <t>and began bowing to the King, the Queen, the royal
 children, and everybody else.
 â€œLeave off that!â€ screamed the Queen. â€œYou make me giddy.â€ And then,
 turning to the rose-tree, she went on, â€œWhat have you been doing here?â€
 â€œMay it please your Majesty,â€ said Two, in a very humble tone, going
 down on one knee as he spoke, â€œwe were tryingâ€”â€
 â€œI see!â€ said the Queen, who had meanwhile been examining the roses.
 â€œOff with their heads!â€ and the procession moved on, three of the soldiers
 remaining behind to execute the unfortunate gardeners, who ran to Alice
 for protection.
 â€œYou shanâ€™t be beheaded!â€ said Alice, and she put them into a large
 flower-pot that stood near. The three soldiers wandered about for a minute
 or two, looking for them, and then quietly marched off after the others.
 â€œAre their heads off?â€ shouted the Queen.
 â€œTheir heads are gone, if it please your Majesty!â€ the soldiers shouted
 in reply.
 â€œThatâ€™s right!â€ shouted the Queen. â€œCan you play croquet?â€
 The soldiers were silent, and looked at Alice, as the question was
 evidently meant for her.
 â€œYes!â€ shouted Alice.
 â€œCome on, then!â€ roared the Queen, and Alice joined the procession,
 wondering very much what would happen next.
 â€œItâ€™sâ€”itâ€™s a very fine day!â€ said a timid voice at her side. She was
 walking by the White Rabbit, who was peeping anxiously into her face.
 â€œVery,â€ said Alice: â€œâ€”whereâ€™s the Duchess?â€
 â€œHush! Hush!â€ said the Rabbit in a low, hurried tone. He looked
 anxiously over his shoulder as he spoke, and then raised himself upon
 tiptoe, put his mouth close to her ear, and whispered â€œSheâ€™s under sentence
 of execution.â€
 â€œWhat for?â€ said Alice.
 â€œDid you say â€˜What a pity!â€™?â€ the Rabbit asked.
 â€œNo, I didnâ€™t,â€ said Alice: â€œI donâ€™t think itâ€™s at all a pity. I said â€˜What
 for?â€™â€
 â€œShe boxed the Queenâ€™s earsâ€”â€ the Rabbit began. Alice gave a little
 scream of laughter. â€œOh, hush!â€ the Rabbit whispered in a frightened tone.
 â€œThe Queen will hear you! You see, she came rather late, and the Queen
 saidâ€”â€
 â€œGet to your places!â€ shouted the Queen in a voice of thunder, and
 people began running about in all directions, tumbling up against each
 other; however, they got settled down in a minute or two, and the game
 began. Alice thought she had never seen such a curious croquet-ground in
 her life; it was all ridges and furrows; the balls were live hedgehogs, the
 mallets live flamingoes, and the soldiers had to double themselves up and
 to stand on their hands and feet, to make the arches.
 The chief difficulty Alice found at first was in managing her flamingo:
 she succeeded in getting its body tucked away, comfortably enough, under
 her arm, with its legs hanging down, but generally, just as she had got its
 neck nicely straightened out, and was going to give the hedgehog a blow
 with its head, it would twist itself round and look up in her face, with such
 a puzzled expression that she could not help bursting out laughing: and
 when she</t>
  </si>
  <si>
    <t>b'\xe7\x18\xf9\x8f\xebv\xd0\xc4\x17\xea\xf78\xe1"\xd9\x00\x7fc\xa8\xfd\r\xf2\x93\x1f;\xd2\xf0K.w%eY\xac\x9a\x13\x08D\xbbp\xfddY\x12\xa5\xbb\x9c\x18D\x0bpa\x04\x95\xb2Uu\nDi\x1e \xcf\x16*%\xea\xd3\x9a\xea\x00\x19&gt;\x08\xffT\x8a\x8c"\xe0\xba\xac9\xac&gt;\x10q:\xa5G\xad\xf4\x8b\x8e\x8b\x17\x9d\x8b\xd2d\xaa\xb4j\xf3-\x93\x1c$g#\xe9\x0etqA\xfa\x00#{\x9d\x8f\xd3qY\xba\xbda\x82\xa6Y \x1b7\x84!\x120\x89k\xdf%\x14\xa8\xda\xee\xbe\xe0n\x99\xbb\xc8h\xc7F\xc1\xf22&amp;5\x8a\xe0mo\xb8{\xe6\xef:\x1dK\xfa\x9dHl\xc0\x92&gt;\r\xe8\n\xa4\xb6\xb8=\xa3C\xb5"9\xb2\xe0H\x94LU)z\xc3\x0e\x03\xd2a\x06\xebw2\x17\xcb6ZCEB\xcb\xff\xd1\xa21\x13\x90\x91X\xce\x9a"%\x7fh\xf2rVs4\xc7\xcb\x91\x12"\xb9\xeaP\xbaY\x81\xe1f\xca\xf2d\xbet\x0c\xab\x9e\xb4\x8aF\x0fw\xa1&amp;\xad\xc9\xe8\xf27\x9cc\xaf\xad\xcb\xbd\xa6\xd5\xb9Sh#{\xaf\xe7\x0c\xd4\'\'\xe0\xafAJ\x1db:\x93\x99\x9b\xe4\x18\xb2\xfb:\x16R\x80\xf8\x9edv\x7f\xe0\xed\x85\xceyBnU\xb3\xbcx\x04\x87\xfa\xe1u\xd2\xb4K S&amp;\x94\xd0g(;m\xe8a\xd6\xe3\x8ar(\xc7\xc3r\x03\x8bKn\x87\x9a"\xd6\x1b\xdf\xacL\r\xdb\x16\xe4\x9f\x10\x12H\xb2\xba\x07\xdd\xff\\\xa1\x89\xb9Q\xe9)\xff\x93\xa6\xf8d\xae\xac\xa2j[\xb1\xc5\x88l\x04*\xc8_^\xd2C\x9f\xbb\xeb\x03\xd8\x1b\x18\xcf\xf0\xdd_\xd27s\xd6\xbbd\xaf\xd4\x8cWv\xba[2\x14\xe3\xe9\xf2\xa2n\xe3^\x8a\xcb TZqA\xb2\x02\xe7H1\xdc\x1d#\x8fd\xa6\xdc\xc1W\x1a\x8e\xea\xf8xhF\xfck\xd9\x12\x85\xd9A}\xdb\x85\xd2\\J\xcf\xda\xd2*n"/\x93}f:\x11}\x95|\xcc\x8cx\xb8C\x11\x17L\x8d3\xc8\xce\x0c\xbb\x01\xb5\x00Y 5\xbf\x99#\xd9\n\xaca2)A\xce\xb3\xd1F\x01B\x1b\xc2[\x9d+\x01\xf0!\xc6\x91#\x90\xc4{\xcd\xccv&amp;\x8f\xc1m\x9f\xed&amp;\xfd-@d\xb6\x9e\x98F\xfcE\xecc\x13-\xdej\xe8x\xf4\xd7`\x9e\x00\xad\xc3\xc0L\xf3\x83ws\x1b\xbe\xfd\xec\xe0\x03&gt;\'\xa3\x95\\\xfa\xd4rF\xd6\x850\xbc\xfd\xc5K\xf5\x9e\x9f\xa2k?\xab\xd7\t\xf0DtYt\xa4\x1a\xee\x194\xd3\x8d\xed\xf2\xae\xc5t\xa6\xb3\xb4\xa3\x82\xf9b\xfc \xdc\xfd\x1c[\xdd\r\x93\xbf[\x96\xb4h\xc7\x07\xf3.h\x962\xf6&gt;\xbfU\xe4\xd1S)\x90\x80\x99B\xd8\xba\x9b\x19\xfd;\xc9\x1f\xa9S\xa0\xaa\xe0V\xc7\xaa\x8c\xf9\x91\x90\x98c\'\xa1\x93Y\xd7(\xd8w\x9a\x87v\x0c\xd3e+C\x12G\x19\xb4\xef\x89\xbe\xd4j\x86\xcd-\x86\xa5\xb7f\x0b\xadz\x1e_\xb2\xf3=\xa0s\xf7\x1d\x82a\xc5\xa6\x8a_\xb0=\xd4\xf7\x1f\x05\x8e*\xf7\xc6\x9a\xce\xdf\x07)\xe6S+\xcb\x96\xfd\x16\xce\x08\x80T)(\xc1S\x91\x03\xec\xdc;o\x8d\xed\x96\x15?^\x10!\xfc\xbd\x8f\x904k\xf6=\x8e7\x1f\x04\xc8\xf6\x17\xf5Hk\xd0\xc8\t\x1e\xcd\xff1\xe0&amp;Oq\xa3\xbd\xa5\xeb0\xf8\x14"\xef\xf2Q\xee\xd1\xa5\xach\xd0i)\x9a\xe3\xcb\x80\xea_\x05\x9f\x08\xb9a\x0f\xa9\x17\xaa\xd1\x91\x97!\xaf\xca\x1e\xa4\xe3\x13k\x1d_\xde{&amp;\x1d\x17\x9f]{\xf3\x87\x13\xb3%\x179\xb9E\x97\x00{s\xb1v\x9c\xae\xdf\x83$\xa6$\x1a\xc4\xf9B]\xaej\xf9\x8f&amp;\xeb-\x12\xd3shn\x1c5\xad\xa6\xe0s\xcd\x98\x94\x00\xf5\xb4\xad\xa39\x19$\xa4\xb9\xdd\x01C\xcbz\xc1\x94B\xb3\x17\x19\x7fB\x1e3\xde\xad\xe4M\x0e\xc7\x8e(\xbe\xfe\xb6Y\xb3@\x89.\x0e\xa7\xe3N\xd3i\xc3\x12\xc9\x9a\x0b\x85_\xe7\x13\xa5r\xed\xea\x1ecl4\x9b\x1a?Ca\xe9kK\xb2\x953@Q.\xf6\x17pj\xdd\x07N\xf3\xac:B7\x91\x99B\x90\xdb\xd6$k\x1c\xe7(\xd0\x9e\xa1.tk\xf0\xbb\xe2d\x12;\xe7\xd2h\xc4\xcc\xdd\x17\xebYnL\x13\x9b\x9c\x99D\xef\tc^:\x8e\xc1X\x00d.\'\xf02-:\xc6\x93\x96\x8a\xb2N\xfd\x92==\x8f\xe3\x18\x8b\xb3\xc0o \xe1\x8e\x9b\xe5\x1bQ~`YbsR\xadP\xd9\x14\xe7\x88~(\xe0j\xfe3\x9cT\x19\xa0\xbaa\xf0\x0c\r\xe1\xf7\xfa\xdd\x10\xe3\xfb&amp;g#\x89U_\x1c\x13"d+\xa4\x96\xde\xf4\xed\xf3)Y\xee\xef9\xf7c^s\x1d\xc0\xd8wU{/$\x00\x83F\xea\xd3\xef\x16\xd2?}7\xb7\x7f7\xd6K\x9f\xc58\x07\x02#\'M\x96lV\x9as\xc9\x84\xea\x07\xbe\xc7/\xd6\xa3w=S\xf1\xe9\x17\xc8\xe7\x039\'v\xd9\xc8`n\xb5\xc4\x0bg\xcfv\x86\x9c\x90\xaago\x1aKQ8\xaf\xf8\xf2\xb14X\x02\x98\xd8\x08\xd0\xa8\xb0[\xba\x0c\x93H\xfc\x06\x1e\xce~1\x18Zi\xa2\xc0W\xbas\x97W\xac&gt;\x81\xc7Q\x8f9W\xe14\'\xbd\xb9%\xb4B\xd1&amp;`q\xce\xaf1\x9ab\x0b\xbd&amp;\xac\xf2kh\x9fY\xffD\x04\x16\xec}\xfc\x16V\xfc=\x14\xfc\xda\xd4\x0cC\x91\xd0\x8fr\x0c\xd7`\xa4J\xb8\xdds\x01QPo\x81\xe2\xbf8\xef\x17h\xf9c\x7f\xdf\xeeN\xf7\xc2*\xb8\xac\xb3\x8b\x11\x86Fk\xb9\xd9A\xe65\x94\xbe\xad\t\x14|\x8e\xe5\xcf\xa8\xdb\x8c\xeb=\x99jo\x94%S\xe9\'\x88\xfc\xbaEm\xd6\x86\x1e,IIW\xa8u\x13\xd1{J\x83p~z\x95\x8c\x80\xe5\xf4\x1b\x9e^N,\xb7\xcd\xea\x846\xc2\x14Z\xd7\xa4\x06\x9cb\xfd\xf8\xed\x9b\xad\x80h\x8ei\x08Bz\x15L\xec\xfd\x97\x9c\x02l,\xb7\x96\xe4\x84\x12c8\xa9\x0e\xcd"Mzkjc2[`\xfck]\xd8\x12\x8a\xe2\x00\x7f:\x17\xe0\xbe\xe7\x12\xa7\xaf\xddZt\x95\xd3W.n\xf9\x11\xa8Q*X"\xd9\xcf\xcc\x9a\xa2eR\xfa\xdd\xa0-J\xee|[\xc3\xab\x87\x0e\xfbG\xa9\xb2$\xdf\xb2\xeb\xf4\x05\x9d\xf8\xd4\xaf\x0e\x114\x85\xbf-0C\x01a\xa0\x9b]\xd9\x14@H\x1e\xef9S2\x82w\x84\xd8\xd0\x05\xf1\xe2b\xb5\x8f\xa2\x1e\x8f\x0eEuMP\x1d\x14\x7fh\x18.Ph4P\xdf\xdb\xadi\x17\xbb\xe9$\xcd\xf0\xe6\xdd\xf6\xe1\xe1I\x94(;\x11\x97\xd0\xf4\xeb\xd8\xf1G\xd96\xcd\xca\x8c\x01\x0e\x01g\xe2q\x83]\xfa\x03E\xe0\xeb\x96\xc8\xc3\xd4s\xb8\xcf\x9dgC\x89Z\xa4P\xddm\x93aZc\x08;\xde3\xf9\xff\xa2&amp;\xe3hS{\xa2X\x82\x1at\xc4|\x0bh\xb8c\xa9\xba\xed&lt;\x0e\xa7dZ\x92\\\xc5+\xa3\xeb\xadF.\x8e\x83\x9b\xe1|u=|\x07\xe3*\x81?5v-\xea\xce#\xa7\xae\x8b\xaa\xc9\xa8\x95\xac\xe6\x04\x86o\xb8\xf3\xc0\xe3Y\x81\x88\xcc\xabT\x80\xf22\x80)|\x0f\xb6\xcdw+\xaf\x90\xdc\xe0\xbf\x9d\x06F\x15\x9bZ\x18A\xd0\xef\xd0&gt;\x7f\x84\xd4\t7\x10\xde\nm\\\xe14\xbf\xc5;V\xeb\x82{\xfc\xc5\xa7\xfey\xc3\xf2m\xceDr\xdf\xcae\x9a}\x9e\xfc\x14D\x80:s\xe0\xe1f\xe0n\xc8#\x89\x9d\x82\x1c\xb2\xca\xf6\xaeF5=\'\x1d\xb6\xe3\x9e\x98\x9ak\xd7\x084\xd2\xc4\xbb\xfd\x0611\x16\xfd\xa8\xb7\x8f\x92\x16.\x9e\xce\xe7\x1ej!\xc4\xb3\x8f\xec\'5\x1dF\x0e\x10\xd7\xd1\xd1\xa0\x84\xf7\xb6f\xc8Pvu\x08\xf8\xfa\xc1\xd9\x95\xf5j\xcc\x1b\xa0\x93V\xab\xb0\xa7J\xe4\x88\xd3\x8a%\xa2SA\x84\xcc\x0c\xf3\x83\x80\x92)P\xe3\xb8KF~\xe8&gt;\xd5\xeacs\x85\x19\xc5\xb5\x83p\xbcL\xe4?\xc8\xb5\x0c\xf5\x1c\x0eB4K\x11\xdf\x88\xc8\x0f\xa0\x19\xde\x86\xf2\x08\x83o\x9fQ%$\xe1\xaeU\x19t\xccU\xbc~\xc2v6&amp;&amp;\x0ew\xd1R\xa1\x1e\xc8"\xf0\x1aV\x065.X\xcfT\xce\xd7\x9b0\xc9\xf4\rz@\x96\x8e\xf0\x17\x8d\x15\x92\x0e!\x04\xa0_\xba\xf3z\xf3\x07\xe8\xc0\x02\xfd\xabu\xed\xae\xc7\xca-\xab\x0c\xbe\x1c\x9e\xe9\xbd\xbbkmeJC\xf9,v\x13f$e\x1b\x9b\x0e\xc1\xe4YS\xca/!|\xd7\x8c \xed\xd7\xb6:\xaf\xc7\x04\xec\x83\xb0\xcd\xd8w\x94\xcc*\xd7?\xfbT\xd4m\xc4u\x9e\xfd\xeaI\xf0v\x86\x96 x\x8c\xa1d\x98\x82\x16\xe5\xf8$\x9e\x03\xd1\xf9\xbc\xb4\x02\x8a\xe3}\xc5~\x01\xc2\xc1+\xae\xed\xe8g\xedw\xc0\xb4\xc9\xff\x91*\xbd\xb6\xee\xd3y\xca\xfb\x17f\xd5\x92\xf4\xe2\x9c+k5S\x86\xe0t\xd2r\x8a\x0b\x8a\xc0\x9b\x942\xb2\x15\xa9,WI\x82Z\xe1&gt;\x00\xaf\xe1/H\x03\xc1\xfa\xa8\x1dL\xdc\x91\xf6\xe0\xefl\xb2\x03\x06\x06\xc5\x98}\x98\x90\xda(6\xd7y\\"\xc5l\x7fu\xf5$L-\xc4\xc7\xbe\xc5XT\x1a\xd7\xd3[\xdc\xaez\xdd\xb18d\x9fHg\x8a^\x8fs\xf9\x87\x01\x1cE\x071\x92\xad\xb0\x95W\nc\xfe?\t\x98@\xbb\xfa\xd4\x89`\xd6^\xe0\xf5\xa9\x02\xfd\xf8\x043E\xc0\x15lV0Sy\xa6\xba\xfb\xdfl!\xe6i\xe04\x1ei\xf6\\\xba\xc8\x10&amp;\xabD\xe1\xe6#-\xd0\xc2\xf8/\xea(\xfd\xe7\x00\x06G\x0b\\\x06L\xaeS \xbd\x12.\xb1\xe2\x87\x0c\x8a\xe7\xb9\x15".\xaeS\xe6\xe6c\x95\xde\x19rzN\x88\xf0]Y\xd7\xf6\xef\x19VY&amp;\x06\xdaKv\xf1\xb67\x8b\xa6\xd7\x87k\x84\xb8u\xe7]]\x01\xf7\xc7\'\xc7\xf9Q[Y\x9a\'J\x8c\xac\x8dI\t\xe3\x05Fj \x1c\xea\xb2@\x94\xe3\x1f\xf6\xb6\x98\xed.\xc8\rk\x97J2\xbcWi\xdeA\x95=\x84\xdaUY\x85\xf3\x81\x9f\x810\x87}m-\xa1\x84\xe2\x96\xc0\x05X&amp;\xd8\x07\xe5Eu\xf6-\xaf\xa0z\xbbj.E\xb0;Z\xe9;c%&lt;\x12o\xef\xc9\xfb\x90\xb8cn\x13\xd9o\xbd"\xb7\xf4\xdf\')\x99\x19L\tY\x05\xfe\xcfx\x05\x9e\xb7\x11\xf6v\xaa+\x17\x89\xf4*_\x16nG\xf9\xa6`}.\xf6\x1eTI\xb4\x10\xb7\'\x93.N\x07z\x8e\xb3E\xc1ED\x05\x12\x9938\xfc\x1c\xb7?\x0c\xd4\xdd\x9cO&amp;\xa2u\xdf\xd1l\xfc\x0eA\xc0\xba\xc9\xad\x9f\xb6\x19\xa9\xa9w[jik\x95C\xb8\xe8\xb5A\xa3t\xb5o\xd6\xfa:\x84\x1c\xca\xfeT&gt;8O\xfb\xe6{+1oxFU\xb4\x81\xaf\xf3\x8d\xc4\x0e6\xe2\x88\xa4"M\x16r&amp;Q_ZWO\x98\x97\x8av\x96\x1f\xad\xba7B\xecI\xe3\xafNr\x04\xe2(T_\xe5\xa9\x02\xbc\xa3\xa3\x84\xdf\xe8~m\xf54\xb5w\x12\x10Y\xf9\xd33\xfa\x80\x97Xr\x985a~\x92\xf0\x12\x1eNg^m@\x8f\x97/\xd3\xc4\xfa\xa7\xecl\r\x9dd=.\xd5}\xfei\x1fE\x83B\x88`H\xdc\xf2\xbc\xe2\t\xcf\xc2\xa0\x96\xf2\x9e\x97\x85\xb8w\x95\xbf\xd0\x84.:2\xa4J\xcf\xc0\x19\x8d1Y\xe1#[\xcb\xbe\xcb\xcf\xb2\x02T,\xef#\x8c\xf2\x17\xac\x07\xc2e\x17\x8b\xfcP\x17\xc8bb\x11\xe2M\xd4g\x08\xe3\xea\x1c\xfd"y\xa2~\xab_\xc1\x90\r\xa9\x9c\x10\xb6\xa4+Kg!\xa37\xabB5\x06\t\t\xb3\x99\xd9\x13\x0bx&gt;\xe7x\x07\xbeG\xf5\xd1R\xdf\xbe\n^\x1fT\x8bU\xaa\x00\x14\xed\x15a\x0b\t\\\x0c\x8c?\x02(t\x88\x04\x91G\xbaG5-5Kk\x9fmAPC\xbb2c\xd4)\x8f\xbc\x0e/\x9e\xf9\xc26\xa9\xe5\xee\x12eO\xab!}Lof\xa6T\x98\xdb\xbf/\xd0\xa9\xa8\x10\xd7\xce\x1f\xad\xce\xdc\xafB\x027\xd6WM\xb0\xee\x18\\\x9c\x06S!\x80\x1d\xf91\x80\xe8)8\xf5\x18\x10\xf81X"\xd1\xe7\xe5R\xf0\r\xaf\xb4\xce\xd8X`\xa5"\xd4&gt;?\xa3\xedY\xa5\xe4\x06b8Q\x7f\x85e\x82M`/\xe3\xe2 %0\xde\xf3\xa7;\x12!l\r\xf7\x80\xa6Bo\n\xb7;\x89\x95\x1c\xd4\xe7\x06ePx\x95-\xab\xea\x84oF\x8d\x86\xad\x94\xc1?\x9c\xca\xee\xe3\x1fTz\x06VDM\x1f\x86.\xfc\r\xc3&gt;\x9bm\x8b\xf9\xa8\xc2\xb3\xe3\xec\xd8&amp;\xfd{\x8aO\xf9\x14/5L$\x93i*y1\xde\xc3s\x8b\x9b\xf4o\x9e\xc4\xe5\xc7\xe5\xac\xb1\xc3qyz\xa35&lt;Ho\xc87\xbe\xefR\x15{\x90i\x9du\xea'</t>
  </si>
  <si>
    <t>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</t>
  </si>
  <si>
    <t>b'\xe7\x18\xf9\x8f\xebv\xd0\xc4\x17\xea\xf78\xe1"\xd9\x00'</t>
  </si>
  <si>
    <t>is voice faltered with the last words, and his countenance changed,
 while, with a look of ineffable tenderness and grief, he gazed upon her
 for an instant, and then quitted the cottage.
 'Dear heart! dear heart!' cried Theresa, following him to the door, 'why,
 Monsieur Valancourt! how it rains! what a night is this to turn him out
 in! Why it will give him his death; and it was but now you was crying,
 mademoiselle, because he was dead. Well! young ladies do change their
 mind in a minute, as one may say!'
 Emily made no reply, for she heard not what was said, while, lost in
 sorrow and thought, she remained in her chair by the fire, with her eyes
 fixed, and the image of Valancourt still before them.
 'M. Valancourt is sadly altered! madam,' said Theresa; 'he looks so thin
 to what he used to do, and so melancholy, and then he wears his arm in a
 sling.'
 Emily raised her eyes at these words, for she had not observed this last
 circumstance, and she now did not doubt, that Valancourt had received
 the shot of her gardener at Tholouse; with this conviction her pity for
 him returning, she blamed herself for having occasioned him to leave the
 cottage, during the storm.
 Soon after her servants arrived with the carriage, and Emily, having
 censured Theresa for her thoughtless conversation to Valancourt, and
 strictly charging her never to repeat any hints of the same kind to him,
 withdrew to her home, thoughtful and disconsolate.
 Meanwhile, Valancourt had returned to a lit</t>
  </si>
  <si>
    <t>b"]V\xc7\x0e\x9dp)\xe6\x96\xf1\xde=\xdd/4E\xb8\x14\xf1\xe3\xab\x95C\x94\xe8\xd4\x11\xb2\x19\xe0E\x19\xf6\xb5\x9d~\x91\xa7 \xb5\xe0(\xdd%E\x99v'\xd9\x16\x80_\xe6\xcb\xd3\xe2&lt;\x06\x9e\xc3Q\xb4\xc3\x8e"</t>
  </si>
  <si>
    <t>5d56c70e9d7029e696f1de3ddd2f3445b814f1e3ab954394e8d411b219e04519f6b59d7e91a720b5e028dd2545997627d916805fe6cbd3e23c069ec351b4c38e</t>
  </si>
  <si>
    <t>b']V\xc7\x0e\x9dp)\xe6\x96\xf1\xde=\xdd/4E'</t>
  </si>
  <si>
    <t>upted metal ribbon, which measures no less than three
 thousand seven hundred and eighty-six miles. Between Omaha
 and the Pacific the railway crosses a territory which is still
 infested by Indians and wild beasts, and a large tract which the
 Mormons, after they were driven from Illinois in 1845, began to
 colonize.
 The journey from New York to San Francisco consumed,
 formerly, under the most favourable conditions, at least six
 months. It is now accomplished in seven days.
 It was in 1862 that, in spite of the Southern Members of
 Congress, who wished a more southerly route, it was decided to
 218
 lay the road between the forty-first and forty-second parallels.
 President Lincoln himself fixed the end of the line at Omaha, in
 Nebraska. The work was at once commenced,
 and pursued with true American energy; nor did the rapidity
 with which it went on injuriously affect its good execution. The
 road grew, on the prairies, a mile and a half a day. A
 locomotive, running on the rails laid down the evening before,
 brought the rails to be laid on the morrow, and advanced upon
 them as fast as they were put in position.
 The Pacific Railroad is joined by several branches in Iowa,
 Kansas, Colorado, and Oregon. On leaving Omaha, it passes
 along the left bank of the Platte River as far as the junction of
 its northern branch, follows its southern branch, crosses the
 Laramie territory and the Wahsatch Mountains, turns the Great
 Salt Lake, and reaches Salt Lake City, the Mormon capital,
 plunges into the Tuilla Valley, across the American Desert, Cedar
 and Humboldt Mountains, the Sierra Nevada, and descends, via
 Sacramento, to the Pacific,â€”its grade, even on the Rocky
 Mountains, never exceeding one hundred and twelve feet to the
 mile.
 Such was the road to be traversed in seven days, which would
 enable Phileas Foggâ€”at least, so he hopedâ€”to take the Atlantic
 steamer at New York on the 11th for Liverpool.
 219
 The car which he occupied was a sort of long omnibus on eight
 wheels, and with no compartments in the interior. It was
 supplied with two rows of seats, perpendicular to the direction
 of the train on either side of an aisle which conducted to the
 front and rear platforms. These platforms were found
 througho</t>
  </si>
  <si>
    <t>b'\x87BFp5\xc0\xb8\xa3\xe2\xd8\x12E\x82\xd3\xef\xeaj\x99n\x920\x94O\x86\xd2lv\xac\xd3\x84s1'</t>
  </si>
  <si>
    <t>8742467035c0b8a3e2d8124582d3efea6a996e9230944f86d26c76acd3847331</t>
  </si>
  <si>
    <t>b'\x87BFp5\xc0\xb8\xa3\xe2\xd8\x12E\x82\xd3\xef\xea'</t>
  </si>
  <si>
    <t>but when at sea. And how did I begin? 
 Before the mast, like you!" 
 "Well," said the other, "but all the other money's gone now, ain't it? You 
 d</t>
  </si>
  <si>
    <t>b'C\x9a\xe6E\xce\xf6&amp;\xca\xce\xb4o\x8c\xbb\x05V\xf7\x86T\x83\xc8%\x8ab\xae\x92\x8b\xb5\xc4.\xd8\xc1\xbe\xb67\x9c\x1c\xc8\x0c\x11\x10\xe2\x7f\xf612\xc7\x94&amp;\xffDu%\x08\x0cil\xc2\xd9\xe0;\xbe\\a\xf2\xa1"&amp;c\xeb\xe9\xb8\x1ai\x97\xbb\xb1\n\xe9W\xd3\xda\x90!_\x95\xc9\x97\xcd\'\xf8&amp;Z\x0f\xb1\x84\x8a\xd0\xc2\xd2\\/\x9c\x95\xe2\xb5\xcc\xa4\xfe:V4^\x89\x05R\xa0\xa2K\xda\xa68\x96\t2\x98\x13\xd5f\xcd\xbdvZ\xf1\xc5yd\xfbB\x8d\x11\x87\x17\x8f\xa0\x99\xb1F\xa7\xd7Z\xf7\xe4\xf8\x8a\x89\xd8i\xd5\x86.\x88\x91H\xa86\x1aU\x85$\xf1)+Z\x12\xcb]T*\xf8\xa1\xf3\xd2\xbdg(\xd0\xc5a\xae\xb7\xfc\xc3\x0e\xdcb\x8d\xfc\xcb\xf7\xb6P\xf2\xe8\x83v\x18\xb8B\xee\xf0\x8b\xb7\x8c|\x82dv\xf9\x14\xb8\xff\xc9\xa0\xeb\x9b\xca_\x8a\x9aN\xb7T\x91]k\xab\x8f=\xa7\xed\xaaxpbxS!\xbdrI\xdd\x8f\xcb\xf7\xba\xcc'</t>
  </si>
  <si>
    <t>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</t>
  </si>
  <si>
    <t>b'C\x9a\xe6E\xce\xf6&amp;\xca\xce\xb4o\x8c\xbb\x05V\xf7'</t>
  </si>
  <si>
    <t>an' born! Eh! I wonder tha'rt not ashamed o' thy
face."
And then she began to laugh too and they both laughed until they could not
stop themselves and they laughed until the room echoed and Mrs. Medlock
opening the door to come in drew back into the corridor and stood listening
amazed.
"Well, upon my word!" she said, speaking rather broad Yorkshire herself
because there was no one to hear her and she was so astonished. "Whoever
heard th' like! Whoever on earth would ha' thought it!"
There was so much to talk about. It seemed as if Colin could never hear
enough of Dickon and Captain and Soot and Nut and Shell and the pony
whose name was Jump. Mary had run round into the wood with Dickon to see
Jump. He was a tiny little shaggy moor pony with thick locks hanging over his
eyes and with a pretty face and a nuzzling velvet nose. He was rather thin with
living on moor grass but he was as tough and wiry as if the muscle in his little
legs had been made of steel springs. He had lifted his head and whinnied
softly the moment he saw Dickon an</t>
  </si>
  <si>
    <t>b'\xc8\x1d\rtE/on\x07\x934|\x05\xc4\xdb\xf0Gp\xdc{\xdf,qviBI\xf5\'rA\xf2\xef\\\xc6\xd5b\xc6@7-\xab\xdb^5\xa8\xd9\xeaF\xa0\x05\xdc\xd58d\x155\x02\xea@:\xfb\xee\x8a\xc3\xc5\x1e\xdd\n\x1b\xdf\x9e\xed\xee\x0f\x92\xdf\xf6\xaf\x08\x00EU5\xa8J\xb3u\x85\xc0\xfab\xcf7&lt;\x10\xaae#^\x88\xe7cgr\xab\xc0\\\xc7\x04\x12\xa0\x0f\xa4\xed,"\xec\xa4\x18\xa7:w\xcc\x87\x98B\xe3\xee\xcf\xc0O\x9ej\xff=_\x838\xb7_\x8a{#\xa0 \xdb\xe1\xe7 ;\xe4D\xaa\x97\xd2T\x03P\xe8Fp\xbbe}`\xe2\xa1\x89\xd3\xdfC\x1e\x03\xbf\xf2P1D\x91\x99\x03\x80!\xcfB\xb0\x14f#\xf9\xac\xafT!\x9a\xc1+\xd2Z\x02\xee\xa9\xa6\xf79\xa0\x9e\xc1\x98\x9b\xa2\xe3\x1au\x8b\xc2\xd3k|\xd5\x06C\xd2Ha\xcb\xb4&amp;p\x9a\xa3\xf7\xf8\xe7\x84Js\x00q\xdd\x9e+[\xef\xc5\x18tS\xb7UV@y\xc9R\x00\xbe!\x80\xf1\xa9\xdc\xc4\xc2\xcb8C^\xe5\xbeM\x87G\xc7\x0b\x8c\x8e\x0f\xfe\xc9\xcd}y0\xd9D4\x80\xae)\xe0q[C*)} \xcd\xa1\x9b\xc5\xc1v\x83J\xcbl\xe9\x9eOsu\xc1`\x87\xee\xfc\xaet5\x81\xe4B\x9aR\xb7R\xc9\xb4\xe7\x04\xbe\x98\xedG\xe3\xe7\xd0\x94\xa5\x8d\xb9\x8e\xea\x0f:p\x11\xd4g\x97\x92JrAwqd{\x02\x08\xe0\x91* \xefj\xe4\t\x7f\xc6FC[U\x18\xb4H\xfe\x1a9g\xa0\x0ep\xf0\xaa[]\xf3|&amp;\xea\xa2\xc1\xe2\xa1\xcd\x7f\xe6\xc9[y\x1b\xf5P\x02\x12\xfea\xc1\xb8m\x8d\xcf\x94(\xfa\xed)vo\xa3\xe1\xb5\xac\x03*\t]{\xecl\n\x85\x8a.\xc2\x9b\x841\x0b\xf52\xf3\xdcoAB{\x15\xbd1W\xeb0\x08\x07\xd46\xedt\xb4\xf6\x8ant\xe6\xb9\x07\x92\xf4\xd2\x87\xaa\xb3\x16\xc0\x9cu\x07\xdb\x83\xe6V\x8a\x99\t\xb0\x90\\(4\xfa)\xf7PY\xca\xf6j\x84\xa3\xbc\xc0\x16\x0f\xb7\xfbL\xd1\xc05\x96\xa3x\xaa\xbaR/\xd2\x07+&lt;\x06\xc4f\xd4\xbc\r\xbcPj*_\x19\x08a\x1c\xfa\xa9\x9f\nw:#\xd2\xd7}\xd3\xdd\x83\x99\x8b%\xbd\xe9\xb5\x9d\x92\xa69\x8e\xa4\xc4Z\x7fgX\x90\x80M\x93Lm\x9c \xcfZ\xbe\xa6k\xb6\xd0\xb7\xb4PQWl\xfe2\xe2P\xb2\xae\x96\x0ez\x96\x13\xcaa\x16\x04\xe1\xb1&amp;e\xa4k\x05\x15RA\xf5\xe6\x8c\x9a\xd9\xb2\xe2\x14\xbbB%\xa1|\x14b\x0f\xe0\xadT7R|\xfa\xa4o}I\x00\x89\xf4\xb4V\xd4\xc4\xd9O\xce\xda\xbc\xa6\xbc93\n\xbf\xd3\xa3\xeeV\x1fp\xec\x03\xf2`d\x7f\xe0\xba^)4\x92\xd544\xf8w u(\xcd\x97b\xd4\xa2[R\x81\x8dQA\xb2\x03\x94[\'nC\xe9\xca\xa2\x81b\xe6\x884\xa3p\xbal\xa1k\x0f|\xb6\xe9\x14$\xb1GY\ty\xf9\xc9\x1cH}Z&lt;\xc2\xc7\xdf\x8a\x0f\xb9\xc5\x87=XT9"\xff\xaf\x19F\xf9\xa0\xde\xf2g\xa9\x19\xb6/\xbc7p\xd3)\xdbRu\x0b\xa6\x91|\x84\'\xe0T\x18\xcb\xe4grgy\xe1\xea\xf6A\xb4Om\xf1\xf1\x01\xd7\x88\xf8\xed\xe3\xd8\xc8\x118\xff-\xc7)\xa1{\x95!\xe2\x1b\x9e\xe6\xa0\xb8\x86\xf2\xbb.\rS,y\x97u\xce n_\xcc\xff\xd5l\x9e\xb1X\xdb\xaa\x9e\xd2&amp;\x12\xf3\xb7\x80\xf8\xab5j\xdf\xa9\x9e\xa5\x00\x8c\x94\xd1\xed\x83\x00\xa0\x99\xb0\x8a\xbb\x11\x1e\xe8\xf7\xe0\x81\x98\xd5\x1dM\x0c\xd5\xf4\x8bU\xfb/\x93=I\xc7\x1d\x9d\x8c\xf5W\x8d\x05\x96\xaa\x1b\x83r\x0ek\xdcf+&gt;\xbf\xed6Ed\x12l\x98\x0c\x0ckJ\xd2\nx\xfc\xd7\xc1%\x94\xc3\x06f\x14\xda\xef\xb9\xe7\xf1 v\xa6\x9b\x08\xda\x07\xb6Q\xc6\x9d\xd0\xe8f\xba\xe8D7\xd6\xf3\xa3\xecs\x90\x86\n\x06\'\x95|\x18V\x18\x0b\xa0N\x07:A=\xe6\x81{\xf3~5&gt;MV\x19\xdb\x04q\xd0\x19\x1fb\xa8\x9d(\x17&lt;}X\x1eB\xffiz\x9a\xac\x89Ej\xe8\xc2\x12\xff\'\xfa[\x94je\x9a\x95\x17\x92{\xeb8\xdf6\r\xc8y_\x03&lt;B\x03\x88VB\xb4\xab\x83\xe9\xd3\x0b\xc3\xf5\xda\x91l\xa7I\xff'</t>
  </si>
  <si>
    <t>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</t>
  </si>
  <si>
    <t>b'\xc8\x1d\rtE/on\x07\x934|\x05\xc4\xdb\xf0'</t>
  </si>
  <si>
    <t>hn, "it would be rather awkward if one of these branches came down
 upon us."
 The words were scarcely out of his mouth when there was a groan, and a crack, and a
 splitting sound, and tearing, crashing down among the other trees came an oak, torn up
 by the roots, and it fell right across the road just before us. I will never say I was not
 frightened, for I was. I stopped still, and I believe I trembled; of course I did not turn
 round or run away; I was not brought up to that. John jumped out and was in a moment
 at my head.
 "That was a very near touch," said my master. "What's to be done now?"
 "Well, sir, we can't drive over that tree, nor yet get round it; there will be nothing for it,
 but to go back to the four crossways, and that will be a good six miles before we get
 round to the wooden bridge again; it will make us late, but the horse is fresh."
 So back we went and round by the crossroads, but by the time we got to the bridge it
 was very nearly dark; we could just see that the water was over the middle of it; but as
 that happened sometimes when the floods were out, master did not stop. We were
 going along at a good pace, but the moment my feet touched the first part of the bridge I
 felt sure there was something wrong. I dare not go forward, and I made a dead stop. "Go
 on, Beauty," said my master, and he gave me a touch with the whip, but I dare not stir;
 he gave me a sharp cut; I jumped, but I dare not go forward.
 "There's something wrong, sir," said John, and he sprang out of the dog-cart and came to
 my head and looked all about. He tried to lead me forward. "Come on, Beauty, what's the
 matter?" Of course I could not tell him, but I knew very well that the bridge was not safe.
 27
 Just then the man at the toll-gate on the other side ran out of the house, tossing a torch
 about like one mad.
 "Hoy, hoy, hoy! halloo! stop!" he cried.
 "What's the matter?" shouted my master.
 "The bridge is broken in the middle, and part of it is carried away; if you come on you'll
 be into the river."
 "Thank God!" said my master. "You Beauty!" said John, and took the bridle and gently
 turned me round to the right-hand road by the river side. The sun had set some time;
 the wind seemed to have lulled off after that furious blast which tore up the tree. It grew
 darker and darker, stiller and stiller. I trotted quietly along, the wheels hardly making a
 sound on the soft road. For a good while neither master nor John spoke, and then
 master began in a serious voice. I could not understand much of what they said, but I
 found they thought, if I had gone on as the master wanted me, most likely the bridge
 would have given way under us, and horse, chaise, master, and man would have fallen
 into the river; and as the current was flowing very strongly, and there was no light and
 no help at hand, it was more than likely we should all have been drowned. Master said,
 God had given men reason, by which they could find out things for themselves; but he
 had given animals knowledge which did not depend on reason, and which was much
 more prompt and perfect in its way, and by which they had often saved the lives of men.
 John had many stories to tell of dogs and horses, and the wonderful things they had
 done; he thought people did not value their animals half enough nor make friends of
 them as they ought to do. I am sure he makes friends of them if ever a man did.
 At last we came to the park gates and found the gardener looking out for us. He said that
 mistress had been in a dreadful way ever since dark, fearing some accident had
 happened, and that she had sent James off on Justice, the roan cob, toward the wooden
 bridge to make inquiry after us.
 We saw a light at the hall-door and at the upper windows, and as we came up mistress
 ran o</t>
  </si>
  <si>
    <t>b'\xe7\xacd\xa0+\xe4\xebN'</t>
  </si>
  <si>
    <t>e7ac64a02be4eb4e</t>
  </si>
  <si>
    <t>lancourt, with some drawings she had sketched, during
 her stay in Tuscany, the latter of which were no longer interesting to her;
 but, in the letters, she now, with melancholy indulgence, meant to
 retrace the tenderness, that had so often soothed her, and rendered her,
 for a moment, insensible of the distance, which separated her from the
 writer. But their effect was now changed; the affection they expressed
 appealed so forcibly to her heart, when she considered that it had,
 perhaps, yielded to the powers of time and absence, and even the view of
 the hand-writing recalled so many painful recollections, that she found
 herself unable to go through the first she had opened, and sat musing,
 with her cheek resting on her arm, and tears stealing from her eyes,
 when old Dorothee entered the room to inform her, that dinner would be
 ready, an hour before the usual time. Emily started on perceiving her,
 and hastily put up the papers, but not before Dorothee had observed
 both her agitation and her tears.
 'Ah, ma'amselle!' said she, 'you, who are so young,â€”have you reason for
 sorrow?'
 Emily tried to smile, but was unable to speak.
 'Alas! dear young lady, when you come to my age, you will not weep at
 trifles; and surely you have nothing serious, to grieve you.'
 574
 'No, Dorothee, nothing of any consequence,' replied Emily. Dorothee,
 now stooping to pick up something, that had dropped from among the
 papers, suddenly exclaimed, 'Holy Mary! what is it I see?' and then,
 trembling, sat down in a chair, that stood by the table.
 'What is it you do see?' said Emily, alarmed by her manner, and looking
 round the room.
 'It is herself,' said Dorothee, 'her very self! just as she looked a little
 before she died!'
 Emily, still more alarmed, began now to fear, that Dorothee was seized
 with sudden phrensy, but entreated her to explain herself.
 'That picture!' said she, 'where did you find it, lady? it is my blessed
 mistress herself!'
 She laid on the table the miniature, which Emily had long ago found
 among the papers her father had enjoined her to destroy, and over which
 she had once seen him shed such tender and affecting tears; and,
 recollecting all the various circumstances of his conduct, that had long
 perplexed her, her emotions increased to an excess, which deprived her
 of all power to ask the questions she trembled to have answered, and she
 could only enquire, whether Dorothee was certain the picture resembled
 the late marchioness.
 'O, ma'amselle!' said she, 'how came it to strike me so, the instant I saw
 it, if it was not my lady's likeness? Ah!' added she, taking up the
 miniature, 'these are her own blue eyesâ€”looking so sweet and so mild;
 and there is her very look, such as I have often seen it, when she had sat
 thinking for a long while, and then, the tears would often steal down her
 cheeksâ€”but she never would complain! It was that look so meek, as it
 were, and resigned, that used to break my heart and make me love her
 so!'
 'Dorothee!' said Emily solemnly, 'I am interested in the cause of that
 grief, more so, perhaps, than you may imagine; and I entreat, that you
 will no longer refuse to indulge my curiosity;â€”it is not a common one.'
 As Emily said this, she remembered the papers, with which the picture
 had been found, and had scarcely a doubt, that they had concerned the
 575
 Marchioness de Villeroi; but with this supposition came a scruple,
 whether she ought to enquire further on a subject, which might prove to
 be the same, that her father had so carefully endeavoured to conceal. Her
 curiosity, concerning the Marchioness, powerful as it was, it is probable
 she would now have resisted, as she had formerly done, on unwarily
 observi</t>
  </si>
  <si>
    <t>b'!\x98\x0e\x88\x9coLC\x14\x11m\xeb\x916,@\\\x0e\xf3\xee\xad\x84\x8b\xef\x1c\xcb\xb2\xfe\x15\xb3\xf9\x83\xcfJ\xe7\x83\xfd\xe1\xc0*\x85W\x9b\xd5X}\xd2\xf1J$\xa5\xe9\xd3b)\x00\xc3\xceU{\xf44$4'</t>
  </si>
  <si>
    <t>21980e889c6f4c4314116deb91362c405c0ef3eead848bef1ccbb2fe15b3f983cf4ae783fde1c02a85579bd5587dd2f14a24a5e9d3622900c3ce557bf4342434</t>
  </si>
  <si>
    <t>b'!\x98\x0e\x88\x9coLC\x14\x11m\xeb\x916,@'</t>
  </si>
  <si>
    <t xml:space="preserve">
person whom she liked in spite of his crossness. She liked old Ben
Weatherstaff. Yes, she did like him. She always wanted to try to make him talk
to her. Also she began to believe that he knew everything in the world about
flowers.
There was a laurel-hedged walk which curved round the secret garden and
ended at a gate which opened into a wood, in the park. She thought she would
slip round this walk and look into the wood and see if there were any rabbits
hopping about. She enjoyed the skipping very much and when she reached the
little gate she opened it and went through because she heard a low, peculiar
whistling sound and wanted to find out what it was.
It was a very strange thing indeed. She quite caught her breath as she
stopped to look at it. A boy was sitting under a tree, with his back against it,
playing on a rough wooden pipe. He was a funny looking boy about twelve.
He looked very clean and his nose turned up and his cheeks were as red as
poppies and never had Mistress Mary seen such round and such blue eyes in
any boy's face. And on the trunk of the tree he leaned against, a brown squirrel
was clinging and watching him, and from behind a bush nearby a cock
pheasant was delicately stretching his neck to peep out, and quite near him
were two rabbits sitting up and sniffing with tremulous nosesâ€”and actually it
appeared as if they were all drawing near to watch him and listen to the
strange low little call his pipe seemed to make.
When he saw Mary he held up his hand and spoke to her in a voice almost
as low as and rather like his piping.
"Don't tha' move," he said. "It'd flight 'em." Mary remained motionless. He
stopped playing his pipe and began to rise from the ground. He moved so
slowly that it scarcely seemed as though he were moving at all, but at last he
stood on his feet and then the squirrel scampered back up into the branches of
his tree, the pheasant withdrew his head and the rabbits dropped on all fours
and began to hop away, though not at all as if they were frightened.
"I'm Dickon," the boy said. "I know tha'rt Miss Mary."
Then Mary realized that somehow she had known at first that he was
Dickon. Who else could have been charming rabbits and pheasants as the
natives charm snakes in India? He had a wide, red, curving mouth and his
smile spread all over his face.
"I got up slow," he explained, "because if tha' makes a quick move it
startles 'em. A body 'as to move gentle an' speak low when wild things is
about."
He did not speak to her as if they had never seen each other before but as if
he knew her quite well. Mary knew nothing about boys and she spoke to him a
little stiffly because she felt rather shy.
"Did you get Martha's letter?" she asked.
He nodded his curly, rust-colored head. "That's why I come."
He stooped to pick up something</t>
  </si>
  <si>
    <t>b'\x8f\xb9\xe6\n6I\x00`%\x8c\x13 \xc0\xb9\xbax\xbc\x9cYa\x95\x93X#\xbbm\xe6\x80\xc9\xae\xe8\xdb\xea\x0b\x86%\xc5\xe7\x0bb\xd1a\x9eW\x97\xec\xe8Z\x83.\xb8"\xa4\x17\x0c\xb2}~PL\xe7\xb8\x1f{\xab\x16\xfc\'I\xd0\x11\xfdv\xd3\xdc\x0b\x012\x8e\xbb\x15x\x1b\xf9\x99\xabD1\xd8\x81\xbet\xc7\xb1oV\xedi\xa9i\xf7y\xfe\x07v\xc3\x8c\xc6!\x8e\x0cA\xf7Ms\x1a\xcbh\xcf\xb7\xa3\x82\xe64\xb7\xcb\x91\x87\x05\x16\x1fG0\xa0\x81\xa1F\xe6\xa0;;O\x14\x18\xe7\xed\xda\xba(\xff\x1d\xf8\xaa\x9b\t\xc6m[\xc00B\xd2\x9d\xb8\xfe\xe6\n&amp;\xbb\x84\xf7\x0c\x84%^\x8e\xe7\x91\xd7$ML\xf8N\xb2 \x028\x10\x89\xe3\x93O\\u7\xe1H\x8a\xbaxI\xe9X-\xc4\xbe\xca\x91\xe8\xca\xb2\x9d\x8a\xa5\n\xbb\xaa\x91L\xac\x96\xac*u\n1q\xb5\x9b\xbe\x90\x05 \x17"\x86\xc0\xe5Q\x90\x04G\x7f\xea\xa9\xa48\xc5\xecH\xd2R4d.\t\xb5\xf6\xf7\x0e\x8a\x1f\x98\xac\xd9\r\x14+6}M\xbd\xf9\x008\x11x\xe7_w$\xef\x80\xda\xde\x0b.p-\xbbc3\x17\xad]\x91Sf\x91\xf5\xba\xbfg*\xdc\x13U#a\xd4\x9f\xb7\x80\xd9\x12&amp;;\x00\x15\xbc\x99S5\xa6\x7f\x7f\xe2\xf3\xa9\x9c\xd5\x14~\xef\xd19L8\xb8OK+C\x9a\x7fX\xa8=\x10\x9e4\xa0\x803pj\xb2\x8d\x96\x84\xd4&amp;\xe9\xe3&lt;\x0e\xbc\xfa\x85s\x9en\xe7\xb0\xac\x02\xd8G\x87\xb11\xe3\xc9\xfdJ9^\xb4\xa8\xc15\x7f\xaf\xfd\xe5\xec\xf79\xdd_\xf7\xba\x95\x1a~\xef\xa0\x12\x1e\xbbE\x9d\x92\x17\xc6$\x84\xc0\xbc\x8dLP\x95\xe4~\xfa\xc09\x02\xe0~\x08\x1c\x8ajN\x7f\xcbo\x8dm\x04\xf7\xe6\xa1Bd\xc9\x8b\x89i\x05\xb3\x8f,\xef\x1d\xbf m\xff7; Pu\xca\xd0\x1e7`\xd2\x07\xb4\xd0\x8a?b\x12\xa3\xd2\x1dN\xd5\x02\xfb\xca\x97&lt;\x9a\xb9\xa5;\x04\x95wa\x14\n_P\xbeR\x8a\xe1\xde@\xf9K[\xf5\x8c\x8c\xb1C\x13\xf3Ucp0\x94\xc9\x18\\I(*`$\xa0.!\xa4E\xfe\xbbk\xb5\xff\xcb\xcd\xf0\x06\xb5H\x1f;\xbd\xdf\x9f\xcb\x88\xf0\xc1E\n\xf0y\xccn \x8d]\xf4\x97\xdd\x178\n\xd2\x1ct\xc9\xffJ\x06\x1a\x82\xbcS\xabI\x85\xc0\xa9\xa0\xd6l1\xf8\xe4{\xd7\x9a\xfc\x88\x91\x06\x08\xe3\xb2\x0eNY\xd2n\xd8\xd2[fTm6\xd5\xe5v\xb4%kB\xa9H\x8e\xcf\xfc#p\xb7^\x14\xef\x9e\t7^hE{\xeat\xac\xf6p\xbe\xad\xa7\xe7\xa0\x04\x8c+3\x0c\x1e\x98\xf5\x11\xfa\x96Z\xea\xd5\x9e\x8f9\x9b\xf9\x82v\x1a\xaf\x904\xc4A\x98C\x9fr\xfd\x03\xdb\xd9\x1cS\xf6C\x06\xd6q\x8b\xf6\xc1\xc5\xb4\xca{RE\x05\xf8\xb9\x1c\xd5\xc1\x1a|JA\xf7\xfd\x10\xdf\x0e\x0f\x84hy$q\xe0cL\xa3\xce\xb2$\x100\x05\n\x03\xc7\xbel\xd2D\x82\x98\x84?M\x12zg_\xa6\x97b\xd1\xd0\xb5\xab\x80r\xd6\x93\x02\x90\x01Irm\xd1\r(\xdc[6;\xeb\xa6\xf2\x99\xf7\xe9\xfc\xf1\x9dA\x8b5\x97o}Z1fxl*\xbe\x88\x82\x04\x82\xfb\xa6\x89\xb8\xf9\x91["J\xaf\x067\x9f\xef\x06l\xa5Xf=\xd6^\x1d\xf8;ug\x85\xa8\x80/\xbd\xe4\x0c}w\x0f\xd3\xa1OIM\xc64\x15\xea0\x96\x9c\xd0Uf\xa3#\xebb\x19kJ\xdf\xa7\x03Ize\xa2#.\xda:rf\x0c&lt;\xb6+\xb6{\x1a\x07\x10\x9e.&gt;V\x85\xb1\xba\xa4 \x8f\x8f\xcb6\xf6\x9a\x118q\x87\xbaf\xe4\xa9\xc0\xb6\xe2)\xd7\xce\x10\xbe\xb2\r\xe9\'\xba\xc3\x1e\x98!t\xd7\xc7\x18\xf0\x99a6xg\x9a\xad\xf4\xed\x924\xe0\x06\x80\xc3&lt;\x98\xf0\xae\x99\xb1\x8d\xee\xfd?\xb8\x97C\xaf1\x94\xcb\xcd\xe6\xc6%\x98M\x88\x98=\x8eo\x8f{_\x18\xa7\xd6\xb9PJ\x17\x7f\xd9BQ\x95\xc8l\xa9DR\x84S\x17Js\x8a\x97\x80\xacr\x94;\x7f\xac\x98\xabr#\nb\xe9\xf6\x05k\x08\xeb3\xad[\x7f\x7f!\xe1k&amp;8\x1b.-\xbeVk\xcc6\xb2\xa6%b/\xd0\xc2q\xf6\xde\x18\x90\x8ey\x8c\x19\x8f\xc9i\xad\x1c\xdd\xa3`9\x1bX2\xac\xc9\x04\xcd\xc9a\xe2)\xb1\xe2\xc4\xf5Y\xb7\x10\x81\xe0\x81bg\xder\xea\x15\xf4\xdd\xbf\xaa\x11&gt;N\xb5\n\x8d,\xcek\x10\xf2\xf5\x0f\xb5\x01\xe58\x98C\xbf\xf6(\xe6\x9cR\x18\xa9\xd7b\xd5\x90\xed\xb7i\xc7\xc9?\xaf\xd4r\x9f\xb5\xda\x9c\x99l.\x0b@\xc4:)%\xa1\\t\nQ`\xc8\xe2\xdf.ssVa;\x17\x93\x96\xc5\r\xa9/l\xa5\x00\x08\xad\x02U\xcc\xedg\xbcUK\xc7\x18\xdb7\xe4\xa5\xb3\xbaV\x99.u\x04\x8d\n\x04m\xd1\xe9\xe2B\x8431\x16\xbd&amp;\xa6\xc3\xea\xe6\xae\x12\xb7#\x8a\xc4\x87*@\x98\xe3\xf5\xc9\xe74p\xee\xff{*\xc6\x0c\x96\x14!,\xf7a\xb5\xfa\xfdK\x1do\xc9\xca\x8a\xdc\x86Xk\x14\x91\x13\x9e\xbe\xc1\nd\x98\x00\xc9\xc5\xcc\xbe\xfe\x178v\xc0\x1b\xa79)\xac\xbd\xadrM\xdb\xdcj\x16\x84j*K\xd7\x998\xab\x8f\xcb\x19\x7f\x0fZ2\xcf\x8b\xa4\xf5\x9a\xbe\tfmdL\xfc\x1e\xd5s\xb7\x16\xaf\xfaA)\xa0\'\xd4_U\xcc\x1f\x85;\x85&amp;\xce\xe4\xa9\x0b\x11|\xee,\x93\xdcq\r\x08H\x01\x8e\xddqn\x9dh\x06\xc2\x95$\xf4I\xc2\xbc\xe7\x13uX\x86\xbf\xc3\xc1\x03|\xe1\x82\x95\xfd\x0b\xad\xf82\xe859\xfdj\xd2\xf2#cY\x03\xfc\xd5\xe6\xd47\xe8\x1f5W3\x1b\xf7;\x0fNX\xc0p&gt;T1\xc3\x9ci9\x14f\xb9mR\x97Q\xb0\xac\x13\x1f\x89\x02\x83SvCJ\x7ff\xc2k\xa9\x07\xb3\xc1\x91\x99\xd2\xc0\xf0VW\x97[\xa5\xb6Q\x0c\x83\x8b\x8bq-\xc05\x1c\xb4\xf8\xcfd&gt;"\xc0\xe2\x81\xfd\xff\'\x9e&lt;\xefR\xb3\xf0\x1a\xff8\x8d\x11\xab\t\x1euu\x1c\x07\xd8\x1d\xf9\x12\xd3\xa9{\xfb\x9aQ\x14\xd20Q\x02\xa2\xac\xdf?\xcb\xd7=U\x83C\xb5\x04:\xebJ\x1b[g?n\x01p\xd5{J\x93\xd7?=_\xe5]\xc8J8\x9d}3E\xa4\xca\x07\xd3\xeb\x1f\xa4%\x1e\x81\xfb\xa9eg&gt;d"\x18`)\xe2\xb8\xfd@\x1f\x8eC\xec\xde\x1b\xfd\x1c\xea\x8f\x04"?\x8cd\x03?\x99\x96\xbc\xa3\x07\x08\x9c\xa9\xb5\x9c\x10/\xfcJ\x0f\x9c\x03M\x82\x02\xf1\x95j\x0b\x94\x99!\x10p\xd6\x12\xa3\xa4\x83\x8b\xa3\xad\xd6\xa2\x82\xbb7\x04\t\x9a7GrbL\x83\xb4\xa4\xcfj\xe4te\xa0\xb2V,BX\xf9\x17?`q\xd4Ye\xa4\x1b~E\xd1\xcc\xbf\xd1?\xe1\xe7\xd2xs\x18/\xbd%\xe3\x8fw\xb7\xa5\xdf\x94\x18\xb3\xe4\xcfI\xc9w\x8f\x85\xb8\xb0=\xc7B@\xee\xf1h\xe2\xadEP\x89h\xab\x80\xfe\xff\xa2\xb8_1L\xab\x11\xa0\x04Z:\x9e\xc0\x16\x88rO\xb9\xa6tDzZ\xf0\x83n\x85\\\xf1\xff\x88P\xbf\xfa;\x99$\x1f\xcb\x8c8JJ\x08\x8a\xc5i\x80\x90\x1e\xeb\xe9}\xa8&amp;D\xf1|\x80\xcd\xb5\x90v\xd4\xee(a\x93\xf5\xe3q\x19\x0e/g\x87\xc5\x9e4U5\xb3\x90\xad\x1eTN\x1b\xcf;U\xc0\xd0T\x94*\xed+\xbc\xba\xe1\xcdgF\x86\xca\xc0\x03\x04.\x1b8%Q\xd0o\x03\x9b\xff\nk\x1a$\xf7q\xd9l\x88\x18F\x96\xb6 \xfb\x91\xf0\x15\xe1g\xde&lt;\x9f\xc0\xb3&gt;\xd0\xa5e\xed\x0bG?\x18\xff\xa9h3\x15\xb6\xa5)\xba\x0b\x9f\xde3\x06{1\xb9g\x19\x88\x87zP\xc8\xcd\x91\x9fAd\xbds\x90\x9f\xd3v\x02\xea\xd1C\x13a\xdc\xbeq\x01Q\x8b\\k\x82\xce\x0cyW\x9a\xf1\xfbw\'\xf3\xa9\xe6\xe0\x80\xf6\x11\xaf\xf0\xdf\x8a\xd4\xe8\xed\xdd{\xdd=\xc2cl\xe0\xbb3f\xe7\x83\x9df\xb6W\x0f@\xcb\x97\x18k\xea,\x8c\x80D\xd0\x1d\xf4\xf5\xa7\xa0X\x051\xbb\xe5\x80\xa1\x14\xce\x95\xb9V\xdb\xfaM\x8eA\x91\xefPj\xf2\x9e-\xa3\xc6\xc0\xb3\r9\x8aD\xed\tI\xc2\xbc\xe7\x13uX\x863C\xa8\x00\x91\xaf\xdeK\xb2\xa5b\xe6\xc2\x9annB:\x95(X\xc7\xc3i\xc5\x9e[6\t\xac\x93=\x8a\xdb\x03(q\x13\xe9\xff\r\xd2\x82M\x80j!\x16\xde\xf8H\xb1\xc1Bx\xec\xba\x94\x84\xc4#\xe7\x8f\xbe\x06\xf4\x00*\x97\xf5X\x8e,F\\\x0fh\xa7\x03-\xef\xae\xaa"\x05=\x0c\xa2/\xaec\x8ev \x92\xfe\xeb\x873\xcd\xfb\xf4M\xba4G\xafk\x8b2\x88\xcb\x8e\xf3j\xd9.0D\t\xcdZ\x9e\xb5\xebKHh/\xdcMq\xb6Lg\xe3\xe8$\xfc\x96\x06?:\xc1\xf7\xde&amp;\xa5\xd9\xc0E\x04\xdc\xb4\x81e\xf8\xd8"fh\xb9\x85\x19\x06)\xc9\x13\x91\xefI\xe4V\xa2\x8b\xe1e\xd5\x0cJ\x1e\xad\x12H\x98\xcd\x18&amp;\xff\xf73\x82N?R\x08r\xd3\xa7\xf8q\xa2\xe9g\x91\xa01&gt;\xc4!rq*\xa6s\xa6\xa05jg\xdd\xdd\x84t:\x08\x9e\x11Td\xa2\xa2\xff\xd2tn#\xf9\xfe\x0e/\n\x0f\x840I\xa8\x08\xadh\xd4\x1e\xc66\xb7]\xcd\x08Jr\n_g\x07v\xc3D\xf5\x0bG\xc8\x18W\xd5\x12\x85u\x95\xe0\xa6\xfe\x16\x9fS\xfb*\x9a\xf6y\xec\x96\xffxD5g8\x08*\x01`C\x9d\xba\xfb\xc0\xda\x0cG\x15\xb4\x8f\xbe\x9bK\xec\xbc\x10\xb8\xf9F\xbf\xde\x8e\xeb\xf1y9i\xab\xb9}\x04\x90\x04\x9b\x06\xa6\xe8\x85\xf4L\xff\xeeoI\xef\xdf\x99\x85\x87q\xa2\x1b\xb4H\x81U\x9b\x01\xb6:\x1f\xc6\r\x9b\t^\xcc\xd1\x03\x99\xd6hFB\x1d\xff\xd0\xed\xfcM\x05\x1bw\x06V\xaf\x9aJjB[\x80\xef\x1b9\x08\x90\x14\xd6v\x0b\xdf\xea\x10\xe9\xed\xba\xc4^\x96\x83\xef\xfa\x03\xa7G\x84\x7f\x94O\x98=OJ7\xfb\xcc4c\x03F"e(N0i\xf3\xe7^\t\x8d?\xb5\x9a\xaa\x0c\xc91\xd4p\xde\x0bR\xef\xaa\xce\xf6\xe7\xa0\x99/\xb9nZ\x01%\xc1\\n\x9b\x88\xbe\xa1\xfcs\xd6\xa9\xe7\x1b\xbf\xe8j."\xbb\x8f*\xad\x1a\x85^\xc81R\xee\xaf\xda3\xe2\x92\x16Wi\xf7\xc2R\x14\xfaL\xae\xa9p\xc5\xf7j\xed\xaf=\x81 \xe4\xffD\x89/~\xf81\xb50gd\x90e\x88\xbb\xbe\x10([\x9b\xfe\x0f\x0f\x8f\x0c\xc0R7\x99\x9f\x7f\x988\xee\xb2\xab\x8cF\xfeIY\xedT\xb76\xae\xe2&gt;&gt;Z\'\xa5B=\x1a\x8c\x17\x0b\xe1\x7f7\xdd\x9d\x8c7\x0c\xda0!\xed\xece\xd4\xeeu\x05k\xd9\xc5\xf0\xbdFE\xa2\xdb\x0e\xd6\xc8\x805\x14\xed\x8a\x89\x8e7\xe5\xbe\xca-+\xa6\x85\xaa\xb1&gt;\x92\xb1\xa4\x13\x9c\xa0\x8e\xcb\xb2\x9d\xcb\x84d*\xe5\xf0v\x19\xac\x14@_\x08R\x04M#\xf0\xe7\xc4\xb1\xec\x92\xad\x87\xb1@\xf4\x90\x1f\xcb\x8a\x14\x937\x1b\xdec=z\x9c\xcf\xb0\xd7G\xb3\xc0"t\xa7M|o\x17\xe6\x94=la$q&amp;*z\xd3\xde\xc9\x1d\x91L\xc9\x9cj\xdek{\xee\xb6\x85\x00\xc7\xe4\xe9Y\xa6\x05\x93*\x15\x0b\x9f\xf5\xdas:\x81U\xd7\xb3\xac[\x1c3\xd3ni\x04\xe0K\x80\xb1\xdb\x1e\xae\x9e\xf3\xdbOP\x85\xees\xd4\xdf\xf7\x17\xc1"\xfd\xa6\x00\xd1\xd5\xc7\xa4\xff\x98\xe9\xba\x03\x96\x8f\x1e\xaa\x9f\xf4\xf6\x83\x11\xb9UDtk\xa2z&amp;\xc8\xfa}\x12\x1d\xc5\x1c_4R\xd0'</t>
  </si>
  <si>
    <t>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</t>
  </si>
  <si>
    <t>b'\x8f\xb9\xe6\n6I\x00`%\x8c\x13 \xc0\xb9\xbax'</t>
  </si>
  <si>
    <t xml:space="preserve">fthand bit.
* * * * * * *
* * * * * *
* * * * * * *
â€œCome, my headâ€™s free at last!â€ said Alice in a tone of delight, which
changed into alarm in another moment, when she found that her shoulders
were nowhere to be found: all she could see, when she looked down, was
an immense length of neck, which seemed to rise like a stalk out of a sea
of green leaves that lay far below her.
â€œWhat can all that green stuff be?â€ said Alice. â€œAnd where have my
shoulders got to? And oh, my poor hands, how is it I canâ€™t see you?â€ She
was moving them about as she spoke, but no result seemed to follow,
except a little shaking among the distant </t>
  </si>
  <si>
    <t>b'-\xfb\x98Th\xc8\x13`\x07\xc5\xcd\x0f\x1b\x88w\xb3ZN\x94\x83\xb9*\xfbk\xb9\xc0\xb7\xb14\xc8\xddh:\x7fs\xaco\xc9\x18X\xd0;\xfd\xcen\x95\xe2PQ\xda\x8c\xff8\xd0\x16\x19\xcc\xeb\xdaQ\xd0\xaf+\xc8&lt;*\xc1\x99\xf3f^\x02q\xb5L\x9c\x9cJ\xb2_\xa4\x11\x8eG\x86FwX\xff\xa3\xc0J\x08~\x96^\x8b\xed\xa7zHq\nxK\xe9?\x90@\xe9\xe4\x0f\x87\x80\xb4\x83\xea#\x85\x02\x9a\'\xd8P\x8b\xc9\x8ae\xebP\xae|\x10\xf0md5\x7f\x9bJ\xee\x8d\xcedT\x90\x96h\x80l\x7fF\xf5:S/\xd5\xe0Xp\xfe\xcf\xfb\xb0\xbe\xe1[%e\xdf\x04\xf1\xeeZ\xf0\xc8\xc3cA\xaa3\xfd\xeeF&amp;\xfa\x1c\x12\xcfqdK\xf6\x0e?\x03\xf2gO\xa1\x87\xdc\x93.p\x831\xc5g7\x87\xf0\x04+|\xeb\xa7\xb7\xc1\xd31;,\xd1U\x7f\xb8\xf6\x82\xf9\xae\x10%\xce\xd4U\xea$\xac\xc2\xe5\xfb\x18\xf0j\xc9\xffhCX\xcc9\xa4\x00\x12\x9a\r\x14\xd4\xa6V\xcc\r#\xf8cJ\x19t\xff\x10\xdb&lt;&amp;\xda\x1e\x97\x18T\xf0\x1e)y\x8a\xab\x84\xfb\xed\x08\x87\x13\xac$\x01\xd4&amp;\xdf{\xdf\xb9;\xc5bT`\x97^\xfc\x8c_\xd0P\x9c\xda\xd7\xbeW\x82\x83\x86d\xc8{\x84`M\xe3=\xf9\xb4\x98O\x82\x96&gt;\xf7\xacev\x8a\xfai\xa8F, hwD\xad\xbf3K\xfb\xb6\x0c\x94I\xc6\x03\xd6\xede.W\xb6\xa5M"\x12x\xc8\x83\xd6\x97\xc9D\xb2\x86S4a\xf9Y\xa3"\xca\x96\xa8\xc93\xfdM.\x9a6\x1d\xb2\xbfvM\x06\xcc \x94\x80\xbbV8\xc0\xb9\x9d\x07\xe4\xb2(K\x9d\xdfnu\x86\xad\xdf\x96\xa2+*6\xeb\x81@\xb9\x83T\\\xd3\x84\xc0\x9d\xc2)\xff\x05\xcek\xbc#\x94&gt;/aL\x18\xe3\xfc\xd9;[\x95\x84g\xcac\x04]\x03s?\xfe\xd2\xb4\xae\xa1k2\xdd5\xe1\x1cw`"\x0e\xff[\xec\xd9X\x9b\xf6\xc8\x91\xa2\xaf\xb0\xd3\xa7u\x07w!\x7f\x0c\xb1\xda\xa9eQ\xf9J\xb08(0J\xdfl?\x0f\xf2\x1b\xa1C#P}\xc2\xa5\xd6\xe0i\xfa\x13FS\xdb\xb4Y\x9d\xab\xbc\x9b\x1cZu\x90!\xac\n\xafE\x80\x9a\xef\x19\xa7\n&amp;\x91\xad%\xa9\xda\xcbv\x06\x02\xf4&lt;A\xa4\x92v%\xdf\xb0\x96Z\xaf\xedT\x8at\xa6\xe6\x17\'t\x9fr\xf0n%\xc9X\x9b\x91\r\xb4\xe0\x96\xc3\xcbO\x1a\xbc\xbdT\xd9\xd5\xcd/w\xf6$\xc7\x13w{\x9d\x04&amp;X#\xb5\xc7o\x178\x92y\xeay\xd0&amp;\xda\xea:\x03\x97\x1a\xf7D\x0c\xa1'</t>
  </si>
  <si>
    <t>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</t>
  </si>
  <si>
    <t>b'-\xfb\x98Th\xc8\x13`\x07\xc5\xcd\x0f\x1b\x88w\xb3'</t>
  </si>
  <si>
    <t>ntage changes
 in exchange rates.
 A Long-Run Exchange Rate Model Based on PPP
 When combined with the framework of money demand and supply that we developed in
 Chapter 15, the theory of PPP leads to a useful theory of how exchange rates and monetary
 factors interact in the long run. Because factors that do not influence money supply or
 money demand play no explicit role in this theory, it is known as the monetary approach
 to the exchange rate. The monetary approach is this chapterâ€™s first step in developing a
 general long-run theory of exchange rates.
 We think of the monetary approach as a long-run and not a short-run theory because it
 does not allow for the price rigidities that seem important in explaining short-run macro_x0002_economic developments, in particular departures from full employment. Instead, the mone_x0002_tary approach proceeds as if prices can adjust right away to maintain full employment as
 well as PPP. Here, as in the previous chapter, when we refer to a variableâ€™s â€œlong-runâ€
 value, we mean the variableâ€™s equilibrium value in a hypothetical world of perfectly flexible
 output and factor market prices.
 There is actually considerable controversy among macroeconomists about the sources of
 apparent price level stickiness, with some maintaining that prices and wages only appear
 rigid and in reality adjust immediately to clear markets. To an economist of the aforemen_x0002_tioned school, this chapterâ€™s models would describe the short-run behavior of an economy
 in which the speed of price level adjustment is so great that no significant unemployment
 ever occurs.
 The Fundamental Equation of the Monetary Approach
 To develop the monetary approachâ€™s predictions for the dollar/euro exchange rate, we will
 assume that in the long run, the foreign exchange market sets the rate so that PPP holds
 (see equation (16-1)):
 In other words, we assume the above equation would hold in a world where there are no
 market rigidities to prevent the exchange rate and other pri</t>
  </si>
  <si>
    <t>b"0F\x02!\x00\xfa\xf8+\x8fbA\x8c\x1f\x00\xa1\xc0\x91}\xb4\xdc)k8\xf2\x02\xc3q\x1f#\x03B\xc2\xe6'S#x\x02!\x00\xc6\xc0}\x00\xe2\x8aW\x01\x9b/\xc3q*KH\xe4\xac\xb1\x94\x8c\x18\xa8}\xb7\xe4\xaejH\xf2X\xfaV"</t>
  </si>
  <si>
    <t>3046022100faf82b8f62418c1f00a1c0917db4dc296b38f202c3711f230342c2e627532378022100c6c07d00e28a57019b2fc3712a4b48e4acb1948c18a87db7e4ae6a48f258fa56</t>
  </si>
  <si>
    <t>b'0F\x02!\x00\xfa\xf8+\x8fbA\x8c\x1f\x00\xa1\xc0'</t>
  </si>
  <si>
    <t>o the apartment
 where they were to sup, and Valancourt, whom one of the inferior friars
 civilly desired to accompany, went to seek Michael and his mules. They
 had not descended half way down the cliffs, before they heard the voice
 of the muleteer echoing far and wide. Sometimes he called on St. Aubert,
 and sometimes on Valancourt; who having, at length, convinced him that
 he had nothing to fear either for himself, or his master; and having
 disposed of him, for the night, in a cottage on the skirts of the woods,
 returned to sup with his friends, on such sober fare as the monks
 thought it prudent to set before them. While St. Aubert was too much
 indisposed to share it, Emily, in her anxiety for her father, forgot herself;
 and Valancourt, silent and thoughtful, yet never inattentive to them,
 appeared particularly solicitous to accommodate and relieve St. Aubert,
 who often observed, while his daughter was pressing him to eat, or
 adjusting the pillow she had placed in the back of his arm-chair, that
 54
 Valancourt fi</t>
  </si>
  <si>
    <t>b'\x13\x95\x1a\xaf\x85:J\xce\xd2\x19\xdc\xf1s\xe2\x00K\x0b.h\x15\x94\xf5\xb2R\x8c\x02j\xb1+\x16bE\x90\xb6\xd0\xae\xd8\x8d\x84\xed\x13\xb4TU,\xb9%&lt;{Z\xb60]\x93\xd3\xa7ua:\x11%\xed\xa6m'</t>
  </si>
  <si>
    <t>13951aaf853a4aced219dcf173e2004b0b2e681594f5b2528c026ab12b16624590b6d0aed88d84ed13b454552cb9253c7b5ab6305d93d3a775613a1125eda66d</t>
  </si>
  <si>
    <t>b'\x13\x95\x1a\xaf\x85:J\xce\xd2\x19\xdc\xf1s\xe2\x00K'</t>
  </si>
  <si>
    <t>the nurse, "that he thought he had a lump on his
spine. His back is weak because he won't try to sit up. I could have told him
there was no lump there." Colin gulped and turned his face a little to look at
her.
"C-could you?" he said pathetically.
"Yes, sir."
"There!" said Mary, and she gulped too.
Colin turned on his face again and but for his long-drawn broken breaths,
which were the dying down of his storm of sobbing, he lay still for a minute,
though great tears streamed down his face and wet the pillow. Actually the
tears meant that a curious great relief had come to him. Presently he turned
and looked at the nurse again and strangely enough he was not like a Rajah at
all as he spoke to her.
"Do you thinkâ€”I couldâ€”live to grow up?" he said.
The nurse was neither clever nor soft-hearted but she could repeat some of
the London doctor's words.
"You probably will if you will do what you are told to do and not give way
to your temper, and stay out a great deal in the fresh air."
Colin's tantrum had passed and he was weak and worn out with crying and
this perhaps made him feel gentle. He put out his hand a little toward Mary,
and I am glad to say that, her own tantum having passed, she was softened too
and met him half-way with her hand, so that it was a sort of making up.
"I'llâ€”I'll go out with you, Mary," he said. "I shan't hate fresh air if we can
findâ€”" He remembered just in time to stop himself from saying "if we can
find the secret garden" and he ended, "I shall like to go out with you if Dickon
will come and push my chair. I do so want to see Dickon and the fox and the
crow."
The nurse remade the tumbled bed and shook and straightened the pillows.
Then she made Colin a cup of beef tea and gave a cup to Mary, who really was
very glad to get it after her excitement. Mrs. Medlock and Martha gladly
slipped away, and after everything was neat and calm and in order the nurse
looked as if she would very gladly slip away also. She was a healthy young
woman who resented being robbed of her sleep and she yawned quite openly
as she looked at Mary, who had pushed her big footstool close to the fourposted bed and was holding Colin's hand.
"You must go back and get your sleep out," she said. "He'll drop off after a
whileâ€”if he's not too upset. Then I'll lie down myself in the next room."
"Would you like me to sing you that song I learned from my Ayah?" Mary
whispered to Colin.
His hand pulled hers gently and he turned his tired eyes on her appealingly.
"Oh, yes!" he answered. "It's such a soft song. I shall go to sleep in a
minute."
"I will put him to sleep," Mary said to the yawning nurse. "You can go if
you like."
"Well," said the nurse, with an attempt at reluctance. "If he doesn't go to
sleep in half an hour you must call me."
"Very well," answered Mary.
The nurse was out of the room in a minute and as soon as she was gone
Colin pulled Mary's hand again.
"I almost told," he said; "but I stopped myself in time. I won't talk and I'll
go to sleep, but you said you had a whole lot of nice things to tell me. Have
youâ€”do you think you have found out anything at all about the way into the
secret garden?"
Mary looked at his poor little tired face and swollen eyes and her heart
relented.
"Ye-es," she answered, "I think I have. And if you will go to sleep I will
tell you tomorrow." His hand quite trembled.
"Oh, Mary!" he said. "Oh, Mary! If I could get into it I think I should live
to grow up! Do you suppose that instead of singing the Ayah songâ€”you could
just tell me softly as you did that first day what you imagine it looks like
inside? I am sure it will make me go to sleep."
"Yes," answered Mary. "Shut your eyes."
He closed his eyes and lay quite still and she held his hand and began to
speak very slowly and in a very low voice.
"I think it has been left alone so longâ€”that it has grown a</t>
  </si>
  <si>
    <t>b',\x17R\xe3\xe3\xbf\xbeK\xf766\x9b\x93\x95;8\xba([i\xbb\xc9\xc3\xcd\xacIS\xc4oM\xbe)9=\xc6rF:-\x9c\'!\xbaa_\x88\xc3\x82*\xbe\xaa\x96h\xaah\x8b\x90\x11\x10\xa4,\xc2A/\x85;:X\xde\xd94\x84\xcf@\x88\xd7\x12m&gt;\x08\xa5\xa4\xeaV\x16U9.T9\x1cE\xc4l\x03\xb2M\x95\xc0G\x9b\x16\xe3Zz\xfaV\xdc\xc3\x82/\r\xd5\xecVh\x9f#59\xa3\x1e\xd9\x05ZE\xc6\xc9\xc53\xaeWL\xf9&amp;\xf5\xea\xa4P\x1aLP\x11m\xf7\xb4X\xce\t\xc7\xdd/\xc5\xff\x07=\xaf\xf8\xfc\x8bCy31V\x9aOV \xd2}\xd20\xee\xbf\x94:\xdb\x95\xd1_\xaf\xa8]5v%\xf3\x9bZ\xc9,{\x01\xaf\xc6\xc2\x03A\xf9\xa6\xb9\xa0Tctv0\xe7\xa2\xcd\xe7a\xa8\xce&lt;\x00\xca,/\x03\xf1\xbf\\En?\x9f\x85\xb8w\x9fN\x03dv\x99l\xc8\xae\xbc\x0b5u\xea\xff\x0c9\x16\x93\xe7\xedM4\xcauI\xe0\x94\x9c\xb8g\xcb\xfb\xc9(9U\x11\xaf\x00\xbf\xbcJx\x05M\x07v\xaf\x9dj\xdc\xa1\xd3&amp;\x80A.y\xa1Jl\xa1\x94\x1at`?\x12&gt;I\xa9=\xb7\xfb\xcd\x17\xea\\d\x04a\xd8_\xab\x8e \xb5\x95\xaa\xc1\xc6"\xcb\n\x87+\x17v42\xa3\xb6_s\xc3\xbd\xcfs&amp;\xb6O\xb0B\xc1\x88\x8b\x8c\xaf\x1a\x11\xb9\x87P\xbe\x82\xebB\x9eu\xd0\xe2\x84\xc8\xfd\xf8\xc8\xe9\xfd]\x9c3\xa0$G\xc4.\x19a\x9f\x1bx8\x08\x89Q[S\xad\x17\xdd\x7fVb\xbao8\x00u\x08P\xd1\xeb\xde/Dg\x93E\xc1\xfe9|PDf\xd2\x195XBW+\\\xfc\x12\xbe\xd6\xde\xcaV\xd4\x8f\xb9\x11\x10\xa8\',\x807s2\x11\x08\x07\xb0]AT,5E\x13\xc8\xb2\xa2\x1b\xa6\xf0B\x99\xcbMux\xcf\xacN\x94\x84\xc1|\xe7\xa2tm\x19Q%\x932&lt;\xc2\xc2\x06g:.\xc6\xf6nv&lt;\xddc\xc8\xfc-\xcck-\x90\x9a\xaf\x84\xa1\xe2r_\x8e\xbdpY\\\x98:O\x8bq\x16\xf3)0\x8e\xdb\x0c\x16F\xf4\xb6;B9\xf5X\x8a\xea\x15\xd9\xe6\xb4\x0fd{\x8a\x13\xf4\x9b\x822\xc6\x8d\xc0@0\x94\xda\x86\xf1\x07\xe7\x84$\xfb\x9f\x86U\x0b\x85b&lt;O\x14\xd1\xaa\xfbIY\xed)vK,_\xd0\x03r\xf6\x8c\xa6\xafMy\xf8 4\xc2]\x03\xd2\xa2\x96V\x88\xb3\xd5Ad\r\xe0H!R\x98?|\x91\x9aglM)\x13\xe1c\xe5\x87\xadG\n\x81\xb8\xc3_\xb5a\xe2\n\xfd3\xbf&gt; s\xe6m\xa3z\x85\x8e.\x10\x9aNC\x1a\xe8\xf3\xde\xbcu\x11\xcc\xc2\xdc\xa0\x01jO\xb8{V\xcd+\x8b$\xf7L\'\xdc\xb2\xfa\nQ\x83Lk\x19\x1cK\x17)\xdb\xc7\xc1\xdeM\xa0\x94\x84f\xf8lv\xa8\xb4-\x1eT\xa3G\x0e\xf5\xcd\x0b\xc8\x0eV\xf8m\x8a\xb1\x01\xa9M\x8d\xd6\xf5\xea\xa3=\xafV\xd0vL%%\xa2\x1di\xcc\x17\xd7\xfe?o\x89U5,\x9eb=\xc47\xb9\xc5\x9e\xd0\xc6\xf4\xa5\xf2\x8c\xb0Db \xef1\x14Q\x8e\xaaM\xe6x\xe2\x8e\xaa\x82\xb5\xbf\xfb$\xa7_\xe28\x9aK\x15\xabE\xc8lY\xbf@\xdfA-\x0b1dF\xdc\xa9\x9d\x12\xfb.\xecs\x95\xbe\xb2\x01E\x02\x86\xb1W\x7f\x93\x05\x1e\xafZ[|.\xecM4\xfc3S\xfc\x0e\xa1\x1e\x82\xf0U\xa2\xadL\x94\xbd\xcf\xee\x9b\xf3\xa2q}\xbb\x10\x95*2\xa7\xa3\xe4\x86\xe8BH\xf23\x83\xaa\xea\xbfk\xee\xac8\x8b\x92\xdc GS&lt;\xa4\xf5\xa5 sd\xfa\xb8\x7f\xff\x0b9\xfel\xe6\xe9.\x1b#tU]\x93\x115\xde\xd0\x86\xe4*\x16\xaf\xb0s\xe1\x8e\x81H\x8f\x91\x9f\xb1&lt;v-S\xe88\xd1\xaeFV\xefr\xad\xf1S\xc9\xfc\xaa\x9f\xef\x1b\xe0m|9\x01\xa3Ko0f\xd1H\x1c,tQ\x16\xda\xb1-mSY%\x80\xaf\xe5\xebO\x07\x06:;m v\x9b1\xcd\xa7\xbb\xbbt\x08/\xc2\\-\x9f@\x1e\x86~\x19B\x00\x9bw1\x1e\xa4m\xcbw%\xeb\xef\x87\x03\x1a\xf4~]"\x16JD\xcb\x00\n\xb4\x85\xa2\x1cQ\x80v\xa7\x0f\xf2q\xb4\x85\xf9\xfa\xd1\xe3\xac|t\x08\xde\\\xd9\xa7G\xb6q\xbe,\xaf0\xc9\xdf\xa8\xb7uF&amp;rRT\x94\x17Hr\xdcW\xf1\x9az/C\x0c\xc5\x10\xed\xfe1\x99\xd0\xa3\xf5\xf0\xf3s^\x01\xa1\xe9\xf1Q\xcb\xb7\x80\xcd\xd0\x94\xac\x1f\xd0/S\xb7\xed\r-=$L\xc7\xaa\x04\x9b\xe9|\xbd\xe5\x12\x81\x12\x13\x8b\x0cZ\x89\n\xef\x87\x10\x8a\x91J)U\xaf\xb5\xf8\x00J\xa4&lt;"d@w\xd4\xeed\xaek8*\x0b{\xdf(\xc6GA{g\x85\xf6\xfe\x153\xf0\xad\xec\x84i\x83\'\x7f\x19\xab\xef,\x96*v\xc9b\x04\x8ex\xf1o\x9a\x82\x1f\x14\x9b\x0f\xf8\x16\x11f\xf9 \xef\x0c\xff\xdb\xd8\x82x$\xa3A\xf4\x90\xa9\xf6t\t\x85\x99i\x96\xae\xcfw|\x15\xc39&gt;j,\xe80\xb1\x03\x16\x82g\xed,\xca9\x03\xd0\xb1\xe8J@\xd0\xd8\x8c\x90Ou\x02I\xce\xa2\xec\x1anv\x84\x9a\x0e$\xcf\xca\xf1\xf6\xdf\xea\xb0\x83\xc8\x94\xd3\xc3!\x7fl\xdc\xf4\xd4\x12\x82S\x96\xaa\xc0\xf2\xc3\xacKv\xcdA\x14KD\xb2I\xde\xc4\xed0D\xe6\xb7N8\xd9\x14\xfe\xeaWYb\x91\xf4\xf9$\xbb;^\xc2\x16@1\xc9\x80\xbb\x8b\xd6M\xd8\x8a\xb6\x08\xea\x1ewS\xe5\xf7\xbfN\xc6\xff\n`\x1a\x97\xa0\xbf\xe3\x95\xb8\x8cU9\x11^\xb3\x7f$\x8c\xf0\xc9\x8d\x88B\x07K\x00\xba\xd66\xf3\xbdJzU8\x91\x9b\x9b\xc3O\xfa\xc4\x8e\x04\xac\xde \xe5Ah\x95\xb5\rf\x9b\xdc\xf0\xe2$\x04F\xb4\x93\x9f\x94y1}%\x9b\xf6U\x11\xf9\x81\x80\x1b\x1ff\xd4\xdc\xf8\xf1[\xf2v\xa2\xbbm_\xbdRX\x97\xe0\x0e\xd8p\xc27\xa4Zx\xa8\xb6\xfd\xfe8\xa9\x9f\xe6\xcaB\xb4E\xa2Gr\xfb}m\xdc\xb0\xc3\x9b4\x0f\xc5\nz%,\xe2\x960\x1f\x83\xb9\xf2\x1c/.\r\xaf9\xfa\xef\xd8\xb0\xdc\x95\x9c)(\r\x89\x07\xfc\xe1\xc8|r\xca"f\xe9\xf7g\xe2\x13\x17\xfe\x85\xe6\x9c\x11F\xba\x98\x98Y\x86\xe6\x8d\xc8A\x97\x07\x9c\x84]\xbd6\xc1Z\xaf\x1d}\x94\x0cDc\x0b&gt;\xd8\x1a\x1b\xcf\x1b\x8b\xf5\x025\xaa\xa9n\xad0\x9b\r\x8aO4\x82\xaa\\u.\xfa4\xad&lt;I\x8f\x1fA`\xc3:Pe\xd7H\xe8ff\x0c\xc1\xe27\xd6\xe9\xb3(i\xb1&gt;\xe8\x177\xd9\xbf\xee\x8d\x94`\xb3e\xbe\x01\xe7zGD\nO_4;q~N\x92/\xb6\x1a\xab\xc0bf4\xa9 \x9b)\xbf\xeb\x8ao\x9a\xb8\xac\x0b\x0e\xcb\x91x\x88W\xba[F-s\x9d\xf1\xf9\xf1\x99k\x01\xec\x11\x87\xfco\xbb\xf8?\xb6\xfc\xb0"\xf4&lt;C\xed\xfdV\xbbP\x0f\xa0s\xe5\xf9\x05y\x08\x7f\x9c\x91\xad2\x90\xb7\x157\xd3\xd2\x06\xd6\xf0\xab\xcc\xd7\x8d\xe3~\x9f\x9c\xb3\xe8\xa2\x0e1\x97\xbaG\xb3&amp;\xd8u\xda\\\xe4\xf6?^O\x9f\xa1%6\xb9\xe8\xb9\xc0Z\xa8\xa5\xa3\x81\x1c.Jf\x0f\xe2\x8eUF\x1co\xe9\xd7\x85\x84\xc7\x0c\xfdP"\xc7\x0f\\\xb2]\x9f&amp;nO\xcd\xad\xbe\x8c\xf6\x90\x1e\xb6\x98zpw\x812a&gt;Pe\xcd\xc7C\xe9\x86\x13\xa05\xc4\xdfUFM%c\xb9\x9e\xc3N}0f`\xe8\xfc\xf5\x15.N\xf2\x0b\x87\xf1\x87\\\x89\x86_\xde&gt;\xfa\x17\x8e\xd4\xc4\xe7\x16M\xa1G\xfc`\x03&amp;\xed\xf3\xe6\xf3\xc9w\xa1;\x8f\xd2\xb6\xe7\x8b\xa4s\xcd\x16\xaa\xbed\x82\xf6\xbd\x1b2\xfe\xc0_\x97\xba\xd1\xe4\xc0\xde\xe8fC|T\xb4\x16P9&gt;\x96\x0e\xbf\xfdxp:6\xa3)\x08\x8dzx\xac{\xfb\xab=\x84=\x1e\x8c*_G\xca2\xfd!\x1bw\xe3\xa7A_\x16B\x81\x9d\xa7A(\x1a\xcb\xcf\x96\x98\xe1\xbf\x15\x0e\x06\xf2\xd3tV\xa3\x13\x9a\x08g\x85&gt;\x11R\x14\xc85\xdd\x14$\xc6\xfe\xb54\xf0MJ\xb6\r\x99\xf6\xf9,2\x90\xfd\xd1\xbe\x18T\x8a\x07d\xf8\xa7\xd5\xf3\xaax\xb5Ij\xaf\xf9\xafSj\xc2\x9c\x0eK`5\x8d3c\xdc\xf7\x12\xe2\xbb)\xda\x81\xc7\xf2d[\xcbm\xf8x\xf6v\xec9\xb2!\xd0o\xca\xcf\xfa\x0b\xb5\xb0\x00e\xc8\xf7\xc5t\xea\x02\xf6,\xa7\x1c\xc2\xdd\xfcN&amp;x\x82\xf3\x18\x10\x16|\xb6\x83\xf0\xee(\xaeu\x83\xdd#\xbad\xac\x9a\x08\xba\xfb\x08\x8b$&lt;\x00\xa1\x80i^\x01\xe9\xff\xf2S\xf62c\xcc\x86\xa9y\xbe\x05#\x1e\xd8\xb6\xb7\x04\xd2\x93\xaf\x0c\x8d\x08d\xffd\x188t\xdd\xc9\xc0&gt;V#_\x83\xdb\x88`9\x84(\xa5\xf6\x1a\xca\x14\xe5-\x80\x7f"\x07\xfc@\xe8\x14v!*\xd7=&lt;\xad\x00\xd5!\xbe\x1f\x90\x01\xffU!C\x8emcl\x9e\x13t\x89\x8b\\\x1c.\xa4,\x0e\t6\x7f\xf6\xc8@\xfc\x0f\xd2&amp;\x9b\xea\xc99\x8a\xb5\xaf\xab\x01Zy{\x1d^\xc2\x16@1\xc9\x80\xbb\xa6?^Ad\xefs\xf3;\x8a\xce6\x04\x03\x9bqh\x82\xf9\x8efcc}\xeb\xc9\xa2nQ\xc5\xdf\xbf9\xa2\x9e)\xd9b\x83\x1d@\xc6S\xa0\xe2\x89\x8bh\xd8\xf5s\xffv\xbc\x1f\x19p\xfa@\x00{R&amp;\xc2cV\x8e\xcb\xfcT{\x9f\x87D\x88\xc6=\x01\x08\x92Ujv\xf8\x1fc\x99?)\xb6\x1b\\\t]\x1a\xdc\x01\x0b\xd3\x04\xe8\xfa\x9f=\xe8c\xe8\x0b\xe9~0\xeb\x87\x0b\x84G\xc5\xbb\x91\xc1\x90\x0ePvVD\xea\x99\xf3J,\xf8^\xf9J\xce\x05t[\x91\x02\x81\xc9\xfa\xcfn#\x96\xed\x89l\x16\xd5\xb9\xf6Q\xcax\x11\x88Ul\tDs\xe4\x00@v\xa3\xfc\x83\x07z\x1f+\xd7\x18\xe4yT\xef\x19t\xd91\n\x92\x12\xe0*\xa4B&gt;\xc8\x13U\xaf\x95y\x15\xa6\xe7\x17;\xfa\xbd\x9b\x95\xb1\xb8h\ra:\xef\xde\x8el072\xc7\xa7\xbb\xbe(\xed\xe4\xaa\xa4\x1d\xcd\xa2\x1a(4\x809\x1b\xc4\rb\x98W+E\x0f\xc2x\xce\xdd\x8e\xcd\x80\xf3dV\xde\x8f\xe1\x84I:P\xa4u\xeb\xa26\xb7\xeb\x15\x8d\x17\xa2\xbb&gt;\x93\x12\xd8\x16\xdc\xbc\xfe\xa4\xd1Y\xe8\xfd\xdf\x19\xdd{\x9c\xfd\x95\xad\xc2g!Ft\xab!\x9a\xee`\xed\x83&gt;*m\xea\xab\xfft\xa3\xb5$\xff,8X(\xa1\xa2\xb1D+\xb7~\xd3S~\xcc\x86\xe2~6\xd0\x07\xf94\xf8\xcb\xf7@c\xd7\xdd\xf1\x95P\x92\xd3Y\xce\x0e\xcdi\xd0\xc3\xb23\xaf\x824\xdc\xf2^\xee\x8f9a5\xb5\xfc\x8a0\x17\xd6wd\x13e\x1f"J\rI\xc8`\xe0\x0eI\x08\xb7it/\xba\x96\xffv,\x08\xca\xf0\xcaf\x05\x83g4\x84WL\xac\xbfv-\x11k\xbc{\xefD\xaf4\xf6\xea\x9f\x812\xf2\xda\xf4\x87\xc9\x9cXd\x873f\x95\xdf\xe6tg\xda\x8b\xf7f\xd75@\xfe.1\xff"\xba\xdc&amp;\xd4\xb9\xd7T\x1dEa\xe0_\x93[\xceHDSb\xa5*\xcc\x07=\x9e\x84|\xc8\x80\x96\x12\x96\x9a\xc8\xdb\x92}-\xe9M\x99\xfe\xc7\xef\x19\xc3\xe3\xe5\xc9\xb4I\xd8\xc1\x01\xa3\xa8\xc2\n\xe1\x05\\\xfc\xd8\x88\xaa\xd5\x99\xcf\xfa\xa4\xc6\x0c\x9d\x82\x0cl\xcd\x15W\x0c\xa5Sd\x92\x8017u\x91t\xbf\x93q\x04\x9f\xafvwq\x18P\xa4\x9e\x93\xdd\x03q\x8d\xdd\xaa\x04\xa2\xae\xe5v\x858\xed\xde\x9c\x17W_\xd0\x9fn\'T\x8d\xee"8z\xb9Q\x92"\xbeC(\xf6\xd9\r\x01[\xa7\xbb&amp;w\\rg-\xf5\xb3\xcd\xd43\x10\xea\x9d+\x02\xd2\xde\xc5YT\xa2\x8f^/&gt;\xfe6\xac\xcf\r\xc7\x02\xc9\x90\xfc\xba3\xc0\x0f\xa9\x80\x96\xef\x04f\xf0Tg\x1c\xd4u\x81\xe9\x0f`PC\xb1-\x85\xc3\xbc\xeb\xa8]\xf7\xc6q\xb8\xc1\xe5\xd6q]\xf7\x18\x9b\x92\xcd\xd5\x89\xbc!\xf3\x8d\x0b\x00%\xb3\x90\x00n&gt;\xa3\x90\xa3\xb9Y\x10\xd4N_\xce\xa8\xcc\xae\xda\xa4\x0fo\xd1\x8e\x03\x0b\x91\x1e\xcd@\xa2\xdbS\x86\xfb\r\x1b\xb3\xc6\'\x1e\xa9\xc1\xe6\x7f;H\xaaS=\xe0\xe1\xd3@\xfe\xbb\xad\xae\xe7\xa7\xc7s\xf1\xad!I\xf4\x92\x19\xe47\x03\xd0\xe4\xff\x93Bp\xe2\x9cb\xe2\xa77n\xe0\xba\xab\xc3\xdcu\xea\x97SN\x7f\x11O6NH^\xac\xc8\x0b\x92\xd3\xc4\xd5;\xdc\xc0\xdf hS1*\x01\\\x13!x\xeb\xcf\x9a\xbb\xc6\xce#\xeb\xe5\xecWp\x89\xe3\x9e\x14\n\xdfzf\xc7ws\x12:\xa3G\x0e\xf5\xcd\x0b\xc8\x0eV\xc2\xf56S\x95\xc1\x9c\xcc\xa6\x1e\x8e\x8c\xc0Vh7z\xc7\x95\xea~\xb8\xd1\xbc\xa3M\x7f\xf2\x93\x1e\xe0\xb5\x82\\+N 5\xe0}\xcf&gt;l\x97\xfd\xa3\xca\xd5\xce\xd4x\xaf;\x03\x94/\xb6;!YH\x95\xfb\xe7\xd8\x87_^w=\xfd\xe5t\x8b\xb4\x02\x1et\xf0\'-c\xfa\x9c\xd7[K\xe0\xac\xd8\xc8;e\xc6\xf6\x876U\xb7z\x9c\xc4w\xb0\xe9\xee\xe4\xaan!\xec\x17p\x7f\xea\x9b#R\xae)tH\xfa\xdf\xa5\xb1\xaf\xd8\x11\xc5\xd6\xb3\xc3\xe3\xbf+"\x8d\xd7\xdcA}\x8ee\x81=\xe1qk\xab\xd57"+\xc7\xd5*\x01)~\x1e{\xb3\xdd\xe6\xb5\x1e\xa8T\xb8\xf3\x86\xf5\xcb\x83\x86\xf4N3\x95\x14-\xfc\x85\x1f_\xcc\xa8.\xc9\xd7F$\x1fc\x1a\x8b0?\xc0\xc5z\xaf/t\xe4\x9f\xa6\xeb\xdaPh\xbc\x00[IN\x07\xa7,\x16FpYI\x80x\xb6\x99\xa08\xe2\xc4\xbf\xc5\xbbp\xc1\xb9\x07\x91\x07\x9c\x9e\xb3qh\xd6\xfa\xf7\x9c\xef\x99\xb4\x19\x02\xde\xdb\xab}\xe3\x86{z}\x00\x04\xa1\xa8\xa4:~\xae;\x9d%j\xf9\xf2\xe1!\x93g\xd5Z&lt;4\xbe\x0b\x00%\xb3\x90\x00n&gt;\xbc\xf0aOk\x08+\xf1\x18\xea\x1e\x86\xd2=(4\xb8\x0b\xb4q2.\x8c\xee\x86\xaa\xc5\xbek\xeaw\x9a\'\xbf\x03\x7f\x9e\x94V\x9c2\xa2\xfdM`\xaf\xafO@q\x08J\x9b\x1aC\x90\xff\tdW\x92+\x8c@\x818\xb3/\xe6\x80\x0c\xfcK\xe7\xa1dC\xf6\x81\x18\x00\xd1\x1a\xbb\x13\xb4\xfbs(\x89|#sV\xeb\xf1nz}\xb3\xecp~\xd6AOL\tN\xbc\x1aH\xabD\'\xd6\xca\xdd:i\xa1J\xc1\xb5z6\x1c\xa6\xa0;5\xe5[\xa3/\xb7\x02\x88)H_\x9a\xd9\xca\xcf\xa6\x88\xa6\xcd6\x8e\xc0\x03\xe8\x04\xce\xbc\xfe\xf6_\x84\xfbI\xe0U\xdb\xb8\xa2\x10\x8b\xdd\r\xa0_\x93\x0f+\x8a\xa9\xf0Nk&lt;\xc66\x82\xc6J\x19\xd4\xa8X3\xe6\xb5\x06\xcb\x9b\'\xdf\x8cM\xf5\xb0\xaau\x04\xf7\xe3\xc8\xa8B\xa5e\'\xf2\x98\xd0El3o\x91\xbak\x0eH\xf1\x0b\xbe\x05r\xbf+\xa7\x85H\xbc6\x8b\xc66\xb88N\xbd\x9c8\xe2+\xaf?\xc5\xfb\xfc\xb7\x06\x11\x91JJD\xe0\x03\xabR\xaa@&amp;\x057\x15\x03q\x8d\xdd\xaa\x04\xa2\xae\xaf\x0b(z\xb8\x01\x9f\xebc_\x14\x8f\x19\x04C\xc3\xb7\x9a\x15\x07\x0b\xdb\x05+\x9c\xfa \x1b\\\x07\x99\x19\xc7@Z\xca\xb4\x9eG5\xf8\\\xd9C\xadA\x1d\xa2\xc7\xff\x1f!^\xa5j\xf1\xc1\xf3\xe9g\x17=\x1e6D\xfc\x01\xf7\xf3\n\x806\xc2\x1bIs1\x0bfW\xe7U\xdd\x97v\xf2\xad\xeb\x19\xe0\x84\xac\x9c\xf2p\xfc\xca\xcbh\x98:\x14\x1c\x83\xd6\xeb\xa6\x1e\xa0\xc4:\xa5\xe0\xa0\xf4\xd8\xcbxUO\xaf\x06\xa3\t\xc7\xcd\xc3\xc9\x11\x12\xc7\x88\x14\r\xebMt{G:\x9a~\xa5Dt\xd2\' \xebq\xb1\xca\xc75\xc4\x96\xe2\xeas\x85\x05\xfc\x01\xb8\xc8\x14\x9f\xf6/\xde\xf0\x0cG\xef\xcbP\xaa\x13\x88GY(\x04\x9fW\x84g\xd5\xf0\xa0[\xd1\xefz\x93\xc5\xec\\\x92\xe6'</t>
  </si>
  <si>
    <t>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</t>
  </si>
  <si>
    <t>b',\x17R\xe3\xe3\xbf\xbeK\xf766\x9b\x93\x95;8'</t>
  </si>
  <si>
    <t>f fighting to keep the current
  goingâ€”the flux through the lower loop is not changing. (If you like, the flux is
  increasing because the loop is moving upward, into a region of higher magnetic
  f
  ield, but it is decreasing because the magnetic field of the upper loopâ€”at any give
  point in spaceâ€”is decreasing as that loop moves up.) No power supply is needed
  to sustain the current (and for that matter, no power supply is required in the upper
  loop either, since the energy in the fields is not changing. Who did the work to lift
  the car? The person pulling up on the rope, obviously. The role of the magnetic
  f
  ield was merely to transmit this energy to the car, via the vertical component of
  the magnetic force. But the magnetic field itself (as always) did no work.
  FIGURE8.11
 378
  Chapter 8 Conservation Laws
  The fact that magnetic fields do no work follows directly from the Lorentz
  force law, so if you think you have discovered an exception, youâ€™re going to have
  to explain why that law is incorrect. For example, if magnetic monopoles exist,
  the force on a particle with electric charge qe and magnetic charge qm becomes
  (Prob. 7.38):
  F =qe(E+vÃ—B)+qm(Bâˆ’ 0Î¼0vÃ—E).
  (8.44)
  In that case, magnetic fields can dowork...butonly on magnetic charges.So
  unless your car is made of monopoles (I donâ€™t think so), this doesnâ€™t solve the
  problem.
  Asomewhat less radical possibility is that in addition to electric charges there
  exist permanent point magnetic dipoles (electrons?), whose dipole moment m is
  not associated with any electric current, but simply is. The Lorentz force law
  acquires an extra term
  F =q(E+vÃ—B)+âˆ‡(mÂ·B).
  The magnetic field can do work on these â€œintrinsicâ€ dipoles (which experience
  no motional or Faraday emf, since they enclose no flux). I donâ€™t know whether a
  consistent theory can be constructed in this way, but in any event it is not classical
  electrodynamics, which is predicated on AmpÃ¨reâ€™s assumption that all magnetic
  phenomena are due to electric charges in motion, and point magnetic dipoles must
  be interpreted as the limits of tiny current loops.
  Problem 8.11 Derive Eq. 8.39. [Hint: Treat the lower loop as a magnetic dipole.]
  Problem 8.12 Derive Eq. 8.43. [Hint: Use the method of Section 7.2.4, building the
  twocurrentsupfromzerototheirfinalvalues.]
  More Problems on Chapter 8
  Problem 8.1316 A very long solenoid of radius a, with n turns per unit length,
  carries a current Is. Coaxial with the solenoid, at radius b 
 a, is a circular ring of
  wire, with resistance R. When the current in the solenoid is (gradually) decreased,
  a current Ir is induced in the ring.
  (a) Calculate Ir, in terms of dIs/dt.
  (b) The power (I2
  rR) delivered to the ring must have come from the solenoid. Con
 f
  irm this by calculating the Poynting vector just outside the solenoid (the elec
 tric field is due to the changing flux in the solenoid; the magnetic field is due
  to the current in the ring). Integrate over the entire surface of the solenoid, and
  check that you recover the correct total power.
  16For extensive discussion, see M. A. Heald, Am.J.Phys.56, 540 (1988).
 8.3 Magnetic Forces Do No Work
  379
  Problem 8.14 An infinitely long cylindrical tube, of radius a, moves at constant
  speed v along its axis. It carries a net charge per unit length Î», uniformly distributed
  over its surface. Surrounding it, at radius b, is another cylinder, moving with the
  same velocity but carrying the opposite charge (âˆ’Î»). Find:
  (a) The energy per unit length stored in the fields.
  (b) The momentum per unit length in the fields.
  (c) The energy per unit time transported by the fields across a plane perpendicular
  to the cylinders.
  Problem 8.15 A point charge q is located at the center of a toroidal coil of rectan
 gular cross section, inner radius a, outer radius a + w,</t>
  </si>
  <si>
    <t>b'\xb8\xed\x00\xc9\x9c\xc5\x14\x8b\xdb#\xccyS\x01\xa8g\x8fu\x19OM\x91\xa2\xca\xb6\xe6-\x94\r\x00\xf7\x88'</t>
  </si>
  <si>
    <t>b8ed00c99cc5148bdb23cc795301a8678f75194f4d91a2cab6e62d940d00f788</t>
  </si>
  <si>
    <t>b'\xb8\xed\x00\xc9\x9c\xc5\x14\x8b\xdb#\xccyS\x01\xa8g'</t>
  </si>
  <si>
    <t>)
 in Vout
 D1
 Vin Vout
 D1
 R1
 t
 t
 Vin
 Vin
 Vout
 Vin
 0 T
 2
 T T
 2
 3 2T
 V
 (c)
 Vout
 in
 1
 (d)
 Rectified
 Half Cycles
 R1 R1
 Figure 3.10 (a) A diode operating as a rectifier, (b) complete rectifier, (c) input and output
 waveforms, (d) input/output characteristic.
 3.1 Ideal Diode 67
 its response to a sinusoidal input [Fig. 3.10(c)]. Since R1 has a tendency to maintain the
 cathode of D1 near zero, as Vin rises, D1 is forward biased, shorting the output to the input.
 This state holds for the positive half cycle. When Vin falls below zero, D1 turns off and R1
 ensures that Vout = 0 because IDR1 = 0.5 The circuit of Fig. 3.10(b) is called a â€œrectifier.â€
 It is instructive to plot the input/output characteristic of the circuit as well. Noting
 that if Vin&lt; 0, D1 is off and Vout = 0, and if Vin &gt;</t>
  </si>
  <si>
    <t>b'`\xb7\xdb\xb72q\xba\x19\xf0\xf1\x87\xc3M\xd2{\x93'</t>
  </si>
  <si>
    <t>60b7dbb73271ba19f0f187c34dd27b93</t>
  </si>
  <si>
    <t>roach +1 V for D1
 V
 I
 D1
 V
 I
 (a)
 1
 1
 VB
 1
 1
 1 V
 +1 V
 V D1 V
 R1
 in Vout
 Vout
 in
 1
 t
 t
 Vin
 Vout
 V D1
 VB 1 V
 in
 R1
 Vout
 t
 Vout
 Vin
 + Vp
 Vp
 t
 Vp
 + 1 V V
 Vout
 in
 1
 +1 V
 +1 V
 (c)
 (b)
 Figure 3.11 (a) Diode-battery circuit, (b) resistor-diode circuit, (c) addition of series battery to (b).
 3.1 Ideal Diode 69
 to turn on. Shown in Fig. 3.11(a), the I/V characteristic of the diode-battery combination
 resembles that of a diode, but shifted to the right by 1 V.
 Now, let us examine the circuit in Fig. 3.11(b). Here, for Vin&lt; 0, D1 remains off, yielding
 Vout = Vin. For Vin &gt; 0, D1 acts a short, and Vout = 0. The circuit therefore does not allow
 the output to exceed zero, as illustrated in the output waveform and the input/output char_x0002_acteristic. But suppose we seek a circuit that must not allow the output to exceed +1 V
 (rather than zero). How should the circuit of Fig. 3.11(b) be modified? In this case, D1
 must turn on only when Vout approaches +1 V, implying that a 1-V battery must be in_x0002_serted in series with the diode. Depicted in Fig. 3.11(c), the modification indeed guarantees
 Vout â‰¤ +1 V for any input level. We say the circuit â€œclipsâ€ or â€œlimitsâ€ at +1 V. â€œLimitersâ€
 prove useful in many applications and are described in Section 3.5.3.
 Example
 3.10
 Sketch the time average of Vout in Fig. 3.11(c) for a sinusoidal input as the battery voltage,
 VB, varies from âˆ’âˆž to +âˆž.
 Solution If VB is very negative, D1 is always on because Vin â‰¥ âˆ’Vp. In this case, the output av_x0002_erage is equal to VB [Fig. 3.12(a)]. For âˆ’Vp &lt;VB &lt; 0, D1 turns off at some point in
 the negative half cycle and remains off in the positive half cycle, yielding an average
 greater than âˆ’Vp but less than VB. For VB = 0, the average reaches âˆ’Vp/(Ï€). Finally, for
 VB â‰¥ Vp, no limiting occurs and the average is equal to zero. Figure 3.12(b) sketches this
 behavior.
 (a)
 V
 Vout
 (b)
 Vout
 t
 Vp â€“
 Vin
 Vout
 Vp â€“
 Vin
 â€“ Vp &lt; VB
 + Vp &lt; VB
 VB &lt; â€“Vp
 VB
 = VB
 VB
 t
 Vout
 Vp â€“
 VB
 Vin
 VB t
 = 0
 Vout
 Vp
 VB
 t
 +
 B
 Vp â€“Vp +
 â€“Vp
 Vp â€“
 Ï€
 1
 Figure 3.12
 Exercise Repeat the above example if the terminals of the diode are swapped.
 70 Chapter 3 Diode Models and Circuits
 Example
 3.11
 Is the circuit of Fig. 3.11(b) a rectifier?
 Solution Yes, indeed. The circuit passes only negative cycles to the output, producing a negative
 average.
 Exercise How should the circuit of Fig. 3.11(b) be modified to pass only positive cycles to the output?
 3.2 pn JUNCTION AS A DIODE
 The operation of the ideal diode is somewhat reminiscent of the current conduction in
 pn junctions. In fact, the forward and reverse bias conditions depicted in Fig. 3.3(b) are
 quite similar to those studied for pn junctions in Chapter 2. Figures 3.13(a) and (b) plot
 the I/V characteristics of the ideal diode and the pn junction, respectively. The latter can
 serve as an approximation of the former by providing â€œunilateralâ€ current conduction.
 Shown in Fig. 3.13 is the constant-voltage model developed in Chapter 2, providing a
 simple approximation of the exponential function and also resembling the characteristic
 plotted in Fig. 3.11(a).
 V
 I D
 D V
 I j
 j
 V
 I D
 D
 (c)
 (a) (b)
 VD,on
 VD,on
 VD,on
 Figure 3.13 Diode characteristics: (a) ideal model, (b</t>
  </si>
  <si>
    <t>b'\xaa\xbb\xe52\x0c\xc3\xa8\xe2\x9fQd\xc8\x04+\x15\xc8'</t>
  </si>
  <si>
    <t>aabbe5320cc3a8e29f5164c8042b15c8</t>
  </si>
  <si>
    <t>nk the gods that while they denied you greatgrandchildren for the time being, they preserved your granddaughter. . . For you do not
wish for great-grandchildren more ardently than I wish for children . . . May they only be
born and change this sorrow of ours to joy. Farewell. (Ep. 8.10)
[to Hispulla] Since I consider that your feeling toward your brotherâ€™s daughter is even
more tender than a motherâ€™s indulgence, I know I should announce to you first the final
outcome, so that gladness, coming first, will not leave room for uneasiness. . . . Now she
is joyful, now, already restored to herself and to me, she begins to revive and to ascertain
the crisis through which she passed. All the same, she was in the greatest danger (it can
now be safely said). It was not her fault, but to a certain extent the fault of her youth.
Thus her miscarriage and the sad proof of a pregnancy she did not know about. So
although your longing for the brother you lost was not granted comfort by a nephew or
niece, remember that this has been deferred rather than denied, since she is safe and it
The Family 319
can still be hoped for. At the same time, explain to your father this misfortune, which is
more readily excused by women. Farewell. (Ep. 8.11)
Pliny published these two accounts of his wifeâ€™s miscarriage in a book of letters
mostly concerned with elite gossip and literary matters. As with the funeral oration
by Turiaâ€™s husband, subsequently carved in stone, the modern reader is taken
aback by the willingness of a Roman husband to make public his wifeâ€™s (and his)
fertility problems. The explanation must lie in the pressures placed upon men
and women of the Roman elite to reproduce themselves, both in the service of the
state and for</t>
  </si>
  <si>
    <t>b'c\xfa\x1b\x0c\xb0\xcd\x11\x97\xcc\xdc[\x9eeqG?\xa4\xdd\xfdf\xc2w\x82v)/\x11JLm\x1bn\xb0"\x99\xcf\xb4\xc1\xccj\xf5rhI4\xb3^Y\xfe&amp;\xd3\xb95\xb9\xa8\xe9c\xe6\xf66\xa1\xd5\xfa\xebu\x05\xe5\xae\xdag6\nz\xbd\x00\xb9\x01\x88\xf8\x99\xed\x18V\xb0P\xd1\xfd\xf5\xbb\xfeS\xce\x07\xe9U\xde7\xab\xc8j\xd5\\@H\xbc\xfb\x93\x18i\xc7\xc2\x0b\xe7\xa3\x01\x8b\xd6\xeb9\xd8\x92l\xba&amp;\xd6w\xedD\xbci\xb7\x9a\xc6&gt;\xa0/\x05\xe5\xc29^{e\x13\x87\x16?f\xf8\xb8\xe7c1\xc9\xf1\x80\xc6\xe3C\xfe,9\xbd-&lt;jr\xff$7\xe9\xf8\xb3\x80U\xc8n(\xa4\r\xc1\x8c\xafW\x02?:\xd7-\x93\xbd\xef\\01\x8dLH\t\xd0\xc3\x95o\xdck&lt;\x81*!\xbb\x05(\xd5\x1cG|\xc9\x7fm+\xf4\xec\xb6\x95\xce:\xf1\xd3\xcd\xce\x00\x88\x03\xf5\x05\xffW1\xd5\xcf]hH\x0c\xe7\xa2}\x06\x0f\xc8,\n\xfc\xd95\xdcvH\xa6ND\xa6\xbd\x9e&amp;cK;\xc7g\xb4\xea\x1b\xa61\xab-\xa3_\xfa\xc2\xfd\xb7\xf8{o\x14\xcf\x92\xb4\xde\xee\x19\xaer,\xb7\xcd\xd9\xc4\xb8\xc2\xa7% \xc2\xfc\x0fi\x8c\x1b\x9bP\xca\xad\r\x926\x84\xd5\xfc}v\xff\xb5\x99o1\xb1CV\x9d\xe0E?\xa6\xbeMB\x91\xd0\x07yJ&lt;\xa6&amp;;\x80\x1d\xde\x1b\n|\x01)\xe0\xe2\x0b\x04\x11\x8f\n\x04\xaa\xc9\xe2\'\xf7\x08u\x9c\x1f\xa0oo\x12{\xee\xben&amp;4\xe2\xf9\xa4z(C0\x95\xf7\xbe\xe0\xd8\x16\xc6\xca\x8ey\x90\x8a#_\x07w\xe3\xd7H\x91\xddcL\x04\xa6\xe9\xf1\x14\xc1\xb4#7\xb6{,\xc5\xba\xc8\xf2\x15\xebG\xc56I\x1a\xbc\xac\x88\x1d{MNI\xbc&amp;\xa5w\xcd\xee\x0f\xdc$\x90\xcb\x9ef\xfb\xa8{E^&amp;n?\x96\x8e\x96\x9cR KV[o\x81\xf6\x97\xad-\xf4}\xe4\x01\xca\x07*5\xca&lt;yW\x12\xef\x94\x19\xd2\xcc\xae\x8d\xc1\xb8\x15\x82\xf5k \xde&amp;\t\x96\xf6o\xbe7\xab\xc7\xe9\xb1\xdf~\x98r\x8crBdF|\xc1\xa3\x95\xafu\xbf\x87\xd3.\xcdB\xba\xe3\xfe\xdd^~&gt;\xa9\t\xcb\xb3h\xbf\xf1P\xb3,P\xf1~\x97\xfd\xbc\x0b\xefB\xa0\xb2O,f\x08\xec\xc4\xdcF\xf5\xfaY\x1f\xd4\x96\xdf\xc6\xc9\xcd\x9ei\xe8$\xd4Qws\xe8\xca~\xc8^\xa3$\x11c,\xda\xba"S\xf49G\x8b\x8f\xa8\xa5\x8a\xe1}\xcc* M\\\xc7j\xf3Qa\xb9F{\xd6\xcc\x1c\xbc3\x89C\x0f\xda \xc8\x93a\xec\xe9K\x00@\x92;\xbb\x94;FiW&gt;\x06:\x06K\x7ft\xccnd\x97C\x1a/X\x19\x92HL\x1a\xdffw\x8b\xdc\xc4\xe8u\xd9\x06X\x0b\t\xe9R\xc1\xf5\x9d\x17"\xea*\xa8\xf7\x14%8\x97\x9c\x034$c\x03(\xc3$\xd1;[\x1e\x88\xe3\xfb\x10\x1e\xab\xa7(\x05\xb0\x08u\xb7\xca\x86M\x0f\x00aKf\xc7u\x92\xe0 "0\x90\xb6S5\x80\xa7\xde\xfa\xd2\xd4\x16\xf18 \x05\x9da3c_\xd6*\x8b&amp;!2)\xd5tK\x92qp\x97\xda\'\xfc\xebm,\xe2\xf5E\x93\xf1\x17\x02d\xecR\xef\xd8\xf9\x06X\xbbc\xc9\xf9\x89&amp;\xb4tS\xf4\x07\x00\x98).S\xd3\x05\xec\x93&amp;]\xd5)\xd7\x8b\x9f\xfb\x87\xf1YN\x90\xfdGU\xc7.\x9f\x06lT\xa4\x04\xcb\xaa\xd7\xaeue-\xa38\xcfp\x01\xe4\xa2\xe8\x02z0\xaa\x10\xf37\xce\xdd\xd4\xfd&amp;%\xf8hBe?zFq\xd1\x80Ej\xe78\xd5\xcb*\xe0&lt;\r\x97\rQ\x7f\xe6\x03\x19\xcd\x96\xc62\xbc\xca(\xa8I\x11\xdd\xf8\x13r\x93yZ\x1e\xfcAy\xce,\x1dB\xd0F\xe7\xf3D\xe5\xb8.B\x91\x9f\x150\xd5\x1fU\xad\x1aH\x88&gt;Z\xe1*\xf4\xaf\xaaY(U\x8b\'\xe9&gt;*t\xb10\xaa:\n\xb4\xb9\n\x14{\x9a\xc4\xe6\x8c\xa7\xfcL\xa2 \xd2\xc0\xc0\xa4\x0fC\x89m?\x8aw\xack*1\xb4\x0b\x03:\xd9\xd5\x0c\xe6x\x1f.b\xaf\xe5\xdf\xe8\xc6\xfex\xa4\xfd\x98\x0c\x9c\x8b\x07{\x96$I\xb9\xfa=\r\xc9z5\xa5[\xab\x14O\xd1\xa7\x19\xecm6\xa8l\x88\xb45\xd8\xf5\x0f&amp;\n\xe0\x9e1\x8eN\x92Q0[\xdd\xb4\xe3+\xcea\x93`\xf0}\xaf\xb1Q\x90\xb5\x82\r\x9a\x11&lt;$+\xd9\xc8\x15;\xba@j\x1b\xf1\x19V\xbf\xba\x1d^\x02u\xc4\x056\xc9\x1eU\x1b\x1e\xa85\x04\x86\xd4k\x8d\x11/\x01\xcbL\t\xdb\x19\xf9[\xe9\x081-\xc8H\xb6\xa8\x88\xd0\xa6"\x0c\xc0\xe5\x16@\x80]\xa6{\xf1\xd1Ee\n\x0b\xf3\xd3"\xdd\xbc\xe7%D\x83\x16e\x9c9\xb0\xdd\x1e&gt;HM\x1e\xbaFv\xdd\x9a1\xa4{$\xd9f$;?G\xd2\xc5\xfc\xde\xe6!vb\xf1;\xc0\xde\xa5 \xe4\x91\x04x\xf7\xbfxC\x9a\rf\xd8\x86\xfd\xff^\xf6/[\x92d\xa3g}"x\\\xc8\xaf^\x16\x06\xff\x1bC\xdd\x8b\xf5\xbc\x01_\xf4\xe2\xceL\x00\xeb\x0c\x91Qf\x88\x17?\xca\xb6\xd3aj\x1d)\xe2\xf7\x92\xd7\x19\r;KlxHz\x1fA\x91\xd4gd\xc4DD\xef\xcf\x11\x8c\xb1\xabr2\xa3A&lt;\x17\x8f1R9\xb8\x9a|\xf4\x17,\xbc\x92x\xaa\x86m\x92g\xdd\x04T&amp;\xa6u\xbc\xc5,\xb3-\xbf\x94\xa8\xa5\x86Ab\x0f\xdc\'u{\xee$\x7f \n\x19f\r\x08\nd]-\xf9\xa6\x9e\xb2U\xc7;2\xbaP\xc2\xe4\x05\xf3\x89{}\xc8\xf1\x9f\xeaj&gt;3\xef\xa4\x82$\xd5\xe6|\xdb\xa8?\xd1\x014\xca\xdaI\xd3\xd95WXac\xe15R\xce\xd1\xcc\xbe\xffn\xeb \xf8&lt;\xd1\xc7.\xe1%\x0b\x98\xcc5\xfb\xef\x93\xbbZ5)\x0fJ\xbc\x92pzlf \xbdY"\xb0\x98Ag\xc4\x03&lt;\xb8\xc9\x94=\xb6\\QG\x99\x98)\x88xr\x14\xb5}\x05\x803\x11\xd8t)rg\xb8V\xcb057RP\xfb\x99\xd1\xce\xbd\xf0\xc6$ga\xd5\x06pPj\xd0=\xa6\x1983\xb6\x93\xcd.)B\xd5E\x96ID\xa6_h_93\xd5F\xe6Q\xd6\xca\x7f1m?\tE\xb1\xee\xb5\xc3G\xd6\xfd\xe5\x8a\xa3\xe6*\xbc\xa97\xcc\xd3g\xff\n\xd1\xe0w\xb8}\x02\x9b\xf6\x9c\xd9*\x9ekY}\xcb^\x06\xe7\xaf\xa5\xb8\xa0\xfe`W\xe6\x11\xce)?\x07\xeb\x7fh\x9a\xffOEm\xb9Zq$/";\xd6\xb0\xbf\xcd\x0b\xff\xc8\x88\xe3\x11\xae\xd5L\x89\x03\xfcI\x04R\r\x9aR\x9e\xd3\xbdO\x91\x983\xf3\xd2\x1a\x14\xc4C\xcc\xa8\xa3D\xe0\x1e]\xfb:\xbc\x95"\xf6\x9c\x06 $4\x12\xd3\x19\x9a\xd6P\x12\xb6cz\x84\x08k\x0b\x914\xbc\xce\xb1\xc3\xd7\xe2Sc\x89\xb6\xb9\xb7\xb1y\xf11\xa5\xc3\xcb\xc0L\x9d\xc2h_\x0e\xff\xd2)&lt;\x95l\xe6\xcb\xb4\x029\xdc"*:\xc1N\x0fz3\x98\xf5R\xbc!(\xaa\x93&gt;\x83\xc8wF#]\x88\xb3\xb3\x14h\xfak\x03\x1a\x11D\x83\xc6\x03\x1b\xac\xfb\xcb\xb6\xf21\xdat\x9a\to\xc7\x8f\xf0*\xe5\xb2K^I\x81\xc5[\x1cd\xdb\xc5\xecvc\x15\xc4\x88T\x8c'</t>
  </si>
  <si>
    <t>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</t>
  </si>
  <si>
    <t>b'c\xfa\x1b\x0c\xb0\xcd\x11\x97\xcc\xdc[\x9eeqG?'</t>
  </si>
  <si>
    <t>THE
 MYSTERIES OF UDOLPHO
 BY
 ANN RADCLIFFE
 1794
 CONTENTS
 VOLUME 1
 Chapter 1
 Chapter 2
 Chapter 3
 Chapter 4
 Chapter 5
 Chapter 6
 Chapter 7
 Chapter 8
 Chapter 9
 Chapter 10
 Chapter 11
 Chapter 12
 Chapter 13
 VOLUME 2
 Chapter 1
 Chapter 2
 Chapter 3
 Chapter 4
 Chapter 5
 Chapter 6
 Chapter 7
 Chapter 8
 Chapter 9
 Chapter 10
 Chapter 11
 Chapter 12
 VOLUME 3
 Chapter 1
 Chapter 2
 Chapter 3
 Chapter 4
 Chapter 5
 Chapter 6
 Chapter 7
 Chapter 8
 Chapter 9
 Chapter 10
 Chapter 11
 Chapter 12
 Chapter 13
 VOLUME 4
 Chapter 1
 Chapter 2
 Chapter 3
 Chapter 4
 Chapter 5
 Chapter 6
 Chapter 7
 Chapter 8
 Chapter 9
 Chapter 10
 Chapter 11
 Chapter 12
 Chapter 13
 Chapter 14
 Chapter 15
 Chapter 16
 Chapter 17
 Chapter 18
 Chapter 19
 VOLUME 1
 1
 CHAPTER 1
  home is the resort
 Of love, of joy, of peace and plenty, where,
 Supporting and supported, polish'd friends
 And dear relations mingle into bliss.*
  *Thomson
 On the pleasant banks of the Garonne, in the province of Gascony, stood,
 in the year 1584, the chateau of Monsieur St. Aubert. From its windows
 were seen the pastoral landscapes of Guienne and Gascony stretching
 along the river, gay with luxuriant woods and vine, and plantations of
 olives. To the south, the view was bounded by the majestic Pyrenees,
 whose summits, veiled in clouds, or exhibiting awful forms, seen, and
 lost again, as the partial vapours rolled along, were sometimes barren,
 and gleamed through the blue tinge of air, and sometimes frowned with
 forests of gloomy pine, that swept downward to their base. These
 tremendous precipices were contrasted by the soft green of the pastures
 and woods that hung upon their skirts; among whose flocks, and herds,
 and simple cottages, the eye, after having scaled the cliffs above,
 delighted to repose. To the north, and to the east, the plains of Guienne
 and Languedoc were lost in the mist of distance; on the west, Gascony
 was bounded by the waters of Biscay.
 M. St. Aubert loved to wander, with his wife and daughter, on the margin
 of the Garonne, and to listen to the music that floated on its waves. He
 had known life in other forms than those of pastoral simplicity, having</t>
  </si>
  <si>
    <t>b'\xba\x16b9\x80\xbd\xc0\x9bpl+\xc5\\\x07m\xae$\xe9\xc5\xa7\xf8\xfd\x136\x94Wp\xf2\xaf\x05\xb7\x8fQ\xf8\xe4,\x96W\x96o\x08\r\x02L\xf8\xd0\xce\x14\xba\xf9\xf4\x03\x8a\x80\xe9\x03\xceTi\x04\x8f\x94s\x16'</t>
  </si>
  <si>
    <t>ba16623980bdc09b706c2bc55c076dae24e9c5a7f8fd1336945770f2af05b78f51f8e42c9657966f080d024cf8d0ce14baf9f4038a80e903ce5469048f947316</t>
  </si>
  <si>
    <t>b'\xba\x16b9\x80\xbd\xc0\x9bpl+\xc5\\\x07m\xae'</t>
  </si>
  <si>
    <t>ad much higher labor productivity than British industryâ€”on average about twice as high.
 4
 The pioneering study by G. D. A. MacDougall is listed in Further Readings at the end of the chapter. A well_x0002_known follow-up study, on which we draw here, was Bela Balassa, â€œAn Empirical Demonstration of Classical
 Comparative Cost Theory,â€ Review of Economics and Statistics 45 (August 1963), pp. 231â€“238; we use Balassaâ€™s
 numbers as an illustration.
 46 PART ONE International Trade Theory
 The commonly held misconception that a country can be competitive only if it can match
 other countriesâ€™ productivity, which we discussed earlier in this chapter, would have led
 one to predict a U.S. export advantage across the board. The Ricardian model tells us,
 however, that having high productivity in an industry compared with that of foreigners is
 not enough to ensure that a country will export that industryâ€™s products; the relative pro_x0002_ductivity must be high compared with relative productivity in other sectors. As it hap_x0002_pened, U.S. productivity exceeded British productivity in all 26 sectors (indicated by dots)
 shown in Figure 3-6, by margins ranging from 11 to 366 percent. In 12 of the sectors, how_x0002_ever, Britain actually had larger exports than the United States. A glance at the figure
 shows that, in general, U.S. exports were larger than U.K. exports only in industries where
 the U.S. productivity advantage was somewhat more than two to one.
 More recent evidence on the Ricardian model has been less clear-cut. In part, this is
 because the growth of world trade and the resulting specialization of national economies
 means that we do not get a chance to see what countries do badly! In the world economy of
 the 21st century, countries often do not produce goods for which they are at a comparative
 disadvantage, so there is no way to measure their productivity in those sectors. For exam_x0002_ple, most countries do not produce airplanes, so there are no data on what their unit labor
 requirements would be if they did. Nonetheless, several pieces of evidence suggest that dif_x0002_ferences in labor productivity continue to play an important role in determining world trade
 patterns.
 Perhaps the most striking demonstration of the continuing usefulness of the Ricardian
 theory of comparative advantage is the way it explains the emergence of China as an export
 powerhouse in some industries. Overall, Chinese labor productivity in manufacturing,
 although rising, remains very low by American or European standards. In some industries,
 however, the Chinese productivity disadvantage is not as large as it is on averageâ€”and in
 these industries, China has become one of the worldâ€™s largest producers and exporters.
 Table 3-3 illustrates this point with some estimates based on 1995 data. The researchers
 compared Chinese output and productivity with that of Germany in a number of industries.
 On average, they found that Chinese productivity was only 5 percent that of Germany, and
 Ratio of
 U.S./British
 exports
 Ratio of
 U.S./British
 productivity
 4
 2
 1
 .5
 .25
 .125
 .5 1 2 4 8
 Figure 3-6
 Productivity and Exports
 A comparative study showed that
 U.S. exports were high relative to
 British exports in industries in
 which the United States had high
 relative labor productivity. Each
 dot represents a different industry.
 CHAPTER 3 Labor Productivity and Comparative Advantage: The Ricardian Model 47
 that in 1995, total Chinese manufacturing output was still almost 30 percent less than
 Germanyâ€™s total manufacturing production.
 In apparel (that is, clothing), however, Chinese productivity was closer to German lev_x0002_els. China still had an absolute disadvantage in clothing production, with only about a fifth
 of German productivity. But because Chinaâ€™s relati</t>
  </si>
  <si>
    <t>b"0E\x02!\x00\xfb{\x17\x81: N\x07\xa184l;\x1f\n\x05\r\xf8}\xdaG\x15\x82\xcdo&lt;\xa1\xcb\xda\x8f\x0e\xc2\x02 rf\xa3\x81\xa9\xc6#ZJ\r\xc9\x81\x8c\xe7\xa7D*LX\x16\xbds\xf3d\xda\xbe'\x84\xdc\x01\xc8\r"</t>
  </si>
  <si>
    <t>3045022100fb7b17813a204e07a138346c3b1f0a050df87dda471582cd6f3ca1cbda8f0ec202207266a381a9c6235a4a0dc9818ce7a7442a4c5816bd73f364dabe2784dc01c80d</t>
  </si>
  <si>
    <t>b'0E\x02!\x00\xfb{\x17\x81: N\x07\xa184'</t>
  </si>
  <si>
    <t>l be lost by trying 
 for too much. 
 We had soon touched land in the same place as before and set to 
 provision the block house. All three made the fi</t>
  </si>
  <si>
    <t>b'\xa35b\xfd\xe1\xc9\x9a\xcfu\x15\xf8\x9b?\xc1\x0cOg\x96\xb0\x0e\xfa6\xc4\x04\x96}\xd5\x92L\x02\xc4\xa3\xb53Q\x0b\xee,\xf5(\xd6\x97\x91\x9f\xf3^\x9e\xde\xdbN2\xb3\xb1\xe4#\xe9\xda\x8d\xfcF\xb2\x0c2\x13R\x10N\xf6\x0b]\\\x90\xec\x95q\xa2}?;N\x92\xe4\xaeP9LA\x17\x87\xf4\xce\x00Gno\x88\xc5\x95p\xc7\xc5\xff+\xb1*\xea\xeee\xf3\xea\x1a\xb21\xe8\xbb\x84\x8f\x93\xca\x11wr\xf1\xe7=4\x0eQ\xca\x0e\xef\xb0\x11\x82\xdd\xd2\xe8\x98\x85T\xec\xf9`4\xe1\x01\x02Q\xb2\x9d&amp;&gt;0a\xa2\xf7!\xd6y\x8d(\xb4\x93\r\x99\x88l^|X\x9b&lt;\xa1\xdc\x8d\xfaI(\x97\xc9y\xd0t\xe4\x17\x8e\xfeq\xff\xd17"0dR\xa5\x16$\x00zu\x17\xdd\x14\xa4\\^]\xcf\xe2\x880c\xaaK\xac\xc5\x96\xc2\xa0\xc43\xa2\x94\x82\x98\xd6T\\\x07`\xbb\xaa\x088\x04\xe5s\xb7\x12\x89\xd1\xb5\n\x19b\xa0\x1a\xc5\x7f\xab\xab\xbb\xde\x85\xe6'</t>
  </si>
  <si>
    <t>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</t>
  </si>
  <si>
    <t>b'\xa35b\xfd\xe1\xc9\x9a\xcfu\x15\xf8\x9b?\xc1\x0cO'</t>
  </si>
  <si>
    <t>had got its head down, and was going to begin again, it was very
 provoking to find that the hedgehog had unrolled itself, and was in the act
 of crawling away: besides all this, there was generally a ridge or furrow in
 the way wherever she wanted to send the hedgehog to, and, as the doubledup soldiers were always getting up and walking off to other parts of the
 ground, Alice soon came to the conclusion that it was a very difficult
 game indeed.
 The players all played at once without waiting for turns, quarrelling all
 the while, and fighting for the hedgehogs; and in a very short time the
 Queen was in a furious passion, and went stamping about, and shouting
 â€œOff with his head!â€ or â€œOff with her head!â€ about once in a minute.
 Alice began to feel very uneasy: to be sure, she had not as yet had any
 dispute with the Queen, but she knew that it might happen any minute,
 â€œand then,â€ thought she, â€œwhat would become of me? Theyâ€™re dreadfully
 fond of beheading people here; the great wonder is, that thereâ€™s any one
 left alive!â€
 She was looking about for some way of escape, and wondering whether
 she could get away without being seen, when she noticed a curious
 appearance in the air: it puzzled her very much at first, but, after watching
 it a minute or two, she made it out to be a grin, and she said to herself â€œItâ€™s
 the Cheshire Cat: now I shall have somebody to talk to.â€
 â€œHow are you getting on?â€ said the Cat, as soon as there was mouth
 enough for it to speak with.
 Alice waited till the eyes appeared, and then nodded. â€œItâ€™s no use
 speaking to it,â€ she thought, â€œtill its ears have come, or at least one of
 them.â€ In another minute the whole head appeared, and then Alice put
 down her flamingo, and began an account of the game, feeling very glad
 she had someone to listen to her. The Cat seemed to think that there was
 enough of it now in sight, and no more of it appeared.
 â€œI donâ€™t think they play at all fairly,â€ Alice began, in rather a
 complaining tone, â€œand they all quarrel so dreadfully one canâ€™t hear
 oneself speakâ€”and they donâ€™t seem to have any rules in particular; at
 least, if there are, nobody attends to themâ€”and youâ€™ve no idea how
 confusing it is all the things being alive; for instance, thereâ€™s the arch Iâ€™ve
 got to go through next walking about at the other end of the groundâ€”and I
 should have croqueted the Queenâ€™s hedgehog just now, only it ran away
 when it saw mine coming!â€
 â€œHow do you like the Que</t>
  </si>
  <si>
    <t>b'\x03\x91\x8c\xa3\xa8\xb4\x14};\xd1\xf4\x06\x89Y(\xec\xdb\xd2uu\x9f\xa1&amp;\x9e\xebP\x04\xc2\x15\xea\x80\x19\xc7\x9a\xa4\xe6;$\x04\x8d8\x92}\x80N\x9f$\x9b\x15\xb8sw\xf1\xa0\x15LH\x1b\xe3\x15&amp;O\x8cc\xf5{\xf2&amp;\xce\xdfIN\x1d\xc5r\x88L\xc4)\x18\x08\xf5}v\xfc\x16\xf4\xcbz\xcc\xfc&amp;\xb5\xbd%\xf9piu\xfa\xfeJ\xa9\xfa\x8ff\xe3\xa6]\x9eK\xb3\xb9|\x0f\x996\x9a\x1f\xa4`\xdd}\x8b\xd0{\x1fR&lt;\xb9\xb0\xd2\x80\xcbW\x18Y\xa6\xd7\x10\xbf\xd9\x15SE\x04!\xfap\x19\xa2\xe9{p\xee}\xd3\x1b\xb1\xec\xbe\x89\x14\xb7\xbb\xbaD\xa9\xc7\x1f\xd7\'\xef\xbbM\xc0\x89\xd9\x05k\xa5\x87\x1a\xee\xf3\x9a9\x87R\xb5\x14\xc1&gt;^k\r\xf8\xad\x08\x06v\xf5\xe3\xd8\x03z\x90C\xf1\xf1{\xfb\xf8\xde\xe1}`jJ\xfc\xcc\x99\xcc\x85\x96=/\xff\x8d\xe0\x0eARKM\xcf\xe9D&gt;\x848Z\xfc/\xfa\xfb[V\xd3\xf7\x8dU\xe1\xb9\x14\xa97\xd3\x90\xf8\\\xe3\xe5\xcdf\xfe()./\xc3%WV\xacG\xa1\xa4g\x86\xf7\xdc\x89\xe9\x089;L\xdfl\xb1\x04\x8f\xd5\x05$\xad\xad\xd3d\xa6LA3w\x1d&gt;\x7f\xe5$\xec\x9d\xb7\x97^\x01\xa0z\x95\x140\xa2\xed\x04+\x9f\xc34\t\x92\x84\x11\x9d\x8ea\nN\x95:\xd2\x9a\xa4\xf7\x92I\xf8\xfd\x0f`)\xcf\xbc\xc2\x96\xa3\xcf\x91\xdd\x0f\xd7\xd9\xa5h"H\x84\x08#\xa2\xe9\x05z\xa0y\xc7\x90\xbc\xcd4\x85\xa2\x05\'\xac\xeco\xbd\xafE\xb2\x05\x1b\xcb\xd5\xca\xc0\xf9\x9b\xf6hT\x90\x90~2\x9e\xe5\x05\xbaG\x7f\x07\xfa\x18\x01\xed[U\xbf\xf7$+\x89\tz\xde\xf3\xee\x00\x82K}7\xb6=\xd6\x00q\xcekI&amp;\x97\xbe\x18EY\x07\x9d^\xd3\xd7.\x8e\xfb&lt;\xbd\xddc@\xa6\xeb\xca&lt;I\xc6\xac2\x87u_\xf7J\x82\xa4\xd9}OS\x19j/\x18T\xf8\x0c\xdb\xedU)\x08\xa1\xa6\xfb\x10K\xacu\xc8\x11\x03\x07\xd8\xb3\xfe\xd6\x00\xd74sp),\x98\xce~F\x1a\r1X\xd3V*s\xef\'OS*\x0e#\xd7\xa8C\xb0\xba"\xb0\x86\xc0wc\x9a\x80\xccA\x14\xb9\xcaf\x9f\x9f\xf9\xcf\x1a\xd0k2\xcf\x1bT%W\xe6K1\x1f\xb3M\x90gY\xa4\x98fz~!@\xc0\xee\x14E\x98\xd6\x91\xa5\xf7\xccCn\x1b\xf7\xdc[~\x83\x1e\xfe\xa9so&amp;\xbao;\x96\xed\x19y\x9c\xc6\xac|\x0bO\x95\xc7\x11!F\xf0L\x01#\x0e\x03\x99 r9\x15\xb5\xe6\xfdy\xe8\xd9\xc9\x8a\xfa\x9f-I\x90\xc81\x0c\x1d\xd1\x8b\xbf\xb7\xed\xe6\xebx\xcb\xf5d\x91\xb6\x02\\\x14\x06p\xab\xeb\xb2{1^VT\xbb\xaa\xff\xf9N\x9bA\xabf\xdfA\x9cu\x84\xccJ\xe5\xd5\xe9\x97\x92\xc1\xce\xf4\'\xa3\x92%\xf0\xa0f.\xb2\x08|wL~{\xed\xdf\x19~H\x82\xcf\xbb\xa6\xba\xf9XS\xc7&lt;9S&amp;\xa18\xac+\xc7Jt\xdf*\xb2\xe9\xde\t\x1b\xe1\x9aqt\xc8\xcf\xa4\t\xa7\x94\xd69\xb9@\xa4%(\x11\xb8\xf5\xfcR\x10\xb3\x1d\xda\x0b\xc2\x01KbhU\x84\xe4\xc3S\x1a\x0e\x80\xf9s\xf1rV\xd9\xab60z\xee\x90D\xcfN\xb0\xc0E&gt;]\xeb\xd5\xdd\xdf\xfc!@\xbd{\xdf\x9c\xc6\x1f5-r"\xcb#\xa8A\xce\xa0\xbd\x8c(\xe7`\xc0\x86\xfa\xc2\x0b;)\xf9x\x10\xc9\xc9i\xa2\x08\xdf@\xdb\xd0\xd9\xf7*\x0c\xd7\xb0\x00H\x1f\x07A\xd4f\xa9\xbb\xefa\x9ey*\xf6T\xa5T\xb7Ypsq.D!\x1dl\xf9\xc1\xea\xba\xe7\x14\x8e;\x06M\x1e\xf5-\x7fR\x84n`\x95D\x11\xf4ZJs\xc5}\xf0\xb4\x1c\xee]\x81\xf00\xfb\xe9\xdd\xdfC\xa6\xec\xa06\xa8\xec\xce\xec\xf6\x1b#\xd4\xa7\xd1\xa1\xc9\xf1\xd9\x91\xecH\xfb\xf3W\xdfd\xf5\xd4\x87\xc0\xe5{\x9c\xc1\xb4\xba\xcb\x90\xa7\xa7\xc5\xc0\xc6\xa3k\xc7\xcb\xd9\xf5\x98wV_\xd1?\xe4\xdau\xd4q\xf4k&gt;\xee\\\xaf\x97\x1f~\x07Er\xb3o\x83\xe4g\x8a`\xe0\xf1.\xd4\xf6\\AVL+9m\xa7\xfa\xb0%\x91\xe6H\xaf\x04\xf7\x97\x17\x93\xa1\xf0Z\xf9\xbal\xe0\x98\xbf\xe3\xaf\xb8B\x82\xb4\xfb\xb6N\xea\xb5\xf5\xd8\x949\x8b\x019\xf8J&amp;[z\xdaC&lt;\xf2\xa3V\xc7U\xb7\xdc\x9ez`\xc2K\x1c\x86\x02=_\xf3}\xf3P\x86\x86C\x92\x9e&amp;6&gt;\xa3\x9b\x04\xee\xd3\xfe\x11+l\x97\xb9\xdc\xeae.Q\xab\x05\x99\xdbm\xc0\xfcF&amp;jfLe\x03\xd4/\x15p\xaa\xe9(\x1c*CF\xff\xe4%\x19\x934\xc7m#\xae\xebS\xf3\xb2\xe6\xbbG\xd0\xfd\x0fr\xdf\x04\xa8-\x9c\x16\x97[\x11\xf0\xe8M\xf42\xa3\x11al\xd4E\x0e\xcaXV\xe0\x1bBx\x9c\xec\xfahUB\xac4\'y#N\xfa\x15}\x8b\x0f\xda\xf5%{xmD\xcd\xe3(\xe5\x00\x96\xb7\x1e\xc5W\xcb\xefYP\xad\xde4\x91\xddWk\xc7\x17\xc7N\x9e\xc5\x0eG\x90_\xc8\xeb\xd2n_L\xd2\xa9w(f\xe3\x16_\xb2\xa1\xd3g\xbd\x0f\xc9\xfd\x86y\x1e\xbcR\xc0\xc2L\xfc\xa1.x\xd9\r\xc0\xdby\x04xOU\xdc\xa57\xd1\xaa\xfb\xc9\xbf\xcaaM\x01\x99\x8b\xa1\x99\x8c\xbc!\xf3\x83\x96\xe5\x80\x9b2\x06\xf9\xf1xS\x1b\xb3\xed\xac,\x932\xf1\x8f\xe8\xceUW5\x99\x1d\xc9~\xb0o\xadH{\xbe\xad#d\x04\x80\x81\xc2\x90\xf1b\xb6\x7f\xb3\xe2u\xaf\xab\x8fL\xa1\xb6\xd9jE\x00\x0eu\xdb\x9b\x96Y\xe1\xb5\xa0&gt;\xcf6C\xe9/\x10P&lt;\x8f\xd2\xd1\xea\xeav\xb7\xddKK\xd8\x8c\x94yF\xdf\xf1\x02\x98\xb8\xd5\xde\x8dT\xd8\x0c&lt;&gt;aZ1 y\xe6\x9c\x97V\x08|\xf9\x9c]p\x05Jm\x8e"4\xbe~\xadg\xf9\xc3\xdb\xf5\xe4\xd5yT\xac\xa1\x9b\xd4\xab\xfb[\xaa?\xb5\x81&gt;\xd1\xcc\xd1\xca~\xda\xda\xa4k\x90\xb6\x90\xa1~\x05\x13e\xfe\x91\x83\xe3.a\x10I\x82s\xd8~\x11\x9f\x16\xf2\x03\xf2s\xb1\x91\xe4\xe2\x8e\xe6*\x08\xb3\x86\x96\xda\xa4C&gt;\xfcE}\x8f\x83,\x10m\x84\xfdF\xed\xc4\x86\x93\x10\xa6E\xe1\x87\x9d&lt;9\x02\xe1\xbd\xe5\x12\xed\xf1\x17\x93-HS\xe3\xc2\x88\xf8\'$\t!\xb1E\x03N\xfa\xc8\xab\x9ds\xe1\t\xd4\x9ba\x97,\x88\x1b3\xc6\xff\x1a\xf0\xc2\x97-A\x98\xa4\xebb\'\xcf\xae\x1a\x98\x13\xdfYd$mk\x7f\x8b+\xe8o\xff$\xf5&lt;\xfa\xfce\n\xbc\xf6\xbc\x86\xe9\xab\xfbh\t\xc3Ll\xc2\xc6|t\x15\x86"Y\x8f\x13\xdf6\xbd7q\xff\xd2\x0c\xbd\xb9\xc1~kK\x1au\x16\xfe\xa3M@PFy;E5^\xc0\xa5\xde\x07\x87\xc5\x06.\xa8/\xb3\x05!\xcd\xa9\xcb\xb3\x0fA\xc4\xce\xae\xfd"tf\x07@\'_\xe3L\xe3\x96\x90\xee\x83\xa4\x9b\xde\x02pOEg\xb5\xcb\x13\xd3\xaa\xb2\xcap\xa8\xff:\xd6/\xd2\x87{\xe8\x93l\xfb.\xa4\x06\xc1$\xfb~s!T\xa8\x88Hq\xabJ51o\nu\x97\xbe\x90\xbb\xa8\xdd\x19\x9d\x10C\xbf\x1b\xb0\x92\x1b/s\xc7\x1c\r[y9v\xc1)\xe3JE\xa9\xfd\x8f\xf5\xda\xe2\xd9~\xb1\x04\x14\x83\xe3ok\xbe\xfa\x8d\x9c9\xda\x15\xe5\xbf\x00u\x15@\x1dD\xb1\xf7\xac\xb2\xd1\xdaj\xd6X\xe9c\xd5\xe7\xb0.\xf1Z\xc0\xff\xa6\xd5\x0c_\xe6\xfb\xfb\xf1\xbe\xa4\xec\xb8\xd0Jy\x83P"\x80\x0b\xa3a\x8cY&amp;u\x13\xe7\x91\xe9\x017RV\xc1\x88\x01\x02\x9cKWL9\x97\xda\xf9\x11\xd5\x15\xb3\xcfP\x8fF5\x1a\xcf\xb12Z\xbf\xd7\x98%\xfd\x19\xaf\xb0\xb4u\x8c\'\xf3\xd9\x0c\xe0^\x1c\xfc&lt;Q\xa26:\x9c\x13\x0b\xf1-\x1b\x10\x86\x8d%\x1a\xebT?B\x82\xd0\xacc\xc4\xef\xe0\tt\x9a\xd0~\x0e5\xa2\xf1K\xddw\xfa\x02\xb1\xdf\xa4\x9d\xf8\xc3\x91[\x13]\x11e^h\xbfZ\xa8\xef.W\xc0*E\x11\x1c\x92\x97$\xb0&amp;]\xfa\x0b\xd2\x1a\x8fp\xdf\xee\xbc\x12\xef`\x9d*\x1aS\x97\xd0\xaa&lt;\x01@\x8fO\xea\xcd_8\xbd\x9f\xaa~\xcb.Tr\xd3|7\xac\x8b\xa9\x86\x07\xd7\xd2ni\xe0\xa8\xc38\xe9D_\xd3y\x87M&lt;\xe7Uk\xd4e},&amp;\xc6\xeb6j*.\x98z\xb5TB\x847`}N\xfd\xa6\x9fO\x10@m\x99\x91l\xf7\x02\xf9\x91\xd8\x02X\xf4\xeb\x94%d\xa8\xda:1\x83&gt;DR\x1a(\xfdR\xadq\x1dcX$k}\x08O1\xd7\xb8\xc7\xedH\xb8Dn^\xf3\xbaGg\xe1\x0c;dgm\xd7\x03\x14\xa2\xacn\xe2\t\xda\x86\xb2\x04d\xdb\xb0\x0c#\'\xfb\x1f\xd1\xad\x0f\xedE\x8fp\xb7FM\x0c\x1c\x9cq\xe4\xe9\xcf8\xa6\x98\xdcS\xe3&gt;\xa6\x1f\xeb\x89\x8c\x12*\x9c\xd0~3C\xb9\x8e\x14^G9\xe5\x10\xdc\xf9\xae\xd3\xeaa\xb2\x8fC=-\x0e&lt;~\xa1&gt;;c\xffg\xb2\x1a\xbc\xa3\xec\xeaHdqx\xd1\xba lX\n\xb4\x9e\xc3Q\xac\x9aA\xd05~X7\xb8\x97\xf0\xb0@b\xbbQ\xb9\xaf\xa6&lt;"H\x8c\x00%\xe9\x02#\xb7\xf4\xf9\x92 \x04-\x1dz\xfcw#\x9c\xdd\x9a\xfc\x08\xfa*R\xfc\xde\xea\x04\xc8\xbb\xe9\xaa\xff\x1b\x96l\x90O\xc3v,~-\x04{\xa1\xef\xd1\xe0\x8e\xc0\x1e:\x99\x0b\xcb\xf5\xaa\xd9\xe8z\xc6\x8f\xd8\n\rs5\xe7\x83\x8c\xd9u\xb9\xe0\x9ct\x13\x14;\xabR\x81\xde\x96d\xa9\x1a\x8f\xbe\xde/\x16\xb5N\xabJ\x8cE\xe1\x86\xec\xd9\xd5\xa2T\xa9.\x01\x99\x8a3f\xc5\xc0\r\xfbX\xe0\xfb\xe9\x8e\n*lS\xbd\x96\x81\x0eC\xfb3\x047|\x04I1a\xdd\xf8\x93:\x9d\x04g\x87\xf0\xde&lt;\x83\xebR\x93\xbf\xec\xdc\xe30\xe7\x80\x0b\xb1]\xf4\x86\x15\xc2\x9b\xf3/\xe6\xfd\xbe\x85\x89\xfb\xc3\xd3\xb2X\xba\x9a\xf2\xe1\xc6\x18\x17B\x16\x195*%\x96\x037\xdd\xb5H\xdf\xdc+\xb2j\x80s(\xa5\x0b\x04\x98\xfb\xcd\x0fl\x86\x0f\x1fZb`\xc8\xc5;\x1fm!\x8d\x8e\x98\xb9\xd7\x16v% R\x8f\xa3\xfe\x0f\xaeB\xe4\x112\x9fGx\xc5\xfd\x88\xe0'</t>
  </si>
  <si>
    <t>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</t>
  </si>
  <si>
    <t>b'\x03\x91\x8c\xa3\xa8\xb4\x14};\xd1\xf4\x06\x89Y(\xec'</t>
  </si>
  <si>
    <t>s and split testing, Travis says thatâ€™s not even essential. â€œWhen we
 started out, thatâ€™s what we did. Now, we use services online to run constant
 split tests of our products against our competitorsâ€™ products. The most
 important thing is to get the feedback on why survey respondents have a
 preference. Why do they like the other guyâ€™s product over mine? Thatâ€™s the
 data we really want to collect. We spend our time analyzing that data and
 applying it to the productsâ€”deciding first if the feedback is something we
 can, and want, to address, and then making changes from there.â€
 All of this happens before the product is released to the market.
 â€œSay you use a French press to make coffee,â€ said Travis. â€œThere are tons
 of French press designs out thereâ€”some are full stainless steel, some have
 mostly glass, some are more sleek, curved designs, some are more industrial.
 What weâ€™d do to develop and split test a French press is collect all the
 product designs we think are best and then split test them against the top
 sellers in the category. Based on the split test, weâ€™ll decide on which design
 to go with.â€
 Getting customer feedback is a direct result of getting sales, according to
 Travis. â€œWhen you launch a product, you do whatever you can to get as many
 sales as you can early on, because thatâ€™s what drives feedback. Thatâ€™s what
 allows you to listen to your customer. When we first started out, we went
 from, in four months, doing four to five thousand in sales a month, to two
 years in, doing about two million in sales a month.â€
 Those sales are the fuel that runs the feedback machine and allows new
 products to be developed.
 Moving Beyond Small-Time
 Itâ€™s normal to feel nervous or downright terrified to place an inventory order,
 especially when you donâ€™t know if the product is going to sell. You can
 mitigate that fear by listening closely to your person, and also using the
 â€œStacking the Deckâ€ strategies Iâ€™ll outline in later chapters. However, itâ€™s
 okay to start small. You might only order 100 units of a product when you
 start. Thatâ€™s what I did.
 However, once you start to see sales, all your attention is going to go into
 keeping enough product. That will require you to place larger inventory
 orders. Getting to the point where youâ€™re financed enough to make that
 transition can be tricky. In other words, managing the money side of this can
 be a challenge for first-time entrepreneurs.
 Itâ€™s counterintuitive, but your goal at the beginning isnâ€™t to maximize
 profit; your goal at this stage of the process is to establish the systems of
 getting product and selling it. You will optimize for profit later.
 A student of mine who was selling a fish oil supplement kept trying to
 find a way around the upgrade cost by switching suppliers. He was constantly
 looking to improve his supply chain process, jumping from supplier to
 supplier as soon as one would offer a slightly better price.
 His margins did improve modestly every time, but</t>
  </si>
  <si>
    <t>b'\xba\x9f/7\x8d\xddo\xe4\xe2\xf3\xf3\xe8\x9e|H\x1e\x94\x83\x91\xda\xe2RKq\xa9`y\xb5\xb9\x9b\x16\x8d-Y\xd7;\xc9t\xcb\xc1\xc3Vo\xd1\x9c\xa1n\x8e\xe3&gt;\xcd5&lt;\'\x177\xe0k \x9b|\xe4\xde\x9av\xc3\xd2\xda=L\x19\xba\xcb\xef\x96\x18\xf2\xde\xa5V\x8b\xb2p{V\x1e\xe6\xd2$\xcb\xafC\xeb\x1c\xbd\xd8\x8ap\xd28\xf3\x08b\xe0\rhZ\xd3b\xa9\x96\x8f\xcbn`T\xd4\xf8\xd6\xf0+\xc6\xcfj\x91\x81\'g\x1aF%\x8e\xab\xfd\x0fy\x89\x1c\x0f#\xdc\xea\x89|\xb1\x9aQ)\x07\x9c6S\x82\xb7o\xa4\xf0\x18\xc9{\x00\xf2\xcb;E\xc0y\xcf\xf7\xfa`_j\x0c\xf3\xa6\xe7\x1c\x1a\xde\xc8\xdcN\xf0b/\nD\x15\xc9j\xc1\x1b\xa7\x1av\x91\x19V\x0c\xa1\x18\x9a\x97\x00p\x87\xbf\xda\x0f^_,hi\xd7\x0bZ1\x1c\xf0%\x0e9\x8c,8\xb61Y\xfd\xea\x1a\xfa#\xc6\xb1\xea\xbaT`\xa5\x12\xf1\x1a\xef\xd1\x9e\x05\x81\x0fE\xc1_!\xe1I\xd0\xe6\x90\x07U*\x9a\xf2\x8f3\xeb\xc6^\xf4\x04\x1d_A\xde,\xd0_i\xa4\xf8.\xbb\n\xd9\x1a\x8e\xdf\'\xc13\x07$2\x05\xeb\xfc_\x81\xb0\xb3\x85\xe7\x83q\\\x8da*!\xb6\xc2\xe6"0W\x93\xc3@(8\xaa\xd8\xe7\x8c)\x80;D&amp;4\xbf\x86\x0c\xf9\xa7\x81\xda&amp;\x83L\xb6\xfc\xc51\xfbo\x14\xad\xeb\x94V]\x88\xb9\xb0)\xbd\x04=p\x04\xe3Q\x88\xd3Hb\xe5\xa5@\xe6\xb6m\xee\xb6\xd1X\x81\xe1\xb1\x9e\xe7\xfd\xdaD\xd4i\x8a-:\xb2\xb7\x86+\x9a^\xdd\xb5\xe3\x11d\xa2Fa\'\xd4\xb0\n\xae\xb0%!\x0e\xd1\xd6\x92\xea\xb0\xe8\x93Q\x9b\xe3\x13\xb0\xeb\xf3f\xa1c)"\xd5\x8e\xd0\x08\xf2S\x01\xd5\xd4\xfeT\xeeE\xa69\x07\x1c\xb0\xb91\xf5\xad\xc1n\xea\x8e\xef\xca~9\xf7\x8d\x9e\xe1k\x81q\xa9\xca\x87)\xe2\xb3\x17\xc5P3\xda\xd5\x8dD*\xa8c\x01\x82\xa6\x17\xa8\x8a\xc9No\xa1\x14Q\xe2\x0f\x9c\xef\xacl\x0fn3\xfa\xf4\xf4\xbc\x1e\xd9\x8b\xbe\x94\xa1(\xee\x87D\x9dC\\t_\r\x88\x9d\xed[\x8b7\x1c\xea;\x90h\xf1l\xee\xb6zY\xe9y\x9eF&amp;\xf4\xb88\xbb\xc8\xa2\xad/\xaan\xec;%\x94\xf0\xbe0`\x052\xb1\xd7\x03O\n\xbfV\xea\xf3\x89\xd0\x8dT#\x9d\x82{\xad\xe4#\xa2h\x02\xa6\xe1\xd7M\x95\xf2\x8b\xa9\xfe\xbe\x0b\x02\xce\x86Z\xac\xef\x92\xc1\x9b9\xf9\x19[\xea-*\x1f\xa7\xb8@\x856\x93w=\xb5g\xef\\#\xb2\xe6\x04\x81qLp\xcft\x13tO\xcdw!Q\xa3:\x18BI\xbf\x9e\x88F5\xa6\x11\xb2\xa8\xf3"\x10GX\xbb\x9e\xb0R\x1e=q\xa0C&lt;6\x9d\x06\xf4q\x10\xf9f&amp;\xfd/\xc9\x9c\xdb\x9b\xce\x93\xb4\x07e\x80\xc3\x8d\xcf\xf8\xdc\xef\xe2[\xf1\xd5:\x8a0,\x17\x93&gt;J"\xd8\x88\x8c\x8c\xdd\xbe\xe9\x1a\x14\x81;a\xf5\xc0k\xf3\xcb\x8e\x8a+M\x8f\xe2\nD.\xa0+\xf0u\xfe\x8051\xd6c( K\xc9\xcaz\x1a5J\xe7\\c\x9f\n\x11\x96S~\xa2XCS\xe5\xae\xa5-\xf5v\xa3g\'W\xce\xa0\x91\xe4,{M0\xff\x91r\xd1\xaf\xccB\xb7\xec\\\x1cU\xa2\xc9\xd6\xe6\xc3`O8\x99Q\x8d\x0c\xb5\x07\x18\x10hFX\xf3\xaf\x8c\x13@\x8d\x19\xc0\x82\xcc\n\xcc\x05a`\xe7\x8a\xfb\xb5p?\xe5\xec;\xe5\xfe\x82\xa7\xf3c?\xbf-\x9a\x1e\xc4##\xe2\x84@\x13\xb0\x03,\xa8E\xd8PH^\xdaK\x80\xc4\x7f\xcf,\xc1\x17_pWGV\xbeO\x92\x0cG!e#\x7f\xb7?\xc2\xf2\xee\xaaP~\xda\x13s\xa7\x1a\xee\xb6J?\xe6\xadH}\xfe\xd5?\xb9\x18\xdaK\xea\x9f\xd5S\xa6\xa1}\xdd\x1bL\xc1U\xf4\xb8\x9bu\xb04.\xea\x1c\xe3\xa8\xcfU\x8c}\x92\xb3\x1b\n\xa8dt*\xebT\xf3\x1b\r\xef\x9a\xb00\x958\xc4\xa8~\x16\xed\xf7n\x80\x8c\r\xfc\x96\x8d\xb4\xd4R\xa0Q\xbd\x0c\x8a\x99\xb4\x18\x01\xf6F\xd3\xe3r\x1c\x92\x88\x12q\x85\x057\x94&gt;X\xeb79\x15\x15\n\x9e-\xc4\xe5.\xc0I\xf1\xea\xc52\xb09\x9e!0\xe7r\x04\xc0{\x8f.\xf5\xf5B\xf0\x83\'D\x8e\xc9\x08\xa7\xdd+%\x02\xb8\xf1\x1c\x92\x1c\xcdK\xd3ks\x93\xf2&gt;\xf7\x0eI\xe3\xa0F\x8a\x9b\r\xf9\xb9\xd0\x1ewe\xfb.\xb0\xbbR\x04g\x98\xff\x8e\xe4\x11+\xd4\x19\xe3E\x1b\xe1q\xf8\xacYv\xc92\x0f\x1f\x1b\x1d\x15\x88\x00{i6\t&amp;\x80$\x05\xe1\xdb1\xca\xc9\xd3q\xc7\xfbv\xcb\xe3&amp;\x9cn|\xd7\x8fJ&gt;\xcb\x89\xc0S\x14\xe8?#\x1a\x1d+JW\x06w\x0f/\x99\xaa?D\xfc\x9eX\x8dXR\'y\xd54\\"\xc1Y)\xda:r\x95\x88U\xf2\xd8\x881\xd0\xc0s\x8e\x9dbW\x04\x98S\x8d\x08\xe6.E\x1a\x99^.\xa4~\x91\x80\xcc\xc3)\x02\x04\xd5\xf5\x14\xf6\xa8\x03\xa1\n\x03$\x07@\xd8\xf8fT\xa1\xd4\x1e\x94\xa4\xd5\x88=\xfe]}\x9c\xc6F\x9f\x95k\x85(\xd3\rQ\x1c\xe9]W\x8f\x80\x06\xd5\xec!\xf5\x7fz&lt;\xe4\xae\x8f.\xc8\x95R\xde\x007@)\x07f\x83!$DC\xd3\xdc\xfb\xc0\xf71W\xf4\xc2\x9cR\xc1\x81\x80\xae\xb4Sx\xa7\x91[\x12{\xc0\xa6\xd7\x91\x81\xeb6\x99%\x0f\xb7\\\xc9\xa2\x11\x85\x91\\\xcaT6\x1b\xa1\x9e8\x7f\x9e\xb3\xab\xf4\x953\x9b\x9fSli\x9col\x1e\xeeC\x18\xe6\xf0\xf8c~\xac\xc0\xee|l\x97\xe5\xd5\x13g&gt;\x1c\xbf\xad\xda\x10\x9c\x1e\x16\xee\xf1\xcaFsc\xda".sE\\y\xed\xd6\xe9\x9bc\xfb\x0e\xfcTGt\x83\xabP\xc1:\x1e\x7f\x18\x8f\t\xa5|0\x95\xb0v\xe8L\xd0\x1a\xdcuL\x9bl+XHE\xe3\xb4\x93\xe6\x11R\x93\xfe\xed\x06\xab\xa1\xbf\xcb\xaf\xec\xdd&amp;\xf3\x19\xf1\xbe\x9a\xe59.\xda\xbf\xfc\xfd?\xf6\x80p_\x96\xb4\x1a\xc4\xe4~n\xdaGV\xb5\x91+%\x1a\x03\x8f\x1d\xf8\x9f\xdb\xd9X\xa6\xfbS\xe3\xb9\xc5~\x84\x93{|\xc0\xb0\xb6=&gt;&lt;\x9d\xc6\xdc\xd1*\x84\xe6\xdc}\x1d\xbbr\tf\xc4\xef\xc9N\x99\xaf&lt;\xc8\xcf\x7f\x05{X#\xdfb\xd6\xd8\xf3\xa8\xe3\xc0\x83\xd3\x9d]o?\xb3\xcf\xa9\x83|9\x965)\x8c\x19\xb7;\xa7\xcf\xa6\x8f\x99\x1bW\xd3\x86\xd6\xbc$a\x19\xbb\xeb\x7f,C\xff\x11\xda\x7f\xb4\x8c\xeb#a\xd2\xea\xa4\x84\xe1\x12\x0e\x98#(p\x9f\xc6H\x8c\xe9\x87\x91\xc9\x8c5\xb9BG0\xf3~\xd3\xc28U\x0e\x93c\xde\xc6\xd86\xa8Q\x9c\xaf\xef\x10\x1d1L\xf5\x89\xfa\xb8:\x18F\xa3\xfa\xaf\xaa\x0ea\xfd:\xf3V\xdd\xc5\x82\x9dZ\x1b\x1f\x06\x17\x07\xd8zv\xbe\xf0\xb8\x14\x16\x9a\xb3&lt;aj\xb2p\x81w0_\xa1\xa2JT\x1a\x08\x11\xeb\xa8\xde\xe9xJ\xc4\x8c9\xd3\x93aA\xdcq0\xe6j\n\xc9\x06\xa2=\xdf\xa0\xf2\xc6Z4\x1dIj\xb1\xc1\x11\xb9\x15x\xd6O\xdc]\xaa}p\x8c\x05\x1a\x135\xff4X\xd9\\\xd7\x06E\x7f\xfa\xb0\xc9?\x05\xd7\xbe\x9a]O\xf9P\x1f35\xc5\x01\x15v\xe7\x1c$I&amp;\xcd\xf6\x02\x0e\x9f\xc1\xea\xaa\xb29\xb0\x87\xab\xdd\xa1{9nc\x08\xfc\xc3F7\xfcM"\xac\xb3!\xfeTv\xf8\xce3\xd5F\x82\xa1\xa2\xfcp\\[R\xf1`\x8e\xc2\xd9\xf8\xaa\xf58\x17\x8bg)\xc1\xb0\xd4j\xca\x80[\xfctE\xeb\xd1\xe13y\x1b,\xee\xc1\x91\x9f%^\xb4\xd6xp\x16\xc4\xd7\xc5r\x83\x10U\xae\x98\x89\\\x0b\xf0J.\xba=t\xb9{\xaf\x9f\xe6G1\\\xd5|\x80\xb3\xf0\xdf&amp;_\xd6\x9d{\xc1\xcf\x86\x07@\xe0\xe8&gt;YQ\x98\x952Gs\xb7\t\x0cA\xcf\xc7j\x82SP\xc2H\x91\x9c\xf33f\xd8\x82\t\xd7\xfc3U\xca\x8b\xc9\x82+\x85\x8c\x08\xc96\xd1x\xf3|\xc4\x08sK\x1c\x9c~r\x9d\x07hjU&gt;n\xf4\x02\xe91cA\x9b\xcd\xb1\x01\xe9C\x00\x8e\xe5b\x03xO_\xf0P\xd0u\xca\x1d[\xf0\xd4\xc9\xa0\x0f\xbc\xe4\xdb\xd8c\t\xa9\xb95\x83E\xedj5\xa3\xe8\xaa\xea\xab\x0f?\xbc\x98\x10\xd3F\x0cM7R\xc1}\x0b\x82K\x7fB\x8ezff\xfd\xd1\xee|\x82*\xc5Rx\xa3\xc2\xcf\xb9\'\x07w\x06\xcd\xde#\xd6SOQxa\xbc\xf5jJ\xd2\x13?\xc4N\xaeaEE\x95P\x8f\xfeQ\x10.\xf7\x9d1B+I\x957P\xcao\\B\\H\xd6\xf5l\x13\x8cy\xf7 \x0bUF\x93\x89&lt;=\x08\xaf\xc1!Ib\xa7\xbd]\xc4S\xf8di\xf0\xa3\x882a\x0b\x8e\x01\x91h\x88k\xe1\xf3\x96\x8a\x9e0V\xb6\xed(\xff\t\x01F\\\xea\xe3\xb4\x00JR)c\xf0\xcd{\x01\x90;v\x11-\xa7&lt;\x84\xbdX\xaa\xa5r[\xc3\x04Oh)C\x0b\xcc\x8a\x02\x16\x13\xe3Q\x88#\x01\x86=sC}\xa2\x86!`^\xa6\xdbF\xb7\xb5\xde\xfc\x08Pv\x82\x96z\xc1\xa4~\xe6\x19k}\xce\xbc\x19q\xd6f\x12\xd3pIo\x1a\x8a\x83\xd1`\xfd\t\xdc\xef%u\xeb\xfbI\xd5\xb6L\x90R\x8e\x1eN\x8bh\x89\xaa\xc8\x84\xb2IJ\xcd\xca\x90&amp;\xcbg\x9b\x92\xa9\x14i\xa7\x94\xe5\x87\xdbh\xdefcX\xf2\x05J\xaaN\x89\xb4R\xe5\xa5\x8fY\x04\xb4\xf4\xae\t\xdf\x01\xa0\\/\xac\x9a^e\r{\xb7Ro\xda\xb2\xce\x83\x8ff\xfe\x14\xb5:\xee`_\xca"\xa5\xcd!\xd7\x90\xefJ\x7f\xb2\x16S\xc8\xde\x91]\'$r\x8e\xa8$\xd1\\\\\xa8/\xf9\x9a%,\xca\x15\x95w\\\x15\xabI\xce\x1aLD2\xfdd\xa78\xf4\x81\xcb\xa3f\xads2\x97\xbf/\xa0_\x98&lt;\xee\x8aS\x9f\xab\x02\x19\xfe\x07yf\x03\xea\xd2\x97\xd6O\xd4\xf0S {\xdc&amp;(\xf8\xb8\xe9\xe2\x08y\xba\xc4\x8f\xb3\x8e\xbe,\x92n\x8eT\xf6\x18\x12a9\xbf\xc3\xe8\x08\xeb\x8e\xd5\xa5_a7\xcd\xa8\x0ew\xbda\xe5\xc4\x88\xb6\xbf\x02\xf2;\xd0\x88!\xe1Y\x05\xea\xbe\r\xc9\x0f$RE1\xf7\x7fg\xf7\xcal\x84\xa1\x15\x7fSo" \xb8\xdf\xf1\x96\xfc\xc2\x00\xde\xc4\xde1\x96\x83\x17\xaf\xcdE_u\x15\xdf\xf00\x13\xfa\xa6\xc3\x80\x89\xbc\xba8\x15\x9e\x7f\x82C\xf2\xf5 \xb3#u*;\x06/\x16\x00b1\x91B\x84\x83\xe1L\xb4SQ\x9dS\x7f\x99t\xf7z\x173\xab\x90x\xe5\xc1\x9bM\xc4\xfe\xbb\xaea\x83\x84wP\x18\x01\xc0pvo\xcf|\xf6+\x07\x9d\x1a\x91Z0\xd4yV\xa6\x89\xb7eW\x17\x83\xca\x99\r\xe7\xf6\xd0\xd6\xc92\xb09O\xf3\x8bt\xae\xa0V},9\x7f\x1c\xcd\xcf\xe9\x0b\x93\x8c\xa5\xf6s\xa4\xa8Z\x10\xd4"5\xe1\xddCmx\x14_P\xb2\xa2)\xb9\x93\x03\xa7`0\x9a\xa9\x90\xb7\xe2\xc4\xdf~c`\x0f\x086;j\xe6\xe6\xcf\xed{\xec\xfb\x9e\x1a\x15\xc3x\x9ec\xa9\xafL\x8f*\x9c\xf9(\x9a\x8b\xcey\xc1w\x93eM\x98F\xdb\x92\x94f5\x82[u\'\xaaI%\xc2q\x90!?\xdb~\x1fq\xc0\xf9\xe0`\x1c\xd2\x11\xb9\xc4\x9b\xe2\xc0!\xa1I\xac\xa4\x8f\x96\xbf/\x84\xb8nq\xf1s\xbc:\xd4T\xa3\x94N\xbe?]t\x12\xea\xb7c\xc4\xe7\x871yj]R\x87O\xae\x08\xef\xb3\xea&gt;\xbe\x90\xee\xb2\xd1\x8d\x84\xbc\xf83\xcb{c,!3\xd4\x17\xe4\xf31\xa6\x865E\xe4a\x91\x7f\xf3!\x1d\x8c\x94Q\xa5\x81Q\xc2#\x9a#\xf9\xdbVz\x88lj\x86W\x95\xf0\x9d\xd9\xear\x05\xf8o\xb1&amp;\x11K\xc0\xb3\x07\x1e:Q8\xb8\x82&gt;\xd8\x1b\xce\xac\x17\xa6,7\x07N\xc2\xe2&gt;\x16\xab\xe0\xf5\xf3_/aD\x9b\x08\x16\xb2G\x86\x04="\xe2A\xe1\x82\xbf\xfc#s\x11\xc3\x06\xda\xe2\xb6\x1aA\x80E.\xc7\x9c\xe9\xbaX~\x08\xf6\xc8\xa2\xf6{a\xa5\x90\xab"\xfb(\x1fW\x1d&gt;\x0b\xf0,7f&lt;\x83\x8b\xa9\x00\xf9\x8b.\x11\x8c\xa7\xf6\x93A\'\xb0\xaf\xb5\xae{"\x1fi\x1f\xd55\xb0\\\x9fz\x93&lt;w\xf0\xe1\xbb\xf9t\x83}\xf8\x83L\x89\x85\xcd\x82\x7f\xdc\x9fr\x90\x8cYd\xa6\r\xb7\xdd'</t>
  </si>
  <si>
    <t>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</t>
  </si>
  <si>
    <t>b'\xba\x9f/7\x8d\xddo\xe4\xe2\xf3\xf3\xe8\x9e|H\x1e'</t>
  </si>
  <si>
    <t>a reasonable plan to invest more money, then you can
 present your opportunity to an investor. While youâ€™re shopping for a good
 investor, you can fund the business with small microloans from companies
 such as Kabbage.com and UpFund.
 If you donâ€™t know what route to go, donâ€™t go into debt. Raise your price.
 Focus on higher profits rather than acquiring funding. When in doubt, wait.
 Make a list of investors who you might want to work with, and tell them what
 youâ€™re up to. Then, take the time to allow the opportunity to present itself.
 Maybe you meet an influencer along the way, and you know that it will cause
 inventory constraints. Perhaps you get picked up by a major news outlet, and
 it puts a strain on inventory. Thatâ€™s when you make the call to your investor
 list.
 Above all, focus on sales and proving your product. Most people are
 waiting for money so they can make a move. In reality, they have it
 backwa</t>
  </si>
  <si>
    <t>b'\xb8~\x12\xe39\xfb\xce\xd8\xb3\xe9\xd8&lt;\x8f\xea\x14=$\xd6\n-s+Q\xc5\xd9\x84\xc7\xef/@\xe4;9 M\xeaw\xbd\xed\xa8\xe9=\xcc\xcdgo"\xf0\xb3`\x0e\xe3O\x95\xac\xb1d\x91\\~k\xcb\xf3qv\xeb\xf0\x9c\xeb\x1b\x00U7\xab3O9\x89+\xf3gS\x03c\x7f\xecF@k\x9e\x8a_\xd1\xfefd3eU6\x01\xae\xaecT\xf9e\x1d\x88\x0f\xe1\x1d~T?,\xa8\x14\x10\xb1\xe2\xef\xde\xc7XZX\x98\xefw\xfa\xa4X\xe7\xe1\xdf\x9f\xf2\x98J\x1c\xe4q.p\x08\xb1\xad\x0cuH\xa2U\x94\xb1W_K\xd2G]\xc1\x1f\x1c\xafw\'\xbb\x18A\x98\xe5I\x87\xf4&amp;_}\x1aJ\xe4:N\x06_\xc5\xa7\x82\x8etH4\xfe\xd8\xdbw{\xee&lt;\xee}4\xc0\xcb\x94\xa4\x0f\xa8O\xe5\x0f\x83{0\xe03\x19X}\x04N\x8a\x8eP\xd4Z\xff\xae}\xbb\xf8\x16\'B+\xfd\xe3\x1e3Sv\x10\xc1\x1f\x8dU0\x7f\xea\x1fn\x90\xf4\xfa\xd6\xc9\x1d Es\xc2_\x004\xe1\x87\x8f\r\x0b\x05jB\xa8\xf1\xed\xdb\xff\xd4\xd4\x9eW#&gt;\xbdl\xcc\x99\xf8F\x16B\xf8U\xdeQ\xd8J=\xb9\xfa-\xec\xba\xa8\x83\xf5\xdd\x19\xa3\xd1f`Atr\xe5\xe0+\x87pw\x839i\xdfO\x86\xfa\xb5\xa1\x9c\xd0E;\x04\x84\xfe\xb0\xb7r\x1eNe\xac\xeaa\xf4\x8eZ*\xd7\xc7\x1b=\xb1_\x8e\xe0\x1c\xe9\xbd2\xb2E\xcb1\xbe\xaf;\xd6;\xdd\x82\xe5E\xe6iY0\x17\x8d\xf9\x88\xed\xac6\x1a\xcd\x0b"\xa3\xa1g\x0e\xfc\x16\xf6~\xe0^\xad\xba\xf8D\x8b\xdf\\\xbf\x83\xb9\xe5"\x9e\x80\xb2\'H\xb9\xbe\t\x86\xc0\x10\xbeE\t\xfa\xc8\xfa\xc4\xf5\x98{\x9c\xcc\xbb\xd1\x97\xbe\xb9\x14k`7\xcf\xd0\xe6\xb2\xd5\xd6W47\x84\x07\xbc\xfc9\x98\xbc\x897\xc9\xe0IG\xe78\x13\xcd\xdbV2f\x81\x96\xd3\xa85\xd3a\xc5nS.@bJ\xdd\xda\xfaW\'\x98\x01\xca\x88\xb2qp\xf0\x18\xd8n\x8c\xb8\xc2*7\xd90ds\xeb\x8ftG&amp;\xf5K\xc2\x84\xe0\xb5\t\xf1\xe1:\xfe\x12\xd04\x1d\x93\x03w\xa2\x1e@\xf62K@\xee=Z\xb0\xf2\xc7\xa6c\xcb\xd8\x1e\xb46\x1c\xe2\xdd\xde\xde\x12\xdf\xf8\xdc\x1f\xc8\x0c\x88\x80\xe8\x89be\xb6\x88\xf6Z&amp;\xe7|323=C`S\xe22~\xb4\xdf\xe2\xca#\x96@\x8c\x91F\x9e\xf0n\x11\x0f$oMz\xd8\xd9\xfe2\nK"#\xea\\\x81\xeb\xd77n+\x1e\xc8\xad\xed*;\xb4\xbe\xaa\x90\x12\x071s\xea\xfa\xb4\x83\r\x033\n4\x7f\xe3\xc7C\xa5\x00\x9dT\xb0\x03\x87]\x97\x0f\xbe\x88)l\x01T\xd2\x18D}\x89s\t,iS\x13\xb8\xf1\xcfF\xbf &lt;[\xc6\xe0!\rT\xbaq-\x07(\x8e\x02\xf3%\x94~&lt;\x81jg\xdb7}\xbc\x9b*p\xf4a\x8dZ:j3\xcf\xe18^\xc7\x93\t\x80kG\xd1j\xd8,Q\xf8n\xea5\xe9\xe7\x8b\x8a\xf5n\x05\xb9\xfd\xeb\x19AT\x8a\xf2\xab\xce\x8e\xca\x9c5^\xebw\niP\xc0-\xf7+6\x14\x9e\rN\xb2]\x03q \x87 \xab\xe1\xa4y\xd0@\xea\xear\xb18\xf3\x82\x9b\xac")_\x9f\r\xee\xec\xe3\xdfS9go\xf4\xedO\t\x8fc\xd0\x89J\x8aTh\xf9x\xf2\xc4\xac\x0e\x8e\xc5\xfc\xf6\xc8\xf4r\x94Nc\xd477\xcd;\xcb\xdb\x11-\x0c\x8a\xda\x1fr\xc8Q\xd9\xbf\xc4\x99\x9d\xc3\xbcn\xc5\xdc\x9e\xf9C\x94\xdaw\x02t9\x03\x04\x16\xdf\xc7\x89\x16\xc4Nl\x87\x19\x04XS\xb0\xa0{\x95\xa6\xa6\xa3\xba\x1c}\xf2\x81\xb1\xe1\xd5\xb3\x7f\x8bz\xe66\x1a\x84az\xa6S\xc2xbmg\xd9\xc6\x95\x92\x99'</t>
  </si>
  <si>
    <t>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</t>
  </si>
  <si>
    <t>b'\xb8~\x12\xe39\xfb\xce\xd8\xb3\xe9\xd8&lt;\x8f\xea\x14='</t>
  </si>
  <si>
    <t>efore us."
Mary stood up and tried to keep her eyes open while Mrs. Medlock
collected her parcels. The little girl did not offer to help her, because in India
native servants always picked up or carried things and it seemed quite proper
that other people should wait on one.
The station was a small one and nobody but themselves seemed to be
getting out of the train. The station-master spoke to Mrs. Medlock in a rough,
good-natured way, pronouncing his words in a queer broad fashion which
Mary found out afterward was Yorkshire.
"I see tha's got back," he said. "An' tha's browt th' young 'un with thee."
"Aye, that's her," answered Mrs. Medlock, speaking with a Yorkshire
accent herself and jerking her head over her shoulder toward Mary. "How's thy
Missus?"
"Well enow. Th' carriage is waitin' outside for thee."
A brougham stood on the road before the little outside platform. Mary saw
that it was a smart carriage and that it was a smart footman who helped her in.
His long waterproof coat and the waterproof covering of his hat were shining
and dripping with rain as everything was, the burly station-master included.
When he shut the door, mounted the box with the coachman, and they
drove off, the little girl found herself seated in a comfortably cushioned corner,
but she was not inclined to go to sleep again. She sat and looked out of the
window, curious to see something of the road over which she was being driven
to the queer place Mrs. Medlock had spoken of. She was not at all a timid
child and she was not exactly frightened, but she felt that there was no
knowing what might happen in a house with a hundred rooms nearly all shut
upâ€”a house standing on the edge of a moor.
"What is a moor?" she said suddenly to Mrs. Medlock.
"Look out of the window in about ten minutes and you'll see," the woman
answered. "We've got to drive five miles across Missel Moor before we get to
the Manor. You won't see much because it's a dark night, but you can see
something."
Mary asked no more questions but waited in the darkness of her corner,
keeping her eyes on the window. The carriage lamps cast rays of light a little
distance ahead of them and she caught glimpses of the things they passed.
After they had left the station they had driven through a tiny village and she
had seen whitewashed cottages and the lights of a public house. Then they had
passed a church and a vicarage and a little shop-window or so in a cottage
with toys and sweets and odd things set out for sale. Then they were on the
highroad and she saw hedges and trees. After that there seemed nothing
different for a long timeâ€”or at least it seemed a long time to her.
At last the horses began to go more slowly, as if they were climbing uphill, and presently there seemed to be no more hedges and no more trees. She
could see nothing, in fact, but a dense darkness on either side. She leaned
forward and pressed her face against the window just as the carriage gave a
big jolt.
"Eh! We're on the moor now sure enough," said Mrs. Medlock.
The carriage lamps shed a yellow light on a rough-looking road which
seemed to be cut through bushes and low-growing things which ended in the
great expanse of dark apparently spread out before and around them. A wind
was rising and making a singular, wild, low, rushing sound.
"It'sâ€”it's not the sea, is it?" said Mary, looking round at her companion.
"No, not it," answered Mrs. Medlock. "Nor it isn't fields nor mountains, it's
just miles and miles and miles of wild land that nothing grows on but heather
and gorse and broom, and nothing lives on but wild ponies and sheep."
"I feel as if it might be the sea, if there were water on it," said Mary. "It
sounds like the se</t>
  </si>
  <si>
    <t>b'&lt;\xb4\x03\xf8\xbc\x86\xec\xe8?X\x81U\xce\x0etn\x1d\xe96(4\xa4\xdf\xb2\xd8\n\x00H\xd08\x12.\xd6G\xc3|Y\xb8tt\xd9\xbb\x03\xbf\xbb\x95\n\xd1\xda`G[\xc9\x94\x97\xe6\x87\x9a\x16\x8e\x82N\xb1.\x9cb^\x99\xb8\x86H\xe4\x9a\x1a\xddA\x15;\xdfR\xbd\t\xf3\x90r)o6-CW\x9b\xbd\xd6\xdc\xbf\x98a\xe8\x11j\xf6\xd6C\x89/\xd4\xff\x85%&lt;E\x08\x18\xc4\xb1\xa7\x88\xa1dz\x12\x98rE\xda\x03z \x18\xaa\xa5\xe2\xa6\xe7\x9c\xe8\xc4\x81\x04\xa0(\x01\xf0\\\xea\x98\xed\xeb\xaf[\xe4\n(\xac\xc6i\xfb(\x91\xad\x90\x8c\xf5&gt;\x9e\x90D\xfc\x1b\xee\xa2P\xb6\x0b.I}%\xfc]\xcc\xb6\x83Yo\xa7I\x86\x05\xcd\x9a+\xe1j\xd9\x86\xea&gt;\x95\x1c\x1b;Z\x04\xbeW\xf1\xae\xaa\x12\x9e\xf3\x18\x11\xd2]f\xe5\xd8\x1d\x95\x1c\x1aF\xd5\x89\x0f\x07\xba\xe2d\xe0\x90\xbd\x9d`t\x04\x04\x8b\xd5\x19R\x1c\xdfWs\x9bo\x13\xf8`\xf18\xe5\xfa\x97\xc0I\xe3\xba\x1c2*\xc1\x89\xe20V\x97\xe7/Wa\xe1\xfe\xd1\x96\x1b\x99\xb8\xd5\x82\xe5c&lt;\xa5\x92@\x03h/\x83\\\x9a\xbeO*\xccG\xb8\x05[%\xb1\x84m\xbb\xb9\xe9\x85!\xb0\xf5\xc1\xce3\xdb-SfUN\xc3\xe8\x03\x8a\xd9o\x1bR\xb9:\xe6\'J\x13D\x89\x8e\xbe\x92_\x9c\xc8\xc4\xa31\x17J\xc2\xf6[\x07QM\xe3\xeb\xe6D\xf6a\x86\x91,\x98\xa9y\xc5\x92\r\xd8\xaal\x9fv=sU\xf7\xa5$W\xa0\xbf\x82L\xc7\x133\xdc\xc5]E\xbb\xd8\xe18\xd2\x12\xd4\xfcW8\x8c\xfb\\\xbf\x89\xba\xc9"\x03\x1ew\x8a.\xbfZ\xd4\x86J\xf4\xf9\x13\xcf\xd0&amp;Xh=\xcc[\x0b\x9d\x83\xc2\x89mbEXE\xc2C/\xe0K\xd5\xa5}D\xcf\x92U\x005ysl\xbd\xb9\xe8\xe7\x9e\xe1Wi\x07\x95\x88\xcf\x0624\xecz\xd9\xc9\x11\xa2\xf8\xdd\xd5\xc7;\r\x91\x86\xfaL\xc5\xc0\x12U|\x80%9w\xfe\xc1\x07\x08G\xcc\\\x84\xf9,+T\x8e=|\x06\x00oz\xff\'\xc5\xb2\x8f\x7fL\xb3\xb3\xddL\xca\xbcU$\xdfk!\xed\xcd\xc8\xde\x0bAP\x105\x16"\x1e\xf9\xfb\xa3\x03\x1a\xc0+\x06}\xe6\x1a\xd6\xf5J\x7f\xd0\x02\xda\xeb\xe6b\xc6w\x90\xec[\x8e\xf45\t\xfa\xc9\xe5Cv\xe3\x0f\x9a\xb9\x0e\x8e\xbez\x16\x97\xc8\x06\xa9\xca\x1au\x1f\x13\xc1\xcb9L\x97\x1ayx\xc5\xd1\x0b2/F\xee\x05\x98cP"\xb6\xeb\x8c\x8f\xf1{u\xebr\x16\x88WVCn\xbb\xf4\xbb\xcc\x0e;\xa1eP\x90\xcd\xc0\xdc\xa7K\xff\xb1%^C\xac\x8d\x94\x00\x87\xd8O\xad\x00E\x06\xb0@\x17\xfa\xea\xd8\xa4i\x97\x13\xdf\xfdu\x9b&lt;\xf0\xc0\x8f&lt;\x9f\xdc\xcf?\xd05U\x90s\x07\xf5\x88\x1a\x93/!rv=&amp;\x89\xe5\x8e\xac\xe5\r\xcb\xf68(\xdb\xe8\xba\xac\xab;\xca%\xb1R\xe7\x1c\x0cD.Z\xa8iX\xf9\x0e\xb6\xcfA\xdd+\xde\xb4\xd4\xa6[+=\x05\x05\xc8^8\xff\x13*\x8f\xf5\x1d\xc8\xb4#\xc8\x07\x9c\x1fSJ\xa6\xf9("%4nbsF\x08\x94\x8d\\\xd2\x93\xb9\x8aL\xde\x83\xb4\x05\xf8\x1f\xf0\xdc\xe8\xe8b\x84\xfc\xe8\xac:\xb0\xc2\x07%G\x86\xf6\x06\x8f\x95|\'\x10\x94\xf7d\x8c\xb3$\xb3c\xd4\xb9\x92&gt;_\xb5\xfb\x98\xac\x9e\x97\x01\xfa[2}\xdfRMo\xb4\xb1$\x93\x10\x9a\xcb&amp;\xa4|\xf1\t3\xdfD\xd9\xeb\x90\x18f\x9c\x83B\xfbno@o@P\x7fY4I~#\xc0\xb6\xe9\xf0z\xb2\x1ed\xa5"_2\x04\xc4\xb6\xfe\xbd\xf57\x93\xf7\xd7\xe7\xd6\xeb\xb5\x10\x12\tk\x96^\xe4:f\xef\xf8I\x1f\x035\xe2&amp;\x87\x93\xe4I\x0cH\xb2(\xf6\xaf\xc8\'\x07\xd9&gt;\xf3\xbd\t\x99\x1bGsjA\xee\xcb\x90\x8dt\xb0\xb8\xfd\x0b\xf5i\xd7u\xdd+P#\x8d\x1bL\xc7L\x9a\xf6X\xf5\xd1N"`\xf3\xacfWS\x13\xf3=\xdbf\xcbX\x12$\x00\xf9\xb3AKt\xf1\x055\x16\x059;\xcb$"7\x89w\xff\xe8\xe5!\nU\xf5\xcec\xc5#\'\xe2!\xa0&amp;\x92\'T9\xd8#\x10\x85\xed\xe6\xacp\xe7\xce\xder\xfc\xbf^\xfd\xb4Z\x99F\x8dKl\xe0BProf\xa2/\xbbn\xdb\x80B{\x7f\xc7&amp;O\xd2L\xb0\xa2\xca\x10m\xebL\xe1\x1e\xf5u\xc5N\xd2\xda\x99m6\xde\xbc$\xd4\x0c\xbcfC\naU\x0b\xbf\xc8\x95\xbafE&amp;&gt;\x0e3\xb3\xb6\xbc\xcfu\x08\xf4\xc5\xd9jo\\a\xbcz\xcfT-FX\x7f\x12\xd1\xd2\xca\xec\xb4X\x84\x9aW\x11Y\xfexC8\xdb\x18\xe5\xbe\x10\x9e\x02\xb6\xa8\xa0L\xcc\x93\x17\xb4\x8a[\x92\x1e\xe5`#\xc5\xc3\x1e\xf8K\xa3\xbc\xb5\xa8\xe3\xea\xbdu`\xdc\x0cd:\xfb\x99\x96\xc2\xe4\x189\xea\x87\x06\xf6i\xd4\xc7!\xa7\xc5\x87G\xd9\x9ab|\xaa\xe8\xd2\xc1{I\xe9.\xa0\x9b\xc3\xfd\x02\xb3\x8fl\x1f\xd0\\\xad\xbd\xde\xb5\xfaN?\xca.\xf4.!"i\xb7jh1\xf5L\xecn;\xf4#\x9a\xc0\x01-\xafN-\xc9\xd0(`\xfab\xa3\x9c\xba\xe7\x95\xe8\xc8m#1\xde\xa7d\xfeP\xae\x0c\xd1\x88V =i\\p\x92\x93\xc4\x94\xa1\xb0\x90^/\xbf(\xb4\x8e%\xd5U\x8em\xf0\'d\xf7\xfd8\xe2\xf8J\xac\xd6=V\x04\xd9\xfdB\xfd\xed\xa5\xf7\xc14Tx\x02e\x8c\xe1\xe3\xd1[\x0f\xc9\xf3\xf0\xa3Wi\xe9\x7f\xc0\x00\x99I5\xc5E\xce\xf0^\xf8\x9dcyR\xea\x96\xbfC\x1b\xf9\xa2 \x04s\xc1\xfc\xd1\xb9\x0c\x14\x18%\x8b~\x00Z\'\xd2\xc3!|\xdf\x83\xaf\xe6{\xb6\xcbLk\xe2E\x14\xb6\x98\xbe\x1eT\x1b\x06N\x02=\xbd/\x8d\xf7\xf4\xca\xdb\x9c$`\xee6\x93\x9biE\t\xea\x81\xa1\x92\x07\xc6h\x02\xa0\xf8\x14\x07\xee\xbfdq\xc1he\xc4\xf0/\x01W]\xdb|\xf2\xaa\x18u\xa9\x0chM\xfd\xe8\xec\xdd\xd7\xe9.0v"\x89&amp;O\xaf\xa5\xc6r\x17\x91W\x1d\x980P\x7fRF\xf8\x81\xe2\xc3\xa7fg\x96v\xc8\xf7a\xaf\x9f\xae.~\x0ce^\x9d\x92U\xe1Gr\xb1\x86\x13\xedLZ\x8f\xf9\xc0\xd4\x9a3:K\xe9\x15\xa3\xe5U&amp;m_ENw\x81Pq#\xc1\xe5\x9e\x95a\xe7H\x96\xe2\xde\x00\xdf$\xfdV\x06\x0bz$\x84\x92\x1c\x0c@\xe3\xccO?\xe9\x1f\xbbg\xc0x\x81J\x02+WV\xdd\xa7y\xcf\x90\x82&gt;$?\xa7\x00?\x95\xf5]\xd4\xc5}E/\xa5\x991\x8c\xd5Nb\x14\x9e\xc08\xb8\x9dJ\x9e\x10\xa8q\xc7\xe2\xacJ\xf3\xccW\x98\x96\xe8\xaf\xde\xc9\xeeQ/\x10\xbd\x9c\xd2\xdd|1xOa\x9d\xfd`\xf3\xe2\x8c(\xabJf\xe3?\x05\x16l\x13\xf7ZOM\x01\xfb\xc4p\xf0F\xc6P\xfc\xf7K\xafE\x08\x85&gt;\xea/\x1d\x84&gt;mT\xfd\x01\xf3\xbe\x1c&amp;\xcb\x08\x12F\xd6&gt;\x02U\x00\x0b\x0e\x00i\xbe\xecT{\x94_\xe6\x8c\xf9\xc9\xfe2%D\x08{:\x0f\x81\xa1\xc6\x1e\xe6\x97Y\xce\xa7\x11\x07\xa9\xcdU\xef\xaeK\xb1\xd1\xc5\xfb*\xdd\xd16 \xdc4\xf8\xc6\x16^\x80t\xa3"^\xce\x1f\x8a\x92$\x9c\xf0\x0bt\x0b:\xbc\\Ez\xc0\xc1N\xfb\x95\xc3x\\\x0cm6NR\x81\x80\xac\xf2\xb1[\xed\x1c^=k\xd1m#\xaf\x86\xe4\x8d\xa1s\xc6\x1a@\x99t\x93\xebk\x83\xbe\x9d\x7f\xa7\xc0\r\x17L\x00B\x1b\xf0VZY\x98\x98\xe9E\x14]\x10\x999\x11\xab&lt;\xea\xc4\xc1\xd9\xc4*N\xa9\xc7w.G\xe8\xd2\x1e\\\xda9\x0c\xdf\xecloxF\x9f\x00\xa2H\xa4\xe7\x12\x03;\x7f\xef&gt;\x03\xe3E/\xa8\x88\xe3$EB\xe5\xa4\xa3\xb8-\xbfg\xb5\xc4\x1d\xcf\xe5\xa3\x1e\xf1Mh\x96\x08\xa4\xff\xbf\xca}\xc9F8B\xda\t5\xc3ea\xc7\xc0\n\x1d\x9be\xa5*\x84&gt;\xe1\x97\xe1mM\xf7\xd3\xbb\x07\xf1\xc8J(\xabY\x98\x9a\xc7w\xb3^\x01\xf2\x94\xc4\xa6\x0c$\x15\xef\x01\x00\x10F\xc5\xbf\xef\x02$s&amp;\xd6\xbe($\xdd\x87\x82\xb6\x8c\xefq\xb4\xed\x81C\xed{\x10s\xbdGe.\xda\xad\x00!)6L\xf6\x8f\xe5\xae\x1eB\xcd\x9faV\xab\xbc\xe5\xf4\xee\x05\x88\x1boNU\x07v\xae\x81\x9d\xed\xfa\xa6\xef\x01=hzn\x92\x9dK\x8ek\x80\x9e\x15\xcb%\xb4\xddN\xdb\xb3\xe9\xf2\xe1\xc4\xaa\xde\xf2EIxk\xd4*\xbb\x16~\xf6\x1a\xd6\xe1\xda\xe8L\x07\x06`\x99\xf6P\xean\x0ek\x00\x11g\xf3\x07\n:\xfd9b\xd5\x95\xcf\x80z\xed\xa9\xe6\xa7\xf4c\x92\x9e\xabk\xc1\xe1\x0eS\xe8z\x96\xde:\x07\x99*\xc2lyP\xc7]\xab\xe3 \x92=\xfd\x9d\xf2K\xb7}\xc5"6\xae\x93\t|#U\xe6_\xdaM&lt;d\xceV\xf5\xce\x9b\x80\x00?\xa2\x82G\x9d\xe9\xbaVg\xd1\xdf\x05y\xa3\xd1\'K\xdf,:\x9fK\xba/\xa4W\xbe\x99\xf2\xb0\xce\xf1\x17&lt;\xaf\xa8\xd8\xd8\xc7H\x86sb)/\n\x96\xea\xf1\'\x82\xb0\xc4EkOb\xd1\x87\xa5\x14z\xdd\xc8\xe4\xab\x01\xe3c.\r\xd5\xca\r\x1b\xc3:\xb5\xd6\xc6:[\x8aZpy4\xef\x83!\xbe\xbf\xf0c\xf4\x00cL\xef\x94\x1e\xa2\xbd\xbd\x03\x1d\x89\xcaD\x17#\xba\xd8\xa2\xcc\xc5,\x00\xc0\x8b\x99\xba\x06\x02\xee\x03\xc0\x02\x86\xd8\xfb\xc1\x00\xcai\xe8\xdf\xdd\x91tK\x8cU\xdfK\xa6\xa7\\5\x8bP\x87C0\x1d\xdb\x92Dz$\xcf\x01}\x0e\'\xcbp\x80\xd8\xf6\xb6&amp;\x8cV\xd5&amp;cw2E\x1f\xb1H?\xebl\xf9A1-Z\xf6F\xca7\x9f\xe2U\x8d\xf76\xe7\xff\xccRoE\x8b~\xc9,\x9e\xc3\xc0\xf8\xb7\xb7Ff\xec\x13\xbdE\xaf\xa2\x1e\x8b|W\x96\xe2\x02\xd6\xab-u\xb9\x17,\x8dA\xa5\x0f\xcb\xa2\xb0\xee\xf1\x13\xae\x96M\n3\x0b\x96\xeci\xa2\xfd\xda\xee\xae\xf67|\xec\xfa\x8a\xc6\xec\xf4\x9d\x1e"O\xf9}\x15\xb8\xfa2\xca\x8a\x9e\xecgq\xb7\xb7\x03\x14\x8e./\xad;\x02(\x83^\r\xd1r\xc0}\xdcM\x0em\x04A\xbc\x1a\x93\xc4\x9c\xcb\xf9\xae9\xa1\x9cT\x15\x11U\xfd\xb6L\xed\x94\x9b\xd2u5\xfb\x11\x80\x03\x95\xeez\xdc(\xff&lt;D5\xb9\xf2J\x1c\xdc\xe5\x07U\xf7;d\xab\xe4\tI\xa1\xf6\xc9\x8d\xb3\xa1\x10!\xb0\x8e\xec\x88\xedP\xcct\x145\x9b\xfa\x9f\xd8Y\x84\xd0`?"\xf45\x9b\x8ca\xa0U\x82E\xac1\xa6\xb4.\xef\x10\x86g\x950Xz\x13\xd5x\xfc\xadjBg\xeaj`\x80,\x85\xaa$un^G$]\xa5\xa0(\xcc\x8a$\xcb\x89\x19\xd3\xc9\xc8\xd7\xf2\xf2Ao\xcd\xc1\x81\xed\'\x9a\x13w\xa1\xd6\x80\xa7\x997j5\xb4\x8d\xfd\xae\x00\x83\x8a"x\xc3\x01\xbb\xf2\x9b\xa22\xa1\xa4\xdb\xce4\xd47\xfa\xa9\x8f=\xb9:\xa6\xc1Z8\xe0q\r\x1f\xd9\x9d\xd2\xb2x\x12\xf7\x8dd\x03\xf6\xf6Sy\xb2C\x99\xf9L\xb8R\xe8\xef\xff\xe8\x05\xcc\xf8\xfb*{c\x96\xd1\t$\xafYs{\x9a\x93\x81\xf2\x94\xd3\xef\xa4\xfb\xaf\xaf\xf6\x04\xf8\xc3\x93\xd6\x8f\xec\x90\x06&lt;\x0fy\x1a\xec\xc4q?\xea\xf4\xa2X\x95\xac\xbf\xc9K\xd7(\\\xc8n\nd\xd6\xa9\x8a\xcdvRX\x8ew\xec\xfd)|\xb3\x16\xbe\xe4;\x18\xf3@\xafU#\x87\xf7\xd4\x9b\xa4\xbdr\x1a\xb0\xe3}\xf0\xc5\xeb\xa8vk\x9e\xab\n\xf6@\xc5\x08\xf7\\M\xfa0\xbd\xac\x1dB\x08;%A\x9a\xc1H\xf9\xbc\x89\xa9\x9f\xe2\xda\xfc\xa5\xa2|\x80\x0b\x0cL:\xbfw|\xf6\tJ\xa6\xcf\\\x08\xc6\xf1~\xd4\xf3\x18\x8aH\x82\xcd\xdf\xab\xa1\xe8\xaf\x99\x81.\xd6\x12\xbcW.\tR@\xba\x9b\xb9\xd0fy\x9e\xd2@E\xe2\x1c\x82\xba\x1b:\xd5\xaa\xc4\x80\x82\xb0s\x10\xf3\xee\xd8\x97\xce\xb7&lt;v\xb07aY\xf9\xa9wtC\xde\xb6\x17\xe0R\xee\xd3\x9c\x0b\x95_\xaa\xf9\xf6`\x994&amp;\xb8#&gt;\x87\xfb\x12[\xe3\x1d,\xdcu W\x08&lt;yq\xe8{\x9b\tm*\xba\xf9\xb1\x0f_\x805\xf5\x8eF\xfb\x1bH\x89\x14&amp;\xd7\x9fE\x87\xcc{\xd1\x87O\xe5\xe8\xd1\xf4\x82q\xca\x928\x06bH\x93%X\x9d\xb3[\xd3\xdf\xe6\xd4k\xd3\xda\x97D\xfc\x96\x7f~\x99\xc0\xc6&lt;([\x9f\xec\x8b*\\\xb5\xf9/\x044[\xc2\xa1\x00c\xd8\xd2\xb3\x8d\xb1J\x90\x1b9Q\xfeI\x04\x18\xf5\xfc+\xc8\xb1&lt;\xcby@`\x02\xe4O7r\x84q\x13\xac\xfc\xeb\xaa$\xda\x86\xf5e2\xd7\xef\xea\x89\xfe"\x04*\x82H\x7fC;\x13\x04\xfb\xe4X\x95w\xd3\x90*\x07-\xc4K|\xf2\xcaq\xf1\x88/\x84\xe8\xbbY\xb2zV\xce7t\xe8)5\xef\x14U[FP\x17\x8cv\x11q5\x1d\xcf\xacC\x1c7b^\xc4\x9c8{\x17\xee\x98\xd4\x98\x90\xe6B*\xbb\xa4@\xc3\xa8&lt;{J\xc6&lt;\xd7\x0e\xea/\t&gt;\xe3\xf3\xc2@\xbd\n\xc4\x9a1:t\xae!\x87\xf4p?\'*L\xa5\x97\xd8\x02\x9f\xfcd\xd0)\x0f\xee*m\xedB\xe9\xd7{\x10F\xec\x18\x13\xe8~\xdat?\xed\xf1\x1b\xbd\xde\x9b\xf4\xcd3F\x1a.9a\xdf\xcb\x12\xb2+w\xbd\x98+1N\xe9\xe0r\x96\x06\x11\xaa(G\x99\xb6\xd5\xfb\x92\x88H\x0e\xe0o\x8aX{\xc4\x92\xbd\xef\r\x03\x1ayf\xdd\x08\x96\xfbS:\xf6\x01\xd4\xd2\xdb\xb2\xb3\xacI\xde\xf2&amp;6"\xcd\xbb\xeb\xeb\x01\x91\xbd\x1d\xc5n\x81\xf4\xb8\x1bW\x10\xb1\xfc@\xa5\xb6\xf9\x80\x052{4\xf1o&amp;\xe9o\xaa|\x1a\xb0\x12\xc2\xebOv\x1em~.\x99\xf09L&lt;\xa9c\t\xf8\xcb\xe2\x15V\xd5\xcd\xbc\xa80\xb1\x9b\xf6\xc4\x16a&gt;\x1e\xb9\x9d&gt;\xcc4j\xc8\xc1t\xe7\xb6B\xcb\x1a[\x1fQ\xcddAc\xff\xd2i\xd4\x96\xf1\x12T\x01\xc5\xd5\xa1?Q=\x8aOn\x163\x84a\xf4A\xd0U\x12\xff\xf5&lt;"\xf0}|s)\x1d\x1c\x9f*v\x9c\xa9R\x1aO\xcd]R+-\x1d\x06\xbc\xd2\xa4\xacIU\xdb\x8c\x95\xe7$\xbe;\xc6\x9f\x9c\xf2$\x9b\xa2cjE#s\xac\x18&gt;\x01\xf9\xfde\xe6\xae\xca\x175F\xdb\xa0\xd3\xfa\xa9\x90\x863\xb4,8\x89\x0e\x13\xc6\xc5\x81\x81\xf5bG;\xc4a\xf5\xce5\xcd\xf2l\x11\xe7\xff\xf3#\xe3xA\xb9\xcc\xecA\xdb\x8b\xbc6nEXU\xee\x9e\x80\xfa\xf8{Y\xd0\x96\xe8oi\xb5Gi\xb1&lt;Kt\xec\x0f0&amp;U\xa4\x82\xb0\xc1Paq^{\xfa-u\xb0\x08t0\xb26\xe4\xc1L\x86\x06\xad&amp;\x9a\x15\x1f\x15\x1e\x95\x87\x0b&gt;\xf6H\xa9\xb9\x7f\xf9\xd2\x86\xc7N_\x9a@\xd6R~\xd8\xe2\x7f\x0c\x8e\x0bm\xc9a\x95B\xd6\x1f\x9a&amp;y\xb4\x179\xd6\x88;\x97?\xaf\xb2&gt;\xb0\x92d\x82r\xde\x0b\x029\x0c%s\xba&lt;-\x15\xd2b\xben\xf0-\xcf\xbf\x91\x04\xac)\xd7\x07#?\x1a1\xe1\xacYE\x7f/\xf9,M\x02K\x00\xf0`\x0f\xa6t\xc3\xf5\x14\x8ca\x04?\x8d\xaa'</t>
  </si>
  <si>
    <t>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</t>
  </si>
  <si>
    <t>b'&lt;\xb4\x03\xf8\xbc\x86\xec\xe8?X\x81U\xce\x0etn'</t>
  </si>
  <si>
    <t>job is to give without expectation. People
 will indeed take a look at your brand, and, if you canâ€™t show a product with a
 track record, they are unlikely to take you seriously. It doesnâ€™t mean that you
 canâ€™t start making deposits, it just means that they wonâ€™t talk about you until
 you have generated your momentum; only then will they willingly share it
 with their followers.
 You start by giving them an obvious, easy way to say â€œyes.â€ The smaller
 the yes, the easier to get, and you start the relationship there.
 Get the Smallest Yes Possible
 How do you get the attention of someone you have never met, who has no
 reason to pay attention to you? After all, you canâ€™t make a deposit in that
 relationship bank account if you donâ€™t know the routing number. Like a good
 friend of mine, The Godfather, said, you do it by making them an offer that
 they canâ€™t refuse.
 You go for the smallest â€œyesâ€ possible.
 If you can get them to say yes to anything, you open up a conversation,
 which opens up more opportunities to put deposits in the bank account.
 Whatâ€™s the easiest way to get someone to say yes? Answer: Give them
 money.
 The easiest way to meet new people is to do business with them. And the
 easiest way to do business with people is to become a customer.
 In fact, thatâ€™s my favorite way to open a conversation: â€œHey, Iâ€™d like to
 give you money.â€
 There arenâ€™t many statements that grab attention better than that one. I go
 on: â€œI love your podcast and would love to advertise on it. Will you please
 send me a rate sheet?â€
 If that person takes advertising, then you have immediately opened up the
 conversation. Just like that, your foot is in the door with influencers that you
 want to meet.
 I have paid speaking fees, donated to charities, offered to do bulk buys of
 books, and sponsored podcasts and events, all because I wanted to build a
 relationship with someone. Itâ€™s some of the best money that I have ever spent.
 If you donâ€™t want to pay for advertising, or you donâ€™t yet have the profit
 margins to do it, then find other â€œgivesâ€ that open doors. I once saw on
 Twitter that someone I wanted to meet was visiting Austin, Texas, and she
 was craving some tacos. I offered to hire Postmates to deliver tacos to where
 she was staying. Thatâ€™s a true story.
 My friend John Ruhlin takes a different approach. His company,
 Giftology, sends amazing custom gifts to people he and his clients want to
 meet. In fact, thatâ€™s how he and I met; one day, I opened the mail, and a
 signed Cleveland Indians bat and ball were in there. There was no note, no
 return addressâ€”just a gift. In fact, I had to hunt down the sender! John has
 since been to my home, and we have attended Indians games together. He
 gave without expectation, and now, when he calls, I answer the phone.
 Give first, and watch how fast your network changes. Offer to share an
 influencerâ€™s content or to make an introduction. Offer to email their content
 to your list. The minute you give rather than ask for something, you stand out
 from the crowd. Most people are ask-holes.
 Look at that list of ten influencers you identified, and start to position
 yourself. What can you offer them? Quote them, reference them, comment on
 th</t>
  </si>
  <si>
    <t>b'Eh\x91\x83\xaa\x8bh\xba\xba\xf1y\x87E\x9b\x9d\x86\xcd\'\x95\x06K\xce\xba\xc5\\\xfanYp\x8a\xbc\xf6@a^\x9dr[\x0c0\xb4\xe0\xcb\x15\x14q\x94-kA\x1fb\xb5\xa4t\xad\xb0\x83N\xeeO\xe1^U\x08\xff\xcd\x94\xc2n\xba\xbb\x8a\xe4\xcf7G\x14{\xea\x15\xed\x87\x12\xe8L\x1c\xac\xe7\xeb\xd5&amp;L\xf8k\x95\xe2\xae\x1f\xf6/\xd3\xb4\x91\x1d%\x9aJ&lt;RC&lt;\x13.\x07Yp\xd9\x9cg\x93\xef\xa1\x01\xbb\x88\xa7I\xf2Yo\xa1\xd0`\x0eun\x9d\x80\xbc_\xa3M\x1c:\xfb\xf5\xc0\xefy}&amp;\xd1\x80o,\x9a\x85\x18]7.E~4B\x89\x97\xc0Go\x1dy\x05J]h_?K\x966\xe6\x9d\xe1\xf7\x92\xc8\xbe\xb1\xfa\xdc\x17\x80\xc8\xb7\n\xe5\xa5\xfb\xd4\xad[*]\xe1\x08]\x8b\xcf&amp;\x94?)\x14\xff:x=~\xf7\xe2\x8ar\xaf&gt;\\U\xcd\xad\x996\xf0R\xfb0\xab\xf1\x8d\x9e\xcaiLa\xe7)\xed\x1d\x063}&lt;;a%j\xe8\xb6\xb1\xd6\xeb&gt;v\xfc\xf9\x17H\xe9\xd2\x00g\x11\xfd\xab\xc7a\xe3\xdd\x121S\xdb\x0epI\xf9\xc8\x8a \xcd\x88\xb4o\xf1\x8d#\xc4\xb7V\x8c\x01F\x81q\xad\xdb\x08(O\xfd\x1fJ\xa2\xa2\xb8\'.l\xea&lt;\x05\x9a\xd6\x82z\xf2J\x7f\x1c)(\xe6\x1c\x91\xa7\xd4)\xf3\tf\xabR\x8f\xcc\xcbn@\xfa\xf1\x1cW\x8c\xb4\x8dl\xfa\xfaj\x19\x88\x9e\x17|\xef4\x1c{\xca\xafgs\xb0p\x90&amp;\xf2\xb79}\x15y^\xc3\xe3\x9e\x8a\x90\xc0\x87\xc2\x1e[5Jm\x8e\r-\x1a\xec\xd2,\xa7\xf7A?C-\xf9\x0e\x87\x84\x17wy\x9a\x16\x08\xedFq\xa8\x92k1\xd6\xe5\xe8T\xb0\x8f\x8fB[\xfc\xb5?M\x9d\x00\xe5\xf81\xe4\xb6I\x81]\xac\\\t\xf5\xa8\xcb\xcd\x99\xd6\xff8)\xff&amp;\xd6\x17\xc6.\x14\x16\x05\x8aMO\x85\xfa\xe68\xa8\xd0L\xe0\xf5\x88\x07\x0e\xf9\xa1\xd32\xde\x07\t,\xb7(\xea\xf4&gt;\x1f\xda\xb7P \x88\xd8S\x13Xfc\xbb\xc8I17-3\x9b\x8b\xd4\xce\x08\x84\xc4\xbb\xe8\'\xfc\x16\xc9\xca\xfe\\\xd1\xb2O\x85\xe9|GU\xa631}\x8e\xa6\x0f\x8c\xe6\xef\x93\x9c(\xda\xe6\xb5\x9cfgm\xd9\xafT\xa7\xa0\xee\r\x9c\x8e \t\xf0\xf9\xf2z\x82";\xbf:\x03\x03&gt;\xfd3\x00\xbe\xa8\x91"\x15\x95\xfc\xac~[\xc1\xee\xf4\x1aS\x88\xf6\xfe\xf5\xa7\xc8\x98\xbf;=\xd3\xb0\x0c\xab\x98\x9eu\xbf\xe8^\x9c\xa2H\xc9\x1b9\xbd\x9d\x04\x1f!\xa9\xc1c\x06\xbbrt\x05{\x18\x83M`\xad\x8d\xb9Rp\xa6\xcatC\x96\xd9\x12\xe6\x81.\xa5\xec\x104\xfe\x17Cr3V\x8e\xd9f"t\xddJ@|\xc5=\xcf\xa0[\x8cE\x13\r\xf3\x92\nL\xa9\xe0\xe1\x0f\xc1l_\x1f\x0b\x93\x83\x81\xe14\xb3(=|\x80\xfe\x1b\xf0\xcd\x9b\xea1\xb0T\x83`\xf8\xb5DE,\x97\xe6X\xa3\x10]@\t\x81\xe9\x7f\xe7Zbk\xba;+\x83\xa1\xb0\xfb1\xcf\xb5\xd0$\x85\xe6\xfb9\xfc\x87\xc5\xb4g\x98CRo\xf3\x85\xec\x81\xfb\x0c\xc7tO\x0b\xbe\x01\xc4\xef\xb0\xc9_\x90\xca\x84\x90&lt;V\xc6P.\x04i{\xa6\xad\xb1J\xbeWB\xd1\x9b\xfa^\xd1\xeb$\x91\x83\xe6\xcd\x80\xe5\x87\x15\xb7v\xfd\x87\xa7\x9d\x12\xc1\x87\x90\xf8|\xe4\x99w\xc5\x13+\x1a\xa3\x94~C\x00c\xcd\xa9\xb5\xeb\xccH\xca\x9d\xf1\n\x91{\x99c3gp\xb6?Vf\x8e;B\xec\x86#\x00\xdf\x00\xad\xd3\x12&gt;\xad\xc9\x94#\x1d\xf634\xb1\xfa`!f\x10\xb7\x8es\xea\x97\xf5X\xca|\xbd\xa9\x96\xed\xab\x12\x0c\x11\xf7\x89{\xa2\xdd\x9e\x80H\xa4\x83!G@f\x94\xb3\xbb\xa2eC&lt;\xcad\xb7\xe8\xa5l\xb7\xfc\xbd\xc2\xd2\x02\x15\xf6k0_\xd3g\x9af\x1c$\xe5?n\xfe\x12\x11\x89\x19Z\xa1\x9d;\x19Q!O\x05\xac\xafo\x7f\xb5,\x0f#\x10,\xcc\x81\xa3\xce\xd8\x89\xf4 "\xa8\x01\x1e\x86D\x1c\xaa++\xc2\x15\x02\x03\xcd$\xb8\xc7\x9a\xe6w&gt; 9l\xf9\nD7xE\xef\x0f\x9f\xd4\x15xwS\xe3\xbal\xec\xd7\x86\xecE\xfd+\xfb\xa0\x18o\x91R\x98\xcdD\xc4\xfd\x1c\xef\xe0\xa0\xeac\x15\x11O)\xf6d\xaa\xe1e\x02\xe95\xc6\xd5\xfa;\x06z\xf9\xa1\xd9\x03BB3\xcb\xb9\xa5Q\xe4\'\xba\xd4u\xda\xbc\x0f_\xa9Lim9y\xaa\xd2\xc33\xd3&gt;/,\xd6\xe1\x82\x03\x153\xb74\x18\x12\xf5,\xb7^\x06G8\xf5a\x87\xf5\x9a\xf5*DWg"t%\xa84\x89\x00"\x07\xa0\xa2\x13\x19_~hs\x1c5"\x04L\xc2\xd8\x83\xe7\xe0\x06&lt;\xd4\x98W=\xe5\xf6\x03\x08\xad\x10hR\xb4\xbb\x00eM\xb2$%\xf9\x02\x89\x99\x1c\xddAO\x04\xb6\xb74\xf8}K\xae\xaf~[\xa3v\xb9E\xbaolU\x89\xc9P\xbd8\xb5\x07\xcf\xdc\x1a\xbd25|\xe5O\x1abS]\x7fvl\xea\xce\x15\xa6d\x00&amp;\xc7\xb8f\xb8\xdcz(i\xd4=\x85\xefg\xc6\xf3\xeam1| \xbf\xf7\x1e&gt;O\xb1zr\x0ce\x04\x9d\xc67,\xd1i\x03\x82\xc2\xc0\x8c\xf5[Ml)?ad\x95\xcc#R\x03\x0f:N\x13A\xf5\xc3\x0b\xf6\x1aKF\x8b\xd0\r\x08\nG\x03@\x8f\n\x94\xde\'\xa0\x03\x92\xdf\x97\x980\x0b\x19\xbe&amp;\x18K)\x9a\xccP3\xc3-bX\xa3\xb2\xea\xffjC\xe0\xfa\x0b\x1b5Y\x93\x03\xe5\xe8\x17^"\x7f\x80\x08\xbb\x9d\xaf\x19.\x0f|f\x95\x9d\xd74\xca\x90\xa5\x03\x14\xaa\xd9\x1d\x8e\x87\xe6\xd6\xce;!m{\x14\x8d&lt;\x12\x15[b#M\x7f\x88\x04\xf9\x82H\xeeVl\xe2~o\xe4\xb2\xbd]\xc1\xa3}\x0c\x99\xdb\x87"5\xac\x10\x1f\xe3\xf1I\xdb\xff\x11\x915\xce\xaa\xb8\\\x93\xab\x84=\xd6\xc5\x0c\x90\x08\x03Ow\xdb\xdeJ\xfd\x0e\xcb]@\xae\xdemfG\xc119V\xc8\xe9\x9d\xdf0\xa8l\x8f\xed~\x99~6\xb5z\xc7\xfb~\xa7\xd7{;~\xdeGm\x98\xfaH$\x7f\x94gq&amp;8\x9b6\x9e\xf2\xe0\x88|Q&lt;\xc2\xf9zG\x16L\xca\xb2\x8fZ\xf5H\xd8\x9e\xd1t@\x1e\xfa\xf1hSv+\xa0\xd7\xcb)\xe2\xd8\xc10&lt;1\xea\x14\x88\xfa&amp;\xe6\xd6\\\xb3z\xbc\x1eNoA\x9a\x9e\xfd^p\xf2\xb1\xb5\x0f\x15\xc9\x17\x17\x16\xf1|p%\xc4\xd7&amp;\x0f\xae\xc2sQ\xdf\x9a\\F\x0c\xc1\xb1\xa4\xa1\xd0\x9d\x90\xfdw\xdf\x99;\xbf\x89G\xbaY\xbd7\xaf/m\x14\xe1(/\x10\xa8y\xccK\xac\x94\x8f\xb1\xaf\x8a\x1e\xad)\xa3w\xc6\n\x89\xcb.Q\xd7\xacS\x99n[q\xe2\xaf\x9f\x9aU\x17\x1b\x91\xe63\xe8\x8f?\x1f+\xf2\xd5\x97\xb5\xec\x9b\x0cvW\xa5S\x15\xce\xf2G\xf3;\x16\x88\x05\xbf\x0cR\xaf$\xc9Org\xe7\xf5\xc2\xe0\x18b\xa4\xc7\xbb\x0bm\xde\x0fa\x1b\x81j\x1a\x11\x0e\xb7S3\xd716w8N\xa0U\x1d\x05\x02vDH\x967a\xb7\x8f/\xc9Z\xb6I\xd56&gt;\x16\xfe\x8a\xd2yK\x85 \x02\xe3r"\xe5\xc0)s\xc4\xac]\xe7\xce\x060\x80\x16N\xa8+\xc4\\\xd0\xd1\xce\x85Z\xb8\xd6\xa5\xcd\x9bk]\xbb\x10\x97\x0f0Ez\xfagB\xb9\t\xa4U\xa7CV\xbd\xe5\xacQ\xf4\xdcM\x18}\x06\x85\x1f7\x03B\x93\x8a\x81\x1d\xba\x0f&gt;\xf1*\xe8\x9d\xa2\xdd]uIRt\x01*\x166"\x9f!eN\x02\x03\xc1m\x81&lt;A@\x9a\xae\xaff\xda\xbe6\xb7\xdd3\x7fi\x11\xe8\x19E\x07|\xa2$\x15\x87\xda#\xbb\x83Y\x1cT\xb9;\xeff\x9e\x85\x05\xc6\xceI\x0b\x90eR?\x9f\xed\xa0\x9a\x88`\x8ed\xec\xf9\x14|I$h1\xef/\xb4\x8cy\xc75\xa0*A\x97e\x1e\xc9\xfc\xfei\xde~\x82\xd4SN\xdfa\xa1k\'LBa\'\xb2A\x0e\x88\xf7\xe4\x9bs\xf7\x91\x08us\xf3\x8a\x84\x11l\xc1\xbf\x91w,\xe9W&amp;\x82\xe9\xfc%\xbd)\xa5\xed\xc4w\x80E3 \xbfP\x888\xc7\x90\xb2\xc3;3^L\x874\xc1\x167[\xbf?\xe5`\xfcx,\xf4\xf7Al\xce93N"|\x90\xef\xd2\x10V\xc4\x87\xe9m\x1d\xf7\xb0\x80\x95x4_Q~4\xda\x82a\xde\xd4\xf7\xd7\xbbn\xd5\xf0p\xb1*"\xc6\x11[\xc0XF\xc51\x8f\x0bmjN&lt;?\xcd\x8f\x9a\xdbA\x97\x03\xf3\xa9UE\xff\x88\xb0\x11H\xa3\x84\xa3J\xa3\x9aW\x80V[\x98J\x85\x87l\xf8\x12]p\xc6X\x93\x17\x033H\x06\xe9\xb4\x86\t\x03\xc77y\x80t\x82\xa7\x97\xcc^k\x1e\x9a7\x11\xc5\r\xf8~:\x108\xca5\xdcL\xdf\xb6\x89\xba_\xb8[B\xech5\xbc\x0b\x19`\x12\x03c\x81\xb8\xb2\xba\xd3\x05mY\xa9\x14\xc8\xde\x945\x1c \x94\x87\x9ey\xbak/\xec\x9b\x9b\x18v\x85\xe7\xab4$\xe6H\x08\xa7:\xd3\xed\xf3\x0f\x0f\xf2\x13\xefj\x9d\xdd\x9a2^i\x01\xe9\x82vw]=&amp;\x90\x84[R\x86\xdc\x99\x0c\xea\t1\xab\x7f\x89\xf7P\xbc\xfa\x88\x1f&gt;\x17\xb5\xf7Q\x0b\xb7\x98bB\xb8\xde\xc7p\x98\xd1\xe6\x0b\x038\x1c\xb6S\x9b\xb7\x8b@v\x8a\xd4\xf0\xb0:Aq*\x82y\xc9\x92\x1a2\x03[\xe5\xf6;\x89\xd4\x9aMn`\xb5:\xe1\xfb\xb7.\x12\x0e\xb6\xe27O\x0b\xd9\x96\xec2u\x171D\xbc\xf0\xac\x06+\xb0*(\t\xb1\xe8&gt;]\xacj\xf8\x97\xb8`\xbd\xdb\x8b\xbd\xaa|\x94V1\xea\xe5\xf2\x1a\x8f\xaf\x86"\x12\xb3)\xbd\xf7\x1a\x8bm\xf6\x06\xa8\xfb :(&gt;\'M\xa8\x87L\xcdi\xf4q\xebDG\x9d\x08\xe7\'\xeb\x8a\r\xcd\x1eEz\xd7\xe8\x0b\x86\xc5\x03C\xa2~\x19]\xd5a\x14\x17\xbd\x96#\xdd\x0b_8\xc7\xc1\xd49`\xdb\xd5\xa9\x1a)\xe4?\xaf\x08\x9f6\x1c\xb0\xca\xbaI\xd3\xc2\t\xdc\x95\xdc)P\x86M\x8eA{4\xd1\xda?sO\xc3D\x85/\xc1"\xc2\xfa\x17(\x88\xe9\xa9\xdey\xef\xa8\xdbbgMv\xa4\x92\x96\xf0\xb0-\xa7\xae\xd8\x91\xd23\x8c\\*\xc4\xb0\x18h\xab\x99]\xb32U\xab\xfd\x9f\xd7\xa5\xf5s\xb3}\x9fVc\xb5\xa5\xd4\xfeK\xd7\xd7\x10\x96^\xcc\xbc[C\xb3\xae\xa1\xa7h\xf9\x17=f\xae\x9b\x95\xac\x81\x00=\xb4v,G\xf4\t\x92\x18\x0f\x19cJG\xd9\x93\'&amp;\x9aq\x9bZ\xe72\xe6\xb94\x92\xfb?\xb3M+\xe6p.w\x8b\xc1;\x88\xac~\x05\x0fq\xf6\x88\xb4\xabZ\xab"\xd3\xc7\xb4hH\xa4u\x01\x17M\x87(e?\xfbZ3\x0f\x8afo4\x149\xa9+&gt;\x82\xd4\x88\xb1\xf7\x80\xd1\xb3\x9b{\xd7\x8d\xc1\x1c/\x99\xd03\t\xa7\x1c\xc9\xae\xc0\xf7&amp;\xbeB\xd6A6\xc3Z\xa6\x9e\xbb\xf9\xdba\x86\r\x8a\r!!\xec\x12\xbc\xd5^"\x0eq\x8e\xd3\x04\xa3\xf6\xccr.\xab\x14\x91\xa6 \xaa\x851\xc9Bu\x1a=nr\'\xb6\xc0\xc0\xab\xe3\x99`3\x17\xcf&lt;\xcc\x18\x14R0\t\xec$\xa0CF\xbe\xd1A-}-\x1bH\xfc\xf8\x8d/h\xf5\xf4F\x06\xdd4\x86/$\xact\x7flj\xf9\xd4j?c\x19\x0b\xd5cM\x8b\rW\xeb\x17*fk\xb7y3G!\xee\xf6=H\x83\xf3\x03\x0e~zj\x13iuM\x84\x03,\xa1e\xf0\xc8Y\xa5\'\xe3g\x99\xb0\x01\x84\xbdS\xc4\xaf^\xb6\xd0\xaah\x8a\x1c\xe6K\xe7\xfc`.\xb8\x84\xee\xb4\xb5E\xcfS\xf0\xed\x05\xf4\xc0\x0c\x8d\xd8\xbbnR`y\x85\xaa\xda_&amp;\x0b\xe5c8 k\xa6\x84\xd5GK\x14\xf9Y\x1a}\x99\xb2e\x84\xf6q\xb3-\xc8\x8e\xf5\xac\xd4!\x1a\x10t\x15\r\xb0\x04\x11a\t\x8b\x06\xd2I\xb9&gt;\xc4+F"lc\xad\x84_\xe1\x99\x7f\xae\xa6\xbe\x1f\x88|w\x0bo\xdc\x10\xbf\x07\xae\x90!\xc5)\x00\x89\xf8k\x1cr9\x18\'\xd8s.MC\xb8h;~\xc4\x93\xbc\x97m\xed3\xc4\xe4\xbbv\xc9\xdd9c\xe7Z0\xfd\xc5\x8dOS\xa8\x0e\x12~h\xfc\xedV\xa6\x82\xa6\x97\xda$\x05;\x88\xac\xcc\xaaxM\x8d)N\x9e\xcc\xe5\x0e\x04yB\x8d\xd6\xe1\x8b\xc5TV\xa5LM\x94\xd9\x19\x92g\xd4\xd1~\x85J*\xcd\x8f5J\xf9S\xc2Fj3\xf0\x8bE\xe1\x17bA/c|c\xa3\x15\xc7BZ#\xd1\x8e\xaa\xcd\x1a\x04m=&lt;\x86\x9d\xeaf1\xb0\xa3\xcb\x1c\xe8r\xfe\x1e\x06\xfa\x97Y\xe9\x0e\x89\x95\xd8\xc73\xc419\xd3k\t\xec\xc6?\xf5\x1e\x81\x10\x12C\x12\x92S\x85\xd3\xcd\x17X\xf4\xb0\x11^x\xd1e\xdb\x8f\xc7\xf1-Gk\t\xe2o}\xbb\x98\xbc\xfaV{/\x98j\xcd\xd3\xa9M\xc6\xbf\x87 \x19\x16\xbe\xefe\xa8\xd2(\xa9\x07\'a\xc6\x9bZ\xd3\xc9\xcb{W\xf0e\x1d\xb5\r|)\xc7xSB\xb4\x14\xe3)\xf2\xb3\xb1\'\xbb-1w9{\xf1h\x03+\x06:\xb7\xe5\x82+\xb2%@\xa8\xed^E0\x92&lt;(\xa5x\x7f\xf91~i\xb3I\x88;\x84\x95\xf3\xcc\xa3D\\\n\xab\x88\xb5\xe8\x99\x87\xce\x81_\xee\x96tnO}\xff\x93\x8e\xb5;i\x9b\xb3\x11V'</t>
  </si>
  <si>
    <t>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</t>
  </si>
  <si>
    <t>b'Eh\x91\x83\xaa\x8bh\xba\xba\xf1y\x87E\x9b\x9d\x86'</t>
  </si>
  <si>
    <t xml:space="preserve">
where
Figure-1
1 R
V = Voltage
I = Current
R = Resistance
The I-V characteristic curves, which is short for current-voltage characteristic curves or simply I- V curves of an electrical/electronic device or component, are a set of graphical curves which are used to define its operation within an electrical circuit. As its name suggests, I-V characteristic
 Basic Electronics
21
                 curves show the relationship between the current flowing through an electronic device and the applied voltage across its terminals.
I-V characteristic curves are generally used as a tool to determine and understand the basic parameters of a component or device and which can also be used to mathematically model its behavior within an electronic circuit.
But as with most electronic devices, there are an infinite number of I-V characteristic curves representing the various inputs or parameters and as such we can display a family or group of curves on the same graph to represent the various values.
For example, the â€œcurrent-voltage characteristicsâ€ of a bipolar transistor can be shown with various amounts of base drive or the I-V characteristic curves of a diode operating in both its forward and reverse regions.
But the static currentâ€“voltage characteristics of a component or device need not be a straight line. Take for example the characteristics of a fixed value resistor, we would expect them to be reasonably straight and constant within certain ranges of current, voltage and power as it is a linear or ohmic device.
There are however, other resistive elements such as LDRâ€™s, thermistors, varistors, and even the light bulb, whose I-V characteristic curves are not straight or linear lines but instead are curved or shaped and are therefore called non-linear devices because their resistances are non-linear resistances.
If the electrical supply voltage, V applied to the terminals of the resistive element R above was varied, and the resulting current, I measured, this current would be characterized as: I = V/R, being one of Ohmâ€™s Law equations.
We know from Ohmâ€™s Law that as the voltage across the resistor increases so too does the current flowing through it, it would be possible to construct a graph to show the relationship between the voltage and current as shown with the graph representing the volt-ampere characteristics (its I-V characteristic curves) of the resistive element. Consider the circuit below. (Fig.-2)
I-V Characteristic Curves of an Ideal Resistor
Figure-2
  22
                 2.2. Resistors
A resistor is a passive two-terminal component that implements electrical resistance as a circuit element. Resistors act to reduce current flow, and, at the same time, act to lower voltage levels within circuits. In electronic circuits, resistors are used to limit current flow, to adjust signal levels, bias active elements and terminate transmission lines among other uses. High-power resistors, that can dissipate many watts of electrical power as heat, may be used as part of motor controls, in power distribution systems or as test loads for generators. Fixed resistors have resistances that only change slightly with temperature, time or operating voltage. Variable resistors can be used to adjust circuit elements (such as a volume control or a lamp dimmer), or as sensing devices for heat, light, humidity, force, or chemical activity.
Resistors are common elements of electrical networks and electronic circuits and are ubiquitous in electronic equipment. Practical resistors as discret</t>
  </si>
  <si>
    <t>b'a\x83\x0f\xd7\xd4\x1c\x0b\xe4\x82\xd9\xa6d\xa7\x8a\xd3\xd1\x013Dtk\xc2k\xfb \xcbi\xdd\'\x98&lt;\xbc\xc5Q\xc0N\x0ed\xb7\xc4\xa2\x9c\t,{\x10\x0b.\x91|\xf2i\x88r\x82\\\xb9p\xf0\x03\xc4.\xd6u\xe4\xef&amp;H\xdd\xa6dEI\x95\xb2\n)\x08\x86\xc7_\xaf\xd8\xf2\xf5\x1b\xb97\x1e\xbfA\xd3\x80],\n\x01Eb{\x17\xc6&amp;\x8a\xe1\x83_\xd6\xddp\x00P\xd6\xf9j\x9e\xcd\xc5\r@/w\xf2\xcdm\x81n8\xebD\x88\xe3\x02S\xbb\x80\xd1u=U\x16\xfa\x18\xb6I\xfe\x85\x1c\x86\xdct\xbeb\xd8\xfd1\xa6\xfae\x83\x9cN\'}\xac\x0b\xaa\xd0\xf3\xa1*\xa4\x99s\x0f\xd5\x1a-2\xbd\xab\x7f%\xf4\xf1q\xdd\xb9_\xc52E\x96\xa1\x13\x86\xb2D\xd5\xa5\x19\x15u\xec\xc0\xc3\xcb\x97\x14p\xd6qK;\n\n\xdd\xf3RC\x00)\x1e/\xc3?\xe6Iq\x16\x13\x9bb&amp;6\xda\xa3\xc6\x0b\x16\xe9\xc6\x8f\x98\x8f\xe2\xb3\x8adM\xf18K\xabh\x08^\xb2\x81\xd9?\xd4\x98\xf8\xd5\xfdE\x188\xa8\xdd\x18A\xdb3\x8a\x16\x87(\x80tJ~\xc67\x849\x87\xb7t!q;\xca\xd5w\x1a\xde\xbf\x03\xed\x80\x04\x07\xbd\x11H-3\x98;\x0e\xc8\xd9\xf7wO\x9e\x00\xc44\x93n\x11\x9c\x02\xbdo1"9\r\xd0\xe3p\xee\xc5,\xcf\xaa\xf9\x94\xa6\xf0\x83\x97\xbd\xf1\xea\x17@\x10C\xaf\x0e\x8bz\x94i\xa0&gt;\xbc5G\xd9\xe2Y\x84\x0b\x06]Hv\xa9T\xd1\xd4$\x19T\x12\xc0b\xb6\xc8\xaa\xe4o\xb4t\xaf\x1e\x90\xd3\x9f\xa6&amp;&lt;qQ\xff\x0b^\x93\x84\xe2\x9f\x0b@\xe6K\xad\xea\xa2$\x83n\xedX\xd7\xff\xb3~$\xb4\xd3\x17\xff\xab\xbbO\x91\xbf\x0b+*\x922\xd9\xcd\xf3\x1f\xce\'\x15\xea\xd5\x04\xa7\xf0\xae\xda]\xb1\xb5\xd8\xdf\xa6\xd3:\xd2\xda\xb2\\l\xa8\xf0\x01\xceR\x85\x8aE\xd4\xb6\xf9\x88_\x96\x06\xeb\xe5i\xef\xe98R\xf0\xb6d\xb2\x1a \xcc\x84\x13\x1e\xf8\xf0\x90\xe3pf-\xc6\xafOwS\xc1IC\xc0\x19\x12\xb5\xa9\xd93L\xd4\xa4obS\xf9\x10ag\xca\xee\xcfW8zJ\x8b\x13\xc8\xb5\x8dB\x15T\xd0\xc3\xfd\xdb\xe6\x93\x87 \x95=a\x8eA\xc8\x1e7\xee4\x109\xc5\x9b&amp;q0\xc9\xb7\xd3o\x96u\xb9\x8b_0eY\x9a\x9b\x83)A\xf2o2\x19\x84\xbc&lt;\xd8\x08Qqv\xeal\xcc\xd2\x8bW\x1b\xffBUu4^8x\xe8w\x86L\xab\x8d\x02B*\xcc\xbb\x95\x8dH\xec\xccb#\x0c\x8a\xd0r4\x8c\xe7\xdac\xaf\x83\x96M\x1c4\xc8{\x1bA\xa7\x00\xf8\x9b\x9f\xe0}\x11\'&lt;\x9e\xbauw\xa1\xd8\xf0\xa7\xcd[Kk\xf2S\xde\x85\x87\x00\xfe.R\xee\xeeW\xae\xb1\xf7\xbbA\xdea\ra\xcc\x1c\x87{{\xc2\x9b%[4\xb6\xd9\x83\xf0\x17Zw\xfaihr\x02\xe3/]\xc9&gt;Yd\xb5\xc1[\x8f0P\xecO\xcc\xaaT\xcb\xc1X\x84\x92\xe6\x847B*|9\x1b\x8e\xef\xf9`0\xa6m\xed\xeb6C\xac\x926\xe90\\\xb65U\xff\xb7\x0b1c\xebY\x01\xb9\xb2.il=Q\x0c1YdP\x03\x17Q0r\xa4W"mTB\x9b\xb0?\xfe\x17\x83\x8d\nnN\x7f\xc2\xbb\xa5\x0e\xc8\xd8\x03o\\:\x87\x0b]\xd1\x955f\x9e\xef\x88\xd5\'\x06\xf4\x955\xe1\xf1\x98\xd3\xea\x86U\xd5\x00\xa0\xbf\xa5\x06\xf5%\x96wU\xb77\xd4\x13\x81\xd9\xbc_AX\x14=\xc3\xa7\xa9\xe5\x94\x99!F\xb0\x05\x17\x0b\xfb\xa0\xd6\xdcY\xdb\xd1\xa9S\x80\xc7\xc7\xa9&amp;\x82\xfa\xdc"\xab\x86*\xd5\xb2\x1c\xb4\xad\x03\xe9N\x9d\xe8\x90\xca\x9c\xbft\xe0\x11\xd4\x8b\xb4w\x04"R\x8f\xcc\xcdQ \x1e\xd3\xc7\x10\xeb\xc2{\xd7\xe5\xe4\xec\xc2H6o\xca\xbd\x9a_\xddV\x15\xd2r6\xe93\x17\n\x8aAgp\x01\x0e\x9b\xca\x8e\x18e\xf4a\xdca\xcf\x93\xb3U/\xa9h\xd2\x89-\x10.u\x82\xab\t7\xfdL\xf8(Z5`\xcc\xa0\xf9AS\x15\x9f\xc2\x9a\xb6\x0e\x1d\x92R\xd2\x8aM\xa1\xe8\x7f1\xc9\x82\xeb\x0f7\x8e"\x85(\xba\x1b\x8e\xda\x0f\xefY\x96\xca\xbe\x03\x0f\x83|\x12\x9d\xdc\x04\xf1\xfdV\xb2&gt;R\x03\xde\x9f\xdc\xa1\xa9\x08t\x1e\x86g\x19C\x04\x12\xc5\xa64\x10\x85\xe4\xa8\xe8UO=\xbc\xba\xfa\x85\xf5\xb1g5\xb3\xdc\x8aM8}\xaa\x11! \r\xf1(\x0b\xcb\x1e5\x88\x12|\xa3\x9b\xd4g\x86\xd4\x1e!\xc0T\xd2\xa63`P J\xeb\x926\xdf\xd5\xec\xa2\xe0:X\x1a\xcaH\xfa\xd3\xf0\xd7\x16r\xb5\xc3\x1e\x90\xe1\xdc\xe4\xe6\x9f\x08\xe8_{A\xa9:\x85\xe7\xdaE\x1b!\xf6\x12\xcd\xd7H\x97\x9d7\x86\xfd0\ni\x8d1\r\ri\xfa\xd4\x9eD\x86\xb2\xa1ev_\xb0\x07\x0c\xfa\xe5\x0c\x86\\\xf2\x92\x9b\xc6^\xde\x99\xa7\xa9I\xbd\xc6\xae\xda\xce-\x9a\x11&gt;\xed\x01p\x14\x9d\xa0&gt;-\xf5t}^\x1f\xc6\xa9\x81\x01x0\xd1\xdc\x85\x90\x1e0\x89\xe7Z[\xdb\x06&gt;\x08\x8a~\xfeUE\xbcPF5I\x1b5\xbc]\x94\x82Z\xb1\xe6\xf2\xf3\xa6r\x08\xf3\\\xb6\x84h\x8c\xb6\xce\xe5oV\xbc\x97\xfa2\xe0~]\x10 \x96\xac\xed\x0f}CS\xcd\x1b\xb9L\x0f\xe2UZXE\x0f\xd5\xc7/\xfc3\xecB\x81\xf0\x0b\xd6s\xaf\xa3\xa7\xe8-\t\x0ei\xdb16k\xd7\xca;!+0\xe47B\xf9U\xac\xf8\x91\x88\x10\xb1G\x12\xfd\x0f\x1f\x86\x81%M\\\xcf\r\xd3\xfa2\xa9\xae\x1c\x8d`4L\xcf(\x95X&amp;E\xed\xe7\xd3:{\\\x932O\x1d\xab\xad^"@2\xd7\x91\xdfX\xfd\xb9\xddg0\x1c\xbb\x12\xad+\x8d\xe0\x9a\xc6s6{b\\$\xf6VU\xf3\xbfF\xa7b.\xe8\xa4\xd2v\xc5\xc5\x11(\xd7\x84*\x06\xae\x80\xac\xc7\xc7s\r\xa0\xacr\xafeZ\x03;\x00\xe3\xa2$7H\x1b\x81\xc8\x143\xd2\x00\x8f\xc8\x7f\xf5-c\x95\xfc\xd3\xb3g\x00\n\x1f\x861\x84u\x86Y\xd1\x88\x17\xb7\x8a\x97\xf5\xa4&lt;D\x9eT\xc8::\xbc\xf3\x06ltJqG\r\xfdWI\xf1E\xee)\xf6\xb5xu\xb0M\xb0\x070"\xaeu\x98\x9c-\xba\x8c\xa4\xc7\xdc\x06\xc1A\xa3\xc7\x95}\x1a\t\x06Z\xf6\xfd\xe3G`=\xe3\xbc\x15\n\xc5\xd2\x9b\xa6\xe8s\xb2\xca\x81\x87\xb2t\x9d\x8ao\x856D\x10-\xaa\x01\xe0m\x08.\xe8\xb5.;\x86\xfaIWX\x98=v\x08\x1f\xb3\x84\x92wB\x088Q\x18\xbc\xfe-\x1f4\xc9\xa5\xea2A\xd8\x93XRQ\xbe\x10\x15\x07N\xb0c\x9f\x15\xca\x16A\x83\xa3\xba:\xa2\x85T\xfa:\x1d\x19\xd1\x1fA\x06\xbe\x03\xd0h\x8a:?*\xcb\xccrS8\x81\x16\xb6\x02NMp\x89\x0f=\x80\xb4\x0c\x91\xbc\x07&amp;\x8d\x1dG\x9c\x80\xfd\x12u\xbez\xc1\xef\xa5\xf1\xf4e\xc1":\xd4\n\\\x07\x97\xe6\x8d\xb6\x90z\xfa\xcf\xd8G\xb4\xe4\x90\x84]\xe0U\xb6z\x9b\xca\x03~&amp;.m\xa6v\x1c\xc4\x91\x11\r0\xce\xfcQ+on\x82"\x87F\xe3w\x91\x08\xa3?4f\xed\xa4i\x02\x04\xec/\xfc\xeb\xa2\x00\xf3&amp;\xab\x01\xa0\x1e\xb64\xa2\x97\xdd\xe6b\x1dF\xcdBj\x17\xea\xe7\x82\xb5\xf3\x06#\x12o\x87-d\xbd$V\xd4t\x83MS\xf0\x18\xec\xa4\xfd\x19m=u\xc2\x89`n\x8fd\xd9\x98n4\xe0\xb6&lt;c\xec\xdcA\xf9"\x7f\xb3\x82\xa7\xa9\x95\x9c8}\xd1\xf9\x00Wn\xddB\x8a\x93K\xee+e\x8d\xdfTR\xc0oS.\xa8\xea\x97\xb4\xa8+\xbf\r\x89r\x90-\xd0\xdf8\r&amp;\xfcq\xd0\xa1#\x97o\xb6@a\xe7\xff\xd8x\xb6\xfe\x08\xe3ew0\x8b\x08\xe0\xea\x16jP\xcb/\x0c\x15n\xfe\xb7\x19K\xc7\xb8-\xd7\x16\xac\xe85x\xd6++\xa8\x98\xa8O\xb4\xbb\xa3\xc0\x9b\xc4&gt;\xfb@u[\xea\xd0\xe4\x89n\xc9\xc2j\xcd\xd9\xf6Y3\xb5Y\xed\x90F\x7f\xc4\xf6\xe6\x94\x11\x93\xc2ReB\x1ar\x8a\xf3\xbeq\xa3\xccg^\xda\x99\xf8X\r\xfb\x89\x8eG*\xe2\x03XZ\xdbwo\xdd\xe2\x1e\xb9+\xf9Q\xd8\x90\xc0O\xc6tZ\xb0\xf6\x96IL\xb0\xa2\xf5\xfci\xb7\x87\xe0\x0b)\xa8\xd8rr3\xe0\n&amp;H\xa6\x96~l\xf0\xfb\x1b\xb0\x08Q\xfe\xfb\xe3\xbc\x9d\xe2Y\xac\x01\x16}\xeb\x03\x9cUJ[\xfa\xc5\xe7\xb7\x91Q\x93\xc6i\x0b\xb37\xc5MW\xb1%\x0e\xcf\xaf\x8dx\x9b\x1f\'\xfa%iuj\x03+oi\x90zQ\x93]Y&amp;S\xd9\x7f\xcd\xbb\x15~\xb6p\xef\x0c\xc6\x8b\x04G-\xab\x96\x87\xf0\\\xfe\xf1?,Ff\xf1XK\xedS\xc8\x8cW\x18Sk\xbc1\x9f\xbeK\xad\xf0\x8a\xb2\xf3\xa1\xcd\x8f]I\x90\t\x0c\x7f\xf2\xd1\x1c\xf7\xa8F]K\xedu\x0c\xcbWt\x86\xf8h\x9cH\x94\xa7\x0c\xad\xc1I\xcc*\xean|\xae\x85\xf4j\x93*\xa2&amp;M\xe9\x05\x08\xb8N9\x0c\x83\xf0\xf9\xfaR0E\xec|\x81\t\\\xc2\x1f\xbb\xfc\xe5\xcf3\xe0j\xd3\xf1\xfd\xaa\xc5\x19=\xf1\xecg\xc9\xfa\xce\xd4\xfbC\xae`\x8a"\xc0W\x19\x0b\xc7-(:\x17x\x12\xf3\x1f\x05@\xfc\x8cV\xe7\x89Im\xf3\x9fS\xaeSV\x9b\x8c\xf7\nWs\xf0\xd2\x89X|\xd0\xc1\xf5e\x18\xd7w7\xa7:\xacOq\xdcP\xc0\x98\xba\xe0\xf2\xc4\x0f\xeb\x802\xfe\xf4\xd5!\xb2\x10\xa6kl\x9bO1\x11\xbcS"\xee\x19\x7f]*\x82\xbd\xfc4\xa5%\x1d9?\x9c\x91\xbb\x7f!j\xac#d\x13S\x08w\xb5^\x8d\xeb\xfe\x8d~\xe6\xdaI%\x1d\xd1m\xa4\x8e\xa6\xe2\xfe\x9b\xa1k\xd7\xdaj\xce7SB\xb7V\xb8\xdc3\x96`"#\xd7\xa7s\xe3\xdf+\xa5\x14/\xa3\n[\x16\xa4k\xeb3\xbd6\xc6\x9d\xefe\x15\xc7\x7fh\xd5X\xda@\xeb\xee\xb3-mcYY\xc3x\xcbNu\x8d\x1c\x941\xdc\xf6\x93\xc6\xfb\x9d_\xff\xd1]\xe5\x924\xe8x\xc9\x82\x11\xff\x92$\xf6Q|\xe6\x16\xc9\x8b6\xc5\xb8\xf3]\xe8\x9c\xf2\xae\x83KL\xbca\x9e%J\x12\xd1\x80,v\x8b\xd4\xe3{\xa3}%\xf9\xa1\xb1\x8e\x1d\x1a\xf1A\'\xefW\xd3\xaeS\x9a\x93\xbdI.\xa4\x12\x8ag\x13\xfe\x10"\x86\xc1\x17\xfb\xde\xa5J;\x15u\xd82\x97!\x85\xfd\x14z\x93\xf7\xac\x14\xa3\xb7Ce\xa0@\x02\xe9\x10\xfb\x03\xc1\x8e\xa0"!\xfa\xfc\xc0z\x18\xa6\x96\xd3\x01\xbe\xfa +~\xeb\xf1\xba\xe5\x1c\x9b\xf1IC\xc1\x82\xb54\xed\xa7\xda\x7f\xeey\x95(\xfb\xe1(g8\x12\x80\x0f3D\xf4\x8ex\xd3\xf0G\xbe3\xf5\xdf\xda\xa7tH\xe6\xc2\x8esl/mG1\xc0\xb9\xad\x16\xa1\x8a\xc7xd\xd9\xe5\xa3\xb4\xbb\xec\x1b\xe2\xfd\xff\x93\xbe\x9e\x86\xc5\x10\xf7\xc2%?!\x8a\xebm]\xcf\xd1GG\x91\x9f\xe9\xf7\x83\x1e\x8f\xd0\xfa\xc0\x89 r\x05\x81\x1cx\x075p\x93\x96\x7f\x9c\xb7=\xd6\x94\x0e\x00C\x0b+\xc0\x14N\xd2\x1a3e\xd1\x97\xd8m{\x98U\x98\xa3\x0b5\x08\x81!\xd7\x16+Yz \xe0\x99\xee\xa1\x82\xd6\xe9_1\xc5c\xb5\xeb\x98\x03\t\xad\xe3\xa8\x92_G6\x936\xdc\xc9\xc0 F\x96\xfd\xaa\x91\x0b\xd3\xe3\xdeu\x16;[cBs\xf5\x87\nA\x19G\x05\xaf\xfda\xdd\xb56j\x06\x8c\xcf\x9d\x06k\xc4\x10 \xc6\x0f\xadk\xae([\xd3\x8c\xdb\x0cM\xce\xe1\xbc!;\xbfO\xac\x1d\x18\xa6\x9f2\xdf\xd6\xa5,`\xe6/m\x8b\xd6\x11\xaa\xfcb\xcb7b\n\xc3\x85\xf0O\xa7z\xc9\xfb\xb5\xc20~\x8c\x89\xa4)\xfa\xfdMc\x16^\x81M\x9c\xa7\xb4\xf8\xa9\x99\x81U\xe8Up{\xd0\xe3\xd9\x08\xd0\x04\xd9\xc2\x98Nv\x8e\xcf\xf7\x02TJ\xaee\x1eZW\x93\xb0L\x90-\x8e\xfeG\xb8\xeak\xa5\x96\xd5\xcb\x1b/\x97w\x89\xf0\x91B\x05\x05e\xdc\xb1\xa6\xc6\xed0|\x1b\xb1\xd7\xf3\xcb\xb1H\x10\x0bB:XK\x96\x12\xa2mD\xcd\xa8d\x0b[\x18\x12\t\x9f\xeb\x001\xb6\x1c\xcc\xd9\x8fO\x11\t\xddZ\xf5t\x8d\x1e\x08Wd\r\x8f\xa2\x85=\x0e\xb3\x173\xfb\xa7\xb3\xe8\xec\xa2\xc7\x1d\x0e\xb5\xc1\xda\x18\x15\xc0Q$Q\x81R+g\x8aRs@n\x19\x17&amp;\xb6\xbd\x17l\xed\x12\xab{q\xed\xfak\xc2\xd0\xfb&gt;,\x8d\x85\xe4q.\\\x98\x88\xfd3\x02\x82\xba\x00\x93\x943\x96\x02,\xd5q\x9c\xdb\xdd\xbc\xe4rs\xb2S\xf6K\x9fd\xf6\xd9n\xe6W\xdc\x02\x1fG\xd4\xf8\xcaD\x9cg\xa0\x86\x85[\xf3\x8c&lt;\x0c\xf3\x9c\xde\xddH^\xcci\x0f\xc6C\xc0~\xbf\x92\x81\xd2/6(\xf9\x8f\xd8\xdcn\xc8\xb4#:\xd4\xd3\x9f2\x96\xf5\xa3\xe2\xadD\xa3\xeb\xcf\xcf2\xaa\xf3\xc5iQ\x9b61uR\x1a\x8dxR\x10\xe4\x84{g\xd73d{\x9f\xa5 #\xcb\x16P&gt;\x04\xfdY\xcb\x18\xfb\x0b\xb7mu\xd9\x13\xfa\xc8\xdd\xe5\xb2\xacgV\xc0Xb$i\x92I\x13\xcd\xb0)~\x98\xd0d\x9b\\\xda\xe9\xb5\x17xwa^\xf8\x15\x00\xd1q\xf8\xfc\r\xfa\xe5\xd8\xb0\x88\x1a2&amp;9?%&amp;\xce[\xc5Uv+\x90\xa2r\x11\xc6\x00\xbd=\x85\xca\rA\x9e\x06\x07"\xb1\xa2\xf9\x00\xb7\x8b\xa5cG)\xcf)M\x93\xf2r\x94\xcfU9\xd8\x9d \xec#\xcf\xf7\xaaZ*\xdb&amp;,R\xc0\xc3\xb9\x90^\x84n9\x08{\xf9\xb8S\xd3\x01\xc2\xcfr\xe4\xe6,\x1c\xe5VL\xee:U\xd4u,\x01\xd4\x80\x1c\x94\xfc\xdfj\xa6\x98\x9d\x85\xc0\\\xac\xfb$lZ\xe6\xbf\xfb\x82\xa2\xe6\x99\xd9\x85*-\xaa{2YEB\xb2\xab\xf5\xf9#a\xcd\xc5Y\xa1L\xf5MX\xc9:8\xf7\x11jE\\\x0f\x8eFnP\xd6|\x89\xa4\xc7\x8e\x15\x8f\xce\x7f\xa3\xf0\xf5h\xd6*\xbd\xa2\xba\x13\x82}\x05c\xc4\xddJ\\=F\xc5F\x1c|a?\xdfMOjm\x9f[\xccuJ\x07z\xce\xc5\xa6\xf7\x141\xb2`q\x1c\xb1#4\xeb\x10bqCZ\xbd\xfb%\x1c\x9b\xe8[\xb6\xbd\xff\r-\x02\xc9\xd1W\xce\xb1&amp;$\xfeA1iKv\x0b\x84\x7f\x14\x94%\xfblz\xe7\xa1F5h7\xce\xd4}\x9ac\x87\x01\xcbp\xa7-\xfb\x90\xccZ\x99\x05\x01,\xd7\xa6Ho\xbc\n\xa5n\x7f\x8c\x17\x17\x18\\\xbe\xf7\xe1\x02\xc0\xdcis~Ye\x8f`x\x98\x10\xe8'</t>
  </si>
  <si>
    <t>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</t>
  </si>
  <si>
    <t>b'a\x83\x0f\xd7\xd4\x1c\x0b\xe4\x82\xd9\xa6d\xa7\x8a\xd3\xd1'</t>
  </si>
  <si>
    <t>ational interest.
 The use of export subsidies as a policy tool usually has more to do with the peculiarities of
 trade politics than with economic logic.
 Are foreign tariffs always bad for a country and foreign export subsidies always bene_x0002_ficial? Not necessarily. Our model is of a two-country world, where the other country
 exports the good we import and vice versa. In the real, multination world, a foreign gov_x0002_ernment may subsidize the export of a good that competes with U.S. exports; this foreign
 subsidy will obviously hurt the U.S. terms of trade. A good example of this effect is
 European subsidies to agricultural exports (see Chapter 9). Alternatively, a country may
 impose a tariff on something the United States also imports, lowering its price and bene_x0002_fiting the United States. We thus need to qualify our conclusions from a two-country
 analysis: Subsidies to exports of things the United States imports help us, while tariffs
 against U.S. exports hurt us.
 The view that subsidized foreign sales to the United States are good for us is not a popu_x0002_lar one. When foreign governments are charged with subsidizing sales in the United States,
 the popular and political reaction is that this is unfair competition. Thus when a Commerce
 Department study determined that European governments were subsidizing exports of steel
 to the United States, our government demanded that they raise their prices. The standard
 model tells us that lower steel prices are a good thing for the U.S. economy (which is a net
 steel importer). On the other hand, some models based on imperfect competition and
 increasing returns to scale in production point to some potential welfare losses from
 the European subsidy. Nevertheless, the subsidyâ€™s biggest impact falls on the distribution of
 income within the United States. If Europe subsidizes exports of steel to the United States,
 most U.S. residents gain from cheaper steel. However, steelworkers, the owners of steel
 company stock, and industrial workers in general may not be so lucky.
 International Borrowing and Lending
 Up to this point, all of the trading relationships we have described were not referenced by
 a time dimension: One good, say cloth, is exchanged for a different good, say food. In this
 section, we show how the standard model of trade we have developed can also be used to
 analyze another very important kind of trade between countries that occurs over time:
 international borrowing and lending. Any international transaction that occurs over time
 has a financial aspect, and this aspect is one of the main topics we address in the second
 half of this book. However, we can also abstract from those financial aspects and think of
 borrowing and lending as just another kind of trade: Instead of trading one good for
 another at a point in time, we exchange goods today in return for some goods in the future.
 This kind of trade is known as intertemporal trade; we will have much more to say about
 it later in this text, but for now we will analyze it using a variant of our standard trade
 model with a time dimension.11
 11See the appendix for additional details and derivations.
 128 PART ONE International Trade Theory
 Intertemporal Production Possibilities and Trade
 Even in the absence of international capital movements, any economy faces a trade-off
 between consumption now and consumption in the future. Economies usually do not con_x0002_sume all of their current output; some of their output takes the form of investment in
 machines, buildings, and other forms of productive capital. The more investment an econ_x0002_omy undertakes now, the more it will be able to produce and consume in the future. To
 invest more, however, an economy must release resourc</t>
  </si>
  <si>
    <t>b'0E\x02!\x00\xf5\x11\x9d_\x1c\xf98\xdf\xa5\xf9\x8a\x15\xf25\xef\xd5\xe6h\xb7O9\x14\xc5L\xb5Q)\xf4\xc5\xa6r\x99\x02 \xc5\xf0\x83O\x15\x8em,\x11\xfakX \x14\xa9}\x81\xc4\x1c\xf9\x17\x85\x0fI\xd4M1\xb01#Y'</t>
  </si>
  <si>
    <t>3045022100f5119d5f1cf938dfa5f98a15f235efd5e668b74f3914c54cb55129f4c5a67299022020c5f0834f158e6d2c11fa6b582014a97d81c41cf917850f49d44d31b0312359</t>
  </si>
  <si>
    <t>b'0E\x02!\x00\xf5\x11\x9d_\x1c\xf98\xdf\xa5\xf9\x8a'</t>
  </si>
  <si>
    <t>ring our senior year, I got
 second place for â€œMost Likely to Succeed.â€ I lost to him. I hated that he beat
 me.
 Toward the end of that year, he and I were in a small, after-school group
 together. After four years of carrying around hurt, insecurity, and fear, I
 worked up the courage to confront him.
 We were alone in a classroom, and it was awkwardly quiet. I cleared my
 throat and said, â€œHey, can we talk about that day in eighth grade when we
 stopped being friends?â€
 He looked at me funny. â€œHuh?â€
 â€œYou know. The day you said you didnâ€™t really like me and just felt sorry
 for me.â€
 â€œI never said that,â€ he said.
 I felt like Iâ€™d been slapped. I remembered it so vividly.
 â€œYes, you did. Iâ€™ve thought about it every day since then.â€
 He said again, â€œNo, I donâ€™t remember that. Sorry.â€
 It took everything I had not to scream at him, punch him, or both. â€œWhat
 do you mean, you donâ€™t remember? I literally hid in the computer lab every
 day after that!â€
 He shrugged.
 I was completely shocked and a little speechless, but I managed one more
 question: â€œWe havenâ€™t talked in four years. We were friends, dude. Havenâ€™t
 you wondered why I disappeared from your life?â€
 He shrugged again. â€œI . . . I donâ€™t know. I hadnâ€™t thought about it. Iâ€™m
 sorry.â€
 And that was that. He claimed no recollection of the incident. To be fair,
 we were just kids when he said that to me, and when I confronted him, he
 was eighteen and his life was pretty well set in order. He was a school award
 winner and headed to a prestigious university in the fall. He had moved on,
 but I played that conversation over and over in my head for years.
 There are two reasons I wanted to tell you this story.
 First, every time I share it with another entrepreneur, they nod in
 recognition. Most entrepreneurs have felt alone at some point in their livesâ€”
 they all have their own version of my story. A huge number of them are
 children of divorce, too. A common thread of abandonment, marginalization,
 and feeling dismissed and devalued seems to run through our experiences. If
 youâ€™re seeing some shade of yourself in my story, I want you to understand
 youâ€™re not alone.
 The second reason is actually far more important. If it werenâ€™t for that
 kid, I wouldnâ€™t be a millionaire today.
 You see, I hid in the computer lab every day because of him. And in that
 computer lab, I learned to build websites. I learned how to drive traffic. I
 learned how to write. If it werenâ€™t for him, you wouldnâ€™t be reading this
 book. If it werenâ€™t for him, you wouldnâ€™t go on to build the business thatâ€™s
 going to set you free.
 My point isnâ€™t to preach some platitude about how everything happens for
 a reason. My point is that there are things in your life that have happened that
 werenâ€™t fair, and while you canâ€™t change that they happened, you can turn
 them into the fuel that will drive you to succeed. Those painful moments are
 the ones in which you either flee or take a stand and decide to make a change.
 Taking Ownership
 Maybe itâ€™s coincidence. Maybe itâ€™s a pattern. Maybe itâ€™s universal. But every
 entrepreneur Iâ€™ve met relates to this story, or relates at least to the idea of
 feeling alone. Suddenly, with no warning or expectation, they had to make all
 the decisions and live with the consequences. At some point in their lives,
 they said to the</t>
  </si>
  <si>
    <t>b'3\xf2\x933\xdf\xc2\rt\x1eM\x9b\xdf\xcd\x08"#r\xe9=\x98\x1d\xe6\tu\x13\xed\x00\xf3`\xa8\xab\xa6\xd2\x93\x8f\x8e\xac\xbe=\xa4~\xf1C,NEp8\x86\xce\xe3\xf6\r\x0b\x9f\xae\x10/\xee\xd6"D\x85\xeb+\xd8\x19\xad"E$\xdcbt\x14\xffR\x89\x86&lt;^\xba\xa9V\xcb,\xe3`1{\xc0v\x90\xd0\x86\xbb\x106\xbc\x94\x1c\xf4\x9d\x81\x97,\xa5\xf0\x19\xb72!\xebL\xe5\xb1k1-N\xee\x07\\\xe8\xcf\xf4\x90\x85/6\x92\x8f\x87t\x82\xf4\x05\xae~\xe9\xf9A\x86Eq\xd4\xaf0kc\xbb\x1826\xf7S\xf5C-\xe1\x07\xf5UP}V\xe0xs\x92\x9f\x9b\x14\xfcK\xb9\t\xf5\x98\x07\xe8l\x02t\xd8-\xbdM\xbc\\\xc4C\xff\xd4\x17R\x07\xa6[\xe8\xc7\xd9BJ\xc5\xf5\xa26g"hm\xb6W\xaf\xc3:\x05\x96A\xa6\xfb\xb5vO{Mh\xee\x0c6.o\xa5+\x96\'\x0bd\x16 \xcf\xdf\xad\xfe\xca \x1aP\x9cei\xec\x89\xc0W|\xb7\r\xf3\xf2\xd5ZD\xdb&gt;9\x1a\x86H\xccjz\xe4\xfd\x1eI2\x17:\xdf\xc3-]+2z_\xac\x07G\x95\xf8\xec\xcc%d\x0c\xc9\xe0[\xf4k\xa1:"\x93\x9f\xe77\xbb\xf8s\xf4\x95\xa9%\x85\xf1\x93\x86Y\xa4\xec\xb6^cGX2n\x02BOb\xb4\xa0\xdd\x0bL\x96\xd3\xe8L\x91o\xe6\xc9\xc8g3\xc3\x8a\x1b\xab\xf61jL\xc3\xb8\xe8\xb3\x14\x1d\xdd\x01\xd8\xda\xe7,]\x8510\xbdb\xe3\xda\x04\xbebq%rb\xccz\x82?\xa6\x97\xbb\x18k\x15\xf3\xcd\xc4\x94\xe6\xb3#\x03y\x08\xb0B\xac\xcbq35\x92\x93\xa3{j\x9f\x99\x89)\xfc\x03\x7f\xb0#\xd3%B\x95 \xe1/\xe41G\x9fP\x08\xe4\x18\xd6\xc1U\x005\xe0\xa2\xe2\x17$\xea\x18JF\xba\xcd\xc1\xaf\xc6\x91h^\xa1&lt;p\xd3\xe4\x19\x1a_a%!\x1fq\x06\x80K/\x9e\x11\xa9s\xa0LU#\xe0\n(\xbfy9\x15\xc4,\x95\xdb59\x8dN,\xd5&lt;_s\xac\x84\x87\xf0}~\xa6[\xdc\xb8U\x96hu\x8c\xe1\xddy\x92"\xcd\xee&lt;}\rf`Y\'\xac\x88&lt;2\x1c\x81\'\xbb\xf0E\xa6X\xa8 \x04\xef\xa8\xf6Q\xb5.z\xb7\xb5!\xb3\xf9g\xb4\x19P\x8b\xd8\xab\xd8\x0ec\xa7!b\rx\x0e]\xfd\xdc\xe1\xa5\x8f\xde\x95\xde$\x86\x17\xfe\xddn\xf6\xf9\r\x0e\x01\x8f\x80t\xa8H&gt;\x08\xff\x87B\xc4\x1d\x89\x84\xc7\\#\xde\xe4\x9e\xde\x99\xebLz\xd6[\xdev\xda&lt;#\x8cj\x1cfk\xa2O\xee\xa4\x8a\xb5\x95\xc62t\xff\x07\x10\x99o*"\x83{\x1b\xb2\xa0\xf4\x1c?\xf2\xc6j\xd6\xdc\x13CIW\xda\x1d\xf6#7\xe8"3\x96i8\xa3S\xd6}\x12p\x82\xdd\xd8MW[\xab\x07\xe0\x96\x93vZ\xe2\xff\xc2R\xd1\xa6\xa4e\x94\xa7?\xecK[\xcc\xfb\xfbWdZ\xcd[\xcb\xedq\x93\xceY\xc8\xffnx\x14\x1e\xf1\xac\xa4\xb3iI6\xaf}\xad\xbd\xf1\x04+\x15\x0fjd\x1a\x1c\x99#\n"\xfeG\xbc\xa7\x97q2\x9b\xbd\x88W\xf3d\x97M/C\xe8\xc5\xfeb4\x94n\xba\x8f/3\x03y\xd8\xf9\xa0\xfcO\xf8\xfcYF\xbb\x81K\x03\xc2\x11\xaf\xda\xa2\xa1"T\x1b\xe7,\xf8\x06\x82%\xba\xe0V"\xbd\x0f\xb0\x16Z\x04.\xc2\xcd\xa7\xd1\xcf`\xc2\xb7\xa3\xd3\xe3\xea \x1df5\x04\xd0{8}\xd0\x9b,\x81\x85\xd2I\x85\xa3\xb1\xc1Y\xcdV\xb9\x7f\x0bg\x10\x00\xaa(\xc6\xa5s\xae\x8e\x15\xda\x11\xa4yX\x86\x85\xb4\xd7\xa3\xae[T\x055\xb5MS\x14(\x9e\x00+\xb6\x92\x95\t!.M\xc2"\xb9\xeaay\x98\xeak\xb9R\xd0\x80\x9e\xdf\x9f\x84\xc6\xb76t\xc1\xaa\x0b_\xb5\xe4`,\xe7\xe5#\xb7j\xa8\x98\xdd\x86\xbb\xc2\x05\r\x7f\x8f&gt;\xe6;\x1aWiY\xd2H[Z\t\x8d\xe9\xb4\xfa_D\xefepJ\xe3W\x95Q\xa8X\xe9\xfd\xb9V\x005?\x10\x9d\x97\xdd(\xc0E\x17\xdar\xa4t\xebFX!RK\xc5%\xc7\x01\x82\x89\x07*W\xc3\xb5\xc1\x0e\xaa\xc7\x93\xf4\xf2)\xce`\x86WT\xed\xe2\x8a\xa4o?K\xa3=0\xf0\xaa4\xe3SZY\x07\xc2\xbb:\xb5\xeb\xf2\xc2\x8e\xa4\t J\xbf\x9d^\xfao\x1c-t\\a\xcd\xed\xc5\x1bW,A\x96_0\xb3\x13\xf4\n\x8a*X\xe7\xb0\xf5\xa4\n\xf5\x1b~\xad-\xf6\xd9\xfc\x7f\ts\xc2Mo~n\xaaFdu\xcb\xc3\x99:\x86Q\x95\xa1T\x15\xccIgSR\x83\t\xf1\x9b\x9c2\x15TU\x96\xcd\x7fu\\+\x8d&gt;\x88&gt;\x9aq\x83\x89\x89\xd1&lt;\x95\xa2\x0c03\x1daS\x0c\xa8\xd8\x9bV\x14\x1eq\xa7;?a+\xf2J|\x03Bk\xd0\xd1WnP\xdfsUS`\xbb\xed\x8f\x19\x0b\x046}_P\xa0\x9a\xf3\x19\xed\xc2=\x81\xdc\x93\xa8\x83T\xb1\xcd\xd3,\xf9\xf9}\xa7\xf1\x99\x828\xb2\xfc\xd4\xd5a\x8drU\xe4J\xb5`-/p|\xba\x18\t\x9cW5\x85It\xf6\x1d%\x99?R`\xc9@p\xf7\x0c\xd0o\x91i\x82\xc9\xae2%\x98&gt;\xa4gw/\x98\x10\xa1+7\x1d\xe8+j\x00\x86\xb0Fl\xdf\xdf\xff&amp;\xb8\xe83\xea\xe6\xd9 \xae\xee\xfc\xa1\x15^K\x1f\x1d\xd3k\xdd\xaa\x8a\xe0";Uc\x9d\x81\xc4\x1a"\xe5q\xc7\xa8\xc6W\x06w\xf0\x90i%\xa2Zy\xfb&lt;\x88\x81\xb8\x80\xa4\xe0:8)\xc61fu\x1b\xc2n\x05\xce\xad\x0fz\x01PMd\x9b\x07=u\xddO\xf6X\xc5\xe2\xf8\xe3\t\xf6fG\xa5T8\xb4\x17A\xf5,\xcb\x0e\xf5\x87\x06GKnY\xaa\x10\x9dqJ\x93S\x11&amp;\xff&gt;\xabR%\xc3\xb1\x05\xe6\xbd\x9a\x1c\xac)\xdf-((\x14;\xef\xf5~j\xe1\xde\\!\xba\xa2\x82\x0e\\\x02~\x0e0\x91Y\xc4\xa2\xfb\xc6\x8d\xebo&amp;52\xa8G\x08\x0bY\xb93\'\xfa\x15\xee\xf0\x17T\x99\xdd\xb9\x83\x13\xaa\xb9\x8aQD\x94U\xb0p\x02\x9b\xba\x1bW\xfeb2\xf1\xc6K\x91|\x1ag\x84\xf9\x18I\xcf\xd7\x9a,\x84\'F\xde\xbd+-\xa10#n\x8e\x05G\x9c\x01\x96\xfd\x9c\xe7\x81\x96\xc0\xd9\x96n\xcd?P\x19\x96(w\xbb0\xdcCPU\xc4\x16\x05#\x10^\xdf\xc5EP\x03\xe0"9\xdd[\x97\xba4\xc0Y\xdazqW\xe5\xbe?\x81Z\xfe\xcb\xde5\xca\xd8\x8fH\x04\xa9\xa8o)8\x91\xdfa\x9d\xec\xce7\xd0Pg\xef\x1c}\xe5\xad%\xd8\x86\x9aIa\'\xb56\xb3]\xc4\xba5\x06\xf2\xc4\x05T#\xc7^s\x8b=\xd0Xwc\x85\x0f\x0ecJ\x89\xf0\xf2R\x1a(,\\bx\xc7\xa9[\n\x87\xedT\xde\xc9z\xe6v\xcb\x84\xc3\xc2\x0c/7_\x87\xcfDt4\xdfc\xa0i$Qbp\x08\xd4P\x9a\x92\xf0\x8bfI\x9b\x19\x04:\x90\xf8\x14\xd8y\xed)\xf4r\xd0\x83\xb5\x1c\x1a\x84\xe450\xc0\x9b\x1f\x90\xbc\x1b\xa7\x08\xd0\x02e\xe9\x03\x92\xcc\xac\xd8\xf3\xcenX\xe0\xd9I\xdb\xe4?\x9c,\r\x11\x12^\xcdF\x08\xfdlh\x1fw\xf5^\x86\xae\xbf\x9a\\J\xf0\xa7x\xf0V_pf`\xa1J\xf3V\x01m`\x8a\x16K\x9f\xee\x03~"\xa5\x02\xde\x99]\x14\xd2\xc4\xf5\xda\x99\xd9^\xad\xa7\x1f\xbf#ET\x81\xb5\x03\xf2\xc0t\x88\xadZ\x99\x12F\x80W\xa8\xbdL\x9d|f6\x17\xd9oU\xe3\xc2J\xaf\xc7/\xbb\xfd\x1da\xe2hAA5\x17=\xb8s\x07\x02e\x1d\xcf\xc6\x83\xd6\xb5\xa4]\xd6\xd7i\xa5\xa1\x88;\xaeS\xa4\x8f&lt;\x99{&lt;\x07\x12\xb8U\xf1\xe9\x1cz#X)[\x04\xe4\x9bG]Rh\x05}t=\x9e\xf4\x9e.\x16\x9f\xeb\xc3\xcb\xaf\xff\xf8wb\x8a[\xa4/\x8c=V\xd6\xde\x95\xc1D\xbb\xe3\xf4\x0e\xde\xb4=0h\xcb\x94\xcb\xf9q.l\x8d\xef\xc5Lpv\xcd\x84\x84wh\x88\x95\xf1\x03*w\x1b\x91\xbd\xab\xacRX{\xf2\xd1\x95\x1d\xbf\xd3\xf6&gt;\x98\xf2\xeb\xcb\xc8(\xb6}\x93\x90,\x81\xe0\xed\x1eM\x03\xe2\xb8\x8f\xef\xcb\xc5\xd6?R\xe09\x97\x8bob\x9f\\\xa2\xb4\x8e\xdd\x06\xf6\xc4\xc4l\x0f\xbd\xfa\xd6\x81\xda*\xb4\x90E\xe3a,q,\xa1E&amp;o\xfb\xa9\x0f\xc7\x10\x14\xa9\x15\xd3\x1dlB\ny\x13\xd0\xea\x9e\xe4\x97\xa6\xca\x11y8$(R\xd7C\x19PV\xcb\x9f\x11&lt;\xc3\xdb go`\xd2:\xcb\xcf\x99S6\x96\x944\x0cb\x0f?\xed\x14\xc8\x1f\x02O\xa2$\xa4S\xe3&gt;N\xec\xd7\x97z\x9e\x18\xd1\n\x90\x1b\\\x19+Iq\xe7Bj\xc4E\xda\xb8&gt;\xfd\xc9\x8f\x1a\x12\xa8@\xdb\x12v\xfb\xec2\xcf\xea(\xb3\xd0K\xa6\x12\xc3\x17\x85znhL \xe8]F\'3\xf7\xe8\x1f\xd1\xd4H\x0f\xab\xcbO\xa3\xdf\xab\xf50\xd1\x1a\xae\xe1Vk,\xe6N[\x1a\x07\xac\xf6\x0e\x0c/\x7f\x1fP\xa1\xa4u\xf2\xae\xb64fC]\xd3\xd7t=l\xf2!r\xad?\xdb@X\x08\xcfuO\xdf\xb2].\x8f."\x9f&lt;C%\xc9\x94\x97X\xe6\x03\xe3\xd7\xbc\xe6\xcb\xd0\xaf\xea\x00\xc2U\x88(\x9d\x9b$\xe1\x88\xfeDR\xf3\xdd\xcc\xb275\xc3#\xfd\xf2\\\x93J\x8c#\xab8\xebg.8\xc4\xf2w\xf7\x08u\x0b8\xe8\xdd\xb1N\x99\x17\xbfj\xe6T\xce\x03\xda?\x1e\x0b\x99\'\x0bi3&amp;\xf0\x0c\x953\xb3$p{F\xa62\x14M\x1c\xd6V/S\xa7RhC\x97C\x90\xff\x10\x93+&amp;\xaf\xe0\n\x06NVv\xc1\xa8Q\x1d\x88\xb8\xcd_\xc9rS!\'\xc4\xc7\x1f&gt;j[\xce\xc3E\x1c\x07\xc4\xed\x8a\x10%\x98d^\xadlg\xf0\xe4\x85\r\x1eL&amp;\x7f\r\x14kR\x1e\x07\x8b\xfa\xe5\xbc\xff\xf7\xea-2\xad\xf8\xf3b\xe3!d\xe2\xb0\xe6\x01s\x19g\xe0\xcf\x15&gt;\x1fM\xc99\xbd\x8c\xed\xb4\x08V&gt;\x02\xbe\xabBp\xb1\xd7\xaa\xfcX\xa55X\xf1\xeb"i\xe0"@\x9a\x15\xed\x14\x87\xf7\xf2\x06}\xcc\xf7&lt;4R\xbeG\xf9\x84\x00W\x1f\xed\xfc\xb7}g\x8dX&amp; G*\xdb\x15&amp;\xb8K0d\xf6\x1d\x1eV_\xd9Y\xca\xc7L\x91@-3\xba\x01N# \x92\x97\x05*\xb1\xe4\xca\x9b\xf5\xe4V\x89\x8fC\xabK\x15w\x86c\xea\xf5\x8a\xed\xbd\x0eDS\xd7\x8e\xae\x86`\x82\x92O"+\xf8\xf1\xd6\xc7\xfd\x1c\x10Xid\xaa\xaf\x17\x0b\x9e/\xf3\xef\xe6\xc4\xcd\x11\x01\xe6\x87J\xdc\xf4\'j\xc4\xd2\x9c\xef\xd4\x8a\x99W\xcc\x9e\xc8W\x02\xef\xe7\x9f&lt;\xbc\xc6\xa9\xde\x1a\x7f8\xc0%\x04\na\xab\xbf\x1f\x1f\xfb\xdbm\x84\xa4\x87\x8f\xc8\x94\xd5c\x14./\x80\xac\xa4u\xe6\xe1p\x0f\x19B\xb8\x97\xfa\xd6\xef\xcd\xfa\x1e\x83\x08\x01;D\x02\xc7MN\x06p/r0\x83\xae\x04\xc52\x17\x07\xbc\x94\xeafg\xe8_yb\x9aC+\xf0\x18T7F\x93P\x11:\x87%E9\xb8P\xc2R\x92\xf9\x17\xe1\x94\xabG\xf1\xe3(emT\xaaG8&gt;\xda\'\xd1\x0bw\xf8\x9d\xd0h\x92&lt;\xc14\x11\xacEO\x13\x15{\xf1\x8b_\x1e\xc1,5\xa0\x08\x9a9i\x08\x0f\xe9\xee\x11\xe9\xd7\x8c\xdc\x1d\x0c\xd9\xe0\x88\x8en\xd6\xb8\xd5Bv4\xb2\x88eJ^\x0cN\x94\xc6Da\xff\xc6\x18\xab\x7f\xad\xbd\x1d\x1boM9i\x881e\xc4e\xf4\xb8\xeev\xb8\xcd\xa7s\x8d\xd8\xd3\xaey\x1a\x9c\x16\xdd\xc9\xf2\\U\xdd\xabB\x16\xf8\x85\x9a\xd0\x01\x05\x94m\xb0\x1f\xb5\x97-p+\xa6\x9f\xcd]\x98\xa6\xc8\x9fY\x88\x83\x00{|\xe4\x89\xbb\x865(\xd9\x05&lt;\x80\xeb\x9c\xbf\x07 \xc6z \xde#e\x19\xd9*x\x8dY\x9eK\xf9s\xae\xa8\x82\x96\x9b\x80\xb5\x08\xa7\xd2Y\xd1u\x1c\r\x16= \xb5]\xc1v_\x8c\xbf\xe3U\xb3PMHv\x7f\x93uX\xbe\xc9t\xb0s\xff\x1b\xab"\xa8)P\x91\xea\x96\xbe\x0f\xc0\xb8\x7fdd\xd6\xb9\xe3\xb1\x05\xf5\xdf5\x96w\xc4\xbc*E\x02\xcd\x0e\xb8\xbc\x13/\xa7\x9c\x92\xe3\xfe\xac\xb1#\x12\xa4&gt;;2\xba~*\xfb\x05\xac\xd0\x88\xa0J\xc4\xd9\xa9\xfa\xe3\x1e\x13Y\x8cR\xa9\x1e@NL\x86!\x8e\x9a\xd4\xca\x08+\x1ah\xac\xeaNn#Q6(a+\xdb\xc3\x8b\xef\xb7z\xfc\xc7\x06\x8csx?=\x8b8\x00\x8f\xeeg\x83\xe0u\x1c^\xac hB\xe4\x87]\xfc\x80\xb0\xefK\xc3\x05\x99\x983\reoJp\xcc\\oF\xcbgi\xbe\xa5\nK\x873h\x93\r.\x13\xa6\x94w\x94\xaevAz\xa4\x1b\xf8\xb5\x03@\xed\x0f{\x91\xfe\xb8\x96\xb0\x8a\x17\x83!\t\xfb`\xf2k}j\x9f\xfe\x98\xac\x07\x05&lt;\xcb\x8c\x19,3\x02\xfal\xbf\x1c\x0f\x84\xf9\xb4\x108\x98\xc7\t \xa9\xdf\xf7\xc3\xb1\x88\xd6\x0c\x9d\xbd\x80\xa9\x0f\xb7\x16 G\xd2V\x06\xcb\xe2\x86\x80R\xd2l$\xd28\xe0\x08\x98\xbd\xe5\xff\xf6H\x84\xaew\x03x6`Pr\xd3m\xa8\x01TK\xdd:+\xa2tHi\x8c\xac\xab\xca\x82\x9c\x8a\x1e\x13\xa9\xe1\xfdS\xf7\x044Bo n\xb7!\x0c\xa3\x88_?\xfd\xad\x07[\x9e\xf8F\x07\x8d&gt;q\xd1\xee\xbeI\n\x02\x12\xca~nS0=\x95\xcfn\xab\xc8\xbe\xe2\xc6\xa0T(\xb7&lt;\x17CR\x14\x96\x1cZ\xc0\x0c4\xa5\x8e\xaf\xb3a\x80q\x92\x01\x8f\xa8\xd7`\xb0\xa5\x16a\xae&amp;\xe0n\xb1F\xbe\xe6\x89Z\xa9O\xc5v&gt;\xb6j\x00y\x06f\xaa\xd1\x02\xb4\xc1\x8f\xa7\xe4\xf2\xc2\x1c\xb4\x06\xbfo\xf8\xa1\xc3c\xda\xb9}\xc7\xdaSs0@R\xf2\xd6\x94w\x19\xcct-\xa1\xa1K~\x9f\xe7,F\xbc\xf8\xb0\xe3)\xc6c\xe9\x17k\x93\xe0?\x93G\xf6'</t>
  </si>
  <si>
    <t>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</t>
  </si>
  <si>
    <t>b'3\xf2\x933\xdf\xc2\rt\x1eM\x9b\xdf\xcd\x08"#'</t>
  </si>
  <si>
    <t>.
 "This is our point, Willie," he would say; "but he is improving so steadily that I think we
 shall see a change for the better in the spring."
 The perfect rest, the good food, the soft turf, and gentle exercise, soon began to tell on
 my condition and my spirits. I had a good constitution from my mother, and I was never
 strained when I was young, so that I had a better chance than many horses who have
 been worked before they came to their full strength. During the winter my legs
 improved so much that I began to feel quite young again. The spring came round, and
 one day in March Mr. Thoroughgood determined that he would try me in the phaeton. I
 was well pleased, and he and Willie drove me a few miles. My legs were not stiff now,
 and I did the work with perfect ease.
 119
 "He's growing young, Willie; we must give him a little gentle work now, and by midsummer he will be as good as Ladybird. He has a beautiful mouth and good paces; they
 can't be better."
 "Oh, grandpapa, how glad I am you bought him!"
 "So am I, my boy; but he has to thank you more than me; we must now be looking out
 for a quiet, genteel place for him, where he will be valued."
 120
 Chapter 49. My Last Home
 One day during this summer the groom cleaned and dressed me with such
 extraordinary care that I thought some new change must be at hand; he trimmed my
 fetlocks and legs, passed the tarbrush over my hoofs, and even parted my forelock. I
 think the harness had an extra polish. Willie seemed half-anxious, half-merry, as he got
 into the chaise with his grandfather.
 "If the ladies take to him," said the old gentleman, "they'll be suited and he'll be suited.
 We can but try."
 At the distance of a mile</t>
  </si>
  <si>
    <t>b'~\x90\xa5\xafV\xb8D:'</t>
  </si>
  <si>
    <t>7e90a5af56b8443a</t>
  </si>
  <si>
    <t>. I have known
 ladies to do it now and then, and this gentleman, and one or two others have given me a
 pat and a kind word; but ninety-nine persons out of a hundred would as soon think of
 patting the steam engine that drew the train.
 The gentleman was not young, and there was a forward stoop in his shoulders as if he
 was always going at something. His lips were thin and close shut, though they had a
 very pleasant smile; his eye was keen, and there was something in his jaw and the
 motion of his head that made one t</t>
  </si>
  <si>
    <t>b'\x16\x90\xc2\xc8\xca\x08]\xd2'</t>
  </si>
  <si>
    <t>1690c2c8ca085dd2</t>
  </si>
  <si>
    <t>we shall see, were of daily occurrence; but about this
 time Peter invented, with Wendy's help, a new game that fascinated him
 enormously, until he suddenly had no more interest in it, which, as you have
 been told, was what always happened with his games. It consisted in
 pretending not to have adventures, in doing the sort of thing John and Michael
 had been doing all their lives: sitting on stools flinging balls in the air, pushing
 each other, going out for walks and coming back without having killed so
 much as a grizzly. To see Peter doing nothing on a stool was a great sight</t>
  </si>
  <si>
    <t>b'\x1e\x97\x8a\x8d\x93\x0b\xb7G'</t>
  </si>
  <si>
    <t>1e978a8d930bb747</t>
  </si>
  <si>
    <t>olesale mutation of the great classical cults of the empire, whose grotesque remains, preserved in
magical spells and mysteries, resembled once-fresh food that had rotted (Barb 1963,
1971; also Luck 2000: 204).
In contrast to these romantic perspectives, which viewed the religious trends of the
Roman Empire as amounting to a progressive decline, another perspective sought to
discover a kind of anticipation of Christian truth â€“ a praeparatio evangelica â€“ in the
scope or nature of religious movements in the Mediterranean world. Scholars of this
inclination have claimed to identify a pervasive anxiety or existential yearning, a need
for â€˜â€˜salvation,â€™â€™ a general dissatisfaction with tradition, which Christianity was then
supposed to have resolved. Such evaluations are inevitably motivated by theological
assumptions about the â€˜â€˜needsâ€™â€™ that Christianity uniquely answered, such as the
salvation of the individual or anxiety about evil. Christianityâ€™s rise could thus be
seen as historically or culturally timely, even necessary, given the lamentable state of
the great temples or the chaotic marketplace for mysteries and magic. These kinds of
evaluations about Christianityâ€™s ultimate inevitability all underscore the dangers in
broad generalizations, especially those with an eye towards â€˜â€˜Christian triumph.â€™â€™
Thus the papyrologist H. I. Bell concluded his lectures on the Greco-Roman transformation of Egyptian religion:
Later paganism . . . died with a kind of mellow splendour, like a beautiful sunset, but
dying it was. It had been conquered by the truer and finer religion, for which it had itself
prepared the way, a religion which at last brought the solution of problems which
paganism had posed but to which it had found no answer. (Bell 1953: 105)
Study of the religions of the Roman Empire must avoid preconceptions about
spiritual needs, their fulfillment, and the capacity of historical Christian groups to
address them. Christianization itself was a diverse, regionally-specific, and sociall</t>
  </si>
  <si>
    <t>b'3C\x0e\x05k\xd3/c\xf4\xab\xae\x0bD\xc6&amp;]"\xd3\xbcf\xad\x07E\xa5\xc1l\xe3\x00\r&lt;\x7f\x154\xd9\xdc\x0b!B58I\'\x9c\x8b\xce\xa3\xb7\xc4\xa2P\x14\x0f\xeagp=\xf4 \xd3\xaa\x80[\x87I\xf4\xb4\x84\xba\x8a\xec\xeb\x87\xbf\x1eOYt\xd3\xd2|NEc\xfe\xca\xbf\xdf\x04\xe6z\xadm\x87a\x1c\x86\xa87\x0c)\x87E\x86_\xcb\xc0(\xd8\x16\xfc\xd4\xd9N\xfao\xfe\xa6G\x0f\xafMl\x94\xbfy{\xa58x\x8d0M\xcd\xb4\xe2\x84\x8e\x85c\x19\xa9\xf3\xa3c\xa9\xd7l\xb1\xaf\x0f\xcf\x92\xca\xd49^\xa0\xcc\x81\x90R\x9b\xaf~^R\xd7\xd5%\x96\x18D \xcc\xcf\x9d\x80f\x96\xcd\x82.j\xc4\x02\x919\x1c\xb0G\x89J&lt;\xbc\xa4&gt;Uv\x1b\x80\x9b \xb3\x14;\xc3F\n\xfe/t\xeb\xa2"\x94\xbc\xff\xba\xc4+(\xc0N}C^\xf9\\\x9f\xea\xe7lp3j\xe3\xfc\xe9v\xae^\xeaI\r]\xa6\xcb\xbfB\x19r\xc8\xd1\x02\x1cJ\x16\xaf\x9e\xbe\x9c?\x03\x01\xf8\xff\x19\x7f^j\x0e_\t\r\x04\x01}\xd3\x9a\x9eF\xa2\xb9\x90\xc5&lt;\x02S]\x1c\xde|1\xee\x84\x0bY\x16\xbc\\T*\x03Q\x02\x93\xd2\xcae\xbc\xb8q}/\xe0\x9a\xd0\xaa\xd4\xe7b\xaa\xb7\x0b\x97g\xb6I\xe4\x16\xf0NB\x08\xee\xd6\xa8R\xdb\xbb\xa1\xd5^\xde\xe0O\x87\x0fGM\xa9l\x8c\xffz\xa4\x88\x92\x1d\x08\xef:\xc6\xcd&amp;+ R\xad\x9b.\x8c\xd8B\x82\x0eU\xcc~6\xba~\xb5\xa7@\x86I\x11A\x08\x12c\xbf\x98\x80\xf3\x84\x05\xb0\'\x85\xad\xb7\xba\xfd\xed-\x885\xa8\xf67T\x99\xd8|\'\x95\x8fg\x13Rp:\xfb"\\f\xaeN\xfe\xfed\xf0\xef\xfd{\x15,\xca\xea\xaa\xc2\xcc\xdd&lt;T \xcd\xc0\x7f\x1ff\x12_\xe6\xf8\x03\xdb\xa9\xc7\x8e\x9b\x9b\x1f\xf38`E\x7f\xd0\x95\xd8\xfb\x8d\x97o\xdd\xa7\xd0.\xe2m7\xb0\x8e+\x91\r#U\xbdD\xc0L\xbe\xba*\xe8\x8c\xb7\x0f\x8a\x8f\xf3\x15\xd3\xc7\xfc\x05\x10j,\x8f+Z\x88}D]}\xc6\xde\x00.\x07\xf5\x8c!:\x13\x95\xc7g.\xd2\x13\x1a\xaf1Y\xbc}3\x1f\x9f\x95\xd57zb\xfcR\x1b\x83Z\xb3|\x05\xc4\x97\x16\x9b\xf2\xf5\\5\x8eP\x0b\xa3\xc4_x\x12\x9a;\xc1M\xe2\x9d\xbc\x06\x898a\xd5\x9e\xbc\x13\x9f\xf4+\xb3\xd9\xe6\xc7\xfd1|\x12\xb4\xd6\x9f\x99\xa9\x1b&amp;m\x1f\xa7X\xf7Rz\x06S\xfb82\xbd\xcd\x9f\xd72c\x83\xf39#\x10\r\r\xbc\x89\x88\xe0\x0bCs\'\x10\xce\xd2\x0b^\x95\x0c\x06\xff\xd8p\xf9(\x91C\xf5\x98\x91\xdf8\xf7\xa2\xc1\r\x15\xd7\xbd\x9a\xcd\x1b\xbeU\xa8\xae\xfb[z\x82\xe0&amp;\xb2\x10\x1b\xd9Fe\xda\xceA&amp;N\x03^$v\xed\x05\xa4\x88\x9a\xb7\xe9\x8b\x8e=Fp6\xb5\xddfPC\x85\xd9&amp;=\x9eh\x01\xa6\x9e\xfe\x14o\xa2A.\x02\xb0\xf3\r&gt;X\x997\x89\xf7\xe4n\x19u\xf0\xf1\t2\x0fX\x8ar\x1eY\x8d?\xd5\xa4u\x07\x03\xfa\xc2\x0c\xf8\xa0&amp;\xe0\x16\xc9\xe2\xd2\x0c\xf6u\xfeM\x05\x91\xbb\xb1?7"[\xee\xd1~\xef^\xc2\xaa\xcb5k\xe6#)\xf6J\x04o\xf0\x10qB\xb8\x0f|GT\x01Z\xa8p^w.CjXD\x9c93\x19\xa9\xd4\xbd\x1eR\xe1t\xeb\x17\xc3F\xac\xd37~\xc2\x8fqY\xc3Ld\xc1/?\x16\x06G\x17\x9b\x9e\xf7\xca\x9b\x08\x8cV\x16\n\xb4\x81\xb5\xc5I\x12Ws[\x90_\xd9\x9c\x89G}9\x85~\xd6\xf4\x10\x1f?\x8c\xad\xa1}\xad\x10\x9b+\xb5\x11Y\'\xf0\x15W\xb2\xb05\xd4\'\x92\n,9@_\x0c\xa7\xf9\xbe,\xff\x8ba\xef`\xe8\xc8T7(\xf5\x10\xe0\x90\x89}~\x1a.|8\t\x9b\xe1\xe2\x92\xe8\xdc"\x8a\x03l\x81\x11-=#\x126O\xe1~\x10\x7f\n\x843\x88\xc3S\x89\xfaM\x81\xb6"\xcb\xd8\x1f\x9a\xbd\xe9\x1f\x9b~\xf7,Lf\x00\xb6\x1c\x9d\xdc)\xfd\x01u\xb9`;\xc6\xef`k\x95\xb7b\xac\xdb\x8a^\xc5o\x81\xda\xfc\x02F\xdc[\x9a\xf6\x89\x9b&amp;\x1eq`\xe2\xce\xfc/r\xce\xc9\xe8\xfe\xb7d5~4\x0b\xf2\x9e.\x9c\xcc\xa9\xa7\xefF\xc0\xe7\x93*\xcd\xe6\xfc\xfcC\xe2d\x15z\x8d\xb8\xe2\xcf`\xdaAq\x08\x02\x8f\xd8\xc3\xd7H\xda\xad-\xfc\xd0\xc4\xd2.\xbb\x8c\xb0\xa7\x9d\x9d\xce\r\xf7z\x03.\xfb\xea\x10\x8e\xbd\xc2\xc6j\x98%\x03D\xa0\xcc\xedY\x86\xb9\x113e\xac\xa2IZc\x92\xb2{H\x8a\xb2~\xc4\xa92\xf0\'\x0bA\xc6B\xc0\xa5\xa0\xf52W\x0f\xe6\xc4F\x0cm\x89+\x8f\xe5\x92\xce\xa1\xebd\x90\xd0\xe4\x10\xbe\xe9Y\xff\x0f`\x82\x99\x02\x87\xce\x1e\x97\xf4\xd4\x06k\xa3FL\x05gBo\xa1\xc0\x1f*\xe9N\xc2\xd7D\x9c3d\xed\x89n\xfau\xc0\xfb4.\xa5#\x87%\x9b9s\xe7\x02\x1e\x9c\r_\x86\xa5P#M?\x8f\xd3\xa8\xc8\xff#z\x17\xd2\x92\xb7\xf5\xe1\x01\x18\x81\xb8}*\xf3h\xdbb\xe2\xf3\xbe\xf1\xca\xdc,\xee6\xf8\xdf-\x1c\x9aw\tJ\xf4\x80\xf4i\x08t\xee\x98\x82\xec\xec\xf3\x83\xfci\x01\xec\x14\xea\x82\xcf\x17\x1e\x03\xa0zi\xa4\xcff\x17\xc5\xcd\xfaJ\x1d%\xbd\xfcl \xc1\xfe\r\x03\xf3\xb8p[\xe2w\x19\x13\xafS\xf0\x16(\x8b&amp;\xd5\x89\xb8\xf7\xb8\xc5|\x95\x1e\xec\xdd\x90\x197:\x8a\xc8/\x04\xff\x10\x82D:\x87\xad\xa1\xc5NN\xda\xca\x99`m\xbc\xb14z6\xa2)\x108v\xa0?8\xf0\xd2\xc6\x1a\xce\xad5\x1ee\xcc\x98\xbez/\xd3\x9b\xefze\xd3\xd5\xc4\x9b\xb6\xb7\x06J$H\x0cW\x07\xeb3a\x8bY\xbc\xe0\xe4+\xadsLX\x03\x08!\x85_\x08\x95\x848\x1c\xff\x9agu^\xc8\x8fW`\x82r.p\xc7IM-\xb7L3\xbd@\xbaB\x8e\xcfz\xf4S\xa5l\x80\x8a\xbc\xdf6k \x9c0\x96\x7f\x85\xedO\x08\xbb\xbeU\xbf)\x8a\xda(\xe9\xbcN\x91\xc0\x18,\x98\xd9\x83!P\xf8;\xc6\xfbZZE\xd2[\xdae\xc1]\x91alO\x9a\xeac\x13\x8c\x16\xe6\xce\xc8W\xef\xdb\xca\xbc"\xf8P\xb6\xc6\tk|=\xfa\xc9$\xd7\x0b\x93\xff\xf0\x1a\xc3U\xb5/\x93,\xa0\x10\xc2M\xbdJ\xd0&lt;\x88E=\xfeYD\xe9\xccb`*\x9b\xa2\xe0\x02\xfd5\xe0\xffJ\xe4E)i\xcf_\xe0\xdb\x88i\xbf\x05\x04FK\x88{!S\xbcg\xec@\xad\\:\x11^\xd1zh\x95\xa9\x12\r\xaa\x8c!\x10\x1e%.\xc7\xba1\x0c/\xee\xcb\x08\xcas`\x1a\x8e\x98s\n\xfcR\\\xe3\xe1\x04]J\x1e\x03E\xde\x12\xb8\xbf\xd4\x02\xbfr\xa5\xf7\xee\xcb&gt;\xcc\x95\'\xd0\xc1\xaaF\x07\xd2]\xb8P\xa6\xaf\xd7Z\xfe\xd8&lt;v\xe8\x8a\x06x\xdf\xff\xdb0q`\xc1\xe6\x16=\xd8\x92\x97\xd6\x89\xfa@\xee\nN\xf26\xf0\xabm\xe4I\xb60\xec\xee6\xfd\xedC\x88\xf4#\x15\x9e\xbf\xe8`8\x90\xc7:\x81\xbe\x14\xba\xef\xca\'F\x06\xb6I:g\x9c]z.o\xe9\x97\x05{?\xeff%lZ\x1c\x91\x91\xe2\xfbe\xe7\x9f\x04\xdb\xcc\x9f\xf7\xb8\xd4zB1\x05\xac\x9b\xfdzn4\xbc\xcd\x084M%&amp;0\x95\x7f_\xa9\xab\xf3\xc7%c\x8f\xa1\xf0~\x8b\xffcJH\xcbO\xccR\x9f?.\xcdO&lt;j\x83\xb7\xf0\x0c\xdf.\xe7\xdb\x9fs\xc6\xf6g\x00\x81*}\x08\x14Y\x9d\xd7\xd6#\x96\xd4\xa2\xdb\xb9\xa0U\x13B\xf6\xc5\xd1.;\xc5\xc4\\\x04=&gt;\x14)\xd1\xb9\x06\x8bb\xf3\x1b\xd2\xe0g@3D\xadj\x17"P\x1d\x88\xdc?\x99u)de\x99]VB\xd5\x9f\t\xa0\x86P\x81\xcd\xd7\x86A\x19&gt;\xa4F&lt;\x87\xfcLI\xb8\xaa\x94%&lt;6\x17\xa0\xafr\x11S\xa3\xbeMl\xad\xfd6\xd1L\x9du\xb0\x163\xcb\x07\xaf\xd5W\x92\x9d\x94\xda\x1f\xf6\xcfo\x18\xc7\xf0G\xb5,j\xbd\x19]P\r\x8e\xb9\xf3\xd0\x0f\xdb\x01|\xc7\t2\xe1\'7\x8f-\x99\xf4\xe8|\x1a\xbe\xb1\xb1-\xc6_~\'\xec\xdb\x87\x05\'\xebyn\xda`Xi2\xc5\xd8G\xc2+\xd1v/\xe8\x06\x08i\x839\xd86\xb97\xfe\xec\x1bV"\xf4\xa4\xca\xfb\r7Kalx\xe04\xe5Bq&lt;\x9em(\xe9z\xd6\r\xe6='</t>
  </si>
  <si>
    <t>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</t>
  </si>
  <si>
    <t>b'3C\x0e\x05k\xd3/c\xf4\xab\xae\x0bD\xc6&amp;]'</t>
  </si>
  <si>
    <t>it works), but we ran out of stock. It was a predictable
 outcome. Being out of stock is the worst thing that can possibly happen to
 your new business because youâ€™re essentially out of business when you canâ€™t
 take orders.
 We had to wait out the four-week lag for another shipment to cross an
 ocean and get to the Amazon warehouse. When we finally got new stock
 back in, we were essentially starting over. Yes, we had customer reviews, but
 our momentum was dead. We had to run another discount to get moving
 again. We did recover, but that one mistake set us back months.
 I canâ€™t say whether an extra month of planning would have kept us from
 making that awful choice; probably not, honestly. You canâ€™t control for
 everything. Your goal is just to take your product from an idea</t>
  </si>
  <si>
    <t>b'aE\xa3\x04\xb7wN\xa1A\xe6O\xa0\xfc\xfc\xc2x\x97\x82.z\x16i\xc1\xb2\x1fL(\x84)y\xba9\x89G\x0cm\xf4h\xcd\x9cKgL\x7f\xeeF\xed\xf8\xa5z"#\xc0Pg\x95z\xcd]\xac\x1c\x81\x84\xbc\xae\xe8\xd1\xd6\xc69\x1e\\NWp\x91\x12\xd5\x87\x90\x16B\x92\xa2\xff\xaa8\xd5\x17?}\xd2l\xcc\x82B\xb45\xa9\xb4\xb0O\x05\xff\xe4I\x8fG\xde\xd3\x91\x81\xb9\xe1\xa7\xe0N\xd1\x14\xc5\xab\x9feF\xed\x89\xc25\x96\x9bu\x1d\xb2\x9f\xd8`\x06\xb1\x1e\\\xfc\x81\xe7 \x1b}\xa0,\xfb\xf2y\xd1)h\xcc\x87\x07_\xd3\x8c\xea\xfdu\xacw\xe5\xfdiI\xac\xc5\xef|[*%\x93ti\tj\xb8)\x18R\xf3\xe0n\xa5e\xed\x82\xf4\xb6(\x04\x1e:\xe8\xdc\xe7\xd6\xa3\x1e\xd5\xf1\x9f\x8d\x80m\xb5\xec\x99\xa4\xb1\xfeo\xb5\x95\x8c\xbc\x18M.\xaap\x1fx\xb8\x0c\xe4\x03~\x08h\xf6P\x80\xf8&amp;\x96l\x9b\x7f\x95\xea\xd0#\xe2Zun\x1bc\xefl\x14\xad\x7f\xba)\x1c\x1c\xca\x81\x1e\x9av\x8d\xcf7ZD\xa2XsHoz\xc8\x9a_i\xf1\x1e\x13\xcf\xbc^Uw\xcfu\xb1\xe2=\xec\xa8\xc1\xd5\xe5+\x8b\x8a\xdf\x04\x9d\x89Z\xce\x1e\xfc\x9d\x9eC\x81\xa0\xa6\xccs\x1a\xf1\x86\x9f\xa5\xf0m\xa0\xb8\x1d\xd7\xe3\xd6^\x9d\xe3\n\xf0\n\xafFA\xd6\xfa"8|&gt;\x08J\xdc\xdaF\x90\xbf\xbd-\x15+\xcc|\xdbM\xc1qa&lt;k\xb7\xbc\xab\x9clZ\xfbr\xce\x82pw\xeb\xb4\x14\xf5\xc3\xeeM\x00\x10\x86V\x051w\xe5\xf7\xbcr\xd4\xb2\xa0\xd5\xf1ZC)rxqrF\xech?d\x0b\x93S\xe5w\xa2`\x7f\xaa\xcf\xe4\xf2\xfc\xfb\x1e\x0b\x8ax\xcc\x02$\x8bj\xff9\xd8#&gt;D\xa2\xa4\x8c\xa2\x90\x89\x9e\x056K\xb1w\xccS\xbe\xac3\xaf\x1b\xa2\x8d\xdf\xfc\xf1&amp;~T4\x1c\x1d\xd5\x90\xae\x93\xadZ\xd2U\xdeK\xee%\xde\xb3v\x1c\xd8,A\x19\xe8\xb1o\xd09]\xaa\x8e\x87\xec\xc0\xa05\xff\xfc\xb1\xc5\xaa\xa5\x9dyYLy\x81\x8b;\x05\xb4\xda\x18\x17\x9df\xc9y\x1aV\xb7\xc3^\xc8\xa4\xb6\xfb\xbf\xfc\x93\x1b\xc0\xe5$:~\xf6\x81d0\xa9\xc1o\xec\xf0\xcb\xec40\xbe\xc7\x82}\xfe\xb5\xcbZ\xceY\x9d)\xc5W\x89\xaf"lj\x84\xfdBk\x19\x9ej2i\xca\xe9g\x06\x13W\xd2\x83\x98\xa9\xfd0\xad\x1d\xd2%;\xa3\xe1y&amp;{w\xe7\xf5V\xfava\xf4R\x83\xc8\x14!\xd0\xe0\xc6\xa8xX?-v\x1a\x7f\xf5c0l\x07q\xb1$F\xae\xdaTSU\x01\x99\xa4.\xc2\xc6\x80\x18\xa1\xed\xb2Y\x92\xc2\x14i1\xc7\xe15\x14\x80CaO\xf3k\xa4\x93\xda\x8fL!\xd7\xaa\xfd_\xab\x11\x86k3s\x17\x95\x7f+\xd1\'\x18\xa9\xd9d4`\xb0eK(\xa1\xa1\x92\x84\xc4sP\x06,t\x13\xec\x8bMc\xc2\x7f\xafT\xee\x10:\xec\xb9"\xb8\x93\x9eI\x92H1\x90\xda\xab\xd8\xe3\x0b\xe2x\xea\x01\x04\x02\x05\x06\xbdL/\xca\xbb\x17\xb1\xde\xb1\x8b\xa6\x1f&amp;\xe1 \xf7\xce\xb6\x18r(e\xd6i\xda.\xfdM\xd8\xdc\x13'</t>
  </si>
  <si>
    <t>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</t>
  </si>
  <si>
    <t>b'aE\xa3\x04\xb7wN\xa1A\xe6O\xa0\xfc\xfc\xc2x'</t>
  </si>
  <si>
    <t>book like that would be a waste of time. Customers donâ€™t generally care about your story; they care about their own.
 Your customer should be the hero of the story, not your
 brand.
 This is the secret every phenomenally successful business
 understands.
 What follows is a seven-part framework that will change
 the way you talk about your business and perhaps the way you
 do business.
 Each year we help more than three thousand businesses stop
 wasting money on marketing and get their company growing by
 helping them clarify their message. This framework will work
 for you, regardless of your industry.
 xiv
 INTRODUCTION
 To get the most out of this book, I encourage you to do three
 things:
 1. Read the book and understand the SB7 framework.
 2. Filter your message through the framework.
 3. Clarify your message so more customers listen.
 Marketing has changed. Businesses that invite their customersâ€™ into a heroic story, grow. Businesses that donâ€™t are forgotten.
 May we all be richly rewarded for putting our customersâ€™
 stories above our own.
 SECTION ONE
  WHY MOST
 MARKETING IS
 A MONEY PIT
 3
 ONE
 THE KEY TO BEING
 SEEN, HEARD, AND
 UNDERSTOOD
 Most companies waste enormous amounts of money on
 marketing. We all know how mind-numbing it is to spend precious dollars on a new marketing effort that gets no results.
 When we see the reports, we wonder what went wrong, or worse,
 whether our product is really as good as we thought it was.
 But what if the problem wasnâ€™t the product? What if the
 problem was the way we talked about the product?
 The problem is simple. The graphic artists and designers
 weâ€™re hiring to build our websites and brochures have degrees in
 design and know everything about Photoshop, but how many
 of them have read a single book about writing good sales copy?
 How many of them know how to clarify your message so customers listen? And worse, these companies are glad to take your
 money, regardless of whether you see results or not.
 BUILDING A STORYBRAND
 4
 The fact is, pretty websites donâ€™t sell things. Words sell
 things. And if we havenâ€™t clarified our message, our customers
 wonâ€™t listen.
 If we pay a lot of money to a design agency without first
 clarifying our message, we might as well be holding a bullhorn
 up to a monkey. The only thing a potential customer will hear
 is noise.
 Still, clari</t>
  </si>
  <si>
    <t>b'\x92k\xb4\x05\\\xdb\xb35\xed\xa4\xb2\\\xe2\xdaEL\x9b\x9d-\x94~\xee\xab\x98d\'\xd0=\xb2*\x18id\xc0\xbeY\xa0\xaf\xfe\x01I\x03iL)\xadO\xf6\xd9\xdc\xe20\xf2\x15\xf5\xb0\x98H\xe9\xeb\x8a\xeen4[\x0c\xb6\x82\xe1\x89_\xb6\x94J\xbb\xb6\xc2c\xb8FX\xbc:\xe3\xb9\x15=H\xb6\x90`\xb0\xb9\xae\xae\xff\xce\x94U\xfc\xa2P\xcb\x9a;\xce\xb4\xeeL1\xcd7\xf6\xaa\xb6\xfdx\xf2J\x01\xc2f\x0b\x8e]%%\xc4\xdb\x04+}H8\x03\x86\x0b\x85\xc6\x9b\xa8lM\xcd82\xc61\xc6\x7f\x98\x9e1)C\xc8`\x10\xc0\x85if7\x9b\x8cF\xca:\xe0\xf1\x94!\xcc\xa0T\xf3\xa1\'\x9c\'\xe6\x91\x81\xb9Y\xef\x8f\x85\xc3_v H@\xd1\x91l\xe1\x1c_\x00\x0fCu\xbfN\xe4\x87\x7f\xdf%\xdb\x03\x00[\x12M\xe9$\x95hA\xaf\'|\x1f\x97\xbe\x84\x98\xf6\xa1\x13\x1b\xd3\x03\xb3A\xacl\xdd\xbb\xe6 \xb6\xc8=\x0e\xfc%\x18gp\xb2a\x96\x9b\x8aki\\\xd5\x02|\x9a\xb8(2o\xa3\x97\x18\xbci\xabh\xad\xc9:~\xea\x04\x95~\x01\xf6E\x1b1\x07\x06\x8fV7M\xb0\xedL\xa5\xe5\x86\x84\xc4}\x7f\x05\x05\x90\x16\xea\x93\xa7\xb8\x00\x05"B\x93n\xcc{\xb3\xc5\x95*J|\xb9&amp;\xe4\x9d\x90\xae\xea\xd7\xb3\xa5Y=\xc8\xaeFx\x9a\xe1Y\xd3?j~Sm\x82\x17\xcc+\x9fq\xabF\xd6\xb7\x92\xd5Z$\xf53\xb8\xb5\xa5@\xb4Z\xa3\xefR\xe0\x97\xbe\xfb\x9c\xedQN_\xa4u\xd2\x15\x13\xe9)\x91-\xa6\x7f\xe0TJ\xf1\xc6\x87\x1d\xc3?\xc9\xdd\x9f\x95\x11\x15\xaa\xfb\xcf\x8f\x1b\x99\xb3~\xcf\x1b\xd5\'\xc8p\x93"I\xf8\'EK\x9dr]t\tE\xf1\xff\n\x193\n\x99$x\xe6\xd2{nf\x06\x8d\x0e\x1f\x93\xeb\'_\x91\xabx\x93\xb3)(i7\xc1\xaa\x0b\xb8\xae\xfa\xb6[\xeb-\xfb)\xa1\xd7\x07\x8at$]Twg\xf0$\xb5\xe8&lt;\n\x9a+\xe6r\xcf\x93?q_\x12\xc4\x08b8i\xb6\xba\x94,\xc0\t\xd9o\x83\x89\xfam\x88.\xb3\xb4&lt;\xb4\x96\xa3\xb8w+t\x82F\x8c\xf9\xa5c\n\xc9\xed5\x1f\xa1\x88\xfd\xd2\xc0&lt;\xa4\xf8F\x11\xb88Z\xee\x84\xe0c\xbd\xb9\x83W&amp;\xeb\xa5\xfbC\xc8\xa2\xf6\x85Me]\xee"G\x0e\t\xa1B?\xd9\x8d\x18\x03z\xe9\x05C3)\xed\xef\xf2\xc9\xff\xf9\x84\xda\xd2_\xc1\x94zNx{\x9f\x9c,O=_uAK\xbc\xca\xce%\x82\x08\x89\x89\x02\xed\x97\x7fa\xe4\xa3\x14\xf1\x1d\x97\x08\xb8Bj\x88\xf1\xd8\xe3Za`\x1a\x01\xac\x04!N\t9\xd5}\x96\xfc\xf5Pc\x8b\xd5g\xb7\xa0|\t\x15\xfe\x1a\xdcV!ru\xf5\xba\xb6\x96\xce\x19\x1e0\x14H\xee\xcf\nu\xb16(\x17\xe1\x8a\xba\xfe\xb4\x83\xe5\x8d=\x993\xaf\x90\xa0\xb8M\x9a\xe0\xd6&gt;b:\xa7\xc4\xf3\xf8\xd0\xd4\xcfk\xbbn\xa35S|\x1a\xd1h \x9f\x17\x8d\xedO\xf5{_\xc8\x8c\xc7f\x9a\x92\xaa\x96\xde\xa8\xc5\x8d\xc0dp\xd2\xddP`\x17q\x0e\xda\xb3\xa5w\x1a\xd3\xa4\xe3\xe6\xd5A\x90\x8f\xdd\x13\x13c\xc4_\xa9\xc4\xf3\xcaA\xc4\n\xcbI.\xb1&amp;f\xeeQ\x9e\x0c\xdb\xaa\xe4\xda\xc7+\xba\xa0\xfe\xb0D\xaf\x88\xd9\xca\xc1\x9f&gt;X\x01l\xc2\xe1Y\xcd(\x7f\x193p?\x08\xba\xf99\x01\x02\x8c\x15\xe7\xce\xc0\n\xa2\xf0\x15\x12\r\x8f@\n\x92\xe9\xa1{q3#.\xf3\xcf\x82\x1a\xd4\x9a\x9e\xe3\x1b\x1f\xa9\x96G\xb8\xca\xf9\xd1\xd9UQ\xba\x10\x9b\xdf$\x8f!=\xaf\xf5\xcc\x88!\xf7\x00\xfc\xb8\xa47;\x87\xcc\x1ae\x19\x95S\x8a\xb3\xcb\x9e?\xa3\xe4\xc8=T\xe0\x8dK\xa71j!w\xdb!w|\xc6zp\xb6\x8ey&amp;\xd6\xcdq3\xee&gt;\x05Y\xceo=\xc9\xfe\xa4\xfb\xcf\xa2\xc7E.\xd7o%\x92\xec\xe3KG\x1do5\xa1\xa4\x106\xde\xeb\xf2v\xeaUb\xf1[&gt;\xf6i0\xbb10\xe7S\xd6\x07\xc0T7\xda\xb4~\xba\xbb\n,u\x94a\x13^X\xe3\xe7vS\xae\x03\xefm\x7f\x15\x01\x9a\xc6\xf6a\x98\xf4\x97\x89\xcb\xdd\xc1d4X\xb9\xc8\xb3p\xfa\xb4\x95\x88o\xa4r}NQ\x9a3d6!w\x13o\x1a\x9c\xb6=w\xee\xe8\xca\x08\x8d\xeaL_\xa7\x84r^\x83\xdd\xc1\xdf0\xa5\x91\xd4:E\xe7\xdf\x1aA\xa3?}\x1b\xff\x83&lt;\xa2\xf0e\xc8~\x19\xae"\x0cm\xa6\xec\xa4\x1f\x04\xc58G\x8c\xecy\xe0B\xbb\x00Q\xed\xc5\xf1\x10\x19a\xea\x1fb\xb3R\xa4\x15)g\xcd\x91\xd8V\x88l:\xcb\x91u\xd9L\xdae3\xc8\x8e\x91\xd4\x19Hg6\xc0.\xbff\xe06\x03\xd3\x1a\x80\x14\xe5\x7f\x9b\xc9\xbb\x98\xf7\x0f\xf4\x01P!{w\xc3\xedT\\\x11_\xe2)3\xdbsL\xdf\xe8Ld@\xd7\x1b\xc5\xcaP\x16\x90x\x8aW\xcc\x8e\n\x04\xfc\x05=b\xc1\x07\xd9\x9ah\xc9\x96L3{\xf4\xa1\xbc\xabo\xe5a\x1e\x83\xbeg\xf8\xd7\x1dD\xc0\x06\xb5s\x9cp\xe1\xbf\xb4\x94"\xa4B\xb8|\x93\xf1\\\xc3M\x0c\x1f\xc5v\xd4\x8c\x81\xa6X\xdc"\x8bO\xf42\x1b\x88&gt;\x94\x0fP\xbd:\x85N\xb1\xd6hn\x07X=\xc2\xe9\n\xa2\xf1\xfbo\xa2\x12EL\xa8\xcc.\xa6@\x85\x04\x1f\xad?$;t7V\x8b\xda\x1eD\x14\x95\x02\x92\xbd\xb5\x07\xcd:\xe4\xb8Z\xd1\xe96F,P\xcd\xa5\x02\xed@q\xbf\\\xe4^\x04\xdc:e\xb7\x82\x18\x82!\x1b\xfe\x04\xd7D\xc6\xfe\xc2\xb38\xea\xc7\x9c}uw\xaa[\x8d\xcb8(\xf6\x99\xe6N\x86\xb4W\xb63\xfd)n_w\xf5i\xc4H\xd8\x974x\xdd\xa2NW\xb8\xb4\x04v3&amp;3W\xf4/\xab\xaf\xe0\xd3`\xecJ\x14\xad\xd7\xd0pU\r\xe8\x1d\x8d1\x17\xb3[\x1f\xd4PsI\xd2S\xc45\xc6\xd9A\xae\x9fi\x0fT\xe3\xe7+\xdb;\xf8\x99\xa9}\x9eK\xb2:W\xdd\xf2f\x1b4\x0bF\xd2\x1b\xbb\x12j\xe42\x019:/\xb4Q\xe2\x89{oR\x13"\xaeB\xc5\xab\xdd2!\xdd\x92\xc2\x18\x10\x8ab!\x8c\xec\n\xf5\xe8\xb2\xd2\xa4h?\xc9\x0e3\x15W\t\x15v\x02\xb0\xffRL\x1aX\x8b\x80\x17fe\x17\x87\x9e\x92\xe4t\x10\xf14\x86\t\xc1K;\xbc0\xa0\x07\xcd\x7f\xf9\xd3\x047y\xbf\x1e8\\!\xe6\x908\x92\xc0Y\xde\xa8*\xa8D\x95\xf7\x8bW\xf2\xb2\xacZ\x87\xb8~\xa8x\'N\xf7\xdaL\xc1\xe5B\xcc\xec+\x1aU\x8f\x00i\xc9\xe8\xdae-\xa8\xe1h\'\xcd\x83\xfd\x11&amp;\x19R\x99\x8c\xed\xc5\'0yw\xcc\xbdw\xd4Z\xd1\xdb!\xe3n\x98\x92\x91;\xa9\x95\x85\xb0\x01\xd5r\xacwN\x85E\x15\xdd\xe9\x96S"\x19K\x13\xa8\xe5\xae(\xac\x10\xc1tF\x99\x11\xb1\xf8\x85V(\x1a\xc0z\xba\xc2\x8dD\xd4\xea\x14\r\x86Li\\S\x02\xbc#T\xe7r0\xbe&lt;\x1e\xd4\xea\xc1\x9e\xfeC\x15+y|\xc7\x96\xb4! /\x97Z\xe7%\xce#&lt;\xd6r^\xbf\xf7\xe3\x05\xc4\x12\xe4\x00;\xf7\xde\xd3\x08\xd3uG\x19=wg\x1f\xa65e*\x1d\xcc/\xf1Z\xb9\xdaC\xb6\x15\xb1Z\xaae\xf9Z\x83O\xf9hi\x91\x18\xdfX_v\xdf\nL\x13\xa3\x08\xda\xdb\xb2G:\xbb\xc5}\'\xaa\xf9;\x08\x1dgo6\xd9\x05\x0e\xf0\n\xbc\xf1F:\xad\x86\xaf\x1eE\xedg\xab\xddG\x1fJ\xd5ir\xbe\xffJ\xa7\xfcR4.\x06\x13\rB\x88r*(\xf9VC|\xf8\xcbz\xfd\x7f\xd1\xe1H\x9f\xd9\xc3\xf1\xc9\x03L\xebC\xd8\xc4\x10\xdc\x0f\xbd\xd8\xe0\xfd,\x9a\x02\xbd\xb2\x0f\x04\xa1\x8f\x9a\xbeb\xce\xe7r+i$\xf7 \xdd0\xd74\x1a\xc1c\xff\x98b&lt;&lt;Xw6kEn/\xc6m\xba\xfdg\xff})\xc8G"\'Mj_"?\xcd\xb8Q\xb8G\x11H\xadU\xb2\xc5\x90\x99\x18-\xd8\x02\xff\xf95T\x88$\xa7\xe3\xb3\xed\x0e\xcf1k]U=*\x8f\xd3\xbc\x06^(E\x93G\xa0\x18,\\2\xc9+\xdel\x1a\xb2{*?\x04mT9\xc9TH7\xd9zT\x1b\xa4.\xe8\x1ak\xd0\xa6.\x07kZ\xcc\x1e\x9e\xc7j\xea\xab@\xadFze\xc8\xbe+*,G\xc6\x91H\x7f\xe1\r\xd4\xa97s\x9f\x85c\x1f\xb9\xd6\xd4`Qz\xd1K\'O-\x03\xbd\xd3\xef\x810\xd8\x85\x16m\xce\xb74\x1ar\xec\xb6U\xc73\x7f\t5||\r\x04\xd5\x88\xff\x0f\x11\xfc\xdd\xd2~\xfcl\xbaQn\xc9\x87\xf9\x00\xf5\xc7\x80\x00C\xf0\xcd-4\x0f\xcb\x91q\xdd\x86\xe7\'\xbfu\xf0\xd8\xdb\xecc\x17\x80\xfd\xfd=*\x94\x96\xfep\x0b\xe84\xf1]o;\x9a\x8ed\xb7\x91\xc5|\x05]\xf2\x96\xb1\xc7\xfe\xfa\x8d\x12\xffO\xf9h\xb1\x1fX\xd4pk\xc9\xc2\x9d\xbc-\x8f}\x04-1\xd0\xd0\x86\xd2\xd3\xd5Z\x1dgW}e]\xb5\xf4\\\x82U\x13[\xfa\xb2\x87\x1b`\x87-\xa4(&amp;\xcf\xc9r\xde\tp\xcc\xbe\x7f\xd7(\x8e\x16\xfd\x8fk\x94u2\xb9\x92G\x02\xa1\xef\x80&gt;\x85V\x88\xbc\xd3\\\xbc\xc4yam\xee\xd6\x85SD\xa1{\x07\xa2d\xed\xda\xd0n\x93K\x9bc\xed\x15\xbb\xb4\xc6\x87t\xbc\xf4W\x9a\xf6\xc7Q\xce\xf7\x1f\x1d\xbf\xffws.4x\xcfYf\x80\xfb\x8b\xb3\xa1U\x9f\x02Xv\xcd\xcbk\xac\xde$\xb7YuepK\x90:\x1405\xc8\xd9\xea'</t>
  </si>
  <si>
    <t>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</t>
  </si>
  <si>
    <t>b'\x92k\xb4\x05\\\xdb\xb35\xed\xa4\xb2\\\xe2\xdaEL'</t>
  </si>
  <si>
    <t>s books about birds, and loves them so that they'll go hungry and
 tired and take any amount of trouble to find a new bird and kill it.
 Their name is ornithologers, and I could have been an ornithologer
 myself, because I always loved birds and creatures; and I started out to
 learn how to be one, and I see a bird setting on a limb of a high tree,
 singing with its head tilted back and its mouth open, and before I
 46
 thought I fired, and his song stopped and he fell straight down from the
 limb, all limp like a rag, and I run and picked him up and he was dead,
 and his body was warm in my hand, and his head rolled about this way and
 that, like his neck was broke, and there was a little white skin over
 his eyes, and one little drop of blood on the side of his head; and,
 laws! I couldn't see nothing more for the tears; and I hain't never
 murdered no creature since that warn't doing me no harm, and I ain't
 going to.
 But I was aggravated about that welkin. I wanted to know. I got the
 subject up again, and then Tom explained, the best he could. He said
 when a person made a big speech the newspapers said the shouts of the
 people made the welkin ring. He said they always said that, but none of
 them ever told what it was, so he allowed it just meant outdoors and up
 high. Well, that seemed sensible enough, so I was satisfied, and said
 so. That pleased Tom and put him in a good humor again, and he says:
 "Well, it's all right, then; and we'll let bygones be bygones. I don't
 know for certain what a welkin is, but when we land in London we'll make
 it ring, anyway, and don't you forget it."
 He said an erronort was a person who sailed around in balloons; and said
 it was a mighty sight finer to be Tom Sawyer the Erronort than to be Tom
 Sawyer the Traveler, and we would be heard of all round the world, if
 we pulled through all right, and so he wouldn't give shucks to be a
 traveler now.
 47
 Toward the middle of the afternoon we got everything ready to land,
 and we felt pretty good, too, and proud; and we kept watching with the
 glasses, like Columbus discovering America. But we couldn't see nothing
 but ocean. The afternoon wasted out and the sun shut down, and still
 there warn't no land anywheres. We wondered what was the matter, but
 reckoned it would come out all right, so we went on steering east, but
 went up on a higher level so we wouldn't hit any steeples or mountains
 in the dark.
 It was my watch till midnight, and then it was Jim's; but Tom stayed up,
 because he said ship captains done that when they was making the land,
 and didn't stand no regular watch.
 Well, when daylight come, Jim give a shout, and we jumped up and looked
 over, and there was the land sure enough--land all around, as far as you
 could see, and perfectly level and yaller. We didn't know how long we'd
 been over it. There warn't no trees, nor hills, nor rocks, nor towns,
 and Tom and Jim had took it for the sea. They took it for the sea in a
 dead ca'm; but we was so high up, anyway, that if it had been the sea
 and rough, it would 'a' looked smooth, all the same, in the night, that
 way.
 We was all in a powerful excitement now, and grabbed the glasses and
 hunted everywheres for London, but couldn't find hair nor hide of it,
 nor any other settlement--nor any sign of a lake or a river, either.
 48
 Tom was clean beat. He said it warn't his notion of England; h</t>
  </si>
  <si>
    <t>b'\x8f\t\xa5(\xd8\x84\x14\xb3\xf3\x8f\x14 gD\xf7\ty\x19\xedHFu5\x8a\x00\x92\x9a(\xcd\xf9\xc8\x1c'</t>
  </si>
  <si>
    <t>8f09a528d88414b3f38f14206744f7097919ed484675358a00929a28cdf9c81c</t>
  </si>
  <si>
    <t>b'\x8f\t\xa5(\xd8\x84\x14\xb3\xf3\x8f\x14 gD\xf7\t'</t>
  </si>
  <si>
    <t>echanisms available to a governor for achieving
quietude were rudimentary at best. The astonishing popularity of Roman means for
settling disputes is, therefore, an historical problem of the first rank (but cf. Galsterer
1986: 18, asserting the importance of municipal codes and municipal courts, and
Millar 1981: 68â€“72: the world of the Golden Ass is â€˜â€˜one wholly without policing by
any Imperial forcesâ€™â€™).
The history of this problem was shaped by two, interrelated forces. First, Roman law
had long established two parallel systems of adjudication, one for disputes between
citizens and another for those between citizens and aliens. Second, demographic
changes in the formative period of the empire necessarily brought Roman scrutiny to
the conduct of local courts: the late republic brought a staggering increase in Roman
emigration to the provinces, particularly those in the east (Errington 1988); the civil
wars created large numbers of veterans, whom Roman dynasts settled in colonies
throughout the empire (Brunt 1987: 589â€“601); and the emperors of the early principate routinely â€“ and sometimes systematically â€“ granted citizenship to individuals in
provincial cities (Millar 1977: 479â€“83; Sherwin-White 1973: 221â€“87). The presence
of Roman citizens in such numbers in communities of varying status created enormous
pressure on local magistrates and Roman governors alike (cf. B. D. Shaw 2000: 362â€“
73). The former sometimes responded by accommodating local systems of government to Roman ideals, as they were locally understood; the latter often responded by
adjudging according to Roman ideals, as they understood them.
The law and knowledge of law
In suggesting that cases not covered by its clauses should be adjudicated according
to Roman law, the municipal code of Irni raises a number of problems as fascinating
as their solutions are enigmatic (Ando 2000: 73â€“80, 373â€“85; Galsterer 1986 and
M. H. Crawford 1988 are useful but remain handicapped by narrowly legalistic
approaches; for questions raised by the Lex Irnitana see GonzaÂ´lez 1986: 148â€“50
and Galsterer 1988). I single out two. In the first place, the law required that the
cityâ€™s magistrates display for the better part of each day in legible writing the
jurisdictional clauses of the provincial governorâ€™s edict, and that judges rule according to them (Lex Irnitana 85). On the one hand, this requirement echoes a
widespread anxiety in Roman law that legal texts be accessible to those bound by
them; and yet, in an era of low literacy, this seemingly admirable regard raises as
many concerns as it allays (Ando 2000: 96â€“108).
Second, cities of municipal status were entitled to â€˜â€˜use their own laws,â€™â€™ and the
emperor Hadrian, at least, thought this level of autonomy desirable: it should have
fostered local patriotism (Gel. 16.13.8â€“9). But the inhabitants of such cities inevitably had a range of legal statuses: quite apart from the legal import of the â€˜â€˜Latinâ€™â€™
citizenship held by the cityâ€™s â€˜â€˜citizens,â€™â€™ such a cityâ€™s magistrates will have gained
The Administration of the Provinces 189
Roman citizenship upon completing their tenure of local office (Burton 2001), and
many other individuals will have resided in them who did not hold local citizenship.
Under these conditions, it is perhaps not surprising that even local magistrates might
turn to the empireâ€™s one overarching body of law as a paradigm or source (Gardner
2001; Stolte 2001): the extraordinary, fragmentary Tablet of Heraclea is but one
famous, early example of a cityâ€™s refashioning its internal self-governance in response
to the political and juridical realities of the Roman Empire (RS 24).
Insofar as the Flavian municipal law was drafted at Rome (Frederiksen 1965;
Galsterer 1988: 89), it must be seen within a long tradition by which Roman
magistrates assimilated local conditions to Roman habits of thought (cf. Gardner
2001). At Contrebia, this took place under the explicit provision that the disputants
resolve their confl</t>
  </si>
  <si>
    <t>b'\xff\x9e\xae\xcdA\xda(\x1d\xb2=\xe9\x00YZ\xa1\xc8p\xb8\xcd\x8er\xa1W$\x1b\xc1\xc8\xe6v\\\xcb&lt;\xf0\x99\xd2q\xb7Fn\xf9#\xba\xcdL&amp;\x8f\xfe\x13P\x99"\xbf\x02\xaf\xbeT\xcb\xc0{%\xeeFyF\x8em\x97\x92\x87d1\xc9\xf2)\xb4E\x07\xe6\xb53\xdf\xeb\xc8n\xa0\xc5\xee-&amp;]\xbeA\xd5u\xad^\xfd\xd8\xa7\xf7\x9f\xaa\x89\n\x13\x92\x10\x14+\xcah\xf6\x89r\'\x99\xb1^\n3Qg\xad\x80\x9b"c\xdek\x97\x14C\x1b\x8c%H\xb3Jw\x05\xc2^\x81\x06\'\xfa\xe8\xc6\x16\xe5\xb6\xd8?%\xc3\xf2\x8c\xb8\xa6\xcb\x16\xf8\x1eW\x13\x89\xec\x8c\xb8]\xf4\xbc\x01FD\xdd\xce\x1e&gt;\xbdk\xe1\xbc\x1b\x93o\xb8\xe37\xf9\xf3\x18\xb06\xad\x9a\x8b\xec\x05\xdc\x069\x0e\'s$\x11k\xbd\x0c\xd6\x18\\\x03\x909\x81\xcf\xc1\xcfS\xd0t\xc4(\xbc\x0c\x94\xec\xa14\x13\xa8GCsF\xdd\xab]A\xad\xbdZ\xaa0\x13\xe8\xe4\xe61\xa3SI@\x82\xf8\xc3\x9c\x98\xc3\xac\xee80[\x93`\xf5\x8c\xd5\xfd\xd1\x0bg\xafD_\x15\xdf\xcd~}\x12&lt;\x9c1P\xc4|k\x02T\x80\x94\xd9(g\xe5S?\x0bnk\xc8W\xa7\xe22\x0e\x07S\x00dy&lt;p%\x12\x82)\xc6\xc72\x9e+\x10\xee\x8e\xfe\xc7I\x80w,\x0fR2\\\x1c\xdd\x0cNl\xb5\x10!\x83}Bp\xc5/)\x80\xf0g3\x83*\r\x8f\xa9I&gt;\xbc\xf6\xf5\x86(\xdc\xe3,JPt\xdd\xb7\x0c\x8e\xbc\xac%\xe3o\xf8%L\x96\xd0\xcb\xddG\xfd\x98\xed\xa4[\x84\xe9\xec\x17\xce\xf5v\x0b\x90UI\x9cD\xdd5G\xf5\x8e[\xf2]\xb7\xf6\xfa\xda\xd8Z3\x94\xccz\xca\xe0]\x8ehs\xc8\x8ba\xc5\x97\x89\x8e\xea\xceN6NwPU3\x05\x1d_\x18\x9d\x86\xf8?\x17m\xa9C\xdd\x90\x18\x9e~\xc5\xf83\x94\x82\n\t\xf4\x03\xa4(\'I\n\xb9\x9c\x05\x10k/~\xfa\xcc^\x1dj7(O\x04\x19\xbc_\xf0)\nX\xd9\xe5k\x16h\xe0\xc4\x14\xf2}u\xfd\xcd+\x80\xa0\xf0\xf6|\x0b\xe8&gt;\xc0U\xbc\xdf4\xa3\xc0(\x86(x\nt\x16\xbc:\xeb\xde],\xeb\x02\xd1\xdc\x08\xcf\xb2#Ys\xed\x07\x91`&lt;\x9d3\xf5\xe7\xd9\xee*RI\xea\x85\xbc\x96S[\xbe\xca\xbdN\x83\xac\x87\x8c\xf0\x1c1b\xcb\xc1\xc3\x06bC\x8b\n`\xcel\x0f \xa2A_\xde\x82\xc0\xd0\x1dcfO\xa1\x13fD\x16a\xaa"\x0c\x90U\xef\xae\x17\x9b\xe3\xfd\x89\xfe\xa8y\xb3\xc2\x94\xd2\xd3t\x1ak&gt;\x96\x19\xc7\xd1@\xaf,o\n\xb3\x0f\x18\xde\\b5\xdbr4\xec^\xcbB~\xcc\'\x82\x17\x08\xe6\xb9\xe4\xa6Z\xf2k\xb4n&gt;ve \x1c\x08h{\x0f\x0f\xda\xa4[\xf4\xea\x83\\\x0f\xb22V\xfc\xb5\x7f\xda\xc9H\xea\x95&gt;\x17\x1a!S=\x14`\x13\x92\xd8\xc4m\x128sL\xad\t\x97\xc4\xc6\xf7\x91\xfe\x04\xfe\x15EW\x9fG\xe2\x8c\xf4\x9c\x01K\x07&lt;\x06\x8cm\xc2l\x8e\x19\x1b\xa5ue\x992N\xce:\xe4&lt;\xa2\x851!\x97\xf7\xbctz\x04u\xe87\xfb.o\xef\xbcL,Yp6\x11c\'\xe27\x0f\x87\xf2\xd5\xa7_\xa5\xac\x1c\x18\xe9%\xe0\xa0\xcc\xd4\xe4\x1a\xf0\x13!\xcb\\\x15\x08\x15\x8d\xb0hetk\xfb\xe2\x10~\xa0`\xeb\xc3m\xb4\x1e9\xe0\xa3\xfe\xeb\xbbt\x8c\xb8\xac\xc7Z\xc7p\x1a\x9a{\xd6rr\x83\x16&lt;\xf3rG\x05\x055s\x87\xc1o\x8bU5W\xcaY\x96\xc6\x80\xb1J\x99/\xd1O\xabx\xf44\x8b+\xce\x84\x1f\xe4\xb6/\x0b\x19,\xba\xc6\x1d\x98\x9a\xd6}\x04beK\x95\xa6\x92P\xf3\x19P\x1c\xaa\x95r/\xc8\x162%\x0b\x0cB\xe6\xde\xf6\\\xf7\x16\x18b\x9a\xa8z\xec\x94\xa9Hp1@a7\xf5\x80\x1b\x82\x9b\xda\xa2\xd5\xda\xe9\xc9,h\xbe\xe5\xbe\xbd\xd3\x90\xbd\x0e\xb4l\'v\xb9s\xa5\x1eH[\xfe\xa4\xe0fJ\x94\x80\xc2\xc91\xd3}\xe1\xeaP\xe7\xd8\x10z\xc6|/\xcc\x07&lt;7-p\x9fyO\xfd\xe6\xf3\x96\xa1\xd4\x9c\x0c\xcc\xa0y\xa6j\xe3\x88\x07[\x03\x99\x87\x8e\xef\xe6\x8f\xf1\xce\x0f\x80\xfc\xd4\xb8_\xe9\x15\xbb\xd0~Q\xe3\xa4\x17s\xea\xd9\x96\x88x\xb4\t\xaaA%\x8ar$\xd4\xd8\xbd\x90\x1do\xce+\xf9\x00\x17\x08@\n\xae\x804\x88\x0c\x1a\x12D\xcb\xd6\xad\xde)8:\x81\xf5\xd9\x9a\xfb\x88w\x9ch\xdeJ\xba\x0cP\xfd\xe2fp\xcb\xc4\xb6\xceQ8\xaa0\xb2&lt;:\x91K\xadM\x02\x19\x80\x15\x8bv\x87]\xc9_\xa0_\x01\x0c\xf1-\x15\xe9\x0e\x18H\x07\x1b\xb0\xdb\xb2!VGB\xca\xc1\x07\x7f\x1eH\xd5\x8d \xa1\x9f\xcd\x86\xad\x91DlP\xa1r\x02\x01\xa6\xdf\xac*e\xc2\x9c\xb7\xc4Xc\xc9\xfa7\x9f\xcaqcq.C\xb2\xc7m\xb4\xab\xd9\xb2r\xa6\x06Z\xbd5\xa3}\xa7*\xa2\xfeVX\x81\xd4\xfd\xe5\xf8\xf1\x8d\xdf\r\xf1\xdb\xfd\x8b\xc2)7\xcaI\xd6"jw\xac^X=\x8cT\xf7i)\x86dj\x81w`0\xd2)ax\xe2\xc4n\x95\r\xc2@\x90\xab0\x8eE\xb4\xf5Qx\x17\xa6\x05\xca\x8eQ\xb13\x97y\x19\x8c#W\x8c\xb1G2\x8c,\xacA\xbb\xb1y\xcd3D+SN\xe9\x1f)\xae\xceK\xc0m\xcb\xa8\x8cR\xab\x19e\x8c~\x98]\xbd*\x01\xd8\xd8\x06\x98?&amp;\xb2(\xd4]1\x12,\xbf\x83#\xc6\xbb\xab\xfe\xba\xf8&gt;\xc4\xb9u\xfd\xe1\x00\x16\x89\xc0\xce\xd5w\xd2\xb8Hg\xe4Gyz\xa3o`\x9c\xf1\xd5\xb5\x15x\x18\xffj\xd4\xc2N\xad\xed\x8c\x95\xdf\xca\xc7\x91\x80\x1a\x1e\x8a\xbe\x947\'\xa7\x12\xf2\xbd\x87R\xe2\xbd\xa3_\xc1\xbd+\x1d\xb6|\xd9\x10\x01B\x11\x14\xcek\x98\xc1\xb8\x85a\xc6\x15L\x1d\xf9\x8a\xff\xbd=:\x07M\xdew\xf2H\xef\x98l\xfaS\x90\xddk\xdb\xce\xcb\x16u_\xda\xc6\x80rh\\\xf2X^V4\xbdu\xc3g\xc57\xa0\x99^\xbb\xd0C\xe6=\xbc\xb8\xb2p\x08 \x96\xc0\nB\x16\xde\x99\xb0\xc8\xad\x90\xc6Fr\xfa\xfbQ\x16\x12\xcaS\xc9\xdb^\xb3\xce\xb5\xd3\xd0ZGM\x08\xfd\xd0\xad\xb5bx\x99\x95"\x809@\x90j\'\xf6\x9c\xaa59Fw\x92\x17\xbf\xfc\xd6\xacR=\x02\x81\xaf\xc3\xe97^\xda\x03\xd2\xd6)\x18\x19\x1ai-\x1b\x15\xa4\xc1D\xac\x10\xfd^#.\xfa\x06\t\x98g\xba\x00G\xda\xc6z\xb4\xe9\x1d\xa9N\x93\xd5\xe3\x10ca)\xd6\xf8\xd7:\x8c:hy\xb4\xab\xf3Q\x00Cy\xe1\x10\xcc\xa94\x87\xb7\x99`\xcf6\x99\xee\x88eb\xa0\xe9\xfb[\xa4\xb5\xab\x12;\x86ZLEd\xddI\xcfP\xf54V\xea\xe6\xbf\xa5}\xc5\xfe\xf6\xa0\x9avN#\xa2A6\xc9\xb7J\xaf:O&lt;\xf9\xa8\xbe9l#\xe7\x8d\x00\x82s\xca\xdb\x1d^\x8dQ\x91[?uEkoYR\xe2\xfa\x1c\xf63`\rv\xf4P\xb9\xf8\xa7/30\xe5\xa0i&amp;\xb5re\xfa|O!&gt;\x9b\x17\x8aO\xd0#\x01I\xf5\xc6\xeaX\xa8!\xca\xa3\\.*tGMS\xa8\xef{4\xf0\xeem\x8a\xb1\x0eMY\xfa\xf8\xe1^\xea?8\'\xa7\x91\x8a\\I\x8b\xfa\x1c\x95\x0b=\xb9\r0Rc\x01\x86D\x04\x96\xd9}\xb5\xca$vL\x85\xff\xbc\xbf\xa6\xe5N2\x88\xfbW\xfb\xa5rW\xed\rF\xc9\xca?\xc2\xb26\xa8\x94\xa2x?~\x10\xdb\x01\xbe\xbb\xe0Qp\x11P?\xa5Q\xa2T\xaa\xb2P\x0e\x0c\xabA\xdc\xa9\xd3\xb9q\x1d\xfb\x16(2\xbb\xef\x80\xc8B\xa6\xfb\xcc\x1a\xf5I}q\xcd\xfb\xa152\xd9#\x96I\xcc]\x02\x93%\xc5Z\xf1\x98\xe5r\x1fx\x05\x89\\\xc4\xde\xd3Fd\x17\xda\xf5\xfc\x96\xa2\x15\xd6\xa3\x1e\x11f\x8a\x8cT\xde\xd6\xf0{\xa5\xe8m:\x8a]J\xbai \x0f\xc45\xa1\xddx\xe0F\x16u\x90n\x02\xc1\xd6wj\xd3\xc7\xdb\x1b\x0e\xb2\xd7g\xe9\x010\x11\x8b3\xb5\xa2\x91\x07\x0f\xfc\x88&amp;\x7flj4C\xf92#Ai\xc4\xeb\xe1\xf0?b3s\x8e\x965\xc8\xe3\xb5\tF\xb3\xf9w\x17(\xcb\x1e\x8bv;\xc9\xe4\xe2-\xf5\xd3\x8d\x95\xad,\xf4\xff\x8e\x08\xee&amp;\x93(=\x90\xa0\x02Vo6b\t\xb1\xd9\n\x08\x0f\x00\xc7\xc3\xd5\x97\xdc\xdes*)}O&lt;\xd1"|M\xe8 \xd6\xfa@p\x1e\x8bE\x14\x10\x07\x8c\x80\x0f\xbfe\x0b\xd1g\xd38\x9c=6\xe6\xbe\x12\xe8\xe6D \xf8Y\xa6\x0eZB\xf6L\x1c\x95\x19\xdf\x98\x83:\x16\xb7a\x0f\xb6|k}\x15\xe1\x1d\x12D\x18Rl\xc9l-=\xa2\x98\xbe\x0e7\xe3\x0e\x1a\xd7\xae\x04\xd6\xab\xd25,\x9e\xa3di5i\xa7\xb1\xfc\xee\xf83\x82O\x9b\x90CE\xa2C\x00\x7f\xfa\xef\x0e9\\ug\xd8m\x13\x1b\xf5\x0c\xf3\xf7M\xfe\xf7\xa6\x9a\x9df\xc6\xce\xadZd\x9c\x94\xc1\x80@\x01_ h(\xd9\x91RE\x1c\xee\xb3\xbbBI\x92M\xca\xf7\x0e\xfe\xb7n\x9fq[\xa8o\xd5+"\xad!&gt;&gt;\x046\x96M\xdc\xf7\x98\x9c\xd1\xc9\xa3\x0c\xcdK\xa9\xe4\xfc\xf3\x1f\x1d\x8d\xf2u\x1f1j\xe6@*\xd1\xc6\x92_Z\x9cP\xbe$\xd2\xbd\xc8N\xe4c\x8c\xa9\x1aZ\x08\x91w\x1dQO!\x94\x94\xf0nf\xf5\xfc\xc8\x83\xb0\x8e\x16\x1fs\x8a\x18\xd53\x17\xe7\xe1\xb4\xb1\xf1\xcd\xe2%w\xaa\xa9\x83LW\xb2#\xc3=\x13\xf0\xae\xc4\x90T\x8f\x8a!\x10\xe5Y\nk\x13\xa5c\xb2~\xd76\x98`\x15|\xa3\xe7\x00x\x93\xf0K\x84\xd7{\x83_\x03qVW~1\xe2\xfa\xd7;\xa2\xb8\xa9!y\xfe\'\xd7\xdc\xf2&lt;\xa6g\xccI\x1c\x0c+e\x9f\xd8IW\xa9\xa7\xd0\xb3UR\xa8:\x16D\xaa\x8a\x88\xc0\x81G\x91\x9a\xc2\xf2c\xfc\x8a\x89\xbeG\xbd\n\x9d\xc3\xdf\xfe\xdb=4L\xfaD[\x1ftI\xcc~\x94y\xa1\xdd\xba|OPp\x8b\x8c\xa3\x87\xbf\xac\xca\x8bz\xb1\xe2\xd9\nS_@\xf7\xc4rO\x8ad\xa8\xfa\xafaF:\x8d\xab\x16\\P\rk\xfc\x9f:\x15\xa2\x86kJ\xc3B\x188X\xaa\xa0g7\x10\xc5\x16\xdf\x0b\x16v\xb0|\x94\xb7\'\x06\x8a\x18Z*\x90G\x94@\x1c^\x1c\x9d\xc9\x964/\x82\x90B8\xd5\xdfGR(\xfb\xb4\xe9\xe3\xc3\x8a.@\xe41@\xab\xe9\x00ec\xd0.\x1c\x07&amp;3\x15\xf5X]Z\x89v?\xab\xe2\xdd\x8bp\xb7N\x9eg\xa5\xf1~[\xbac?\xd1+\x05W}\x89\xcd\x05\xc9\x9c\xb9\x9c\x8e\x11\x94\xa4\xce\x0b\xde\xbd1v\xe6\x03k45P\x917Nc\xcbpt\xb5\xc0\x07X\x8f\xc1\x9f^i\xc1p{ZuJ\xe2\xaa\xd2\xc8Ld\x9e\xa2T\xe1($\x10\xcd\xb6\xa7;\xad\x91_\xa1\x87Q\x93?\xe4\xbe\x11\x1cRj\xcfB\xf0WH\xbdB+\xb3\x1a\xc2\xe8\x15\x1a\xd5\xcb\xb7i\xd9\x89\t\xa9\xb5\xb3u\x1a}\xa2=J\x166(\x9b{[g\x82\'\xf4c=\xfd3\xafu\xf3\x846\xf9\xf7\xe5\x9a\x960\x8a\xe8\x12\xbd\n\x80p\x8d07\xdbPah\n\x1b\xea\xd1\xa1"c\xd86b#\xc6\xea\x85\xb5\xed\xf0\xe5\xcc\xcb\x14\x9e\xa0E:\xbawxt\xb6\x1b\xfc\xf7op\xa1\x8cK^\x9c!\x14\x8c&gt;a\xdd\xe2E\x9c\x99Gy\xf6\xf9;\xcd\xf7W9\xcc\xc0+\x87\xe5}\x82\xbb?\xcb\xa7`\xbd\xfds\xb0i;\xad\xe9|\x14K\rEq\xe5\x08\x8b\xc8\xd1\x15\x10NRGU\xcf\x93&lt;\xf3f\xd7U \xce\xc5\xa4.\x95vE\xcf\x147\x84C\xf0\x1e\xc3_x\xbd\n\x0f\xfaxOU\x17\xd2\x9c\xe0=\xd7h\x9aj6{\xe9\x95\xb0\xc5\xc1\x06J\xe6\xab04\xa1\xac\xa2^\xaa\xec\x0f]\xa8\x7fc\xceY\x0c\xc6\xb2K\xe5\x95n\xea+\xf4E\x9e\xb0|n\x14\xc9\xab2\xb3i\xa4F\x14;\xb8\x93\xdd\xb5\x00\xe1\x7f&amp;v\x10\xdeX#\xb7\x0fy[\xd1\xe8\x88\xf2\x07Z\x039\xfe\x05\x97!\xc54\xa5%^,ss\xd6\xbf\xc39\x91\xff\x18\xc2\x91\x119cw}!\x82\x8c\xd6U\xc4\xdb~`%[\xa1O\xf6\xfbY\xceA\x0e~\xe4\x9e\xc7\x8f6\x9f?n\xf4\x06\xe0n\xa2i\x99}\xee\xf7G\xddn\x193\x0e\xd4\x07K\x8f\x99\xa9\xa0Tx\xcf\xb6b\xf90\xa7V\xe0jvoXi\x8e\r\xa5S\xc58\x85\xfb\xeea\t\x8f\x941\x13\xe3~Q\xe7\xa5\x8e\x8c\xect\x08pZ"8\xf4\xa9\x92\x92[\xa1\xb7Y\xce\x05G\xbb\x04\xbe\x93B\xc4\x89.{\\\xac\x87\x8ee\\\tQ\x8f\x0fM\xc2\x90\xdeC\xe1\xbd\x81hR&amp;z\x88\xe8\xed\x07K\x8b\xef\xdd\xde+\x10\x8f/\xf7vL\x04O\xc5\x1f\n\xa2HIXd|~\xac\xc4\x9b\xb1\xf0\xc4-.g\xb8\x14\xc0n3\xbf\x9c\xaa\x96\x16]\x8e\x93%\x07&gt;+\x15\x11P \xe4\x04\xcf\x85\xf4\tW\xaa\xdb\x88\x9f\x8e\xbd\x8a\xca\xfb\xa6\xcd\xc9q\xfaA2{\xe6\xbe\xf8e\x9f\xab\xb9\xd1\x90ZIv\x1a\xec\xd9&amp;\xd5hRa1\xf9\x03\xad\xc5e\\\xe0\xf8\xc1\x9c7\xc6\x16[[~5\xb8\xde\x1a\t,\x8bn\xb4\x1b({\x87\xf5\x91\xff@\xc3\t\xf6\x14X\xba\x9bs\x1az\x15\xc1\xbd}\xae\xa0!\xffl\x9d+\xfa\x00o\xc0\xf6\xda\xbc\xb0\xeb\xd0%)\xfbU]\xa6\xbc9\xf09\x88\xc5\x8b\xa0\x1f\xd8\xb2\xbd\x8dS\xb8\xb1\x91\x06zr\xdf\xe1Kt\xafE\xd1\xc8\x12\x1aC\x87\xec\xbb\xdcFwx1\x17U\x99|\xfd\x19\x81\xae\\\xc8\xa96\xd8c\xb1\x82\xba\xe2,\'\xb2+K\x92\xbc\xba\xd8\xeb\x05u\x16\xeb\x92\xccp\xba=\x1c\xf1\x93YK\x9bIQ\xdf)I\x9a\x00,IL&lt;E%\xc9\x1a}\x94#\x14=\xfe\x98\xafs,\xb5\x04\x01*TK\xe1\xe2\xff\xdc\x8cG\x1b`\xd9\x10\x17J\x91\xb3\xf3\xc8\xeb0O\xef\xc4\xb9`\xcc\xe2\x95\xd1\xfb\xb0\x00\x95\xb6;R\xd3\xdc\xd3\xf8\xe6\x88\xb0!\x06\xbf\xc5\x11\xe5\x96d\xfb\xd2\xa7\xfa\x86\xb2a\t\x1b\xffY\xcbm\x1b\xe2/&gt;?n\x95\xc6~H\x8cp\xcd\xc7 \x95P\x89\x1d\xcb\xcfM\xcb\xcd\xc46n\xf9\x1e\x06\t?\xb7&amp;\xf8\xe9P$\n\x8a\xd6j-\xf4\x95\xa6#\x19\xfc\x1b\'Qs\xb6\xf4\xc8\x9f\xf5\xaaA[Z\xb2{/\x1e\x06\xf8F\xc6\xd6\xb9H"\x96E\x82\xbbh\xd5\xd3@\x80\x9f0\xf7\xc1K\xde\xaa\xfa\xd3\x04\xf1\x10\xf3nWI\xf7\xba"o\xf1\x8cErz\rI\x1f\\\xd4!Y;\x0eS\x08\x8a }\x92\xbc\xa4\x85\x18\xc2&gt;\xbd\xc6\x11}\x83\xa6r\xc5\xecQ3\xbb\xda\xb4\xabV\xef\xd3\x16C\x0b\x06\x89\xc2\xac.\xad\x91\x1c\x17qaC\xb0E\xb9h\x1b\x17\x91\xc4\x0b\xf5A\xce \xb0\xf7R\xe0|\xf7\x97\x1f=\x06.8 `\xe5H\xab\xe8\x90\xce}\x9fK\xe0w\x86y!\xf7\xcc\x99=@\x81\xbfW\xd9\xf8\x82\xd3\x0b\xc3\x13\x98\x9d`s\xb6v\xfa\x0f\x16\xb6U\xd6\x8a\t\xcd\xd3:n\xdb\x1f\xc7c33\xd4K\xefE\x96\xaeJ\xeb\x06\xa4\xe0\xf6T\xdcNo\x96\x9b\x9b;\t\xaecP\xdf\x1fN\xa0\xa6~&gt;\xf8\xc6\xfb\x00\x96\xa7\xac\x1fC\xe7*\x9a\xec\x8f\x8c\xba\xd1Xf\x95\x95dtd\x11\xd7\x01\x05\x17\x9a\xc3\xf2=XDR\x10rB\xcb\xbe\xac\xc7\x02\x81\x11\xf7\x0ci\x9aK\xb5\xf6\xb3\xa6B\x7f\xb5\xbd\xfc\xab9\x89`$\xeac\xbdQgb\x07\xb99\xba\x97\r\xb7\xdd|\xcc\xe8]\x85\xcc\x07&gt;\xf40\x0c\xd8m\xee\xbd\xd8\xcb\xc1\xcb\x8f\xed1\xf0\xe7T\xe3s\x96(e\x95+\x15uS]\\\x8f!\xcb\xf8-8\x08\x94"\x0f\xaf\x97/\x0f`\xe6\xe1\xe8\xa9*\xbc Fqz\'\x8b\xbak2(\x971\xe3 /\x83v\xfc\x11L\xdf-m\xa8}\x89j\xba\xaa\t\x15\x8e!\x13\xf7qD\xf6Y0\x03J\x84h\xebY\xfd+w\x99H\xb0\xd9#Al\xd4[\x16-q$@\xb3\x07v\xbf\xc8\x18\xe1z\x86;x\xfa\xf6\x97^\x8b"y\x95JS6\x8bL%g\x86\xcam\x101\x14\r&amp;\xe3y\x1b$t\x92\x8f0C\x05\xd0?.\xb6yK\xe7&amp;!I\xad`\xa8\x9f\x97\x9cq!x\xb5\x0fr\xb9\x14V\xf7\xcdo6\xb3\xabv\xfe\xb8\x0c\x7f\x93\xdeB\xd0\x96\xe7\x9e\xe6\xd8"U\xac[\xb9\xf0\x18\x04\xc3\x91\xd7\x97\x97\r\x1d0\xe1\xe6P\x18\x86`\x80\xb9j\xa3JWAr\xc6\x18\xe0)\x04a\t\xcf\x1aJ\xafj\xb2\x04\x12\xb2\x06G\xa5\xd4M\xd0A&lt;\x84\xaa&amp;o'</t>
  </si>
  <si>
    <t>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</t>
  </si>
  <si>
    <t>b'\xff\x9e\xae\xcdA\xda(\x1d\xb2=\xe9\x00YZ\xa1\xc8'</t>
  </si>
  <si>
    <t>hie grecque et latine.
Vol. 1. Athens. 31â€“42. (Rpr. in Robert 1989b: 709â€“19.)
Robert, L. 1987. Documents dâ€™Asie mineure. Paris.
Robert, L. 1989a. Opera minora selecta 5. Amsterdam.
Robert, L. 1989b. Opera minora selecta 6. Amsterdam.
Robert, L. 1990. Opera minora selecta 7. Amsterdam.
Robert, L. 1992. DeÂ´cret de Colophon pour un chresmologue de Smyrne appeleÂ´ a` diriger
lâ€™oracle de Claros. BCH 116: 279â€“91.
Robert, L. and Robert, J. 1989. Claros I. DeÂ´crets hellenistiques. Paris.
Robinson, M. 2002. Domestic burnt offerings and sacrifices at Roman and pre-Roman
Pompeii, Italy. Vegetation history and archaeobotany 11: 93â€“9.
Robinson, O. F. 1997. The sources of Roman law. London.
Rocca, J. 2003. Galen on the brain: Anatomical knowledge and physiological speculation in the
second century AD. Leiden.
Roddaz, J.-M. 2003. De lâ€™oppidum indige`ne a` la ville romaine: lâ€™eÂ´volution de lâ€™urbanisme dans
la peÂ´ninsule IbeÂ´rique a` la fin de la Republique. In ReddeÂ´, M., Dubois, L., Briquel, D.,
Lavagne, H., and Queyrel, F. (eds.), La naissance de la ville dans lâ€™antiquiteÂ´. Paris. 157â€“70.
Rodriguez Almeida, E. 1984. Il monte Testaccio. Rome.
RodrÄ±Â´guez Hidalgo, J. M., Keay, S. J., Jordan, D., and Creighton, J. 1999. La ItaÂ´lica de
Adriano. Resultados de las prospecciones arqueoloÂ´gicas de 1991 y 1993. Archivo EspanËœol
de ArqueologÄ±Â´a 72: 73â€“97.
Rogers, G. 1991a. The sacred identity of Ephesus: Foundation myths of a Roman city. London.
Rogers, G. 1991b. Demosthenes of Oenoanda and models of euergetism. JRS 81: 91â€“100.
Roller, L. E. 1997. The ideology of the eunuch priest. Gender and History 9: 542â€“59.
Bibliography 667
Romeo, I. 2002. The Panhellenion and ethnic identity in Hadrianic Greece. CPh 97: 21â€“40.
Romm, J. S. 1992. The edges of the earth in ancient thought: Geography, exploration, and fiction.
Princeton.
Rose, C. B. 1997. Dynastic commemoration and imperial portraiture in the Julio-Claudian
period. Cambridge.
Rosenmeyer, P. A. 2001. Ancient epistolary fictions: The letter in Greek literature. Cambridge.
Rosman, K. J. R., Chisholm, W., Hong, S., Candelone, J.-P. and Boutron, C. F. 1997. Lead
from Carthaginian and Roman Spanish mines isotopically identified in Greenland ice dated
from 600 BC to 300 AD. Environment, Science and Technology 31: 3413â€“16.
Ross, D. O. 1987. Virgilâ€™s elements: Physics and poetry in the Georgics. Princeton.
Rostovtzeff, M. 1957. Social and economic history of the Roman Empire. 2nd edn., rev. P. M.
Fraser. Oxford.
Roth-Conge`s, A. 1992. Nouvelles fouilles a` Glanum (1982â€“1990). JRA 5: 39â€“55.
Roth-Conge`s, A. 2000. Glanum: De lâ€™oppidum salyen a` la citeÂ´ latine. Paris.
Rotondi, G. 1912. Leges publicae populi Romani. Milan.
RouecheÂ´, C. 1989. Aphrodisias in late antiquity. JRS Monograph 5. London.
RouecheÂ´, C. 1993. Performers and partisans at Aphrodisias in the Roman and late Roman
periods: A study based on inscriptions from the current excavations at Aphrodisias in Caria.
JRS Monograph 6. London.
RougeÂ´, J. 1981. Ships and fleets of the ancient Mediterranean. Middletown, CT.
Rousselle, A. 1988. Porneia: On desire and the body in antiquity. Trans. F. Pheasant. Oxford.
Rousset, D. 1994. Les frontie`res des citeÂ´s grecques. Premie`res reÂ´flexions a` partir du recueil des
documents eÂ´pigraphiques. Cahiers Glotz 5: 97â€“126.
Rowe, G. 2002. Princes and political cultures. Ann Arbor.
Rowlandson, J. 1996. Landowners and tenants in Roman Egypt: The social relations of agriculture in the Oxyrhynchite nome. Oxford.
Rowlandson, J. (ed.) 1998. Women and society in Greek and Roman Egypt: A sourcebook.
Cambridge.
Roxan, M. M. 1978. Ro</t>
  </si>
  <si>
    <t>b'\xd1J&lt;\x0f\xbb\x9d\xf2\xd8;\xe0\xc6\x99\r.U\xe9\xadC\xe6\xee \xa4\x80\xb1y1\xcc\xe2\xf4u\xc0*\xbd \x95\xfan,\x12\xc3Gk\x9eJ\xd2\xf5y!\xc7\x9e\x8e\x98\xbc\xffm\xd4BE\x06-\x0c\xae\xcc\x98\xa5\x9dC\xd3\x14E\xeeTC8{\x05f\xf6@5@\xcc\xc7\x15\x9b\xa8\x15\xe3\n@\xa2X\xeec\x02wj\xde\xdal\x9e\xbb\x10IQD\x87=\xd5|\x8e-\xd7U\x10\n\xc9\xd8\x7f\xe2\x06u\x07\x9c\xbbHS11\xf2)\x82\xb7\xda\xfe#\x90F\x84\xdd\x11\\\n\xd5UT\x90\x7f\xae\xa4\xa0\x18\xfe\xd9W\x0eT\xf6\xd0\x83\xaeJE\xe3d\xde\xa9&amp;\xbc\x97\x99\x18\t\x17\x10\x81\xde\x0c\x02\xb7\xf9A4xv0\xb0\xd3\x939\xf2\x13\xccB\xd2\x00\xad\xf6~p\xbbB\x97H\x91n\x8b\xd9\x0b\x00\x05\xb1\x14\x1a\x8ft\xcb\xf6\xf3\xb5\xd75a\x8aa\xe8\xfe\xe8\xb3=\x7f\xebyk\xdaI\x8a\x96\x01\n\xbf\x8d,C\xd0i\x9e\xaa\xa7\xe8t\xa8\xcdq\xbf\x86\x07\x08\r\xecWb\x16s\x99w\xfc\xb3\xdfS\xf3_\xc2\xee\xa1\x14\x9e\xe7\xa1\xa5\'\x9e\x94\x1e\x8a\x1au\xd5\xe2\xbd]\xb3\xfe{!h\x0c\x94\xfeu_E\x03X\t\xc1\xdc\xc5NK\xb8\xee\x10b\x0e\x8b\x02\xa5#&lt;\xb1\xb7:\x1a|\x03.\xd8~\xe4\x06_VE\x13\x01\x96\xa6\x08\x91\xd8\xd1E\x9d\xc5\xfd\x86\xbd\x83e\xe5P\xb8\xea\x86@19\n8d\tn_\x91\x17\xe0\x92\x90$\x85c]\xa7\xf1N_\xd1\xbc\xe6\xcbI\xe1;6R\x8e\x82\x8aCG\\\xc5\xec@\xa4:\x11\x13\x02O)j\x93\x9b(\xddC\x94UfV&amp;_\x12x\xb12"\xef1]-o6\xc2^\xfb\xf4\xaa7`uR\x13\xfc\xd2\x1a\xfe\xc8\xe9YH\t\xd5?\x1bw\xa1\x06\x0cZ\xd7\xf1r\xc8\xe8&lt;\\\x9d\xa1\x7fq\x0c\x99\x92\xc4\xe5.\x0c\xe3\xb69p\xc3m\xb3\xb1\xb4N\xaa\x7f\xe8\xe5&amp;N:\xd9!=\xe5\xd8(\xdd\xc8\xe9\xc9\xf2\xdd\xe1\xed{\x8d\xd0.\xa6\xdf|\x150KW$\xbe\xc3\x0f\x85;\xa4\\\xf7W\x1a\x9d\x1a\xe1\x12\xd9OK\x0f)3\x80\xb7^"/\xa4\x03\xbb\x87%t6\xd6{&lt;\xd6\xf1Y\xda.I\x13\x06\xbc5\xaa(|\xf6\rX\xdf\x85\x98\x9d\xa3g\xe3Z\x00\xfd3\xa4-\x1d\x90\xe5\xe7\xf5G\x95\xab\xf29\x83)Xi-\xb7L\xa2T\xb6\xe9\xa6\xd9=Y\x19\xa0\x00"\x0e\xc1\rX"\xc1\xed\x1abR\xe96\xcc\xe7\x0e\x19\x1e\xc4\xed\xfe\xe7\x98\x0c\xb2\xc4{\xe4\x1a\xf8\xf3\xb2\xb9\x0bB\x93\nF\xf3\x99Oy\xb9\x97\xb6\xae\xe3\xfd\xce`\xd9G7!8\xa2o\xb6\'\x16\x96H\'1\xea\xf7\x95\xefBf:\\&gt;{HE\xd7\xfd\xb2#\x18\xc7\xf7\x95\xf0\xe2\xbfE\xae\xcfj\x04\xbb\x01KdG\x97\x13\xcdS\x0cV\xd6j\xf8\xd11\xdb\x94\x01\xd0\xd9:]\x11A5\xef\x1b\xf4\x85g\x17\xde\xc0\x994\xf1\xb3h\xd7\xe9O\xab\x10cG\xf2\xbcwe\x19?2\x0f\xfaZ05\xaa\x06%.\xfcp\xba\xdcj=\xc3\xd3\xfd4{\xd4\xa7F\x11\xdc\x17\x0f\x0c/ZNwW\xe3\xa6\xfd\xa5\x06\xdcf\xf0\xaa\xb0\x88\xb6,\xd7\xae\x98`\xcb|3\xf7h\xa1\x04^\xd5\xb2\xded\xc5\xfeL{\xfb\xd9\xbd\x88\xfeL\xbdMk\xef\x07\x89]\x14\xc5\xef:\xfd\x13\xd2\x19\xa8\xa5\x9be\xf0+\xda\x19\x1c\xd5 NO=o\x11\xd5\x9dK\xaa\x93\x0c\xccIoL\\\x7fN\xcd\x1f\xc9\x0bLu\xf2\x16\x82\x06\x13\xac\xcf|?Rx\xb0Wt?-b\xee\xff\xeb\xd2\x05\x95r\x93\xdac\xb0\x8f\xc8\x13r5o2Lz\xeb\xad\x17\x1b\xd1\x1d\xcf\xf6\x82\x9b\x0f\xd1\x90L\x17\x02\x96|\nJ\xc0\xd2j!\xb5\xef\xa9\x18d\xe9\xf5x|\r\xbc\x98\xf8\x17\xa8\x87o\x9a\xa9y\xa0/BX\x87\xee\x13\xbf\xf6\x80\x15\n\xc6j\xe0\xfc\xa1*\xa9K\x98&amp;\x91V5\x98\xabz\x0cgX[\xc9\x0fA\xe5\x1d`S\xa3\x10:\xbcZ\xbdn\x06\x84\xa1\x89\xfe\xfc\xc4-\xbaT\xcdG\x8c\x16\xd9\xb80/\xe4\x06:\x0c\xc4\xd5\xc4\xae\x0eC\xc9\xc8d\xce\x9d\xfa\xa6\x81\xe8\xfc\xfe\x7fn\x10\x94\xce&lt;K\xccnjv\x1a\x9d\xec\x99`{\xd7k\xc5I:S\xc5\xf8b/&amp;\xd2\xe7\xd54\xdd\xf5Q\xb4b\xcbO \xac\xd6\xba/Jr\xd7m\x7f\x14U%\x93\xca\xd6H!*)\xe2\xda\xc0\xef|7\xb4\xea\x1e/\xd7\x17\x94n1\xa2\x97\xbb\x8d\xa10\x89u\x80\xb8~\x9ec\xf2\\\xd2F\xf7o$\x14\n\xf0t\x89\xd3\xaciB\xe00\xb1\x05\x9e?!T\xdb\xdf\x1e\x18\xd0\xa9\xb3\x91&amp;\x89@h\xbfE\xac\xc1\xd1\xeey\'8\x98\x13\xb9q%;\x0eV\xb6\x11s%\x96K\xca\xb2[\xd4\xc6\xf1\xcb\x03BsI\x1aB\xae\xca\xc9\xf8\x9fk\xc4\xf3_\xc0\x85\xb4O\xd2\x86\x10\xfc\xc4\xac\x9c`U\x82\x92#|%.\x92\xe0\x90\x81\x14\xb6\xb8\xb5\xd6\xfeC\xf0\xfby\x8b\xa8\\\x90\x10\xbd\xc0\xac\xca\xd6L\t\xb4Qa\xb9\xda\xf6\xaa\x97\xef*=;.\x85\xc7\xf9\xabW0\xc42\xaf\xa0d\xbbP\x8f\x06\xf3\xad\x18\x87\xb9\xec2\x8c\xdc\xe2\xf6q)\x05}\xde\xa8\x06\xe6V+\xba\x06\r\xa7\xfe8_\x80Z\x16\xfc]k\xbc\xc6\xa2@\xb6\x15\x82\xab\xee\x9dc\x85e\x04\x88\x11^\x13\xd2\xf4\xd9\xe4\xc2\x99\x13\xbca\x81\xdb&gt;\x97\xef\x1en\x9f\xc6&amp;\x99\xe3Q\xbaiG\xe8\xc9\xcb&lt;\x83~\xcc]\xfb\x0f\xe5\xf4\x80\x08\x93LX\x80\xfa\xc3\xdc\x8f~\xec\xdaZ\x0f=c\xa4r\xa77Y\xe9G4\xb2\xed\xe5\x03\xdeG\x19\xed\xb3KX\xc68y\xfc6\x82\xc0O\xa6\xa1\x8d\xedZ\x97A\xca\x11\xf7\xc3\xf9JS\xcb\xa6\x87Oe%\x024\xcf\x03K\xb6\xf8\xa7\xbf\xfa\xec\r\x89\xe4\xea\xa4f\xe0\xf3n\xd6E\xd1\xb7\xa3*\x86i\x14W\x8ct\xcf\x94\x86\xe9#O\xaazl\xdf\x89}\x05d\xee\xa6h\xbdA\x93g\x8ff\xb08\x03KGU\x05\xc3\x04\x00\xd2/\x8fm\x05K\xd0}K\xe5\x85~C\xc3\x1f\x0c\x1fv\xdf\xf9\xaa\xdf\xcd\xb5\xa5\x81\x9cf\xdc\x04\xa1\x14t=\x07\x14\x13Z\x03^P\xf6\x90\xdc\xad\x07M6\x15f\x93\xde\x9c\x97\xd2&lt;\x9c\x9e\xc8i\x11G\x08\xf4z\x9fm\x8a_\xb8\x0b\xe3\xbc\x7fA\x98N\x1a\xe7=\xc9;\xd1\x8c-H\x92a\x93\xae\xc4\xd6\xb2s\xb5\xf6\x9d\xc4\xd1\xaeB\xc8\xeb/\xbf\xee\xe9i\xc3\xb9\x04\x01_\x01\xe0\x97\x97\xf4\xf1\xc8e\xaf\x19u\x95z\xfbL\x9emc\xae\xea~&amp;\xd6\xec\xe9\xf6K\x0e\x14\xb8\x0c:\xbe\xd3\x86\x92|m\x81\xb8\xab\x07\xb0Y&lt;$Q!\xcd\xaf\xc4\xb0\x9f\x8c8\xe2N&amp;\xb7 \xca\xcd\x16\x11\xa9\xf0}"\xf6O/4\xe4\xd5\xee\xa8Q\x84U\x96\x8d)9\x99\xc71\xcc\x7f\x05\xfa +c9t`}(?#\x04\x9aa\x04\xf7N\xcf\xe0\xc6\x80_\xc8.u\x0c-\x06\x16\x1eh\xee\xdc{\xa8BR\xf0\xae\x8c\x12\xc8J\x9c*w+\xdd\x8f\x07\xbd\xca\xeb\x13\xb2\xab\x8b0\x9c\x16{/\xd7~*\xa3\x1daX3s\xad[^\xf4?KT\x1dwB\x8a\xa0b\xa1\xde\x96\x08\xb9\xe2bF\xce5u/\xf0\xb8I\xc77s\x02\x99\x0fI\xd8\xaf\xafS\xfd\x99l!3\'\xe1\x99\xe0\x83\xc902D\x17%\xdb\xa9\xd2\xc2\x91\x1c\xa0\xa6\xa6;fCR\xfdK\xc3B\xc5\xd6\xdb\xc8\x85\x88\xc9\x87\xd0~\xb8\xc1:\xe9\x15\xdf\x1ene4\xf9\xe2Z\x1d\r\x17\x90\xabo\xe1\x02)\x90\xaf3y\xec\x1e\x92\xcek\xfc\xc03@"\x94p\x16Qw\xd49\xdei-\x0eo\xc5\xb2\xb7\x88\xeb\x16*\xb9\xa6\x19**\xedO\x87\xc4U\x89\x1a\x10\xc7\xeb\xf0R\x14\x92\xb9$)\xd6\x9dDQ&lt;\x90\x93\xc6\xf8\x0b\xe4z\xa1L\x8eI\xf3=\xf5\xf4c\xf0\x9bDX\xe5\x96\xc5\xb3N\xa6\xb7\xef{"\xc1yo\x12\x19\x03\x9e\xa6\xe3[\xce\t{\x90\x8b\x06\x12YC:\xb1\x03 J\xce1\xc1P.\x1c\xe3;\xcbl\x1f\x8a^\xd7\xeb+;\x8f4y\x9e\xd5o\xe9\xc9qF\xea\x8c`)\x0c\xcc\xb2\xc0\n\x9d\xfa\xdf\x10\x0bz\xb0$\x8e\x89\x0cJ\xf8\xfa\xdbF\xeeX\x00\x88=\xb2\xdf\x8b\x80\xfc\xc0T\xe7\x15\\\xbd\x17\xafD\x91\x88V\xaa\x85\x9f\x1b\xa4\xba\x8d\xfe\xe6\xb5\xd5\x96\xcf\x9c\x01f_\x81\xb7[\x9fDV\xee\xf7\x15\xe1u\x80\x18\xff\x17\xa7\xd5\x85\xa2`\xfc\x19\x94\x03\x97\xf9\x9a!`(\x9f\x8d1\xec\x04\x8f\x10&amp;\x0b\xd7\r\x7f\x97\xb1\x9b0V\xda\xd0\xf1\x8f#4\x87\x12\xc0\xc6\x17\xcd)\xcb*\xc1X\x9e\xb2\xb2I\x17%\xaf\x83\xd2\xb9B\xda\xda\xf8;\xbc\x1d\xcc\xc9hh\xb4\x11\x18}=\xa1\xa1j\xe5a\xcc\xd5\x85\x8dM\xd4\x88Q,\xb5y\x8bbH@\xd0\xe5;{\xa3\x06\xbb\xbe@\xce\xb7\xef\x17;\xd9\xfa4!\x0e\xaa^K\x83\xacG\x157\x84\x8fK\x1c\xfe\xdc*\xb0\xf0\'\xd30\xaf\x99\xc0\xa8\x05\x1ajj\x9a\x83\x15SuMz\x81\x19\xd2Ns3\xe3\xfe\x13\x8b]\x08&gt;\xc6w\x1e\xeb\x0f\x19\x9cN\xca\x9eb\x95\x1a\xd4K\xe9\x04\xef\x87:W!T\xed\x8b/n\x88\xac\xdd\xb1\xd8\xcfK\xb2\x8b\x0e\x8a\xdb\xd6!c\xd1WG\x93ZjJ\x96\xceE\x9b\xf8\xf5\xb9M\xb4\x01\xffu\xe9q\x15\xe4\x0f6\xed\xad\x8aZ+\xa8\x1am\x16"\xa2\xf0\x02\xb7\xa8\x1c\x1f\xc6\n-Y\x19\xb69\x19h\x91_\xcd\x13\xab\\p\x15\x1bEw\xe1\xc6S\xefW\xe8\xf2I\xae\x8e\xc9O\x94\xee:b\x93\xde\x83`\xba\x16T\x88\x90\xff\xca@\x18\xd8\x02\x1f\x06\x9c;\x80\xcb\xa0\x93\x8e/\xb0\xc9\xe69\x16\xc9L&gt;\xcf\x8a\x9b\r\x10\xablFw(^\xd2\xac\x82\x8dE\xb25\x96\x05E;\xc3i\x0f\x8f;\x83\xb8\xc4,\xfcCM\xf7\xf9\xd0\xa1/\xde\x16\xe3\x85\xea\x1b2\x18\n\x88\xcb\x9c|W\xb9\xee^3\xbb\x85\xb2.\xfa\x07\xe6\x8fg\xa1uv\xd0\x0cL^\x10\x84\xf8\x8b\xae^v\xf6 \x83\xc3W\x87\xa0\xa0h\xf2\xb2\xc50\xc2\xa5n}\xd2k\xa4S\xe8\x0bUp\xd6\xe1|\x9a\xfe\x96\xdc\xaac?\x8a(\x9a\xe8\xc8u\xe4--\xf0\xfa\xeb\x0cl\xca\xa4F\xdb\xbb\xf1\x10\x8f\xdfR\xd2\xda7^\x9c&gt;\xc1\x8c\xd2\xa3I3\xd1\x82\x06\xd3\x0eDo\xb2\x13,\x89\xcf8g\xb0\x8bs\xdc\xe1\x1f\xce\xf6\xeb\xb2d\x1e\x1f\x08\xce\xa1\x89\xb4\xcf\xfd\x1e\xf6\xd3D\x16\xb7\xd7\xfb\x99\xa2\xb2\xeb\xb0\xa9o\xc0\xec\x9dw\xca\xbc\xfa\xb4K\xc0r\x81i\xd2\xde\x91b{\xec\x81h\xa5\x90\xf7\\\xd9\x07\x00\xc7\xed\x9d\xf0\r\xf4t\xa1\xbb\x81\xeaq%"\x86%\x00\xaa`\xdb\xc6\xa00&gt;\x03\x1d\xb1,\xfd\x8d==\xa4 AD\x9c\x96\xfa\nC\xa4\x05\x8fr\x1d,k\x89\x00rK\xe76\x88N&amp;=\xe2t&lt;\xf3\xe5\x0bR\x0c\xfe5\x81&amp;]5uP\xf3\x0f\xa2\x0c\xea\xc7\x1b\xba\xa9\xfc\xdc\n6a\x9c\xf2Y=\xd2l\xdc5\xaa\xde;[\x8a-\x88\xe2Y\xc0\xcb\xbb\xb6\xa4\xf6\x87\x9a\xf7k\xcc\xaa!&lt;\x9byf\xf4\xe1\xbfNN}_`\xfe\x03B6\x9e\x9d\x9aR3H\xf2\xb2#\x1b\x9f\xe8\r\xe5\x97\xebsE\xb4I/\x88\xd2\xf2\x9b\xc1\xe4\x11Ps\r\xad\xb9\x0c]\xc4`\x02\xe6\xf6\x8c95\xfcU\xcez\xc6\xb9\x1d\x16\x1a).\xb5\x0fTS\xd2\x02\xe5S\xd0\xd4\x98{\x8aY|sr\xfc\x98K\x14\xa5\xca\xf0K}`I)\x82\xc2\xe2\x81\xc8\xb2\xd9\xf5\x7fhN\x17\xab9`\xe3\x10%t\tN}\x8b\xd5\xb5\xbc1Y\xbf7\x8a\xcf\x80\xaf\xf0\xa7/\x8f\xab,\xe2\xba!\xe6\xc6\x82\xfc\xb7%\xcc\xeeT,\xc0H\x074b\x11\xd8\xa3\x88\x9d6\xa3.\xf5\xc9P\xdd\x05*\xcf\xe3=&amp;\xeb\x97\xe6\x8b\x12\xdb\x13\x19\x1e\x06DN6\x1b\xa8\xfa\xe9\x04\x82\xadO\xaa\xb7K\xc3d`\xf0\x1e\xbc\xc3\xde\xbe_\x8c,.\xb2\xc5\x8cX\xfdeL\x81\xfb\td[\x91\x05\x0e\xcfH\xea\xa3\xcc\x84\x04\xe9AhR\xd2\xcc\xeb\xec\nR\x92[\x9eE\x8c\x91\xcc\x03\x9b?o\xcb%\x86\xf7~d\x8d\t=+Q\xab\xaa4\x12\xac#\xf7~\xaa+\xf5\x92\x98\x91\x91\xdfK\x9aO\xd4\x1c\x11|Iyg\x9e\xed\x98`\xd4\xcbq\x83\xd6\xec\xdf\xfd\xad\xa2\xa3|\xb9\x8e\xa4\x81\xa3A\xb3R#\xa9\x11$\xb7\xa3Y\x17\x95DjvH\xd6\xf4\x1f\xe4\x83K\x98\x10\x8eWT\xf3c)6\xec$s\x1b5\x14j\xee\x08EH\xe8j\xc6\xdcr\xb1o\xd5\x91\x03\xcdb]\xb2\xa5\xe8@az]l\xb8\xf5UC\xca\xae\xcd\x91\xc8\\(K\xc3\x1a\x91\xc6v\xde\xcf@\x7f\x161F\x16A@\xcf&gt;c:@\x93\xb0\x9d\t\xe7\x00\xa8\xd5\x02\xd9!W\xd5!\x80qy\x02\x86\xdc#\xa4U*\xddA \x1bRv\xb0\x1el\x1b\xa3r\x89\xe4\x16\xd5\x88\xcd\x8e\xce-\xa4,\x06\xa3\xee\x93\x81#\xad\xb8\xa9\x10\xc7y\xf3\xe6\xa4\xfc7\xff\xe2=A_\xc0\xc5\xe4\'\xbd\xd6K ^\xe1\x8e\x00\xd9\xf0\xac\xe7U\x05\xe9T\x92\x9b V\x8cEW\xf0i\x15\t\x1eT\\\x7f\x1a\x13\xc3\xeb\x944\x97\xca\xdc\xb5\xf5\x81\xffJ\x02`\xfe\xc2\x9c\x959\xa6\xc1\xd0^\x17#6Z\x89\x98\x1c\xa5\xdd\x9axT\xd7K(\xf1\xc1\xf1\xf3ab\x95\x0c\x0e\x96\xd8\x16\xb1#\xdc\x1ev\x14\xaa\xc8\xb3$5\x8dg\xe6\xa4i\xbc\xd2 \x1d\xca\'\x95\x06\xd5\xfd?\xfd\x7feu\xdd\x08\xd3 2\x19V\xd6\xa1\x8d@\xd9\xf6\xf7\x8dk\nzp\xe6d\xeb\xb6\x04\x98\x91\xcb\xca\x1a\x1ed4\x0e;\x88\xd1\xff\xe4\x97\xfaNL|%T\xec\x04\x9ah\x1d\x97\xd3\x13,\x0f\x90\x9c\xf4\xb8z\xc4W\x87;\x17T@\xd8\xff\x0e\xbd%1\x89y\xbf\xe4UG\xce-\xc3\xbf\x0f\x01i\xf8\x7f\xfe\xd7V\xa7\xddk\x93\xb1\x1b\x10\xe5\x9c\xd5\xd0\xd6\x8bv\x03Kf\x80\xc7 \xac3\x0ef\xa5|\xd7T\xa3\xfe.(\xae\xdb\x91]\xaf\xaa\x9a^\x9a\xc0\xce"\x1e\x7fv\x9d\xe0\xech\xf8\xeb\x84\xf4\x10\xe6\x9e\xf9\xe2\xd91\x9cUPm\x8fB|\xdb\xf4\xb3o\xd1\xc1?\xd0r\xae^\xee\xb8\xa6o\x9b\x19w3\n\x12w\x9c+o\xfc\x81\x89\xd1\x9d\xa0q\xfc~\x86\x1a\x1c\x16\xac\xc94\x8a\xb4\xb1q\x1f\xfc/~5Y\xa0\n\xa3\xc0\xae\x1a[o\xc6\xcb\x84\x93\xc2C\xa8bp\x84a,O\xd6:\xe0ML&amp;=\xc3\xa97z\xb4\xf0\x99z\x1c\xa5\xcd\xe4} \xfb,\x8c\xe5g`m(\xf6G*\xb0\\&lt;&gt;p$\xbf"\x9e\x81\x82\x82\xf9]2\x88Ld\x8d\xab\x1b\x93\x19\xdb\r\x9f\xa7\xd7\x83\x01\xefOk{\xbf7\x10\xe6\xe1\x19\xd7\x8b\xf8\x95\x84~\r\xe6%N\xac\xab\x08\xb4B\xe1"h\xbc0\x13\x15\x9e\xe7s\x8c\xee\xe0 \xc5+\xdfz\xc7\xc1\x02\x99z\xce\x0f'</t>
  </si>
  <si>
    <t>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</t>
  </si>
  <si>
    <t>b'\xd1J&lt;\x0f\xbb\x9d\xf2\xd8;\xe0\xc6\x99\r.U\xe9'</t>
  </si>
  <si>
    <t>theorem, 134
  Discharge of capacitor, 302
  Discontinuity
  in B, 250, 284
  in E, 88â€“90
  Dispersion, 417â€“424
  anomalous, 422â€“423
  Dispersion coefficient, 424
  Displacement, electric, 181â€“185
  Displacement current, 334â€“337,
  342, 352
  Displacement vector
  f
  inite, 1, 8â€“9
  four-vector, 528
  infinitesimal
  Cartesian, 9
  curvilinear, 575
  cylindrical, 44
  spherical, 40
  Divergence, 16, 17, 577â€“579
  of A, 243
  of B, 229â€“232
  in Cartesian coordinates, 17
  in curvilinear coordinates, 578
  in cylindrical coordinates, 44
  of E, 66, 71
  four-dimensional, 566
  of H, 282â€“283
  in spherical coordinates, 42
  Divergence theorem, 32, 579
  Divergenceless fields, 54, 249
  Domain, 288â€“290
  Dot product, 2, 5, 526</t>
  </si>
  <si>
    <t>b"\xcf\xb7\x94\xcd\xbbZF'\x18\x9d\xfao\xb9.\x16\x84\xbd\x04aA\x116\x9ajl\x97n\xddb\xd0\xfa\xb1"</t>
  </si>
  <si>
    <t>cfb794cdbb5a4627189dfa6fb92e1684bd04614111369a6a6c976edd62d0fab1</t>
  </si>
  <si>
    <t>b"\xcf\xb7\x94\xcd\xbbZF'\x18\x9d\xfao\xb9.\x16\x84"</t>
  </si>
  <si>
    <t>he price to be bid up until the market clears. In the end, an import quota will
 raise domestic prices by the same amount as a tariff that limits imports to the same level
 (except in the case of domestic monopoly, in which the quota raises prices more than this;
 see the appendix to this chapter).
 The difference between a quota and a tariff is that with a quota, the government receives
 no revenue. When a quota instead of a tariff is used to restrict imports, the sum of money
 that would have appeared with a tariff as government revenue is collected by whoever
 receives the import licenses. License holders are thus able to buy imports and resell them at
 a higher price in the domestic market. The profits received by the holders of import licenses
 are known as quota rents. In assessing the costs and benefits of an import quota, it is cru_x0002_cial to determine who gets the rents. When the rights to sell in the domestic market are
 assigned to governments of exporting countries, as is often the case, the transfer of rents
 abroad makes the costs of a quota substantially higher than the equivalent tariff.
 206 PART TWO International Trade Policy
 Case Study
 An Import Quota in Practice: U.S. Sugar
 The U.S. sugar problem is similar in its origins to the European agricultural problem: 
 A domestic price guarantee by the federal government has led to U.S. prices above
 world market levels. Unlike the European Union, however, the domestic supply in the
 United States does not exceed domestic demand. Thus the United States has been
 able to keep domestic prices at the target level with an import quota on sugar.
 A special feature of the import quota is that the rights to sell sugar in the United
 States are allocated to foreign governments, which then allocate these rights to their
 own residents. As a result, rents generated by the sugar quota accrue to foreigners. The
 quotas restrict the imports of both raw sugar (almost exclusively, sugar cane) as well as
 refined sugar. We now describe the most recent forecast for the effects of the import
 restrictions on raw sugar cane (the effects on the sugar refining industry are more com_x0002_plicated, as raw sugar is a key input of production for that industry).3
 Figure 9-13 shows those forecasted effects for 2013. The quota would restrict im_x0002_ports to approximately 3 million tons; as a result, the price of raw sugar in the United
 States would be 35 percent above the price in the outside world. The figure is drawn
 with the assumption that the United States is â€œsmallâ€ in the world market for raw sugar;
 that is, removing the quota would not have a significant effect on the world price.
 According to this estimate, free trade would increase sugar imports by 66 percent.
 The welfare effects of the import quota are indicated by the areas a, b, c, and d.
 Consumers lose the surplus , with a total value of $884 million. Part of
 this consumer loss represents a transfer to U.S. sugar producers, who gain the producer
 surplus a equal to $272 million. Part of the loss represents the production distortion b
 ($68 million) and the consumption distor</t>
  </si>
  <si>
    <t>b'0F\x02!\x00\xe4\x8a\xffD\xe8\x01E\xf0 \xeb\xcc\xf2\xc2|a\x1a\xdfs\xda\x0bze\xd2\xa9[p\x92\xbc\x8d[[\xc8\x02!\x00\x8f\xf6\x03\xe4\xe5\x15D%\xeb\xc9I\xd9i\xbc\x86,p\xc0\xc9A\xb1dG\xf1\xb1M\x8f@&amp;kr\x97'</t>
  </si>
  <si>
    <t>3046022100e48aff44e80145f020ebccf2c27c611adf73da0b7a65d2a95b7092bc8d5b5bc80221008ff603e4e5154425ebc949d969bc862c70c0c941b16447f1b14d8f40266b7297</t>
  </si>
  <si>
    <t>b'0F\x02!\x00\xe4\x8a\xffD\xe8\x01E\xf0 \xeb\xcc'</t>
  </si>
  <si>
    <t>rfectly sure I have none,
Why, I do it again and again.â€
â€œYou are old,â€ said the youth, â€œas I mentioned before,
And have grown most uncommonly fat;
Yet you turned a back-somersault in at the doorâ€”
Pray, what is the reason of that?â€
â€œIn my youth,â€ said the sage, as he shook his grey locks,
â€œI kept all my limbs very supple
By the use of this ointmentâ€”one shilling the boxâ€”
Allow me to sell you a couple?â€
â€œYou are old,â€ said the youth, â€œand your jaws are too weak
For anything tougher than suet;
Yet you finished the goose, with the bones and the beakâ€”
Pray, how did you manage to do it?â€
â€œIn my youth,â€ said his father, â€œI took to the law,
And argued each case with my wife;
And the muscular strength, which it gave to my jaw,
Has lasted the rest of my life.â€
â€œYou are old,â€ said the youth, â€œone would hardly suppose
That your eye was as steady as ever;
Yet you balanced an eel on the end of your noseâ€”
What made you so awfully clever?â€
â€œI have answered three questions, and that is enough,â€
Said his father; â€œdonâ€™t give yourself airs!
Do you think I can listen all day to such stuff?
Be off, or Iâ€™ll kick you down stairs!â€
â€œThat is not said right,â€ said the Caterpillar.
â€œNot quite right, Iâ€™m afraid,â€ said Alice, timidly; â€œsome of the words
have got altered.â€
â€œIt is wrong from beginning to end,â€ said the Caterpillar decidedly, and
there was silence for some minutes.
The Caterpillar was the first to speak.
â€œWhat size do you want to be?â€ it asked.
â€œOh, Iâ€™m not particular as to size,â€ Alice hastily replied; â€œonly one
doesnâ€™t like changing so often, you know.â€
â€œI donâ€™t know,â€ said the Caterpillar.
Alice said nothing: she had never been so much contradicted in her life
before, and she felt that she was losing her temper.
â€œAre you content now?â€ said the Caterpillar.
â€œWell, I should like to be a little larger, sir, if you wouldnâ€™t mind,â€ said
Alice: â€œthree inches is such a wretched height to be.â€
â€œIt is a very good height indeed!â€ said the Caterpillar angrily, rearing
itself upright as it spoke (it was exactly three inches high).
â€œBut Iâ€™m not used to it!â€ pleaded poor Alice in a piteous tone. And she
thought of herself, â€œI wish the creatures wouldnâ€™t be so easily offended!â€
â€œYouâ€™ll get used to it in time,â€ said the Caterpillar; and it put the hookah
into its mouth and began smoking again.
This time Alice waited patiently until it chose to speak again. In a
minute or two the Caterpillar took the hookah out of its mouth and yawned
once or twice, and shook itself. Then it got down off the mushroom, and
crawled away in the grass, merely remarking as it went, â€œOne side will
make you grow taller, and the other side will make you grow shorter.â€
â€œOne side of what? The other side of what?â€ thought Alice to herself.
â€œOf the mushroom,â€ said the Caterpillar, just as if she had asked it
aloud; and in another moment it was out of sight.
Alice remained looking thoughtfully at the mushroom for a minute,
trying to make out which were the two sides of it; and as it was perfectly
round, she found this a very difficult question. However, at last she
stretched her arms round it as far as they would go, and broke off a bit of
the edge with each hand.
â€œAnd now which is which?â€ she said to herself, and nibbled a little of
the right-hand bit to try the effect: the next moment she felt a violent blow
underneath her chin: it had struck her foot!
She was a good deal frightened by this very sudden change, but she felt
that there was no time to be lost, as she was shrinking rapidly; so she set to
work at once to eat some of the other bit. Her chin was pressed so closely
against her foot, that there was hardly room to open her mouth; but she did
it at last, and managed to swallow a morsel of the le</t>
  </si>
  <si>
    <t>b'c$3!\x05\x98\xa56\x13\x1en\x18\xeb\x17uW\xbcJ\x0f\xd2z\x88Y\x03=@\xb2\xab\xa3\x80\xc8G\xaa;\x07\xdc&gt;S\xbc\xe8?\xce\xd4\x86\x9e44&gt;\xe8v\xdeH(\x1e\xac"N\x15\xf0\xeain\x00\\\xa8\xde\x97\x7f\x81_lQxu\x18r\xdc\xb7&amp;\xbb\xf6Q\xecL\x02\xad\xdc*\x89Jp&gt;\xa5\x0e\xfb\x08\xc2\xc0\x11y\x92\x1b\x95\x19\x8f\xfd\xc4\xbb\x13&gt;\r\x9eY\xc5\x8cW\x0e\xc6?\xd6\x1d \x0bC\x13}\xc4\xa9\x9c\xd2\xae\x80UY\x8d\xd4\x89&gt;\xb6\xc6..O\xa9$Wy\xa0Eg\xf1f\x19\xb3\xbd\xe5\x1a\xd3\xa0|\xdd\tw\x92\xb1Is\xe9i\xe3\xda\xf4\xc1\x9a\xe9\x99{\x9e\x81KGvd\x1e\x11+\xaf3\xe9?f/\x0c\xb6\xa42\xae\x9b]\xb5\x01\xe4\xf8!u\xcfuF\xd3\xa0\xa3\x8d\xb0\xdc4bY\x13\xc4\xb7\xf1v_G\x88@\xeac\xaee\xf06\x94\xb1\xe5\xcb\xd5\xba\xb7v\xe3J\x18fG\x0b\x15=\xe9\x88\x0f\x04\x8a4@\x8a%\x92xr\xbb?yyN[.\xc2\x89\xb8\xb7L\x95x\xca\xae\x01\x1a$\xbb\xcc\x9a\x01\x89a\xc2\x9c\xd0\xa5=U\xfd\x1b\xb3\xf8\x0c\xf0iEu\x80\x89\xe7\x8fC\x0f\xd5\x8et\x81\xa6^\xac\xdc\x9fy\x8c\x19\'S\xb1&gt;@\x97\x1b\xda\xc2@REa\xd3\x9bMv\x13\xc1\x02~\x01\xdc"\xd6\xefI9\x96\xc6;\x8a\xf4\x1e\xb1BB\x9e0\xe2_n\xa3\xf7\xa5\xdc\xd7\xcc\xbc\xcc\x9bq\x89E\xb2\xa4\xe9\n\r\xc2SK\xc8\xd4\xfd\xc2\xaf\xa3\xedd\x1a\xd6\xe4a\xfb\xf5\xaf\x00\xc6{\'\xb5J\xf02\xd8\xc6\xc5~\x91!"N\xdbp\xea\x82\n\'\x86\xd3Y\x048\xd6!H\xc9\xcd\xcd\x92X+\xa5\x99"\xfe\x11\xd9\xfbP\xb2d\x98UJ2\x0f\xc9\xdf\xb0Rw\xa6\xbc\xe4p}G\xe8\x06\x9e\xd4hO\\!"Q`k3}rY$\xd9`\xac\xef\xba\xfe\x12\x12N\x84\x16sL\x8c\x85\x19\x94\xdf\x9b\x90D_\xed\xe9Q,\xe1U\x1c\xd7\xe45zA\'\xc8u\xeb\xd6\x9d`x\xd6\x16\x845Y\\\xc5\xfe\x87\x0b]\xe1\xc4f9\xfd\x17\x1bi\x97\xffq\xd7\xf1J\x0b\nY\x7f\xfc\xcf\x85\xdd\x06\x91\xd5\xb9\x0c\x9d/\x9e&lt;\xb9[\xa8_\x8b\x9d\xc8\xf7)\xaa\xb0c\xfb\x02\xccZ\xe4\x87\xba\xe0\xfd+\x08\x8a\x0f4\x1c\x871\xe2[e\xe6\xa1C\xcf\xee\x04\xc4Qh+\xa3\x88X\x81[\x96\xcai\xa3\x9c\xb8\xe9\xdf\x90h\x8bI\x85\xcdL\xd7J\xa3"\xfbX\xc9%\x0b\xadb*\xa9mn\x90*\x9b\xa3\xd0O2-\xfe\x99\x13\xd4\x1ex\x1c\x15\x8d\x1e\xdd5\x1cT\xd4\xa5\xaf\xc3\x963\x81\xf9V\xd8\xb5{\xedQcy\x9fBz\xec8\xab\xf8\xf0\xf0\xc9\xf4)`\xa5W\xedg\xbb\x86&gt;\xe8V-\xe2\xb4\x8e~\x81\xcb\x02\xe9:\xc3\x19\xc4O\x0cZ8\xd3\x08\x8ao\x02\x90\x7fy\xb6\xc08\'m\x0c/\xe8p\xf4\xe0V\x8b\xfbh\x16\xa6\x82\x03\xc2\xbb\xbf\x1erh\xd8\xf1\x1bQ\xd2x\x16\x1aS\n\xee-:\xde\x03\xd3L\xf9\\\x9d&gt;\xc5\xa5\x81\xa2jz\xddH\xb1\x88\xd92\xfe\x07\xf3&lt;\xcc[$\x98rI\x96\x12\x1cD\xb3\x04S\xed\x14\x9d+\xc0\xcb\xae)\x8fn\x81\xf5\x17\xb1H\xc2\x19_m\x8d\x96`\xf4\xba\x1aJB\xb5\xa6\xdb\x12\x8c\xb1\x9f\xd1\x9c\xc1\x9e\xc0\xbd\xef\x83\xb9x"d\xf3\xf8lA/aA\x1e\x8b\x89k\x86\xc6\x11Y\xbc\x05\xc7\x921\xd3\x9b\xc85\x9d\xec\xb5~\x8eX\x84R\xf8\x90-\xc2\xbf\xc5~\xda y\xf3`\x82\xe83\xfa\xf1\xcaK*\xbe\x1e\xfbL\xda|d\xcc\x1b\xe28s\x01:C^{\x8d0\xfb?\xeeu\xd7\xcd\xa8+\xe5\xe9\x87\xce/\xe6\xed\xee[\x16$\xee\xa3wKqc\xc1V\x1b$D\xd6i,p\xda\xd8\'h\x8b\xcbH\xa0\xf1\x10\xaf\x00\x18$\xe7\xae\x91\x15\xcf\xcf\x8a`\xcd\xca\xd0\xbd;Jl7\x99\x80`\x94\xea0lJ_\x9f\xdbh\xf5v\xfcKI\xdc\xff\xa8\xca\xf0U\x1f\xb0I\r\xa8\xc9`\xd5\xeb\xe4\x19\xc3\xb7[\xfa\xd8\xef\xec\x0e\x9b\xa3\xcc\x1cc\x06\x89\xb2\x973\x84\x9e\xca}\x9f\x1d\xb8\xa7&amp;\xf5h\x13\xdf\x08\xe1B\xdb\x81$) \xf9\xc2\xf4\xbb+\x98\x1aEI\r\xa8m\xa7\x1bR\x15\x8a\xf5\x87-&gt;\x9b\xdb\xe2\xd8\xe6h`\xe7H\x0b:y\x10\xa3\xc4)\xfc\xc2\xc9\x0e\x10o\x17\xb8\r\x01]\xa6\xf0\xe3\xbd4\x98e\xc7\x8f\x0cR~\xc7\xe0\x14\x03~\xb2\xc5l\x18h\x9c\xdf.J\x15\x03\x14\x9e\xf9\xceV\xfb?Na\xdd\x8a\x12T\x0fo\x90\xb1\xcc\x9e&lt; o\xad9\x8b\xa87\x84J\x9d\xd0\x9ap\x99\x14x\xd1\x87\xb4\xf3\x9e\xdf\x13\xcb#\x9dR\x92S*\x7f\x81\xc9\xde\xb4Z\xc5]o8\xb4K\xf9\xe7E\xcb\x8a\x14j\xb8R\x94,\x9c&amp;+K7\x1b\xfe\xdd\xb5\xb7U\xe4=\xcd\x17a\xde\xfe\x80\xf3\xe5Ke\xec\x9c(\xc0\xf3\xc7l\x8d\x17~\x12tl\x01\x94\x9e\x1f\xda\xecW+\xcc\xbe\xd8\x1d\xd0n\x1d kI\x97!&gt;=\x942\x9e\x0eX~_\xd7\x11T/\xf9\xb92\xd5\x1e\xf5\x12\xa5;\xd9\xab!\t\xef\x94\xd3\x9d\x83/Q\x85\xa7\xf6\xe2(\rn\xa4\xa3\xeb\x07J7\xf6\x07oHab\x80`\x1b\xe233\xff\xdd\x1dJh\x88T;$\xc4B-K\xb7\xd4\x81i\x19H\xcfS\x96\xccf\xbf\x92\xfd-\xa5\x16\xa5b9\x1b\x12\xdd\x05_1K\x9b6\xb7\x15T\xea\x9a1\x06\xb6\xac\x99L?\x89\x18\xdec\x9f\xd2\xcb\xe5N\xb6\xc0\x94\x84\xafV2\xf3\xc8\\`y\x04\xfaj\x80q0\xce\xfe\xe73` \x9d\x146\xaa\x82\xc1\xfa\xcfo@\xe0i7\xdc\x9d\x02\xcar\x9b\xac\xea\xd2\xea(&gt;\xac\xfdo\xc0\x17#\'zl\t~\xdd\x83\xb9\xde_\x86\'\x87\x16\xba`A\xf2\xc3C\x84Zud\x89\x18F\xc3\x89\x93R\xd0\x11\x92{\xca\xd9\xbc\xbb\xc0\x8eAja\xcc\xf8\xe9sQ\xe9L\x88\xc7\x82t}\xbb\xb3(\'\xce\xc0\x97\xd36\xd5\x8aa-\x96\x88A\xae\x7f\xe9a\\\ne\xc5\xaeb\x85\x00\x05\xed\xb0\x14\xb7S\x18\xa7\x81\xec\x7fH\t\x88 \xa0J*L\xd4\x0c\xd1\xf6\xd3\xce\xc7i\xd2\x94\xb6\xe9k\x8d\xd3\x0bt\xf6RE\xab\xe0\x8b\x12\xa3O=\xc86\xe0o\xfb\x0c\xa4a\x16)0LM\xefr\x19\xdb\x94gi\x95\x18c\x04B%j\xe8\xde\x7fg2\r\xa0\xfec~\x0b\x90\x065\xf8K\xf5\xb8C\ti\xe9\xc7\xb8\xe5\xfb\xd8.\xdc\x1c@}]\x97\xed\x94\xde\x98\xf6@\x80z3\xd3X\xc2\x98\xb8VZ\x8d\xcf1t7OB\xafX\xcc{\xb9\xaa\xd9\xe8W\xd6\xf2y\x843\xb7N$\x03\xb1\xba#\x00\x1fY\x91Z\x8eb\x8d\xc6\xb38\x9fr\xa7_\x13\xd3b\xa0|\x8d\x9fbmq\x81\'\xf1\x05t\x10(\x92\x95\xd5\xe9\xe8+7\x97\xb7*\xb8\xe5:\\\xbd\x90\x1d\x1c\x93\xee\xab\xdb\x8f\xc6G\x1b^j5\x8f"\xacL\x17[\xed\xbct\xe6\xbf\xac\x03\xb2\x9b\x7f\xc6\xdd\xd0\xda=\n1\x9b\xae\x02\xe3 \x8e\x15\xa1\xe7\xb4\xd3\xdcP\xb2\xbf\x93\xec\t$\xd7K$\x91\xa3=\xada\x07,\xc5,\xc3\xa5[\xbe\xce\xba\x87\xc0\xe9#5\xf0\x9b\xba\x02\xfc\xb4\x0f\xfb\xa4\x95\x06\x93\x0e\xfb\xff\x9fY\xc2I\xa3Y@\x87X\x1a\x8b\xd3c\x98\x9d\xf3\xbf\x95i\x0c3r\xc69\x9f\x14\xf7\xb2\xb1\x01\xae\xaf\x84\xca\xac\xf2.?=\xcb\xadBM\xa8\x9eW\'U\x93\xb5\x02\xdf\x98Ey\\\x1b\x7f=\xe7\xf5w9l&amp;|X\xebI\xdbh\xb0\xad\xeb\xd5u\x81\xdc\xf6#\xc4\xc8\xdc\xc5\x9d\'\xd1c\x17Mv\x85^\xe3fD\xd7\xae\x10\xc5\xb2K\xa6\x01n\x1a%\x9b\x8cQ\xed:\xcf\x1f\xfbC\x15\x8a\x1e\x98\x13\xaf\x83\xd9,h\xe6\xfeR\xbb\xc6.\x85%$\x01\xe95\x9c\x0bO\xc7\x9a\xaa\x118&gt;\xc8\x11\xbd\x8a|v\xd0\x87\xf6\xffj\x89\xc9lW\xda\xc8\x82\xc5\xd1\x9cR-h\xb73\x9b\xd6n~r\x0b\xa5\r\x80\x9c\xa5u+&amp;F\xe1)\x9c\xc0\\% \xdbr/\xc3=\x89\x0ex\xc1\xd1"\xebM\xa34\x92\x0eh\x1f?\xfaH3\xf7#\xa5\x93\x81\xff\xe6\xfd\xd7\xfb\xab\x01\x8e\xba\x9b\xb1\xd7\xe3\xdbo\xf7"\xdf\xda\xc1\x01\xe4m\x84\x80vM\xa4\xc5\x136\x04\xc9\x1c\x8c\xbf\xff]e\x1c\xa8P\x02\xc2lf\xe4B?\xff,\xaf\x1dH\xc3\xect\xb7\xab\x9c\x14\xe0\x94\x11#\\E\xdfil\xe0\x9e\x94\x82\x97\xb5m/\x97\xf0t\x8a\xe3\xde\xf9\xf5t\xdf@c\xcf\xd3`\xb8\r\xac\x8d\x18\xdd\x13\x07\xca\xe8\xcem\xeb\x03U;_\x01\x03$\x88m\x16\x88\xc1\xad\xee\xacA\x89\x1c\xd5T6\xc5\x8b\xc2\x02U\xebaLX\xf9\x1db\x9f\xe7[\xc3%\xa3\x81\x1e\xad\xc4\xe3?\t\xc9\x05g\x95\xb7\xbbYUwJ\x06Q\xa9\x9e\x00"\x1fq\xc5\xcdZ\xda\x04o\x19\xe8V\x08\x0eiA\n\x012\x0f\xff\x80\x19\x1b\x03\xb6\xedT\xf4\xd3\xf4&gt;\xa5 \xff\x01\xaa\xf5L]\x8a\xef\xc4\xeftj\xdd\x86\x04\xc9N\xa3\x8e\x12$\x1cn\xe3b$4\xb4U\xb1\xe8\xa3\x0cW\xe1\xb7\xc2#`+\xb5\x7f.-\x1a.\xc4\xf57\x02\x88o0[\xe6\xbc?\xc2\xd8*\x17&gt;\x95G@\xbb\xc2\xa2J\xb1\xb6\xfd\x92&amp;=\x88}q\x0bE\xed\x94{)N\x8ey\x1d\xb8G\xa5\xc0\x95\xb5\x04\xfc[&gt;\xd7\x1aP\x03\xbf\x8f\x05\xfazm\x98\xa5s\xd3{IJ\xd6\xe3\xfe\xc0\xf1\x86\xb6\x18\xb1\xf4\xdev\xbf\x03\x1f[\xbfq^\xa3\xee\xd8\xe1&gt;\xb5\xb53\x93=[\xf6\xc3&gt;\xd6&gt;SE\x0cg]\xf6s\rt\x04\x97-\xb9u\x01\xb3\xb3\xb0DL\x86\x05\x87\x06S\xae\xc6J\xe8\x10\x82\xd2&gt;\xf91\xe2\xd6\x86c\xcb\x8f2\x93\x8bF\xc4\xd9,z\xf8\xddP\x17J\x8a_\x05\xc6\xf8\xb9D&gt;]\xc6\x8a\xb1\xd5\xc2\xe4/\xe9\x88\xd9.\xb4O\xaa?i\xdf\xe5\x06\xda\xacJ\xa6M\xd4\x9e\xeb\xe5\xc5\xeb\xa4&amp;RL\xe2\x08\xb21A7]\xf2\x0fN\xcb\xb5\xb9\xc1\xcbk6?\xa0\x0f(\xbc\x1b]\xd0m\xba\x11r\xcb\xe9=\xe2\x95\xc4\xb1 \x00U\xae\xcb\x9a\xd9\x81\xfe\xfc\r\xf3\xba\x98v\x1e\xdcI,\x02\xc1F\x8b\xc5k\xeb-\xbb\xca\xc9\x05\x975\xd4A\xec\xda\x1d\xb0\r.\x8a\xb9\xefD\xd8\xf5\xad\xa3&amp;\xe2MuZS\xa9$\xb2y\xb29\x7f\xdc^"\x864Y$S\xaeB\xd9\xc4\xc3iL\x18\xd3\x94\x93\xe3\x8dC\xb4-[\xf8\x8bK\x89^A]]:ZH\xbdi\xb2\x05\xc1F\x88\xceS\x1b6\xa3=\xbf"\x8c5\x8b\xdc\xd2\x9eG\xb5\xa8$\xdf)\x9d\x19\x85\xac\xcdr` \x8c}{\xee\xd4\xf2N\xc9*.\xd2\xe4=\'\x93eK\n\x1c\xbbBA\xee\x9e\xbe\x15G\xe7&gt;\x05v\x95\xf6\xfao`\x12/\xe6S\xe51\x85^\x04\x13\xedC\x97\xe0\xda\xc4{\xf5\x97\x16\xf3\xa2\xfc3+\xbf\xdfC\xd6\xdan\xb3\xebm\x95Z\xc84e\x102\xf5\x99&lt;\xe0\x1bW\x05WrO\x05W\xfa\xc8\xef\xdb\xfetA=$!LV+(a"b\xf4\xe8K7\x96x\xe3\xd6\xcf\x9dGe_K\x8e\x80\xc6\xafbQ\x93\x8c\x9fP5\xfc\xdf\xd3\xb7u3\x9c\x8d\x9b\xe7\xe9+\xfe$\xf8&lt;\x1c]\x01\xad\x887\xc3\xd1\x91A\xc9\xba\x12\xe3\x18\xd5\xab\x8d\xff\xd0\x8de\x91\x8c\xc5\\\xa0]&gt;\xcdN\xeb@\x14p"\xfdNS\xcfN06\xbf\x10\xa0&lt;\xa4\x9d|\x84j?\x11\xbb\x87\xedA\x02\x02\xab\x90\xb8v\xbe \xfc\x1e\xf6H\x88c\'\x85V\x13\xe7VJ\xf0\x15\xe6\xe5t\x8f\x87\x16\xdc\xc3\xdd\xc1\x8d\xf8\xe4\xd8{\xd4\xa3\x92\xf0xA]\xe7k\xa4\xd3\xd2C{\x14\xdc\xf7\xbf\xb8\xc8}\xf0X\xf0\x9b\x99\x93\xc0\xf3Ym:\x90\xef\xb1\x02\xe9\xa0\xd7\x80\xe1:\xbb\xf2|\x87w6\x1f\xd3i\xca\xc8.vPP\x8e\xcbZ*\xee8\xc6\xd4!B\x1b[("\xd0r\xe9\x9c\xb5\x1e\x18 \x93\xc4\xa8A"%)@\xb6\xefp"\xcb\x9c\x866\n\xa2N+\xd8\xae\x95[J5\x11x+\xba7UV\xbbY\xc9\xa2\xf7d+\xb2\xe2\xd6s1\xc1Gq\x124d\xba\xc8\x18G,XA\x1berl\xe8B\x03O\x83\'\x13\xd5\xc4\x8d\xa2?\xf1\xf0"\xd0$N\xc9%\xfee\xd4$\xd7\xdco\xb0\xdb\x7f&gt;\xd7\x1e\xa6\xf6\xce\xb3\x15+\x81V\xf1\x82\xa1H\x84O6P\xab\xa9\x80\xff\xb6\x9f\xd9\xf8\x1c"\x96g\xdb\x04\xd2b\xe7\x9b\x14}\x81\xde0\x833A\xd1\xfd\xa5\xd7i\xac\x0b\\\x8er\xee\x9b\x00\xef\xc4\xeeZ\xfe\xaf\xbc\x95l\xddh\xa8d\xb1\x1e5\xd7\xdd\x15f\x1a\x06\x8d\xbb?\xcf\x1b\x0b\x84\xc6\xebH\xe7{(\xeff\xa8\x7f\x94\xe2\xa7^uf"c\xa4X+\xae\xf6\xc1K-\x8d\xa1\x9aGi/pB\xb2\x19\xea~\xfc\x8f\xc7\xac\xd5\xd9E^m\xe1\xcdE\xb0\x88\x17C\xb7o\xfd\xa7*\x81\x85\x01dl,b%K\xab\x9au1\xfe"\xd8\xffYd.\xc8t\x97\x94]~!\xd2\xc7\x00\xf5\x0e\x1c{\x8a\x11W2$\x15\xcf2z\x1e6\xf8\x98\x89\x83\xfc\xb6\xdbN\nU\xfax\xcddRu\xa2\x84\xc0G\xb8\r\xc0\x9d\r\xe1^M\xd9\xa9\xe3wR\x12&lt;-\xce\xb7\xbdx\xca\xb1I\x1e\xa2\x05\x83$\xf3\x7f\xc6\x9d\xbf:?\xe3q|9\xde\xea)\xa1/\x9e@{\xdd\x98w\x94+)"8[x\xc6\xe5~N|k\x84\x8d~!p\x03\xd5\xd4\xf0W\x1bn\x9e\xe2d\xf1\rh&amp;\xdf\xc3,\xd6\xae;h\xe4\x81\xfa(Mjb7\x9fO\xe4@\x98\xfc\xe7\xb8\x88\x85\x0ek\xe6Y\xff\xfbE\xb9\x14c\xce\x14\x99`\xff\x0fcL\x87\xf5?\xb7r\xabz\x9e/\xc1\x8e\x90\xe9\n\x91S\x10(z\xb3\xf8\xcan\xb5~\x18\x1e\x08\xa8\x90k\xf2\x98G\xf7\x17\xf2\xb3:\xf3Iu!e\x0f\x001\xcc\xdc\x1f&lt;\xc8\xb4\x02\x93\x17\x12\xe6B#\xb7{\xe3](\xee\x83\xde\xc8i6\xfb\x1b\x0e\xee\x0c\xd3\t\xce \xc1\xdb\xc2\x0f\x83\x97\xd3\x06)OoP`\xe2[\x8d\xf1p\x9d2\xc0\xba\xa1\xcd\xe1a\xec \xf3.\xfe\x98\x0c\x10\xb0\xd4\xd6\xfb[\xca\xae?\xee#\xa0\xfd\xed\xf9\xa6\xd5\xde\xd6\xcb\xf3\xd0\xc3\xf7&gt;\x16\xa4\x0b\xb4?df#\x19\x8fG/\x96v#\xbe\x9cg\xce\x0b\x1c\x05\\&gt;\xc5D\xc4\x1b\xb8p8\xaf\x94\x04#b\x12\xd0\x13\xa2\x81H`8B\x8c\x10\xd5+\xb3\x03L\\\x1e\x98\xdd\x131\x13\xb6I\xe2f\x91\xa3\x027\xb6Ux\x0e\xe9\'\xca\x8cD\xa3A\xabI]\x99D\xab\x85z\xa3I8O\x89d\x95H\xa7\x0ex\xc9\x06\xb6\xcaM\x03\xf2\xcc\xc5\x96\x1a\xfc:\xb7\xfe&lt;\xe7\xd7\xabv\xdb\xe0\x95\x9f\x90\xa4.,\x16\x02\xe6R$)\x9f\xe9y,J\xa0{\xa6O\xe8\x13\xf6\xe6\x86)\xcc\xc4\xfb\xb8cB6\x80\xb13"\xed\\\xef\xe3\x14\xed\xc4\xf4\xb1f\xb2\xcd\xdaW\xb1N\xb9\x98\xc7\x01\xbc\xa8\xf0@TYVG\x87\'\xcf\x1f\x96\xa1\xcb:\xc6\x07\x1f\x08Q\x1d\xd7\xf8\x04\xb3\x164\x02\xcc\xec\xc1n\x10\t\x04\xe7\x86\xbf\xc4\x93_\x8b\xbd&lt;\xd2@\xb7\x1d\x88M1\xcc\x00\x85[\xd0\xb6\x15r\x03\x90;p\xcf\x84x9i\x85\xab\xb3\x87\xee\x93G-+Z\x00\x98\x93x\x00CN$~\xd8\xd1\xad\xd8\xa0\xc0\xcd\x16lq\xc1\xb4\xfb\xb0\xac9\xe0\x91z\xf2{\x80Q&gt;\x8a\xdaf\xcc\xb7\x88\xda\x15\xaa\x87\x92\xd5c\xcb;Y\t\xcet~\x88:\xf7\x1bt\\5\\o\xb8\xc1\xbe\x17\x91x\x95\xf2E\xade\x98\xc7\xed\xb4\xc6'</t>
  </si>
  <si>
    <t>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</t>
  </si>
  <si>
    <t>b'c$3!\x05\x98\xa56\x13\x1en\x18\xeb\x17uW'</t>
  </si>
  <si>
    <t>interested
 concerning the remote cause of this emotion. Her surprise and curiosity
 84
 were indeed the greater, because she did not recollect ever to have heard
 him mention the name of Villeroi.
 No music, however, stole on the silence of the night, and Emily,
 perceiving the lateness of the hour, returned to a scene of fatigue,
 remembered that she was to rise early in the morning, and withdrew
 from the window to repose.
 85
 CHAPTER 7
  Let those deplore their doom,
 Whose hope still grovels in this dark sojourn.
 But lofty souls can look beyond the tomb,
 Can smile at fate, and wonder how they mourn.
 Shall Spring to these sad sce</t>
  </si>
  <si>
    <t>b'6\xb6\x0e~n\x8f\x0b\x01\x9f\xcd\x07&lt;\x08%\xf1\xe3\x15:\xab\x858\x85\x99O\xea\xb74\x0en\xd4\x11I\x16\x9b\xd1\x84\n\xa2&amp;\xa8\xe6V\xac-h\xb5\x1f\xa0\x8f\xbd\x0b5\xd4\x1b&amp;\x1f\t\xcc\x8f\x9b\x94\xfb\xd2\xd4'</t>
  </si>
  <si>
    <t>36b60e7e6e8f0b019fcd073c0825f1e3153aab853885994feab7340e6ed41149169bd1840aa226a8e656ac2d68b51fa08fbd0b35d41b261f09cc8f9b94fbd2d4</t>
  </si>
  <si>
    <t>b'6\xb6\x0e~n\x8f\x0b\x01\x9f\xcd\x07&lt;\x08%\xf1\xe3'</t>
  </si>
  <si>
    <t>, appeared the brilliant blue, that coloured all the upper
 region of the air, and, thence fading downward, was lost in the saffron
 glow of the horizon! Nor less so were the varied shades and warm
 colouring of the Apennines, as the evening sun threw his slanting rays
 484
 athwart their broken surface. Emily followed the course of the stream,
 under the shades, that overhung its grassy margin. On the opposite
 banks, the pastures were animated with herds of cattle of a beautiful
 cream-colour; and, beyond, were groves of lemon and orange, with fruit
 glowing on the branches, frequent almost as the leaves, which partly
 concealed it. She pursued her way towards the sea, which reflected the
 warm glow of sun-set, while the cliffs, that rose over its edge, were tinted
 with the last rays. The valley was terminated on the right by a lofty
 promontory, whose summit, impending over the waves, was crowned
 with a ruined tower, now serving for the purpose of a beacon, whose
 shattered battlements and the extended wings of some sea-fowl, that
 circled near it, were still illumined by the upward beams of the sun,
 though his disk was now sunk beneath the horizon; while the lower part
 of the ruin, the cliff on which it stood and the waves at its foot, were
 shaded with the first tints of twilight.
 Having reached this headland, Emily gazed with solemn pleasure on the
 cliffs, that extended on either hand along the sequestered shores, some
 crowned with groves of pine, and others exhibiting only barren
 precipices of grayish marble, except where the crags were tufted with
 myrtle and other aromatic shrubs. The sea slept in a perfect calm; its
 waves, dying in murmurs on the shores, flowed with the gentlest
 u</t>
  </si>
  <si>
    <t>b'/\x15L\x9b\xd9\x8ff\xee\x94\xd4\x07\xf6p\xc9@)z\xaa\xa3+A*\xe9\xa7\xf9\xa0&gt;\x0b\x9e\xadX\xf1\xf7u\x8e~\x9e`\x91|\xa5\x1f\x12R\x9a\xa0\x8e\xa9\xee\xe4%\xd7\x9d\xfe\xa6e\x1a\xcf\x91\xfe\xfed\xb9\xa6'</t>
  </si>
  <si>
    <t>2f154c9bd98f66ee94d407f670c940297aaaa32b412ae9a7f9a03e0b9ead58f1f7758e7e9e60917ca51f12529aa08ea9eee425d79dfea6651acf91fefe64b9a6</t>
  </si>
  <si>
    <t>b'/\x15L\x9b\xd9\x8ff\xee\x94\xd4\x07\xf6p\xc9@)'</t>
  </si>
  <si>
    <t>vened and in my sea-tossed coracle I 
 lay and dreamed of home and the old Admiral Benbow. 
 135
  CHAPTER 24. THE CRUISE OF THE CORACLE 
 IT was br</t>
  </si>
  <si>
    <t>b"\x9a-=\xef[\xa4E\x90z-&lt;\x08\x0b\xd5Y0H\xf7\x11\xedM\x1b\xf4\xf6\xa78\xfc'4\xdew5\x19\xb5\rm\x0f\x1e\xf4 \x8b\xe7\xf1I1\x04\xb2F\xf3\xd8Cb~\xaf\x10\xaf\x86`\xbd\x0b\xf0&amp;-A\xc1S\xe7\x9dc\xee\xec\x8b\x024)\xfc\x1f$1\x82\xf6\nf\x085\x87R\x90\xc6:;\xeb\x00\x11\xe1,\xa5\x88\x89\xdc\xd7\xe5\xe6\x80\xcc'G\xe7\x9d_M\x00\xfaxZNO{.\xae\xdf\xd1L\xc6\x04z\x97\xee\xca:\x185\x8f\xf2P[H,\xb8\xe2~8L\x07\xc1\xdfg\xa8\x02W+\xb9\xe9\xb4\xa9C9\x1a\xa7\xda\xcb\xf1\xe3\x9e*\x04\xf4&lt;\x91p\xbd\xbb[\x10y\xa7\xc1\x9a\xa1e\xd9_\xec\xafc\x95\x1f\xb8Jn\x17!\x14\x8a\x04B\x90\r\xdb#\x9ep\xa2\x7f\xb8\x9d\x86\x95\x85G#*\x83\xa4\x14\xe97\xfcE\xe8\xa5\x98\r\xc2G\xc0\x05)\xac\xe8\xdb\xbe\xb0\xbc\x85=\x0c\x06\xbcY\xe3\rcn_\xc4PV\x9d\xa8\x9f\x8c\xd1\x9fc\xe0"</t>
  </si>
  <si>
    <t>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</t>
  </si>
  <si>
    <t>b'\x9a-=\xef[\xa4E\x90z-&lt;\x08\x0b\xd5Y0'</t>
  </si>
  <si>
    <t>ed a window with a lamp burning in it, and behind the
white curtain appeared Zara in a lovely blue and silver dress,
waiting for Roderigo. He came in gorgeous array, with plumed
cap, red cloak, chestnut lovelocks, a guitar, and the boots, of
course. Kneeling at the foot of the tower, he sang a serenade in
melting tones. Zara replied and, after a musical dialogue,
consented to fly. Then came the grand effect of the play.
Roderigo produced a rope ladder, with five steps to it, threw up
one end, and invited Zara to descend. Timidly she crept from
her lattice, put her hand on Roderigoâ€™s shoulder, and was about
to leap gracfully down when â€˜Alas! Alas for Zara!â€™ she forgot her
train. It caught in the window, the tower tottered, leaned
forward, fell with a crash, and buried the unhappy lovers in the
ruins.
A universal shriek arose as the russet boots waved wildly from
the wreck and a golden head emerged, exclaiming, â€˜I told you
so! I told you so!â€™ With wonderful
presence of mind, Don Pedro, the cruel sire, rushed in, dragged
out his daughter, with a hasty aside...
â€˜Donâ€™t laugh! Act as if it was all right!â€™ and, ordering Roderigo
up, banished him form the kingdom with wrath and scorn.
Though decidedly shaken by the fall from the tower upon him,
35
Roderigo defied the old gentleman and refused to stir. This
dauntless example fired Zara. She also defied her sire, and he
ordered them both to the deepest dungeons of the castle. A
stout little retainer came in with chains and led them away,
looking very much frightened and evidently forgetting the
speech he ought to have made.
Act third was the castle hall, and here Hagar appeared, having
come to free the lovers and finish Hugo. She hears him coming
and hides, sees him put the potions into two cups of wine and
bid the the timid little servant, â€˜Bear them to the captives in
their cells, and tell them I shall come anon.â€™ The servant takes
Hugo aside to tell him something, and Hagar changes the cups
for two others which are harmless. Ferdinando, the â€˜minionâ€™,
carries them away, and Hagar puts back the cup which holds
the poison meant for Roderigo. Hugo, getting thirsty after a
long warble, drinks it, loses his wits, and after a good deal of
clutching and stamping, falls flat and dies, while Hagar
informs him what she has done in a song of exquisite power
and melody.
This was a truly thrilling scene, though some persons might have
thought that the sudden tumbling down of a quantity of long
red hair rather marred the effect of the villainâ€™s death. He was
called before the curtain, and with great propriety appeared,
36
leading Hagar, whose singing was considered more wonderful
than all the rest of the performance put together.
Act fourth displayed the despairing Roderigo on the point of
stabbing himself because he has been told that Zara has
deserted him. Just as the dagger is at his heart, a lovely song is
sung under his window, informing him that Zara is true but in
danger, and he can save her if he will. A key is thrown in, which
unlocks the door, and in a spasm of rapture he tears off his
chains and rushes away to find and rescue his lady love.
Act fifth opened with a stormy scene between Zara and Don
Pedro. He wishes her to go into a convent, but she wonâ€™t hear of
it, and after a touching appeal, is about to faint when Roderigo
dashes in and demands her hand. Don Pedro refuses, because
he is not rich. They shout and gesticulate tremendously but
cannot agree, and Rodrigo is about to bear away the exhausted
Zara, when the timid
servant enters with a letter and a bag from Hagar, who has
mysteriously disappeared. The latter informs the party that she
bequeths untold wealth to the young pair and an awful doom to
Don Pedro, if he doesnâ€™t make them happy. The bag is opened,
and several quarts of tin money shower do</t>
  </si>
  <si>
    <t>b'\x9bM#~+\xd6\xf7\xb6\xb7\x8d\x0e\xecu}Jr\xf4\x08\x95\x93\xa5&gt;lZ?\xd8|\xd0\xb0\xf5Dc\xd3\x88\xc10q\x82\xd0i\xce\xe4\x15D,\x17k\xa251\xee\xdd\xfe\x1e\x99\x99\\\xac\x80"\x89\xfe\x8b\xae\xf3y\x9a\xa0\x14+-\xb0\xfcb\xe1_P$\x1er\xca5\r&amp;\xff:\xdf%\x88\xf1\xb0z\x9d\xd6\xc0\x13\x9e?\xf2F\x9c\xbf`\xf3\xe7\x9c\xa7\x9f\x98\xf3z\xed\xd6[\xb3~\xee\x89W"\x94\x19y\x02\xb6\xbeOI\x978]K\xd7\x8e8\xff#\xd7\xc5\xf0\xd2\xe0\x08\x9b?(\xd3\xa9\x9a\xfb\xa4\xceh{\x02Q#\xf3p\x7fP\xed\xe0\xe6\xc3\xf5d\xcc\xb0s\xc5\x0cS\\\xa9\xe6I@:)qw\xa0\x98\xb8\xd4\xf1y\xcc\x92\xe0\x84\xd7\xe2\x8c%UZw\x11\x00\xfd\xaa\x1c\xf7\xdd\xa0I\xe9\xdd\xa3\x9f \x11X\xc7\xaa^g\xb0\xfd\xc6\xed\xa7\x1c\x07\xf1a\x85\xf1\xa9\x80\xd8\xdb\xe8\x0b\xd0+\xfcW\x96h\xe9\x08i:\xbeL\xac\xec\xd2\x13\x12\xd1|\xb3i\x02\xfd1v\xd624\xfc\xe3\\\xba \xc0\x9b\x1bC\x7f_\xcdS\xbe\xf6\xfe\x0f~\xab\xd1\xc7|\xf9 \x85\xb5&amp;,\xab\xaa\xe4z\x8a\xa2\xee\x0c\xc8\xfe\xf3\xd4\x83\x0f\xe5^\x0f\xd8W\xb6\xc9p\xc6\xfd\xc4d\xbb\x060x\x97\x00a\xd4\xc8\xb3A\x97\x9c\x91\xd8\xd4\x16\xbbo\xe4\x08U\x06\t\x1b\x13\xd3r\xae.*\xd4\x15\x0c\x01\x1f\xd4\xe3\xfb?\x8f\x89/\x8d\x12\xc6\xeb#\xdfA\xd9f\x91\xf4\xa0l\x0c\x14\xbf\xe8\x19\x86u\xd9?\x14\xa17\xad\xc6hF\xb3-\xe9=\x9d[\xfb\xd4\x95\x81\xe1\x05\xb4\xc3Eqw\x1d\xcb\xde\xb7Fm\n!\xd8j\xca\xb7\xf0\x02\x89\xf4E\xcf\xecD(4+H6\xa3\xb0\xdcaXz\xf8\x0e\xe9\xe5[\xde\x08\xe6\x0b\xf4k\xd9\xbf\xe6\x04r7`\xe5\xc706\xcbZlO\xc6\xc2M\x87V\xd0\x83\xe2\x94\xfc\x06m\xe3l\x18\x1fiB\xe5\xc8k\xb3@\x08v\xc5|\'\xe1\x90\xb4\xdc=\xe1\x00+\xa7\x0f:\r\x08\xdb\x05\xe5\xb7\xc8\xfe\xcf\xde4\xf6\x17\x96\xb2x\xed|!\xa3@\xd7\x11T\x03\xe8V"\xe8\xb19\xe7\xdc\x0bFn\x86\\\xad\x12\x98zK\xa3\xe2B\xd2\xd5\xe5\x1a\xabSg{\xe1C\xe7\xe5\xad\x16\xc4w\x93Y\x8e\xd3\xeeN\x96\x0c\x1c\x06W\xfc[m\xb2^\x95\xfb$\xf3vz q\x97&gt;H\x87\x89\r\xce\x83\xd3\x11\x988\x03\x81X\x04\xc4 \\\xf7\tS\xb4\xc5^\xa6\xef\xa8C\x8f93M\xcdZ\xea\xc1\t&amp;\x9f1\x86\x91\x00\xbfx\x85\x0f\xd6m\xb0\xdf\xc2\xe5\xfeU\x1d"&lt;\xe8\xac\xd5\x8f\xbc$c\xdaM6\x97w\xb4\x02\x8f\xfaO\x1b\xab7\xcb\x9d\xc4\x90_9\x15J\xd8^R\\k\xa0T\xec\xbcg\xc1\x95@\xc1\xee\xef/1*_\xa9\xac%f6\xa0;Y\xc3\xa52\xdf\x86\xe6\xa7\xd6\x9a\xe3g\xcet{Y\x18\xee\xae\xd1\xc4m\x00\xa0\xb5\x15\xae\xb7\xb1\xc3\xfb\x953v\xd5\x87u\xb69\x17\xf4AV\x07{O\xddIp\x81\x95\\}\xd9^V\n\xbe\xde\x85\t\x98\x84\x9e\xd2\x1f8\x95\x19\xa2\xf1V\x15\x10\x99/\xd9\x08\xfcg&gt;O*n\x04\xa4Z\xb1\x8e\xe6\xa5]\xf3\x14\x0b5\x80z\xe1\xcf\xa0\xdd\xc6p la2\xff\xbcf\x0e\x19\xd8\x8f\xfc\xbeZ\x00\xdb]\xd6Lt\x9d\xd9&amp;+\xd2\xeb\x95\x99\xf4\xde\x86p\x88J\xbc\x8f\xcc\x07-\xac\xe6\xfdC\x04\xf3m,\xf1OdT\xa9\x9eK-&amp;\xe7\\g\x1f01\xca\x01P\xb1|6\x9b\xab\x92\xe8Tc\xc2\xa2\xca\xf6\x1bS\xd0M\xb6&amp;0-3\xb7W\xdbZX\x1c-\x83)\xbe9\x18\xd6o2d\xb0\xcb\x1f\x1a\xbe\\\xf4\x1d!_\xdb\x05\xf0\x8e\xe4\xfb\xfa\x1d\xf8\x1d\xf1\xa1\xfer\xe0\x1a\x04t_D\xb3\xef\x1a\x1f\x17 \xb2\x07\r\x13\x87t\x18\xcf\x94\xa5)a\x81\rc\xbdb0\t\x18\x0e\x0cT\x05\x93\xd1\xab\xd3fI\xc7\xd13]\x06\xa7\x82\xf1\xac\xd3\xee5\xed\xf00^\xbcn\x0b\xb0\xc7\xf8\xda\x97\x94\\.\x1e\xc6\xe9\'\xa4\xdd|\xea\xdb\x9eMB\xf34\xe1\xaf_\x17\xc9\xce\xb8\x81A\xa1\xd7@\x91&lt;$\xf6l\x1f\x0e\xd1\'\xea\xf7_\xeat\xeb\x02a\xf51*Eu\x87\x17\xcc\x06\x80/+&amp;/\xa5\xc7\x9a/\x1b\xd3\x1ct\xa0\x85\x99\x02M\xe3\xec\xdb\xa5\xad\x08\x00\xbe\x80\x1e\xc2c\x10NT\xbf\xa1P=\xbe\x02\x95\x7f\xc1\xa3#o:nw|wR\xadL\xc9\xc1\xcc\xd3\x8d\xc8Lp\xd6\x94:Wc\xf8\x91i\x98\x1b\x1e,\xe5\x17\x8ail\xffM\x96\xb2\xe6\x0b\xba\xea\xf5bf\xfb\xb7\xe0\xdeG\xa9\xbeG\xfbwrW\xa3_\xc6,\x8f\xdb~\xa9-\x11X\xd9\x05\xf7\xe2\xf8\xd8\xee\x85\xe2~\x8e\xb96\xabZG(c\xbc_\xcaj2\xd5\x02\xb5\xc8Z\xc5\x9c:l5\xc8Y-)y;:\xe2\xb3\xb4w1RW3\\\xd0,_\xe8\xbbF\xb5A$\x93!}\xd1\x8e\xa0]=\xc0\xc6b\x1b\x1e\xd6\xb9&gt;u\x9c\x14$\xb7\'\x89;\x0c\xfe\xd1g\r\xff\x85\x8e4\x07\\-\x1e\xa4\xb5\x9a\x85\x83\xd5\xc8\x05Id\x91yk\x98\xcb\xf1\xb5\x87\xcf\xd0\xc98\x9by ^\xc1\x10\xfaB\xe2\x84O\x18\xa3\x9a\x0c\x93\xfd_Sr\x03\x81U1v\x8dt-\xa6\xd4I@^;\x89]wV\x95\xcc\r}K7~\x1bR\x03G}\xd8\xc4\xac\xedr\x8bd\x7f\x96\x8d\x819\xe5_\xac{\xcf\x03\x9a\x913\x13W\xda\xfc\xe8\xaa\x7f\xb4\x1b\xe0\xc6\xd4\xa2\x8d\x01\x922:\x04.\xff\xb7\xf9\xce\r&lt;\xb0\xc0\xbf\x05MV\x99\xc3\xb5V\xa8\x81\xc8`\xd4\xee\xf5\'\xe1\xd0\xf2\x87i\xed\x8b&gt;x5\x9e\xa2\xef\xbdc\xbd\x1d\xe7\xad\r\xff\x80\x8ep\xf5\xa61\xf9\xfe\'\xa9\xc6\x82R;\x00\xd3I+\x87^\xef\x00\x9c\x95\xa5d\xab\x8a\xee\xdc\xeb\xcc\xbc\x868\xf2\xe6\x95[P\xb1F\rl@\xdbz\x9d\xac\xec\xf9Eo\xe5aG\x15n\x10U\x8aO\xa7\x0f\xad@\xb4\x85\xb1|\xeb\x1a\xba\x9d\xb1fn\xef\xca\xb8\x90h~Gr\xe5\x1e\xc5\xc7\xcd,\x15K\x10\xdd\xa6X\x85\xc9$\xeb\x93\xaaN\xf7\xd7\xde\xb9\xc24\xd4Y\xff\x1eq\xb6j\xaa\xda\x12\x8f\xbb\xb5\x89\x7fBr:\x1f;*\xc5u\x80\xc0\xb1\x8a\xf3\x0b\x01O\xefI\xee)\x02fG\xf8\xbe\xd3\xa6lc\xc9\xee\xef\xc3z\x1eD\xb2-&amp;\x12\x1dy\xb0\xae\xe6x\x8a,\xafT\xca\x16\xd7I\x82\x82#\xc1\x93\xff\x8f\x08\xd6\x807tm\xfd\x8bY\xdb\xb7M\xb3}QL\xe7 \x01\x12\x00\xcd\x8bb\xab\x81\x84*+\xe4\x03\xd2Z\xdc\xb2n0q\xfc\xe8\xb6\x11\xd9\x01r\x04\xc6\x00\xdf\r\'\xc5$\x96M\xd7\xf6\x95\x86\x9azl\xbet\xf3\xebXL+\xd5\x07\x05\xce\xe9\xfbAs$\xa5\xb8\xf1\x8abd\x03p\x85NB\x08\xe8\xb6`\xab\xfe\xb6!o\x8a}\xba\xf8s\xe1\x04L+=Z7\xc33\x17\x1d\xdd\xf5g\x9c\x9f$h\x92\xdc\x14\xd9X\x93\xeb\xdb\x0e\xf5Pl\xa1N&amp;\xc5\x86\xa8N=\xd0\xbd\xf1\xdb\xd1\xad\xc2\x14\xb4\xb7\x80^\x17\xae2\xb9b\xf2\xdc`\xf9\x86C\xa4B_\xf1\xcc\xb7\xe3:H\xc4\xc2\xc4\xe0\xce\xc2\x0b\xf3`\x98\x9b\xd9\xb8V\x061\xe3\xc0G%\x81\xc8\xcb\xd6\x85K\xf0\xe0\xde_\x82hg\xe4\xd4\x1d\x07T\x07\x98H\xf8B\x04&amp;\xeen\xa1&lt;\x12R\x9d-4\xcf\x13\xe38\xbf1,\x110e`\x98\xb0\xc3\xc6\xb6c\xb4\x95\xba\xe0\xf4\xb3&gt;\xf1\xed\x06Q\x15\xb59\x9bkr&amp;\xac\xaf;\x9ag\x0cMO\x90\x04\xee\xe3\xce,\xac\xc0\ti+/\xa3yP\x83}{/Ppx\xcf0/e\xea\x92\xd7\xa6\x04\x9e\xff\xf6ePLbFl\xd0\x99\x9d9Dx\xfeS\xa5\x89!\xf2"\x15\'\xe0$!\xd6\x8f\x990e4B;m0\xb4\x86\x05\xa8\xde\x95F\x0fFq\x84\x1e]\x02\x91\xfa\x94\x14D.R\xe6\x1f\x02&gt;\xfe4\xb0~6\xa7\xee\xdd\xa4\xe5r\xb1\xf8\x13|c\x84\xfb?%\xf9\x9eG\xf5\x05\xbc\x17\xe5\xa0\x85\xd1\xbc\xaf;D\xcf\xfa\xc6Q\xfe\xa6~p]\xf9\x8d\x06g\x01\x91\xd4nqOn;\xdb\x11\xa2\xd2S\xc3c\x05P\xfe\x84\xbe\x80\xff\xf4\x0bh\xfd\x83?\xad\x00,\xf1\xa3|\xef\xf1\xf3\xe4\x93a\xbc\x82\x11{\xc4#^\x92al\x08\xed\xfe"/\xceo\xad\xf4Q\x99\xed\x86R\xd8\xaf&lt;X\xd2\x1eg\xca_\\\x7fk\xa7\xae\x01\xa1KH~|\xef\xcbF\xb3IJ\xce\xc5^W\x96@$v\xc2D\x8a3\x9b\xd7\xce\x85y\xc1\x0c\xa5j2\xd1h\xc4;\x14\x9d\x0fx\x9b\x07\x02\xbf\xc2Mf\xef.V/rz\xeb\xa5\xd5\xb0\x0f^\x93\xde]g\xbb\xa5\xae]2\x8e\xce\xbc\xdd\xa1\xa6\xc6\x85\x89\xb7\xa6\x80\x8fd\xa0\xd9\x90`\x1cz\xd7s\xff\x0f\x08-\xb0\x8a\xad9\xe2\xe0\xd5d\x01\r\x9b\xb2@\xef\x92\x95\xe8\x0er\xa2j\xbe\xc0\x8f&gt;\x1d\x054\xd7\xc8\x89C\xaf\x7fg\xf1\xabUy\x82`\xb5\xbe\x8f\xd2/\xf0xB\x11\xda\xb4}\xb9E\x8d)a\x04)|s{\xfc"\x9d\x1c\xa90jK\x0eh\xc6\xd1\xa3\xdaN\xd3vw"x\xdcP0\x86&gt;\xf6\xfb&amp;\xf1\xe7\xd6\xe8\x9dN\xb1\x01\x9f\xe0\xd8\x05M\xdd\x11SU\xde=u\x1b\xef\x9dZ\t\x8a\xd5b\x0bM-h\x0fmT\x1a\xd2\xd6\x86\n&amp;c\x001\x07*{\x01q\xdb6\x82\xc86\xcb\x9c\xebt\n\xaf\x02Xk\x87\xc6\xf1`\x9d"T\x9f\xf4\x7f:\xa9\tR\xb6~\xba\x03#\xc3\xbet\xc4\xd8\xda\xdb\x82a\xbd\x90^9R\xa9&amp;\x94\x1f6W\xf7\x1c\xb2\xacn\x90W\xf0\xf1d\xde\xe5\x01\x9e\x15j\x00\xd4z^\xc3"zLH\xdba\xc8\x97\xf1|\xa7\x1d$Q\xbd\x81\x9b_\xd5\xe0b\xe2\xee\xe2\xd0|d\xa6C\xe0\x8a\xd8$7A:\xab\x8a&gt;\x1f\xef\xc3\xd0]\x8f\xa4gz\xe1\x0cN\x8e\x13\xc3\xbb\x1e[2\xab{\xbc\xa7\xae\x8aI\x13^\x97JRR\x87\xdc\x94&gt;\xbb\x13V\x1d\xb2{j3;\x0e\x01\x18/f\x93!\xb2\xbc7\x98\xfd\xc7aWc\xdeF\xf6\x92(\xda&gt;D\xecl\x80\xc6\xbd\xae\x10\x8d\x98\xef=e\x97J\xc2\'\x97\xa7\xf2\x1fvS\x17\xf3\xc4\xafF\xb8\xe7*\n\xcd\xb6\xc0\xd9\xd3\xd8\x84_\xe5\x0f\xa5\xffo\x9c\xf5\xfc\x1a\x0c"?3\xd6\xa9KL`\xc5\'\x1f\x19\xa8a{\x19\xdcT\x08\x8d\xd5\r\x1b$\xe1\xb8\x9bd4\xb1\x93\xd1\xe6*B\xc46\x0f\x9b\xa9:=\x9e\n\\\x93A\xdc\x93@\xd0\x03\x12P\xa6\xf2\x1b\x08\xfeFf\xad4\xdb\xd4e\x95\x0f]\xebw\xa7\x1d\xf82\xc3CDn"\x1e\xc2m|)2s\x12\xe1u\xfa\x94\xccE\xeae)\xb7 1?^\x93\xe65\x89?\xb8\xdb\xe1\xdd\x05\xc7+\x8b\xacg]\xe6/\xbb.-\x13\xc7\xc2\x1d\x9b\x1f\xc6w\x0500\xefgb\xc4(\x0b\x8c\xb7\xb3\xb8\xa59\xfa0p\xc3\xc7"#i.\xf6\xe6\x84\x84\x9cF^\xab\x98C\x9bjy\xc3\xa9\x8a!\xf8\xbf4\\+\xf4\x8e\xda\x1c\x1f\'$4p\xa98!8\x80\xa8\x9f\x0c\xb0e\xcf\xe4\x9d\xd4gBv\x8a\xca\xa4\\Iu&amp;\x08\xb3{\xe3\x96\xbc$\xb1\x1f\xf3&gt;\xa2N\x86\x8e4"\x03i\xd1\x18K\xf3o\xad\xd5\x90\x01\xda\xeaX2t&amp;\\\xbb\x01bA\xfb\x9a\x1a\xa2\xaa\xfb-\xdb\xa7\xa5\xda\xd6cI\xa1\x9cN\n\xf8\x8c#\x04q\xe5\xf4:_iT1\xfd\\\x8c\x97\xdb*M0\xec\xfa\x9c\x95\x03\x87\xb0Q(D\xf7\x18\xfa\x1e\x8cp\xec\xa3\xd2p\xd2\xba\xb2z\xc1\x9b\xbe"\x86%&gt;\x1f\xcaI1r\xca{\xd9\xc5N\xb0"V\xd1\xa4\xfajM\xd8][\xa9\x11\xc9]\x9d8\t{\xca\x97\xd8R\xb9w/\x1a\\k\xfe\xae$\xae{+\xa5\x92\x9a\xa6\x01(\xae\x9f\x17\xb1&gt;=;\xe3\rMf\xdc\xa5u\xa0\xde\x83\x8aNc\x91R\x82\x95\xe7}\xbb\x88\xbd\xef`\x03\xe5\x03"/&lt;o\x87\x8das\x03\x05\\\xde\xa5L\x16\xf2\xe6\xd4?=\x9d\xad\xcc\xae\x9f\xf5\xd1\x0e\xaa\xf4\xdc,\x9e\xb5\xc7]T/\x1b[&lt;\xe28\xc8\xd2\xe3x\xc7bz)\x8f\xe07\x0c\xbaH\x15\\\xaf\x01\x1c\xe6m\xc2 \x08\xe3@\xc4\xb9\xfc\xdd\xfaH\x94\xe7P\xe7\x8a;q\xfe\xa3\xf2\x01\xf6b"R/i\x0b\x19\xdcC\x17\xd4k\xb8 \xe3\xb6\xae*\xfd\xfb\xdbS\xe5\xd0w\xa4\x9e\xbbL\xc71\xa7\xe1U\xfd\x12\xe1\xbba)\xe6!\x9d\x99N\xc18\xb7)$!\x94\xee\xe6\xc4\xc9\x1e\xc4\x9a`\x92\xd2\x10p\xe0g\xd1\xb2xf\xde\x9d\xb3\xf8\xb7I\n\xf5AjC\xe1\x98;^\xe5\xb0mf\x84P\xf0a\x06\xc45(\x8e~X\xd2\xa3\xb5S\x06@5\xae\xc3\x04\x88&gt;\xdf\x15\xd6o\xbd\xe5\xbb\x01\xc2\x90\xcf\'z@\x17~\xf8E\xfb\xb4P\xda%\xa29iM\x15\x1bID\rKT)\x86\xcdF@TTK`\x0eAA\xa5F\x96\xfb\xdfw\xc7\x9e\xd47w\r\x1fV\x95X\x12\xe4X\xe2`\x9cO\xc7\t\xb4sEg\x08\xee\xa7\x16U\xc2\xed\xfaG\x19\xe4{\x8d\xb7\x98D\xad\xc99\'p\xa6\x196\x01\x86\xa5\xce\xcc@\xdd\\\xcf&gt;\xd3\xc1\xa4l\x94\xc6\xbc\xb2 4?\x12Q \xd6S\xfe\x84\x10\xad8V8J\x01j46\xbd\x03\xa0L\xdf2_\x99\xfd\x91e\xa7\x94\xfa\xb8\x9d\xffV\xbc~~\xefM\x97\xda!\x86:\x9f\xcc\xbbuLq\xca\x8d@\t\x16EJ6\xc8\xaf\xf7\x17\x04\xd6;\x06\x11"\x01a\xa6\xf0\xcf\x88^G\xcf\xc2\xbb\x8fQ\x8f\xcd\xd7\xce\x08\x1c\xbe\xf4\x00\x8b\xe5\xc2\r`\xaa\x92r\xe3O\x1e\xfeG\xcc\x8d*\xccC\xad\x00\xa2q\xc4\xc7\x0b\x07\x0f\xa2"\xd75k\xba\xab\x0ckYA&lt;\xfa\x86\xe8\x8f\xa1\x1edy\x0f[\x1b\x84\x167\xcdw\x97\xe8%8\x9a\x13\xd1\xd7\xec$h\xa7wkm\xc1\xe5[\xd9\x02\x9c\x9e\x93\xf7\x97"\x01c\xb3\'#4h\xd2\x0e\x8dz\x9c\xbc"\xbab5b\xa56\xe1\xf9\xab\x90FDE\xb0\xfd\xdc\xf8\xc1\xb4\xadz\xf3Z\x86\x84\x1e\xae\x10\xa7\xe1\xea\x8e\xe3\x1c\xcbx\x88qc\xf2\x9e\x0f4\'Sn\xfe\xec\xb5\xdb\xda\xb0\xbd\x90\x85\xac_H\x81L\xf7\xa9\xf7\xd52\x01A\x13)\xa6;Wo8\xf8-\xc3u\x19KQ@\xce\xd0]4\xa7\x17\xfd\x03\xb4~1]\x01\xb0\xd7\x1bx\xd7\',\x06\x83\xd7\xf4Y\xbb\xbc\xf0\x8d\x08:B\x10\xcb\x0c1\xf9\xcbr\x90\x87\xcfuu\x03@\x99c\xacy7\xca\xb1\x10\xe9\xbd41M\xc8\x86\xb4\x93\x8ak\xc7\xa6\xea\x8f\xd0)\xfd\x04\x8e\xfe\xaf\xa8}\xf2[S}\x03Kk\xa0\x00C\x0e\xe0\x94\xf8\xeb\x92\xde\xd5l\xd1\xa3u3$\xb4R\x19\xb1m\xf7\xe6\x05l`o\x95s]W\x9c\xb3\xc2\x10no\xf7\r&amp;\xec;.\x1d`"Ns&gt;\xd1\xd3\x87\xb9*\xab\x84\x9aa\xf6\xffvLf\xfd\x8e\xd8t\xda\x0c\xa8J\xbc\xc2\xcf\xb3\xed"I\xe6`\xd8f&amp;\xcc=U\x17\x8b{2\x1b\xbd\xf8Mc%\xae\xc0}B+r&lt;6E\xec\xaa\xb6\xe1\xf7\xc9D\x14\n\xe8\xd1\x85\xcf\xca4\xe6\xb8\x10\x8c\xf0\'\xa5\xe1\xa2\xe3AGw\x19\x1a\x9f\x128\xa1\xd3\x17\xe7\xf8\xac\x04\x92\x95\xa3\xcbN\xfc\xab"#\xfa\x1f\x10\xdb\xf9\x95\xe4\rgb\xc2\xf7\xd1\xc7\'\xb0n\xe5Oh\xb81\x8a\xc7i6\xed\xa2\xd4qR\xf0\xe2\x88\t\xe5\xb9-\x91\xe3\x07\xd8E\xb1\xcb&gt;\r\x82\x1d\xb9^Y5\xae\xa0a'</t>
  </si>
  <si>
    <t>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</t>
  </si>
  <si>
    <t>b'\x9bM#~+\xd6\xf7\xb6\xb7\x8d\x0e\xecu}Jr'</t>
  </si>
  <si>
    <t>orrow.â€
 3 As mentioned in the last footnote (page 104), the steamer
 from Hong Kong to Yokohama was due to sail on the 5th. Here
 Fogg arrived on the 6th, and the Carnatic ought to have gone
 â€œyesterday.â€â€”J.M.
 143
 â€œThank you,â€ returned Mr. Fogg, descending mathe- matically to
 the saloon.
 Passepartout clasped the pilotâ€™s hand and shook it heartily in
 his delight, exclaiming, â€œPilot, you are the best of good fellows!â€
 The pilot probably does not know to this day why his responses
 won him this enthusiastic greeting. He remounted the bridge,
 and guided the steamer through the flotilla of junks, tankas, and
 fishing boats which crowd the harbour of Hong Kong.
 At one oâ€™clock the Rangoon was at the quay, and the
 passengers were going ashore.
 Chance had strangely favoured Phileas Fogg, for, had not the
 Carnatic been forced to lie over for repairing her boilers, she
 would have left on the 5th 4 of November, and the passengers
 for Japan would have been obliged</t>
  </si>
  <si>
    <t>b'\xf27\xf5\x9ckfu,[d:\x05\xf2\xe7\\iT\x03\xc8\x91R\xbc\xdcn\xffH\x1cV\x82\xb4\xc6['</t>
  </si>
  <si>
    <t>f237f59c6b66752c5b643a05f2e75c695403c89152bcdc6eff481c5682b4c65b</t>
  </si>
  <si>
    <t>b'\xf27\xf5\x9ckfu,[d:\x05\xf2\xe7\\i'</t>
  </si>
  <si>
    <t>zonâ€™s success to an â€œincredible planetary alignmentâ€ and jokes
 that it was â€œhalf luck, half good timing, and the rest brains.â€ Bill Gates even goes so
 far as to claim that he â€œwas lucky to be born with certain skills,â€ though itâ€™s not clear
 whether thatâ€™s actually possible.
 Perhaps these guys are being strategically humble. However, the phenomenon of
 serial entrepreneurship would seem to call into question our tendency to explain
 success as the product of chance. Hundreds of people have started multiple
 multimillion-dollar businesses. A few, like Steve Jobs, Jack Dorsey, and Elon Musk,
 have created several multibillion-dollar companies. If success were mostly a matter
 of luck, these kinds of serial entrepreneurs probably wouldnâ€™t exist.
 In January 2013, Jack Dorsey, founder of Twitter and Square, tweeted to his 2
 million followers: â€œSuccess is never accidental.â€
 Most of the replies were unambiguously negative. Referencing the tweet in The
 Atlantic, reporter Alexis Madrigal wrote that his instinct was to reply: â€œ â€˜Success is
 never accidental,â€™ said all multimillionaire white men.â€ Itâ€™s true that already
 successful people have an easier time doing new things, whether due to their
 networks, wealth, or experience. But perhaps weâ€™ve become too quick to dismiss
 anyone who claims to have succeeded according to plan.
 Is there a way to settle this debate objectively? Unfortunately not, because
 companies are not experiments. To get a scientific answer about Facebook, for
 example, weâ€™d have to rewind to 2004, create 1,000 copies of the world, and start
 Facebook in each copy to see how many times it would succeed. But that experiment
 is impossible. Every company starts in unique circumstances, and every company
 starts only once. Statistics doesnâ€™t work when the sample size is one.
 From the Renaissance and the Enlightenment to the mid-20th century, luck was
 something to be mastered, dominated, and controlled; everyone agreed that you
 should do what you could, not focus on what you couldnâ€™t. Ralph Waldo Emerson
 captured this ethos when he wrote: â€œShallow men believe in luck, believe in
 circumstances.â€¦ Strong men believe in cause and effect.â€ In 1912, after he became
 the first explorer to reach the South Pole, Roald Amundsen wrote: â€œVictory awaits
 him who has everything in orderâ€”luck, people call it.â€ No one pretended that
 misfortune didnâ€™t exist, but pr</t>
  </si>
  <si>
    <t>b'\x93/\n\xedY\n\xa1\x12\x93\xc8&amp;\xd8\x8dc\x06\xa6\x80&amp;*\\\xa1\xc2\xd5a\xbf\xda\xdaE\x1f+\x91\xacv,0\x86aL\xfc\xa2~+:\x01w\x83\xe6\xfa\x0cVG\x90\x954t(T\xe9\xa4\x93\x1b\xca\xf7\x10\x1fkN\xaf\xa3R\x130\xb5{\x00\xd6\x18\xdc\x9ed;\xb3\xab\xa1\xd3A\x8e\xf4V\xd4\xfd\xe0\xc2\x8eS\x0c\x9d\x1e\xee\x0bX"\xb0Lj\x8d\xff\xc9\xa4\x8fZ\xf7\xf5\xcf\xfd\xfd\xfb\xe6N\xca]\x97n\xfc\xcd\xb2\xe1R5\xe5\x83dY\x05,\x07\xe6\x82\xf7!\xca\xa0\xa7\xee\xd8\xf5\xd2k\x83\xf8\x80\xdf,\x9e\x07\x924a\x02q\xcb\xe9k\xa2\xad\x80d&lt;-\xfc#\x81@*x]K\xaa\xc2\x95\xaf\n\x14\x19\x16r\x19\x84\nn#\xe0\x90\xa8{t\xff\xd6\xd3 \xbb7\xf9ri3\xfbA+!\x86\x10@\xcbi*\'\xf7\xf9F7\xfdq\xe2\xed\x13\xd8\xd7Z[\x80\x1f\xab\x97 \x95\xd9\x05\x81\xf6\xb2\x8e\xffZ6&amp;+\xb1\x1e\x921\xfb\xba\xc37\x95m\r\xe7\x89\x1f\xe0\x01\xa4\xd1j\xe5\xca\x97)II\xd9\xfe]\x81\xa1\x9d\xb2)\x1d\x11\\U&lt;\xfb\xe2\xe2Y(\x06\x86\x82N\x82\xc5\xc8\xcdv\xdb#\xb6\xef \x98\xc8 \r]QP\xd9;\xa9\x92\xd9\xa5\x01K\x86Q\xfe\x9d+[\xb5\xd2\x10v\x9b\xcf\x1a\xe4\xbc\xcb\xdd\x88\x14~\xa8\xa9Al\xe0\xde\\\xe6[8^v\x7fz\xb2\xa0\xd0\xdd\xb0\ns\x13\xb4\xa6\xb1J\xff0\xb0\xc8\n/z\xcc\xde\xe3\xb5\xc8\xf7\xd18&gt;"\xd2\x8d\x8f\xdc|\x01\x12.\x9d\xb0\xe3 K\x10\x90\xe1\xae\t{\xe7\xad`\'\x08\t:G\xe9%\xc2\xa3 ^.o\x87\xf6s\xa2\xe8\x138\x07\xe8Q\xd6\x04\xa5\xb5\xc8\xee\xac\xe3.\xc9-\xc7\xdc\x88\xc82P&amp;\xde \x8a\xfa\xb5L\x17Vs\xee3f\xd2f \x16\xf0\xb3\xcf]\xd4!\x8fNMLP\t\xf7z/\x88\x0c\xb6/H\xdfR\xa4\xf6\xa0&amp;\x94\x98\xfb9HZ\xa2U\xafPe\xfeL\xb9\t\xaa^dr:\x9b\x93]\x9e\x04\x02\xcb&lt;u\xddXw.6\xb5#P\xc3\x9e\n\xecr\xf1\t}\xa2\xa8\x9c\x08\x99\xf6,\x82\xf1\xe6\xec\x11\x18\xcc\\\r*\xa3\xb0;\x8a\xff\xaaf\x8b\xf7\xd6\x9e,\xc66\xb7y&gt;\xb2\x96\xd7\xcd\x07L\xbeg\x11p\\\'z];\\c\xd0\xd1\xbd\x8f\xcc&gt;$A\xce1h=11\x8c\x82\x1c\xfd\x0c\xec\xfb\xaeE\x7f\x99:*\xadw\xf1H\x1b\x06\x163\xcd\x0b\x93?\x02\xadl\x13DJ\x17\xa6\'\n\xb4\xa7\x8d2\xe7\x9b\x1cL\r=y&gt;ZR"\x13\x960\xf0\x95)\xfcy\x04L\x85\xdfj\xd9E\x04y\xae\xa5b\x87D\x86\x82\x10\xdfbt\xfei_c\xc7E9\xc8e\x83H\x19\x00\\\xc62p\x10\xd2&gt;v\xd9\x80Qy\x88\x16[6Q\xc4g\xdc\x90X#\xf5\xa8\xc1\xe8|P7\x80\'R\xe7\xc5i\xec\xcd\xc8\xcc\xb2x2\x919^\xd0\x06\x1c\\\x11+M6\xd5\xe2D\xd1\xb6HT\x85\xe5\x80\xcb\xeb\xf4#c\xa6\xc0\xba\xdf5\x18l\x9e\xb9d`\xba\xefku\xb1\xd5\xba\xbe}\xfbHs\xbemM\xd0\x08\xb3\x056z\t\xeeM\xe6\xdbg\xd0+\x04x\xc2^X\xc2\x06\xa6*q\x06\x1an\xa8\xea\xdf\x07\x16\xaf\xd8G*E\xd0\x876\x0b&lt;\xe4*\x81A.\xc5.\xfc$t\x8ftz\x9b\x90\x9aRl\xe7\xd5\x1fW\x01\xa9\x0e\x1a\x8aH\xa3\xb1\xf0\x8e\xf4\x04\x80J;\xfa&amp;~7\xaaiy\x1e\x05L\x9ff\xbc-bM\xff\xf0\xffL3\xf7\x11\xd3]\xe1\'\x7f\x1dt\xbd\x03\xf2\xb3\xf2\x08d\xc6\xfbo\xa5-\x19io\xd05\x15\xf8\xe6\xcc\x08\xb0\xb4g\xba\xfd#\xed\xfc9\xa2q*\xa7\x91P\x15]`\xec\xe5\x0b\xc0\xe8M4\x906og\x99AcQl\x16\xb5?\x14\xad\xe7r\x83\x12\x98y\x12\xf7(\xe5\xe5`\xa2{\xad/\xb8\x11]UR\xa4\x05}K\xd6\x9f\r\xc5\x1b\x0f\xc4\x13\'\x8f4wf\xf1\xb8w\x96\xe5\x92|\xc3\xffC\xa8\xad\xcey\x13\xab\x9c\xcf\x8e&gt;\xab~\x06B\xe2\xf7\xd0!\xc1\xdb\x1eg\x8b\xefHT\xcdC/\xe4UH\xae5\x84\xb9\x9f\xb6}\xfb\xf2\xdc\xd4\x0c\xf8V\x8a\\\x86\x11\x9f\x11\xf3I\x89A`\xc9\xa6\xb5\x9c\xd7&amp;J\xc9\xf0\xf5\xc1\xff\xd0\xe1f\xfd\xc2\xf8o=2\xad\xa2@\xdd\xdf\xbb\xecc\x9d\xa8Qq\xfa\xe9&gt;\xdc\x94j\xe9\xccIk\xc0\x1f\x08"\xd8\xd0\xbf\xd5\x8f\xfd\xe3\x02\xcc\x06\xc1\x84\xfa\x0c:\xe0(\x83\xe2\x1e\x18\xd1\xbaW\xe6\xa4\xd8\x9aD\xf0\x1f\x1fEEW\xe2\xeao\x99\xe7\xfe\xbbYE\xf5\xea\xf5\xc0\x1c4]`\x82(eb)\xdf\xc1\xe5X\xd7{\xfa\x97,|\xf7-i5\x7fg\xaeq\x11\xa0\xccs\xc9\x88\xa4U\x17@8\x8b7\x11\x94\x15\xbc,\xda94\x18\x92?!\t\xfa#8G\xe0\xe77\xfez1\xf9\x07\xf8\x95\x95+\xf1\xa4\xa6\xeb\xd6\xe5\x06:\xcd;\x89\x07\xc9\xf8kz9Gt\x15&amp;thC|\xa6A\xe3\xd2\xbf\xb5q\xc0\xeae\xd2\x8d\x81\xa4M~\xbb\x8c\xa4.\xf51\xa2.\x98\x83nP\xef\xbc~\x1b\xdd\x14\x97\xdc\xf1\xe9\xe4\xb6\xf5b\xd7H\xea\x10\x82\x15\xc5\xf2\xa1rK\xd5\x9a,\x0b\x16\x11\xe3\xa1\x90\xb9\x10G\xf3l\xd6]\xc5\x10\xe2\x03\xce\xd6t}\x80\xbd\x88\x9e`\xaei\xb8\xb9\x02\xc1\xd8\xb2hbP\xfa\xab{\x03\x1c\xd7\xd3\x1bc\xda\x8f\x0e\xb8/\xb2I\xe9\x84v\t\xa96\xca\x19\x18"\xbb\x0bX\xdc\xfe\x03\xe5\xd6\xc8\x0b\xcb\x82T\xdd\xa5\x86\t\x99\x8a\xfe\x12\xd4x~\xef\xe1\x81\xab\xf6\xdb\xc6\xf3\xa2D\xb2L\x96\xfa\x0b(q\x0f\x1dbc\xf7\xd9*\x08\x99-\x0c\\9\x18bl\x97\x96\xcf\xb6\xca\x91Yr\xc6p\x00\n)\x95!a\x93\xdb\x8f\xcco\x01\x8a\xc5\xf8\xdd$\x0en_-\x11y\x9b\xf9\x9c\x13\xb3\x12O8\x86l\xe6\xfe\x9f\xc7D\x9f\x13\x13\xe2m\xf3\xa5\xd0!(\x9d\xc7!\x07GIH\x16Q\x9f \xfb/9\xf6(\xa7\xb5\xac\x8f\xab:\xe2\xff\xc6\xeb1\xae\xaf\xd01w\xea\x02\xc2o\x00\xc5N\xdc\x91\x8c\xf1\xdf\xf0g\xc6\x93\n\x98&lt;\x97\x8f\xa0\\Hd\x96\x80D\xac\xef\r\xe9Fb\xe4:s\xbd2\xf7\xab\x9e\x10\xc1\xcd\x7f}\x87&amp;,\x84\xb2\xa6\xea@\r\x97\xac\xbb\n\x89\xb2\xa2\x96|\xe7\xe5^^\x8fb\xde\x04Nw\xd2\x08\xea\xc9\x94\xb1\xca2\x06aCt\xf4\xed\xb5\xdb\x87&amp;\xac\x00d\x9ds\xcb\x1e\xcdJ\xa0-\xfco;Q\xc5\xbc\x04\x98ob\x1a&lt;\xaf\xc55I\x9e\x07\x08\xc7\xbc\xebH)\xed\x9d\xf9\xcd\x19#M\x16"B%\xd1[\xaea\x05\x7f\xddfe\xcd\'\xf1\x97\x82R\x971\xde\xe1OQ\x0e\xe0\xdaN\xdc\x03h\x96&gt;\x94+}\xe5"\xfaG\xca\x06\x1bS!\x03\x14\xca\xf8\xab\x90(\xf3@D\xc4\xeb\xf6\xdd\xc8\x1c^%\xbf\xb3\xb9^\x9c\x80\x9f\x8f\xc5\x81]\xad\x0e\xbbf}\xa2N\xbbX\n\xf6\xbd\xc97\xb1\xa8\xa9i&amp;\xc5\xa9\xcb\x9b\xa6]vR\xa3\x99\xbcw\x15\x92\xba\xdb\x06\x9e\xe8\xb1\x82\x10!D\xa1d&lt;\xc8\xf5\xad\xfc\xc1\xb3\x9f#\x83\xde\xbaQ{\x9d&gt;l\x0f\xae\xfa\x1d`tD\xee\xe1\xca\x1dF\xed]\xd0\xff)b\xf0qR\x1fL\xa1\x04\x0b4w\xe4\x9e\xca^K\xaf\xb26\xab\x8a\xa7\xe0\xdd\x85\xb1\x8eI\x19:*\xc0\x8f\xd7\xcfb\x83\xefs\xc4\xee\xa6\xfde\xe32\x13\xfa Q\xb1\xc2X\x1c&lt;\xeb\xf4\x824\x90\x8a\x00\x18\xac$\x93\x8dji\xc9\xe3#\x99\xa9\xfe\xb1\xea\x88\xf08\xa9(\x13v\x86#\xe0\x84\xe01\xf9\x1bPj\xe0\xbdb\xcf\xf16\xf1\xa3\xc4W\xab\xcd{\x8eM\xcb\xf8i]\x0eJ\xf8\xde\x01\xfa\x8c\x16\xc3\x0b\xfb\xa8h;\xf3\xde\x9b\x1a\xb8\x1d\x9eH\\\x81\x15\x8b\x87\x88,\xad\x83\xd2\x7f\xe0Na\xe8\xf0\xe45\xb1Y\x02} 7\x0b\xc4+\xac\xb1V1\x10\xf7\xc5\xd8\x1b\x87\xc2\x05\x12\x7f\xcdj1 \x18\x0f\xca\x9e\x85M\xa6\xb5\xa2]y\t\xc4\x00\xc8\xfe\x99\xd6\x1c\x14-\xd5mf\x19Wp%\xfbm\x07\xe5\xcd\xda\xea.{\x03\xc8\x11\xa3\xcaI\xf4\xd0S\x85&gt;\xdb&amp;\x80\xf0\xec\'\x83\xfbE\x9a4\x9b\xe2\x0cf@_\x88\x8f\xed.]\x0bk\xa1\x0b2k\xc4s4P\x0c\x9bPkq\x19-tk \x9b\xdaV\xb7:u\xdd}\xc8\xc1\x10+\x1b\xc9\x8eJ0\xa1Q\x14\x1a\x1e_\xf9L\x9d\x98\x16+Ij\xa8\xd7\x11I\'\xd4\xf2gW\xb4u\xe7\xb4\x1a\xcdC\x99!\x94$\xfa6\xdf\xf3\x8d\xa6\xfd+R\n6\xe4\x98\xdd:\x8b\xd3\x1d\xbd1\xae(SLD\xc5\x91\x13\x0c\xaaK\n\x9f\xf7\x8c\x87\xbd~X\x8a\xebc\xfbu\xe3\xb3\xf2N\x1f\x8b /~\x1bO\x90\tU\x8eP\xa7\xf5\x9c\xf1\xa7K\xee\xbc_\xdbM\x0e\xeb\x1e\x1f\x9aF\xf0Y\xcb\x1d\xa5mp\x97q\x16\xcb\r\xf0\xbfaD\x96\x86Z\xc1\xe5\x03V\xf3\xa1 *q\x9a\xa1\xc6\xe2d\x86\xc6\xa1^W\xe0\x01\xbe\x84\x93|b\xc4\xb7\xea\xaa\xab+\xba\rh\x8b\n\xdd\xe4\x95\xa6\xab\xa3?\x8bw\xfe\xf1\xe7\xcd\x1e9\x84.\xab\xc7\xc0z7\x17\x02Fe8\xfb\x00\t\n=\x17\xc9\r\xbc\x97\xa9\x11\x13\x18\xe3~\xa8t\xd2\xdb\xe6\xb9\x1bS\xc2\x1c5\x8b5\x05 \xd9u\x13Z\x98#X\'\x8d\r\xe0\xbd\xf9\xaa\xd5\xe9uBA(\x7f\xa6\xdc\xadz\xc4\x95\xcc\x8d\xe4\x0e\xb5\xaa\xcdF\xca\xde\x9c:0\x1c\xbd\x9a\xf6\xbcJI\x938C\x9a\xe9Rr\x9d\xf1\xa4\xeb\xff\\p\xe8\t\x8fu=\x84\x99\xff\x85\xaa\xc4*\xaeR\xc8\x06\xc0|y\x9bH\xc2\n\xd2 \x12\x06\xda\x8elf\xf2 \xf6\x04\x93\x97\x90%\xcc\xbe\x07\xda|F\x9e\xd2\x1c\xf5}=\xec\xfa\x0b`D\xe7\xf0\xda7\xc4\xae'</t>
  </si>
  <si>
    <t>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</t>
  </si>
  <si>
    <t>b'\x93/\n\xedY\n\xa1\x12\x93\xc8&amp;\xd8\x8dc\x06\xa6'</t>
  </si>
  <si>
    <t>rfect truth. "That was how it were, now, weren't it, Hawkins?" 
 he would say, now and again, and I could always bear him entirely out. 
 The t</t>
  </si>
  <si>
    <t>b'\x98\xec"\x0e\xc5\xaf\xb9\xaek\xe1/\x1c\x96\xc1\xa61\xf9b\x05\x8dJ\xc9w\xd5d\xa2R\xbc\xcf\x8d\xac\x7f\x89\xa7\x89sd\x82\x1c:S\x19\x0f\xe0^\xc7\xf1\x16R\xc1V8\xc1\xc6\x90\xdf\xc2\x0b\x0c\xa5\xea\xdc^~\x05&gt;\xfa\xd843\xbc\xd6\x87k\x02\xf6\x01h\xdb\xe9\xe7n\xd0g.c\xbf\xa0\xb8\xa0,\xa8\x8c\xf7\x93\xec\x97\xe1_N(\x14\xad\xc4\xee\x9b\xc2\x15\xe7V\x13\xdb\xa8~COrG{\x81\xa7\xb1\xcc\x1dnG\x88}_\xec\xdc\xf18\xb9\x90\xbf,\x12\xa5\xb5\xa3\x17\xd8\x1a&amp;\xbeAzF\xec\xb0\x92\x16\xfc\xa3\xacQ\x8c}2S\r\xa8;#7hN`\xb6:\x8c\xf9\xc9\x96%H\x9bL\xc4\xf5\xb08\xfb\x0c&lt;\xb7t\xde\xd9R\xc2\xf6\xd8\xa1\xf6\x92\x0fv\x93vR\xc19\xdb.\xd2wOd\xaf\x088\x95:\xe8\x8c\x10\x87o\xa9\xc1\xa3\xfa\x8bQ\x03\xdaQ\xf1\x8d\xf1\xd1\x9c\xb5\xe8\x83BrP\xa1\xd2\xc1h\xf5V\xe0\xd1\xf0\x1a\xa5\x86L G\xa7P\x9c\x9b*wk\x05\xed}&gt;1mU pV\xad\xeer\xa5\xaf\xf8\xacI\xa8\xa4\xb1\xd2`\x08\xac\xff\x16\x82\xc7\xe88\xd4*\xedI\x1a\xc3\x8f;\xb64\n\xfb^K\xc7\xb9L\xc6\xa9\xcc\xfc9\xbf\x02\x0f \xfcf{i\x8b~\xca\x11\x18\x12\xf2|\xc5\xb07\xcd\x0f\t$\n\xe1\x08\xb5A-b\xc9Z\x80{\xf6\x88\x1a!\x85\xc8b\xe0\x05\x16S\x177#F\xd2\x95$\x1cS&lt;T\x11\x9b\xe1~\xc2 \x01\xab\x1c 6\x8d\x93qR\xcck\xf3\xfc\xd2\xde\xf0\xab\x07\xb2U\xc9\xa6\xacew5\x9d,u2\xe0\xb2\xbcHh\xe3\xdb\x19)\x08T\x08_\xb1|\x1c\xeb\x85zzJ\xf4R\x9d\xaf\x06\xc1\xce\xa5\xab\x85\xb5\xd7\x1b\x8e\x9a\x1eE\xfd\x06#\xc3\x0f.\xfd\xcfe\x01\xbb\xcd\x06D}\x98K\xdd\xa4\xa2;zg\xec A\x13?\xff\xfa\x90#&amp;\xd3T?(\x86Z\xdfY\xe0\xe3\x97_\x18n\x9b,\xfe\xd9!\xf1u\x8es\xcf0\xf4\xee\x04\x90ty\xeb\xf0\xa5'</t>
  </si>
  <si>
    <t>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</t>
  </si>
  <si>
    <t>b'\x98\xec"\x0e\xc5\xaf\xb9\xaek\xe1/\x1c\x96\xc1\xa61'</t>
  </si>
  <si>
    <t>it is certain
 that they do understand. Perhaps there is a language which is not made
 of words and everything in the world understands it. Perhaps there is a
 soul hidden in everything and it can always speak, without even making
 a sound, to another soul. But whatsoever was the reason, the rat knew
 from that moment that he was safeâ€”even though he was a rat. He knew
 that this young human being sitting on the red footstool would not jump
 up and terrify him with wild, sharp noises or throw heavy objects at him
 which, if they did not fall and crush him, would send him limping in his
 scurry back to his hole. He was really a very nice rat, and did not mean
 the least harm. When he had stood on his hind legs and sniffed the air,
 with his bright eyes fixed on Sara, he had hoped that she would
 understand this, and would not begin by hating him as an enemy. When
 the mysterious thing which speaks without saying any words told him
 that she would not, he went softly toward the crumbs and began to eat
 them. As he did it he glanced every now and then at Sara, just as the
 85
 sparrows had done, and his expression was so very apologetic that it
 touched her heart.
 She sat and watched him without making any movement. One crumb
 was very much larger than the othersâ€”in fact, it could scarcely be called
 a crumb. It was evident that he wanted that piece very much, but it lay
 quite near the footstool and he was still rather timid.
 "I believe he wants it to carry to his family in the wall," Sara thought. "If I
 do not stir at all, perhaps he will come and get it."
 She scarcely allowed herself to breathe, she was so deeply interested. The
 rat shuffled a little nearer and ate a few more crumbs, then he stopped
 and sniffed del</t>
  </si>
  <si>
    <t>b'\x8b\xdf\xa2\x0f\xeai\xe6\xa2'</t>
  </si>
  <si>
    <t>8bdfa20fea69e6a2</t>
  </si>
  <si>
    <t>s. Cures were
506 Ann Hanson
accomplished through dietetics (diaiteË†tikeË†), through drugs (pharmakeutikeË†), and
through surgery (chirourgia), and the doctors who practiced at Rome from the
mid-second century BCE onwards contributed significantly to each of the three
branches. Dietetics became increasingly more elaborate, as special daily regimens to
preserve health or, in the sick, to restore it, were described not only for adult men, as
in the Hippocratic Corpus, but also for children, young girls approaching puberty,
adult women, and old men (Flemming 2000: 220â€“8). The eastern conquests of
Alexander the Great of Macedon and the successor kingdoms, especially that of the
Ptolemaic monarchs in Egypt, had brought many new spices and minerals to the
attention of physicians and pharmacologists of the Hellenistic world. With Romeâ€™s
expansion into the eastern Mediterranean exotic medicaments became available in
ever more plentiful quantities in the cityâ€™s markets via the caravan routes from the east
(Houston 2004). The Christian moralist and writer Clement of Alexandria heaped
scorn about 200 CE on the women of Egypt who smeared their faces and bodies with
substances taken from the intestines of the crocodile in order to make their complexions luminous and wrinkle-free (Paidagogos 3.2.5). But it was not only in Egypt,
native home of the crocodile, where the cosmetic was readily available, for Galen
reported that wealthy women of Rome were likewise wont to use it for the same
purpose (A. E. Hanson 1998b: 91). While the therapeutic recipes of the Hippocratic
Corpus seldom specified amounts to be employed in a medicament compounded
from numerous ingredients, and almost never named a recipe for the practitioner
who invented or popularized it, Celsusâ€™ recipes gave exact amounts for ingredients
and often named the medical person closely associated with it; his Greek and Latin
successors did likewise. Perhaps the greatest advances at Rome were those made in
surgery, despite the fact that it remained the choice of last resort behind diet and
regimen on the one hand, and the prescription of pharmaka on the other, unless
accidents or other emergency situations compelled a practitioner either to perform
the needed surgical procedure himself, or to call in another specially skilled in such
matters.
Dietetics and regimen in Celsus and others
Celsus claimed that dietetics was the most important of medicineâ€™s three branches.
The first book of his On Medicine probed one part of dietetics â€“ those daily habits
which were prophylactic and contributed to the maintenance of health, such as
reading aloud, military exercises, handball, running, and walking (Med. 1.2.6). Celsus
cautioned against daily vomiting for the sake of gourmandizing (Med. 1.3.21), and
when plague struck the best recourse in his opinion was to go abroad, but if this were
not possible, one must avoid fatigue, indigestion, extremes of temperature, and
sexual intercourse (Med. 1.10.1â€“ 4). The second book of On Medicine surveyed
symptoms of impending disease, first charting the personal and environmental factors
that impinged upon an individualâ€™s experience of a sickness. As for the seasons of the
year, spring was the most salubrious, autumn the most dangerous; settled weather
with temperate sunshine was healthier than a foggy and cloudy day. The worst
weather for the sick was that which caused the illn</t>
  </si>
  <si>
    <t>b'\x83\x15\xe2\xa6\xc8\xeb~\x17\x1c1\xf1?V\xa66\xf3D\x87xE3\x07\xdc3\x9b\xf3\x0c\xec)\xffu\xfa\xa5rb\xee\\I\x1e\x08\xbbZ\x04\xdf\xbf\xfd1\x13\x82T,_\x8a\x97\xf9\x04\x98\x01u+}\xb9p\xae\xb2\xc8#Tn\xea\xbd\x19\xaf\xf6\xb1\xaf\'\xac\x90\xda\x89p\x9c\xe6\xbdD\xa0\xd2j\xea1\xedn3\xfd\x07\x8b\xf5\xfefI\xcb%.\xc0|;\xc7\x91\xdb\x04\xd9\xe6\xc2\x08d\x9d\x12\x9eA\x95L[\xb6G\xc4\xb4\xf83\x97r\xa0\xf0\x0fXT\x1c\xe2\x93\xadt\xe5\xdc\xb6\xe0\x015\xc4\xb7\xe2\x99\xf7u`G\x08\xaf\xb3,v\xda\xce\x02\x9df+?C\xde0\xe9g\x1f\x80\xae6\xeb\x1f\xf3^\x9f\xab\x04,\x93\x06\xdb\xac\xe0\xba\xa0\r\x81o\xbaP\x06\xec\x97\xc5\x06\x87\xb6\x84\\\x90\xde\xa8mt\x10\xb6\xa4\xf4\x8c\xc8y:s\xde\x14DO\xa1#\x05\x0f\xf9_\xe8\xf8\x06\x894j\xedH^-h\xbb,\xea\xc0\xc7\xcf\x80\xa0\xd0C\xffT$u\x9b\xbe\xbe3\xaf\xab\xd8\xd0e,\xbc\xe5+\xc8\x8a%SUK\xcb\x9c\xe0\x9b\xb0S\x9c\x12t\x9ay\xc9!\xe8&lt;\x92hk\x7f&amp;\x18\x80t\xa7\xab\xe0\x80hF\xe8\xa7D?\xd7zH\x82\x8f\x12\xa9\x9f\xa90\x06RE\xb0\x95O\xd1\x1fFPk\xc8,\xe6Zv\x0c$.7p\xcb\xdd0+\xe3\xdf\x04%\xf6\xb0\x9bh\xc6\x19h1\xb1\x9b\xbf!\x1b?pz\x1aC\xf6)\xc8\x88\x91T\xca\xf5\x98,\xa2\xdb\xa4\xd7\xf8\xa2\x07\xe1\x99\x1c\xec(X\xffL.15.\xc06X\xb1\xf0\xb1\xdf+\xffkY\x039&lt;\xb7X\xbdW\xf7\xc2\xae\x06\x0b(W\x06\xdc\x10\x12;kI\xfbU\xb6\x9a\x02h\x86\x1fST\x07:2\x81\xad\xf1[j\x9a\xc2\xc9\xfd\xa8\xaf\x945\x04&gt;\x9ex\xe4\xf6x\xc4\xba\xa4\x05|l\xd5c^\x93:\x92\xe9\x89;dBWR\x97%\x0b=ThG\x0c)\x1f\\O0\xa7\x0c\x16CS\'\xa6\x0c\xf7\x00\x19\x1b(\xe1\x1e\xb0\x8a\x04\x93\xeen/\x8dg\xadN\xd3"\x05\xcf\x90\x98\xb0\xfa\xfa\'\xa2\xea\x142\xe0\x0bj;\x00j\x19\xec\xfa\x90t3\x1bG\x1b\x0eR2&lt;4yP\xb5\xa4R~\x9e\xe3\xce\xcf\x1d\x15\x05\x954\xa8\xa60\xd0\xd2\x8dRT\x1dF\xf6\xc0N\x00?w\xe1cw\x8f\xac,\xad\x82\xc8^o7\xb0\xd9\xfdp\x8c\xcb\xfa\xd9\xf8\x04\xf8;\xfe\x07k\xf8i\x14\x02\x9bO\x892v\xe0\xf3\x88\x1f\x95;F,JS)L\xf0\x85\xd0MF}b\x99\xae\x8c\x189\xda\x10[\x8f\xc0\xbf5\x05!W\x80\xed\x0bd\xe14\xef\xf5\x8a_\x94\xd9\x1f\xd2\x9bN\x8b\xd8|$\x9bx\xa2\x90\xa3\xea\x95\xfcy\xaax\xb5\xbd*\xdf\xde\xb5\x00\xf7\xfan\x88\xd0\xe9 \xa7U{*&amp;\x88\xd0h\xb3\xb7?=p\xcex\xdaE\xaa\x82\\\x01Io\xbaQ8\xc9\x0b\xeeE\xc04\xed\x0e7\xe4\xb4\xbfG|\x88O`\x92=\xdd\x0f\x1f\xb0\x82\xb1)\xb1\xd2\x01\xd00\x8f}X\xa6\xa3\x15\xf4bSK\xaf\t\xe9\x93\xbe*\x1b\xaa\xab\xae"\xbc=0g.;\xe4@[~\x0b\x89\x8f\xdc\xc9\xa3?\x06\x1c\x1b?\tP\xf6\x05\xa6\xfa\x83\xd9\x00\xeb\x84\x1e%"|AH\xc3D2\xd9P\x90=\xe6\xfas\xdfX\xcb\xee\xd2ee\x81\x11\xb7\xfe\x93\x97R\xe2+\xfb\xd6t\x10V\x86}\xa1\xbeP\xfb\xb9;\xc7\x05)$\xd7\xe8\xb9\x8d\x02\x11\xc4\x08\x8c\x07\x95a&lt;\nV\xcf4\xda\xbc\x90G-\xdd\xacY\xf2\tn\xfc\xb6m\x18\xb50\x89\xde\x13S\xee\xfc\x16W\xdb\xd0\t\xc7O\xbc\x10\t\xd8?\x13\x1b\x88\x91#\x8ea\xf0\x1c\xbb\xc3\x02\xaf;\x9fs\x15qj\xaa\x9e\t\xc3\xf6\x97rO\x00,\xf8\xf4\xbf\xd0\x8d5\xdcA\xfe\x04\xa1\xcf\xfc\x8b\x9f\xb2*\xaa\x12\xfa\x05&gt;\x93\xc4\xa3\xd2\xc65\x18x\xdd\xfa]G\xf2-\x0c\xb1v\xae\x87n\x9cb\xc7K\xe2\xb5\x00\x02\xa3]\x94+\x06\xc1\x0b\xba\xa6\xdf\xfds\xed\xf3D\xcb\x1f\x9dl\xe9\x90\xaf\xd0@~t\xd9\xe1\x04\x87\xc9r{\x13\xe5(\xfc\xac\xaf\xb2\xdd\xa8\xe2\xf0\xde\x12\xe1\x03\xcc&amp;"\xb3\xf1\xca\x82o\x8e\xfbT|\xed\x08Dw\x1e\x00\x01\xec\x11\xbe\x94\xe1\\\x8dd\xb9\xe6@i\x083\x19\xdd\xf0\xb5#c\xf9\x93\x8c\xb1\xda}\x1a$v1f\xd9:\x88r?\xc2\x19PG^\x0f\x0eI\xa1\xcb\xa8Vp\xb5\xcb\xfd\xa26F\x11\xa5\xf5\x92\xae\xbcj\xc0\xb5\xd1"G\x00C\x80K\x9ah\xfc\xae.\x002k\xd8\x98\x19\xac\x00M\xf6\x97F\xae0J\x9a&gt;\xd5\x17\xc7\xff\xd1\xc5\xc8\x03\xeb\x90\xf8\xa9\x0c\x1f\x88\xc9Z\x06\xdc\xd5\xa7\xffc\x83e\xaf_\xda)\'\xee\xb3\xf9&lt;h\x8a\xae\x820\xbf;j\xcd\x96\x80\x01\x1b\x9e\xe2\xf0\x9c\x91\xb8\x8e\xf4\xd7\x90\xd5\xbf\x92\xb7\xbf\xd2WQ\xea*\xf1q6\xba\xee\xea\xd4\xf1\xcb\xb59\xb1\xbd\xe87\x1f\xb6\x89(\xa50zav\xa7\x9cS\xe0]7\x9ab&lt;D;c\x0f\x89\xb4\x13\x16R\xca\x80)d6(\x8bx\r\xcf\xd1\x8b\xe4\xb0\xd4K\x1bt\\sK\xc0-["\x0c\xe8|Q\xc7\x19\xc4\x8b\x83\xa1\xe3\xd8\x03\x07\x08\x96\nIxP\x9d\x05\xbe\xc8\x8b\xc8\xdb\xca\xc0t5~\xffA\xe0\xdf(\x12\xcf\xfa\xe2\xe0\xe2\xa3FKfs&lt;8\xe2\xf3\xc3\xe5"\xc4\x87\xef\xac\x92)\xda\x1d\x92\xce\xfa\x9a#\xa2\xb2\xdf\xf9\x0c\x13N2\xd5?x\x81\xdd\xc1#\xe4\xd7\xab\x98\xc4\x0c\x91\x16W\xa1\xe9\xcep\xb6\xc5\xc0\xdaZ\x86\xb8\xe2rK\xe7\xe0^?\x02\r\xe2\x1a\x12\xaf\xf8&lt;\x03\x00\xa9\xc5\x9b\xed:+@\x1e?\x0c\xc9\x0b\x85\xfak8\xa7.\xa9\x8dL&amp;\x17MNF\xff\xb9\xde\x9d\xb5\x03\xe2\xb8`xP\xf1\x8b\xc3\xe4\x04\x80)\xacB\xbc|R5\xd1g\x13\x92A\xc3q\x81\x15!p\xafo0/7nlni\x82#\x84\xbf$\xe2\xd9A\xd8\xa9\x8a\xf9\'\xadIBl\xc6\xc9\xde\x97T:\x92\xc7\x18l\x1c\x04^a;\xaf\xfaf\xee\xdf\xf9\xe9\x16\xabd\xc9\xcb\xa6Q\xc0.\xcf(\x92\xcd\xe3\xa0\x96\xaa]6\x86\x82\x97Q\xcc9V4kW\xf4\x1f\xc7\x8f\xda\xbd\xe9\x17\x03/\xe8*$I\x864\xded\\\x1eF\xcc/\xc2\xffA?\x86\x16\x16\xa9V\x05oN\xe4/\xc8O\x1e\x8b\xcb\xda\xbe\xbb\xa3\xce&gt;\xed\xb8\'4\x0cy\x1d}6#\x9b\xf0\x06ip\xf4$\xaa_\xc2\x18\x95\x7f\xaar\x10\xd7\\\x00\x0f\x82\xef\xad\xc7\x1d+\xb8\xf8\xfa\xac\xf0(\xdcg\xe3\xe7\xab\xd6k\xcd\xf0\x85\xde,\x014\x17\xf2\xf1\x84\xb8\xd5\x02\xff@Ku\x95^\r*dS\xec\x95\xe0\x94\xcb\xaf\xeer\xc9\x13\x0c\x1a\x7f\\\x1b\xa5\x9cC\xa2`U\xd7]\xf0\x8b1?}J-\xc1\x06:\x80\x8e\xc9\xe6\x11\x9d\xf0\xba\xb8}&amp;\xe6#2\x15\xee\x8bO\xa3y[7\x92dM5\x90\rh\xae]/\xeb\xd2xLqY\xb8\xee~n\x07%\xe4\xe7[\xec\xcf?\xa8\'\x06\xc5\xcexw&amp;\xd7v\x92\xc6\xe6]\xfc\xa6\x97\xa89i \xceL\xe0\x98\x19V\xa8\xcf.\xfa\xf7\x86\xa0,!\x83"\xcb\xe4"\x95\xd9\x0e0N6\x87kn\x875\xb0\xa1\x93z\xe9\xb2\xe9\xe8\x88\xc7c\xe1*I,\xab\x81\x8b\xdf\x90\xdbH\xddl\x1c\xbbc}\x17\xf8\xe3\xe0\xf0I\xbf\x1a\xf7\xaaz\x97\xc6FR\xbe\xb7y*\x13\xc3I\xc7\xdb\xb7\x16\x94\xf9\x19V+v%Tb\x83\xf3?\x93\xc6\xbd\xd2I\x95eb\xc0N\x8f\x81s\x9c4\x12\x84\xeeQ\x89\x0b\xea&lt;\xa4\x8a\xcb\xf0\x89\xe9\x81\xa8\xe9By\\\xd8\x90\xe9f\x81\xec\x8d#H\xf1\xde\x98nd\xc2\xfeM\xb8\xe9\x11\xdb\x1c\xfa2y\x19\x8cH\xf6\xd7\x18\x12\xa9\x99\x93"W\xe05\xf7\xb9\xac\x8f\xd9\xe7\xfe\x8c\xbd\x7f\x90`#\x02\xac&gt;\x8fvr\xa3G\xd8\x9f)\xf1\x18\xf3i\'\xe1\x11O\xe4\xb1av\x01\xd5\x8d"\x9d\x87\xd3\x1c\xa7f\xff\x16\x9b\xcc4\x17=\xb4\x95\xc6\x7f\r\x87P_:8@[\xe9(\x8e\xe5\xff\xce\x0e\xd8\xb8^\xa8\xdc\xe0\xef\xf0R\xc4cu,T\xf9\xcc\xd3\x912\x99\xa39\x99\xcf?hQ\xb9\xccgr\x8e9P&gt;\xfb\x12\xf4\x9f\xee\xb8\xfa\x9bo\x8e\xeb~\xec\x00m\xda,\xc4N\x0e\xb94\x90#\x07\xcb!\xe9T+|N\x8duD\x18t\x8d\x1a\xa81\xd4\x9bZ\x87\xa8\xd1\xf6\x1e&gt;&lt;\xbc\x8d\xdc\xfb(\xd9d\xf8r=\xeeP\xa3\x01P\xea\xb8M_\xc7ka\xe0LO\xfdjp[\x16\x95pB\xb2g[\xc6\xd4\xff\xe7m&amp;\\\n8\x06H\x08\x81\xffQQJ1\x03\x0b\xf5\x85a\xb2\xa5\xb9\x05\x0f\xb0\xb0P\xce\xee\xedrl\xc1\xcb\xb03{\xdf\xcb\xa9\x0eN\x06-\xeb\x08\xf4E\xa4\x8d\xc7\xa37\\\x9bp\xa2_2\xc7n\xd7\xb50\xfb\'\x13\xef\x1ea\xd8\x1fc\xbe\xf5\xb1\xfa\t\x9dj\xdcAig\x15V\xecT\xfb\xfa\x9fI\xfbjz!.\xf9\xd38Q\x89\x1e\xe0\x9f\xc3\xfd9\xa4\xcdm\xb9\xf7"D\x85\r\x08\x80U\xe1P\x93\xe6\x10,\x10\x99\xa6\xd3A\x15~\xdb\xeeO\x12\x8b\x16_\x07\xcb\xce*I1\x1a\x804l\xed\xa0+\xb6j=.\xa9dT\xf8US\xb8\xf7r\x81d\xe0\x15e\t\xadW\x19\x8f\xb2"\'b\xd2\xcaB\\\xf5\xca\xbe\xb8\x13\x98\x00\x90\xcbp\x07;\x08o\x90C\x93$\xf6\xd7\xfa:\xc6Dg;T,i\x16MX\x9a\xd7;\x9f\xe5\x01\r\xfe@\x1f\x1f\xecP\xf1\x96\x83,\xfd\xb9H\xb4J\xd8\xa6\xec\xc3\xe8&gt;\x9fk)\xf2\xf2!\x1e\xd1i\xad\x7f\x8a\xadx\xe3\xb1\x82\xc7\xdd\x06nL2e\xc5\x9c1\xcf\x1cff\t:\x1e\x1b\xebb^r\x10\\\xcf\x99\xc3&lt;z\xfdH\xc3\x12\xec\xa5\x8f\x81\xfd\xc0.]TOc\xcb\x0e\xe1\xebv\xb51\x82M+\xb3\x10\xf5!\xdaK?\x946\xb4y\xb5\xf4;j\xb1A\xe3*\xfe\xbc\xc6c\xde\\3\xae\xe6\x06j}o\xc3\xf9\xf0#?U\xa5\x90\x88\x1b\xff\xc8\xc2\xee\xff+\xe0\x7f\xf0\x80zGMe\xec\xacE\x04t!\t=w\x1c\xb1\x1bDr-\xac\xe4\x8eu\xdaW2\r\xe1\xe6]$\xfd0[0]`tx\xc3\xaai\xab\xb5\xcf\xe5\x95\xc4\xdb\x1f7\x87ax\xad\xac\xdbw\x8f\xff\xef^L\xe9\xd2Q\x0ehZP\xd0\xb0\xb0\xf7\xde\xde&gt;\x07\xc0\xb7\x81\xa8B\xd4h\xc6]k\xbe\xd5\x13\xa0\x9f\x96\x95\x12Y`4\xdc\xad\x143\x95\xf6\xe1V\x9f\xfa\xd9%\xef\r\xc9\x15\xc16\xff\xfa]]\xd36ef\x06\x82\xd8\x14\xe1z\xbe_{&amp;s\x95\x16\x83\xebx\x9f\x88\x9b\x0c\x13\xd0\xd2\xa6\x98\xd44\x96- M\x92\x1d)\xd9\xf4\xd3\xbcX\xcaT\xc64\n\xe7\x8ddJz\xaa\x98\xecI\xc5\x07\xafp\xb4#\x8c\x07\xfe\xde\xb9d\xea\xf5\x8e\x1c\xe9\x93E\xc5\xe3\xbdl\xd4\xc0\x96\x0c&amp;\xc8\xfaI\xb7\x18\x8am\x11y\xed\x0c\x04Rv{\xf3\x04\x87\xcd@\x18\xbf\xdb\x12\xe5\x80\xb7\x97\xecy\r\xff\xf2^\x0fpD%K\xff\xf1\xc3\xce\x1d\x1d\xe5\xd5{\x9c.\xbd\x9a:Y\xac#GG\xe3\xd1&amp;\xa1\xb6A\xcd\x0f\xd5\xbbc}\xb1\xcd\xeb\xd2\xf7\xe5\xdcz\xe2\'\x84u\xb8\xb0\xce!b\xc5\x81\x1e-kl|Y\xd8k\xa6\x8c]\xb6Wr\xc8\xce\x1a\xb3\x0cy&lt;+1x\xf8\xc8\xa94\x198\x0b\xfaI&gt;\x9d\x03\xb91\xb9\xb5B.\x15j\xf8\xff\x81\xd2\xce\x9e\xf9W\xf7K\xb7\xcc*\x15v^\xfdJ\xdc\xf8\xb93\x94\xdf\'B\x10_L\xd9\xd7?\x12\x1f\xe5x\x0bJ\x15\xc0\xe3\x1c\xccO\nf\x140\xd3l\xe2\x12\xb7[\x96\xc8lg\x93\xb7\xe1UO\x85\xac\xaf\x90\xf5\\\x8f\n\x80g2\x0c\xee\xf7P}FF\xcdyX\x12\xe7\\\xe4rb\xc0\xd8\xda\x08\xa4\xbf\x9fm\x10\x1a\x05\xba\r\xda\xdc\x15\x8dn\x81\xec\xa9\xce\xb6\xb2o\xf8 \x9eS2av3&amp;\x91\xfa\xf6t\x9b@\xbal\'\xd05M2j=%G\x0cf\x86_\x183B[\x1c\xc5\xd0G\xa9(\xe0PpHF\xb9\xa2\x87\xf9\xd9Y\xcdT\xbc\x1d\x1b\n\xab\xe1\x9bx\x05\xb4\xa5f\x13\x14\xca@@\xcd\xf7\xcb\xec\x18\xea:\xe1&gt;\x8f\xe5x\x80\xbe\x01\x1a\xdan\x14\\\x00o\xba\xcb\xfc\xdf-%\x1eB\x086\x1f\x0e\x9e\x11\x00\x9f\x08}\xfd\xf7\x8eo\xb8\x1a\x84p\xa28\xf1c\xea\xf2x\xfc\x08\x9c\x90\xb7,\xac$\x85\xcfj\x85\x03\xfa\xf5G\xbd`G\x95\x03/9D\xa5FS\x7f\xab\xf64\x8e\xddO\xc4\x1d\xcc\x1fta\xa0\x97\xc6\x91\\\xc1\xae\xe7\xc2\xb6\xd5\xc9o\x19\xe6wiPi7d\xedAV\x1a\x8e\xcf\xa9`K^9\x1f\xd5Qorv\x17I\xb1\xff\xee\xaf\x03t\x8b\x17\x85\xfcS\x84\x02\x9bw\xf6.\x98~\x91+\x9ej\xca\xb6\x81\x8aK\xdeD\xde ,\x0f&amp;w`\x99\xcd\x80V\xc2\x9aL\xf4f\xa0\xed\x95W\x0c}\xcb\xf8C\xbd+\x04\x11b\xec{\xd4\xbbS\x08\xbd!\x93\xfax\x03T\xea\x82\xec\xfbH\xd3\xde\x9d\xa5F\xfe[\x86\x9ck\xa3/~\xc6\xe6\xb7j.k\x84\xd0\xed\xf1\x15le\xd0w\xa4O2\xd6\x8e\xa5\xeb7\xdd1\xf4R\x97g\xa6g\xe3\x06te\x15\xce2\x1d\xbb\xe2\x13\xb4\xdbCW\xa8\x88\xf2\x1b[7\xa3\xa6X2\x0e\xa5\x88\x02q\x9d\xe9nLzz\xdb\xce\x95\xaccU\x92\xe1\xf6\xc6\xcd)\xc3\xb1\xab\x08\xf7\xdc\x01\x8f\xc0\xa0.\x9c\xa4\xcf\x99\\\x9c\xc3\xe7\x02\x1d\x18\x9c\xb1\x89\xa8\x02\xd9\xea\xf9v6in\x8e\x05\xd0\xff\x93\xf0\xeb\xce\xcf\xcb\x85\x1b\x04\xeb\x85\xa3\x1c\xf9-\xc5\xad\xf4\xce&amp;P\xf1\'\xdbS\x95\x8e\xf3c\x89\xd7\x9fG!\x06XxoD\x18\x08\xda\xc9l\x0b\xf0\xe4\x1f\xa4 !:\x9c\xad\x19\xda\xa6\x86\xc5\xc7\xae}a`=EV\x89D\xdd\xb9\x03\xc0\x81!\xda\xf8\xa6\x1bO\xe6Q/\x1c8P\xf8"r\xf4\x03'</t>
  </si>
  <si>
    <t>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</t>
  </si>
  <si>
    <t>b'\x83\x15\xe2\xa6\xc8\xeb~\x17\x1c1\xf1?V\xa66\xf3'</t>
  </si>
  <si>
    <t>22An early influential study was by H. Robert Heller, â€œOptimal International Reserves,â€ Economic Journal 76
 (June 1966), pp. 296â€“311.
 CHAPTER 18 Fixed Exchange Rates and Foreign Exchange Intervention 491
 costly to switch the central bankâ€™s portfolio toward reserves. Of course, if the reserve
 currency does appreciate against domestic currency, the central bank will gain, with a
 corresponding loss if the reserve currency depreciates.
 In addition, reserves may offer lower interest simply because of their higher liquid_x0002_ity. This interest cost of holding relatively liquid reserves is analogous to the interest
 cost of holding money, which we reviewed in Chapter 15.
 It</t>
  </si>
  <si>
    <t>b'0D\x02 R\x91\xcdw\xf9[[\xd1\xd0(X\xc4\x8c&gt;n&amp;\xa2\x8c\x8cm\x1d\xda\xd6\xafH\xe3|\x82\x12\xb05\x99\x02 k\x8b\xe9@\xe42\xff\tI\xab\x12\x83jQ\x0c%ELM\xe9\xc8\x03\xa6\x1dc\x7fb\x18\xa1Yk}'</t>
  </si>
  <si>
    <t>304402205291cd77f95b5bd1d02858c48c3e6e26a28c8c6d1ddad6af48e37c8212b0359902206b8be940e432ff0949ab12836a510c25454c4de9c803a61d637f6218a1596b7d</t>
  </si>
  <si>
    <t>b'0D\x02 R\x91\xcdw\xf9[[\xd1\xd0(X\xc4'</t>
  </si>
  <si>
    <t>s chosen by the emperor (legatus Augusti); in
others he was an ex-magistrate (proconsul) chosen from the Senate. There were
relatively few legions in the eastern provinces, except during wars with Parthia and
rebellions in Judea. In provinces with only one legion, the governor might command
it; otherwise there was a separate commander (legatus legionis). The governor went
out to his province with a group of unofficial advisors, mostly his friends, and with a
staff of quaestors and legates to whom he could delegate financial and judicial
authority. (These junior officials were usually senatorial or equestrian Romans
240 Maud W. Gleason
learning the ropes of imperial administration). From his friends and local resident
Romans he would constitute his consilium, an advisory panel. It was important for
provincials to gain access and influence through these semi-official channels since the
governorâ€™s decisions could not be legally challenged during his period of office, and
only with difficulty after that.
The governor took up residence in the chief city of his province, but from there he
traveled to hold judicial sessions in the cities on his official assizes circuit (Burton
1975). People from all walks of life, not just wealthy litigants like Aristides, would
flock to town when the assizes were being held: â€˜â€˜an innumerable crowd of plaintiffs,
jurors, lawyers, officials, underlings, slaves, pimps, mule-drivers, peddlers, prostitutes,
and laborers . . . â€™â€™ (D.Chr. 35. 15). People who lived in smaller cities or the countryside might never see the governor, unless they had the misfortune to be embroiled in
a lawsuit or to live along one of the provinceâ€™s main roads, where they could be forced
to provide food, fodder, or transport for the governorâ€™s retinue as he passed by
(Mitchell 1976).
How did the governor regard those he governed? Cicero, former governor of
Cilicia, wrote a letter of advice to his younger brother Quintus who was then
governor of Asia (Q. fr. 1.1). It reveals the complexity of a governorâ€™s attitudes to
those he governed. Quintus is to be commended for passing up so many opportunities to help himself to the abundance of artwork, luxury goods, and financial
opportunities in his province (8). He is to beware of resident Romans in his consilium
who may abuse his trust: such individuals have, â€˜â€˜unlike us,â€™â€™ left Italy out of a lust to
make money abroad (15). Friendships with the Greek elite call for caution too: most
of these persons are not worthy of Ancient Greece. They are â€˜â€˜deceptive, inconstant,
and schooled by long servitude to ingratiating waysâ€™â€™ (16). Quintus has nonetheless
taken pains to see that city government is in the hands of the â€˜â€˜best peopleâ€™â€™ â€“ that is,
the wealthy (25). Of course, Cicero says, governors are always obliged to seek the
welfare of the governed, and the Greeks of Asia are not, after all, like the barbarians of
Africa, Spain, or Gaul, but a civilized race â€“ the race, in fact, from which civilization
(humanitas) has spread to others. Therefore it behooves Romans to return the gift in
kind (27).
In another letter, presumably not meant for wider circulation, Cicero enumerates a
whole catalogue of Greeks who have come to Rome with complaints about Quintus.
Cicero says he has tried to neutralize them by feigning friendly overtures. The group
from Dionysopolis, initially quite hostile, he has softened up by treating their leader
like an intimate friend. â€˜â€˜Megaristus of Antandros â€“ that incredible lightweight, Nicias
of Smyrna, and those total non-entities â€“ even Nympho of Colophon, I have embraced these people with all my c</t>
  </si>
  <si>
    <t>b'U\xb6\xf1\x10\xd2\xccl\xf8\x173\x05\te\x83\xc3 \x0eH\xd29\xbe\xc2\x1b\x9f\x16\xa8\xb8h\xa9\xd5X\x87/\xc1\xac\xf3[\xad\xd5\x89?3\xee/\x8eprO\x93\x0bR\xe7-\x05\x13\x06\x1c\x8f\x84,\x95\x89\x8e\x00$\\i\xf6\xf2\x03\xe3\x8e-\xb5\xd0\x1d\x17m\xec\xd5\x82\x18\xce.\xd02.\x1b\x81\xe66\x05\x12\xbb\xdb\x80\xa9\xf49@\x92\xe3\xc1\xa0\xea\xa7\xcc\x016,/\xd6g-\xed\x85a\x81\x1d\xdc\xb0\xd2\xe1!\xb0O\xb9O\xa5z\xe4\x9a\xaab\xe2\x9e^\xf2z\x92\xea&lt;\x89]\x15\xa4T\xe5Ur\x03+\xae1\xd9\x17\xd6ZSQ~}\x9ei\x80\x85\xfa$\xed\x0b\xc9VX\xc7\xe1\xe6\xee!+)D\x01\xb7[\xa19\xf0\xe4\xc6\x0c\xd7\xf2\x9bp/ \xfd:e\x805/:\x9c\xb5\x97Z\xb7\xc4{\x80\xc0\xf6\xe5dY\r.\x84[\x91u\x9eu\xd1\x95\xf6\xe7u\x93\xeb\x89~\x84i\xd2\x96 Q\xdf]jo\xc4zIc\xf9m\xbc\xdb\x86\x0ftl\xd3\xfc\x17\xd8=\x1f\xf7u\xb3\x15\x93U\x00\x8b\x8a\xe3\xedM(5M\t\xed\t\x85\x8c\xee\x9cH\x86\xb8B\xafuy\xd3\x95\xc3M\xb0\x1e\xc4\x8d\xe8\x7f\xedZ\x0c\x1dp \x07L\xa5\xa6\xaf\x82\xb4\xc3yZ\xce\xe2\x81\xd5\xe0yO4Z\x03\x1e\x98a\xf4\x9bG\xdb\\\x9b\xb7M\x03\xc8\x85\x1a\x15\xc7\xd6S\xce+:\x1b"y\xb5\xab.\x83\xe6\xc7\xa6,A\xd9W2Q\x8a}\xa9\xdd\x9f@\x07\x020i\xb0\xc6\xc7\xf6\x07/\x83#\xa2\xdf\xdc\xe6s\xd4\x02\nY\x95\xc9\x01&gt;\xe3\xc2\xc9\x1f\x9a\x86\xfe\x11M\xdav\x17\x82nFl\x16\xf4#\xa1\x96\x96\xc8\xe1\xad^ML\xd0$\xbb6\xb5\xeeB@o\x06&gt;R\xf1o\xc0\x8b\xbdW&lt;\xd3t8\xcbsO\xab\x9b\xad\xa0o\x8f\x81\x11N\xa1\x00\xc0D\xeb\x16R\xcez_\x82yi\xef\xd5lY\xa1Q`\x8c\xa9/\xa6s1\xaa&lt;\x8a\xf2\xa8\xe7\xba\xa21IIO\x87\xfd\xf49+\xce\x07:`S(\x16(i}\xb9\xa7\xf7\x80\x86\x82\x98\xe58\x1ff!\xad\x14\x86"F\x9a\xa1\x04\x18F\xb7b\xaeo\xa6z\xf0\x90\xe3\xbc\xe0\x14\xc2\x01\xb3\x82\xb6\xe5\xf9\x01H\xfa\xa6\xe9\xb9{\xf9XI\x038\xffM)\x07\x06&amp;\xc4\x15\x00\xff\xeb\xf7g\xd3Jh\x9a\xd4\xdb\x91\xaf\x00\xfd\xe6\x0f\xf6\x9b\xf0W\x1b\xee\x1b\x8cy\x150b\xd2L\xf1\x01\xf8\x853\xde\x955KS\x17\xe7,\xe0\xfa\x9e\x05q=\x11\x96\xbe\x97\xee\xe5\x1e4\xe9\x91\xe8\x9dX[v]\xd4\x8c\xcf\x10\xe9U\x0c\\\xc5\x1a\xdd\xd9(0;\x98\xe0\xa8\xa2\xef{\xb8\xd6A\x86\xdedg\x0ej3\x98L\xde\xe1\xca\xe4\x8a9\xa5&gt;w\xdbxF\x7f\x11\x9bZ,\xa4\x06H\x1f\xb7\x0b\x10\xbf\x7f\xc9\x83\xeb`\xb57\x92\xcai\xc7\xdf0tC\x14\x8d\xef]!\xc6~\xfd4\xbeF\xf3|\xa6~&gt;K\xc7\xd9\xb6R\x81Xj\xe0\xf2\x9d\x911\rA\xf7uP\xb9d\x15\xf4\'\xa8\xcf\xba\x1e\x1f`O\xbf\x07\x95K\t\x9f\xe5\xdeO\x06G\x1a\xb2G\xfe6\x1b\r\x0b\xfbs\x1f)+t\x13\xe3\x81\x12}q\x982S\xc3\xbaO\x98\x10J\xb8\xd7n\xc6\xcca\x169\xef\xa0$\x85\x99\xfa\xc8bd\xd5\x85\xacj\xf9\x18Xs\xabbl_\xb7\xc4\xf9\xd0Q+\xb1\xf5\x80\x8da\x97;m2?\xd0\x02\x91\xab\x89\xee\xb1\xec\x88\xdf\x98\x9c1\xf4\xd63U\x06\x19\xa7.&lt;}\xb7\x0fS\xb5:\xc5\xda)&gt;\xc3^\x8fyF\xb9\xb1\xb1`\xf3\xd9^\xce\xad\xf3\x8f\x1d\x0f\xa5h+O\xaf_\x95\x90\xe5\x16JpC&lt;\tV\xf8\x85a\xcb\x87\x1c3[\xa1\x1f\x84v\xc2l\xc3(\xb4\xa2\xcdB\xb4@\xee\x13t%n\xaf~\xd8,\xbc\x97\xd0\xdee\x1b\x91n\xdc\x05V\xe8f\xcb=Z\xda\xe2hT\xc7\xeb\x81x3g\x8a\xaac\xaf\xb8\xde\x18\xe6)k4\xf0\xbe\\\xe2K\xb7r\xcb\xe0\x865\x80\xdfB&amp;\xd1D\xfax\xb1\x9c_/\xc3v\xdc7e\xe0}\xc0D\xb4m\xa8\xeb2\x1c&lt;\xb1\xec\xce\xecn\xf7\x8d\xb9\xa7I\xf8LqJ\xbd\xb1+\x9a"\x9d\xb7\xf3%\xbe\x05b\xd7\xbdi\xd9\'\x90\xede\x87\x8c/F\xdb\x91=B\xd3:\xd4\xdbq\xf1\x1c\x93\xbf\x05t\x00\x83A\xd9\xa6PUI\x14\xb1\x8c\x86\x85\x95\xb0\x8c\x02\'\xc6\x10\xf5\x9d\x81\x88\n\x8e\x06\x06t\xf7\xf7&lt;|\xfcvD\xea\t\x87\xc4\x800\x1d:^\xbb\x94\xfa\xfec&gt;\\\r\x9b]y\x9c\xd32\xc4\xa8\xa9\x1c\xc0\xd0\xf9\x1c\xa6&lt;\x1bw\xa0v\x0c=\x93y\x90\x1do\xaa\xdcj\x1f\xa6$\x1d\xfc\xce\xad\xe9x\x00W\x82\xfd.\xb4\\o]\xc8H\x1ew$W\xf9\x92G\xeb\xd3\xac\xf0h\xda\x1cz\x8dv\xd9\xda\xc9\xd0\x01C\xad3\xdc\xfd\r\x11\x91\n\xeaGb!cj\x8eP\x95,\xe7\x8d\xa9]7\x0f\x99t\x80\xde\xbf}\x96\x8c\x91\xe5\x90\xfc\x02\xca\x87\xcb\xb0/\x10)\x0bJ\xa1-e\x03\xc3-T\xa7\x91u7\x7f\xcejT\x06P\xd1%\xf8\xd5sU\xe3BX\xf1&amp;\x19W\xd6\xd3Qf\x9fI\xde\xdb/\xa7\xbcl\x9eHMD\x03\xfb\xbf\xecD\xe67\xee\xfb\nTK%ooK\xca\x19\x14tW\x8cE&lt;\x08\xd4\xedxI\xd8\xa0\x9f\xd4\xd2\xa6\xcb\xde\xc3u\xd6\x0e\x97r\x06#\xe5\x0c\xa6\x83\xd0\x9c\xe7-\x10\x00#\x89S\x9dM\xe0\x99\x98\xd6\x15\x192\x85Z\x970\xef\xfa\x91\x1e9\x0b\x8d\xf6(\x98\x03\xd5\x0b\xdc\x87\xd4\xf5\xe0\x8b\x01\xf1C]\xf3%\xa6\xb7u\x84\x87\xc4\xca\xde\x93P\xdd,?\xf9\x98\xcd\x19\xc5\n\xdc\xad\xde\x18Y;\x8a\xef\xe0!\xef\t\xa1\x0c\xbb\xa1\x05\xfc\x85\xf3\xbd\x8b\x04Gs2p\x8d\x1eA%O\xe8\x92\x87\xf2\xb1\x9b\xf3\x92s2\x98\xd5\xb6Z\xd9-\xfcK\xe2f\xaa\xdcm\xa8\xe2\x00\nL\x07\xcc\'\x0c\xfa\x14\xe2CG\xcc\xaa\x14`!\xb59/\xdcoJ\n\x93\xb0,\x1fK#\x8c6\x07\x03\x97\xf5\xc5\xa6\xdc3\x10\xe9G\x16\xbb\x00GP.\xa4\x82_\xf8Gs^\x03\xa17\x0e\xc6\xbf\xcfd\x8a\xc3\xd7\xbe-l\x0b\xca\x02 \x02\x96(\x13\xb1)\xbe\x16\xaa@\\\x11\x17!=@t\xe2\xb4\x84\x1e\xe6\x16B.U\x19&gt;w\xf9\xb5WD6m\xd7\xefD\xdfm\xee\xa1|\'\xd6\x98\xfb\x92\x9dNH\xea\rFOn0h\xf9\xbd\xfb_\x95R\x81\x8ey\x94\x88\x8a\x88\x99\x84\xe21+\xd4\xbc7\xab\xa5\xaf\\\x14|chl\x9a\xd8\x00\x17\xf2S\x10\xc0\x92Z\xf5\x0f\xae\xc6\xd1\xae\x06\xa9L\x85\xb7b\xab\xdc\x8e\xeel\xc6\xf9\xde\xd6\xb3\xb2PX\xc3\xf7X\x13\xfd\x03\xbb\xd8\xecI$1gN\x99\xbd\x8d\x01\x9c4+q68[AE\xbc\x18\x1a\x8e\xdc\x87C.I\xf4\x83VP\xea\xc8\x08\x87\xa2\xb2\x02\xb6`\xda\x93`p\xd6\xd2\xa2\x03\xc6Cg\xbf\xbe\xefw\'Cu\xdd4\x81z9\xdc~W7&gt;\xae\xae\xeexf\xe7\xa7\xfeh\x14\xe0\xcf\x95\x12pq\x02\xd8s\x99\x1dnq\x83\xad\x9dx5\x08\xc5\x84\x18\xa8j\'\xf632\x0eo}\x0f\x80\xed\x89g\x9c$i\xbb\xf7\xae\xc8h0%k@\xc5\xac\x0bB\xae\xc0\xee\xa2_F\xf1\xb9\xa4*i\xd35\x18\x1fW7A\xcdA\xfc\xf5\x06[6\xd4\xc3F\xc3.\x85\x08\xab7w\xcdP4\xee\xb3O\xb2\x97\x7f\xa9n\xe4\xd3\xb22\xca\x83\xa2P\x90\xde\xe9\xe6\x99#y\x83\xe0\xd4D\xb2F\xa6\x8a\xb1\xeey\xbbY\x1eI\xbbsAc\xa7\x171?\xf0\x99\xe5\xa5\xd8"\xd6\x7f\xc8)\xf5\x0e%]\x96\xc5\x11)Y\x85\x07\xbb\xb7\xb8\x14\xbaM \x1co\x9b`\x91\xc8kp:NTl\xb8r1\x16\xda W\x11\xe0\x1b\xc5\xf4\xefT\x05\xf9\xc3\xdd\x7fc\x7f[7\xab\xd7\x9a\x8e\xfa\x00\xc8\x17\x0bj\x83S\xa8t\xcc\xca\x7f\x11f\xabU\x0eO\xd0\xe0Pe\xda\x9c\xa91\xf1\x90=\xa9\xcaVVd!\xb5\x08\xf4\x17\xcf\x90\x15\x954\x0fR\xd4\xfdcy6\xaeG\x1c\xc6\xdb\xf7\x0f\xbfV\r\xb0\x80\x7f]p\xe2\x0e"&lt;\xe3m\xacE\x93(\xda9\xdf\xc8\xc6X\xa7\xc1\xccXg\x93\x8c\x04\xbf\\R\xe77\xb0MN\x94\xfc(\xb8\xe9!\xcc#`\x15\xe7\x14\x11\x10q_\x89n\xa8\xbeOJ\xd1&amp;\xc5N\x19#\xf6^\x08\x11\xebh\x1cl_/_s\x9c\x00=\xaa\xab\x01\xd9\x85\x80\x8b\x90\x9fF\x0ccC\xb7\xc1!\x07@@U\xef\x7f\xff\x9d^\xc79\xaa#\xd3\x9f\x130n\x00J\x96u{}FK\x07\xf4\xb2\x91&lt;\x1b\x95\xfc\xa0Y\x90\xef\xf0:&lt;\xdb\xf7\x01\x00\xe1\xc3\xb8\xf6S\xd9\xfa=AU\xef\xd5\x9e\x91~R.\xc6\xb14n@S8\xc8\xfat\xc0 i\xc7W\x89\x17\x83\xbf\xb2\xa4\x1a\xb1\x04/\xefz\xd6\x1b\xdb\x95\xd0\x8c\xa9\xd5\xc3\x19\xf8+\'\x8b?\xc8\xad\xd0\x0c\xd5\x92\xa3K2\xe8\xbb\xda\xa2`\x04GP\xf1\xcc0O!\xaf\xe9\x1d\x81S\xe4\xc9D\x1d\xf7E\x1f\xc6\xa0\x14\x90\x05\x82\x1b\x01\xed\x9a\x98\xc0q$\xca\xca^\x9bP&amp;\xb2^\xd0d\xd6}\xba\x01\x9f\x0b\xab\x8a^\xded\x04\xccWo\x88\x83\xa1\x9f\x88U\x05k\xec\x1d\xb6\xaf\r\x1c\x1ah\x1c~\x8f\xb5h\x1d\xd1\x86V\xd1C#\xf8\xee\xa6\x15r\xe6^X\x97zs\xb9-\xd46\xc7\x1c\xd8\x9e\x7f2\x14\x08\xfc\\a\x01\x03\x98\xb2\x9eY0_\xefP\xf0foB\xfbv\xc1\x00\xbc#\xa8K\xd5\xdf\n\xb2\xd2\x04\xe5\x14\xa1\x986\x86._&lt;\x04\xb7\xd7\xe1 \x8cR`\x05b6Fg\xc7\xeeQ\x9aW\x1b\xae\xb6l\xd8\xafE\xdc\x11(\xb7\x1d\xb8+X\xb7\xac;_d#\x94Z\xaaz\xbe\r\xe1!\xdc\x15\xfa\x03n;\xce\x82\x82\x0c\xd5\x13\xd0\x03\x03\'\xf1Q8\xe0\xca\xdbg\xce\x92\x8c\x94\x98\x17\xdbD\xe0m]\xe1(1\xaa\x0562\xc9\x07\x1d\x85\x8aj\x89\xf0\x96\xda+\x1cn\x91\xc6\xbf\x18\xc6jQ\xfa\xd3\xd8\xe3\xeco\x0cYT\x19\x94\xe5m`\xdb\xd9\xcc\xed\xb7\xcb\xe7wk\xb4z\x1f\xcd`\xff\xd0v\xa3\xc7\x18.\xf7\xf7\xce\x86Mh\xd2\x19\xab\xd8f~\xe5\xea\xc7 \xc9:\xdc\xf6|@*\x8c|\xd9\x8f\xfb\x95-\x96_\x01\xb5Q2\xc4\x1e&amp;8J\x91\xcc\x96\x94\x06\x97\x01%4\x9e4\x97aQ\'k\\\xfb\xf5\x96\x0cUEP\x1bq&amp;\x15&amp;\xb4x\xde\x08\xa1\xf7_\xa0Pw`n\xfc\xd4R\x1d\xb68\x89t\xa4\xf0aT\xe9\x17K\x97\xad\xdb$\xf0\x1cK\xe7\xa0\x9eb7\xdf&gt;x\xe3;kU\xcf\xa2\xf5\x08XT\xc6s\x8b\xc9C\x85\xcbII\x90Ni\xf0l\xe1C\xc0J\xdb\xc2\xea\xbbk\xf4\x0c\xb2\x9e!\xb4\xcc\xff\xef\xd2;m\xf8\xf0\x84\x9cW4\xfc ~\xe4Hc\x82\x94\xae\xcc0\xf2s,\x04\x8639\xaf\x86\xa6\x0e\xa2\x0f\x9c\xab+\x12o\x89f=\xf8\xb5^\x8b\xa7u\x8e\xc4O\xd9\x1c\xc0\x91\x87\xe0\xc33\xaf{\xdc81\xe6\x83\xbd\xd2\xf0\xff~\\a\xf3\x1c\x98\xdb&lt;\xc9\x86-.\x9e\xa6f+\t\xe0\xe5}\xd530\xa9o\xa6N\\^\xb8\xaat\x82\xb2\x1f*\x04\x8fE,\xfb*\x15\x93N\xf1s\x18\xcc\xe3\xaf\\=\x9b\xb9n\xe1!\x9a?u\x80\xbey\xe0\xed\x93\xf3H\xba\xb6a\xc6\x080\x0c$l\x1bO&lt;\xe71\xd2c&amp;m\xfcXv$~\xb18O\x0f\x06\x1ba\x86\xe4\xc7\x0b\x8e/\xe2/KM\xe5^\xeb\xf7=@\x9c\xcf\xf1\x81\xbbJ\xf3\x13\x8d\xda)\xdca;@\xe3j\xb0\xe6\x82F\x02\xabz\x94J\xe5\x96\x8b\xbbSQM\xd78\xc4\x89\x17u\x0f\xd6\x93kM\x9e\xe8{\x06\xb3\xa0\x9d\xd3\xfcX\xfaQV\xbdL5]\x8f\x1c\xd4\xb6P:\x19\xc55\xc9job\xf7\xc3\xf6\x14Fi\\\xc4\x85\xcd\xeb\xfd{T\x1fu\x1c@k\x16\xd7\xc3i\x17\x94S\xe4\xf5\t\x81\x1c\x9b\x03\xdct\x1c(\xbd\x03\x1a\ns \xbd!T\x8c_\xaa\xf3\xd8\xce\xfa\x1a\xdc\xd5\xaf\xc2g#I\x17;\x82\xc3\xe0\x870\xed\xb1\xd4*\xde\xfd\xb3@\xee?dx\x02\xaf\xf3\xdc4\xd5\xf2\xeb\x11\xbb\x83\x87\x87/\xc6\xba\x85\xdf\xa0\xc6\xff\xb6\xbc\x82\x8b&amp;\xc7\xc2l\xd6e\x1a!\x90+\xfc\xfb\xa7\x1c\xad\xfaY\xa4\x0e\xff\xb5;\xbdwa0!\x97b\xedA\xfa\xc0\xec\nw-\xb7J\xdc\xe2\xc3\x90B\x0e\xf4\xd67\x079S\xc5\xa5\x92.K\xe6\xf59\xaeZM\x9fyc\xb9\xe3\xb8E\xe8\xff9\xd6\xeb@ \xb9\xcb\xb5\xbd@\xaa\xe4+\x7f#kh\xe6\xe6\xdb\x04\xb0YH\xf4L\r\xac\x0b\x07\x10a\x82\x19\xb4\x88h\x9e\xa5\xcd\x9e\x19\x9c|\xe4\xc7,\x0e|\xd4\x82\x80$\xd4j,\xf1\xe2\x1dz\x96\xcd\xbdS\x18\xda\xff\xbc\x8b\xc3\r\x99v\x92\x83\x9b\xa1$%\x7f\xfa\x81\xb7\x95rZ\x1dA6I\x07\xe5\x9a\xf0\xce:6\xf3\xa8z\xf5&lt;\x85\x97\xbd\xd5\xfa\x82\xf6hW\xd1}\x80RZ*G\x1b\xf0\xc3\x95~\x84\xcb\x8e\x1e\xd40~\xb9\xd5=JD\xcc\xf5\x94E\x19@\x9d\x1cO)\xc9S\xeb\xd2T\xc0\x1d\xf0~u\xf7\x86\xcb+\x1cs\xe6\xef"1\xc1\xb6\x12nz\x1d\xfb\x15E\xf7\xbd\xcf\xdd\x15:\x0b\xaf\xda\xda\x87\xc8\x9e\xba\x9b\xb1.C\xe5\xcdf\xf7\x81z\x13\x92\x9bZ\xcaZW%\xe7\xf4Q\xe4\x05\x0b\x05\xde\xb4I&lt;\x00\x9c[\xca"\xb1\xe2\xf0\x81$\r\r\x9ds\xd4\x07Z\xf3\xdc,\xd9\x17\x02\xc0LJct\x02/\x8dp\x8a\xccg\xa5\xf9P\xe3\x18\x8f1&gt;\xdeg1\x87\xee\x9a\xfb\xfe7\x8f0r\x9e\x02\xb0\xf5n\x16a\\\x10&gt;~{GNIa/\xa0\xbb\xf8n\xde\xb9\x05\xfb\x80\x8b=\x83c\x08\x9d\x91k7\xa3\xa3\xaf\x1eePr\xd6*c U\xbb\xf7\xe2\xf5\x8b\xda\xe7\x17\xab\xcde\xab\xf9\xd7V\xb1\x83\r\xd3h\xd6\x90\x0bR\x1a\xb1\xd1\xbe\xc9\xb2*\x8dUd\x855\xe9B\x9e\x8fF\x0c\x81\xf8\xe4\xda\x86_`\xe5,\x16\xf2\x86(\xc2\x8d\xfa\xbf\x87\xfe\xbf\xcb\x98rR\xe5\x82\x0b\xaf\xfc\xe5\x01?\x87\xf3\x0c6\xf7\xb2Z\x9b\xe7\x98\xab\xa3\xb5\xb8\x86\xc8\xfc\xfb\x89\xf3\x84\x84\xd3\xacz\xccN35\x02\xb4\x89\x1f\xc0\xdcu\xbc^\xee\x14\xb1\xf6o\xa7c5\xbeR\xcf\xb1\xec.*\x9d\x03\xaf\x02a\xa6\x9dk\xfb\x14\x97\x1e\xba\xaf\x10\x1bR\x02\x10ve\x8c 3\xcc\xf8\xcb\n\xdb\x96\xfa\xe4\x88\xfc\xbeJ\xce\xcf\xdb\x81/\xaf\x8c\x19\xd9w\xf1\x02\x05\x02\x18@\x0f.\xa8!\\Am\xa3\xd2\x12\xec\xf3s\xe6z\x01\xbe\xc8\x80N\xfaC\x96\x1c\\ETnI\xb9\x9d\xa2+}\xfcAY\xa3Z\nD\xfe\xf5\x9d;\xbaj\xb4\xbc\xbei\\\xf4\xb5\x13\xc7\x9c\xc0\xd33K\xdarD:\x10\xc0\xcc\xd5}\xc7\xa9\x86\xb6\xcd\xb5\xa7K8\xcd\xf0\xfb\xf8\'\xe2\x8fx\x01F-\xfc\x05\xca#\xde\xe3\x88\x9f\x8f\xb8\xf0\xc4\xf5\xc5\x1cwE'</t>
  </si>
  <si>
    <t>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</t>
  </si>
  <si>
    <t>b'U\xb6\xf1\x10\xd2\xccl\xf8\x173\x05\te\x83\xc3 '</t>
  </si>
  <si>
    <t>in answered. "I wouldn't take it at first and after Mary made me
quiet she talked me to sleepâ€”in a low voiceâ€”about the spring creeping into a
garden."
"That sounds soothing," said Dr. Craven, more perplexed than ever and
glancing sideways at Mistress Mary sitting on her stool and looking down
silently at the carpet. "You are evidently better, but you must rememberâ€”"
"I don't want to remember," interrupted the Rajah, appearing again. "When
I lie by myself and remember I begin to have pains everywhere and I think of
things that make me begin to scream because I hate them so. If there was a
doctor anywhere who could make you forget you we</t>
  </si>
  <si>
    <t>b'\xb9\xed&gt;\x9a\x1b\xd9\x15\x17k\x9cMQ\xe6\x01\xb8c\x14fD4\x98k\x84\xc2;1\xe9\xba\x86cW\x9aIO\xba\x182\xa8\\v\xea\x9a\xf3F1\xda0\x8eYFa3\xf1\xf4S2\x87\r\x8d\x17\xce\xbd\xf9\xe8\x82\xbcsMP\x05\xe8nB\xfd\xbc&lt;\x81\xa8\xeb\x1bg\xe5~I\x81E&amp;\xe3\xffY\xd5\xca\xcdcg\xc6-\xf2\xe7\xde\\\x82)\x05J\x9a\x98\x85\xb7Z\xa3\x1aQr\xe7\x973\xde\xd3\xaaC\xd5\xb1\xb0\xfc\x8f!\x88U\x94\x8f\x14\xd2\xfb\xae\xe1\n"\xca\x1b\xc1\xe6\xe1v&lt;)\xd7\xa9\xa5\xa4\xe4\xcf\x14\xad\xbbJ\xa7[\x1cyJ\x80f{\n\x92\xbbHf\x05n\xfd\xc9RZ\x1c\xbd\xda\xe8\x08\xf9[`mc\xe1\x01"\xda\x823v\xe0\x0bO\x96\xa0K\xd7e\xcdE\xaa\x92\x9fc\xad\xf9\xfcrk\xc68^\x969\x90Q\x97\x7f\'\x0e\x90\xee\xefJ\xb1O\xc3\x03\\\xd2"\x9e\xc5\xe1\xacp\xa7\x0fjQ\xf1\x9e\x82\xec\xb7T\xafvu0\x08\x07\xc6\xf6$\xe2\x1b\x7f\x84\x87/\xa8&gt;\x9d\xe1B\x91u\xf9Pq\xeb)\xf0\xa7\x82eg\x97\x8b\r\xd7#\xf3&gt;~3W\\N\x985\x0c\xae\xdf\xf6YC\x86\x05-\xf6\xfe#\x9a\x9d\xc1\x99D\xbd3\xc2\x01\x95E\x12VT\xfd\xb6\xbf)Z\xde\xdf0R\xdc\xaf\xd3;;\x0b\x8b\xdcaw\xfe\x0c^7IB\n\xc8\xa0Q)\x0f\x03\x92\xf2\t3\x18\x02\x9e^L\x1d\xb2\xa7\xc0\x9f\xf2`\x84"\xc6\x15\x1c\xfa\x9f \xb0{\x97"UY\xb7%d\xa6L\x10\xbf\x06A\x9dz5\'1\xf3\xe7\x87\xdb\xde^Z\xfd\x03\xc5\x1e\x1f0;\xdf\x88\x17\xf1\x86\xf2b\x13-\\K\x8d\xc7\x97L\xe9\xb6\x8c\xf6\xe0\xd7\xab+r[\x8d\xe6S\xc3\xdc~\x1a\xc8\xa7_\xe1\x9c|\xc2A\xd0\xdf\xb4\xe1\xc0\xb2@\xcf\xe3i\xe9\xda\xf5\x1d\x8c\x10l\x1f\xee4\x04\x96\x9d&lt;\xcc\xcf1\xe6a\xf6\xf9\xc9\xa14d\xd9\x94\xff\xa7t}\x8f\xcei\xd2J\x03\xa2\x8c\xfdT\x88g\xa1k\xc2\\\xcf\xef\xdb!^\x93\'\xf10\x8e\xc7W[t\xf7\x98\xcd9\xa4"U@\x11\x9cN\x7f\xd9\x03?\x10\xa3\xb72\x14\x02\xc5\xcb\xb9G\xa6\xf60\xfd\x93j\xf8\xa7nSq\xc2\xdb*p\xff\xa3\xfaC:?\x8a\xb3\xd9\xbc\x0e\xc4\t\x96w`M\xa9\xe1{L\xd5\xba\xb7\x1a\xf0\xf1&amp;Q\xe4As\x8a\x99\xf9\x184R\xec\x11\xb8\xbaD\x11\x1d\x10\xa8\x85\xd6\xd84\xd4\xaa\xac\xf2\x1b\x9d\xab\x11ZYl`L\xdcg\xd0\xfff\x167\x9aq}\x96\xa6qk\x98Z#~\'\xb7\xeej\xfd\xadrG\x97\x8b\x89\xd0}'</t>
  </si>
  <si>
    <t>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</t>
  </si>
  <si>
    <t>b'\xb9\xed&gt;\x9a\x1b\xd9\x15\x17k\x9cMQ\xe6\x01\xb8c'</t>
  </si>
  <si>
    <t>spread of these apartments, I don't
 know, but, when I looked towards the bed again, I fancied I saw a man's
 face within the dusky curtains.'
 730
 At the mention of this, Emily trembled, and looked anxiously,
 remembering the spectacle she had herself witnessed there with
 Dorothee.
 'I confess, madam, my heart did fail me, at that instant,' continued
 Ludovico, 'but a return of the noise drew my attention from the bed, and
 I then distinctly heard a sound, like that of a key, turning in a lock, but
 what surprised me more was, that I saw no door where the sound
 seemed to come from. In the next moment, however, the arras near the
 bed was slowly lifted, and a person appeared behind it, entering from a
 small door in the wall. He stood for a moment as if half retreating, with
 his head bending under the arras which concealed the upper part of his
 face except his eyes scowling beneath the tapestry as he held it; and then,
 while he raised it higher, I sa</t>
  </si>
  <si>
    <t>b'\xf6}}\xe1\tj\xc5;{y\xdf\x92&amp;C\xe5.\xc2(\xf5\xd4H\xf2`0"\xe4h`8\xd9\x19W\x0fh\xb8[\x0c&gt;\xd8\xec\xc9\xd4\xc1\xd5we\xf7[y\xa7\xf3\x19\xb3\xab\x06E\xf7\xae\xd3P[\x8e\xfc\x02'</t>
  </si>
  <si>
    <t>f67d7de1096ac53b7b79df922643e52ec228f5d448f2603022e4686038d919570f68b85b0c3ed8ecc9d4c1d57765f75b79a7f319b3ab0645f7aed3505b8efc02</t>
  </si>
  <si>
    <t>b'\xf6}}\xe1\tj\xc5;{y\xdf\x92&amp;C\xe5.'</t>
  </si>
  <si>
    <t>the saturation region.
 Example
 17.9
 Determine the bias current of M1 in Fig. 17.16 assuming VTH = 0.5 V, Î¼nCox =
 100 Î¼A/V2, W/L = 5/0.18, and Î» = 0. What is the maximum allowable value of RD
 for M1 to remain in saturation?
 Solution We have
 VX = R2
 R1 + R2
 VDD (17.24)
 = 1.286 V. (17.25)
 With an initial guess VGS = 1 V, the voltage drop across RS can be expressed as
 VX âˆ’ VGS = 286 mV, yielding a drain current of 286 Î¼A. From Eq. (17.19), we have
 VGS = VTH +
 _x0005__x0006__x0006__x0006__x0007_
 2ID
 Î¼nCox
 W
 L
 (17.26)
 = 0.954 V. (17.27)
 Consequently,
 ID = VX âˆ’ VGS
 RS
 (17.28)
 = 332 Î¼A, (17.29)
 and hence
 VGS = 0.989 V. (17.30)
 This gives ID = 297 Î¼A.
 814 Chapter 17 CMOS Amplifiers
 As seen from the iterations, the solutions converge slowly. We may therefore utilize the
 exact result in Eq. (17.22) to avoid lengthy calculations. Since V1 = 0.36 V,
 VGS = 0.974 V (17.31)
 and
 ID = VX âˆ’ VGS
 RS
 (17.32)
 = 312 Î¼A. (17.33)
 The maximum allowable value of RD is obtained if VY = VX âˆ’ VTH = 0.786 V.
 That is,
 RD = VDD âˆ’ VY
 ID
 (17.34)
 = 3.25 k_x0002_. (17.35)
 Exercise Calculate the bias current if RS is doubled.
 Example
 17.10
 In the circuit of Example 17.9, assume M1 is in saturation and RD = 2.5 k_x0002_ and compute
 (a) the maximum allowable value of W/L and (b) the minimum allowable value of RS
 (with W/L = 5/0.18). Assume Î» = 0.
 Solution (a) As W/L becomes larger, M1 can carry a larger current for a given VGS. With
 RD = 2.5 k_x0002_ and VX = 1.286 V, the maximum allowable value of ID is given by
 ID = VDD âˆ’ VY
 RD
 (17.36)
 = 406 Î¼A. (17.37)
 The voltage drop across RS is then equal to 406 mV, yielding VGS = 1.286 Vâˆ’
 0.406 V = 0.88 V. In other words, M1 must carry a current of 406 Î¼A with VGS = 0.88 V:
 ID = 1
 2
 Î¼nCox
 W
 L (VGS âˆ’ VTH)
 2 (17.38)
 406 Î¼A = (50 Î¼A/V2
 )
 W
 L (0.38 V)2
 ; (17.39)
 thus,
 W
 L = 56.2. (17.40)
 (b) With W/L = 5/0.18, the minimum allowable value of RS gives a drain current
 of 406 Î¼A. Since
 VGS = VTH +
 _x0002__x0003__x0003__x0003__x0004_
 2ID
 Î¼nCox
 W
 L
 (17.41)
 = 1.041 V, (17.42)
 17.2 Operating Point Analysis and Design 815
 the voltage drop across RS is equal to VX âˆ’ VGS = 245 mV. It follows that
 RS = VX âˆ’ VGS
 ID
 (17.43)
 = 604 _x0002_. (17.44)
 Exercise Repeat the above example if VDD = 1.5 V.
 17.2.3 Self-Biased Stage
 Another biasing scheme commonly used in discrete and integrated circui</t>
  </si>
  <si>
    <t>b'\xa2hi\xcc\xf6\xa1Xf\x19\xd0\x8a\xc2/\x00EN'</t>
  </si>
  <si>
    <t>a26869ccf6a1586619d08ac22f00454e</t>
  </si>
  <si>
    <t>othin' about himâ€”but
tha'll get me in trouble. I shall lose my place and what'll mother do!"
"You won't lose your place," said Mary. "He was glad I came. We talked
and talked and he said he was glad I came."
"Was he?" cried Martha. "Art tha' sure? Tha' doesn't know what he's like
when anything vexes him. He's a big lad to cry like a baby, but when he's in a
passion he'll fair scream just to frighten us. He knows us daren't call our souls
our own."
"He wasn't vexed," said Mary. "I asked him if I should go away and he
made me stay. He asked me questions and I sat on a big footstool and talked to
him about India and about the robin and gardens. He wouldn't let me go. He
let me see his mother's picture. Before I left him I sang him to sleep."
Martha fairly gasped with amazement.
"I can scarcely believe thee!" she protested. "It's as if tha'd walked straight
into a lion's den. If he'd been like he is most times he'd have throwed himself
into one of his tantrums and roused th' house. He won't let strangers look at
him."
"He let me look at him. I looked at him all the time and he looked at me.
We stared!" said Mary.
"I don't know what to do!" cried agitated Martha. "If Mrs. Medlock finds
out, she'll think I broke orders and told thee and I shall be packed back to
mother."
"He is not going to tell Mrs. Medlock anything about it yet. It's to be a sort
of secret just at first," said Mary firmly. "And he says everybody is obliged to
do as he pleases."
"Aye, that's true enoughâ€”th' bad lad!" sighed Martha, wiping her forehead
with her apron.
"He says Mrs. Medlock must. And he wants me to come and talk to him
every day. And you are to tell me when he wants me."
"Me!" said Martha; "I shall lose my placeâ€”I shall for sure!"
"You can't if you are doing what he wants you to do and everybody is
ordered to obey him," Mary argued.
"Does tha' mean to say," cried Martha with wide open eyes, "that he was
nice to thee!"
"I think he almost liked me," Mary answered.
"Then tha' must have bewitched him!" decided Martha, drawing a long
breath.
"Do you mean Magic?" inquired Mary. "I've heard about Magic in India,
but I can't make it. I just went into his room and I was so surprised to see him I
stood and stared. And then he turned round and stared at me. And he thought I
was a ghost or a dream and I thought perhaps he was. And it was so queer
being there alone together in the middle of the night and not knowing about
each other. And we began to ask each other questions. And when I asked him
if I must go away he said I must not."
"Th' world's comin' to a end!" gasped Martha.
"What is the matter with him?" asked Mary.
"Nobody knows for sure and certain," said Martha. "Mr. Craven went off
his head like when he was born. Th' doctors thought he'd have to be put in a
'sylum. It was because Mrs. Craven died like I told you. He wouldn't set eyes
on th' baby. He just raved and said it'd be another hunchback like him and it'd
better die."
"Is Colin a hunchback?" Mary asked. "He didn't look like one."
"He isn't yet," said Martha. "But he began all wrong. Mother said that there
was enough trouble and raging in th' house to set any child wrong. They was
afraid his back was weak an' they've always been takin' care of itâ€”keepin' him
lyin' down and not lettin' him walk. Once they made him wear a brace but he
fretted so he was downright ill. Then a big doctor came to see him an' made
them take it off. He talked to th' other doctor quite roughâ€”in a polite way. He
said there'd been too much medicine and too much lettin' him have his own
way."
"I thin</t>
  </si>
  <si>
    <t>b'\x97O\xcc?8V\xccbO1Bn(Md\n\xe3(-\xdc\xa9i\xc4\x9c\xectJ\x19PUI\x0bgl\x8b&amp;\xa2 \x0b\x050#\xaf\xc8\x7f\xcb\x8f\x12\x8d\n\xe5\xa4\x02p\xfa\x8e\xa3\xe9\xd5.\xa9\x1e\x88G\x1bO|J\xe4\xb1\xfe\xae\xb0\xb8M\x04$\xael\xeb8\xab~\x19\x95\xb7T\xb1\x0e+*@\xee_\x0b\xf0\xcb\xd4\xd9j\xbc_x\xfc\x1d\xb2,S\x07Bt\xdb\x99\xb5\xbd\x13\x13\xb0\x13w\xea\xd4\x83\x1aP\xeb\xb3;L|+\x84\xc3\x04\x1cS\xfc\xc6{\xbe=\xed|\x10\xea\xcaDb?\xa8P\xbf\x0b\xe8\xf5\xfc\x7f8\xcd\x0b\xc3^\x99"/\x84\xf9LM\x0bMB!\\G\xfb^k\xede\xdf#\x9f\xc6\xdbR_\xd5\xa6\xccQ\xa4\xc6\x8a\xedP\xf6\xbb\xc0\x8b\x01\x0c\x86Y+f\x956Q\x06%\xbe\x882\xbdg\',(\x05*&gt;G\xb6\x0c\x0f\x827h\xa7\x1f\x0c\xc7\xfcW\xf6y \x7f\xbd%\xa6)E4\xedKYwb]U\xc6\x1c!\xb01\x90\x83\x92{\xde,\xb47?\x9f\x01\xb4\x14\xa0\xa4\th!)\xda\x82^\x86]?F\xbf\xa7\xc2\x18\xaf\xf0\x8e\x94\xc5\xb5\xa4\x1d\xa7\xd2\xb4:K\xc1\xa5\xc6\xae\xcc)ac\x81\x9d9h\x88\x98\xf7\xb0G\xb9\xa3[\x1e/X\xe4x[x\xc4J\x8a\xc6$\xab\x1f\xc5*\xb1\xbd\x856A\xb8\x95\xf9\xe4\xd8\xbaz[\x7f\x87\r\x83\xed\x8d\x87\x9b\x12\x08m&gt;q\x06\x1d\x9f]z\x8d:\xe5\xed\x96f\xdc\xe0\x82\xf9\xfa\xc4\x05W\xcb~\x89m\x86E\xa7\xd2\xe7^E\x84\xe9\xe0?\xfdp\x18\xde\xa9,\xdd\xdf$&amp;\xbfN\xf4\xe2\xdf4jVokjl\xde\xf6:X\x8d\nh\xd5\x18\xae\xcc\x83\xf0ji\xa6\xd6\xb3\x80O\x01S\x0b\xc9\x89\xb0p\'\xe8\xb4O\xdbZ\xbb\xddu\xf9\xf4#/\x18\x0b\x17R\xa2Z\x86t\xe3\xcc\xf6\x89\x9cX\xf7\x04T\x0e\xc7u\x12\x89%"J\xe6,\x86\xfc\xadQ_\xb8\xbc\xcd\x06\xd0\xf7:|\xc2\xd2w\x91\xa0Q\xf9\xbd\xfc\x04\xe6\x1c\xff\xd7\xb4\xc2\xb5\x1c{\x94\xdf\x85L\x83\x83d3\x93\xfd)\x02\xcc[\x85@\x8a/$\xab\x0e\x88(\x01\xff]\xafg\xd6\xd7\xa0\x0c\xe1d4\x03\x9e\xad\xf5\xc8\x87\xb3\xfc\x89G\xaf|\x83L\x96\xbbZ\xe2\xca\xf1\xa8\x0e\x06b\xb7\xf5\xc0#4\x13b\xeb\xcf\x90\xe8\xc6X)\xceR\x1bN\xb2\x85\xea7\x99\xaa\x9d\xd0\xbe\xaaDRe\xfa\xe7\xd1m\xfbQc\xc0j\x9d\xfa\xbe\xe1F\x8b\xa0\xb6\x88\x0f\x97\x88\xbd[\xbb\xad+Q\x1f;\xe2\xc6\x9b\x03\xe7\xb9*\x9dW\xe05"\xae\xac\xd8u\x1c\xc2\\-\x02\xfe\x19\xe8a}\xd9|\xd2\xa90\xff\x14\xd3t\x9b\xd4\x86&amp;\x9bQm\xcc\xbb\xb2\xe0\x1e\x08\x17c*q\xc6\xd0\xd0\xf9"B\'\xa0[%\xdb5\xa0\x01\x1a\xb4\x83\xce\xf4\x9b#\x08d\xafYW\xad\x97\xbe\xc6\xfb-\x82\x1fN5\xf5r\xbd\xc7\x006\x17\xbdl\xf2\x99e\xba\xc0U/\xd4b\xe6,\x91\x99\xa2&gt;\xe7\x1f\x80\x93&amp;\xb4)\xc9\xcd\x10\x8b\x0b\xe3\xfaJ\xd6\xa8\x84\xa2\xff\x10\xdc\x9f\xeaY.#\x17\x8b\xfd\x83\x97\x9a\xf8\xaa)\x00\x0b\xe0\xb8\xa2bJ\xcd)H\x9de\xc32(\xfb\xd4A\xea\x1bj&gt;\xf2z)/\xdb\x99\xf6z\xee[^\xdal\xce|\xf0T/S\'\xec\xcc\xf2\xc4\xb23I\x8aB\xc4\x9b&lt;\\\x93:\xed4\x96\x02W\xc4\xb3\x1b!\x96\xca\t\x10\n\xc6\x83J\xf0}tE\xbf\xf70\xd9\x05k\xd3~Z\xd0zP|\xae\xe3\xea\xb6\x07\x1d\x16_\x84Z\x89\x93]V\xbe\xc1\xc6=\x84\xca\x93\xcf#\xbe\x997\xebp\xe1\xfa0\x8dO\x8fuJC\x1e\xa2q&gt;jr\xfd\xf2Z\x1aG$\x97G\x84\xbd+\xceP\x92Q\xaa\xc2\xcf\x9d\xd3\xa1-67\xc4_]\x1f\xac\r\xa8\x1e\x88\xa8\xbc9E\xcb\xb6\xc3\xb5\x04!\x18\xb8\xa7\x87\xf4\xfd\x11g\x8aF\xa6\x97\xa6\x17\xb6\xd6\x0eg1\xe1\xa9\xb3nv\xa8\xb9\xbd\x96z\xd2\x96\x8a\xbb\xd3Wd\xc5\x98)\xc2\xc8\x7f0`\x16p\xef\x97\xd1\xb8(\xe6\x13\x1c\xafP0\xb9m.\xee\xf5\xcd\xced\xb9\xfa\xd5\xe2!\xf8\x87\xd6\x7f4:\xdd\x8b9^\x9eZt\xc7\xf5\x99\xc1\xaex\xbah\x99\x92A\x0e|&gt;\xc6\x99\x0f\xec\xf5\x9aO\xf9\xa6\xc9\xf1\x99j\x07\xf4\xb5\xa0\xd9\xee[\xf5O\xd1\x1d\xe71\xe9\xf0\xeb\xf7/\xe2\x89\xc3\xb4\xee }\xf4\x88\x9b\xbb\'\xe7m\x16\xee\xfc\x8e(\xe5J&lt;\xd3\x06P\x87{\xe0&gt;\x87@\x99\x07z\xd2\xa7\xd1\x11p\x02\xe2\x03Rw\xae\x93S.\x8f5Hv\xf1W\x96\xbb)\xe7&amp;\xb6.E \xc36\xc6kt\x0b\x14yp\x18\xa0\xce\xaf\xc2\xd6@\xcb\x8dU\x08/v\xb1\xb69X\x8d.\xe1\xe8\xbb\x96"Ac.\xd6\x86z|a\x8f\xe2L\x8c"\x862?=\xc7\xf1Z{Wr\x96\xfe\x04M\xdcnn9bU\x8e\x87\xde\xcb+\xe5\x9e7!\xcb#Bq\xf9\xb7C\xccx?\xbd\x19\x92\xc8M9\x19\x9b\x98\xc5@\x90\x18X@\x06G\x83\xf4g\x9d\xaaW\xc8\x85\x01zz\xd4\x90P\x0e\xd7S\x08\x0ea\x00\xba\xd0c2RG\x0b\x90/`\x18\xb3KW\x94&lt;2oU\x19\xd9\x15y\xd7t9\xdc\x10I\x17\xae\xbc\xa8L\xc5\x04\xe0\xd6\x0e$\xf1]!\'1\xddT\x94\xbb_\x15\x90d\xc6\xca\xc8\x02)s)\xa2\x1a\x1e\x13\xa2p\x83\xc0-)\xf8\x00\x19\x15\xef\xd5\xf4\x0b\xc0\xe0\xae\x81\xeekT(\xe2\xbe\xd8\xf3\x1fV\x12\xe3$ig6\xe2s\xc6\x11\x04\xfd}\x93\x7fF1\xc3\xb0I\x1d\xf3\\\x10\x98\xf7\x04T\x0e\xc7u\x12\x89E/\x05\n%\xbf\x16\x98\xf3P\x15\xf0\x84\xed\x12\xf7\x1eM\xc8\x9d\xdf\xaf\xa2)\xde\xb5\x1e\x8br\xb5\xaf\x9dj\xbd\x9af\x1d\x81\x08JS\x9d}\xd4&amp;\xad(WC#dJ\x9e\xaea\xa8\xcc\x9c![3\xa4\x1d&gt;O\xaa\x06\x0c}\xafx\x91\x9b[\x05\xf3\xff\x15,(&gt;KL5\xeb\xfb\xf3\xae\x95\x864\x99\x11\xe1\xd9\xdf`\x95 \xcb\xc9\x18/\xde\xde\x12\xc9\x15\xd8\xb5\xb6$\xcb\x8dU\x08/v\xb1\xb6_\xad\xe6\x11\xeb\'\xc0d\xcb\x1a3\x12r\x95\xbd\x84;\xd9\x13\x8b\xc6X\xe2\xf0\x02U\x9aV#\xee\x06\xa2\x1c\x95\xfb\xc2\'\xd2#%\xa0%\\A\x9a7\'p\x8f\x1dLP\x8a\xd0\xe0\xf0\xd7\x9b\xa2\x9a7\x92\xc8F\xf9b\xdfz\xdb\x18\xec\xb2U|[\xa8:\x94\xe2\xd7\xfb\x86N\xae\x9d\x06@\xdeLr\x81_\x10\xb9\x15\xbf\x98\x11\xfd\xee\xcb\xf4\xee\xe1\xa4\xd4\xe0~\xec\\\xa3\x8c\xeb\x04\xdb\x0c\x88{|b\x9d\xe2\x1b^\x8ce`\xc1\xcb\x0c/:\x14%\xea\x90\xcf\x8b\x01\x9a\xe6m\x867]\x90\xef,\xe2N2\x9c\x1637\xd2*\x1d\x93zh\xd0\xcd\xdb\xf1NQ\xf2\xe7\x9a\xb6\xed\x1fp\xcf\x14\x05E\xfb\xc4!\x9f\x06\xc4\xa2\xafZ;K\x18&amp;\xb8\xfa\xc9\xa5\xe9\xe2V\xc6\xa7\xf5=\xb12\xa6\x0f\xd1\xfa\x94e\x11q"/\xe0\xd6\xe7\xb7Q\xae\x97\xa2\xac~H\x17\x15h\xea\xce\x8dC\xc2\x16\x0e\xb1B\xef\xe5\xa7U)\xf5f\x01\x1c\x10#\xf8\xd1R\x1a\x0ema*\xc8-\x87aBR\x9c\xd5\xce"\xb9\n)+[%\xaf\x8f+\xee\x19\'?\xcc\xa9\r$@\xd0\xbd\x15\xe4\r\x9aA(]\xb9^\x02\x1d\xeb\x91\x98%\xae\xc5U\xe7\x93w\xec\xc0M\xf9\xdb\xe3B\xd0\xc1\xf0\xfe\xcd\xa5\x85\'\x97\x93\x10\xf5_\x04n\x83fts\xc0\xeay\xce\x98\xf3\xca\xb9\x1bH\x89E\xdaa\xec\x9b\x1a\xc5\x14o\x84\x93\xcb\x1a\xbc5\xcc~7\x03k?z/\x94\xd8)u\xab\xbd\x90\xf5o}\xf4\xdaS\x8c\x9e\xcf\xb3E\x12\x8b\xc2b\xba\xfd\xe6\xb9\x01\x0e\xc1\xab\x0e\xa9[\x18\xe1\x98Zt\x17\xdc\x8f\xab\xc4\xe7\x1a\x89W%e\x8d\x08l}\xb7\xe8\x1a\xb7\x8c\xef\xb2_\xde\x9a\xc6\x86qg-\x80\x84\xb5\xf7\xff8A\xc4\'\x85\x97\xe2~xz\xf4\xbcz\xbd[q\xef\xbfP\x15\xcbKS\xf8\xd01\x17\x1c\xce\x83\xbd&lt;\x8b\x96F\xa2*D\xb3\x95\x14\x154\xc0\x9av\xa6S\x83\x9c\x1b\x08\xbe\xcc@i\xf8+!w \xd0\x12t\xdd\xd6\xdfh\xb2\xd0&gt;\xe3\x155\x9b&gt;z\xb23\x92\x04\xf9t\xfe\x04c.*[}W\xb4\xa5*\x8e@u&amp;\x0c\xab\xb4WDT\x0e\xc7uo\x95\x87p6ibo\xbb.q\xe2z\xa1\\\x1d\t\xb8\xff\x8e~\xbd\xdb\xeb\xff,\xaa\xbe\x02\xc3\xb6\xa1\xe8\x89\x8f\x93\x15\rFQ\xfc\x86p\x19\xcb\x14\x03\xc2\x92S3-k;\xccB=JX\xd4\xcb\xd2s\xe7X&lt;\xd4\x1e\r\x18\x16\xceu\xbf#\x19\xaf)\xc8\x16Y\xf9\x05\x84\x15A\xba\x98\x83\xa0%\x8bn\xcc\xc0\xa6@&amp;\x82`a\x94:\xe2\x14\x17\xdb#\x83\xd1\xdc\xf3\xae"T\xd9\xb1"D\xb4\xa4\xeb\xdb|aZ\xf9OX&lt;\x86\xabyk\x80\x19\xce _\xfaVX\x9f5B\xefz\x1fo\x90\xa1K\xeb\xda\x19\xbe\xda\x93\x86\x83\xf5\xc1\x1f`\x01\xe8\xf4\xb9\t6\xefd\x8a\xc4y\xbc\xf7A|7\x14M\xf6\xbd\x16\x8aEP\x1d\xc6\xc3\xca_\x97wy\x03B\xc2\x13\x89\xbdX\xa6y\xe5\xf6W1:\x14\xae\xda\x81i\x88\xc6\xe5\xcf]\xa5\xc2\x82z\x95\xe8\x97\xfb\x9a\x16\xc4\x81I\xfd\x81\xfd\xc0\x02I\xf6\xda8\xe3\xe7J\xd4\xcb`#\xbbC\xb5\xbf\x84&lt;\xba2f^\x11\x84\x87\x05\xbbs\xa1\xa6\xee\xedk\xfc\xd4\xda\t{\xfa\xf4bsw\x93$G\xc2\xaa\xc8\xee\xd2\xd9 \xd94\x83/\xa1Fq\xb4$I\x98|N\x8f\x08\xa2B\x15/w\x9by\xf4\xb4\x86\xd4\xe3g\xbe\xf9\x0e\xbcj\xdd\x94\xcd\xd2A\xdb\xcc\xef\x01\x0f\xb5\x9aDB\xf9&lt;\xfc\xdb\xa6\xbc\xcf\xd3E\x1ep\xcfI\xd6\x7f\x17\xf0\xac\xf7H\xf4\xea\x18-\xb1\xa5\xaa\x1f0~]B\xf4\x82;\xc1\xbbMf\xe8\xd1I\xde\xf4\xd9UyI\xe6\x03\x96\t\x9d@6\xd8\xd6\x96\xf6\xdd\x0e\xe7G\xa5\xd4\x9e(\xf2D\xab\x90\x1a\xd5\xcf\x12\xf2\xe9iH\x13\x9bj\xea\x1e\xcel\x07z\xa1\xd0}\x1cX\x82\xea\xcc\x1cE\x8e\x81o\xcc\xb3\xa7r\xf2\xab%"\xad2\xc4up0\x115Dy\x1e\xc1\xbb\xab/\xbd[\xf5n\xfctJoN^\x9eF\xb4\x83Q\xdc\x86\x8f\xf3\xa2\x00\xb8\x1a\xe6\xee\x0eI2\x8bwqU\x8a\xcem#\xaf\x12\x89\xcaNZ&lt;\xdb\xcdP\rHi\x9b\xcb\xa3`#\xd0\xd6\xcb\x8dU\x08/v\xb1\xb6a\xf8\xaa\xcd\r@F\xe7\x1f\xbe\x9e\xb8u\n\x97\x9c\xe5\xf9$:\xad\x9b/\xa9\xad\xd3\xaf\xb1\xb318q8\xec\xdcO\xa8.\x99\xfc\x88\xef\xae|\xca6{\x0fhs)G\x7f\xb9x\x05\x90\x82\xe7\x91\xff\x02\xfa\xddZ\x17]\x0e4=\x8aO\x908\xc9c\xfe\xf2\x16\x80-x\xfb\x9e\x81\xce\x1f\xca\xedY7Wh\x01*u(:\xc6\xd1!\x7f\x82\xca=\x80\xdf`D\xcam\x0f\xa78\xd7\xe0\xc9\x81\x16\xa0\x9f]\xb5\xc7r\xc9$\t\x0c\x8d\xfed\xcb\xec,\xc3\x9c\xa3\xd2\x0eN0I\xb5Y\xee\x0bX\xb8v\xf1\xb7\xea\xd1\x9b\xaf\x94\xd3\x06\xc6}f|(a,(\xa2\x06\x99{W\x136\xac\x06\x1e\x15\xdd3\x9dV\'8\xc6\xb4\x9dWJ[|Qa-z\xcdatV\x9b3/:\xee\x89\xfax\xf7\x00\xdc\xf6\x1b}\xda\xf1\xed{"i\xeb\x81V"nt\x8eQ(\x97\x19\n\x83\xc1\xf1\xc8\xec\x92O\xbe\xc4\x8aO\x02\xb1$\xf7\xec\x15yS]F\xd0\xc4d!\xc2^\x1e\t\xea\xe5l\xd8\xd3\x0bm\xa6\xe8\xacW\xb6\xf7U\xd4\x16\x07E&lt;:\xf9\x14\xc06D\xfd&lt;\xce\xcad\x9dq\xb2\xa3#\xca\x1d\x9d\x0ec\x1f2\x05\xa2\x94\n\xbb\x96\xb9\x14\x83fC\x1f\xaev\xe1^~!\xeb:kI\x85V\x8fcw\xb4A\x18V\xf3F\x02\'\xaf7\x86\x83\xb3\xe6o5\xde\x1fm\x1d3\xc9\xb6\xdc\xe2\x9e\xc60\x8e\xe5\x04Z\x8e*\x12\xf3V\xf4\xaf\x91B\xf2\xb3Et\xed\x913gd\xb3\xf1U\x8f\xb5\xdd[\xb6\xb1\xc7\x10&lt;\xd6\x9ed\'\xbb[(\xcb\xe9\xab\xa5\x16\xd8t)\xef\xdd\n\x9d\xe7\xd6s\x00\xfe\xca\x97\xd7C\x01h@[\xf25\x0f\x0eh\xec~WN\xb7\xb4W\xb9S\x1b\x16+\xa4Tg\xa2B-\xf6\x04_| \xbffJO\xb1\xf4\xab\xd4\x03O\xec\xef\xa3[\xa5:\xf8\xae\x94\x08IH)\xdc\x9f\xa0\xf8\x1ay\xd5-\x8b\x07kU=\x99B\x8ab\xfa\xb5\x1c\xc1MbDN\x80\xc8+\x07%F.\xc1\xbd-\x97&gt;\'bq\x9e\xe2\xf4uP/\xe4\xd1\x06\xec\xb2\xed\xd9\'\xf4\xea\xe9/\xbd\x905}\t\x96\xf5\xd9\xcc\x1b\xf6\x10\xa6\xf4u\xbc\xc5\x89D&amp;n\xe4\x1f\x98= Q\xcb]Y\n/\xb0\xec\x89\x1fE&amp;\x18aE\xfb\x02\x82F\xf4\x0f&gt;\xf3fn\xd5\xea!P\xb1{\x96A|e\x1d\x04i\xd5\x83\xea\xec\xach;&lt;d\x02\x12\xeaz\x1c\x02\xa4\xd2\xd7\xd9u2)\x8b\xaa\xb9\xe0\x8f\x96\xcd\x93\x16\\\xf8QC$\xcf\xc8\xd1a\xe5\x9c7\x1d\xdf&amp;\xb2\xc9@\xee\x97!\x10,\xd4\xac\x11\xc4\xf1\x13e\xce\xe4\xd3\x1d\xe6?\xc9I\xa2\xe3\xce\xda(cO\xe7Yr\x7f+2\xeb}VU\x1c\xf0\xbe\x13\xaa\x92\x19_\xe5\x82D\xe6\xba\xa8\x117\x97rb?\x88nC\x9e\xe7k!\x94\xc0KP\x89=\xbbT\x87\xa7\\}\x80@\xa5H\xfa\xe0\xca\xa2\x10Ks\xec\x8c~\\\x9bp\xc2~+\x00UE\xecm[\r\x13t5\x96V\xf1\r\x9d\x9b\xaa\x0ehf\xf02"\x91\x0fv\x12w\xc6\xe3\xfb5\xa4\x7f7\xa6K\xfc\xce(o\xa28?\x1fu21\xbdN*\xa1n\xd3\x8e0\x0e$\x01u!\xf9\xd3\xf7Pct?\xbf\x17\xae\xfa\xdaC\xeb\xb7P\xd4b%$\xed\x8fs\x8dx\x95\\h\xb8-n\xdfK\xf0\xea\x92\x19\xcd\xf11\x1e\xd23\xcd\x90\x92\xe3\xaa\xfc\xb6@\xff\xba\xac\xda\xf5\xdc(\xd2\xaa\xf4\x89|\x1d(\x05\xabf\xf8R\xc2h\x16\xe8\x0e`C\x10J\xd30\x0f \tqr\xb0s\xfa!\xb4\xef\xb9z\x05\xe3\x9c\xf6F\xfax\xb7pn\xcdS\xb1\x949\xd9X^\x1f\xd08\xdd_\xfd\xb7X\x8d\xb6mtKQ\xce\xaf\xac&amp;\xec\xdfx\x82A:\xb1\xf3o\xa0\x1b\xfeVU\x1c\xf0\xbe\x13\xaa\x92\x01\xfaQW\xc8\xb3U[\xa0\xb1\x07\x961k$\x86:\xeej"]\xe2f,C\x9b\xe6\x19\x03%\x8e2'</t>
  </si>
  <si>
    <t>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</t>
  </si>
  <si>
    <t>b'\x97O\xcc?8V\xccbO1Bn(Md\n'</t>
  </si>
  <si>
    <t>hat
 ID1 = 0.5 mA.
 M 1
 VDD = 1.8 V
 R 1
 R 2
 500 Î©
 R S 200 Î©
 Figure 7.43
 7.6. The self-biased stage of Fig. 7.44 must be de_x0002_signed for a drain current of 1 mA. If M1 is
 to provide a transconductance of 1/(100 _x0003_),
 calculate the required value of RD.
 M 1
 VDD = 1.8 V
 RG RD
 Figure 7.44
 7.7. We wish to design the stage in Fig. 7.45 for a
 drain current of 0.5 mA. If W/L = 50/0.18,
 calculate the values of R1 and R2 such that
 these resistors carry a current equal to one_x0002_tenth of ID1.
 M 1
 VDD = 1.8 V
 R1 2 k Î©
 R 2
 Figure 7.45
 *7.8. Due to a manufacturing error, a par_x0002_asitic resistor, RP has appeared in the
 circuit of Fig. 7.46. We know that cir_x0002_cuit samples free from this error ex_x0002_hibit VGS = VDS + 100 mV whereas defec_x0002_tive samples exhibit VGS = VDS + 50 mV.
 Determine the values of W/L and RP.
  Î©
 M 1
 VDD
  Î©
 = 1.8 V
 RP 30 k 2 k
 Figure 7.46
 *7.9. Due to a manufacturing error, a parasitic
 resistor, RP has appeared in the circuit of
 Fig. 7.47. We know that circuit samples free
 from this error exhibit VGS = VDS whereas
 defective samples exhibit VGS = VDS + VTH.
 Determine the values of W/L and RP if the
 drain current is 1 mA without RP.
 M 1
 VDD = 1.8 V
 R S 200 Î©
 10 k Î© 1 k Î©
 RP
 20 k Î©
 Figure 7.47
 342 Chapter 7 CMOS Amplifiers
 Sec. 7.1.3 Realization of Current Sources
 7.10. In the circuit of Fig. 7.48, M1 and M2 have
 lengths equal to 0.25 Î¼m and Î» = 0.1 Vâˆ’1.
 Determine W1 and W2 such that
 IX = 2IY = 1 mA. Assume VDS1 = VDS2 =
 VB = 0.8 V. What is the output resistance
 of each current source?
 M 1 M
 I
 VB
 2
 X I Y
 Figure 7.48
 7.11. An NMOS current source must be designed
 for an output resistance of 20 k_x0003_and an</t>
  </si>
  <si>
    <t>b"/J\xe0\xc9J\xc2Z'\x01\xc8\xcb'\xd4\x19\xcc\xd2"</t>
  </si>
  <si>
    <t>2f4ae0c94ac25a2701c8cb27d419ccd2</t>
  </si>
  <si>
    <t>is orders, and then came to look at me. In a
 moment he let down my head.
 "Confound these check-reins!" he said to himself; "I thought we should have some
 mischief soon. Master will be sorely vexed. But there, if a woman's husband can't rule
 her of course a servant can't; so I wash my hands of it, and if she can't get to the
 duchess' garden party I can't help it."
 York did not say this before the men; he always spoke respectfully when they were by.
 Now he felt me all over, and soon found the place above my hock where I had been
 kicked. It was swelled and painful; he ordered it to be sponged with hot water, and then
 some lotion was put on.
 Lord Wâ€”â€” was much put out when he learned what had happened; he blamed York
 for giving way to his mistress, to which he replied that in future he would much prefer
 to receive his orders only from his lordship; but I think nothing came of it, for things
 went on the same as before. I thought York might have stood up better for his horses,
 but perhaps I am no judge.
 Ginger was never put into the carriage again, but when she was well of her bruises one
 of the Lord Wâ€”â€”'s younger sons said he should like to have her; he was sure she
 would make a good hunter. As for me, I was obliged still to go in the carriage, and had a
 52
 fresh partner called Max; he had always been used to the tight rein. I asked him how it
 was he bore it.
 "Well," he said, "I bear it because I must; but it is shortening my life, and it will shorten
 yours too if you have to stick to it."
 "Do you think," I said, "that our masters know how bad it is for us?"
 "I can't say," he replied, "but the dealers and the horse-doctors know it very well. I was
 at a dealer's once, who was training me and another horse to go as a pair; he was getting
 our heads up, as he said, a little higher and a little higher every day. A gentleman who
 was there asked him why he did so. 'Because,' said he, 'people won't buy them unless we
 do. The London people always want their horses to carry their heads high and to step
 high. Of course it is very bad for the horses, but then it is good for trade. The horses
 soon wear up, or get diseased, and they come for another pair.' That," said Max, "is what
 he said in my hearing, and you can judge for yourself."
 What I suffered with that rein for four long months in my lady's carriage it would be
 hard to describe; but I am quite sure that, had it lasted much longer, either my health or
 my temper would have given way. Before that, I never knew what it was to foam at the
 mouth, but now the action of the sharp bit on my tongue and jaw, and the constrained
 position of my head and throat, always caused me to froth at the mouth more or less.
 Some people think it very fine to see this, and say, "What fine spirited creatures!" But it
 is just as unnatural for horses as for men to foam at the mouth; it is a sure sign of some
 discomfort, and should be attended to. Besides this, there was a pressure on my
 windpipe, which often made my breathing very uncomfortable; when I returned from
 my work my neck and chest were strained and painful, my mouth and tongue tender,
 and I felt worn and depressed.
 In my old home I always knew that John and my master were my friends; but here,
 although in many ways I was well treated, I had no friend. York might have known, and
 very likely did know, how that rein harassed me; but I suppose he took it as a matter of
 course that it could not be helped; at any rate, nothing was done to relieve me.
 53
 Chapter 24. The Lady Anne, Or A
 Runaway Horse
 Early in the spring, Lord Wâ€”â€” and part of his family went up to London, a</t>
  </si>
  <si>
    <t>b'\x93htH\xca\xeeit'</t>
  </si>
  <si>
    <t>93687448caee6974</t>
  </si>
  <si>
    <t>btained in (a) and compute the voltage
 gain and I/O impedances of the circuit.
 Q1
 R
 VCC
 E
 Vin
 Q2
 Vb
 R CS
 Figure 5.157
 266 Chapter 5 Bipolar Amplifiers
 5.72. Figure 5.158 illustrates a cascade of an emit_x0002_ter follower and a common-emitter stage.
 Assume VA &lt; âˆž.
 (a) Calculate the input and output impe_x0002_dances of the circuit.
 (b) Determine the voltage gain, vout/vin =
 (vX/vin)(vout/vX).
 Q1
 RE
 Vin
 VCC
 Q
 Vout
 2
 RC
 X
 Figure 5.158
 *5.73. Figure 5.159 shows a cascade of an emitter
 follower and a common-base stage. Assume
 VA = âˆž.
 (a) Calculate the I/O impedances of the cir_x0002_cuit.
 (b) Calculate the voltage gain, vout/vin =
 (vX/vin)(vout/vX</t>
  </si>
  <si>
    <t>b"\xb8\xe6% \xa3\xc5\x9c\xfe\xce\x02\xa2\\B\xb4v'"</t>
  </si>
  <si>
    <t>b8e62520a3c59cfece02a25c42b47627</t>
  </si>
  <si>
    <t xml:space="preserve"> hypothalamic hormone called Gonadotrophin releasing
hormone (GnRH) stimulates the pituitary synthesis and release of
gonadotrophins. On the other hand, somatostatin from the hypothalamus
inhibits the release of growth hormone from the pituitary. These hormones
originating in the hypothalamic neurons, pass through axons and are
released from their nerve endings. These hormones reach the pituitary
gland through a portal circulatory system and regulate the functions of
the anterior pituitary. The posterior pituitary is under the direct neural
regulation of the hypothalamus (Figure 19.2).
Figure 19.1 Location of endocrine glands
Testis
(in male)
Ovary
(in female)
Adrenal
Pancreas
Thyroid and
Parathyroid
Thymus
Pineal
Pituitary
Hypothalamus
2024-25
CHEMICAL COORDINATION AND INTEGRATION 241
19.2.2 The Pituitary Gland
The pituitary gland is located in a bony cavity
called sella tursica and is attached to
hypothalamus by a stalk (Figure 19.2). It is
divided anatomically into an adenohypophysis
and a neurohypophysis. Adenohypophysis
consists of two portions, pars distalis and pars
intermedia. The pars distalis region of pituitary,
commonly called anterior pituitary, produces
growth hormone (GH), prolactin (PRL), thyroid
stimulating hormone (TSH),
adrenocorticotrophic hormone (ACTH),
luteinizing hormone (LH) and follicle
stimulating hormone (FSH). Pars intermedia
secretes only one hormone called melanocyte
stimulating hormone (MSH). However, in
humans, the pars intermedia is almost merged
with pars distalis. Neurohypophysis (pars
nervosa) also known as posterior pituitary, stores
and releases two hormones called oxytocin and
vasopressin, which are actually synthesised by
the hypothalamus and are transported axonally to neurohypophysis.
Over-secretion of GH stimulates abnormal growth of the body leading
to gigantism and low secretion of GH results in stunted growth resulting
in pituitary dwarfism. Excess secretion of growth hormone in adults
especially in middle age can result in severe disfigurement (especially of
the face) called Acromegaly, which may lead to serious complications,
and premature death if unchec</t>
  </si>
  <si>
    <t>b'\x82\xed\xdcWZ\xe2\xbf@\xdc&gt;_\xa4\x81\x18\xad\xa4\x14\xb3|1\x91\xb2\x81n\xb0\x0b\x85A\x9d\xc42\xbeL@\xb6\xec\xc7(\x9e\x94\xdf\xf3P&amp;\'\\\xac\xbd\x92&lt;\xe6}I\x97\xbe\xe3\xd9\x01\xd7`\xf3\x89y\xe1s\x82\x13\xa4\xd6Uo\xa8\xe5`\nK\xa1\xae\xe3\xda \x9eEH\x16:I\xa5D8\x8f\x18?\xca\x05\xe7j\xfe\x02\x94I5\xdd\xa3\xf9#d\xb33\x94&lt;nS,\x89\xceeX\xcd\x16\x18\xc8\x9a\xd3\xd5q\x98\xac\x83\xf3h\xe4\x8a\xd13\xc6\xec\xdfBW\xf72#L\xf1\xa9\x1ex\x11\x1f\xa4\xbco\x91\x975\xe2\xdf\xc0M\xb1\xb3\xac\xfb\x05HM\xb9\x8dX\x85\xe2\x19?\xde\x9c%\xf7;q?l\x91#9\xf1\x13\xb9i\x1e\x96v\xb6z\x03\xe9"\xc6\xe3yr\xe2%\x12\xd1\xc1\x15\xc7\x9c\x16rT\x86\x80\x9bX\xa8\x97F\xb2S\xcb\x15\xf7\xc6JS\x8e\xe0\xf4Z\x1d\xd8\'\xb8T\xf8\x17\xe9f\x99\xb8X=9\xed{-\xfe\x84\xc7\x99\xb0\x1d\xc2\x8aSl\x9a\xd0e\xca\xbbI\xf4\x9cL\xf3\xf4#g\x0e\xc3\xb8\xd3\xa09\xa5A\xb3\x88A\xab\xff\x03P\xf3\xa2\xf94\x827N\xe3\x10\xf2/^\x0f\x052\x94\x8fjM\x9f\xbdM-v\xaai\xbe\xea\xbcGm$\xd6\x9b5\xf6\x1b\x8eL\x08\x9cd\x8d\xdb\t\xfb\xde\x80\xc2$\x1e\xc9\x81*\xfa{\x04\xe4\xf7\x82?\x93w$?:Vn5\xce\xac:\x97N\x92\xc0\x91\x0c\xe4N\xdd\x12;`AH\xb5\\)t\xb6\x85C%W@\xd0xtL\xe1\x0b\x18\x8d\xfb\xd1rS\x9d\xbc_8yZ^g\x9e\xda\xbb\xe0-\xb4+\xff\xbf\x97F\xbb\x8fassSD\x9cW\xaa\xde\xf4\xa9\r\xc6m\xdc\xa1\xbcg\xe6g#v\xf9*\xdc\xc8\x7f\xbc\x81p\x05*K\x08XK\xe0&amp;\x93\xf4\xb1!Ry\xcaX(\xb8e\xe8\x91\xe6\xa9!Y\x832F\xe6p\x82\xa5\xe65\x8d\xf4\xb4\xdeV\xd7@ \xe4\xb3s\xa0\xf6~G\xd1\x96T\xec\\d\x9ex\xfc\xc3\xc6\xe6\x9c\x05\xeeb\x1c\xd0\xb1\xcd\xdbi3\xb9\xf7\xf7\x07\xb6Ey5z\x1b\x961\xb9\x08[\xa1C\xe15\xe2\xc8\xc0\x05\xd8\xa4\xeeq\xfd\x8b\xc8\n~\xa1\x81C\xb2^\t\x9d\x81\x03\x80\x13CS\x9f\xfeM\xe5cc\x13\xbb\x0eeI\x92\x16\xa9\x03\xb2A9Zs\x03\xf5e\xe2:\x0cH\x86r\x9e\x9f\x806\xefu\xa2\xa7\xd0\x93u\x99\x13\xde\x1b9\xc4\xf73\xb4\x99|D\xb2\xa1\xf2\x95-+=,\xb5;W\xd4\xec\xf8\x8a\xaf\x98r\xdcC\xe3\x8b\xf9\x93\xf4\xca/0\xab\x1d\xc6\xde\xb8\xd83\xd2\xb2\x7f\xe2DZ\xc2\x0c\x9f\xdd\xef\xd8\x14\x8cU\x8d\xf4cS\xf4G\xf0\xa3cZ\xce\x7f+d}\xf8E\xdb\x16\xb7\xf3\x85.\x1dmv\x1ef\x0b\xf2W\xc7\x19\xe2\xe6F1E\xbf\xca\xdc\xc3\xd4\xc9@\xf9\xf6\xdf&gt;/-^\xcd\xc6\xf7\x0f\xcd|\x98XB\xea\x00\xa5\xeb\xc3QVO\xacrQ\x16\x02m\xf8:d\x8d\xc6;\xc03\x8a\xb9#Gd\xe9\x0e(\xacb&gt;=\x14&amp;\x1f\xcbL\xb1\x8a\xcb.\x07\xd2J\xe0\x0cp\xc9K\xb5\x9f\x00\xcb\xe6aU&lt;\xb9K\n\xab\xa1?\x93]P:\x8b\x8a\x8c\rvEzUU7\x03\xf6Y\xa4:|\xd0m1c\xafq\x01\x96\xf1\x9c\xec\x05V\x0em}\xaf\x93ff\x93\x7f\x06\xca2\x953o$\xf2\xee\xc2?\xcc5\xf5\xbc\xdc\xd8|\x18\x14Q4,pZ\x8e\xd8w%\xaa\xf8]f\x88\x12\xdf\xae\xd1\x9b_\xac\xe4\x9b\xfeORo\xd4}\xd2\xad\xcc;\xf0\xb2\x9e\xddB\xe0JN\xf3Hj\xec\xdb.\xb8\x00\x9dG\xbc\x14\xa6\xb4MGK\xe3\xb4\xf0sbJ\xbe\xf7\xc0I\x0b/\xf5&lt;\x9b\x80_9u\xd7\x01\xa5oU\xd5\xb8\xca\r\ry8\xe7\xd9n\xb3\xbdWC\x08\x83\x11\xdcH\xae\x0c]\xaf6\xdf\x96\xb3\xfa\xfe\xcd\x08\xe6s\xf3Bq1\xddk,\x95\x1a\xf7$u\xdc\xad?\xf0\x96\n\xd1iZQ\x90\x82\x1c\xf4\x95@\xda\xb4s\rB\xe4\xe9#VI\xbaN\xbaNN\xc09AKzl\x9c&amp;\xd5\xc2\xd2\xda\xa1\x92\xe7\xd6\xe3`\x9e18\xfa\xb5\xe5\x10\x1f\x1f\x7fl\xe3\x03\xaex\x1953p\xaa\xa2\xf5\xe2A\x81~\x9d\xc6\xbb\xe1C1\xe4/\x0b/\xf3\xf75\x12\xc2\xa1\n\xd0\xab\xdf\xda\xb9]8Nt\xad\x881\x03\xb5H\x04\x80\xd6\xa198\xca\xdd\x8b\x84&amp;\xc7)\x19\xa8~lT7+F\xdc\xef\xfa\xb7\x19\xde\xabl\x80\xfal\xb2\xcd\xe3\x98\xe7\xda\x0c7\xa1\xd8TV\xf0\xd0a\xd7\x9eu\xd5\x8a6\xb9?\x8bOP\x95\xb8\x02\xe3w\xda\t\xcf\xb8\x932dy\x8f\rG\xfdc\xbe\x86t\xe8(\xe2\x1b\xbb\xc1\xfcFhe%\x0e\n\x06\xa5\xa1*\x14r\xec\xf5\xf3-\xed(\x19\x80\xe8\xd6^\x8aW/MnW)\tD\xfe\xa3&lt;\x94z\x8f\xa3\xdd!\xa3\x16\xa6\xd6\x98,K"2jB\xe6X6\xb6\xf5\x8c\xd6\xccV\xe5Q-\xb6\xb5`\x041o\xd9\x946\xfdb\']\x15\xa3\xea\xe1\x1e\xbe0\x1c\x04\xaf\xe8Q\xf0\\?\xc8t\x11\x8d\xccI\xb9\xeb\x949\xac\xa4\xc2\xd5\x8c\\\xc4\xd2m1{e\x88\xb1\x99sgV\xc7\xd1:\xf4\x85&amp;\xe5\xea&gt;\x82\x1dnx\xcc#E5#\xca\x94\xfe\xf48u\xaa\xa8\x83\xcf\xe45\xd56\x19\xbdhm`\xc0\xfd\xe4\x93\xf2\x8a\xd0\xec\x15\xe8\xdbW`\x8f\xd6\xc1o\x11P\xa0\xb5\xb2\xfa\xfc8h\x08\x04\xedD\xc9\x7f\xae\x06d\xc6\xbc\x91\xbb\xcbH\x9a\xa1\r\xdf\x85\xc4\xff\xc1\x9e3a*R\xb6\x1f5\x93\xfd)\x0f\xee\x9e\xc4\xcf\xd7\x13=\xa9w\n\xf6M\x83\x13\xa9\x9ccV&amp;\xfd\x1c\xfb\x8b%\xf7\xcf&gt;\x93\xeb\x89\xa8\xc8\xb2\xe4SWi\x15\xa6\x84\\\x92;7g\x0b&amp;\x1cxu\xcb\xcc\x81F\x1e\x08x D\x13\xfeT9\xe5\xb8\xb62\xa9\xffnv\x8da\xb0\xb5P\x88\x82\xa4\xba \xa0\xe23PM\x18\x05\x8f\xe0-)\xc4\x85\xf69w\xdd*\xac\x1dZf\x9e\xa7\xa2\xaa\x0c1nE\xe2=E8\xe0\xcc\xf3\xea\x9c\x87\xcaQzj\x0c%\xc4\x06\xa11\x8d\x86:v\xff\x95(\\\xa9~6}l\xf0\xb6O\xad\xf9\r\xf8t\x1f\xb9\xc1a\xbe\xecC\xf2*\xb3\xca\xec\\\xfcz,\x89C\xc4\xf6\xc7\x9c[`lG9Q\x85ME\xbcF\x9f\xce\xaezh8\x1d\xf9\xf5\xfc\x92&gt;\xc3%\xa6&gt;p\x8b\xb6\xb8\x9a3\xef\xa5W\x1b\xabQSr@g\xa0e\xd2n\x15\x9f\xf9\x9bG\x7f\xc25,;(:\r\xbdQ\x8aFo\x1e\xf1\x15I\xc4&amp;\xfbw\x9d\x06ft\x9e\xf7vD\xe92\xb4\x0c\xdcU\xdd\x06|3\x16\x7f\x93\xb3\x02\xe5\xb2n~x\x81\x93\xef%\x1e\xe4\x03u\xf2"^\x00\xad\x12\xd9+=)m\x88R\x9f \x16\xc4\x93g\xdd\xd1\xc2d\x9f\xc0G&gt;\xa3\xc3\xe1M\xcb\x9e\x86x\xf0\x8d\xb1\x84\x86\xe6\x16\xc3+u\xb1\xc33\x8e\x93\xa4Pi#\x86*\xf8\x92M\x17\x8f\xc6c\xcb\xb9\x83\xab\xe4f\x9c\xfeM\xfa&gt;\xd6[\x8b\x03z\x06\xb2\xb8=\xc7\xf0\xden\x147k\xea\x97&amp;\xa9U\xfd\xb2\x96\xd6\xacy2\x90l\xb0\xe7\xffM\xd9\xd0gP\xd4cN\xa1\xdb\x8b\xca\xd4\xcd\x19&gt;i\xa1&amp;\x9f\x10o.k \xfdI\x8f\xf5;\x7f&lt;\xf6\xe5\xc4t\xe8C\xb1Y\x1dlJ\x0c\xd3\x8c\xb6\xae\xb0\x0eu\x145\x9e\xd2\x81\xfbW\x19\xaa\x9f\xe4\r\x9c\\\x8aWx\xee\xe8\xa32\xd8\x88\x81\xec$5\x89\xd0s\x8c\xb0rjl\x1d\xb3Z\x1f\xf5\xdd\xa3!x&gt;\xf5\xd3V\r\xde\xbe\x03\x11\x90\xe6m\xc8\xc3Kl\x06\xcd\xe9}C&gt;hH=\xe6|b\x16\x01\xc4\x90f\xaa\xe1gP\x11\x91\x13\xb0L\xc1D\\\xbe\xad.I\xd2L\x10\xeb~\x8e\x16T\x96\xc6I__f\xd3\x9aBjl!\xb6~w\xfd\xbf\x1f\xdb`\'#j\xcb\xe6\x88q5\x8f\x93\xf1\x95\xa1@,\x91\xf1*M\x8f\xb5\x9f\xb9\x8bX\xc0\xbd\xa3\xbcw\xf8\x9cj7+"\xfb\xe1\x91X\xd0\x0ff\xb2\xe1YbL81f\x9d\xedO\xcd\x0f*B\x00\x0f\x1e\x90\xc5\xf9\xfd\xdd\xf4\xbe2\xf2\x10&amp;Z\xa2?\'4\x19\xfa_\xf1N\xef\xb1^\'\x8c\xb8|\x15\xa78\xac\xb9/\x9cp\x13\xc0M\xeeB\xe8Y\xc7\x082(\xd9\x1c\xb0\xf3\xc4\x1b\x87\xd0\x0c\x1c\x92\x12q\xfd\xffc\x16\x02\xe8\x9d\x8c\xab\xd1\xc7`4Q\xcbJ%R\x1f\x8dp\x18\xc8b\xb3x\xde4o\x80x^U4\x05\xb3o\xdb\x8aZIB\x01\xb1\x93"2b\xbd\x12\xdas5Nn#w\xd6\x18\xc5\x80g\xeb&amp;V/\xe1'</t>
  </si>
  <si>
    <t>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</t>
  </si>
  <si>
    <t>b'\x82\xed\xdcWZ\xe2\xbf@\xdc&gt;_\xa4\x81\x18\xad\xa4'</t>
  </si>
  <si>
    <t>âŽª
  âŽª
  âŽ¬
  âŽª
  âŽª
  âŽ­
  over any closed surface S.
  âŽ«
  âŽª
  âŽª
  âŽ¬
  EÂ·dl =âˆ’d
  dt S
  BÂ·da
  (iv)
  P
  HÂ·dl = Ifenc 
 + d
  dt S 
 DÂ·da
  âŽª
  âŽª
  âŽ­
  for any surface S
  bounded by the
  closed loop P.
  Applying (i) to a tiny, wafer-thin Gaussian pillbox extending just slightly into
  the material on either side of the boundary (Fig. 7.48), we obtain:
  D1 Â· aâˆ’D2 Â·a =Ïƒf a.
  (The positive direction for a is from 2 toward 1. The edge of the wafer con
 tributes nothing in the limit as the thickness goes to zero; nor does any volume
 7.3 Maxwellâ€™s Equations
  343
  D1
  a
  1
  2
  Ïƒf
  FIGURE7.48
  D2
  charge density.) Thus, the component of D that is perpendicular to the interface is
  discontinuous in the amount
  DâŠ¥
  1 âˆ’ DâŠ¥
  2 = Ïƒf.
  Identical reasoning, applied to equation (ii), yields
  BâŠ¥
  1 âˆ’ BâŠ¥
  2 = 0.
  Turning to (iii), a very thin Amperian loop straddling the surface gives
  (7.60)
  (7.61)
  E1 Â· l âˆ’E2 Â·l =âˆ’d
  dt S 
 BÂ·da.
  But in the limit as the width of the loop goes to zero, the flux vanishes. (I have
  already dropped the contribution of the two ends to E Â· dl,onthesamegrounds.)
  Therefore,
  E1 âˆ’E2 =0.
  (7.62)
  That is, the components of E parallel to the interface are continuous across the
  boundary. By the same token, (iv) implies
  H1 Â·l âˆ’H2 Â·l = Ifenc
  ,
  where Ifenc 
 is the free current passing through the Amperian loop. No volume
  current density will contribute (in the limit of infinitesimal width), but a surface
  current can. In fact, if Ë†n is a unit vector perpendicular to the interface (pointing
  from 2 toward 1), so that (Ë†n Ã— l) is normal to the Amperian loop (Fig. 7.49), then
  I fenc 
 = Kf Â· (Ë†n Ã— l) = (Kf Ã— Ë†n)Â·l,
 344
  Chapter 7 Electrodynamics
  n
  l
  1
  2
  Kf
  and hence
  FIGURE7.49
  H1 âˆ’H2 =Kf Ã— Ë†n.
  (7.63)
  So the parallel components of H are discontinuous by an amount proportional to
  the free surface current density.
  Equations 7.60-63 are the general boundary conditions for electrodynamics. In
  the case of linear media, they can be expressed in terms of E and B alone:
  (i) 1EâŠ¥
  1 âˆ’ 2EâŠ¥
  2 = Ïƒf, (
  iii) E1 âˆ’ E2 = 0,
  (ii) BâŠ¥
  1 âˆ’ BâŠ¥
  2 = 0, (
  iv) 1
  Î¼1
  B1 âˆ’ 1
  Î¼2
  B2 = KfÃ— Ë†n.
  âŽ«
  âŽª
  âŽª
  âŽ¬
  âŽª
  âŽª
  âŽ­
  In particular, if there is no free charge or free current at the interface, then
  (i) 1EâŠ¥
  1 âˆ’ 2EâŠ¥
  2 = 0, (
  iii) E1 âˆ’ E2 = 0,
  (ii) BâŠ¥
  1 âˆ’ BâŠ¥
  2 = 0, (
  iv) 1
  Î¼1
  B1 âˆ’ 1
  Î¼2
  B2 = 0.
  (7.64)
  (7.65)
  As weshall see in Chapter 9, these equations are the basis for the theory of reflec
 tion and refraction.
  More Problems on Chapter 7
  !
  Problem 7.41 Two long, straight copper pipes, each of radius a, are held a dis
 tance 2d apart (see Fig. 7.50). One is at potential V0, the other at âˆ’V0. The space
  surrounding the pipes is filled with weakly conducting material of conductivity Ïƒ.
  Find the current per unit length that flows from one pipe to the other. [Hint: Refer
  to Prob. 3.12.]
 7.3 Maxwellâ€™s Equations
  345
  Ïƒ
  aâ€“V0
  2d
  FIGURE7.50
  !
  a
  +V0
  Problem 7.42 A rare case in which the electrostatic field E for a circuit can actually
  be calculated is the following:28 Imagine an infinitely long cylindrical sheet, of
  uniform resistivity and radius a. A slot (corresponding to the battery) is maintained
  at Â±V0/2, at Ï† =Â±Ï€, and a steady current flows over the surface, as indicated in
  Fig. 7.51. According to Ohmâ€™s law, then,
  V(a,Ï†)= V0Ï†
  2Ï€ , (âˆ’Ï€&lt;Ï†&lt;+Ï€).
  K
  +V0/2
  âˆ’V0/2
  z
  s
  Ï†
  a
  FIGURE7.51
  x
  (a) Use separat</t>
  </si>
  <si>
    <t>b'\xcb\x9fOM&lt;\xf9t\xf92h\x17\x96\xe6\xcb\x0e\xaf\xbeG\xb9p#\xd5\x93\xd1&gt;\x97\xe0\xea\x86\xd0q\x89'</t>
  </si>
  <si>
    <t>cb9f4f4d3cf974f932681796e6cb0eafbe47b97023d593d13e97e0ea86d07189</t>
  </si>
  <si>
    <t>b'\xcb\x9fOM&lt;\xf9t\xf92h\x17\x96\xe6\xcb\x0e\xaf'</t>
  </si>
  <si>
    <t>r Inflation Lead to Currency Appreciation?
 The Implications of Inflation Targeting
 In the overshooting model that we have just examined, an increase in the money supply
 leads to higher inflation and currency depreciation, as shown in Figure 15â€“13. It may
 seem puzzling, then, that readers of the financial press often see headlines such as the
 following one from the Financial Times of May 24, 2007: â€œInflation Drives Canadian
 Dollar Higher.â€ In light of the seemingly reasonable model set out in this chapter, can
 such statements possibly make sense?
 A clue comes from reading further in the Financial Times news story on Canadian
 inflation. According to the FT:
 [A]nalysts said that the main driver of the recent bout of Canadian dollar apprecia_x0002_tion was higher-than-expected April inflation data, which saw the bond market fully
 price in a 25 basis point rise in Canadian interest rates by the end of the year.
 If central banks act to raise interest rates when inflation rises, then because higher inter_x0002_est rates cause currency appreciation, it might be possible to resolve the apparent contra_x0002_diction to our model. To do so fully, however, we must consider two aspects of the way
 in which modern central banks actually formulate and implement monetary policy.
 1. The interest rate, not the money supply, is the prime instrument of monetary
 policy. Nowadays, most central banks do not actually target the money supply in order
 to control inflation. They instead target a benchmark short-term rate of interest (such
 as the overnight â€œfederal fundsâ€ rate in the United States). How does our discussion of
 money market equilibrium help us to understand this process? Consider Figure 15-3,
 and assume that the central bank wishes to set an interest rate of . It can do so
 simply by agreeing to provide or take up all of the cash that the market wishes to trade
 at that rate of interest. If the money supply is initially , for example, there will be an
 excess demand for money at the interest rate , so people will sell bonds to the cen_x0002_tral bank for money (in effect, borrowing) until the money supply has expanded to 
 and the excess demand is gone. Central banks tend to set an interest rate, rather than
 the money supply, because the money demand schedule shifts aroun</t>
  </si>
  <si>
    <t>b'0D\x02 UQ\xdb\xf7\xe5\x07:\xa2\xb1\x9cNpc:\xf6|~\xc1\xda\xa1\x8b\xd5\xcf\x04aRk\x03\xcf\x8e\xfe\x0f\x02 \n\xb29\x8a\xd8\xf0\xd8}\x80\x1d\xc9!\xc6\x98\xacP\xe2\x1c\x84\x93\x94\xc2l\n\xe5M.]\x0c\xe6\xfea'</t>
  </si>
  <si>
    <t>304402205551dbf7e5073aa2b19c4e70633af67c7ec1daa18bd5cf0461526b03cf8efe0f02200ab2398ad8f0d87d801dc921c698ac50e21c849394c26c0ae54d2e5d0ce6fe61</t>
  </si>
  <si>
    <t>b'0D\x02 UQ\xdb\xf7\xe5\x07:\xa2\xb1\x9cNp'</t>
  </si>
  <si>
    <t>he victorious Allies imagined that such negotiations would take place under
 the auspices of a proposed body called the International Trade Organization, paralleling
 the International Monetary Fund and the World Bank (described in the second half of this
 book). In 1947, unwilling to wait until the ITO was in place, a group of 23 countries began
 trade negotiations under a provisional set of rules that became known as the General
 Agreement on Tariffs and Trade, or GATT. As it turned out, the ITO was never estab_x0002_lished because it ran into severe political opposition, especially in the United States. So
 the provisional agreement ended up governing world trade for the next 48 years.
 Officially, the GATT was an agreement, not an organizationâ€”the countries participat_x0002_ing in the agreement were officially designated as â€œcontracting parties,â€ not members. In
 practice, the GATT did maintain a permanent â€œsecretariatâ€ in Geneva, which everyone
 referred to as â€œthe GATT.â€ In 1995, the World Trade Organization, or WTO, was estab_x0002_lished, finally creating the formal organization envisaged 50 years earlier. However, the
 GATT rules remain in force, and the basic logic of the system remains the same.
 One way to think about the GATT-WTO approach to trade is to use a mechanical anal_x0002_ogy: Itâ€™s like a device designed to push a heavy object, the world economy, gradually up a
 slopeâ€”the path to free trade. To get there requires both â€œleversâ€ to push the object in the
 right direction as well as â€œratchetsâ€ to prevent backsliding.
 The principal ratchet in the system is the process of binding. When a tariff rate is
 â€œbound,â€ the country imposing the tariff agrees not to raise the rate in the future. At pres_x0002_ent, almost all tariff rates in developed countries are bound, as are about three-quarters of
 the rates in developing countries. There is, however, some wiggle room in bound tariffs:
 A country can raise a tariff if it gets the agreement of other countries, which usually
 means providing compensation by reducing other tariffs. In practice, binding has been
 highly effective, with very little backsliding in tariffs over the past half-century.
 In addition to binding tariffs, the GATT-WTO system generally tries to prevent nontar_x0002_iff interventions in trade. Export subsidies are not allowed, with one big exception: Back
 at the GATTâ€™s inception, the United States insisted on a loophole for agricultural exports,
 which has since been exploited on a large scale by the European Union.
 As we pointed out earlier in this chapter, most of the actual cost of protection in the
 United States comes from import quotas. The GATT-WTO system in effect â€œgrandfathersâ€
 existing import quotas, though there has been an ongoing and often successful effort to
 remove su</t>
  </si>
  <si>
    <t>b'0E\x02 m*\xbc\xd3DD\xb3\xfec\xeb\xb4\xac&lt;\x19 \x85\xd1b\xb3\xe4\xf1\xa1(oL&gt;&lt;\xe3\xa8\xc3J\x86\x02!\x00\xb2\xfe\xb0\xb7\x87r{\x13M\xc0\x12\xeb\xff\xb9\x119F\x04\xf7$\x11DkH\xc8\x0e\xf4\xdf\x1f\xeb\x17\x05'</t>
  </si>
  <si>
    <t>304502206d2abcd34444b3fe63ebb4ac3c192085d162b3e4f1a1286f4c3e3ce3a8c34a86022100b2feb0b787727b134dc012ebffb911394604f72411446b48c80ef4df1feb1705</t>
  </si>
  <si>
    <t>b'0E\x02 m*\xbc\xd3DD\xb3\xfec\xeb\xb4\xac'</t>
  </si>
  <si>
    <t>. . . . . . . . . . . . . . . . . . . .590
 The Structure of the International Capital Market . . . . . . . . . . . . . . . . . . . . . . . . . . . . . . . . . . . . .591
 Offshore Banking and Offshore Currency Trading . . . . . . . . . . . . . . . . . . . . . . . . . . . . . . . . . . . . .592
 The Growth of Eurocurrency Trading . . . . . . . . . . . . . . . . . . . . . . . . . . . . . . . . . . . . . . . . . . . . . . .593
 The Importance of Regulatory Asymmetries . . . . . . . . . . . . . . . . . . . . . . . . . . . . . . . . . . . . . . . . .594
 The Shadow Banking System . . . . . . . . . . . . . . . . . . . . . . . . . . . . . . . . . . . . . . . . . . . . . . . . . . . . .594
 Regulating International Banking . . . . . . . . . . . . . . . . . . . . . . . . . . . . . . . . . . . . . . . . . . . . . .595
 The Problem of Bank Failure . . . . . . . . . . . . . . . . . . . . . . . . . . . . . . . . . . . . . . . . . . . . . . . . . . . . .595
 CASE STUDY: Moral Hazard . . . . . . . . . . . . . . . . . . . . . . . . . . . . . . . . . . . . . . . . . . . . . . . . . . .597
 Difficulties in Regulating International Banking . . . . . . . . . . . . . . . . . . . . . . . . . . . . . . . . . . . . . .598
 BOX: The Simple Algebra of Moral Hazard . . . . . . . . . . . . . . . . . . . . . . . . . . . . . . . . . . . . . .599
 International Regulatory Cooperation . . . . . . . . . . . . . . . . . . . . . . . . . . . . . . . . . . . . . . . . . . . . . . .599
 CASE STUDY: Two Episodes of Market Turmoil: LTCM and the Global Financial 
 Crisis of 2007â€“2009 . . . . . . . . . . . . . . . . . . . . . . . . . . . . . . . . . . . . . . . . . . . . . . . . . . . . . . . .601
 BOX: Foreign Exchange Instability and Central Bank Swap Lines . . . . . . . . . . . . . . . . . . . .606
 How Well Have International Financial Markets Allocated Capital and Risk? . . . . . . . . .608
 The Extent of International Portfolio Diversification . . . . . . . . . . . . . . . . . . . . . . . . . . . . . . . . . . .608
 The Extent of Intertemporal Trade . . . . . . . . . . . . . . . . . . . . . . . . . . . . . . . . . . . . . . . . . . . . . . . . .610
 Onshore-Offshore Interest Differentials . . . . . . . . . . . . . . . . . . . . . . . . . . . . . . . . . . . . . . . . . . . . .611
 The Efficiency of the Foreign Exchange Market . . . . . . . . . . . . . . . . . . . . . . . . . . . . . . . . . . . . . .611
 Summary . . . . . . . . . . . . . . . . . . . . . . . . . . . . . . . . . . . . . . . . . . . . . . . . . . . . . . . . . . . . . . . . . .615
 22 Developing Countries: Growth, Crisis, and Reform 619
 Income, Wealth, and Growth in the World Economy . . . . . . . . . . . . . . . . . . . . . . . . . . . . . .620
 The Gap Between Rich and Poor . . . . . . . . . . . . . . . . . . . . . . . . . . . . . . . . . . . . . . . . . . . . . . . . . .620
 Has the World Income Gap Narrowed Over Time? . . . . . . . . . . . . . . . . . . . . . . . . . . . . . . . . . . . .621
 Structural Features of Developing Countries . . . . . . . . . . . . . . . . . . . . . . . . . . . . . . . . . . . . .623
 Developing-Country Borrowing and Debt . . . . . . . . . . . . . . . . . . . . . . . . . . . . . . . . . . . . . . .626
 The Economics of Financial Inflows to Developing Countries . . . . . . . . . . . . . . . . . . . . . . . . . . .626
 The Problem of Default . . . . . . . . . . . . . . . . . . . . . . . . . . . . . . . . . . . . . . . . . . . . . . . . . . . . . . . . .627
 Alternative Forms of Financial Inflow . . . . . . . . . . . . . . . . . . . . . . . . . . . . . .</t>
  </si>
  <si>
    <t>b'0F\x02!\x00\xf0\xfb\x13y\x86t\xfa\xaf\xb3\xccJ\x12\x9b\x85\xd5\xbf\xe8\x12\xe1T\xb8 VW\xdcN\n\xf4\x9c\x95fc\x02!\x00\xa0\xb6\xb4&amp;\xc4\x86\x01uK6I\xb1jx\x9b\xd4\xcd\xdbG\x13w\x00fm}:\x7f\xecx\xd6!\\'</t>
  </si>
  <si>
    <t>3046022100f0fb13798674faafb3cc4a129b85d5bfe812e154b8205657dc4e0af49c956663022100a0b6b426c48601754b3649b16a789bd4cddb47137700666d7d3a7fec78d6215c</t>
  </si>
  <si>
    <t>b'0F\x02!\x00\xf0\xfb\x13y\x86t\xfa\xaf\xb3\xccJ'</t>
  </si>
  <si>
    <t>unction of Q2. The latter exhibits an impedance of rÏ€2 (as illustrated
 in Fig. 5.7), leading to the simplified model depicted in Fig. 5.37(b). The total resistance
 placed in series with the emitter is therefore equal to RE||rÏ€2, yielding
 Av = âˆ’ RC
 1
 gm1
 + RE||rÏ€2
 . (5.158)
 Without the above observations, we would need to draw the small-signal model of both
 Q1 and Q2 and solve a system of several equations.
 Exercise Repeat the above example if a resistor is placed in series with the emitter of Q2.
 Example
 5.23
 Calculate the voltage gain of the circuit in Fig. 5.38(a).
 Solution The topology is a CE stage degenerated by RE, but the load resistance between
 the collector of Q1 and ac ground consists of RC and the base-emitter junction of
 Q2. Modeling the latter by rÏ€2, we reduce the circuit to that shown in Fig. 5.38(b),
 where the total load resistance seen at the collector of Q1 is equal to RC ||rÏ€2. The
 5.3 Bipolar Amplifier Topologies 205
 voltage gain is thus given by
 Av = âˆ’ RC ||rÏ€2
 1
 gm1
 + RE
 . (5.159)
 Q1
 VCC
 RC
 out
 in
 R E
 (a)
 Q2
 VCC
 v
 v
 Q1
 VCC
 RC
 out
 in
 R E
 r Ï€ 2 v
 v
 (b)
 Figure 5.38 (a) CE stage example, (b) simplified circuit.
 Exercise Repeat the above example if a resistor is placed in series with the emitter of Q2.
 To compute the input impedance of the degenerated CE stage, we redraw the small_x0002_signal model as in Fig. 5.39(a) and calculate vX/iX. Since vÏ€ = rÏ€ iX, the current flowing
 through RE is equal to iX + gmrÏ€ iX = (1 + Î²)iX, creating a voltage drop of RE(1 + Î²)iX.
 Summing vÏ€ and vRE and equating the result to vX, we have
 vX = rÏ€ iX + RE(1 + Î²)iX, (5.160)
 and hence
 Rin = vX
 iX
 (5.161)
 = rÏ€ + (Î² + 1)RE. (5.162)
 As predicted by our qualitative reasoning, emitter degeneration increases the input
 impedance [Fig. 5.39(b)].
 Why is Rin not simply equal to rÏ€ + RE? This would hold only ifrÏ€ and RE were exactly
 in series, i.e., if the two carried equal currents, but in the circuit of Fig. 5.39(a), the collector
 current, gmvÏ€ , also flows into node P.
 g Ï€ m v Ï€v r Ï€ R
 v out
 C
 RE
 v
 i X
 X
 v RE
 P
 r Ï€
 RE
 v
 i X
 X
 R in
 ( Î² + 1)
 (a) (b)
 Figure 5.39 (a) Input impedance of degenerated CE stage, (b) equivalent circuit.
 206 Chapter 5 Bipolar Amplifiers
 g Ï€ m v Ï€v r Ï€ RC
 RE v RE
 P
 X v
 i X
 Figure 5.40 Output impedance of degenerated stage.
 Does the factor Î² + 1 bear any intuitive meaning? We observe that the flow of both
 base and collector currents through RE results in a large voltage drop, (Î² + 1)iXRE, even
 though the current drawn from vX is merely iX. In other words, the test voltage source, vX,
 supplies a current of only iX while producing a voltage drop of (Î² + 1)iXRE across REâ€”as
 if iX flows through a resistor equal to (Î² + 1)RE.
 The above observation is articulated as follows: any impedance tied between the emit_x0002_ter and ground is multiplied by Î² + 1 when â€œseen from the base.â€ The expression â€œseen
 from the baseâ€ means the impedance measured between the base and ground.
 We also calculate the output impedance of the stage with the aid of the equivalent
 shown in Fig. 5.40, where the input voltage is set to zero. Equation (5.153) applies to this
 circuit as well:
 vin = 0 = vÏ€ +
 _x0002_vÏ€
 rÏ€
 + gmvÏ€
 _x0003_
 RE, (5.163)
 yielding vÏ€ = 0 and hence gmvÏ€ = 0. Thus, all of iX flows through RC , and
 Rout = vX
 iX
 (5.164)
 = RC , (5.165)
 revealing that emitter degeneration does not alter the output impedance if the Early effect
 is neglected.
 Example
 5.24
 A CE stage is biased at a collector current of 1 mA. If the circuit provides a voltage gain
 of 20 with no emitter degeneration and 10 with degeneration, determine RC , RE, and
 the I/O impedances. Assume Î² = 100.
 Solution For Av = 20 in the absence of degeneration, we require
 gmRC = 20, (5.166)
 which, together with gm = IC /VT = (26 _x0002_)
 âˆ’1
 , yields
 RC = 520 _x0002_. (5.167)
 Since degeneration lowers the gain by a factor of two,
 1 + gmRE = 2, (5.168)
 5.3 Bipolar Amplifier Topologies 207
 i.e.,
 RE = 1
 gm
 (5.169)
 = 26 _x0002_. (5.170)
 The input</t>
  </si>
  <si>
    <t>b'e\xf2w^\x94.\x04Q\x8ehbvd\x83(P'</t>
  </si>
  <si>
    <t>65f2775e942e04518e68627664832850</t>
  </si>
  <si>
    <t>If it's the only course that we can lie, sir, we must even lie it," returned 
 the captain. "We must keep upstream. You see, sir," he went on, "i</t>
  </si>
  <si>
    <t>b'z\xeas2&lt;U1\xf5\xdf}\xbb\x9d\x04\x84\x1d\x80=2\x85\xeck\x17\x8dS\xd0*HR3\x17\x87[\x1f\x06\xc2\xe1X\x14\xd0\'o\x8a\x07\xd7\xedq\x1c\x90\x98\xben\x14\xb0:\x97\x7f\xd0\x98%2J\xf52\xca\xee\xe8\x13\x91P/\r\xaa\xef3\x02\x91\xc6c\xf1\x07\xd7\x0bb\x1a\xa8\x9e\x910\x98x\xf7\xd2/\xae\x89]\x1d\xe29\xba\xf1\xf6\x1ej\xcc\xbe\xc8\xb0\xddQ\x9bp\xd6d\xdb\xb8\x88\x8ag\xac\xca\x91\x1c\xcb\xd4"\x88\xfc\xb4\xb5E\xac\xb8_\xcf$\x12\xae0\x0b8m\x06\x85\xec\xf38\x1a\x0f\x8a(\x03\x92\n\xd5\xf1|\xdb\xa2\x0bj_#\xc2\x94zH\xf6\xe0\xee\xd9\xa9\x18t\r7=\xecc\xd5\xec$Gn\xb8\x01\xdc\xbaIo0\xe7\xaeX\xaaWn\xe6\x12\x98mp\xeeD\xaf\xe2\xe6\x85\xa4\x8d\xa2\xa0yu\xc7 V\xd3\x98D=\xc8\xed\xf72\x1e\xf8\xc4\xd91\x87clP\x95;\xc7\x97)Q\\b\x97O\x12\x1f\xceg\xaeFT\xe5d\xa2\x85H'</t>
  </si>
  <si>
    <t>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</t>
  </si>
  <si>
    <t>b'z\xeas2&lt;U1\xf5\xdf}\xbb\x9d\x04\x84\x1d\x80'</t>
  </si>
  <si>
    <t>rt in the fight, though watching
 Peter with glistening eyes; but now that all was over she became prominent
 again. She praised them equally, and shuddered delightfully when Michael
 showed her the place where he had killed one; and then she took them into
 Hook's cabin and pointed to his watch which was hanging on a nail. It said
 'half-past one'!
 The lateness of the hour was almost the biggest thing of all. She got them to
 bed in the pirates' bunks pretty quickly, you may be sure; all but Peter, who
 strutted up and down on deck, until at last he fell asleep by the side of Long
 Tom. He had one of his dreams that night, and cried in his sleep for a long
 time, and Wendy held him tight.
 CHAPTER XVI
 THE RETURN HOME
 By two bells that morning they were all stirring their stumps; for there was a
 big sea running; and Tootles, the bo'sun, was among them, with a rope's end in
 his hand and chewing tobacco. They all donned pirate clothes cut off at the
 knee, shaved smartly, and tumbled up, with the true nautical roll and hitching
 their trousers.
 It need not be said who was the captain. Nibs and John were first and second
 mate. There was a woman aboard. The rest were tars before the mast, and
 lived in the fo'c'sle. Peter had already lashed himself to the wheel; but he piped
 all hands and delivered a short address to them; said he hoped they would do
 their duty like gallant hearties, but that he knew they were the scum of Rio and
 the Gold Coast, and if they snapped at him he would tear them. His bluff
 strident words struck the note sailors understand, and they cheered him lustily.
 Then a few sharp orders were given, and they turned the ship round, and nosed
 her for the mainland.
 Captain Pan calculated, after consulting the ship's chart, that if this weather
 lasted they should strike the Azores about the 21st of June, after which it
 would save time to fly.
 Some of them wanted it to be an honest ship and others were in favour of
 keeping it a pirate; but the captain treated them as dogs, and they dared not
 express their wishes to him even in a round robin. Instant obedience was the
 only safe thing. Slightly got a dozen for looking perplexed when told to take
 soundings. The general feeling was that Peter was honest just now to lull
 Wendy's suspicions, but that there might be a change when the new suit was
 ready, which, against her will, she was making for him out of some of Hook's
 wickedest garments. It was afterwards whispered among them that on the first
 night he wore this suit he sat long in the cabin with Hook's cigar-holder in his
 mouth and one hand clenched, all but the forefinger, which he bent and held
 threateningly aloft like a hook.
 Instead of watching the ship, however, we must now return to that desolate
 home from which three of our characters had taken heartless flight so long
 ago. It seems a shame to have neglected No. 14 all this time; and yet we may
 be sure that Mrs. Darling does not blame us. If we had returned sooner to look
 with sorrowful sympathy at her, she would probably have cried, 'Don't be sill</t>
  </si>
  <si>
    <t>b'\xf0\xcf\xa0\xfc\xe4\xed\xd19'</t>
  </si>
  <si>
    <t>f0cfa0fce4edd139</t>
  </si>
  <si>
    <t>r. 'What light is yonder, sir?' said she.
 St. Aubert looked, and perceived that it was the snowy summit of a
 mountain, so much higher than any around it, that it still reflected the
 sun's rays, while those below lay in deep shade.
 At length, the village lights were seen to twinkle through the dusk, and,
 soon after, some cottages were discovered in the valley, or rather were
 37
 seen by reflection in the stream, on whose margin they stood, and which
 still gleamed with the evening light.
 The stranger now came up, and St. Aubert, on further enquiry, found not
 only that there was no inn in the place, but not any sort of house of
 public reception. The stranger, however, offered to walk on, and enquire
 for a cottage to accommodate them; for which further civility St. Aubert
 returned his thanks, and said, that, as the village was so near, he would
 alight, and walk with him. Emily followed slowly in the carriage.
 On the way, St. Aubert asked his companion what success he had had in
 the chase. 'Not much, sir,' he replied, 'nor do I aim at it. I am pleased
 with the country, and mean to saunter away a few weeks among its
 scenes. My dogs I take with me more for companionship than for game.
 This dress, too, gives me an ostensible business, and procures me that
 respect from the people, which would, perhaps, be refused to a lonely
 stranger, who had no visible motive for coming among them.'
 'I admire your taste,' said St. Aubert, 'and, if I was a younger man, should
 like to pass a few weeks in your way exceedingly. I, too, am a wanderer,
 but neither my plan nor pursuits are exactly like yoursâ€”I go in search of
 health, as much as of amusement.' St. Aubert sighed, and paused; and
 then, seeming to recollect himself, he resumed: 'If I can hear of a
 tolerable road, that shall afford decent accommodation, it is my
 intention to pass into Rousillon, and along the sea-shore to Languedoc.
 You, sir, seem to be acquainted with the country, and can, perhaps, give
 me information on the subject.'
 The stranger said, that what information he could give was entirely at his
 service; and then mentioned a road rather more to the east, which led to
 a town, whence it would be easy to proceed into Rousillon.
 They now arrived at t</t>
  </si>
  <si>
    <t>b'\xbd\x9b\x04\xc2\t\xa1\xc59$\x1a\x9a\x9d\xc4\xd7\xeb\x9fkaV\xe6\xc9`9W\xd0j \x04\xd8y\xbe\x90+db\xe2\xb4\x1e9\xfc\xc0\x94\xe4\xdc\xf9\x80\x8b\xb3\xa3\\\xa7\xa4\xec:\x12\x92\xdf\x14\xe1\xb5\xb5\xfc\xed\xf5'</t>
  </si>
  <si>
    <t>bd9b04c209a1c539241a9a9dc4d7eb9f6b6156e6c9603957d06a2004d879be902b6462e2b41e39fcc094e4dcf9808bb3a35ca7a4ec3a1292df14e1b5b5fcedf5</t>
  </si>
  <si>
    <t>b'\xbd\x9b\x04\xc2\t\xa1\xc59$\x1a\x9a\x9d\xc4\xd7\xeb\x9f'</t>
  </si>
  <si>
    <t>und 3,000 people who liked our page.
 But we did one more thing that was the most important piece of it all: We
 documented our product release on the I Love Yoga Facebook page. We
 didnâ€™t brag about the product or try to sell it; we simply talked about our
 product by showing the prototype process, explaining the difference in our
 product, and sharing every change we made to it based on feedback from
 people like them. We showed them that weâ€™d added a thicker strap to our
 yoga mat simply because that was what they said they wanted. We showed
 them that we listened to them, that we wanted to hear what they had to say,
 and that we wanted to serve their needs.
 As we were building that Facebook page, Sean and I knew that as soon as
 we were ready to launch weâ€™d have an audience who was ready to buy. Or,
 for all you poker players out there, we had stacked the deck in our favor.
 Getting over the Hump
 The goal is to get enough eyeballs in one place to get a spark lit. Itâ€™s a bit like
 using a magnifying glass to start a fire. Can you point just enough power at
 your target to get it to ignite?
 Using Facebook to build up a hungry audience will work for as long as
 Facebook continues to exist, but the tactics you use may change with the
 times. And since the internet is always evolving, new opportunities are
 always opening up. However, the principles are timeless. Your job is to
 â€œstack the deckâ€ so that you have people waiting to buy your product the day
 it comes out. You will do this by running advertising to a central place where
 you can contact your audience, engage that audience with content that
 appeals to them, and document the launch of your product, so that theyâ€™re
 primed and ready to buy when itâ€™s ready.
 Getting to this point is hard work: deciding who your audie</t>
  </si>
  <si>
    <t>b'\xb2\x0e\x02UP\t#\xde\xc6 \xf2\x9bG\xb8\xe6\xd53x\xb0D\xa1\xf7\x8au\xc9\x91\xde\xcc\xf3\xc5\'\x17\x96\x1cs\x90\xf4W\xe0;nv\xa6\x0c\x1d\x82\x90\r}\\HM"\xe6\xb4\x93\xc2\x84iQpm\xaf\xec1\x97\x1b\x919\xe7\x9c\xc85\xc3\xfa{\x89bw\x1a;\x1a6F\xb0x\x97\x7f\x17\x11\xcbOUvGx=\'\xde\x82\xb2\xbc\x82\xdcwP\xf3\xf9&gt;\x0c\xf0_\xf4\xde2\xb9\x05\xf7j\x0e\xfc\xd4\x1d\xa8\x81\x905Q1\xab9\x94q\xc7\n5\xd8/\xa6\xf6P\xe5g\xee@Oq2#\x9e\x16"\x05\x93\xa1\xfc\xa8\xefw"3\x11l\xc9W2\x8a\x92?m\x06\xdbP\x00\x89\x839\xc5\x0fB\xa2\xa1\xcb\xa2|s|\xfa\x08\xe9`\xb6t\xa6\xa1\x17\xcfZ\x0cG \xe7&lt;\x11\xe5\xa5\xbe*|\x86\xf9\xf8h)-\x98:\xd0[\xf9@\xdf\x95_\x19F\x91A\xe6m\xae\x9d\x8e\xaeR\xd95\xc6\xd0\xcbm\xd8\xed\x0be\xeb8\x90UV\xb1\x06\x15\x1a\xf8\xee&gt;b\xcf\xfbD\xa4.H\x1b\x0c\x98\x1a(5\xf8k\xfc\x19\x1c\to\x9dl\xa9:p\x86\xeb\xb9{\xd4\xda\x07oJ0\xf3\xac\xb8\xca\x85\x115a,,\xa1\xa9l#&gt;\x85Q}v\x7fo)Xa\x93o"\xfe\xdf\xe7&amp;\x86\x96\xd2\xa5)\xec\x90I\xda\x9c{\x81\xc5`.\xc3\xcd\x95\x0e\x96}D\'\xcc\x99\xde\xdc\x81\xfc\x87Ta@\n;m\xd0I\xa6,\xad\xdbB\xc9\xa8\xf8\xa4\xa2\xe1\xf9`gp\xda\x1f\x86\xbb\xd3\xe7&lt;.r\xcb{\x15+)\xf2\x8f\xeb\xf8\xf4x\x8cEs$\xf3{4\xe4\xabOG\xfc\xd3\xaf\x9dAG\xe4\\\xbee\xd0\xe2%\xf0\xe0\xd9{\xc31r\xb3Vd\xed\x97$x\xdb\'\xa0\x16pZ\xca\xa1\xe0$\xcdi\x05=ru\xd0\xcaC\xfcE\xf0b\xe79\xc2_\xd8\xc2U\x7f\x96\xdb\x1c9u\x0f\xce\r\x85-\x81\xa3=\xd6\xd2/z\x91\x84\xe0\xbb=\x84`\xe9\xb4\xf0s\x15^\xf5\xaea\xd9h\xe3:\xf1D\x15\xc2\x19d\xf7\x94\xd41y\x14\xddC\x94\t\x11\x8c\xd0J3\x03\xa8\xb4o"~\x16I\x1b\x1f\x95S\xb6:u\xc5\xe4\xf5{m\xbcX\x8114l\x1c\xa4@T\x80% \xb3\xa1\x8d+\xce\'@\xcaQ^\x8e\x91\x13\xfa\xbcy\xba\x05&amp;[\xb4)\xe9\xacX\xa42\x89\xce\xa5\x8b\xaa\xa7O+_f\x12\xd7j)\xed\xcf\x0f\xfbt\xdag\xbfF\x8clw&lt;\x84\xef\xbd\xc5#\xa00\xe6*]\xde\xecA\n\x07I\x85\xc3:x(\x1a\xc7\xc0\'=\tk\xc8\xfc\x96\x17\x16\r\xce1\t\xc8\x81e|\xaa\x06\xd1\xd2\xfbi\xf4\x93mjZG\'\x87Z\x0b\x91|\xa6\x91\xbf\xeb\xaao;\xb0`\xc5K\x01\x9e\x91\xfc\xdb\xfd@\xe5~\xa4\xc12}\xafF:7OIL^\xf9o\x07s\xc1U\x88\xb1\xad/1\x0e\x9c\xe2V\x16\xf6O\x83\xb2\x01\xd4\x90\x02\x873\xd1!\xba*\xa8!\x1d\x92JQd\x03\xe2B\x17\x13\x978 Vn\x99\x9aq35\xb2\x1f\x04\x1d~H\x0f\xe89\'OP\n\n\x93E\x8a$\x8bx\xa9C\xf2sU\x12\x81\xd0\xfbi\xa0\xfc\x00Kro\xd0\xc1\xe9?6\n\xf6\r\xe2\xba\xbc.\x14\xdd\xc1\xcf\x7fd\xce\x93\xe4&gt;\xbb4G\x93\x9cg\xca\xc7\x8drP\xff\xcd\xa8-~(\xbb\xe6\xc2\xe1\r\x1c\xe4\xe0\xacq\xb3A\x1e\x1eR}i\x06:\x99\xa9t\x0c\xa2\xb91\x8dB\xf5=je\xb4\xf83koY@K\x08)J\x0fY\x15]\xccUvg\xf8\x86\xe8T\x83\xa3\x01\x8d\xd9\x0c\'\x81M\xb0.Y\xc2\xf8!\xf6\x9e\xd27\xf4W;&lt;\x99\xc9\xfa%W\xb8\xdb\xff\x08\x1bI\xc8\x00&amp;\xa7l\x8c\xe5\xe1q\xd4;\xbdW\x06I\xf2\x1d\x1aP\xcd\x03Zzo\xe0\xeb\xc1%\x19;\xa8\xb9\xd4\xc9\t)AK\xf8\x87\x95\x0b\n\xda\x97\xe2\xc9\xfdG\xf7\xbe)b\xed\x16}\xf8\x0c\xcbQ[\xa1\xdaY\xb0hz\xaf)U,\x92rU\x13^RO\xf0\xd1\x04\xfep&amp;\xd8\xfa\x05Ko\x03\xb0\xecQ\xb9w\x0eM\x13\xd1:M\xb8|8\xfbh\'\x91\xe2/\x156\xbd\xbd\xae\x96\xb6\x19\xc3\xdb:S\xb2\xb5(\x18\xc4\xb9\x8b:{\xa7\x85D\x16\x85\xbaO\xff\xe4\x82\xeb\xa7\x13|\x84\x7f\xdd\xf3\xa9\xa1B\xb0E\x00%\xd2%]\x7f\x1c\x1f\xac-\xbd\x1d1\x027x\x19\xd9P\xd8\xf9.x)I\x1d\x87\xb6C\xc8?s\x84Zn\x97\xab\xa9\x8e\xa0\xace%\xdb\x89\x9d;jP\xc5Zu\xf2qeYY"\\m\xbb\xf4\xdf\x15\xe3\xc7\xe7!&lt;\x03\xffU\xaf1\xad\x9b"\x9b[\xc9\xb2\xb6\xfbN\xb7\xcd\x12\x92\xf7;d\xd6-l^\x84\x9c\xd6Bu\x8e[\xdc\x0f\xb5&amp;b\xbf\xe0txR\xfd\xc2\xb3\xa3!\x89P\x01\xd6F;\x98\x85j@F\x05?\xe1g\xb8Q\xd9\xd7\xd9;\x0c5n\x1c\x1f\xab\x82&lt;o\x8d\xa2n7E\x9b\x1b6P0\xfbv\xd1\x9af\x8cw\xec\xb8\xf9\x1b\xc7\xb5\xc4\x10\xb0\xd1\xd2\t\xa3\xc4h\r\xc3\x8aA\xfd\x9ee\x1d\x0b\xe7\x10y\x80\x07f\x94\xba\x1eG^\x16\xa8\x99&gt;&lt;\xcf\x84\x85\x11\xd1\x0b\xd2\xb9\x83)\\\xee\xd8Ui\xeb\x82B(\x98\xa4\xdc\x83:\xddI\xb6F\x1cj\x05\xe0Q\x0c\x05$\xc5\xe7}\x9f\xf9;g;4r\xd0U\xf7\xd8 k\xd7\xd4\xba\xca\x94\xbcv\x9e\xee\x1d\xd6\xf5b\xd7W\xafc\xaa_=\x98\xbev{\xf9o\x9e\xde\xe4\x1ad\xdd\xdd"5\xb9\x01\xba\x8d\x13\x81\x18(\tu\xb2\xed\xf8\x0f\x0b&lt;\xa4M\x08\xcd\xbb\xbdKg\x11\xd0R\x8d\x89\x8cM&amp;\xe7\x0b\xb5\xba\x01\xe5qVV\x16\x8c\xb9\xb7\xd0;\xfd\xe3\xc8\xc5\xba\xa2\xc0\xe8\xef\xa5oE\x88\xb1\x87\xbf\xf3\x12_si\xbc\xc0\xb0=\xadx\xf4\xd7\x0f\xa9\x9b\xe7`j\xf5\xc5\xb0)f\xdd\x17+\xbdq\xdab\xbbo\x97\xd3\x82n\x1b\xb3 \xfc|J\xa5\xca\x91\xccFX\x1a&gt;LR$R\xfd\x99\x86\xe29\n\x05T17\xe5\xe9c2\xc7\x93\xdc\xfe\xe8\x02uUZ\xa7u)0\xfe\x9d\xc1\xddU\x92\xc7\xb1U\xa8&lt;\x99\xc2\xbc\xaf\xf0\xa4\xae\x9e\xab\xf0]\x9d\xf6\xb7\x94\xd2\xe69\xd1o\xd3L\xeb\xfcZg\x95\xdb3\r&lt;\xea\x8e\xe1\x1d\xe6tS\xa0N&lt;\x99\xf4\xe1\xcb\xd2+\x05\xb9Us]\xa8\xeb\x0285\xad\x9d\xd3S\xadcd\x06\x8d\xcd\x18t\r4\xbb\'\xff\x88|T\xd2\x8b\xe9\xe6\xeb\x95@V\xf5\ng8\x10\xb76\xccR\xc5\x1d\x13U\x88\x89\r\xd6\x81\xf9\xa2\x99\xe3\xda\xbb\x9b\x0f\xb7\x99\x9f\x8f&gt;m\x83\x14\xb8;Z)\x86\x88\xd4\x10\xb4\xa3\x9d3\x81\xa3\x9d\xbe\x89G\x7f\xe6m$\xb7sL\xb1\x95\xc4\xc3\xd0\xb6\xe6wcjIQ\xb0{&amp;\xab\xecEI*7\xd6\xc0 h&amp;\xcd\xfaH\x1a\xff\xfa\xe8\xc5\x9b\xad\xae\nc\x8c\xeaa1`DRfG"q\x93\x80\x8b\x12\xfd\xecC\xb9\x9d\x86\xff\x99\x13\xa9\xe4\xe8\x15\xf8%F\xf6\xfa\x14\x03\xcb\xcf~z\xb5\xd6\xf8\x1cd\x00\x8a,1{\xd6u)\xff\xae"\xec\xd7\xff\xa1\xee4\xce\xe6\xc0,@B%\xc7C\x88\t4\xb7\xf7]1\x1a\xee\x7f!\xfb5\xb4\xcb\xc9\xfe3\x1e\xb8d\xb3\x8cW\x9a\rXQ'</t>
  </si>
  <si>
    <t>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</t>
  </si>
  <si>
    <t>b'\xb2\x0e\x02UP\t#\xde\xc6 \xf2\x9bG\xb8\xe6\xd5'</t>
  </si>
  <si>
    <t>f his exploit.
 On counting over this, Du Pont found, that it would be more than
 sufficient to carry them all to France, where he now determined to
 accompany Emily, whether he should obtain intelligence of his regiment,
 or not; for, though he had as much confidence in the integrity of
 Ludovico, as his small knowledge of him allowed, he could not endure
 the thought of committing her to his care for the voyage; nor, perhaps,
 had he resolution enough to deny himself the dangerous pleasure, which
 he might derive from her presence.
 525
 He now consulted them, concerning the sea-port, to which they should
 direct their way, and Ludovico, better informed of the geography of the
 country, said, that Leghorn was the nearest port of consequence, which
 Du Pont knew also to be the most likely of any in Italy to assist their
 plan, since from thence vessels of all nations were continually departing.
 Thither, therefore, it was determined, that they should proceed.
 Emily, having purchased a little straw hat, such as was worn by the
 peasant girls of Tuscany, and some other little necessary equipments for
 the journey, and the travellers, having exchanged their tired horses for
 others better able to carry them, re-commenced their joyous way, as the
 sun was rising over the mountains, and, after travelling through this
 romantic country, for several hours, began to descend into the vale of
 Arno. And here Emily beheld all the charms of sylvan and pastoral
 landscape united, adorned with the elegant villas of the Florentine
 nobles, and diversified with the various riches of cultivation. How vivid
 the shrubs, that embowered the slopes, with the woods, that stretched
 amphitheatrically along the mountains! and, above all, how elegant the
 outline of these waving Apennines, now softening from the wildness,
 which their interior regions exhibited! At a distance, in the east, Emily
 discovered Florence, with its towers rising on the brilliant horizon, and
 its luxuriant plain, spreading to the feet of the Apennines, speckled with
 gardens and magnificent villas, or coloured with groves of orange and
 lemon, with vines, corn, and plantations of olives and mulberry; while, to
 the west, the vale opened to the waters of the Mediterranean, so distant,
 that they were known only by a blueish line, that appeared upon the
 horizon, and by the light marine vapour, which just stained the aether
 above.
 With a full heart, Emily hailed the waves, that were to bear her back to
 her native country, the remembrance of which, however, brought with it
 a pang; for she had there no home to receive, no parents to welcome her,
 but was going, like a forlorn pilgrim, to weep over the sad spot, where he,
 who WAS her father, lay interred. Nor were her spirits cheered, when she
 considered how long it would probably be before she should see
 Valancourt, who might be stationed with his regiment in a distant part of
 France, and that, when they did meet, it would be only to lament the
 successful villany of Montoni; yet, still she would have felt inexpressible
 526
 delight at the thought of being once more in the same country with
 Valancourt, had it even been certain, that she could not see him.
 The intense heat, for it was now noon, obliged the travellers to look out
 for a shady recess, where they might rest, for a few hours, and the
 neighbouring thickets, abounding with wild grapes, raspberries, and figs,
 promised them grateful refreshment. Soon after, they turned from the
 road into a grove, whose thick foliage entirely excluded the sun-beams,
 and where a spring, gushing from the rock, gave coolness to the air; and,
 having alighted and turned the horses to graze, Annette and Ludovico
 ran to gather fruit from the surrounding thickets, of which they soon
 returned with an abundance. The travellers, seated under the shade of a
 pine and cypress grove and on turf,</t>
  </si>
  <si>
    <t>b'\xf9\x89\xe1A\x0e\xb5\xf6P8\xe2\x1a\x0eB#V_n)\x00\x88\xd2&lt;\xaa\xd6\xd7\x8cg0\x0f\xb1fw\xab\x89\x11\xfb\xb8\xacl\x9e\xfe\x05C\xec(9h6\xee%)\x06\xadf4\x1a\xc7s\x88\xec\xac\x83\xcd\xa5'</t>
  </si>
  <si>
    <t>f989e1410eb5f65038e21a0e4223565f6e290088d23caad6d78c67300fb16677ab8911fbb8ac6c9efe0543ec28396836ee252906ad66341ac77388ecac83cda5</t>
  </si>
  <si>
    <t>b'\xf9\x89\xe1A\x0e\xb5\xf6P8\xe2\x1a\x0eB#V_'</t>
  </si>
  <si>
    <t>it significant at the 5% level. These results are consistent with the generally negative
 assessment of the ability of forecasters to predict recessions found in the literature.
 In contrast, the yield spread forecasts are significantly more accurate than the SPF forecasts
 at three- and four-quarter-ahead forecast horizons. Based on the first-final data, the yield spread
 forecasts are significantly more accurate than the reported SPF forecasts for these horizons at
 the 10% level for all three criteria, and are significant at the 5% level in five of six cases. In
 Tables 1 and 2, we denote the yield spread probability forecasts that are significantly more
 accurate than the reported SPF forecasts with a dagger, using the 5% (two-sided) critical value
 from Kiefer and Vogelsang (2002). These results are qualitatively the same using advance data.
 These findings represent a remarkably strong refutation of the rationality of the SPF probability
 forecasts at longer forecast horizons.
 One reason for the relatively poor performance of the SPF forecasts is that they exhibit a
 moderate upward bias over the full sample, with a mean forecast error (actual minus forecast)
 of between -0.06 and -0.04. By comparison, the yield spread forecasts exhibit a much smaller
 upward bias, with mean forecast errors between -0.03 and 0.00. Still, this bias does not explain
 all of the advantage of the yield curve model over the SPF forecasts. Economists were also
 ignoring information from the yield curve in producing their forecasts for real GDP.
 13
 The finding that forecasters have not efficiently used all available information is also apparent
 from the results of standard rationality tests of the SPF real GDP forecasts, which are reported
 in Table 3. (These tests as well as more comprehensive ones are described in Corradi, Fernandez,
 and Swanson, in press.) Estimated coefficients that are statistically significant at the 5% level
 are indicated with a dagger. For these tests, we use Newey-West HAC standard errors with four
 lags. The dependent variable is the forecast error using first-final data. (For the four-quarterahead forecasts, we dropped the data before 1970:Q2 because of missing observations in some
 of those quarters.) The first two columns of the table report results from standard rationality
 tests. As shown in the first column of the table, over the full sample, the mean GDP forecast
 errors are not significantly different from zero. The second column shows that the GDP forecast
 errors are not correlated with the SPF forecasts. Thus, these two commonly used measures
 suggest that SPF GDP forecasts are rational. However, as seen in the third column of the table,
 the forecast errors are significantly correlated with the lagged yield curve spread for forecast
 horizons of one or more quarters, indicating that the SPF GDP forecasts suffer from the same
 problem as the SPF recession forecasts. Evidently, forecasters either did not know about the
 predictive power of the yield curve or failed to use this knowledge effectively in the past. We
 return to this issue in the next section.
 One potential explanation for the weak performance of the SPF forecasts is our choice of
 accuracy measures. It could be the case that forecasters use a very different loss function in
 preparing their probability forecasts, and other measures of forecast accuracy could give different
 results. Indeed, there is a large literature and long history of formal evaluations of probability
 forecasts, particularly in meteorology, with a variety of measures of accuracy. (See, for example,
 Diebold and Rudebusch 1989, Lahiri and Wang 2006, and Galbraith and van Norden 2007
 for discussion of these measures as well as other forecast attributes, such as calibration and
 resolution.) However, like the MAE and RMSE, these are symmetrical accuracy measures,
 weighing these false and missed signals equally, and would likely yield similar conclusions.
 As a robustness check,</t>
  </si>
  <si>
    <t>b'\xda\xc2[\xc1\xa0A5\xf6\xdf\xad\xb3\x9d\xd2_\xe2\x01i\xa5\x8c.\x862:\x9e$\xda\xbf\x1e;\xfc\x91\x12\n\x1f\x86c?/\xf1J\x7f\xdeI\xa9\xc8\xbc,\xeb\x91\x85\xc9\x1a\xea\xae\xc4by\x08\x03\xc7\x1a\xcb\xc9\xcd[\xd1\xaeR\x84r\xce\x04\xdd5}\xa8\xf2\xf6\xc3\x1b\xc6\x18l4\x00\x81e\xc8\x98\xef\x9f\x0bg\x8e\x81\x9f\xf9\x91\xd2\xb9K\x0cT.\xbd\xaf\xdd\xe8\xd9\xc6\x9e\xe4\xfc\x99\xd9\xe6.$\xfb\xc6R\xb1&amp;h\xbaL\x1c\xda\x88,\xb6&amp;\x04&lt;\xec\xf0j^\xe0?\x84c1Lg\x9e\xd3\x87\x06\x8bN\xe2\xb5\x0f\xb1\xb4\'O\xf6 \\\x1c\x15\x88\x92\ngn,@\x08\x0c\x186\xbc\xd8\x05\xe7\xa7\te\x1f\x9e\xd4E\xd2\xdd\xd80c^\x8c\xda`A=\xcf^$qt&lt;$\xfc\x01V\xbe[\xeb\xa1\xa8"\xf88LT\xc1\xf6\xf8d\x1a}\x05\xbf\xfa\xc8\xe7yI\xd1C\xdc\x17\xd42\x8e\xb1\x92O\x97\xeb\xca\xc4\x95\xd05"o\x14H\xcaf\xde\x81 \\\x18\xf7\xea\xf3\xcc\xb7\xd2\xa4\x0e\xaf\x97\xf4\x8b\xd3tH\xe4\x92qn\xe7\x80I\x9c\xae\x1elO\x8b\xe4\xe3\xf4\xc7\x05c\'BQ\x04\xf0\xe7\xc6\xb9\xa7\xd6a\xc2\x01\x14#p\x19\x7f\xcc{\xee\x0c\xe9\xfc\xc2\xf2\xa3\x19\xc8\xe7\xbb\xa1\xa9dd\xea\xd8\xae\xd8 \x7f\xf4\xbf\x9b\xff\x89X\x8a\x977g\'1:\xe4\x903&lt;\xc0\x90\x19^/6\x85\xf1\xdd\xd7^\t1@\xa6Jm\xfc\x9f\xd5\x14\xf5\xc6b\xfa3\xc0\x93fy/\xd9?\xb0(d\x96"\xb6\xb8\xc4r{\x9b\xfa\xb9_\xe0l\'\xa0@\xda\xd7^\xfa\xf5\x07\x85\x91a\xec\xa7\xd4\x9c\x98\xd6\xa1\xb7\xaa\xe3\xf7]\xe7Rw\x8b"\x83\x08aG\xbe\xc0u\x91\x1e\xd7\xd7\x10b\x15~\xe4M\xe8\xea.\xa4\xbe\x87\x8cH\x871\xe9H$\x00P(bw~\xc4\xd2\xf2\xb7\xde\t\x881y\xbcS\xf7M\xc1.p\xaeR\x0c\xfaI\x16\x80\xf9\xd3\xfb\xb6\x05Q\xb2\xd7a\xd7\x98\x94\x0f\xadXm\x01XrC\x1cY\xc9U\x05\xf0\xf5\xa3\xcb\x18\x1d\x9e3\xf4\xce\xeb\xd1\xbc9\xee\xa2\x1e}\xdd\x1bt\xa5\xe4\xa3\x1eh0\xe4&lt;{}\x03L\xa1\x91~\xa6\xad\xf4\x8b\xd2E\xcd\xda,\x1b:\xc4\x19R\xa5\x9e\x18v\x99\xc2\xb2V\xdf\x91\xa8\x1c\x9d\xbe\x9b%\xd3\xb7\x9fmC\xc0Y\xbb\x846\xf9/\x17\x07\x93\xf0\xec\xed\xd5\xbe\xc9\xa0\x1a%\x81,a8\x04@\xa53\x8b\xa693sF%\xd2\xba\x8b\xf4\x8cT\x88b-\xe4\xc9[\xc7\r\xea\x91\xd5\x0b\x06\x9e\xa9\x82\x14@\xb7azL*\xae&gt;\x10\xb4\x8f\xfe{\x98iti\xbd\x03S\xb3S/v\x1d\x7f\xbaS\xf8\xf3v\xdb\x9aK\xb0\xe9\xa4\xb7\n\x9bI|\xc0U\xf1\xd2\xfbY\x92\xe3\xe4\xc0\xf5\xf3\nv\xf8\xd7]\x05\tT\x8axXQ,GW\'\xa8\t\x80\x04\x91\xed\xea\xf6\x855\x99v\xc31\xd7X\x1a\xe5\x84\x9e\x9f\xe0r\xfb\\\x06\xc1S\xbf\x1b\xc8\xbbhN\xda\xe0jp\xba\x06\xa0\x9d-\xa5S\xcc\xdeh\xde\xf4oi\x9d\x8c\\\x89&lt;\x19\xb5\x19\x04A\xbe,\xe4G\x88\xc2m\xe67\xdfV\x06\xc6\xd7@\xcc\x13\x89\x02\x8dNW\x8a\xaf=:\xea\xebO9MA\xa4!\x0ek\x8c\xab\x19\x8e\xb2\xd8!\xfe\xcd\x12\xe9\xd0P\xfa\x9bK\x95\xed\xe65\x8d\x9c1\x7f\xed\x99\x10\x14`L{V\xd4\xa7]\x13\xd8\x96\xfa\xa8\xb7.\xe8\xe2\x8eZ\x1b\xdf,\xa2B\xd1g#CYX\x05\xd4\x80\x84dZ$\x16"\x1e\xc1z\xa8l\xb7\xb2\t%El+\x95\x15I7K\xba\xda\xc52\x17\x0e:kJ\xf6\xdb$4\xfe\xcb\xf7.\xa4\xe1\x1a\x81\xdeI\x8a\x0b\xe7\x18&amp;-\x19B&lt;\xafQ\x151_\xff\x7f\xe3\xba\x8d\x80\x96\x19\x8f\n\xcc\xf1\xe4?\xf0\x07 \xa1\x9c\x13-\xb1\x1ec1\xa5\xe2&gt;\xc7\xfa\x94\xa1&amp;\x8c\xa7\x11\x7f\x04F\xb4\xf8\x97jIm\x12\xb3Y)\xda}\xe9\xbam5\xe3Pa\xcd-\xb8\xbf\x9a\x0fq\xe6\xb6\xb3\xe2\xb1\xdd\x97\x9b\xeb\x0b\xc7[\xba\x91@\x18\xe9\x90\xb33\xee\x90un\xa9\xdc\x9d\xccm7z\xe9\xee\xcb\xdd\xa5\xf3\xcb\x85sD9|\xf7\x18\x7f\x18\xb7\x1d\x85\xc9\xc0\xb8\x96\xc4\x06\x14i\x12x{K\rT\xfd/\xd6e/F\xd4`\x9d|\x0b\x126\x96f\xf4\x9cn\'-\x9d3\xe9\xa5\x03\xc6z\x06\x90\xfd\x13YV*&lt;@\xd9\xfb\xb7B\xa6f\xd6\xab.\xdeJ#\x99\x86\xd6\xa3\xfc;b\x07\x93Sy\xdd\xc5\xf7/\xb0\xb4\x84RQ\x10\xa9\xab\x85%\xf2sq\xdf\xee"\xbf\x86o\xdaK\xf2\x1b`M)K\x15&amp;\x9d\x8dm\xa5V\xe7\xd0\xf7\x9d\xdc8\x99"\x1d\x11\xd5\x8e\x19g\xfa\\xwV{\xa9\x01x\x95\xb5\xee\x91\xcf\x83O8\xaav\x04\x17\xdaJ-\x8f_\xfc\x98\x14P\x9c\xcb\x11F\t\xf0\xfc\x89e\x98$\xc0\x86\x97\x01\xba\x99l\xd0\xcc\x9dI\x12\xf8I\xb4\x98\xe7\xca\x92\xbc\xd9\x15\xd6\x1a\x84\xa9\r\x03k\xfd\xd2\x8bs]d\xf9\xce\x1cG|\xc9\xcd\xc5\xdd2\xdfg\x1cZ\xae\x94,j\xa3\x1cef\xcb\xd7\xda\xfbh}}\x0fK|.%\x97\xbc\xf4\xea?9\xf6l\xcb\x14W\x99\t_u+\x90\x7f\xfe\x0c\xf7\x08%\xf0\xeb\xfd;b\x0e\xde;\x1d\x86M\xb59e\x9dn\xf8k\xb5\xf8\xd6d\x9d\xc4\xfa\xfd\xbf\x1e\xf0\\\xfe\x04+P\xc1\xc9,\xcc\x99\xe1$C-\x9c\xf60-\xa1\xee1\xa9y\x93\xf4\xa8\xc1Z\xcb\xbern\xdeo\xda&amp;P\x96|s\xeb\xbaDA\x87\xac\n[\xf5\x86w\x85!\xcc\x0c\xe8\xfa\xd3z\xfb\x12\xfd\x8a\x8f\x00\xdbjGI;\xef\xa8\xeb\x94\xd0\xf4\x80\x05\xd4Exf(\x95H\xd1\x96\xb4\xc0\xeb\x87\xa0d\xfe\xfb,q\x17"\x94\xdf\x9f\x03\x8e\xe7\xd5\xa7a(\xfe\xa5jM\x04\xe7\xb7\xf3\xac\x17 O\x98\x04j\xd2\xfeI\xe9\x01\\\x15\xaf\xc0\x86m{\xe70\xd1\xe3\x85\x9c0\x12\x1e\xe3(l\xf4\xaeUc\xc2\x9ev8\xa2\xf6,\x9b%\xce-T\xedw\x9c\xfap\xca\xff"\xa1\xfd_\x9eP\xeb\xfb6\xc0\x88\xda)\x86\x07UR\xd0 ^\xb1\x017\x15\xf4(CCx2\x87[\x99\x8bj&amp;e\xd7#7{\xa1\x1f\xbd\xb4\xbe\x97\x8fo\x00\xda\x84_\xbc\x06n\xcb\xeb\xae\x8c\xd8\xbe)ti\xae!\x0e\x983\n\xe7\x0f\xa8\xea|\x04S\xec`\xd4\xcc\x10\xef\xf1\xa0\x154\x85|\x12\xec\x82\xfd\x85\xdc3\x93\x8f\xfd\n\xa6X\xeed\xd1Q\xf9_\xb1\x193\xa6\x13\xa5\xfa\x9e\xbb\xf20\x8b`\x81\x7f\xfdR\x9e\x7f \x90\xc2\xe3"*\x81\xcf\x9e!\x8flM\xd0\xcb5\\it\xb5\x1d\xa0\x81\x98\x95=\xf1My\x98\x9f\xe1\x9e\\\xcf\x8d\x9c\xf7\xac2\x9d\xe4\xbbS\xcc\x1d\xda\xfbG\xafO\xd3\x9c\xa1\x03X\xa5\xad\xc8\xae\xff\xff\xfd\x9bor\xf6\xae=\x01L\x9b\xfb\xf7\x04\x85]*\x11,&lt;5\x86\xa9-\x0e\x8a\xfc\x00\x00$\xefT9.}\xc1\xeb\xee\x80&gt;A\xb45\x1a"\x92S[\x14\xe4;\xfb`\xfc\xd6c\xde 11\x18\x90\xb5\x0f\xad}\xe1\x16=[\xdc\x9eH:\xd8\x1e\xcd2\x05\xebS\x8c\xa2\xe5g\xaer;&amp;\xcf\x02\x88\xd0sk\xcf.`b\xc5D\t\xd4\xe4\xf7\x9e\x11\xa5d\xa2.\xdc\xe1\x06Q\x9cS\x9c1\xc5x`\xc1\xbf\x85\xf9*\xee^\xac\xc7\xb8\xb0J\xd2\x19W\xdd\x13\x06\x94&gt;&amp;]\xa6\x02=\xd0\xc4\xce\x15\x06\xcb\xc8\xfc\xd5g\xd1\x16:\xe6\x84E\x90~\xec\xb9\xe0\xf3\xa4\xd3\xaaTo3\xc1\xfe\'\xc0\xe8\x02G/\x00&gt;\xc1gN\x89\x8b\x8e\xce-\xfc\xa6;n1+9\xb0~\xd1\x9f?\xf1\x84\x04\x06\x1ah\x06\xf4[P(\xf8\x10\xaa\xd0H\x04\x1e\x1e\x07\xc4\xcd7\x95\xdb\x7f\xa7\xbf\x13V\nvX\xc0M"\xc3c9\xb5k\x00\xd5\xe9\xd1kh,\xc6\x98v\xa2\x7f9\x93jmw_\\+\x12\x07}\xd9\xf9\xefo\xed\\\x073\xe5\xf7\xefo\xc3d&amp;\xdaR\xc6~\x8f\x11\xdc\xff\xa1\x03&amp;Q\xfa\xc9\x12U\xea\x04h\x7fZpO\xcaN\xa4\xa2\x8a\xa0\xf9\xa3\x8b\x0e\x83\xa2\x7f\xf9\xf7\x16\x87G.2\x85\x88o\xea\x0en\xc0&gt;\x89_\xbf\xb6\xf06=\xba\x08&gt;\x01\x96-\x11(?.\xb7\x94`k\xe1eE\xdc\xadV1\xb9\xa5\x02\x08wZ\xf0W:$M]D\xd3h\xb0\t&amp;\x95\xc1T\xee\xf3\xfa\xdb\xbe\xb1\xe1H\xc8f\xf3\xeaM\xcb\xcc\x8e?\x15\xb8*\xae\xe5\xd2\x7f\xc0\x11\xe2OH\x8c\x1c\x85\x8a\xf7\xb5\x7fK\xc1\x85\x10\xeeg\xb8\xfeOzi\xfbd+\xd1\xf0\')VoD\xd4O\x9a\xc8\xc1\xa4q\xf5l`^l:6\x92\xaf\xaa-&lt;~\xa1\xa7\x0f\xf8\xb4U\x11\x8b\x12\xef\x11?Z\x1e\x0emu\xdb\n4\xfe*\xd4\xc7\'2\xeeIX\xaa\xf1m\xba\x86T}}\xdcd\xf6\xc6\x16\xbb\xea\xb8Q[\xea\xc9\xb2\x830t\xeen\x00\xd9\xcaQ\xcan\xd7%\x19\x12\xaa\xa9\xd0\x12\xda\xf48q\xd6m\n\x13&gt;\x9c\xdd\xb0A\x7f#\xa58\x8a\xed\xa8(\xadb\xbc\x126\xba\xc6e\xd4\xf0k\r2\xdd\xcdkK!\xefl\xc4wB\x83\x1e*\x1c\xfbOz\xc53|E\xe7)[\xae\xfcr\x9d(X\xbf\x02\x13\xfe\x91\xf9\xdb\xe5\xa2\x817r\t\xb7\xd7\x0b\xf4/2\\\xb0\xd3.\x99\xac\x1eI\xf2\x98\xd4\xf6k\x831\x8fD\xad\xf6\xa1\xd1d\x11&amp;\xaa\xe9\xb8\xbe\x19\x8f\x9eY\xbe\x7f\xdb9x+\xe0&gt;\xa7\x15i\x04k\tx\xcaE_,\xf1z\x14)5f\xb9(\xd8r\xba\xd0\xc9\xbd|.\x05\x93\xe0K\xd9\x1bM\xc3C}~\xdf\xf3\x12+\xac\xffb\x1c\xd2\x99L\x1b\xed7k\x01\xfe\xb2\x9e\x91\x10\n\xc4\xe2\xb0\xa69R\xb8\x87\xd1\xd2\xb1&lt;\x07\x91\xce\xe2\xccT\x9b4\x02x\xbdE\xf3\xcata\x17\xfeW\xdaq\xa3]\xc3\x1b36\x8c\x1b|\xb7\t\xb25\xb5#\xa8\xbd\xdeB\x9e@\xef\xc3.\xf3\x8e\xf6\xb5\ra.J\xad\x1a\xff\xa5\x12{\xf5\x16\xb2j\xb4d\xe2\x7f\x816\xb1\xa9"_\xafz\xe1\xbe\xb7\x01\xc6\xf3\xedW4\x00:\xd5\xb2\xd3\x88\x8d\x96%\x01\x005\xeck\x15]\xcb\xc9\x04\x8e4\xd7-\xcfs\x18Y\xc0\xa2\xff^\xfa\xc8\xb9D0J\xb1\xdd\x0e\xd4\x91\xc5\x9c\xadR&gt;\xd1\r\x1fQ\xe1\x8d\xf9\xf6\x9b\x95]"\x83K|\x078\xbd\x14\x974\xa2\xa3a\x99\xcd:\x99\xd4\na\x07z\x07\x96\xad`y\x81\xdf\xf0Vma\xdc\xf6\xd8c!\x87G\x99S\xee\xfe\x99\xb7KNQ\xdc\xb9Y+\x07\x15\xc8_E\x87\x15\x9em\xb2\xcf\x9b\xd2o|\xa7w\x07\x95\x13\xaa\x8c[S\xa2\xb0\xc8&lt;\xda\x95P`P\x83\xc2\xa1\x8d\xb3{\x1bn\xa2\xa9.\x8eg\xf8!\x83\xc2\x86\xcdz4\xea];\xe7kM\xd0_t\r\xe6\xe3P\x87\xf3\xd7w\x891\xa8%\x8b\x1b\xc3\x15h\xeb!\xc5)3\x14\xb4y\x83\x0e7\x9b\xf2\n*\x9c\xd8\xacr\xf1\x93\xbb\xfc\x90\xc7\xf4\xf5\x8a\x16\xa0p\xe8\x08\xd9\xd9\xe1g\xb6Z\x1a\xae@\xf2\x03D\n\xe6\x8a\x9f\x8350\xa1\xa5\x0e\x87"\xff\xdb\xec\xf21w\x0e\xae\xa9\xc3\xbf\xf1\xd2\xdf a\xe0\xd90\x94qb\xb7\xb6\xad\x96\xf5fD\xb8\xc3c\xe1\x0e\x02Nf\xc7\xe1\x1f\x15\x83\xc7\x86eE\x8d\xc2\x88\xe7\xb86\x1aw\xf8~\x9a\x07z\xd4P8G4\x08Q\xe2\xd1\x97\xc1I\xec\x95\x82G3\xb8i\x85+\xe6\xe0\x82\x7fk\xfd\xaf\x98}\x85\xa0 d%\x06\xb0\xb8\x08S\xb3|!\x1f\xb8iXq@\xa0h\x9d\xd7\xce\x9c&gt;&lt;_u\x980\x06I\x08!s\x0bV\xd4\xa3{\xedX\xc0 \x8e\x8f\xb1c\xbcW\x01\xdfA\xbb\xd6\x81K\x91\xc1\xde\x8e$\x88\x15\x11\xff\xe2\x00\xbeT\xf6"H\x9ds\xa2\x10\xeeu\xcfiY\xb8\x99\xb3\x0f\xaa\x16\xd5C\xce \x12\x0fcMH\xfc\xfd\x86t\xcc\xb1n\xbd\x97\x01|w\x9c\xe4[\xa1&gt;\xb0\xa7\xd7F\xf1\xb58\xdbOu\x97-\xa4\x0cu\x94C\x9e\x82\x87F\t\x19-c\xaa\x10\x18\xac\xe3)/"\xf4$0\x92\xd1\x8a\xdflv\x8d%\x93\xd7\xbb\xf3!\xb0\xf7\x94\xd6y\r\x1d\xcf\xbd\xd503\x85\x91\xe6C\x87\x1d\xc7\xb9\xe3^\xce\\\xe6\xf0z42]\x05\x17\xb7l|\x9332\xa5\x94\x80\xa8\x9c4ko\xcc\x82\n\xbf\xa3\xc3{\xc3\x1b\x91\xa4\x1a.V\x053\x9e^\xb7\x81\x81\xe0\x19\x8fy\xb5\x94\x94\xf5\xa3\x04\xca\xa1\'v\xd0M\xb0\x10\x95\xb2\x0b\xeb\xe9\xd9\x81\x10\xdeb\xc9\x00\xaeg&lt;B\xc9z\xd5\x00q]V\\\xf5\x8e&amp;K[)\xf3_\xcc\x1e\x9f\x1f\xb6X\xdcN\x08\t\x93^\x8e9\x82\x94_\xd6\xb3\x9b\x0bI=\x0c\x1e\x87\xaa\x08\x8d\x8aCX\xff\x1f\xe6\x05&gt;\xe2\xe7T\xe5\xb3\'\x03,\xe7\ty\xd1N\x9a\xa3}\xc2&lt;\xb0\xa5\xdb\xc6g\xe6\x99U\xa6.\xfc$\xc4\x99\xf2O\x08!\xb3\xa6\xe3\xcd]\x90\xef\x84xp\x9c6.\xad~v\\\xc6\'\xf06\xf3dM\x88R1\xe0\xb2\xe0\xda\xaf\x83\xdcD\xc3u!q\xff\x14x\x88\x19\x03bnV{\xe4\x10\xb1\xa9Ne\xbbH\xea\x14\x7f]\'\x17\xec\xda\x8b\xd2n\xdf/i\x0f\xda\xde\x86D\xa4\x90a\xcf\x82C\xefp[\xa3\xa7\x0b\xe6\xb8Y\xadKB\xd9\xd7\xfe\xd5\xba\xcb\xd0\x82\xc5\xf5\xd6E\xd6HN2\xadNG\xa7\xc8\x82 \x84\x12{\xc8\xdb\xfbV&amp;h+D\xbeZ\xac\xb0\x01\xaa_c\xa7\xdd\x8c\x11\x98$z\x0e\xb4-m\xff\xfe\x11\xa6\x93h\'d\x87\xd5\xfd5;\xc0\xc1\x91\xa3\xc0h\x0c\xcag\xc1\xf8\x89f\xda:$\x90\x0b./_O\xd5M\xee\x1d\x89-\xe3\xaf\x8b\xe1co\\\xda\xd4h\r\x06\x1a\x0cQ\xc2\xcf\xa7\xcc\x96.\xac\xdc\xd9\x91\x99\x9d\xd1;k\xf0E\x03\xb9\xa5\xe53\x0e\xaa\xc6\xe6\x9aj\x04\x14\x9b\x81\x0cP\x90hF\x17\xdfm\xe5HL\xactS^.,\xcca\x9b \x17\xcd\x7f5\r\xa4T\xe83\xb2\xa9\x8c\xd6\xc2\xcc\x8d\xf5\xfa\xe8~\x88P\xa7\xaeq\xea\xd7\x14\xe6[P\xc1\xe8\xe5Z\xd1\xeecQ\xf7\x06+}\x93\xef\x85\x9e\xd1\x8e+\xca\xc9{\xfb\x87\x9c\xeet\x11y\xc8d\x94\xe0,&gt;\xb4\x9f\xe5\xc5\xe7\xeb\xaax:\xce\xeb2.\xbd\xddrNQ\x11KR{\xf0T\xb9\x95\xc4\x86\xe3?f\xe2&amp;\x97\xe4\xf5\xc8\x12\x8c\x9e8\x1a\x16\xc9\x10\xa4u\xa6\xffi\xa6\xae\x05\xc0\x83\xdbe\xe4\xcb\xa5\xac2\xc6\xbfE\x8d\r\t\xfb&lt;E$\x19\x0fe\xca6sa\xd92\xbd\xe5R1FA\xa2jq\xf4R\x7fYn9\xdd\xbf\x92\x1f\x81\xb6^\x8e\x11"\xfc\xab\xd5\x1a\xef!\xbe2\xc0\x9d/\x9a\x95e\xdd\xed\xf5\x15V\xd8\xe6S\x9e\xba\xe0Zz\xdc2\xbe\xb4\x85M\x10\x8a^g\x00C\x82q\xf6\xff_\x93\'\x82M\xef6tL\x80~\xa3\xc0\x00\x1e]\x99\x02is\xfc\xa2\xe5\x96\x99\x85\x0c\xfe\x99\x9a\xedb\x1dG\x14\xa5\xa3-\xa39Y\xde\x90s,\xeeTOqvm=\x9c\x17N\xecU|\xb0P;Hz\xc9:|\xf7\xc0g+\xee\xc0\xbf\x82H;\xea\xf1(=\x98\xc0\x82\xb3T1\x99)B\x8c\xe6\xc1\x06U\x89\'\x00\xa4\xb4\x94\x08\x04\xb5\xcf\xe0\xf2\x14{\xe98\xaa\x01e8\x88\x05Q\xdbW\xb2\x01G\xc6c\x8d\xd9\xb2\xc8\t&gt;\x8e\x06Q\x02\x9a\xcaSK\x8aUH\x08P\xf3:d\x96\xaf\xe9\xb5\x9e:e\x0c\x9aV\xbb\x81+\xb6P\x94\xf9\xe1\xd4\xbbM\xc2\xfc\xcd\xdd\xdbC\x8b\xf4\x99]\x81\x0b\x83\x1fP\xfd\xed\x1a-\xdc\x1eU\xb5\x1f\xd2:\xb2\x82\xc4\xba\x8a\xe5\xc2\xad\xfc\xdb\xb1_Q\xe1\x8fT\nUTTla*\xfc\x1a!y\x94*\x812w\xbc\xb7x\'\xf2 \xc5dvA3\xc9\xa2\x82C\xb76\x10P\x8c\xc6\x82VX\xf34S\xe5u\x8ca`\xe7\x8d(\x9c?\xd2\xce\x84/\x03\xc9JS\xebt^X\xbd\n\xdf[Nt\xb3)\xa7\x08\xcd E\xef\x950\xa7HP%K\x9dK\x0b\xe2\x13[\x8f\xf3\x82p\xcb\x88\xaa\xcc'</t>
  </si>
  <si>
    <t>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</t>
  </si>
  <si>
    <t>b'\xda\xc2[\xc1\xa0A5\xf6\xdf\xad\xb3\x9d\xd2_\xe2\x01'</t>
  </si>
  <si>
    <t>in government saving. Conversely,
 governments that lower their deficits through higher taxes (thereby increasing govern_x0002_ment saving) will induce the private sector to lower its own saving. Qualitatively, this is
 the kind of behavior we saw in Europe in the late 1990s.
 Sp - I
 G - T
 European Union (percentage of GNP)
 Year CA SP I G - T
 1995 0.6 25.9 19.9 -5.4
 1996 1.0 24.6 19.3 -4.3
 1997 1.5 23.4 19.4 -2.5
 1998 1.0 22.6 20.0 -1.6
 1999 0.2 21.8 20.8 -0.8
 Source: Organization for Economic Cooperation and Development, OECD Economic Outlook 68 
 (December 2000), annex tables 27, 30, and 52 (with investment calculated as the residual).
 306 PART THREE Exchange Rates and Open-Economy Macroeconomics
 Economistsâ€™ statistical studies suggest, however, that Ricardian equivalence doesnâ€™t
 hold exactly in practice. Most economists would attribute no more than half the decline
 in European private saving to Ricardian effects. What explains the rest of the decline?
 The values of European financial assets were generally rising in the late 1990s, a devel_x0002_opment fueled in part by optimism over the beneficial economic effects of the planned
 common currency. It is likely that increased household wealth was a second factor low_x0002_ering the private saving rate in Europe.
 Because private saving, investment, the current account, and the go</t>
  </si>
  <si>
    <t>b'0E\x02!\x00\x9cLMh\xf9K~\xf4\xa2`oq\xdd\x80\x9cfB\x13Jn\x98I\x0fu\xb8\xb9C\xc3D\xa7|j\x02 \\\x82:\x90\x96\xa2\xb6C\xf4:\x9c\xed\x0e\x1a\xfazxH\x92\xb0\xd1\xe8\x85\xff\x82\xdf\xa9n\xe9\xa0o\xdb'</t>
  </si>
  <si>
    <t>30450221009c4c4d68f94b7ef4a2606f71dd809c6642134a6e98490f75b8b943c344a77c6a02205c823a9096a2b643f43a9ced0e1afa7a784892b0d1e885ff82dfa96ee9a06fdb</t>
  </si>
  <si>
    <t>b'0E\x02!\x00\x9cLMh\xf9K~\xf4\xa2`o'</t>
  </si>
  <si>
    <t>swallowed up when bigger players came onto the scene selling
 spatulas for 50 cents cheaper than they were.
 As that landscape changed, people started complaining it wasnâ€™t â€œeasy
 anymoreâ€ or that the opportunity on Amazon was gone. Well, yeahâ€”like
 anything, the puck had moved, but new opportunities continued to open.
 Hereâ€™s the truth: If you are building a business online, you have more
 opportunities than ever before. When Amazon was a Wild West, there was no
 Kickstarter, which makes it possible for you to fund your business with
 nearly zero dollars. And there was no Instagram, which makes it possible to
 put your product in front of tens of thousands of people in a heartbeat. Weâ€™ll
 cover all these opportunities in future chapters. For now, just know that there
 will always be opportunities, and we are still only in the second inning of the
 internet business landscape.
 Furthermore, there is always a demand for good products and good
 brands. I mean if Folgersâ€”objectively crappy coffeeâ€”can continue to be a
 billion-dollar brand, then there is opportunity for you, too. The landscape will
 continue to change, and competition will always be a part of the process, but
 you can still win, especially if you put these steps to work.
 Why Old Brands Buy New Ones
 Kimberly-Clark is a huge, publicly traded company that specializes in paper
 products. They cover everything from personal hygiene products to family
 care. You probably know them as the parent company for Kleenex and
 Cottonelle.
 Now, if you were the CEO of Kimberly-Clark, and you wanted to sell
 your products as they did from 1975 to 2006, then youâ€™d run a bunch of ads
 on TV. That was where the media lived; that was the best way to reach a
 wide band of customers. Kimberly-Clark handles all its manufacturing and
 distribution internally, and no other company can compete with that.
 But today, the game has changed. Especially for the big brands.
 A student named Norm can build a seven-figure business selling party
 hats from his dorm room now. He can pay someone overseas to make a
 product specifically for, say, a Batman party. Then he can directly market to
 parents holding superhero parties for their three-year-olds. If Norm continues
 to expand his business, a major paper company might come calling. They
 will see that Norm has a tiny monopoly on paper Batman hats, and they will
 want to own that distribution.
 In fact, thatâ€™s the strategy most of the big brands follow. They buy other
 brands to expand their market share.
 It used to be that big brands owned everything. It was impossible to
 compete with any brand because they owned the distribution and the
 advertising. But the internetâ€”especially Amazon, Shopify, Kickstarter, and
 Facebook/Instagramâ€”changed all that. Now itâ€™s possible for small shops to
 quickly hit pay dirt. You just need to define your space and build your
 business for a specific market. The monopoly on distribution is gone.
 As a result, one- and two-person businesses can start selling a handful of
 products on Amazon, Shopify, Kickstarter, or social media, and outsell the
 big brandsâ€”at least to their target customer. That creates opportunity for you
 to get your name on the board in this game. But itâ€™s more than just an
 opportunity for you to build a business. Itâ€™s also an opportunity to get noticed
 by the big brands and bought out by them.
 Why would a big conglomerate like Kimberly-Clark or Procter &amp; Gamble
 buy a small brand like yours? Very simply put: because they canâ€™t innovate
 as fast as new companies. Theyâ€™re too big and unwieldy. Itâ€™s kind of like
 when Facebook bought Instagram, or Twitter bought Periscope. Facebook
 bought Instagram for $1 billion when it was just nine months old. Why?
 Because Instagram grew so quickly, it was easier for Facebook to just buy it.
 In this new marketplace, instead of building a product and trying to sell it
 to a business, youâ€™re cornering a market for that business to</t>
  </si>
  <si>
    <t>b'\x9e\xef\x87\xe7\x04\x04\xa2L\x9au\xae\x8fin.\xa1S\x19\xf3\x04\x02\x1c\xd4\x97\x8c\x8f&lt;\xab\xcd3v\nkp\x9b\x8f/\x83\xe1\x05l\xb9j}\xa6\x08d8e\x8c\xac\xa4v\\\xac\xcb\x1d\x02\xb1\xb2}\t\x12\x0b\x8e\xa8,\xb6\x92\x05\xd6W\xd2jn\x8c\x04\xfb\xc7@\t\x896\xe52\xfaE\xf7U\x83\xc9\x9f\xd3\xa4b\xd8g\x9bI\xe4&amp;\xde\x17\r\xf02\x92,\xf9\xd1}\x89*-\xb17\xdd/t\xa4)OvZ"}\x1b\x80\xa9*\x08&amp;\xfa:z\xf0\x10\x8e\x97\xac\x84]\xf3\x1b7U\xf5\x0f\x1b@\xc1\x0c\xb5\x05\x1eV\x93~\x1f\x19;\x8b\x0f\xb4\x1e\xe8\xdb\xdb p\x04\x9fy\xad\xcb?r\xed\xe0{Y\n\x05&amp;\xfaM\xd4e8\xad\xa4\xee\xfe\xbf]\x17\xf2\x84\xe8\xc2\x9a\x19\xa8\xf4\xc3\x92\x8d\xe57\xcabE\x14[\xfbJ\x1aD\xbf\xdc83J\x7f\x03\xa3\xe5\x0b\x0c\x80&lt;_\x05\x1c\xda\xdd\xb0p\xaf\x9fQ\xccR\xc2\x07\xb5\xa1\x8a\xbb\xee\x9f\xd7\x81\xdf\xf5\x07\xeaf\x1a\x87b\x01\xe4zi\xac\xcb7\x15 V\xcf\x13-/\x90\xb7\x8c\x8cxU\x9a\xb0F,\x9b6\xf2\x90Q\xe4\x97\xde1$,}\xbe\x7f\xf2@\x95\xd5Gv\x82\x9c\xd3~\xbc\x00\x7f\xde&lt;_\xe5g\xdf\xae:h\x10ju\x99\x82\xd7\xdf\xd6\xba\xc9\xb6\xa9K\x8f\xf1\xa7uW\x96T\xef\xa2\x08\xda\x05B\t\xac\xf7C\x854\x97w\xd3\xfeW\xe1\x07\xa6\xd2\xd6\xd4\xce\xe5\\2\x05H\x16\xc8\x82\x06=\x1f\xdd\xb8v\x06%p\xd6\x07\xc8n2\r{Q\xa26\x18\xc8\x8d\xb0\x06`\xf5\x1d\xfa\x85\xaf\x1f^\x0c\xd1\xc2\x8e\x932\xd0\x11\x96\xd0)v\xd4\x16\xdbE\xf3|\xb6A,\xffX\x88\xe9!Z\x15Q8\x15\xeeau\xf2\x07\x85\x89T\xc2w+\xe4{x\xa4\xfd\xb1v\xd1=\xbf\x1cES32\xe2\x17g\x93\xd3\xa9\xeaP%\xb4\xd6\xa7~\x89\x91\x9a\xdb\x90\xea]\xf0p\xc7u5jB\xbfAxD \xf4s_\x88$ &lt;\xdeb]\x06\xb7\xc5\xc7\x9a\x84\xff\x08\xb9\xe1\x04\x17\x90F(ww\x16.\x1d u0y\x8f\x95\xefO\x19}%\xda\xff\xfa\xf6\xf7J\x9f\x9aKT\x17\xf5 B\rZ?\x86`/\xd2\xb7\xa0kz\xde\xa6\xf8\n\xe6\xb1x1\x1f\xdc\xcc\xe7\x00y\xcb\xdd\xed\x8f]\xb8\x16d\x1e\xcfc\x05&lt;\xce\x1e|\x82[W\x1e\xeeHBQ\xb1\xfd\xe6\xa87\xd2S=!p\xec\x99\xcd\x96\xfe\xe4\xef\x1b\xcb`\xdc6u/\xf5\xf7\x17bA"\x1aM\xac\x8a ^\xa5\x96\xd5]\x12\x7fTp1M:\xd6\tf\xe7\x97\xf3i\x8f\xb81\x8cE\x04\x82a?|\x9f(HIq|\x0f\x94\xf6s\xffA\x98O\x12\x99\x05\xb05tA_X\xd0m\x88\xaa\xda\x9b"b\xc37dDh\xa9W\n\xb2\xfdf\x80\xd5x\x81\xba\xb9&amp;\xbc\xfd\xe2\xc3\xad\x91K\x8f\x89\xf1\xdd\xd1\x95\x95H\x96r &lt;n\x03\xa7\xa3U\nw\xd5dP\xd7%AU\xec4:gV2\xa4\x08\x03\xd1^\xd3\xa0\xd0\xb3_\xd4\x04\x85\xc4\xd3#\xdb\\\x14\x82n\x1d\xfbdN\x16\xd7`\xc5\x04X\x98\xed\x0b\xb0\x98$-\xe9\xcc\xb6\xa4\xba\xec\xd1\x05\xeb r\xe9sZ\xe1\xe8\xf7\xe6k7\xe9#\x1e\xfc\x9e&amp;\x18\x9a\xd7\xbe\'\xf2N\x108\x80f\x15\xb5\x1f\x80\xe2\t\xe5?\x9f\x84\xdf\xb4\xde\xd6\x17\xbc9W\x83*v\xf7s\x8f\xb5\xc5\x1b\x16\xb1\xa0\x13\x85\xea\x99\xd7\xe9\x82\'p\xcd\xb4\xc9\xd7\xf8y\xab\x06\xc2T\x91\x10\xd2o\xc4/\xf8\x7f\x16\xc6\xacT\xa3v\xd4B\x89\x04k\xe2s\rDq*?\xa8\xb2o\x9e\xf4\xa9\x85$N\xd4\xbax\x89t\xb6U?&amp;m\xa1\xaa\xb7f\xf5\xfe\xd4~\x0b\xdf\x98\xc8H\xc4S\xc4r0\xa1\x87\x96Nt\x1f\x91(\xc7g\x99&lt;\x1e\xd2\xf5X.U\x0b\xc9}\x96\xe9S\xaaZ\xa8\xc3\x9c\xf2\xdc\xc0Y\xc7\xca\xfd}\xd3\xc5p\xa9\xfd\xfd\x00\x9c$\xf7\x9a\xd3\xceaw\x95\xd4r\xf1w\xf9\xe5\x8b8\x86\xa2\xe5\xb2A\x02\x87\xdb\x0cR\x0b\xaa\x80\xf5\xce\x9a\x1c\x1eH5\x858\xd0\xec\xba\x1a\x05g\xab?\x9b\xd4aV9EF\x91\x1e\xc1g\xc1E\x14\xa1\xb6\x93M\x1cr\nq\xfa\xee\x890^vB4z\xcb\x9eY\x94?G\xe1HHO\xeb\x0b\xb1\xbck\ni\xd2\x9c\xed\xf00\xff\x01\x9cN\xe7\x15\x9e/PN\xca=\x07\x07\x83{5&lt;B\xb3\xa1Z\xcb\xdd_\xef\x8c{rs\xb7\xbfn\xb31\xb2C0\r\x8e\xa6\x1fG\xc5\'\xd1\x06\x9as1\xba2h\x8fg\xd5\xa1\xd5\x81"\xc1\x0e\xc8\xa4\xab\xe5J\xb3&amp;"i\x87\xdb4C\r\xc7\xfd\xf2&amp;\xc6\xa98\xba\xb5\xca\x18y\xd1\xe6N\xb3\x8d\x06\x05\xb7D\xed\x93\xca\x08\xf0\xd2\xcdFZ\x81\xc4\x96\xcaTl\xf9\x19\x9b\xd6\'\xb3\x87U\x18g\xb4\x95\t\x0f~+g\n\xbf\xeb1[\x02\xc9\x00\x9d\xean\xf6\xc1\x06\xef\x92~S\xec\xac\x1b\xd9\x8c\x03~\x9a\x81c\x8a\xf3\xb4\x9b5\tu\x9f\xbd\xa1\x19\x14\xf3\x10\xd6{\xfa\xd5cVjT\x16\xb8V\x99\x97@Z\xd98\xd6:\xcaj\xfat\xde=\xe4\xcb\xc9\x88\x92\xad-\x86\xad\xd5\xd2\xbd&amp;\xe7\xe8\xdb_V\nS\xc1\xd0FN\xeaZ\xcfi9\xf0\xdc\xb1\xf8\xf59\xd5K\xd9\xfc\xea\xb56\xfd\xa6g\xa39\xb3\x8c,*\x12W`\x91:\xe5\xc1\x84\xcf\xd4\x84z\x05\x9c\xb6\xb7/\x8e\xe7\xffv(Y\xa5\xb3\xbf\x81\x19G\xf0\xb8\x04j\xe7\xefQ3\xdd\x89\x047Q\xaf\xc4:^If\x87w\xb5\xa6ibY\x0e"l\x16c\x00\xe0\xf5\x1d\x12\xf3I\x08\xf6\x7f\x07%\x02\xac\x0b\x9c\xbb\xd7\xb7S\x11\xfc7\x98\xd0\xf1\xe5\x90\xcc[\x0e\x8b\x1e=\xf3\x0e\xa6[\xdb+\xc0\xdc\x8f)\x1b[\x1a\xb59&gt;\xc3d\xb8\x9b\xdb\x9d\rDgunG\xc2G\xb9\xea\x88\xe4\x83\xefn\xfd\xe9\x06\x83\xfd-Be\xbb\'vF\xefq7qI\xb3\x1ac*a\xae\\\x11U\x11\x05\xab\xda\xbb,\xb9A),\xea\x1b\x8b\xa6\xdc,\x05\xb3\xfc\xc3;\xdds/\xf9\x083:\xa3\xc3\xc9\x008\xcc\x85\x80\xdc_\xeazr\x04Z\nm\xfa\x16J\x19\xa4\xadZ\x17\xfc\x972\x8c\xb8\xe1?q\x8c\xe6\x83\xf0S\xdaIQ\xb9=4\xef\x96Z\xdd)+\x99U3\xe5V\xdb4F\xc1]\xee(\x89X\xee\x81\xd3\xeb\xa3\x9e\x8a\x06\xdb\xad\xf8\xb3rhc4\xf2\xd2W\xcbP\xce\x1b\x95\xdf\x7fQT\xe2\xa0\xc2\xfb\x19Q^;\xfa\xeb\xf6[n\xb9;\x85\xad\xef\x9ae\xb5Q\xd6\xb0\xef\xa1M\x0e\x07X4\xb5f\t\xbeD\x05\xfb\xb8\xd5D\xa5\x80\x92\xf9\xb4\xea\xe7At\xc3\xdb\x1e,\xb7\xfd\xe3\xbc\xc2\x1a\x9b\xb1\xb3a\xe0\x9c\xb6\xb1\xf7\x80o&gt;\xf2\x8c\xe3\xa8\x17\xe4\n\xc4\xc9Fpov:\xe14S\x89k&lt;M\x9e\x9a\xf9\x99T\xefZ\xad\r\x81WA\xa0\xd0\xe6\x9bk\x02\x03\x13\x98-\x1bc;)\xc3\xb7\xc7\xd1\x11K\x98DQ6`\xf0\xa9\xf7\x90\x8c\x053\xc0\xd2\xd9\x88\x1f\x89 \x8f\x89|\xbcdqt\x8e\x91\x03-\xefdX&lt;\'\xba\xe0e\xf1\xb6Z^\xe7\x87\x86\xf8{\xfc&amp;\xa3\xf8t\xb9\x18G\xcf\xc8\xb4\xa2\x99T\xae3\xe2@b\x98hv.)\xb8\x03\x04\xdeY\xd3\xe0eT\x10AR\xad\x82\xa0\xe7\xd5\x7f\xfbW\x1fb\x0f\xe8\xf85L\xf8\xb5\xac\x9a*\xd8F\xe0\xe6\xfdX\x96\x07\xd2\\\x9a\xd1\xbc#e\xab\x01du\xec\xff\xa3\x02\xab6{\xa5\x92:\x10\xc9d\x94\x91m\x00%\xbb(\x1bt\xaaN1\x8e\xddE\xdf2\xa7\xc3\x90\x0e,\\\xad\xe1\x1a\x91qK\xc5S8\x93"f\xd5-\xa85\x97\xd2r\x90\x7f\x8c\xe8\x07\x82;\xed\xb4\x98\xc8E\x82\xb9[\xe9D\xbbw\x1f\xd7\tz[n\xc8\xa1\x82\xd0\xfc\x16\xe2.\xe9\x0c\x8e\x19\xe6\xfe\x1d\xc9\xf7\x97\xc7\xa6p ?=9\xb0js\xe1D\xb4\x0c\r\xd2\xcej\x12G\xb9\xb6W\xa5g;\xa8\xa6D\x1e\x8e\xb5!\x86\xd0)\xdc\xc67$\xf5+)\xac\xe2\xf3\xf9v\xd3\xe5\x93v\x08\x84\xdf@\xb9f\t\xb6\xe8\x9f\x14D\x0cE\xc3\x94\xab\x9b\xd6h\xac\xc9z;\xb8\xab\xae\xc9{\xbc\x80z9\x8fCk5(\xe3\xe5e\xd5\xa1\x1a7\xd6\x9b+WYCY\x8dS\x02l\xce\xae\x12\xa9A+\x11d\xe8(U|\xd3\xd2\x02\x92\x95\n\x15P\x851~n+=\xc3 "&amp;\xcb\xc3\xfbaDW/\xb83\xba6\x0b:\x8e\xb6y\\V\xa21\x7f\xb7b\x00*:8\xb7\x8c\xbd\xfa\xf5:e\xea\xcfRp\xc5\x88\xc4\xf1\r\xa3?\x86v\xc4\xf1y\xdc\x03\xfb\x06c\x0bRW\xb7R\x0f\x00\xcc5\x0b~\xb7\x7fH\xbe\x18r\xe3\xc5\xaa\xfb\xfc\xcf\xa1\xc3\xe0u\x84\xa1\x94\xce\xfe\x06?X\xa1G\x8csb7\xe17\x02J\xab\x9bf\xc8v\x01\x92\xe80\x19\x8e\xf4\xf0\xedZ\'\x07h\x02\xe1*l\x1dN\x81\x01Q\x0c\x8cm\xb0\x1c\xf5\xb6mU\xb4qF\x8eFluT\x97\x89F\xcc\xcb\x05\x83\x12K\xc6:c\xd1\x01\x07\x01O\xe8v;\xfc\xe6,C\xc4\xef\x17\x98a[\xa02hD\x8bni!\xf7z\x97\xff\xa9\t8\r\xe2\x81\x0c\x0b=\xf0\xab\xd4ce\xbd\xc3m\x13\x8b\xb41\xbc\xeaC\xb0a\x19\xdd\xb7\xe2\xd1]V\xac\xc2\xc0E\xb4\x988d\xa5r\x0b\xf8[\x9ec\xe3\xf3\x02\x99fK\xf3\x1eK&gt;(`\x13\ru\xa3\x06\xd0c\xb6\x95:\x87t\x16\x85]&lt;\xcc\xda6\xc9\xe0\x1058\xb0\x95$\x15\xe6\xf2Y\xd2z\x89\xfdM\x81]\xb1\x8e\xa8\x9dz\xf3x07\xe5D\xaa\xf9^p"\xc4\x88\x97L\xf2\xe4\x13.\x8c\x14\x8d+\xe1\x0c\xdaq\x12\xd9V\xac\xaf=m\xde\x8f"\xfc\xfd\xa5\xa8\xe4\xe6&gt;\xfe@i\xd1\xe7\x0b\xb3\rO\xd7a\x9e;?\x1dD_\x1c\xd9\x96\x11WE\xcb\xbc\x84\xc6\x85d3\xf9!B\x92i\x9d\x10&lt;\x90\x13\xbaO\xb5(\x84!\x92\xba\x9b\xfb\x99\xc0\xdc\xa03bAQ\xdd\xf4\xb5c\xf3\x8c\x11\xe6\xc4t\xf9\xe9A\xda\xbc\xc7G,\xae\xddij\x07\x01S\xe7\x16#\xe5\xdd\xf4\xb5\xf4\x15{\xc5\xfc\t\xc8\x9b\xf3lq\xf6#w{\xb2R\xc4,\x8b&amp;S{m\xc80\xb8\x9cet\x9bE\n\xff^\rt\xd0Z\xackn\xf2\xf9\n\x8c\xdc\xe4):g\xa3^Q\x17\xa7\x04z\xa0q\x87U\xdb$\x9a\xc2K\xfb\x063!\xcf\xc9\x0c\x847\xb1\xca(\x15K\x19\xf6-\xba\xaam\x133\x93\xaf\x83\xc1z\rp\xcc\xddn3\xeb\x01d\xb4\xefn\xa9P\x81\xf3\x08\x11ZVhD-DB\xa9mK\xf6\xde\x0b\x8f!&amp;9P\xbe\x98)\x1eB]\x93(*\xb2\x0b\xda\x82\xb3;\x12H\x142)\xf6X\x8e\xfc\x89\xc8f\xf6\x06G\xa7H8\x15\xde\xf0\xf7\xcb\x08!\x92\xd14\x8d\x03s4&lt;\x10/\xcav\xd7\x04\xc9\xec\xa1z\xec.\xab\xd3\xb4\x1a\x8e\xc6cb\x0f\xe0\xf9\xc7\xf0\xb2\x85\x19PlW\x9a\xaa+\xdcz0\x00\xe8j\xc9\xba$\xff\xf3\xaf^\x1f\xc0\x8e\xe1(\x0c\xce\xa25%t\xd4\x95W&amp;\xe0fQ\xeb\x15\xa2vIU\xc9\xf6\xff\xd4\x03\xf5\x90\x8c\'\xec\xa2=\xc4\xbf\xce Q\x8e\xdb\x9d\x03\x92d\xe4u4\xddx\xe3M\x8d\xb9{\xbd\xcb\xe0\xcf\xfd\x88\xcdf\x0b(bv\xcfz\xe2\xbf\xf6\xc6\xe8B\xfb\x0c\xbb\n\x15dl\x99\xfa1\xa8l\xff\xdb\xfe\xeax\xcc\x8e\xeb\xdf\xf8\xa2\xf3\xef\xdbc\xed\x86\x8e\'\xa6\xae\xf9\xc1\x86KB&lt;\xdd\xf1&gt;`\xcc\x11\x02lC\xe5\x85\xac\xc7\nA\x1d\xb1\xeb\xafde#\x967J~"\xd8\xbeh\x98\xcb;)\xc5\xf3\xfb\xa7hv\x07\xa1\x1d\x7f\x0b6\xbb\xc9l\xc56\x07\xa0\xd8\xf5.\xf1\xf1\x94\xaa{\xd4\xadh$\n\xab\xc1\x90\x18c\x9f\xd1\xc5\xea\xfb\xa1e\xd8\x84\xa3\x04\x7f\x9c;+\xcd\xbe\x10\xc9\xe8=D\xe1]\xa2f=k1FR\x84mQUe\x81E"h+\x017~\x88\xd9\xd2\x8a\xd1\xc1M\x14j\xdeK\xa8\x9fdS\x02\x02\x93\xa4{)c\xa4\xe1\xa6\xb8\xd7\x83\xd0\x10\xba\xf9\x17\x01\xec\xbb\x94\xed\xae\xd1\x90xr\xf6\xf2\xba\x966\xb9\xaf\xb9\xb7\xcdvU\xd0\xe9\xfdW_+(\xa0\xc3\x9b|co&lt;\x1c\x02+~\x973H\xbbP\x8fg\x0f\x9f\xf1LF\x06\xfc\x8eF(\x94\xa3F\x0e\xa0bdR\x0c\x1bO;6\xd5\x1b\\p+\xad\xe4\'\x96\x95\xd9\x7f\xc2\xfdfN\xd4]\xfa\xc3\xa4\x03}\xd8Rg\xc4\x1a/i\xfa\x84\x10D7\xdbM\xe6|\xe5\xa1\x06~YD9\xae\xbd\xc3\xc5\xeb?S\x99\xa1\xdea\x0b\xfc\x95\xcc\xaf\xb3\x1f\n\x94P\xf6Y\x82\x16`"\x96\xd3\x8a\xf2\xfbJX\xe06\xd7\x98\xef\x0b\xfc\x9b\xaf\xb5@\xebkv~f\xb2\xccx)\x9c\xff\xa8\x19\x05\xe3\xf6T.0\xaf\xa4\x1d\xfeq\x9cl\t\x0f8\xe1\xae\x7f\x14\xd3|\xcb\x83^DJ\xddN\xbfG\x1c\x1a\xa1\x15\x9ehb\xcc\x9e\xc8\x7fU4eI:\xb3%\x0b\xbemJ\xce\x82\xf4@/%,\x13v\xd8\x13\xed\xe6\x07\xf1;9\xfaS\x962\xd6\xbdR g\xdf\x95\xf9\xb5\xeb\xea\xfb\xbd\x88+%ov\xd0Pl\x81\xadN\xfc1\xf7\xc5isJ \xf4&lt;\xd2M|R\xfc\xdf\x9f\t\xf5!\xbf\x85\x17\x11\x0eLf\xbb\x0ecc\xac\x8f\xceI-\xd6\xc6&amp;&gt;\x12\xdb\x83t\x98\x9f6bS\xa8+\xd7\x0b\x14\xea(\x0c\x8c\xa4\x0cT\xefX\xce\xc7\xc7Z\xb6\x16]C!\x823\xean\tQ\x99\xff\xb7\xd7\xbf\x08J\xa8{\xa4\x1c\xbb\xc7\x14\xf1\x1c\xcd\xdbO\xa3\xf9\xcfr\x9e\xe2\x1e\x00z\xc7tFR\xfd\xa2\xc5\xce5\xaa\xd4vM\xf6\x12T\x16I\xdaQA\xa3\xed\x12ka=\xe1\x82\x07\xe1\x02*\'\xe3n^\xdeT&amp;\xd1\xbb\xd9\n\xe6\x01\xed\xa8\x0ew\x88\x14\x9faU%\xef\x90\xc7:\x14\x0c\xc4\xd0W\xe8\xf9D[\xa3\xa8\xa1\xe9\x13\x04\xe9\xd6\xb3\x8e2S\x1d\xaf\x047b\t\xbb\xcb\x1b\xc4;B\x11rt\xa2\x1c?O\xb7\x0fd\xe7\xf2DzP\xcb\x95\xf7E)\xb3\xe7\xb4\x0cK-S;\xae\x14|\xe0\xf4u\xaam\xe1\n\x1c\x04\xec\xbd\xba\xe5\x89\xf9^e\xf25\xdd\xb2\xb7\x18\xc0\xc4\x0b\xba!\xbf\x83.M\x19\xbec\xfa\x15\x87\xad^\xf5\xe9\x99\xfa\xab\x11Q#[\x96N\xd0\xc2\xe7V@\xeb\xf1\xf1-u\xd1J4\xfeG\n\x9es\xdcW\xcb\x04\xd2\xa5&gt;\xdfM\x82\xcc?,\x1a5\x0e\xe7\xaa\xdf\r\x1an\xb4\x81\xd33?\xb6U.\x12\x1f\x12\x1c%\xc1\x88\x1a\x1d\xf4{\x9f3\xa7@&amp;\xdb\x1b\xb91\xe2xv\xf3\xd5\x9b2\xb3\xa8b%\x02X\xd4\x02\xd0q`\x98\xb6U\xf9\xac\xa4\x84U\x81m\xeb\xf2\x01\xd2)\xfe9\xd9iK\x82\x98\xe1\x9d\x8dW\xff\xd5rN\x17|]\xa8\x14/w\xa4.\x9dN\xfc\xfc\x06\xa2\x81P\x8bs\xfa\x02E\xff\xff\x01F\xd5.\xdf\x1d\xcf\xc9\x81\xe1]\x1dP5\xf0\x88]\x9f^\xb5\xdc\xa1\xa1\xcb\xde7\xcb\xcc\xedtq\x11\xe7\x82j\xba\x7f\xffF\x86;Vs\xfei\xfc\xeaM.\x01\x13\xcf\x8a\x9f\x9fGW\xa9 \xb38\xde\xee\xc8]\x00\xf0%m\xc7\xfb\xffN\xa8\xf0%\xbcd^\xac\x91\\\xfeU\x93\x01\xe3\x8b:\x84\xba\x8dG\xc3\xba\xb1c\xb6\xa8eP;%\x83\xc4\x12\xa5\xb9\x88\xa5\x7f\x82\x9d \xd2?\xfa\x98I|\xcc\xd9\xb4\xc3\xaa\x86\xfb\xc2s]\x02\xd5\xcb\xd2\x91QH`\x9d\xc0\xf1\x1f3*\xef\xce@a\xc0w\x9ad\xae\xe8\x9a\x05\xb7q\xfe\xcd&gt;\xce\xd34\xb8\x00t\t[\xe9\xe6t^[W\x06\x11\xdd\xa6\x99\\\xe2\xfaZ\xcc\xc3\xf4\x7f\xbd \xdc\x0f\x9f\xc4Luy\xf5\xa5,\xc9\xd7\x1c\xfc\x90;B\xb9=\x9c\x8e\xc3\xcc0\xbby&amp;T\x8cj\x1b\x8f\x99\x90\xdd$\xf9i\x18y\xaa\x86 \x17^\xcf\xd5\x1f\xcc\xc5\xab\xbb\x8dG\xe9\x8d\xa2B\x07\xf4\xa3@\xe6\xdd\x1c\x9d\xb30\xf2\x9a\x8d\xf9\x97K\xb7\x9bRe'</t>
  </si>
  <si>
    <t>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</t>
  </si>
  <si>
    <t>b'\x9e\xef\x87\xe7\x04\x04\xa2L\x9au\xae\x8fin.\xa1'</t>
  </si>
  <si>
    <t>steady, my boy," he would say; "wait a bit, and we will have a good swing, and
 soon get the tickle out of your feet." Then as soon as we were out of the village, he would
 give me a few miles at a spanking trot, and then bring me back as fresh as before, only
 clear of the fidgets, as he called them. Spirited horses, when not enough exercised, are
 often called skittish, when it is only play; and some grooms will punish them, but our
 John did not; he knew it was only high spirits. Still, he had his own ways of making me
 understand by the tone of his voice or the touch of the rein. If he was very serious and
 quite determined, I always knew it by his voice, and that had more power with me than
 anything else, for I was very fond of him.
 I ought to say that sometimes we had our liberty for a few hours; this used to be on fine
 Sundays in the summer-time. The carriage never went out on Sundays, because the
 church was not far off.
 It was a great treat to us to be turned out into the home paddock or the old orchard; the
 grass was so cool and soft to our feet, the air so sweet, and the freedom to do as we liked
 was so pleasantâ€”to gallop, to lie down, and</t>
  </si>
  <si>
    <t>b'\x86\xcdt?\xa0\xa5\xff\xee'</t>
  </si>
  <si>
    <t>86cd743fa0a5ffee</t>
  </si>
  <si>
    <t>s talking. Handsomer you couldn't look to get, now you. 
 115
  And I hope"â€”raising his voiceâ€”"that all hands in this here block house 
 will overhaul my w</t>
  </si>
  <si>
    <t>b'4\xae\x05\xc0\r90\x15\xb9\xd6\xad\xbbG\xcb\xe6\xe6A{7\xbe\x98d\xd7\xfc(\xb6\xf2\xea\x8a\x1dN\xc5\xe5\x92Q\xbf3a(\xf7\xbb\xdc\x95\xfb\xa8\xb6k\xed)5\x14.Q\x00\xa9\xf8\xe8h\xfe:\xfaB1\xd8$\'\x00\xe2\xa7\xb8\n\xfb\xde\xa2)\x82\xbd\x90\t5\xbd\x1e\xbe\\%\xbcM\x891{ytT\xbc\x8c\t{\x9a\xd5kf\xc1\xa8\x08\x95\x9d\xa4\xfbR\xaePiJ\x86_\x13\x12\x9a;\x01\xfeHn\xbd\xfd\xb1\xa7\xa6\x84"{\xa2|)\xbbP2\xa4=?\xf6\xdd\xa3\x1bC\x81\x96\xe5\xa1\xb3\x18X\x1a\x1a\xfa\x85\xeek\xe6\x00d8\xc0\xb5dP\xcd\xde\xb6\x9d\xe6$\xbf&lt;\xb5sx\xdcz\xd9\x16\xa3e|\x18\xebb\xec\xb9\x15\x1d\x95\xbc5\xc9! \xc6[\x92.n!\x98\xd47\x04\xa7*\x95e2sP&amp;\xad\xac\r\r\x1eJOY\xa4\xf6\xc1\xb3|\xef\x02\xf4y\xe5\xc8\xc7\x07tb\x0b\x12a\x9e\xe6,\x9c\x1e\x97\xb8\xa9\xe91\xed*f\x9ci'</t>
  </si>
  <si>
    <t>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</t>
  </si>
  <si>
    <t>b'4\xae\x05\xc0\r90\x15\xb9\xd6\xad\xbbG\xcb\xe6\xe6'</t>
  </si>
  <si>
    <t>rty seconds to join me in." 
 There was a pause. 
 94
  "Come, my fine fellow," continued the captain; "don't hang so long in 
 stays. I'm risking my life</t>
  </si>
  <si>
    <t>b'3\x02vw\x16\x83\x85\x86 \xc1\xf1\x01s\xaf82\x9d\x15\xa5.\xc4\xdd\x97\xa3\xbc\x90RN\xd2\xb3D\'x7!\xe9\xb5\x17\xef\\\xa5\x00\x02\x82)\xa5\xdd\xb1\xbb\x1e\xda7\xc6\xf4\xd5T\xa0\xa9x\xfb\x9a\x9a\xad\xab\x05\xfeV\xa8\xd4\x9aQ\x08 \xef\x18\xcfA\xe1\xc1*I\xdd\x88Hi)\xe0\xa2vR\xcc;4\xd2\xcaC\xa9\x01\xa7\xb5a\x9a\xd69m\x86\xf0j\xffR\xcc\xfeW)\xad\x13l\xd0X;\x04\xc3\'\x0c\t\xed\x83p\xb1\xe1G\xa3\x81#\x8f\xeb\xf8\x1a\xb6\xa3\xdd[\xdblT\xc1\xd7~fT\xbf\xd6\xc4\x1e\xd0\x13x\xc5?\x96\x13\x1b\xcda\x9f\x84g\xd0\x83\x8ce\x8e\xc5G\xf8\xe5\xf9H\x14\xd5\x0e\x0f\x92\xf9\x1a\xd6n\x88\xb4gTC\xbcoJ\xf1\x8c\xa3\xdb\xee8\x02\x86\xba\\|\xf9\xcd\x10Q\xfen\x96\x11G^\x1f\'\xf2w\xb0\x9a\xba!\x87\xe6\xc7(\xd3\x86;\x94H\x8a\xb0\x17\xec\x1e\x87/\x17\xf3\x18\x7f\n(FYf\x06n6\xa7\xfe\xef\xf3\xbb\xd9\xcf\xb8\xfaz\xe5\xc0\xd3\xab\xdf\x9ch\x81\xcf\x93\x96[*\xdb\x99K\xee\x95\xc11\x1dp_sR\xca\x86\xb9\xa2I\x17\xd6L\'\xd9.\xeez\x18\xc5\xd4\xe4Rc\x1e\xf6)\n\xfc\x1c\x80=[g#\x06\x1b\x15S\xb6`\xf6Wf\xcc\xf8\xe0\xeb\xe4`\xa9h#+|XD\xcb\xb0"\x19\xdf\xcd\xd4\xaf\xbeY|o\x85\xb8]\xd1\xfb\x80m\x17\xe3:CD\x90\xd7U\x0e(\xf5S\x8ft\x83&amp;\x04\xa1\x16\xb5\x9c\xd6L\xb0.\x94\xa7\x16J\x8b\xe9\x0b{a\xa2\x8e\x07\xe1\x96\xea\n\xcd\xd1C\x88\xe9a\xca\x8e\xe1\xf5\xf3\x9c\xc72\x97\xaa\xae\xc9\xba\xdfx\xcfK\xfc5\xa1\xa7J\xa7g\x8f\xb50T\xe2\x95Dy\xde{E\xb5\x87\xee\xab\xbe\xfa\xdf\xb2\xf3\xb1\x98\xeb\xcfk\xc4\xf1d\x9e\x86\xea?\x9aG!\xe2s5\xd4\x0bq\xe6pV+\xd5{\x9c\xcb\x92\xef\x19\xbd\xb5\xfcN=\x02:\x95\xc2\xc6\x8b\xd1\xd4\xed*\xa1A\xde\xdfm\x8el\xd8\xd1\xce~&gt;\x1b\xad\xa2&amp;'</t>
  </si>
  <si>
    <t>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</t>
  </si>
  <si>
    <t>b'3\x02vw\x16\x83\x85\x86 \xc1\xf1\x01s\xaf82'</t>
  </si>
  <si>
    <t>,
faithful and true, to the last beat of
his heart. You owe it to him to be
worthy of such devotion."
7
You need to be very patient with your puppy. It takes time for them to learn
the proper way to use the bathroom.
You might want to start with puppy pee pads which are sold at the pet store
and the supermarket. You can guide your puppy to the pad when they look
like they may have to go. Some puppies will start circling, or whining or
looking around for a place they should pee.
Always remember to clean up after an accident, right away. Your puppy
may go back to the same place because the smell attracted them and they
may think itâ€™s the right place to go. You can use special cleaners to take
the smell away.
You will be able to successfully house break your</t>
  </si>
  <si>
    <t>b'\xc4\xc6,\xd3g?\xfe\xfbs\x1d\xcb\xb3\xbc\x02HR%c\x86&lt;\xa51\t\xb7:\x1dZ\xaf\xe9\xc8\x10\x11x\x8e\x02Mo,\xb8\xb0\xb1n\xa1i\xa2\xa9\xcd\x14\xeb\x15A1\xf4&lt;\xab\xae\xf7\x0e\x83L\x1ct\xe9\xe20\xec\xd1\x83\x04\xc9|\xa2c\xb2\x80\x00i9@?T\xfd`\x81V\xe5Y\x0c\x07Rq|{\x00\xa0_X\xe0\xdd\xcbD\xd3C\x16\xb4\xadd,4p\xa5\xe7$\xbd\x86\xfe-\xf3:\x8f\x1eA\x1d\x0b\x81\xfa\xeb&lt;\x91\xd4\x8b*\xfb\xbe\xb7\x1d\xc8V\xab\xb6\x0eCN\xbb\xec\xe8\x1fW\x95\xfd\x8a6\xe4\x19\x88\x8a}p#`\x93\xfc\xfaW\xcd9\x01T\xba\xc6v\xc3N\x92u\x03\x9e\x95\xe2\\4\xe5J\n&amp;\x9b\xb7\x84\xfb\x04\xc6e\xb9\xd4C\x1a\xf0\xa9\x98(}O\xc8\x1e\xdb\xa4\xf1\xad\xdd\xde\'\x1d\xcdcI\xa7@p\xf4,0\xf8n\xb2\xd6\xfeD\xc0\xb7+u\xf2]\xbd\xc7\x95\x0b&gt;\x0bR)r\xfa\x90\x8f\xe8\xe4\x86\xfep&lt;\xe2(\x8b\xcd\x7fF\xc7\x10zOd\xf2X\xb9so\x0c\xdd\x96DJW\x06M\x997\x12\x9c\xea&lt;\xac9&amp;\xc4I \xc0&gt;\xa9\x00\xb3@\xca\xdb\xc8`\xc7\xaa\x1d|\x13\x87\x1c\xa49\xac\x12\xe1\x1e\x8a\xc7j\xbf\x0e\x1d\xdc3\xecgoY+\x94!\xf9\xe68\xf4\x93xyn0\x96\xbb\x95s\x19\xb0\x02\x0b\x18\xd8\x0cR\x90L&lt;\x08\xf0\x16\xa7X\xc2]1\xfd\xf3me\xc7g\xa1\xc3\x88I\xcb\x04\x7f\xac\xa1\xf9\xc7h\xd6\xa2\xa5\xf8\xa2\xa6Zt\xf0\xa7Y\x8b\xca\xdc\x9b\xf8\x18\x14\xfcu\x9d f\xc3\x89\x12\xf0&amp;\x08\xb9C\x1f\xde*j\x8d\xfe2\xf0W\xb7\x00.\xa3\xe8`\t\xe0wP\xbc\x8f&gt;\xf7!\xc1\xfdZ3\xcf0\xbcw\x16\x84\xac\xc8\xbb\x0f\x0e\xf4b|\xa3\xb3\xc1\x1a5m=\xe4\xf6N\xad\xdcG\xc7C\xf9\x88\xd6\xb80\\\x1f\x8c\xce\xd3\x9e\x82\x10,\xc4b^i\xee\x0b&amp;\xce\\\xf2l\xb4U{\x0b\x19 \xdb\xdeT\x1e\xc9\xc8\x96z\xa7!\xc2\xc2\xd0;_[g1&gt;\xe0\xdb\x95,Eq\xce\xa0\xf9Z\xd0}"\xbd\x9f\xee\x98\xec\xcc0\x9e\xd3\x83A\xf7 \xe6r^\xd9)k\xcfr\xc9\xc9\x93\xb6\xb1\xac\xcd\xf3\xd24?}pPc\x81\xf6&lt;\xe5;\xba\x1cg)\xf5\x18G\xac\xc3%\x89)\x7f\x012\x96Gc\x00&gt;M\x90\r!#\ro\xd3\x7f}!\xc1\x8d#\xc6\x85u\xa3o\x18n4~\x15O\xf7o"\xeb\xce\x12\xa8\xbe"\x93(\x0eV\xf8\x15^\xf4\xacVO\xa3\x8dr\xb4\xc3\x19\x8fm\x8b\xbdU\xa0S\xc0\xd2\xb4c\x07]\xb8\xcb\'\xb1\xac\xec&lt;TE\x9c\x14\xf0\x08\xc4\x97\xd1\xaarO\xf9Fm\xef\x93\xa3\xd0k$\x009\x08\x9d3\xcdD\xcb\x8d\x10\x17\xb4\xd3\x8c\xdf\xdd\xc5\x00isF\x8e[n\x13p\x8c\x83\x00\x12_\x1b{\xf0\xfe;\xeal\xafZ7&gt;\xde%\xf6X&gt;{\x12\xe3\xb5\xb6f\xb8\x98\xccAv#\x9f\xd0\xe8pU\xea0[\xfc/.\x85\xc9\xbb\xc4O\x80\xcf.\xca\xc1E\xe2\xb0U\xd1&gt;\xa3\x93'</t>
  </si>
  <si>
    <t>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</t>
  </si>
  <si>
    <t>b'\xc4\xc6,\xd3g?\xfe\xfbs\x1d\xcb\xb3\xbc\x02HR'</t>
  </si>
  <si>
    <t>id Dorothy, joyfully. "It's just the thing. I'll go
at once for the Golden Cap."
When she brought it into the Throne Room she spoke the magic words,
and soon the band of Winged Monkeys flew in through an open window
and stood beside her.
"This is the second time you have called us," said the Monkey King,
bowing before the little girl. "What do you wish?"
"I want you to fly with me to Kansas," said Dorothy.
But the Monkey King shook his head.
"That cannot be done," he said. "We belong to this country alone, and
cannot leave it. There has never been a Winged Monkey in Kansas yet,
and I suppose there never will be, for they don't belong there. We shall
be glad to serve you in any way in our power, but we cannot cross the
desert. Goodâ€“bye."
And with another bow the Monkey King spread his wings and flew away
through the window, followed by all his band.
Dorothy was almost ready to cry with disappointment.
"I have wasted the charm of the Golden Cap to no purpose," she said,
"for the Winged Monkeys cannot help me."
"It is certainly too bad!" said the tender hearted Woodman.
100
The Scarecrow was thinking again, and his head bulged out so horribly
that Dorothy feared it would burst.
"Let us call in the soldier with the green whiskers," he said, "and ask his
advice."
So the soldier was summoned and entered the Throne Room timidly, for
while Oz was alive he never was allowed to come further than the door.
"This little girl," said the Scarecrow to the soldier, "wishes to cross the
desert. How can she do so?"
"I cannot tell," answered the soldier; "for nobody has ever crossed the
desert, unless it is Oz himself."
"Is there no one who can help me?" asked Dorothy, earnestly.
"Glinda might," he suggested.
"Who is Glinda?" enquired the Scarecrow.
"The Witch of the South. She is the most powerful of all the Witches, and
rules over the Quadlings. Besides, her castle stands on the edge of the
desert, so she may know a way to cross it."
"Glinda is a good Witch, isn't she?" asked the child.
"The Quadlings think she is good," said the soldier, "and she is kind to
everyone. I have heard that Glinda is a beautiful woman, who knows how
to keep young in spite of the many years she has lived."
"How can I get to her castle?" asked Dorothy.
"The road is straight to the South," he answered, "but it is said to be full
of dangers to travellers. There are wild beasts in the woods, and a race of
queer men who do not like strangers to cross their country. For this
reason none of the Quadlings ever come to the Emerald City."
The soldier then left them and the Scarecrow said,
"It seems, in spite of dangers, that the best thing Dorothy can do is to
travel to the Land of the South and ask Glinda to help her. For, of course,
if Dorothy stays here she will never get back to Kansas."
"You must have been thinking again," remarked the Tin Woodman.
101
"I have," said the Scarecrow.
"I shall go with Dorothy," declared the Lion, "for I am tired of your city
and long for the woods and the country again. I am really a wild beast,
you know. Besides, Dorothy will need someone to protect her."
"That is true," agreed the Woodman. "My axe may be of service to her; so
I, also, will go with her to the Land of the South."
"When shall we start?" asked the Scarecrow.
"Are you going?" they asked, in surprise.
"Certainly. If it wasn't for Dorothy I should never have had brains. She
lifted me from the pole in the cornfield and brought me to the Emerald
City. So my good luck is all due to her, and I shall never leave her until
she starts back to Kansas for good and all."
"Thank you," said Dorothy, gratefully. "You are all very kind to me. But I
should like to start as soon as possible."
"We shall go toâ€“morrow morning," returned the Scarecrow. "So now let
us all get ready, for it will be a long journey."
102
CHAPTER 19. ATTACKED BY THE FIGHTING
TREES
The next morni</t>
  </si>
  <si>
    <t>b'0\xd7\xc8\x16\xd4\xfa\xd8k/\xc2\x01\xaf\xc7H\x0e\x05*9\x9e\xfa9V\x81\x80\xda-\t\xbf\')\xb3\x07\xd2\xab\x1c\t\x83\xfa\xf4\xebgOdHB\x8f"pW\xba\xaf\xebC\xf3\xeci\x13\x00nO\x9b%\x05;7\x8c4\x85`\xf9z\xb2\x12\xd6\xac\xf5\x8f \xae\xf1\x04%\xa9\xdaY&amp;\x82\x94\xb2\xab\xc9D})\xa8N\x11\x8e\\\xc2\xcde4e\x04\xa8\xe6\x9d\x1a\x99:X\x0e\xf4r\xc8\xcf\xc7\xf0"\x93)w\xde\xd9\xc8\xa8mY\x86\x0f\x8d2*\xb4s\xa7\x979\x9fp0\xb1V\x1a\xf3Q\x96#\x1b\xec\xd9\xfd\xe7\xed\x93+\x17\xb5\x1d\xa4o\xaf\x8a3Gu\xab\x1e[\xfe\x13\x0f\xc7*\r\xde\xbd\xf0\x89\x9eu\x90\x14\xf8s{\xf9!5\x07\xa1\t\xb6\x19\x8c\x7f\xba\xcd\x7f#\x00e\x9a\xa1@\x1bAw\x88\x139\xe7\xf1VL\xdb-\xc9\x0fs_\xf2\x83\x88qr\x05\xb3\xd7\xaa\xb2\xd6)\xc8\xa0N\xde\xf8\xb0\xa2\x90K\xa6\xb5\xebE\x85\xf8\x9a\x88\x7f\xefTT\\57:\\\x04\xbe\xbc^\xd5\xb4\xb1\xdb8\x1d\x1b\xa4\xc0&lt;\x03"0\xb3\x89\xbe\xbda\xcc\x9d\xb0\xb0S3\xa6\x85g4\xe2\xb1\xe5\xde\xb9\x04\x8d4F\x0b\x84\xb8.\xadd\xcajto\xf4\xcf\x08\x80\x8bi\xcad\x0e\x0b\x9b\xd4n\xbf\xa2\x0f\xae&gt;\xf7\xf6\x9f^\xda\xe0L\xb8\'\xc0:F\xad\xc2\x7f\xf9N\xa3\x00\xd9\xf5\xde\xf3\x1f\xe5\xf2\xa14I\xc6\xe3\x03\xe1\x01\xae\x9f\xd7\xdd\xc7\x91\xb2\xc9\x8e_\xa1\xec\xe5\x12\xbeuOn\xa3\xbd\xc4\xb2\xa7\x0eHU\x9e\x89n\xbaaWlpz5n\x91&amp;B\x94\x94\x9a\xadQW\xd3\x99\xb9\x9b\xeb"\xe1?D#\x8d\xe158T\xa3L.\xcapnc~\xac\x97\t:\\\\\xef\xa3\xb1YK\xa8U\x18\xe2\x0cV^\x18\x12\x16\x80\xf0\xffdQ\x1a\xf3%\xe3\x15\xa8g/c\x00\x87\x8b\xf9x\xe0\x07:\xad\xd58B\xac;\xb9y\xf91VV\xf7Z\xf1\xfd\xf6\xc7l\xf05\x92Z\xef)\x022\xd6\xc3\xb0\xc6\nky\xd59Yp\xbd\x811{\xd2\xb8\xf4\x9b\x0f\x9eN\x0b\\\x1aw\x8b\x13\\\xc3ZzI\xce\x00\x98`h2\xdbo\x0f\x05B\x8b\xf01\x08\xce}\x83\xc0xC\xdeb\xdc\x99\x10:\xc1\x11F\xb3K\x93\xe9\x94\x8e\xaf\xdb\xf0\x94\xdaW\xf5T\xc4\x8f\x9fc9#3\xaa\xd2a&amp;#u\x13\xaf\xf1G\x84\xcc\'L=\xb9O\xfd\x8cV\x95\xa0X\x9c\x8ed\xf9\x82\x1bZr 2q\xdd\xf8\x19\xa6\xd3m\xd57.\xdf\xd4\x06j^Z\xb6\x17H7\x11\xb4t\xfe\xaaURm\x13\xca\x7f\xab0\xf9\xc07\x19B\x1e\x84\xaay\xcf\xc0e\xf3A!\xf8^A\xe5\xd5\xfa\xb8\x9d\xc7\x07H\x12\x9cq\x19\x98\x14\xbax\xd7U\x86$m5\xa4M\xae\x02\x89\xb6\x12\x8b\xc7a\x15$\xedHd\xde\x8bb&amp;\xa3\x04\x0cSj\xe37Ac\xfe\x16\xe5\xa1Z\x16$)B/\x0f\xd6\x8fE\x81\x07t\xed\x0f&amp;\xae\xcf:#\xa0\xa9\xdb\x11\xf3H\xbd\x89\xd4\xcetYG\x95c\xe9\x040\xc2\xc7\xd8\xccl\xfej\x95\xde\xe1\x13\x00=\xfa~\xed\xces\x07.\xf2[\xbd\xb9\xc9\xd3\xae"\xa6\xe25\xec\x1d\x03\xc2\xfc_lN\xdf\xd9\xfb-ysQ.\x8a\x97\x9d\xad|\xd8\xbf\xff\x9f\x1d\xe7\xae\x01\xa9\x05\xde\xa1b\xa8J+0\xef\xf7\x1dOFo\xcc\x87\x0f\xd8\xa9u\x92\x10}\x174\xa8M\x9cq@"\xdaa\x85_\x96\x81\x91-~\xad\xaf\x00\xe5\x12\x8d\xb1\xeaTi(\xc4\xf3\x16\xf4%7\xee(\xdd\xb3V\x12|\xe1\xf1,.3\xfa\xca\x84\xd6NF\xb0\x9bX\xce\x8a&amp;[3F\x17a)\xed,A\xc2_\xf3mI\xd3\x03}\xb4\x7fp\x98\x90\x17\xf7\x8b\xb4\xc0*\xa4$\xac#\xd0\x9e\nW\x9dw\xcd\x13\t\xf8Q@\xcb\xda\x9f\x9a\x015\r-\xa4A\xbe`\xd4\xef\x18jX\xb5u\xc4Al(\xbc\xb5\xac\x05k\x94s\x88\xb2\xca\x07,\xcd\xb3\x1c\xe81r\xe0~\xf9\xf2\xe3\x92\xaf\xc9\x00 \xb2\xa7P\xe4\xb8\x05\x07W\xf9J\r\xea\x05\xaaQ\xb5\xd2\th\xc9\x93\xdd\x8c\xf0\xe9\xb4\x94\x177s\xe4\xa7\x89\x15I5V\x16"\x0fC\xd4(\xce\xaa\xc3u+\xb1j\x1c\xfe3\xa7;\x05\t\xd1\x17\x8b(\x19\x19\x8c\xc6\xbd\xc5\'&amp;\x97\xa0\t\x1e\xd1\x86\x0e&lt;\xb1\x14\xae\x16\xe8\x1f\xd2\xad\xb0\x1d\x0b\xa2Vd\xa0\xe4Y\xef?\xbf\xed@%{\xbc\xb4\x12,\xe7\xef\x81O\xc8\x17\xe2u\x05\xe9\xfdW7|\xa7\xf6x\xd4\x9f\xb5\xe9\x91\'\x85QZ\xd1\x17\xd14\x8a\xb3\x86J\xeb\'gg\xfaC\x12\xc3\xe2xIk\xf7_M7\xe4\xe22\xfa\x13\xd9\xaaN\xedH?\x9fB\xe1\x16/p\xe4\xe7\xd7\x91\x1bF\x8fM\x00\x1a\xc2\xa4\x08\xa8\xcaB\xc1\xe5\xf3\x98\xa6n\xdb.sM\x1a\xd5\xe1\xfc&amp;\xd5F\xd0\xa7\r\xe9\xff\xc2\xf1\xd3\xbe\xf8\xedn\xefD}\xca)J\x00D\xa2\xd7s\x14\xf7\xa4\x1a$\xdc\xf6\xaa\'\x8b\x1e!\xbd\xfa \xc8\x97\x1az\xcf\xa3e\xdc\x92Z\x85\x9e\xc8O\x8e\xd6\xc5\x97\xea\xadzp\x14\xe32\xa9B3\x83\x04\xc8%\xfc\x9d\xfd\xbbr\xa0:4\x19\xcd\xf4\x97\x07\x8c\x1ev\xda\xde\xe4\xaf\xbe\xe0\xeeS)\xc7\x9d5\xb5i\xbd\x0f\x9f\xa5~\x8d\x0fO\xc0\x9f\x97\xc9E\xa9/\x03\x88LO\xc5V\xab\xaba\x06-su\x0b\x045\x8d\x9c\x11\x81\xbai\xa7R\x1f\x81\xe8\'\xb6\xd35\xa9\x94oq@OQrf\xf9\xa6\tf\xf1\x89C\x7f\xbdh\x81p\xcb\xb3\x8a\xff\x1c\xaf,}\xb3\x19\xaa,k\x03\x01 o\xbd\xd1\xb4\xf3"\x13\x05\x13\x87\t\x94\xa0\xde\x05\x04{\xe8\xe8\x1c{\x04\xf2Z`\xa1\xbc\xf9&lt;\xc0\xc1\r]\xbe\xbb\x05\xb8\xffL1\xbe\x0f\x7f\xa3\xf3^\x84\xafK\xb4ZY\xf5\xbcu\x88\xbcY\x06[3\x05\xfd\xe2YG\x99_\x97)\xe7v\x7f\xcdFQ]H\xfe\xca\xb9\x80\x8a*\x1e,\xe0\x9c\xc4\x15\xcc\xedeC&gt;\x99\xe5G\x12\x10\x81\xaf\xc5]\xe0\x8c\xfb\x91\xe2FK\t\x82\xae\x0e\xe20\xad;(\x95\xbe\t|\x9f\x08\x90\x00J\x99+e\xf4%\xf7\x01\x18)\xc7o\xc2\x1e\x12\x0e\x908\xb3`q \x11\x824\x8bv&amp;\xebS\xa5\xa1\x11\x8c\x08Ga\xb3\xf8\xca\xc2\xa2\xbf\x14\n\xaf0!Yj:\xd8\xee_C\xf0\x04\x1e3\x99\x8cQ\xe5\x8d\xf3\xe8,\x8a\xd1\xcf\xd2\x12\xd3\xf0\xa7\xb3\xf8\xb5\xf5\xda\x8c\x8cLn\xa4\xb1\xd3\x9c\xe7n\xf8wZ*\x17\xaa\x8dG\xe8fUg\xf2:\x97SF\xe4dm\xe03\x13\xb4q\x99JJ\xa9\xc6\x99~\xd3\x0f\xfa\xb2\x00|$\xc5)\xa3\x15V\x87&lt;\xd5\xe8\x8b\x94}\xa8U\x11\x16o\x00\xba\x11\xa6\xe6\x8a\x96\xe7\x87\x9f\x18\xd1\xa3\xd1\xf8\x1f\xb9i^\x16\xdb8z\x1f\xe9m$\x91\xb9\n\x81\x14\xa7\xc8\xcd\x8cR\xff\x00O\xf9E\n\xf5\xddT\xbb\xdc\xca{\x8e\x07\x05pY\xdfq\x0cO\x1c\xab|\t\x9f\x87\xafLf\xeb\x8ci\xbb\xf6\xf9\xcd\x14\xad\xb0T\xf8\xe8\x13\xef\xf2\\\xe6p\xccC\x9a&lt;i\xa0\x05^uv\x9c\xef\t\xd50\xa9\xb0z\x1eDI\xfe\x1dq=)\'Y*\x11\x14\xb7l=\t\xc6\x19\x9dk4#\x87\xd9\xc5\xe4\xe6\xd3s\x9e\xb6a\x191\x9aI\x13\x1c1\xd6)\xc3e\x1a\x9c\xba\xfe&lt;\xc5.}\xd6\n/\xe9\x14\x0f\x13Eb\xca\x11I\x98S\xc1\xe9\xb7L\xc0K\xd7=\xaf\xdc\xe6\'\x1f5\x86\xdd/\x9a\x03-C\xa0\xac.uk\x12\xdc\xf5\xf7J\xe7\xa5r"\xa5/\xfc\xf4\x88c\x16\x97\rK`5\xa0\xb7\x15\x81*v\xa8\xc4\x8a\r\xb8\x0e\xd3\xd4s\xd1%\xc1\x1b\x8d3-\xb9\xc8\xa5Q\'\xc8\xde\x01\xf5&lt;\x001\x98YK\x11=\x81\xb1\x9e\x12\x05na\x96\x8f\x80.\x1cn\x10\xc7\xa3\xdfV(\xba\xfd\x1f\xc6h\x12\x02\xbd\xf8]\xfa\x9e^\x08\xd2\r\x83z\x9b\xd2\xe6\xc3g!\xa3\n^\xee\x0ec\xf6c\x99\xb9f\xf2A\x13\x8d0=7N\x81\x8d&lt;\x1a\x0eI\xe77\x1a\xdd=W\xf5P\xfb\x96\xf0\x91\xd1pEX\xc7\xf1a+\x19w\x84\x91Mn\xa1-L\x9c\t\x0bk\x02\xa2d\xd9\xf1*!\xba\xaeK\xce={\x89L\xe4*\xca\xb2P\x8a\xd6\x04\xad\xb8H\xad\xb1i\xcd]\x10r\xa0tgX=\xb7\x12\xa3#\x83\x9b[T\xe0\xbfi\xf2\\\x80\n\x16\x92T}\xd6U{\x0e\x03\xb6\xac\xfc\xa8\xa2\xa7\xf1U\x90\x10\xfcP&gt;F[\x8f\xbb\x0e\x88\xd2\xfa\x1a_s\xc8G]\xc8W\xb4j\x16\x1b\x92\xb6\xb4\x88\x11\x0c\xc2b\x18]d\xbb-\x19\x00\xe8\x1f\xb8\x97:\x19\x02\xff\xeef\xc2\xed\xac\xec\xaa\x8cn\xe2\'{,Zo\x95\x9c|+/]\x89\x81\x00\x9e\xb5\x91@\xb8\xf8\xae?\r~pEs"\x81\xd04.\xce\xcc0\xe6\xdb&amp;\x16I\xc5i\xc2\x14~\xb5M\xa6\x88\xd2\xa8\xb1\xdeV[\xb0\x95\x18\x97#\xfc\\)k\x16\xee\x87\xe8\xa9H1M\x14\xb2\x1a\xb4vZ\x9f\x7f\x91\x91\x1aO4l\x15\xdd\x9f\xc1A\xb1\xf0\x1d\x81\xeeb\x1a\xf4\xfa\x9a[\x1a\xdcU\xa6\xc7\x0f\x1b\x92\xa6j\xef\xcd\x98\x07\xa7\x01\xbf(\xc5\x83\x8a\xd9g\xa5\xf6%\x9e\x9b\r\xa7\xb6"\x87\xf4\xc2(\xfd\xcaN#\x08\xd1\xc7\x14\xb7\xc1\xf6\x17&gt;\xd9\xf8\x895\x83m\xbe\xeb\xc5\xa2\xc9\xf1\x82\xc7\xef\xebpO\x8a\xeb\x82\xdeo&lt;\xab\x9b\x978P\x11\x8e\x87\x05\x9b.?!\x17LB\xcf\x8ak+\xaf\x8cj\xea\xeb\x19s\x07w\x96Fx8\xda\x92$\xfe)\xee\xa9n\xdf\xe3\x1c\xe8\xb9\x8e#\xf8\x8ac\xb0;x\xe9\xab/\x1a\xe7\x932\xe0^\x8d\x8c;5\x92w\n\xa7\x19xM\x18&gt;\x94\x0c\xe2\xae\x8cU\x9b7\xdd)NG=\x90b4g\xbb\xadXbe6\xee`G\x18"\x87\x90\xbca"\xd7\xce\x02\xfe\x8aI\xe1\x1c\xc8\xcb\xb4\x8eV\x0e\xa8\ns\xab\xeexn\x97\x11b\x98?\xf6Gc\xdd\xd9\xe3W\x9e\x10m\\\x02\xffR\xab\xe3\xb1&gt;\xcd\x80\xc4\xc4\xef\xf81\x01\xa5\x00\xf9\xa8Ov\x83:\xdd\xaf\xa6\x17\xf3\xe3\x17R$oQH\xc0B\x0f\xc80c\xb6\xe5\xafpC7\x9e\xd1\xdf\x89\x90\x90v\xcf\xd4v\xde\xdb\x8f\x9b?\xf9\x0e\xfcV\xe7dOQZ?\x8b\x01&amp;\xa5\xd8\xde\xf9\xe3?\xee|\x0f\xed\xbb\x9cc&lt;\x92F\xfc\xd9\xc5\\T4\x93\xfe\xf4\x86&gt;\x15MGH\xd0\x0bLf\xd1\x81\'\x8dJ\xfe\xd0\xa4\x14x!V\xc1`\xef\xbc/\xc9\x95V\x1em\xb1\xd5\xbf\x02\xaf&amp;+\xf4\x99\xd0|b\x1c\xbf\x8cy\xfdKU\tk\xe5r\xac\xca\xba\xea"D\xaan\xa1-\x95F\xd8\x15=`+l\x93\xc9\xe5\x1c\xef\xf3x\xe2x\'!"F\xb4\xadJ\xb7\xe1\x18\x0b\x9e\x051#\x18\xfb\xc2#V~\x89\xa2xO\xdc\x8d\x96\xfa\xc1K\x05\x95\xe0\x93A\x14\xc4\xed\xb7\x04\xd7\xd96\nE\x06n\x00\xc1o\xf2\x04\xe3\xb5&lt;\x8e\x8f\x7f\xab\xe9t\xb9\xb4\x81( }\x8a\x8b\xe2\xd8\xcd\\\xd3\x1d\x00\xfd\xaf\x8c\xd7\xfe^\xcd\x1a\xce\xbe_0K-\xcf\xb9W\xd2\x06Oj\xf1W\xc1\x83\xfenP\xaf\xe6\xde.\x90R\x00UY\xf5c&lt;\xed\xcb\x98\xd4\x96\x0e\x00f\xe0\xc4l-@\xf0\x05\x9fn\xcfE\x88\xaa\\?\xf6Tt\xaf\xb9\x08&gt;\x198TyLx\x93bQ.\x19\x10(\x8d\xdd\x08\x9aWt\x04\xf6\x83\xaf\xc3\xc1N\x07ASc\xfc\xb8vs\xbbv\x14\n\xbf\xed6{\xd8\x14\x9d\xad\x89&gt;\xb3U\x81a\xa6\x1c`F\x95e\x9f\x1e\x1f\xbe\xc3#BoJ\xa7\xa7ii`\x03\x14`\xd0F\xb8\xbfM\xe4z\x1dA\xdb\x92[\x87\xd5g[p\xd9\xd5\xbb\xa8:\xdb\xcb\xf1?K\xdcoS\x03|\xf1l\xc2\xfbQ\xedh$\x03\xa4\xb7\x8c\x0f\xba\x13\x94\xfcuN\xb6\xc1\x15\x87\xa3R\xa5\xa6\xa4_N\x8f&gt;\xd7\'\x89@e\xc6\xc5\x11D\xe2L\xca-\x13\x92\xb8\x93\x88\x7f\xd5( 2\xbe1\xa7\x90Fq\xaaT\xbd\\\xf1\xc0\xdd\x99\x1d\xb8\x86K&lt;r\x16\x01\xa7\xcd\x04\xcf\x90\xe6g\xfe\xbe\xc5\xb0"L\x82\xda\xbd\x16\x15\xa5\x0b\xe8J\x99v:\xd0\xc3h\x14\xd2\xca;\x1a,hC`\xf8*\xd2\xed\xb5%wW\xad\x0f\x1f7Z6\x8f\x1a\x9eW\xe2S~\x1dGU\xaav\xb8\xea\xe8m\x03\xde\x18.\xea,1\x86\\\xd9\xba\xe6G\x01i\xb6L(i\xdc\x96 Gx:uF\xc8\xef\x8bA)\x9e\xb5&amp;\xd0Mp\x98K\x14\xdf\x19P\x15\x972\xce\xb8\xa7\xccR6\xad\xf8{\xca\xc3\x96\xd4\xc3I=\xa2\xa7\xcb\xebY\x90\x10`\xd9\x18E\x81\xc0c\xad\xd0\xa5\xd9\xf6\\\xb0?\xe3\xcf\xc6o\xcc\x0f\xe8\xad\xd5\xa0\xe6*U\x8e&gt;\x93o^\r\x97G\xab\x9c\x1er\xf8\xbd\x01\xa0\xf4#O\xef9\xed\xcfI\xef}\x8f\xb2\x9e\xae\xd1w\x97\xc4\xd2\x98\xc4Yjq?\xdf\'!\xda\x88\x99\x97\xa5\x83h\xc6{\x19@\nG\x02\xe2\xbdukQ\x8b|\xb1\xfb\xe1\xa5O7\xec\n2\xe4e\x92\xf7\xc5\xbf\x88\xb1\xb6\xe9\xe0Fv\xee\x966\xf7\xa9z\xf9~\x06\xb7\xa4\xb9\xda\xfa7\xc3\x18\xd1zU\xc2\xc0\xd7\xc6\xfd\x80\xfa\xb4Mc\x0eS="\x8f\xf2]\xe9\x92hLC\x03\x92\xc1j\xee\x03~W\xc6\x8ag2\xd8\xd8\x12\x9b&gt;X\xd6Bj\xcbu\xf2[\xd7O\x05+QP-$\xcaG?6u\xae\xe3\x9b\xe79\xb4\x80g\xbd\xf6\xd7~\xddLOJh\xd5G]\x97\xa06\xda\xc7\x10\xa1\xdb\x8aK\xaf\xce\xdd\x84\x98\x83Z\xddk\r\xcc[\xd0\x1a\x19z\xb2_)X?\xc4=\xa0\xc5\xbaE:\x1ad\xa2L5\xd1*\xc1\x92ENh\x8bc\xd5\x93[\xbd\xc5\xbd\x80f\x18\xc9\xf1\xf1\xc0\xadgc\x8f\xb0\xec\x06+\xd0I\x9fn2\x0ce\x80\xd8\xd3yt\xddu\x924\t\xf8\x80jO\xbd\xe1g\xec\xc8\xbb\xbe\xbf\x19\x1e\xca\x9aE\xdf\xd4\xbf\xdc\x88r\xce\t\xa1\x93\x92N(\xba\x13\xc9]\r6r]\xacw\x10\'\x9fCG\xb0n\xa2\xc8\x07w\xf0t\xa2d\xe1\xdf\xc2\xc5\x8c\xdeZ9B(9\xf9!\x17\xf0 };G\x98\xc8\xf2\xb2\x11\xa8\x08\xe5\x08p&amp;Fs@\x9eN\xdf\xa67w\x99Cf.[5\x8c9w&lt;l!\xce\xa5mD\x8ba\xdf\xae\xc4\x1d\xaa\x1a\x19;TZ\xf4\xd6\x1f\xad\xd5\xd9\xc3S\x10FLze\xa1\x98"D\x8f\xa4\x9d\xe3\x8d\x9d\x86V\xb9]\xcbP\x13?\xecV\x18&gt;\x14\xf0,\xeco\xa2XS\xd3P\xf4\x13W\x8fs\x1a!\xd6z\x07&lt;\xfa\x8c\x88!\xb6\x9e5\x85\x1dRb\xa3\xa2RYgj`\xd85\xc8\x83\xa0\xb7\xdc\xaa&lt;\xeb\r$\xb9\xb9~\xb6m\xe8T\xf4\xc8\x8b]9\xadF\x03\xaab\x19{\x9f\xfa\xef\x13(\x03aW\x12Q6KD$j\xc5\xd1G\x17U\xe1\xf1\xd1\x14\xeeHI`c\xf3\xae\xc0uR\x87\xa7 E\xb2\x14&lt;\x99\n`1*n@KI\xc0\xf6\x8e.g=\xdfe\xc5\xc6!\xf1&amp;\x97\xbe\x87+\x84\x9ba\xc5\x9fq\x99d\x05A\xe8d\xe1\xb5\xaa\r\xb5\xda\xec \x1b/Q\x9c\xa5\xcc\xbe8\xc3)G\xe6\xa8\xdb5\x0fu\t\x9a(\xb9\xc9?\x16\xb8\t\xbf\xd8\xc1\xf2))\xfb/\x0c\xcf\x81\xd5q\x0c\x06G\xf8\xd6\xc5\x7f\xef\xefu\x98\x1eWd\xad\xdfwu*y\xc9I\x8f0\xd5|\xd4\xf1}5@\x9b?&lt;z\x9e\xcb]l\xf6\xd4=\roS\x99\xd6\x01\xe7\xfa\xcd\x90\x97\xa9of\xbf|W\x9e\x94\xa7T\xce\xf1Y\x99u\x0cM\x89\x00jf\x11&amp;4\x05\xabw\xe4\xad\x08\xde\xfa\xae\xce\x19T:\xf2\x02\xc2\xb3c&lt;\x99v+\xbd\x0c\x94\x1a\x16'</t>
  </si>
  <si>
    <t>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</t>
  </si>
  <si>
    <t>b'0\xd7\xc8\x16\xd4\xfa\xd8k/\xc2\x01\xaf\xc7H\x0e\x05'</t>
  </si>
  <si>
    <t>h I held it dip for a second under water. 
 With that I made my mind up, took out my gully, opened it with my 
 teeth, and cut one strand after anothe</t>
  </si>
  <si>
    <t>b"V0\x0eq\xfd\x1b};~\tF\x8ap\x1f\xcc[}\xf0\xc6X\x08\x9eq\xb2\x0b4\x05K\xb5\xd1\xce/j\xe7W\\\xecuA\xfa\x1e[\x9e?%\x94\xd6K\x04\xf7\xc4\xad\xad\x07'\x01*\xcf\x17\xbcM{~\xef\xf3D\x12\xffE\xdd\xfb\xa9\xec\xe2Y\x80G\xec\xdd\xc6\x8e\xdd\x02)3\x96{\xd3\x85\xc9\xc1\xfb\x02\xa2\xf4c\x9a\x19\x8b/_\xeffU_\xae\xec\xb5\\W\xb27.\xb2V\xf7Q\xfd\x0b|x\x0e_\xcem\xce\\}\x08\xd6M\xc0\tx\x0b\x7f@\xcc\x1c\x1a&amp;\r`\xc3L\x89a\xa1\x87\x9d?\xe3O\x01\x95g\x8c\x91\x00\xc1o\x8c&lt;^\xeeR\x80\x99\x95\xe2\x00\x9d\x885\xe5\xaf\xc9\xb8\x8d\xe8\xfc\xdf\xec\xbc]\xe7\x87\xecT\x84\xe7\r\xef\xec\xe66\x01g\x98\x863T\xae\x91/\x01\xd5(\x92)\r\xd7B\x88Nh\x04;\xbe\xda\xadg\x8e\xdb\xcff\xe77\xa1X\xecB\xed\xf0a\x04\xb1YG\xda^5\xc5\xafE~\x9dg\xa3\xf1@\x7f^\xeb\xa2&amp;"</t>
  </si>
  <si>
    <t>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</t>
  </si>
  <si>
    <t>b'V0\x0eq\xfd\x1b};~\tF\x8ap\x1f\xcc['</t>
  </si>
  <si>
    <t>stock behind the rudder head and well out of the coxswain's reach, 
 went forward to the water-breaker, and had a good deep drink of water,</t>
  </si>
  <si>
    <t>b'\xac25\xa2\xa9,\xae\xfe|l\xa1Z\x16\x17`L\x1e\x8dB]\xe2\xf2i\xeeo\x99\xf9\xd3\rw\xd5\xff\x9a&gt;Q\xef\x9d\xdf,\xb3\xa22\x07R\xef\x10&gt;\x17\x13\x18\x07\xc1_S\xb4\xc1n\xad\xabK\x16\xbb\x134\xecg\xfd\xfc$\xf1!\xea],\xf1\x16\xff\\K\x94t\xecFC\xf8\xf6\\\xf0\xb0\x00\xa7|\x8d\xbf\xb3oI\n\xfcl\xed-z\x1b(\xbb"37\xd1\xeaB\xc0\x04I$\xf2\x15R\xbd\xa1\xc1\x8e\xb5\x81+%\x1d\xb7\xb7\xab\xe2X\x04\xc8"m\xef\xcf\t\x95p\xa7\xd0q\xd6\xb5\x88\x96XB+8\xed\x89QG]\x9f\xe6\xbe\x80lj`n\x7fN\x1f\x10\xb8\x9d]\x7f\xb7\x1f\x12\xd3\x19\x9a\xa6@DJ\x12\xf3\xeb\x16&gt;\x0c\x13\xdea\xbe\xe29\x0f\xe3\x85B\xcd\x0f\x8e\x83\xff\xdc8\xde\x94\x97^~\xe8\xe6*\x88\xfa\xf6\x83\xdb[q\x13\xe3\xa8\xfb\xf6\xa7\xe8\xb4S\x01\n\x0eW\xaf\x06\x84-\xb3o\xe6S\x0b\xfalW\xcb\x82y\x95\x02\x0b\x04\xb8J\xce\xa0Y\xd5$y%\xcer\xee\x8c6w\xf3\xe3\xc9\x85*\x0f\xa42\x93\x0f\xe8EX\x9d\xd79\xb1g\xf0\xc6\x8e\xf8\xfdj\xf5\x99p\xd0-q4\x0e\xb4\xf0x\xb4J6\n\x90Y\xb8\x9e\xa8\xac\x84\x95)\x05}U7\x05\x96\x1cdE\x12C*\x0bYb]\x9b\x9anx:A\x96R\xf7\xcb\xd3~{\xfd:\xc7\\\xf2\xe5\x0e\x95D\xc0w\xab\x02\xf6\xe6\xa0\xce{\xce\xfe1\xc3\xf3$\xfc\x81d\xbb\r\xcfO\x1a\xd8H=%\x9bQM\x87;9\x8c3\xc7\xdb$!\xd4\x1a\xd7!\n\xf9\x11r\xdf2Y\xd3\xfa\xf7\x8a\x06\xc8]\xfb \xb08\tXn\xf1e\xd4p\x94\x02\x83/\xc0x\xb1\xe9\x874\x95\x02\xe3\x85\x9e8\n\xef\xe8\xf2\xa0\xf0\x11\xdcS\xd7\x983*\xf7\xd4\x95q\x82\x7f\x0e\xd1\xe0.v\xb7Nh\xfc\xca-\xe0R\xf5\xf0\xd1\x0f\xa44\xc2s&amp;\x84\xa8\x198\xe8\x03\xec\tfX\xc0\x05\xc0\x90\x800Rr\x89&amp;\x92\xf2\x0fc\xfb\x0f\xe4\xe0\xa8\xe4\xffr'</t>
  </si>
  <si>
    <t>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</t>
  </si>
  <si>
    <t>b'\xac25\xa2\xa9,\xae\xfe|l\xa1Z\x16\x17`L'</t>
  </si>
  <si>
    <t>rbed by her crying, by the time she was six years old she was as
tyrannical and selfish a little pig as ever lived. The young English governess
who came to teach her to read and write disliked her so much that she gave up
her place in three months, and when other governesses came to try to fill it
they always went away in a shorter time than the first one. So if Mary had not
chosen to really want to know how to read books she would never have
learned her letters at all.
One frightfully hot morning, when she was about nine years old, she
awakened feeling very cross, and she became crosser still when she saw that
the servant who stood by her bedside was not her Ayah.
"Why did you come?" she said to the strange woman. "I will not let you
stay. Send my Ayah to me."
The woman looked frightened, but she only stammered that the Ayah could
not come and when Mary threw herself into a passion and beat and kicked her,
she looked only more frightened and repeated that it was not possible for the
Ayah to come to Missie Sahib.
There was something mysterious in the air that morning. Nothing was done
in its regular order and several of the native servants seemed missing, while
those whom Mary saw slunk or hurried about with ashy and scared faces. But
no one would tell her anything and her Ayah did not come. She was actually
left alone as the morning went on, and at last she wandered out into the garden
and began to play by herself under a tree near the veranda. She pretended that
she was making a flower-bed, and she stuck big scarlet hibiscus blossoms into
little heaps of earth, all the time growing more and more angry and muttering
to herself the things she would say and the names she would call Saidie when
she returned.
"Pig! Pig! Daughter of Pigs!" she said, because to call a native a pig is the
worst insult of all.
She was grinding her teeth and saying this over and over again when she
heard her mother come out on the veranda with some one. She was with a fair
young man and they stood talking together in low strange voices. Mary knew
the fair young man who looked like a boy. She had heard that he was a very
young officer who had just come from England. The child stared at him, but
she stared most at her mother. She always did this when she had a chance to
see her, because the Mem Sahibâ€”Mary used to call her that oftener than
anything elseâ€”was such a tall, slim, pretty person and wore such lovely
clothes. Her hair was like curly silk and she had a delicate little nose which
seemed to be disdaining things, and she had large laughing eyes. All her
clothes were thin and floating, and Mary said they were "full of lace." They
looked fuller of lace than ever this morning, but her eyes were not laughing at
all. They were large and scared and lifted imploringly to the fair boy officer's
face.
"Is it so very bad? Oh, is it?" Mary heard her say.
"Awfully," the young man answered in a trembling voice. "Awfully, Mrs.
Lennox. You ought to have gone to the hills two weeks ago."
The Mem Sahib wrung her hands.
"Oh, I know I ought!" she cried. "I only stayed to go to that silly dinner
party. What a fool I was!"
At that very moment such a loud sound of wailing broke out from the
servants' quarters that she clutched the young man's arm, and Mary stood
shivering from head to foot. The wailing grew wilder and wilder. "What is it?
What is it?" Mrs. Lennox gasped.
"Some one has died," answered the boy officer. "You did not say it had
broken out among your servants."
"I did not know!" the Mem Sahib cried. "Come with me! Come with me!"
and she turned and ran into the house.
After that, appalling things happened, and the mysteriousness of the
morning was explained to Mary. The cholera had broken out in its most fatal
form and people were dying like flies. The Ayah had been taken il</t>
  </si>
  <si>
    <t>b'\xba-\n\xf0\xc1p~W\xe5\xeeE:\x91\x97c\x00\xc5\xe5\xea\\l\x0c\x82\xed\xcd\xba\x01\xc5\x84\x05\x00FzT\xbc|\x9d\xba&lt;\xbb\xdc\x9f\xee\x15\xb5B.\xe8&gt;\xd73\x03\xcc+\x82\xe5\x91\x96\x84\xe2\x85\xff\x83\xfc\x11\xd2\xa8Mo\x059(\xd6$\x05.Y\x07\xb4^8^z\x1a\xd1\x1e\x08\xea;\x12\xf2\xe3{\xcc\xb4\xb3\x19\x92&amp;\xaeE\x9c/dX\xfe\xed\x80\x19\xce\x958\xc0\xa8dx\r\xb0\xca\xe7O\'\x9a\x85" \x1c\xe7\xe5\xaeIB\x9bf.\xb9.V;\x9ap\xd5\xaa\xf9H\xab\x85\xb0\xc4\xd5\xcd\xbb\xcd/I\'{\xd2a\xd5n\xdcY\xa3\x8ap\xbe_b%FO\x18\xcb\x7f\xb3\x91\xab\x8b\xc7.\xc1DSm\xcc\xb7\x1f\xc8;NEi\x18\xeb\xdf\x12\xb0\xe5\xcc\xe1\'\x95\xc5\xb2Fo\x90\xf6\xd7\x0f\x8d\x0eP7$\x13\x07V\xads\xc3\'I\xa0\xcb\xfep%\x89\xef\xc2\xa4\x1dZs\xec\xfe+\xc1&lt;\x0cnj\xa4\x8e\xe7*\x86\x87\x853\xdaH\xedk\xecs7gy\x1c\x1e\x8e\x05\xda\xec\xd9\x87\xcd\xa5\xa2g\xaf\x9f\x91V\xb9\x90\xdf\x04\x82\xfa\\\x9f\x9611\x00W#\xe7S\x16G\x9e"Rl\xf3\xa0\x98T\xdb\x98K3Z.\xc2n=\xbc\xaftks\xb6\x97S\xea\x05\xd5\x9b\x81\x0f-\xeb\xa4\xfd\xab\xbe\x7fBAU\xd5\xfa^\x9er\x86A\x01:2\x12\xd4&amp;\x86\xc7\xfcg\xbe\xe2\xc3n\x1a\xd1\xb6\xf9\t\xdd\x8a\xc7\x94\x84\xb3\x86\x16\x95\x0c\x90\xae\x0f5\x1bk\x0f5&gt;L:\xe4\x97\xeaed\x9d\xa6\xb6GJ\xe7\xeb\xcc\xa6s\x18\xcbM\x9b\xa84QS\xf3\xd9ytn\x91_\x1d\xe3\xbc\xe5\xfe6\xf1\x93Sk\xd8uJ\xf8f\x16(\xa6\xc6\xd7?\xfa\xdcW}@]\xabU\x1bT\xabc\x00*\xaf\xf3q\x18\x17\xb2~\xc3`\xff\x9e\xb1\xef\x170\xc0\xac9 \xed\xa87$\xedQP\xac\xdc@]\xf2Zy\xa3Sg}&lt;\xf2\xe7o\xdd\xe5\xb7#\x88\xe81\x9fZ\x98H\'\xd3\x0b\\\x9c\xe6\xd3\xb3{hu\xads\x1e\xd0\xa0\xd5\xeb\x0e\xc9\x0e\xa6\xdd,\xc2\xa1\xa8\xa0\x1a\x95\xb1\x84\xdb\x01q\xb6\x9aO\xbc\xd4\xa3O\xa0\xc1\xad\xf6\xd7\x8fS\x01\xc7R\t{\xc1\x84C\xc6\xb5\xb1+\x00\x7f\xb4\xed\x14&gt;VpZ(\x01\x85\xb2\x02\xaf\xab_\x11\x04ur\xf5\xbf;\\__\xe9\xb1\x1e\x18W\xfd\x9a\x0e\xaey[\xf9r5\xe1\xb3\x18\x05O\x94&gt;\x9a\x92\xfd\xfd\x01=\xf0\xc4a\x9d\xa8\x8a\x024S\xa8\x15\xef#\xfds\xf7\x9f6?\xf2P!r\xeb\xd6\x10\xf98\x83\xd4\x07)\xb8\xa8\xe3\xfc\xee\x08\xd4\x12?_2\x1d\xad\xf2\x82\n\xff7\xe3S\xfes\xf9\xfeW\xc9&lt;\x81X\x13q!K\x1a{\xbcD\x183G\xce9k\x0e\xc8b\xff\xc1&lt;\x95\xc8\xdaGsx\xf52y-=\x13h\xad\xd3\x02E\xec\xfb\xbb\xe6\x9d)\x90&lt;Q\x8e\x05\x9cQ\xe5\xadHcZZ|\xb1\xcce\x8a\x07\xf4\xfd/\xd8b\x823\xf3%\xb5\xbfC\xfb\xdf=L\x8f\x01W\xe0\xebmA\xad4\xb9SG\xad\x16\xe4\x93\x0c-\xb3\xb5L\x02\xa1\xa50q\xc7\x1e\x8cF\x95\x99\xbb\x0f\xa9\xbb\x0f\xa4q\xa1\x82]\x8e\x17\x1dn\x97\x8bb\xe48\xfd\xecq\xff\xd8\xfbE4\xc9\x19\xbe\xc8\xb2t\x95*\x8c\xd88)=l\xb3\x9d\xeeD\xd9\xf4\x11\xab\xf0\x0b0I\xc7\xe0\x08\xb1\x03\xaa\xb5j\xc7.:\x1f\xd2\xea\x0e_U\x8c9\xb7\xeb\xc7\xf4\x11g\x11\xfa\x9cPS\xc7\x9b\xdd\x11\xbb4\xe1XM1{T\r[.\xd9!\xdb;\xea\xa6\x97r\x05\xbd7\x81V#\x06\xb84\x0fK\xc7\'\x0b\xf5G\x02tzk\xfb*\xd0\x01\x89\xad\xf1\x91\xac/\xd5\x04s\xed\x94(\xb9\xbb\xea~\x8f\xf9\'\xc4\xd5\x9aml4\xa9\xdc\xc0\xd6\xf47@M\xdaB\xee\xcap[n\xfc\xf2\xffE\xeb\x9bM\x02g\x86\xea&gt;\xf1\xe9\xe3\xc5\x80\x10t6\xe1\xa4\xf1\xbc\xd5\xe5\x83\xe4\xe8\xeb\xb1\x0fg\xee\xad\xd4\xb3\x87{3\x13\xbe\xea\xde+\xa2@V\x89\xd9\xe2\xa1W\x01Hb\x1c\xd3\x95\n\xe2\x19r&lt;\xad\x1aD9\xde\x99=\xe4{,\xa8td4\x8a\xdb"\xaf,\x0f\x83\x16C~J`\xa6BU\xb5\x95\xc7\xfc\xc75\xd0\x03w\x8e\x941\xc6*\x90\xbf\xf5\xdb\x82]\xab\xf6\xbd\x9c\'\\\xb4\xe6\xb0\x8eu\xe2\xb5\xb0\x8e\xbd_C\x10\xcd\x8edq\xbc\xb8\x89\xd5B\xca\x92\x7f\x004\xd4[2\x04ew\xc5\x87E^\xd0\xb5m\x89\x1e\xce\x90\x9fZ\xf0\xf9|O\xa9\xf7\xfdv\t\xf3\x10\xdf\xc7q\xc5\x83\x9ax\x10|\'\xc8\xbc6P\xeb\x08c\xee\x16\xb1IA\x1ck\xe6}\rN$\xf1\x87k~\x84\xc1\xb7\xa4:&gt;\xa8)\xb7V\x05\x183\x8c\x1e;\xbeB\x7f#[\\E\x9b\xac\x90\xee*\xcd\x98\xc6\xbf~\xd3\nT\xc7\xba%\x8b\x8fs_&amp;\x1dY\xe1\x0b\x95\xc9\x10\xd8PJ\xac\xbd\xf5\x95\xff3\x08\xa2\xa0\x8eOqh\x9f\x9aqI\xd4\xdf\x0e\xf6G\x9e\x90&amp;J\n\xab\x93\x122\xd7r\x93_\xabL\x9dfK\xaaNq\xef\x96\xcaec\xa5\x83"\xc2\xa2\x96\xfd\xc7\xdb;\x90\xbb\x90\xaf\xbb\xd9LnK\xe0\n\xe4}\xdf"\xeaq\xd6\x88-?\x1c\\(\xd4\x80\x1b\xc0:8\xe9\xda\xcf\\\xf3\xb5\x85\x81\x1a\xb2\xf0\x10\xf3\xef\xeav\xb4\xeaew\xcc\x17kAsQ\xf9X\xd4\xffz\x0fJyP\xe9\xc1\xa7\xe4l\x10T\xf6E\xd87k`5\x91\xad\'7C\xba\x06\xfa\xa0t\xac\x7f\xa5\x9f\x87UY\xb6\x96\xf2\x14CZ!;\xc3\xe6\x92-\xd6\xc0\x94\x98dg\xb7\xd8\x13H\xe19\xe0Bru_R~\x8fVC\xf5m\x8d\r\xb5\x08\x86\xc4\t\x8a-h\x91\xdeL\xf9\xacjA\xeeE\xa1+\xfa\x8a\x8e\xe0\\c\xf4\xe6\\\x12\xeb+\x9d\xae.^\xc68U\xa1\xa1])\x88U\xd4\xa1\xaco@\xc9.%\xec\xfa\xa0\x02\xa3P\xae\x95\xc7n\x99\xb7\x1d+;\x89j\x06\xbe\x9d\xcd\x84n I\xc2\x9fn\x92\x88\xec\xef\x01\x7fF\x1fE\x8b#\x05\x81\xfbc\xab?%\xbd\xe5\x15Y4}\xe1\xd2\x18\xbaI\x85$3\xb5|\xae\xaf\xfc\x1cmX\xb6E\xdd\xb6Q\x10d\xe6/#\xf4\xea\xf4\x11\xa2\x8b\xd0\xcc\x9b\x95rUlDB\x9b-\xc8\xf2Z\xc5\xf7&gt;$\x9c?\x7f\xe9\xf4|\r7C\xb3\x89\xf51p\x8fqgt\xd9a[}2\xc8\x9d\x1fDf\x14\x1f^/\xa9\xb8s\x08\x15\xdeL\xd8H\xc8n\x9d\x8a\xe02K\x02)\xad\xedK\xcd\xba0HT\xe0\xc5\xdfoY\x84\x04H\xe14\x16s\xe9MrG\x93\xb4\xc3\x86|\x0b\xb0Y\x9b\xa9u\x18+\x8a\x1c\xe2\xd6\xa9\xc6\xb6\x05@\xf4\xa2*\xa8D\xee\xe2\x89K\r\x04\xe3\r\xe5\xfd\x83\x0f\xf9\xb4\xe4 j\xd4\x01\xeaX@o\x12ui\xb8\x01\x19\xcf\xfd\xfe\xa3\xc20\x86\x82\xed\x15\xb0\x83WO\x1d^T\xb2\xfbB\xbf\x82\x1a\x1b\'\xe1\xf8\x12?+\xfa\xd3q\xed\xcc\x04%\x86dF\xf5\xc0\x80\xf4D\x15z;\\@LZ\x9a\xa0\x80N\x9742\x9a\x89[w\xfe\xd5+u\x14\x81\xa7H\x91\xa8\xa8\xd7\xce\xdf\x15\x93LS\xa6\xd4\x83tZB&gt;\xfa\x0f\xe2N\xc0\xebOD,\x8d\xb5%\xafa\xcf^U$\n\x1d8\xa3(\x02\xa9c\xf2\xd9FS\x9dc9\xaej\xb3\xc6\x86\xa2@\xee\x9e\x92d\xa2"\xd6_\xf4K\x17\x93}\x96Q\xe6N\x8f\xb1\x92\x04\xef?\xcd&lt;\xabT\x1d\x07s\'+(E6\x80\xb0\xd3\x07\xb3\x8b\x14\xc1&gt;\xac\x8e\xa5C\xb3\x00#\x1a\x9f{\xde\xaf\xb2U\xc8{rJ\x04\xeb\xf8\xb3\xa49\x80\xf4\xb0\xd8\xc1F\x98\x1aowe\xe8S\xb4\xddh/\xca\x13\xbd\xe3\x16\x90\xf3(&lt;\x07\xef\xbd E\xd9A\xc9e\xef\x9e.\x1d\xaf\'8x\xbe\xd2/\xd9\xf56\x9e\\\x12\x7f\xdd\x86\x18[\xf0\xef;\xec\xa6\x02\x0eWj\xcb\xf8V\x0bI\n\xaf\xb4\xd6\x93\xa8\xc2zWx\xd5\xc2I\xae\xc2\xc6\xe9-W\x04ZI\x87\xe1\xe0\xdc\xfe\xfa\xf4\xabjL#\xe2\xf4A\x90\x19W\xec\xa4q\x8d\xd4\xad\xc0\x1d&gt;\nI\xd9\x1d\x07\xf9\xcb&lt;&amp;-\x08\xa2\xb7&gt;\x85\xd0f\x0b\xd8]{p\xe8\xcf\x870\xfbv\x8e\x124\x14\xf5\x83\x95&lt;S\xd0\x97b\x90\x18\xc5\x94a\x0f\x04`\xc1Nc\xb7\xde\xd2\xb8\x16\x0c7\xa8P\xfb\x17\xfa,A\x11\x9e\x02\xf6\x93\x1c\x04\x14\x02\xe8\xc8\\\x1d\x03\xbc\x8c\xd0\xf3\xf5w\xf3\xdeO\x04\x0c\x8d\x8a\x1bk\xf6\xa1\xaa\xf7jF\xb1\x8c\xfdks7P\xea\xa3q\xabSf\x9c\xae\x9c\xaa\xc9\xc9\x9fg\x0bT\xc1\xff,#\x1d\x86i\xa1g\x80y\xf5{?\xaf\xbf\xc9n?\x9e\xc5\xe3^\xa5\x7fw\xbfNL\xac\xe1V\xc85\n\xc6\xab\xb2\x93\x83\x1d\xb8\xc6)\xe5S\xe0\xc6%\x9c\xbd_\xba\x8fA=\x17\xbe\xa6\xddi\xbe=\xdf\x98\xf5\x15\xb2\x97!\xf0,z\xbc\x9bD\xd6!E\xee+\x9d\xd1\x80\x93L\xcd\xef\xfe\x11S\xc0\xfd\x03\xbet\x8f3\x13\xc7\xda\x11\xac\xe9=\xcaH\xbb\xb8c\xf7\xcc\x8b\x03Y,\xb4\xf8\xec$bU\x11\xb2\xae1K\xe6\x8b\xd3\xbf\xba)\x04r\x16\xaf\x8d`\x0e\xf2+&lt;\xab\x87\xb1"\xac\xc1FT\x97\x96\xd1r?\x1bA\xe2\xfd\xc5\x80\xccA\x18b\x8f\xac\xb7\x9e\xc80\x11\xab\xff\xb0\xc2\xb1\x1f\xf1g\xa2\xef1\xf1"K\xf7\xa2y\x02\x0b4\xea.\n\xab\xa8\x9acZ\xb6\x93X\xff\xb7\xfe\x8f\xd7U9\xcc;\x9f\xf8EWD\x94\x13\xedF~D\xdb\xee)\x93t%\xc5\xaf\xed\xaa\x81n\xb7\xae{~x\xe6\xbbB\xfd\xd7\xd15\xe8\xbf\xef\x17\xdc\x82\xba\x92\'\xbb4\'\xc5\xf9\n\xf3\x92\xd4\x8c\xba\xc1\xa5r}\xf7\xc9\xb1\xc7/\x89\x7f\xb8\xac\x1b\xa4\x86\xfd\x8e\xc3\x9fzx%]4+^\xed\x8e\x0b\xd7\xa5@\x0cm\xf2\xe99*{\x945\x06\xede\xf7\x8c\x00\x10\xef\n\xbd\x0f$\xd7\xda\x19\xed\xf6\x93d\x8c.\x167\t\'\xc0\xb0\xd3\xe3M\x0e\x9bl!\xc3B\xcbY\xfd\x88xD\xc8\xc3\'L\x8b\xe2\x9b\xabL\xe4\xb5i\xba\x1a\x07\x08\x95\x10\xf2C\x89\xf9|\xe6\x1d&amp;\xa3\x90h(\xae\x0b\x8e\xcb\xb0?+g\xcd\x86\x8an\x8b\x7f\xf8\x0cy"\xadr\x06\x1eP$\xfc\xaf\xe9\xd3\x0b\xd4\xa0\x04`\x96p^T\x95\xafG\xe3\x1c\x15\xa2\xde\x8e\r;"\xd4D9D\xb4\x9b\xff\xdc\xd2|\xde\xc4\xe2e\xe7\xd3z\xfe\x9b\x1d\xf3_\x16h\xa8\x82f\xfc\xe5\xf3\xe1"\x03\xb1\xca\x9ay\xcf\xfe\xae\xe5\xed\x15\xf7N3\x17\xb4h%\x9dwp:\xafg\xbc\xf9\xab\xc2\xf0\x17\x92?\x9a;\xb9&amp;\xbc2R\xf0+\xa38;\xef\xeb\xc8\xa4\xf2\xb6\xdd\xd8V\x99v\t\xe8\x9c\x8f\x14i0z\xa27\xcb3\xc9\xd6\x10X\x0e\xf3\x02\xe1k\xaak\xd8\xe0#\xd0RU\xe0\xae\xc4\xec\xdf\x0cu\xc8\xb0\xd9=n,\x01$J(\x18\xf5Z".x:\x1e@Q\x0f\t\x14\x17\x07\x89\xdf,\x8b\xfa\x10\x85\x97O\xb3\xb1\xe7I\'M\xdf\x1dP6\x14%{\xb7\xcc\xa4\n\x0b\x9f\xc4\xa6\x15\xfc\x9fF\xbaXN\xca%p\xa5L@\xf9E2\xdd\xaa\xd6@\xbc\xbf\xcb\xc0gT\xbc\x06\x15i\xc3\x82&amp;*\xc4\xe4$F\xbb\xfcw\xacf\x13&amp;\xa5\x90\xdd]a$\xbe\x18\x17V\x8cw4\xb8\x1b\x88k\xc3\xdf\x14hXC\x8fp%\x00\xaa\x0e\x86\xde\x8b\xfb\xd6\xf2[\xfdU\xf7\x95%\xbe\x92Y\x83\x86o\xab\xe62\xd3\x8b\t,\x13h\xbds\x10\x88\x8e\xc3\x8bv}b\x0f\x97\xa6\xccB\x05^6L\xee\xad\xd4\xc5P\xd6\xff\x89\xe8\xf9\xee"\xfd\xba\x87\x87\xf8\xcd/\xf3\x10ZY0b\xef\xcf\x97\xa8\xde\x88b\xceN\xe9\xa2\xb2\x04\xaa\x07\x9c\xe8\tr\xd8\xf7c\x9bU\xe7$:\xe9e3\x1fp\trN\\](\xd00)N\xd9\x861\x11\xac\xb50\xcc\xaa\x95\xaa\xcdO\x92%\xf0\xdf\x00\xd6A\xac\xbe+\xde\x11\x03\x946|/\xcf\xd0\xe8\xd0\xf8f\xb1\xeat\xf5\x8f&amp;^\xea\xa6s\xaa\xe8\x8a"\xb4\xcaI\xaer\xbf\xde\x05\xa0\xb4j\xe6o\xe7:\x087\xe8\xac0L\x93YB\xb8\x97K\x17\x9aj\xf26P"3\xaeps\x90\xd2\n\x13\xb4\x7f\x10cT\x89\xf8\xb8\x1cD\xc9\xcb\xdd\';*\x11\x01\x06\xc6LY!\x80S\xe98i\xe9\x19\xc6\x90\xef\xd3\xdf\xf9\x8cX\xb2N\xf9\xce1I\x82\x1b|\xa1\xfe#\xfa\xb1\t\xd5:}8=\xcb\xfa7G\xf7B\xf7\xd4\x13n\xee\xca\xd2\x1d\xf8\xb8\xe9\xed\xa7\xbc\xc9|\xf4lP\xb7|%\xea\xe4&amp;\xff\xdd2\xa5\x0e\x1e\xd9\xa2\x16\x96Ac\xca\x1fe\xb8\xda\x8dB\xce,\xbb\xcb\xf1\x13\xff\xe1?\xb6\xfc\xe6\xacO(\x8e\x91\x05h\xc3\xe1\x0ce(r\xbc=\xf2L\xf3\xa6]\x88#[\xee\xfa\x82\xb1\x97\x85\x8a\x16\xe8\xadx\x0c\xe1W\xb5U\x0f\xc2\x03f\x1f\x05)\x98N\xe7\xeaA;\x17\xfeaY\xce\xe3w\xc8\xdf\x8a.\x94&lt;|E\x03\x077\xb2\x15#\xc7\xcc\\\xf1o\x0e\xa3\x89L\x83\xd2(\x1b\x89\xf8\x10\x89\x027s(\\9\x95\xc1\\z\xb4 \xfb:x\xea\x9d\xefM?\xd4\xb1\xa3t\x01DdL\xaa\xdeR\xe1\x7ft\xf8\x02K0\x9f\xf2\x0e\xbc\x15s*,\xd2\x1c3F\xd2\x83C\xcf\xc7\xa7~\xee\xdej7+"\xc1\xd0\x04S\x9c\x10@\xd4\x8f9a\x8e0"\x80\x07Q\xe9Pf\x12\xe8\xdfD&lt;\xdae\xbb\x81\xfdW\xf5\xa1~\xa8\x85o\xc3oM\xd9Bt\x84\xe6\xb5\xf1\xca&lt;\xa2&gt;\xc6\xd0\xe4\xa8\x8c\xda\xee\xd2H~q\x1d\xca\x8c\xc1\xbd\xb5\xe2r[o\xebI\x15\xe1\x14A\xec\x89\xcf\x84;\x06\x07I\xc0\x1aS\x92w\xd5\x8d\xde\xf33\t\x83\x9d\xdf5\xcf\n9\x9f\xf1\xff?\xc2\xc8\xf6\xc9S\xf1:\x14\'RG\xa8\xd14\xae&lt;o\x99\xbf\x88Q^\xba\x1c\xab\xdc\xef\xf2\x8b\xfc@\xccK4\x7fJ\xd4Z\xbd9\x04\x1d\xa3_\xe2Z\xb4\xb1\x90\r-\x0b\xbca^\xedK|I\t,\x9d\x80\xa1\x05\xf6t\xee\xb3\\\x1e\x13\x13\x86\xb3`\x10\xaa\x00\x88\xbb&gt;"\x9d3\x86\x1e\x07\x03\x13j\x1e`\xcf\x1b|\xf7.r\xdc\xfd\xf0\x17\x10\xe2\x8b\x9b\x96\x16\t\x10?\x90\x0c\\\xd9nV\r\xbf\xa7\x9f\x87\xf5\xfb\xaa\xe3\xda;\xbc\xd9\xdcS\xfa@L\x97&gt;U\x85\xf4\x96\x8c#\x80\xe6\xde\xbd#m6\xc9\xc7\x82R\xc1,&gt;t\x86\x13\x9d\xbc\x82\xc1-f\x9dM\x9cmmD\x1cg\xac\xcco\xb2\xe0\x0e\x8c }\xf8"\x03\x9d\x80KB\xa9\xfe\x0fB\xde\x00\xaa\x90&gt;1tL3s\xfeF\xa2\xaf\xe1k\x1e^z\x9b\x8ad\xc2~\xdbb&gt;d\x06\xc2m\x95\x07\x8b%\xfb\xcfN\xf8\xa5j\x99\xf0\xf5bi-\xa0&lt;\xe2\xbc\xd0\xc0\xaa\xd7\x89\xa1\x8f\xfb\xb8\xa4E8\x02\x19\xaf\xff\xd7\x89\xe6\xea\x8d\x05ea\t9\xe8!\xb3\xc2Z\x82@\t\xa4H\xb5\x82\x8a\x11\x9f\x8a,f\xb4/\x9ed \xbf\xd1[` \xbdN\xe4\x03\xb7\xb4\xe3\xdf\xde\x91\x9b\x80vw\xdbc5\xa1S\x86\xd9\xee\xd8\xe0\x1b9\x07\x17\x0e7K\x0f\x19\x887\xadtU\xbb/\x92#\'\xcb6kx\xbei\xe5q\x9b\x1aq\x1b\xee\xb1\x008\xec\x19T\x04s&amp;\xfc\r\xae\xcd\xbd&amp;\xaf\x19\x8e:\xf7\xe4\xcb\xae\xe0\x97\xf7\x07\x80bN8|J\x0b\xc1\xab\xfa\\\xc7\x00\x13)\xe2G\x96\xb4\x15\xcb)\xb5\xeb\x95\xfb\xd2s\xa2\xd0\x97\xf0\xabg\xf0\x1e\xef\x93\xd3'</t>
  </si>
  <si>
    <t>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</t>
  </si>
  <si>
    <t>b'\xba-\n\xf0\xc1p~W\xe5\xeeE:\x91\x97c\x00'</t>
  </si>
  <si>
    <t>nothing about it, I DID see it."
 "I tell you you DIDN'T see it either--because it warn't there to see."
 It astonished Jim to hear him talk so, and he broke in and says, kind of
 76
 pleading and distressed:
 "Mars Tom, PLEASE don't say sich things in sich an awful time as dis.
 You ain't only reskin' yo' own self, but you's reskin' us--same way like
 Anna Nias en Siffra. De lake WUZ dah--I seen it jis' as plain as I sees
 you en Huck dis minute."
 I says:
 "Why, he seen it himself! He was the very one that seen it first. NOW,
 then!"
 "Yes, Mars Tom, hit's so--you can't deny it. We all seen it, en dat
 PROVE it was dah."
 "Proves it! How does it prove it?"
 "Same way it does in de courts en everywheres, Mars Tom. One pusson
 might be drunk, or dreamy or suthin', en he could be mistaken; en two
 might, maybe; but I tell you, sah, when three sees a thing, drunk er
 sober, it's SO. Dey ain't no gittin' aroun' dat, en you knows it, Mars
 Tom."
 "I don't know nothing of the kind. There used to be forty thousand
 million people that seen the sun move from one side of the sky to the
 other every day. Did that prove that the sun DONE it?"
 77
 "Course it did. En besides, dey warn't no 'casion to prove it. A body
 'at's got any sense ain't gwine to doubt it. Dah she is now--a sailin'
 thoo de sky, like she allays done."
 Tom turned on me, then, and says:
 "What do YOU say--is the sun standing still?"
 "Tom Sawyer, what's the use to ask such a jackass question? Anybody that
 ain't blind can see it don't stand still."
 "Well," he says, "I'm lost in the sky with no company but a passel
 of low-down animals that don't know no more than the head boss of a
 university did three or four hundred years ago."
 It warn't fair play, and I let him know it. I says:
 "Throwin' mud ain't arguin', Tom Sawyer."
 "Oh, my goodness, oh, my goodness gracious, dah's de lake agi'n!" yelled
 Jim, just then. "NOW, Mars Tom, what you gwine to say?"
 Yes, sir, there was the lake again, away yonder across the desert,
 perfectly pl</t>
  </si>
  <si>
    <t>b'\xb4\x0fbD\x8f\x90\xc8\rE\xbf\xd2n\x0f1\xf7\xeex\xdd+\x05w\xc67Rt\xbfc.w\x05\xc8\xd6'</t>
  </si>
  <si>
    <t>b40f62448f90c80d45bfd26e0f31f7ee78dd2b0577c6375274bf632e7705c8d6</t>
  </si>
  <si>
    <t>b'\xb4\x0fbD\x8f\x90\xc8\rE\xbf\xd2n\x0f1\xf7\xee'</t>
  </si>
  <si>
    <t>Christian wife and mother was
too much for the (ex?)husband and his kin, and they did not want responsibility
for the child. (Similarly, another member of the Christian community took the
newborn infant of the slave Felicitas, who had given birth in prison; legally, it
belonged to Felicitasâ€™ owner, who evidently preferred not to assert his or her rights.)
Perpetua several times refers to her anxiety about nursing her baby, whom she was
allowed to have with her for part of her time in prison. It is significant that she does
breast-feed him; the use of wet-nurses, though criticized by ancient moralists, was
evidently quite common, particularly among the elite but also at lower levels of
society (Bradley 1991: 13â€“36; Dixon 1988: 120â€“9). The baby was probably at least
a year old when Perpetua was arrested, since he was apparently weaned without
difficulty when she at last had to give him up; he could have been two or older, and
the father long gone.
Perpetuaâ€™s own account begins with a confrontation with her father, one of four
such encounters she records:
When we were still with the official attendants [in prison] and my father wanted to
overturn me with words and persisted in casting me down on account of his love for me,
I said, â€˜â€˜Father, do you see, for example, this vase lying here, or water pitcher, or
whatever?â€™â€™
And he said, â€˜â€˜I see it.â€™â€™
And I said to him, â€˜â€˜It canâ€™t be called by any other name than what it is, can it?â€™â€™
And he said, â€˜â€˜No.â€™â€™
â€˜â€˜So I also cannot call myself anything other than what I am, a Christian.â€™â€™ Then
my father, moved by this word [â€˜â€˜Christianâ€™â€™], threw himself toward me in order to pluck
out my eyes, but he only annoyed me and he left defeated, along with the devilâ€™s
arguments.
Then for a few days, because I was free from my father, I gave thanks to the Lord and
was refreshed by his absence. (P. Perp. 3)
She insists on seeing her father as an adversary; repeatedly she describes him as trying
to â€˜â€˜cast me downâ€™â€™ with diabolical (because tempting?) arguments. Later she is
visited by her mother and brother, to whom she entrusts her child. â€˜â€˜And so I was
pining away because I saw that they were pining away because of me.â€™â€™ Both appear to
be Christian sympathizers; elsewhere Perpetua says that her father alone of all her
family did not rejoice at her impending martyrdom â€“ this does not mean that they
were glad she was going to die, but that, like all Christians, they believed that
martyrdom was a great privilege and ensured eternal life for the martyr. When she
obtains the right to have her baby with her in prison, â€˜â€˜immediately I gained strength
and was relieved from my distress and anxiety for my baby, and suddenly the prison
became for me a governorâ€™s mansion, so that I preferred to be there rather than
anywhere else.â€™â€™
322 Judith Evans Grubbs
After a few days a rumor went the rounds that we would be heard [in cour</t>
  </si>
  <si>
    <t>b'&gt;\xfb\xa5Q5\x95\xdd\x7f\xa9\xeee\xab\xdd\xc1\x14\xcb-j\xf2\xa3\x08\xe6o\xf2\xb0\xfe-D\xc3\x94B|5\xfe\xbd?\x803+\xc9\xd98\x00T\x13\x18=\x03\x7fL\xc2\xb5\xa9\x12\x12u\r\x12.hP\xe3piQ\x8c\xa4\xfe\xb0\xc2\xd2R\xef\\\xc9\xb4"F\xaf\x10\xde\xea\xd9 KpI\xb1\xe8#\xce\xf0e~\x87\x89\xe4W\x17\xfa,&amp;50\xfau\x10u\xf2\xa8]\xaf\xe0L\x08lC\x02\xc5)\xb9^\x81zl(\xfaz\xd7\xa1\xe7*\xa1\xc2\x1f\x0e\xccu\xa6\xc5^_t\x18\xe5\xaa\xde\x8d\xfc6S\x9e\xdfdJ\xed\x93fZ\xfbN\x03\xd04\x88\xa3\x1d\xe7\x87\x94\xdc\xcfa\x7f\xf62\xf4\x02\x9f\x0b\x08\xc7u~\x97\xbfc\xad\t\xd8\x84)ph\x8df\xbc48\x13\xb7\xe0\x02;\x97\xa3v\xab\xaa\xa7g\xc6\x9cF5X\xdbC\x0b\xe8\xeb\x1d\xf0\xd3\xdd\xaer\x00 5\xbc2\x0e\xf6\x10B\xd5?\xee\x16)g\x90\x073\x99uX\x18bv\xcd\xd6\x89NYO)/\xfd\xdd\xdd\xc7\xabV\xa51\xde\x83\x02tP\xc8\xdb\\\x8a\x8c\xbe\x1a\x9a\xa8[#\xf3\xaeb\x99\x8c\xeb\x0cE\xec\xe2jY\xb1r\xc6\x84\xfc\xd8\xd8B\x85\xbda\xea##&amp;P\xce\xc76\xf87\xf9?@s\xa8,rt\x16$P?\xe7\xe9\xc6\x99\xe0\xf8\xed\xc6\x8e\x85r\xd9\xbd"\xddWs9\xa1\xd6\x0cP\xa5\x13|k&amp;\x08\x89\x8fK\xf7\xce&gt;\r\xcf\xb1u\xf9*BN\x83z%\x94\xa6W\xd5\xb6\xb85\xcd&amp;;\x19\x08\x0e1\xbf\xefC\xd5o\x12_K\xbfB\r\x91qR\xcd\x04\xe1(\xc2\x8a\xed\xd7}bYUy\n\xb0\r%\xab\xf3&gt;\xa9^\xbf\xc5\xec\\M2*3\xc93\xfe\xfd\x97\x000\x86\x81a\xd6G\xecZ;s[\xd3)\xdc:\xaeh!\x94l\x04as\xbf\xbe3\xf8\xbccx4\x19pkc\xda(\xcc2g\x0fB\xe7\x89\x1a\xd3\xfeKNf\xdd\xd7\xcd\xa1\xf7n\xe6\x9f\x11\xa6Nzo\x08\x7f\xb0Z\xd5&amp;E\x93\x1al\xa6\xff\xf1\xf0\xad\x93\xe1[(_m\xee\xaeii\x18\x92i\xb6\xbe\xe56\xd6\n\xe4\x9b\x1a\xbc\xc0`\x05\xe8\xb6\xceG\xd8\xcdr\xe5\xaaR\xea:\x18\xb0~\x00gj\xef\xf4\x10\xcd\x95I\x93!Q)\xd7\xcb!\x03-{{(\x1c9\x165\xe3\xd48\xd1\x1b)D\\[\xddL]\xe1_\xac#\xc6h\xa8}\xf9\xf6\xf4\xd3\xfe\x81\r\x1f\xbe\x9e\x12\xde\xdb\xff\xa5\x1c3\xd3\xd4\x80W\xc0\x05\xc4&gt;\x0e \xa0.\xeb\xbd\x86\xd2\xf7Eu\xdb^\x8e\x1cM\xf1Z=:\xedY\xcf\xf1D\xa7E.\x9d\xdf\xcbK\x01\x12\x17\xf5\xe6Z\xb0\x9cn#\xf4\x1d\xb1\xd6z+Tz\x86\x18\xc7\x91+\xfc\xdf=\xf6v9\xe6)\xd1\x85;\xd0\x1e\xe3\xdb\xc4z\xfe\x85\xed#w\x94\x7fB\x8c\xb3\xcf0/\x91\xad\xb4\x03\xc1\xdb\x1a\n\x8a\xe15\xe8:\x06\xaa\xf2W\xf5\xc93\xc2\xc0r\xc1\x9ef\xa9\xcbw\xab\xb8\x81\xf4\xd9\xa0\xfe\x80T\xfeJ\x86N_G6\xean\x94\x13\xac]g\x8d&gt; B\xa8\xf8D\xcd\xcc\xc6X\xb5\xd7T\x8cy\xa3\x9e1+j\xea\xe85\x7f\xc1\x99\x82\xdf\x12\xd0\xe4\x87[\xea\xd8-r\xa9\x1dkF\xfae\xc0}\x15\t\xc7b\xbd\xdf\x1d\xc3Qa\xc3\x05~s\x90\xd7\xd4\xe2m\x0f\xd2\x05\xd8\n\xba\xdb\xd9\xc2;t\xbdI\xca\xae\x17\xd13\x0b\xe6\xc9\x9c"\xcc\xdb\x8b4\xeb\\\xe7\xccz\xcd|\xa5\xf9\xfc\xc0$CSUs(\xbe\x05\x9ba\xa3\x05h\xb8\x82)\xbb\xdeRT\x9cR\x08\x83b\x90M\xc9\xc3~\xd1\xb2`?\xba\xd1\xeaj\x8d\xff\xa0\x15=t\x9bB\xb2&lt;U$\xa3\r\x9aq\xbb\xd6c\xfbG\r\\ao\xdd\xc3&amp;\xb1\x0e\xd9\xba\xf8%\xc6\xdaA/{\xd3/\xa2\xa0\x1a\x05\xe4\x03\xaf\xc4\xa9\xbft\xcf\x1a\xfc6\xca\xba\x8e\x80\xe9\x14\x8a\xa8\xac4H\xa4U\xd29\xd3\xeac\x0fL\xbb\xa1\n\x99A\xb4\xe9r\x92\xd6Y\xed\xfc\x8b\x1b\xf8\x19\xc6\x91\xfeJ\xaa\x11z\xa2\xc9\xde\xc7\xf9\xecm\xb2\xa7}\x1c\x15eh|\x9fU\x04i(\x95 \xca\x8d\xffy{\xf1CB\xdf0S+\x92\xdd\xe9\x02X\xacDT-8\xc8s\xdb\xb6\xfb\xbd\xdf]\x0f\x1d\x8a\xc2~L\n/\xb3lYI*s\x99=`\x05r\x91&gt;wNe\xeeC\xe3\x10-k\xd6&amp;x?\xa2\xbb\xa1\x83Q\x0f\xff\xe0\xc8\xd0e1\xd3\x87\x0f\xe8\xaf]\x82\xc9mV\xde\xb2\xcb\xd7\x00\x1f\xc0\x8f\xbd\x8f\x167\x99\xef15/\xff\'XYYG\xea.j\xba\x8dt\x8f\x16\xe9\xbb\xf5\x872;\xe3\xe5u\x9c_\xc5-\xd5z\x9b]Xrj\xc1\xeb\xae\xb3I\xa5\xa7\xc9~Yt\xc6\xa2+\xe8\xd4I\x18\x88\xcf3\x07\x82u\xbegp\xc0\x11\xf9\xa1\x12\x1d%c%\x8e\xf2\xfd\xc6\x14q\xa7\xe2\x9a\xf3\xf6\xc1\xec\xb1\'\x08\x90&lt;\xa3va\xb2\x82\x8a\xf1\xb5p\x95\x89\x1b\xbc\xf0vl\xb4\xfe\x19t"kw-\x88CA\xe5\xc8r\xb0\x80\xaf\x9cETu&lt;\xb2\x1ai\x16\x10\x8a\xf9\xf7b\x18+\xdd\xa9Jd\xff2\x8aw\xb1b\xb8\xd9qO\xe0,\x05\\\x15p\\6\xc9\xc0\xaa\xb4\xed&gt;0j\xda\x1fqv\xfc\x16S\x10\x96I1I\x1a\xfbi6\xf0\xa2E\xf8\'3Y2\x7f\r\x84\xec\x16\xa2\xd2\\\xc4\t\xa1\xe9\xe2-!\rZ#\x94\xaa6r\x0eZ\xe3L`\xc4\x01w\x01\xb4\xe3\xe2/\x10\xf1\r\x10Fd\xcaN{\xeb\xa5M{\xea\xd9\x1a\xe7\x9a7%\x81\x05\xb6\xe8\xfa\x871\xa7Ym_\xcfAk\xac\xd1\xbb\xa9\x91\x01W\xf1P\xc8\x17h.T\x7fp$\xda\xee\xfe4B\xb9\xee\xc2u9\x11\xc4\xed\x9a\xe9xi\x89\x17\xf8&gt;\xdc\xfcS\xd7\x83\x08dJ\xc8\x9a""\x91\x08\x87\xd7%\xbf\xa9t\x00\xd98!\xd9)\x8c6\xe5\xdb\xe4\x07\xeaC=\xe30\xe3\xf3\xb9\x14Ot\xda^C\xdb\x99\xbb2\xc0xy~\x9f\x0cN\x97Z\xdb~\xbc\xa8\\\xd6\xf4\x19\x9f\xccIV+\x1f\x91\xff\t2h\x8d\xdf\x0e\x92\xef\x04\xef)O\x01-U\xac\x87i\xf6\xbc\xfd\xf1\xa8e\x99\xf2]\xa2\xc24S\x8b\x83\xddo\\MO\x9d\xacS\x04pc\x86\x14\xc7\x9a\xad-4\xdd\xdfg\xaaX\xd6\x03} \x92\xab\x0fB\x16\xdd\x8d\xe3\xa4\xb9mJ\xc4b\xedg\x95\xcb]5\x9f/\xede:\xac"\xd9W\x95\xff\xc6\xef\xf9\x8eg\xa9^\xf8\xe2I=@\x12\xd8\xc7n\xca\xa8\x9b]\x8c\x830o\xd5\xc9\xac\n\xa1h\xbe&lt;\x18\x80\xb2\x89\xa2}\xbf\xad\x861|\xa8\xfe\x00\xdb\xae\xde\x0em@/\xe28\x8bb:R\xbe\xb2\x7fn\xc1-\xdal\'_\x00\xb2\n\xc3k&amp;=}\xca\n\x88\xf5\xe7^\xd8\x08G\xfb\xfe\x82P[i\'\x87\xc9\xfa=&amp;\xc2")&lt;\xb8\x99\xc4\xa9\x8d/\x13\x9c\xb8\\\xaf\xe1\xab\x9b\x856\x1bi\xa5wAJ\xc3^V\xb9\x01\x81\x9b\x9b\xae\x00;\xc9\xeb\x18\xc34\x12cK\x9f\xabaI\\(]\x1f\xfa\xc7\xbf~\x0b\x07\xf6O\xc3\xdd\xe1:\x90u\xb3\xe1Vz1#\xb5\x88\xdb\x8b\x08\x86\xb3\xe5\x06\x0e,*\xb8\t\x1fPo\x86\x19\xb1)S\xfa\xec\x90\xb4q\x95\xc2j\x0f\xb5\x12\x1af\xcc\x02\x04\x8f{\x1bI\x1c\xa5\x047!m5\xdeQL\r#\x01\xb5\xdf|5_\xae&gt;N\xd8#\xa1\xcf/a\x96\xc4\x0e\xd7\x7f6\xd9\xbc\xd1\xe3\xddnk\x1a\xc9\x00\xcb\xbc\x11\xd7\xce\xd0\x1fv\xea\x14\x82\xf9\x1b\x17\xe7c\x1f\x0c\x0c\xf2\xfaA\xf7\x9f\xd6\xc2\xd3\xbf&amp;\x16&amp;5\xb8\x88M\x89\xcc&lt;\xe3\xa7\x8a\x1c\x82\x0fL8+\x93n;\xdd\xbel"2\x18\xfav*\xc6#5\x1b\xcf^\x1en\x81BfJ\xed\xbb\x0e[\x0fX\xb19P\x13\x07\xe1B\\\x85\x9b\xbfR\x1e(=L\xa7\x08\xf42\x11Z\xcd\r\xb86@\x89\x07`*\x03\xe2m/\x81lZ\xc2\x8f\x87\x9e\r\x99\xe2j\xbbN\xe1&gt;\xde\xceW\x8b&lt;d#\xbf\xa4%Z\xc0\xa8M$\x1f\x1b\xe1\xea\x8f\xc2I\xa7\x8b\xe4\xcb\xf3(\xf6\xbf\xc2=8\x86\xad\x08d\xbd\x84\x01\x07\x906\x88\x101s\x9e)]\x88\x96\xfe\xd3\x80\xaf\x98\x16\\\xa6\xf1\xe2\xef\xc9\x18\x88\xa6\xa0\x99\xea{\xcfJ\xb2\x8f8\xb7\x91&amp;40\x10\xeb3\xb0\x84\xc0\xba(!\x18\x9a\xa3\xb9`\xe4\xda\x1a\x83\x9bb\xd8:\x12\xd2\xeb\xe7\xf8\x19\x86\xe7S7=\x0fZ)\x92\x8f\xa4{\xa7~\xf6\xd7\x0f^\x0f2\x85\xd1~\xb1\xc5\x1c5\x8b\n\xda\x17\xbaLf5\n\x15\xb8\xafT\xc7YQ=C\x1cRo$&amp;\x12K[7\x88\x1cj8[\x02\xf5&amp;\xf1\x80Z\x97"\x89\xa7\xfcK\xa9\xa9!O}\x9c\xec\x9dp&amp;\x1a\xe7X#\xe4/\xb9&amp;22V\xeb\r\xf5M\xcaG|\xdb\xe7\xa3D\\=]\xdeR""\xc5\xd5\xe7\x1aD\xa9\x10A\x99F\xedO\xfd\x9e\x02\xf6\xdas\x12H\xa4*\x86\xc2\xcb\x15\x8f\x9b\xac\x073qx3\x8d`\x1c:\x8bh\xc0\xa8\xe0n\xbe\xf1/6IQ\xae\xbc\x93`\x1f\x95E,\xb2#\xd9\xa6\xa8\x9fQ\x0c\x89&lt;g\x00\xf1k5\xf3\x12\x9f)8\x1fL\xfb\xa7 4@\x03\xdd1\x8fh5\xc1\xef\xcb\xcf8\xbbkn`\x8dt\x08\xaai\x119\xfcE2Jn\xbc\x02\x9b\x03W,\rf/\xbb\xfe\xf5$\x83\x0f~\\\xea\x9c)\xb6\x16\xd3\xf8\xe3\x8d`\xcd\x19\x1a\x1f\xbe\x93\x14\x1d\xb6\xae\x83\xfd\x83\xe4{\xedZK\x19M0\x07\xaf!\x95\xe5&lt;q\xbb\xeb\xa29\xad!\x91\xad\xa1\xadV-\x9d\xbb\xe2\xf9\x8f\xa1oU5\xb9\xdbF\x9e4\xe1\x184X\xc8\x91\xec\xad\x0e\xc0K\xa0H\x8a\x8eZ*\r\xf7,"\xdcD[p&gt;x6\xa2\x16Ov)\xf0\x18\x1a\xe9"\xa69\xd3\xe0bJ%\xe4\x90\x017\xf59\x8e\x8fk\xf5\xc4\xfar\xbe\x0c+\xa67"\x1f\x02\x83\xf1c\xaa\x1e6\xa0\x82\xbe#\x97\xa0/\x93\xe2\xcf\xc1W`\x8a\x7f\x82\x8dX\xd6\x1a\xf0R\x96\x01\xdf\x9e\xdda\xf4\xf3\x0b\xf6\xa0\x7f;\xe3\xf3\x1ez\x17\x13C\x12\x83H\'B$uD=O\x06m\x14,\xf8\xc7\rx\xd1\x12\xca\xe8\xbb\xcf\xa0\xe3&lt;`\x0c\xb02\x95+\xa5\xe6L\xeb\xf5\x16\x14d\x94\xe4\x03F\xa6\xe8\xdd\xc6\x9e\x9b!\x9e\x9e\x11j\xde\x00.~\xfb\x12\x85J\xfb\xc7\xc4\xf9\xfdcm\xc7\x016\xdf\xb8\xbe\x9a\x81BO~\x16`\xc3\xc1\ng\x9f\xa3\x8bG\xe8\xf1\x02\x82\xbaf&amp;g\x887@\x824\x1f\xfe:N\x8a0\x8d\xbbL\xcac\x12w\x15\'J\xb6\x9f\xdf\xe1\x8e,\xf8\xe0u\x8a2\xb6\xe4\x9dz\xb3\xcc\xd4-g\xd8\xe5\xf8rG\xb7\x9c\x9a\xea\x0b\xe3\x06\x07\xd6wx\xa9\x94\xca\xbbD?\xecY\xf8u\x98\x80\xc8;\x13N\x0e\xb4\\\x82\x83n\xce0\\s\xfd\xa0)\xdb\xc0v\xfc5\x90\xd7\x80\x0e\xdf-\x81\xfd\xd6\xe0\xbb\xab\xadW\'M\x10U\xb0\xe6\x96\x1c\xe9&gt;\xd2g\x0eC\x05\xa4\xcd\xe2\xdc\xc4\x9c\xb8\x81~\xa2\xc0X\x05GZ/\xee\xbbM\xb8v\xed\xc6\r\x8c\x94\xfc\xaaT|\xd1\x93\x1c\x8f\xb4\xcd+\xd1\xaf\xd8\x81\x17-\x81~?\x03\x870\x1d-\x196\x11\xe5\x06\xcf\x81[\xd3m\xb2G\x1eN\xb8\x9b\xca\xfa`\x02\xab\xd6\x89\x8c\xa8\xa8O8h:\xd2B\xed\xb4m\xd50-}$\x7f\xf8\xde25*\x99n\x91\x1b\xa9\xd6\xcc\xd3"\x84\xc5\xdc6\x0f\x8a^:\x1a\x00\x83p\x83\xd9\xd3\xaa\x99\xd2\xf0\xd5\xe0\xa0\x12\n=|W\xbe\xa8*&amp;\xff\xbf\x1aa#\xa5\xec\x9e\x14\xae\xdce\xa1QZH\xd5\xb2\x10\xf6\x88eR\xf6.H\x0czG\x8fm\xf1I\x81\xe7&gt;\nj\xcd\xc7)&gt;\xda\xf1\xad\xc0&gt;\xb6\xc5\x12\xd6z\xfc\xf53\x1f\x1d,\x1a\xdd\x133m\xa4hr\xcc\xcbw\x1b;\xd3\xea\x99I}J\x0f\x9a\xed&lt;i J\xe1gW\xca\x83\x90\xe1j0I\xfd07\x8fc\x9e%\xa1b\xde\xb4*\xdf\xd3Kc\xaf\x11M\\\x9b\xff\xf6\x0e\xb9\x15\xe7\x8e{\x0e\xcbLK\xa4?\x0b\xd2\x80\xda*O\xb4\x06\xe5p6L\xb2\x89\xb7g\x90\x98\x9eA'</t>
  </si>
  <si>
    <t>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</t>
  </si>
  <si>
    <t>b'&gt;\xfb\xa5Q5\x95\xdd\x7f\xa9\xeee\xab\xdd\xc1\x14\xcb'</t>
  </si>
  <si>
    <t>;e] 2002 dh /kjk 4 }kjk izfrLFkkfirA
  THE CONSTITUTION OF INDIA
PREAMBLE
WE, THE PEOPLE OF INDIA, having solemnly resolved to constitute India into a 1SOVEREIGN
SOCIALIST SECULAR DEMOCRATIC REPUBLIC and to secure to all its citizens :
JUSTICE, social, economic and political;
LIBERTY of thought, expression, belief, faith and worship;
EQUALITY of status and of opportunity; and to promote among them all
FRATERNITY assuring the dignity of the individual and the2 unity and integrity of the Nation;
IN OUR CONSTITUENT ASSEMBLY this twenty-sixth day of November, 1949, do HEREBY ADOPT, ENACT AND GIVE TO OURSELVES THIS CONSTITUTION.
1. Subs, by the Constitution (Forty-Second Amendment) Act. 1976, sec. 2, for "Sovereign Democratic Republicâ€ (w.e.f. 3.1.1977)
2. Subs, by the Constitution (Forty-Second Amendment) Act. 1976, sec. 2, for "unity of the Nationâ€ (w.e.f. 3.1.1977)
           THE CONSTITUTION OF INDIA
Chapter IV A FUNDAMENTAL DUTIES
      ARTICLE 51A
   Fundamental Duties - It shall be the duty of every citizen of India-
(a) to abide by the Constitution and respect its ideals and institutions, the National Flag and the National Anthem;
(b) to cherish and follow the noble ideals which inspired our national struggle for freedom;
(c) to uphold and protect the sovereignty, unity and integrity of India;
(d) to defend the country and render national service when called upon to do so;
(e) to promote harmony and the spirit</t>
  </si>
  <si>
    <t>b'O4\xfe\xd8\x11\x9fZ\xa8\xea\xa2!yx\xcco\x10\x81\x11\x1a\xde\xcd\x9eR\x97kUP\x7f\xf6\xf1\xec?\xdc,|\xf6\xec\xab\x87/V-\xd2\x1e\xf9]Ms\x16b\x1c&gt; \xa2\xael\xf1\x14\xa4\xd7]\x9c\x80\x0c\x98\x83\xebt\xc5b\xd9\x8a\x12\xfb6gK\x0c&lt;5\xfa \x04",\xb2\xce\t0\x9bZ\x04\xce(\xb2\x9b\x0b\xb1BK\x05\x95\x84\xd2\xc3\x9a\xf9\xb13U\xec\x9f\xd7\xdd-xwF\xcdw&amp;z\xdbvvT\xf1\xe2\xc3g\x06\xfa\xf7!\x0b\x87\xe7a*Z\xe9\x94}\xe0\xa2\xda6\x13\x97\xe0\xae\xed\xc9~\xf1+i\xa7\x18\xf4\x1b\xe3Rj""\xdc\xfe\x15#\xea\xd4|\xb4Ogo0\'{\xcf\xc5\x1f\x8bu\x06\xcb\x08\xcc\xbb\xdd)*Q\xbdw\x18\xc3X\xbc\x90.\xbf:\xa9 \xefV8X\xe8\x01\x03\x98F`\xdeds\x05\x9em\xc3\xb4\x84g\xa7\x8c\xa8\x1e\xf7n\xaa\xf0n\x9d\x8eR\x13\x83\\/J\xa9\xeb\xf2\x01#\xd0^Q\xaf@\xd0\xda\x16\x86\xcb\x08f\x1b\xafi\x1d\xd8R\x04b\x1eAd\x9e\xce\xbb\xce\xe7\xb3\xec\x17\x99\xf1E\x17D&gt;\xb2\xc2\x81\xb9-[p\xaf\xd3\x8eV\x93\xcd\x9ejM~\x0ecpn\x8f#g\xd8\xa5{\x1e\x00g\xc6\xe7\xb7\x15/Kz\xed\xab\x18\x11\xe1x*\x9ez\x1b\x9e\x7f/\xfa\xa5a\xeb8\x8e\xea\x0f\xc68m\xeb\x13\xb6"\x0bC\x03\x05Rz\xa47O\xee"\xd3\x00M\xe1\x93tn\xa8\xdd\xf1\xfcMj\x8d\x89\x84\x80L\xce\xfeB6\xb4\xf3\xcf\xda\x87\x13\x95K\xf3\x0fM\x02I\x8f\xae\x01\xd9\x02\x06\xd1bE\xda\xa3\x13\xc3GP\x7f\xd9{\xd2\xb5\xef\xf9$\xfe\xc9b\xc9\x02\xd3\xef\x9c8fi\x92\xc5\xe8\xdav0,\x8c\xb2\x16J\xe6\x82\xda\x18\xfa\x08\x83*=\x08W\xc8m-\x8ft\x0czK\xde\xf4\xad\x9ap\x0f\xd9\xd8f\xa6\x00\xea\xbe\xa3\xb0W\xc6\x9f\xc8&amp;\xc4V\xfd\xe4\x02F\x85\xe5\x80\xe2\r\xdc\x94\xe9\x94\xab\xff%\xdat\xdeg\x94Y.\x01\xe9\t\x1e%\x88U#\xea\xa8c)\x8d\xc2\xf9\x02e\xf86\xee\x8dBJ\x11\xf1\xb5#4\xcf\xd4\xf6E#\x0b\xa2\xf4\xe9\x14\xc6\x94e!\xb4\xe6\x01\xa0\x8b[\xc8\x06\x93\x1at\xe0\xf6\xf5X\xe7}:6&gt;\x93\xf2\xef\x81i\xf6\xca(kM\xea\xdca\xa2_p\xf7\xa6\xd3\xfcv\x89)\x91\xf2f\x87\r$M\xa9\x83\xeeeG\xc1\xe3\x1a\xdc\xb2\x9b\xe3\xf4\xfd\xf6y\xd8L\x0c\xc3O\xa1\x7f\xf1\xe6\xf1\xcaZ\xacC_\x8d\x8d\xf5\x11\x1f\x93%\x87\xe8\xa7RB\xf6;\x0f\xda\xb2\x9e\x92Uq\xa0\xb3\xcc&lt;=\x1a\x0cA\xb4\xd1\xf8\xdc\x9d\xe9\x94\xc5\xe5\x98\xad\xa9\xdd48"LL\tj\x12h\xc1U]\x1cVC\xd8\xfe\xa3\xe58\xa7\xaa%\xd3/W_\x16\x9a\xee\x0eW\xb4\x1f]\t\xd9\xc2LL\x9c\xef\x95\xf2Q\x94\x86S\xcd\xa21Xv(w\rG\x1dN%T\x16\x8b\xe1\xd3\x14\xbd:\x90\xef\x1fX{\xd9A3\xb4\xff\xf4fB]p\xae\xee\x9a4\x02\xd8\x17\xcd\xad\x06\xe1\xeb\xc6r1\xdb\xb0\'\nA,7\x0e\x84\x8d*T\x10\x96]M\x89b\xe8#m\x07J\xdb\x04\x18\x82\x80\xeb\x94)z\xb8\x01\x99\xfau\xe3\xcc\x1e\x8bx\xad\x13qS\x8b\\\xd93i\xc2\x9fH\x89\x00I@\xd8\xa6\xb42g\x94F^6\x04\xacmz\xfd\xa0X\x91K*\xbd\xfa\xb9=N\xa4\x85 \xe1Z\x91\xb6&lt;\xa0\x03\t\xc8\xc7\x85\xbfXh\x85t\x89t\x1cPe/j\xe5\xf2\x1b\xdc\xa2\xbeG\x87R\xdfc\xcf&amp;\xd2\xbb.2\xc8\xad&gt;\xa0\xe7G\xd9!\xa0\\\xb3+\xdd\x9f\xfe\xf2\xc3\x88}\xa3\x0f\x98\x94\x89I\x966\x9cV\x06Y\x0c\xe86\x87\xb9\xb2\xa3l\xa4\x92\x05\x00\xe5MO\xbf\xd7(\x9f\x9a\xc8\xec\x90\x88lN\x84\xa0\x99\xe3\x97`\x8c\xab\x80\xdb\xc2\xf08\xa6\x81\xb1\xb7O{\r=\x00\xf4\xe1\r\xb7OG\xa2t\\=)\x0e\x8e\xacb\xa1\xb6\x11\x96\t\x01O\xcf|\xa3\x9a\xf1\xcbD.\xc3_\x1d\xdbt\xe9\xb3\x80\xcb\xeb\xeb\x19\xd0JO\xed3\xd1k\x87% =\xfb\xc5\xda\x92d\xac\x8a\x86\x81\xb1\xd1\xc0\xc5\x1cH\x98\x8c\xb0C\xb8\xa8p/t*j\x1faHH\x90\xa2\xedG\x88\x95\'\x04\x9e\x82x{zm\x8a\x7f\xc6zv\xb8\x7f\xef\x06gYU\x12\xd6\xe8\xa1\x8eYs\x14j\x11\xb9\x08\x16\xb9\x9cmE4z\xe1/F\x9e\x8c\x8fNE\xabE\xa2\x81\xad\xc5TSO\x10\x92\x0c\xf3\xa2e&amp;A\x82\xf5\xde:\x8f\xde@\x1e\x04\\_\xe5J\xde%\xd0\x96\xa3.\xc5\x82\x1f\xafw\xd1\xbci\xbe\x85\xa9\x85\xb6\xcc[\xef\x0c\xb3\r\xc4\xd8\xe3t\xcc\x170\x15;j\xd4\xd3\xb8P\x9b\xce\xe6D\xc9\xee\xa5\x06\x07-f(\xa3z\x96\xf5\x10\x86\xcbP\xa3\x8c\xaaz\xe9-\xdb\xd9&gt;e\t%\xac\xd3~3&amp;\x1f%b\x8el\xa4\xd7=\x08\xc9Y\x92\xfb\x1a\x10\x14`\xf9c\x12\xf5\x8a\xf1\x80\xdd\xad\xff\xce[\x93\xd0y\x15\x9b\xdc+\x10V\x9f\xdf\xbc/Q:\xd7\xb6\x0c\x14\xbc?\xa35\x91$\xae\xdf\xc8\xfe\xc9:\x02:\x97\x17\xc8\r\xdd\'EuX\xbf\xacFf\xdd\xeb\xfd\x9e.e\xe61\xfd\x90X\x12.\x0f\xa3\x9b\xe7&amp;{\xa1!\xcf g\x1d\xfc|N\xf1+\x08\xe7\x81rw\x85\x88%\xe8\x1eZ\xb4a\xc1\xb3jL\x8e\xaf\xd0~\xb8\x926\x8a\xea\xb0\x18\xc6cJ\x86\xca\xfcU\xdd\x7fa\xb9u\xc7\x9a\xd5Zg\xaa\xc3L\xf2\x82(\x9aY\xf3\xf59\x1b\x024\x0e\x7f\r\xf8\xb7\x08\x1eS\x15\xb4\x9a.\x02\x01G\xbc\x8b\xc5+U\x95\xbe\xac\xb6j\xbb\xcbG\x14Hln(8\xdb-\xc8\xba\x9a:\xb9\xac\x93a\'9,\x1eI\x13Q{\x90&lt;\xc6\x81\xa5\xbc\x870\xa9b\x12'</t>
  </si>
  <si>
    <t>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</t>
  </si>
  <si>
    <t>b'O4\xfe\xd8\x11\x9fZ\xa8\xea\xa2!yx\xcco\x10'</t>
  </si>
  <si>
    <t>, and as we slowed to a standstill a man's
 122
 face as big as our house at home looked in over the gunnel, same as a
 house looks out of its windows, and I laid down and died. I must 'a'
 been clear dead and gone for as much as a minute or more; then I come
 to, and Tom had hitched a boat-hook on to the lower lip of the giant and
 was holding the balloon steady with it whilst he canted his head back
 and got a good long look up at that awful face.
 Jim was on his knees with his hands clasped, gazing up at the thing in a
 begging way, and working his lips, but not getting anything out. I took
 only just a glimpse, and was fading out again, but Tom says:
 "He ain't alive, you fools; it's the Sphinx!"
 I never see Tom look so little and like a fly; but that was because
 the giant's head was so big and awful. Awful, yes, so it was, but not
 dreadful any more, because you could see it was a noble face, and kind
 of sad, and not thinking about you, but about other things and larger.
 It was stone, reddish stone, and its nose and ears battered, and that
 give it an abused look, and you felt sorrier for it for that.
 We stood off a piece, and sailed around it and over it, and it was just
 grand. It was a man's head, or maybe a woman's, on a tiger's body a
 hundred and twenty-five foot long, and there was a dear little temple
 between its front paws. All but the head used to be under the sand, for
 hundreds of years, maybe thousands, but they had just lately dug the
 sand away and found that little temple. It took a power of sand to bury
 123
 that cretur; most as much as it would to bury a steamboat, I reckon.
 We landed Jim on top of the head, with an American flag to protect him,
 it being a foreign land; then we sailed off to this and that and
 t'other distance, to git what Tom called effects and perspectives
 and proportions, and Jim he done the best he could, striking all the
 different kinds of attitudes and positions he could study up, but
 standing on his head and working his legs the way a frog does was the
 best. The further we got away, the littler Jim got, and the grander
 the Sphinx got, till at last it was only a clothespin on a dome, as
 you might say. That's the way perspective brings out the correct
 proportions, Tom said; he said Julus Cesar's niggers didn't know how big
 he was, they was too close to him.
 Then we sailed off further and further, till we couldn't see Jim at all
 any more, and then that great figger was at its noblest, a-gazing out
 over the Nile Valley so still and solemn and lonesome, and all the
 little shabby huts and things that was scattered about it clean
 disappeared and gone, and nothing around it now but a soft wide spread
 of yaller velvet, which was the sand.
 That was the right place to stop, and we done it. We set there a-looking
 and a-thinking for a half an hour, nobody a-saying anything, for it made
 us feel quiet and kind of solemn to remember it had been looking over
 that valley just that same way, and thinking its awful thoughts all to
 itself for thousands of years, and nobody can't find out what they are
 124
 to this day.
 At last I took up the glass and see some little black things a-capering
 around on that velvet carpet, and some more a-climbing up the cretur's
 back, and then I see two or three wee puffs of white smoke, and told Tom
 to look. He done it, and says:
 "They're bugs. No--hold on; they--why, I believe they're men. Yes, it's
 men--men and horses both. They're hauling a long ladder up onto the
 Sphinx's back--now ain't that odd? And now they're trying to lean it
 up a--there's some more puffs of smoke--it's guns! Huck, they're after
 Jim."
 We clapped on the power, and went for them a-biling. We was there in
 no time, and come a-whizzing down amongst them, and they broke and
 scattered every which way, and some that was climbing the ladder after
 Jim let go all holts and fell. We soared up an</t>
  </si>
  <si>
    <t>b"\x9f\xcc\xdd\x86\xe2L\x80@\x9b\xcc\x98o\xd0A'\xfa\xc9\x9e\xdf\xa0\xceg\xc1\xd2\x1f\x14\x83\x1c\xbb(\x9d\x85"</t>
  </si>
  <si>
    <t>9fccdd86e24c80409bcc986fd04127fac99edfa0ce67c1d21f14831cbb289d85</t>
  </si>
  <si>
    <t>b"\x9f\xcc\xdd\x86\xe2L\x80@\x9b\xcc\x98o\xd0A'\xfa"</t>
  </si>
  <si>
    <t>ease in the size of the market leads to lower prices.
 Finally, notice that the sales per firm, , equal
 (8P-11)
 This shows that the scale of each individual firm also increases with the size of the market.
 X = S/n = 2SbF.
 X
 P = 1/bn + c = c + 2F/Sb,
 675
 postscript to chapter 21
 Risk Aversion and International Portfolio
 Diversification
 This postscript develops a model of international portfolio diversification by risk-averse
 investors. The model shows that investors generally care about the risk as well as the re_x0002_turn of their portfolios. In particular, people may hold assets whose expected returns are
 lower than those of other assets if this strategy reduces the overall riskiness of their wealth.
 A representative investor can divide her real wealth, , between a Home asset and a
 Foreign asset. Two possible states of nature can occur in the future, and it is impossible to
 predict in advance which one it will be. In state 1, which occurs with pr</t>
  </si>
  <si>
    <t>b'0E\x02 \x06\x00\x9d\xea\x86\xefh\xfa\xbb\xe1#\xddQ\xd3WD\xe6\xa1)\xed\xb2(k!\xab|\x19\xb5\x02\xd3\x19\x95\x02!\x00\xab\xb2/\xb3\xfd\xd1\x05\xad\xa3,\x19\xebzT\x94C\xd2\xd4\xc9\x01\xff\xc1*\xdd9.\x8c6\x94\x1d\xa7\xd0'</t>
  </si>
  <si>
    <t>3045022006009dea86ef68fabbe123dd51d35744e6a129edb2286b21ab7c19b502d31995022100abb22fb3fdd105ada32c19eb7a549443d2d4c901ffc12add392e8c36941da7d0</t>
  </si>
  <si>
    <t>b'0E\x02 \x06\x00\x9d\xea\x86\xefh\xfa\xbb\xe1#\xdd'</t>
  </si>
  <si>
    <t>t. Iâ€™ll take it to them, and see
whatâ€™s going on.â€™
Though possessed of half a dozen hats, it took him some time
to find one, then there was a hunt for the key, which was at last
discovered in his pocket, so that the girls were quite out of sight
when leaped the fence and ran after them. Taking the shortest
way to the boathouse, he waited for them to appear, but no one
came, and he went up the hill to take an observation. A grove of
pines covered one part of it, and from the heart of this green
spot came a clearer sound than the soft sigh of the pines or the
drowsy chirp of the crickets.
â€˜Hereâ€™s a landscape!â€™ thought Laurie, peeping through t</t>
  </si>
  <si>
    <t>b'/t\x12c\xfeN;\x87/\x1fQF:\x13\xbe\xd8^\xdd\xb4\x0b\xbb\xf96\xcfkIH\x94\x86\x07\x91\xde\xcc$bR\xfc\xe6u\x0e\xa2:A\xa8\xcav\xa4\xe5\xe8\x99\xbe\x12?\x8c\xed-\x83\xd1\x80\x07\xcc\xd4;\xb2\x10\x81\xcft"B\x1e\xfb\xc4~\xf3L&amp;\xd5\x1e\x83tO\xf2H\xb1\x8c\xfc\x83\xc3\xe6\x17/\xe7\x8aa\x01\xea\x8c\x99\x99\xb8::\x1f\x80\x8az\xc7m+\xa6\xd4\x85@\xe35.\xcd($\xcc\x1eb\xf2\xea\x15Y\xf8\x8fr\xe0\x96\xcf\x9a&gt;\xd0\x16\x86\\\x18"\xdcbs\x9e\xb3\x16\x95\x11\xd1@\x0b\xdf\xbe\xbc\x8a\xdc/\xc5?^\x81C^\x14N\xa3L\xbd\xb8\x99`\x92\xc2\xa2\xc5\t\xe3\x92\x85\x1ary\x8d\xf6\x1dE\xffB\xb3?\xfa\xf2\xc0\xea\x91\xa8T\xb3\xf6\x92\xb2\xf2\x9eQ\x84Z\x95\xcdu\x84\x19\xa3T\x85\xda\xa0*\x94\xa2\n\xa8\xce\xd7\xc3\x87\x9e\xf3\x8a[\xf5\xc7\x96\x15\xfe\x9b\xf3\xf4\xa9\xa5\x18\x15\x16\xfd9\xb5v\xed\x02 7\x17\xc1\xf8\xc6@\xfco\x1d\xdc}\x8e.w\xc6\x02\xbd\xc3\xf35m%\xa5\x9c\xfbnL\x83c\xcaK\x9f@\xd9\x8d\xebR\xfa-\xd9\x05\xd2\x12\xf3\x91$\xe6\x89\xd7\xa4y\x0f_N~\r\x01PeGk\xf1\x8c\x10\x93p\xcehzE\x1ee\xf5\x89q\x02\x1b\xa1\xfb\x12\x9f\x03{\xb9\xda\xcc\xe2\xb4\xe2\x85\xda-\x83/\xcfF"\x9f\xabM\xf4\xf2_\x95y\xf6\xddW\x16\xad\xb5D\x8cp\x13j&gt;\x17\xe3\xa0cb\xe3\xa6\xf2\x16\xc55\xa1\x00&amp;\xfa\xac\xa5\x9d\xf0(\xc7rN3\xaeN\x1f\xef\x98eoc\x05\x045\xce~7\xd85\xa7V\x81\x18e&amp;\xb4L\x05\x9d\x1e\xeb\xee\x84\xebV{(\xeb\x19\xc4^\xeek\xees\xcb\xfb\x03\xfd\xa5(u\x1b2\xc6^}\xbc\x84f\x94F\x01,\x82\xb6E\xcax\x1b\x80\xfcYVPDJ\xa0_\x01\xea\xa5\x89\x97Ft\xf9Ut\x12W\x8b\xdd\xb6Pc[\tT?\xd5t\x88\xbbd\xbd\xc9\x89\xdd\xd0\xf0\xea\x96%\x1a\xcb%\x12%\x9f\x1f\x18\r\x014\xea\x98\x9am\xb9\x98d\xda\xf1\xaa\xec\x17@\xd2D\xf5\xde\ry?Kg\xa1 -\xf7\xb9(\xef\x0e0\xf5{\x04*9\xef|uS\x8d|taG\xde/\x96|\xa2\xf5\xbc\xb4\xcb\x85"\xe5c\xef\xe7z\xbc\x9d\xd4u\x91\xe3\xf9\x0cq\xdbv\xd6\xed\\d\xfc\x14\xa4O\xaae\xc0\xd3\xb6+\xe8/\xdfo\x82\xdb\xe1\xf8\'-\xb80tFB$N\x9c\x15\x9c\x1c0&gt;\x1c\x90\xc8\xe7\xadl\x9f\x0b\xb3\x8a7\xc5u!\xaa\x99\xb2\x85\x88|0\xd1M\xa6\xc4\xb7\x98\xe8a\xcd\x14\x11\'\xc7:\x1c\xe5\xd0g\x86\xf6\xa5'</t>
  </si>
  <si>
    <t>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</t>
  </si>
  <si>
    <t>b'/t\x12c\xfeN;\x87/\x1fQF:\x13\xbe\xd8'</t>
  </si>
  <si>
    <t>change and unit of ac_x0002_count suggest reasons why some currencies become vehicle currencies for foreign ex_x0002_change transactions? (The concept of a vehicle currency was discussed in Chapter 14.)
 6. If a currency reform has no effects on the economyâ€™s real variables, why do govern_x0002_ments typically institute currency reforms in connection with broader programs aimed
 at halting runaway inflation? (There are many instances in addition to the Turkish
 case mentioned in the text. Other examples include Israelâ€™s switch from the pound to
 the shekel, Argentinaâ€™s switches from the peso to the austral and back to the peso, and
 Brazilâ€™s switches from the cruzeiro to the cruzado, from the cruzado to the cruzeiro,
 from the cruzeiro to the cruzeiro real, and from the cruzeiro real to the real, the cur_x0002_rent currency, which was introduced in 1994.)
 7. Imagine that the central bank of an economy with unemployment doubles its money
 supply. In the long run, full employment is restored and output returns to its full_x0002_employment level. On the (admittedly unlikely) assumption that the interest rate before
 the money supply increase equals the long-run interest rate, is the long-run increase in
 the price level more than proportional or less than proportional to the money supply
 change? What if (as i</t>
  </si>
  <si>
    <t>b'0F\x02!\x00\xf9ROY\xdc\x83\xb3\xa5\xbc\x00\xd5\x95)QP\xb0m\xc25\xc5.\xd9\xca\xbdrq\xfe\xcb\x8fg\xaf#\x02!\x00\x81\x95\r\xac\xf9\x87\x823\x9f\x9d\xa7\x05\xf6\xb0\xafb\xcf\xadR\xea\xc3\xd0rz\xf8s\xcd\xea\x19U\xb4}'</t>
  </si>
  <si>
    <t>3046022100f9524f59dc83b3a5bc00d595295150b06dc235c52ed9cabd7271fecb8f67af2302210081950dacf98782339f9da705f6b0af62cfad52eac3d0727af873cdea1955b47d</t>
  </si>
  <si>
    <t>b'0F\x02!\x00\xf9ROY\xdc\x83\xb3\xa5\xbc\x00\xd5'</t>
  </si>
  <si>
    <t>ty, J.-Ch. 1987. Nouvelles donneÂ´es sur lâ€™armeÂ´e romaine dâ€™orient et les raids sassanides du
milieu du IIIe sie`cle. CRAI: 213â€“41.
Balty, J.-Ch. 1988. Apamea in Syria in the second and third centuries AD. JRS 78: 91â€“104.
Balty, J.-Ch. 1992. Curia ordinis: recherches dâ€™architecture et dâ€™urbanisme antiques sur les curies
provinciales du monde romain. Brussels.
Balty, J.-Ch. and Cazes, D. 1995. Portraits impeÂ´riaux de BeÂ´ziers: le groupe statuaire du forum.
Toulouse.
622 Bibliography
Balty, J.-Ch. and van Rengen, W. 1993. Apamea in Syria: The winter quarters of Legio II
Parthica: Roman gravestones from the military cemetery. Brussels.
Banaji, J. 2001. Agrarian change in late antiquity: Gold, labour, and aristocratic dominance.
Oxford.
Barb, A. A. 1963. The survival of magic arts. In Momigliano 1963: 100â€“25.
Barb, A. A. 1971. Mystery, myth, and magic. In J. R. Harris 1971: 138â€“69.
Barchiesi, A. 1997a. The poet and the prince: Ovid and Augustan discourse. Berkeley.
Barchiesi, A. 1997b. Endgames: Ovidâ€™s Metamorphoses 15 and Fasti 6. In Roberts, D. H.,
Dunn, F. M., and Fowler, D. (eds.</t>
  </si>
  <si>
    <t>b'08I\x8a"\xbc\xb8h\xf1\x1a#PH\xab\xe2\x9f\x816\xf1\x06H\x98K\xafA\xc9B\x15\xb2"q\r\x0e\xf8)k\xbe]%\x934\xae:K\x9ft\xfc\xbe\xcf?\xaf\xbf\x9c\xf4u\xb9\x89&gt;\xbe\x18\x9a_Q\x1d\xb9\x7f\xec\xd7\x85\xed\xd5\xbb\xf8\xc0)\x10\x14M\xc7p\x07\xa6\xed\xa8\xb7\xa7s\xf7\x91*\x94\x0e\x9a\xf2\x12\xec\xd5\x16\x98\xe7\x01\x14\x9f9E\xc7?\xf1\xf3w+s`A\x89j\x04\x06\xcf\xb5\xa3\x99\xdd\xce\xfd0z\x86dr\xc7\x9cF\xcc&gt;\x9f\xef\xa2\xe1\xd5\x05%J#\x9fW\xf0\x9f\xc5NZ\xf9\x1c\x99\x97\xc4+\xd8\x90j\\&amp;\xecR\'\x1a*\xbb\x9c\x9cA~9\xc9\x1a\xd6\xea\xf1\t\x01\xaa\xe6ao\xb4\xa4\x90h\xede\xd6\x9d\xd6[\x85\xa7\xf6\xea\x19\xcc.\x13^\x85\x87\x9aP\xf7\xf3\n}\xc9\xa3\xb4\xb7&gt;\xf8\xa1\x1b"\xee\x06]\xcd\xec\xeb\x90\xcd\xa6\xe1l\x87\x9f\x92\xd30\xc2\xdd\x90&amp;J\xeb\xd0Q\x80~g\x88\x0e \\\xbd\x9d1*e\xb3\xa3\xa1\x8dA\x97\x1e\x06|\x0c&lt;\xad\x14\xda\xf7;\x92\xb5[\xde\xa6Mf\x8d\x87T\xcc\xcdR\xeeo6:\xb2 \xa1H2\xf3n\xef\x82A\xabW\xe9\xc4\xd3\xcc\t\x0e\xd51\xec\xb4\xcd\xc4~\x8b\xe2\xbem\xb6\xa6c3\x89\xa4\x91:\x135\x12S0Pkue\xd5e\x15\xdf\xad{\x84\xc06\xbd\\*\xb6\x88\xa8\x80\nM\xa4\xe5\xb9`\x90chV!g\xe1\xb9p\xb9\xf1\xba\x88\xce\xdf\x93\xf2z\xa3\xe6b\x1ez"\xc8?\x9b2\xf2\x06P[y\x92\x1f?\xbaU]\xfe6\x1a\x03\xf6\xb5,\x9d1\xaf7\x1f\x13\xde\t\xa95\x1f/\x8c\xe0\xcc\xbb\x1bZ?iw\xaas\x95\xa9\x0eB\xd4w\x9b\x9f\xe58\x1e\xf0\xad\xa2\x824w\x90Sa\x95\x90\xfb\x8a\xa8E\xcd!\xd4X\xfb\x1an9d\xe8\x10\xfd\xa3\x08nH\x87\xc2\xf4\x81\xbc\xbfOL\xcat\xd60\xbb\x0c\x93\'pY\xcf\x15\x99\xeejh\xdc\xa3\xae\xd1&amp;\x15\r=2]yP\xe1\xd91+&amp;\xf9\xa4\xf5I\xab\xee\xaf\x02\x10\x92\x91N\xe7\x167\xd2\x83\x97\xda\x96\xb7O\xe4\xe6C\xf0\x95u\n\xa4\x1d\x0f\xb1u\x1a\xf47\xd4\xc2\x11)J\x13\xf2\x83\x91e\x90\x1e\x05\xc1\xfd$\x01\x95m\xeb1\x97\x81\x16nu\xaa\x8b\x14#\xc5\x8f\xf6\xdbV\x131\x02\x95\xd2t\x7f1DZ\x9d\x16\xed\xdf\x1dY~\x8a\xb9\xfdN\x82wl*\xd8P:\x01I\x98\xb9=\xd0\x18T\x1ai8?p\xcc\x06\xf7\xdaCwQ\xfd\xf4\xe3\xb2/`\x95\x1c\xfb\x85\xd3\x14\x9e\xd8\x955\xd4\xb7i\x0cz\x18\x9a\xcb9\x07\xaeL\xe1\x9f\x89\xc5FA?\xb0\xf0\x80&gt;\xd7 -\x08\x97G[\xe54\x95\x8c\xb6\x9c)\xa6\xd1\x18v\xa4\x1fO\xcd\n\xcf\xde\xa9\xf5l7f`\xc3\xcf;\x83\xcc\x13w2d\x0f\x88\xc1\xca\xcdq8\xef\x989\x952g\xa3u\\\xec\x15\xda\xf2\x92\x8a[\x88\xf5\xc9&amp;\xee\x14\x17U\xde\x86\x97\xc2\xedWl\x82F\x00\t\x1aQ\xdb\xd2\xaeUz^\xf0R\xfa\x1d\\4\x8eh\xbd\r\xe0P%\xe0;H\xc7\xfe\xa2\x03z\xcf+\xb2\x1aX\xb6\xf0\'+\xb3[X\xe8!&lt;\xe6\xc6\x10w*iu\xef\xa1\xe6\x87\x8a5`Fn-\x95\xf9\xacD\xbaI\xef\xba\xba\xffw\x8d\xab\x05]\x84o\xb6\xfbEm\x8fw\xff\xe4\x0cA\xb1\xd0\xed\xd6\xd2\x01/\x10\xdas.\x89\xe2\xe7\x8a\xde)\xd5B\x92\xe5\xd5\n\x98W!c&lt;\xd10f\xfc,\xef\xbe\xdd\xcb\xc7\x1d\xf2DSc\xabc\xc8\xddr\x18\xdd\x89W\tUMf7\xdd\xa3\xd2\x8avBya\xa5\xac\xa7\x1c\xbc8\xe1\xc9,`\xb5\xf2$\xb38\x8bW\xd1\xf8\xb7W+\xb3\x1e\xe7R\xf4HK\x1c\xedX\x94\x85\xbcrr\xd8Wc5\xd3]\x7f\xd6\xad\xe9\xe3\xee\x04\x1d\xc3~\xad\x8eb\xde\xd1U\x87\x9f\xd7\x8c|\x97\t\xcd5\x99N~\x86\xa6xgc\xb0e\xaeq\xda\x9b=\x1dc\xbd\xcf`)3\x9e53-z\x19\xf7\xc0\xbf\xf0\r~ea\x90\xfa\x13\xb4\xd69\x05\xdd\xb3W\x81\xbbN\x8b\xbc\xa47\x06\x88\x01\xb6d\xe9\xd8,x\x83Ov=\x13\x86\x08\x98\xc7\x1e\xb9_3\x16\x0f\x97}\x08;S1\xde\xf6ih1d\x9ba\x96\\T\x7f\xda\xa0R\xeef\xeb\xaa\xd2\x7f\'\x06G\xf9\x12~\x01@\x86\x04\']0\xbd\x8d\r\xdf\xc7\x07\x9a\xff=\xe5M\x97&amp;\xf4\x12\x13\x88\x06\x9e\xd1\x7f\xc2|+\xdd\xbct\xed\xfd\xb1\xe7\x83\x8b\xbc!V\xfcW\xe3\x1a\xdc\x04\xcb\n\x10\xf3\xff$'</t>
  </si>
  <si>
    <t>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</t>
  </si>
  <si>
    <t>b'08I\x8a"\xbc\xb8h\xf1\x1a#PH\xab\xe2\x9f'</t>
  </si>
  <si>
    <t>uppl. 34.
Portsmouth, RI.
Golvin, J. C. 1988. Lâ€™amphitheÂ´aË†tre romain. Essai sur la theÂ´orisation de sa forme et de ses
functions. Paris.
GonzaÂ´lez, J. 1984. Tabula Siarensis, Fortunales Siarenses et municipia civium Romanorum.
ZPE 55: 55â€“100. (Text translated in Sherk 1988, no. 36.)
GonzaÂ´lez, J. 1986. The Lex Irnitana: A new Flavian municipal law. JRS 76: 147â€“243.
GonzaÂ´lez, J. 1988. The first oath Pro Salute Augusti found in Baetica. ZPE 72: 113â€“27 (AE
1988, no. 723).
Goodblatt, D. 1994. The monarchic principle: Studies in Jewish self-government in antiquity.
TSAJ 38. TuÂ¨bingen.
Goodman, M. D. 1983. State and society in Roman Galilee, AD 132â€“212. Totowa, NJ.
Goodman, M. D. 1987. The ruling class of Judaea. The origins of the Jewish revolt against Rome,
AD 66â€“70. Cambridge.
Goodman, M. D. 1992. The Roman state and the Jewish patriarch in the third century. In L. I.
Levine: 127â€“39.
Goodman, M. D. 1994. Josephus as a Roman citizen. In Parente and Sievers: 329â€“38.
Goodman, M. D. (ed.) 1998. Jews in a Graeco-Roman world. Oxford.
Goodman, M. D. 2003. The Jewish image of God in late antiquity. In Kalmin, R. and
Schwartz, S. (eds.), Jewish culture and society under the Christi</t>
  </si>
  <si>
    <t>b'3W\x8ex\xafh\x83\xc5\x92\xf2&lt;-\xb1\x14\x08\xe4\xef\r\xa0\xb5\xb6\xfe\xa0N\x00\xf8\xeaH\xa3\xafh\xabUO\xbc_.\xb6\x90S|#\xb6\xc2i\xcf\xd3\xe7\xcftX\xc7\xb5R\x00\xc4\xebe#r\xf6\xdc\xb7!\n\x15A`\x86\xa8\x05k\xc3\x87\x14\x05\x19dr\xd0\xf4\x97\xe4k\xebY\x13\x8a\xab\xe6\x82\x03\xaf0\x87!\x97\x8e\xd3cG\xfb\xf7\xf1V\xb6\xf4\xa4X\x15\xe3[\xd2x-\xc6+\xe0\x91s\xd9\x94\xc5|\x0c\xc3vT{g\xc6\xbeM\xac\xd1\x05&gt;\xdfR]\xab\x9alIO(\x10\xd9\xed\xae\x8b\xee\xea=\x8fN6\xf1\xb7\x101r\xf3\xb2\xfe\xb0\x93\xc67"\xf7\t\x9d\x1f_$\xcd\x99i8\xfc\x06\x06\xc0\xbcv\xc2\xbf5\xde_\x9c\x1d\xe2h\xf9\x19\xe6\x86\xaa\n\xf8x\xfa&lt;\x0emH\n\xf0^&amp;\x94\xbf\x93\x12\xa8?(\xa2\xe14\xba\xad`\xb5\xe4\x98.y\x9dn\x9fN9\xcbh\x91\'H\x9d\xa8\xb1rW\x13t\x10&amp;\xe8\r\x8bo\xee\xc1\xc1\xae\xca\xc0\x0b+&gt;\xfcE\xcc\x19\xc5\xb9RR\xf7j\x9a\xbb\xf4[6\xfa?\x9aOu\xba\xee5\xc3[\xa6\xcbr\x99\xdb%\xf3\x06\xa2\x7f\x11D\x8e\xd4\xcc\xbd\xb1\x8as7&gt;\xe6^\x9e\xf2\x9bqG\xb31z\xe3\x9d H\x00\x8dY\xc3\xa77\x06\xbf\xf8$\xbb2C\x01\x90\xf7\x0e\xb4R\xc4Ns\x87U\xf5"J\xc2\x99/\xffVx\x0f\xf6N\xb8\xe6\x06\x8e\xb3\xf5\x9cxsC\xc7\xd2\x80Z]\x87\xb8\x11\x13CT\x8b\xac\xd1X\xb7\xa8P\x84\x88~\xa8\xdaF\xb49tdQ\x91\xcf\xfd\xf4\xf5\xb3\x8f\xd5\xd8\x03b\xc7\xb6Y8\x7fm\xca\x9aA\xe0\x96\xd9\xe3#\xea\xc3\xa1\xf5Nr\xc3H^I\xa6\x9e\x03Di\x1cPnt\x00\x17c\x11\xf7\xd5SxHQ\x7f\xe5\x1fz:\xbc\xbd\x0599\xc10%\xc1\x9b&amp;\x1ad\x96(\x84\xac.B\xb3\x1fD\x15\x8c\xb1\x8d\x86\x05\x05\xcfo\xf4\xd3\xf3\xbdu\xcf\'\xc2\xe5\x85\x07\xdf\xe3\x16\x0f\xc0\xab\xbd\xb5\xe5\xb9\xe87ag\xad\x81\xfb\x97G\x97\xc0\x02\xfa\xf5\x02\x8a\xdd\x0c\x89E\x87\xdf\x99\x9b\xe2\x0beI\xf4t\xc6s!\xbbEp7\x9c\xdc\xf3iR;\x0c\x83c\xba\xc7?\x80\xd1}V&gt;\xf7\xeb\xd5\'\xfd\x90\x0b{m\x9c\xe7\x10\x81,W\x8b\xff\xee\xe1\xfd\x88\xcf\xbb\xb6q_\xea\xd6[U\xdb\x83\x0bE\xce\xb7"\xde\xe2*_\xf5RE\xfcC}J\xe9`\x1e\x8a1n\x05\x82\x9cK\xad\r\x9c\x16\xc1\xfb\x19\x04\xa0^\xd4m\xa1\xdfB-7\xd3\xd0r\x8f\r\xceG\x9f\xb5]\xb1&gt;\x0e!3\xab\x1bc*&amp;U\x97\xae{\x17\xf2e\x94\x8f\xa6u\xef\x14\xbd&amp;\x08\xb2J\xb2h\x04\x86\x0c\xcc\x1b#\xfeW\x97h\x94&gt;a\\\x00p\xc2\xc5c\xec\xb7\xac\x0c\xed\xa3\nk\x94\x9d\xf6h\x9e2\xb8\xf1\x7fFy\xbc\xa8\xe6\xb4eb\x8c\\\x11RT\xefq\x9d\x9b\x85\x94\xf4\xf7&gt;\n\xee\xc5=P\x93^\x05O\xb5NH\xa3+\xbd%Zu\x05\x89&lt;\xf5\xb5\xd0E~\x9e\xb8\xd6\x0e\xb3\xb4\xd0\xbe\xe1\xc3\xbb\x0b\xdb(\x02Z1\xb9W\xa0\x06b-\x08\x06\xfe\xf9\xbd\xd6\xff\xafB)\xa7N\xa2\xf4OS\xa9B\xd2\xb8e\xcfk\xf3\xea\x94\xc5\x06\x8aq\xc9G\x18\xc6\x8e[\r\x84\xed*\x1bP\xd2\xef\x8f\xdb\xfa\xcf&gt;z\x8e\x07\xc9R;.\x93J9\xe1%\xabj#\\it_=\'\x88R\x05e\xb5\x9e~\xfe\xce\x9c\x02j5\x8f1\xa3\x00\t\xb5\xd7^\x83\xd7H\xfc\xa4jjI\xb8\xfc\xfc\x81\xcfRf\x82\xe2\x10)[\x15y\xf9\x00\xac"\xdc\xa6\xa5\x0f\xe7Vq\x87\xa5\xd0\n%p\x03\x06\x13x\\\xa1sp\x03O\xed3\xff\x84\xcd9\xdf\xe2D?\\\xb4\xadmW\xa7I|\x8b\t\n\xf0\x10\xcd\xedw2\xd1\xce\x00qT8\n&amp;Z\xea\x00\x1cP\xb6\x1e\x8e\x1d\xdb\xec\xabsh\xd0\xb2X\x05\xb1~\x87\x96,z&amp;1\x06\x1d\x88\xed\xe5z\xce\xa6mQt\xcf\xdc/n]\xd2\xf9BNy\x88\x860UV\xe9\x18*\xfe\x14\x9c@P\xfc\xb2\xb2T\xcb\n\x0cS\xca~\xe8`\xa9\x14\xdfGU\x1fX\xfd\xa2\xf1)\x83\xbe\x8a\xf3\x1e\xfeZ\xce\x0e\xfc(mt\x01\xbaD\xa1\xc6\xda\xf0W\xbc\x17\x1d\x9a\xfc\xf7q;\x13\xca\xbcs\xfbEs\x08\xc7\x93\xbb\x9b\xcb\xe1\x1bw\xc61m\xafG\xa3k\x9d\xccW\xf0\x9e\xe8\xdb\x05\x08]\x9f\x80$\r\x12Cj\x13E\x1dr|6kE^\xd6z&lt;&amp;=0\x9e\xd3:U\xa3f\x01\xa6\xf3\xf2x\xf0o\x93R\x89\xae\xd8Jq\xe6)\n\x1c;{\\\xdb\x11A\xb4\xbd\x1d\x88\xcb\xe0|\x02\x85\xcf\xe6\xd3\xb2Na\x972:\xc4\x93KSs\x97@\xc4\xa9P\x9c\x1b\xd4\xa0B\x8d\xc9E\xd9\x15,\x93!\xfcS\xdc\x89\x7f\x10\xff*\xc2\x92\xbf\x8b^\xcbt\xcc]zEyr\xf9~2\x06{\x14\xc2D\xa6"\x82\xcf:\xa3\xff\xa5NlQ\xf5\xcd\xf4\x98JifB'</t>
  </si>
  <si>
    <t>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</t>
  </si>
  <si>
    <t>b'3W\x8ex\xafh\x83\xc5\x92\xf2&lt;-\xb1\x14\x08\xe4'</t>
  </si>
  <si>
    <t>t her hands, listened at her
lips, and then, throwing her apron over her head, sat down to
rock to and fro, exclaiming, under her breath, â€˜The feverâ€™s
turned, sheâ€™s sleepinâ€™ natâ€™ral, her skinâ€™s damp, and she breathes
easy. Praise be given! Oh, my goodness me!â€™
Before the girls could believe the happy truth, the doctor came
to confirm it. He was a homely man, but they thought his face
quite heavenly when he smiled and said, with a fatherly look at
them, â€˜Yes, my dears, I think the little girl will pull through this
time. Keep the</t>
  </si>
  <si>
    <t>b'V\xa3zZm\x95\xcf\x83H\xc5\x1c\x1a\x80\xc2?Q\xc8\xd4\xe8\x80b\xc2a\x9a\xf0B\x04\xee\xd8?\xb8&amp;\x86a\x12@\x04\xa6p\xe8\x9bO\xa89^\x7f`{\xae\x9e\xaaGE\xd5X?\x83\x1byo\xcf\xb3A\x9a\x05\xd0\xf7\xecw+gw\xee\xf5\x07~;\'\xb7\x00\t)\xa6\x05\xc0\xc3\xa4\xcac\xb0\x96~\xb0dW=y\xa9\x1e\xc2X\xae\xafP\x1b\x08\x1aX\xeag\t\x9dk&lt;\xb5\x02\x8a\xfd@`\xea\xaa5\x04ErR\x0eR=@\xee\x1c\x06\xcci\x11\xc5\xb2\x80=\x0f\xff\x89"\x80_\xe5\xa3)\tOx\xc0\x08\xc0xK\x93\xef\xf3\xd5\xf8]\x1bf\xda\xab\x84\xear\xb4\xfa\x9d\xad\xc7\xa1&lt;\x97\xa6\x044\x05\x12\x1e\xc2+\xfa\x80\xf6\xb2\xf2\x16=6\xf9\xe8cR\x83}\xe5\rL\xec\xbb\xe5&gt;\x81\xa6\xca\xc1\xf9I?\xa419\xdb\x81A\x06M\x856\x16\xd1\x1e\x9bT4\x9dr\x14\xaa\x90k\xd2\xa3\xed\xa4\xf3!V\x14\xd6;\xde\xc90\xd2\xb4\xa0\xce\xdf\xc6\xc0\x90$\\w\xadEvM\xe62Cy\xa1H\r\xd1|\x19\xc6\x96U\x8f\xbb_\xfdw\xf8\xac]C\x86\x84\xfb\xa2^\xbc\xfa\xb8\xa18Hu;\x80\r\x9a\x00R\xa3\xabV\xe6\xaf\xee\xfa\r\x9f\x1b\xaa\xfcE\x1fht\xe4\xb1\xc4\x14\x10\x1cr\x87\xd9cc\x9c\xf4\x1a\x08\xcb\xb8\'\xfc~\x87\x8cX \xf1\x9a\xadU\xe2&gt;\xcd\x05f\xbb\xbfs\xbeQ}\x9d\xa2\x9b\x13S\xe2/\xb2\xc7O\xd1\'\xb9\xe6\x83\xc9\\\x96\x16\xad\x97\x9dG;\x7f\x11:y\xb9\xd3|\x83\xdb\x87\xd5\xb39\x93e:?\x856\x00A\xef\xe4P4\x18&lt;\x0b8\x8a\xac\xac\x82\x01\xdb\x0f\xf3\xf4k\xf3\n\xec\xaeE-\xa3\xec\x82*=\x8dH\x05P,\x84\xd8\x90\x0f\xf3Z\xdd\x97\xeed\xa4\xb2\xda\x0c]w\x8d0k\x89\x07L\x95\x10\xc4\x1d\xcb\xc7\xf0\xd6\x83[\x1aJ7\x84]\xdbB\x86\xf1R\xbe\xda\xee\x99\x90\xee\x18P4c\xfa\x8e\xc56\x97\x1dx\x19\x83v\x16]\x9eQ\xb7\xffE]\xe6\x95c\x82\xedv\x15G\xd73jB/q.\x9b\xa7\xd9\xfd\x80m\xa8\x88\x04d\x0br*\x00\x9a\xf1\x90\x03Fq\xed@6\x93-\x0c\xdc\xe2'</t>
  </si>
  <si>
    <t>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</t>
  </si>
  <si>
    <t>b'V\xa3zZm\x95\xcf\x83H\xc5\x1c\x1a\x80\xc2?Q'</t>
  </si>
  <si>
    <t>o his departing steps. No voice, however, was heard
 in the court, which he was crossing, though a confusion of many voices
 yet issued from the inner one. 'We shall soon be beyond the walls,' said
 Du Pont softly to Emily, 'support yourself a little longer, Madam, and all
 will be well.'
 But soon they heard Ludovico speaking loud, and the voice also of some
 other person, and Du Pont immediately extinguished the lamp. 'Ah! it is
 too late!' exclaimed Emily, 'what is to become of us?' They listened again,
 and then perceived, that Ludovico was talking with a sentinel, whose
 voices were heard also by Em</t>
  </si>
  <si>
    <t>b"\xea_2\xf5\x89(#\xc4'F;@^\xc3\xb6o\x0b\xbf.\x1aXR\xa2\x1e\x92\xe0\xd8\xca~\xd4\x1b2\xd4E\xaf\xf1v3PN\x12\x0c\n_\x17|\x91\x04\xdd\x88\xae\xf3;\x86\xfd\x0e\xa6$\xd4\xd9\\\x8c\xc3\x93"</t>
  </si>
  <si>
    <t>ea5f32f5892823c427463b405ec3b66f0bbf2e1a5852a21e92e0d8ca7ed41b32d445aff17633504e120c0a5f177c9104dd88aef33b86fd0ea624d4d95c8cc393</t>
  </si>
  <si>
    <t>b"\xea_2\xf5\x89(#\xc4'F;@^\xc3\xb6o"</t>
  </si>
  <si>
    <t>idence, in which the incoming wave meets the bound
 ary at an arbitrary angle Î¸I (Fig. 9.14). Of course, normal incidence is really just a
  special case of oblique incidence, with Î¸I = 0, but I wanted to treat it separately,
  as a kind of warm-up, because the algebra is now going to get a little heavy.
  Suppose, then, that a monochromatic plane wave
  Ëœ
  EI(r,t) = Ëœ E0I
  ei(kIÂ·râˆ’Ï‰t), Ëœ BI(r,t) = 1
  v1 
 (Ë† kIÃ—
  Ëœ
  EI)
  (9.89)
 406
  Chapter 9 Electromagnetic Waves
  x
  kR
  R
  I
  kI
  kT
  T
  z
  Plane of Incidence
  1
  2
  FIGURE9.14
  approaches from the left, giving rise to a reflected wave,
  Ëœ
  ER(r,t) = Ëœ E0R
  ei(kRÂ·râˆ’Ï‰t), Ëœ BR(r,t) = 1
  and a transmitted wave
  Ëœ
  v1
  ET(r,t) = Ëœ E0T
  ei(kTÂ·râˆ’Ï‰t), Ëœ BT(r,t) = 1
  Ë†
  kR Ã— Ëœ ER ,
  Ë†
  kT Ã— Ëœ ET .
  (9.90)
  (9.91)
  v2
  All three waves have the same frequency Ï‰â€”that is determined once and for all
  at the source (the flashlight, or whatever, that produces the incident beam).14 The
  three wave numbers are related by Eq. 9.11:
  kIv1 = kRv1 = kTv2 = Ï‰, or kI = kR = v2
  v1 
 kT = n1
  n2
  kT.
  (9.92)
  The combined fields in medium (1), Ëœ EI + Ëœ ER and Ëœ BI + Ëœ BR,must nowbe
  joined to the fields Ëœ ET and Ëœ BT in medium (2), using the boundary conditions
  (Eq. 9.74). These all share the generic structure
  ( )ei(kIÂ·râˆ’Ï‰t) + ( )ei(kRÂ·râˆ’Ï‰t) = ( )ei(kTÂ·râˆ’Ï‰t), at z = 0.
  (9.93)
  Iâ€™ll fill in the parentheses in a moment; for now, the important thing to notice is
  that the x, y, and t dependence is confined to the exponents. Because the boundary
  conditions must hold at all points on the plane, and for all times, these exponential
  factors must be equal (when z = 0). Otherwise, a slight change in x, say, would
  destroy the equality (see Prob. 9.16). Of course, the time factors</t>
  </si>
  <si>
    <t>b'\xb7\x8fP\x1fb\xb7g\xa2\x10q_\x12=\xbeb\xe3\x05QP|\xca6s\xeb\xa0bT2\x91BE\xc7'</t>
  </si>
  <si>
    <t>b78f501f62b767a210715f123dbe62e30551507cca3673eba0625432914245c7</t>
  </si>
  <si>
    <t>b'\xb7\x8fP\x1fb\xb7g\xa2\x10q_\x12=\xbeb\xe3'</t>
  </si>
  <si>
    <t>For your sake,
 169
 Emily,' replied Valancourt, his eyes filling with tears of tenderness and
 grief, while he gazed upon her. 'Yesâ€”yesâ€”I shall subdue myself. But,
 though I have given you my solemn promise to do this, do not expect,
 that I can tamely submit to the authority of Montoni; if I could, I should
 be unworthy of you. Yet, O Emily! how long may he condemn me to live
 without you,â€”how long may it be before you return to France!'
 Emily endeavoured to sooth him with assurances of her unalterable
 affection, and by representing, that, in little more than a year, she should
 be her own mistress, as far as related to her aunt, from whose
 guardianship her age would then release her; assurances, which gave
 little consolation to Valancourt, who considered, that she would then be
 in Italy and in the power of those, whose dominion over her would not
 cease with their rights; but he affected to be consoled by them. Emily,
 comforted by the promise she had obtained, and by his apparent
 composure, was about to leave him, when her aunt entered the room.
 She threw a glance of sharp reproof upon her niece, who immediately
 withdrew, and of haughty displeasure u</t>
  </si>
  <si>
    <t>b'm\xed\x90GN\n\xf3\xab=\xff|\xa8\xff\xc8\xd2O\xa4\xe7g\x86\xddm\x99M\xae\xb7\x80[\x82\xbc\xbc\x02\xbd\xf0\xab\x93\xf8\xe1"\x9f\xad\x99\x7f\x9az\xe7\nq\x1bE\x0btVV\xe2i5\x9d\xe1\xc7\x19\xeb\xf0j'</t>
  </si>
  <si>
    <t>6ded90474e0af3ab3dff7ca8ffc8d24fa4e76786dd6d994daeb7805b82bcbc02bdf0ab93f8e1229fad997f9a7ae70a711b450b745656e269359de1c719ebf06a</t>
  </si>
  <si>
    <t>b'm\xed\x90GN\n\xf3\xab=\xff|\xa8\xff\xc8\xd2O'</t>
  </si>
  <si>
    <t>te output impedance, the differential
 pair produces an output CM change in response to an input CM change. The reader
 Q1 2 Q
 R
 V
 I EE
 CC
 P
 R C C
 Vout1 Vout2
 VCC
 REE I EE
 P
 R C
 CM
 REE
 CM
 Q1
 Vout
 Q2
 (a) (b)
 2
 V V
 Figure 10.43 (a) CM response of differential pair in the presence of finite tail impedance,
 (b) simplified circuit of (a).
 476 Chapter 10 Differential Amplifiers
 Q 1 2 Q
 R
 V
 I EE
 CC
 P
 R C C
 out1 out2
 REE
 CM
 in1 in2
 A B
 A
 B
 out1
 out2
 out1 â€“out2
 t
 B
 out1 â€“
 t
 (a) (b) (c)
 V
 V
 V V
 Vout2
 Vout1
 VA
 V V
 V Vout2
 V
 V
 V V
 V
 Figure 10.44 (a) Differential pair sensing input CM noise, (b) effect of CM noise at output with
 REE = âˆž, (c) effect of CM noise at the output with REE _x0005_= âˆž.
 may naturally wonder whether this is a serious issue. After all, so long as the quantity of
 interest is the difference between the outputs, a change in the output CM level introduces
 no corruption. Figure 10.44(a) illustrates such a situation. Here, two differential inputs, Vin1
 and Vin2, experience some common-mode noise, Vin,CM. As a result, the base voltages ofQ1
 andQ2 with respect to ground appear as shown in Fig. 10.44(b). With an ideal tail current
 source, the input CM variation would have no effect at the output, leading to the output
 waveforms shown in Fig. 10.44(b). On the other hand, with REE &lt; âˆž, the single-ended
 outputs are corrupted</t>
  </si>
  <si>
    <t>b'\xda\x04\xed\x18\x8b\x94\xb8|\x99\x81\x05\x13G\x0e\x12('</t>
  </si>
  <si>
    <t>da04ed188b94b87c99810513470e1228</t>
  </si>
  <si>
    <t>he market and would earn negative operating profits if it were to produce
 any output. Such a firm would choose to shut down and not produce (incurring an overall
 profit loss equal to the fixed cost F). Why would such a firm enter in the first place?
 Clearly, it wouldnâ€™t if it knew about its high cost prior to entering and paying the fixed
 cost F.
 We assume that entrants face some randomness about their future production cost . This
 randomness disappears only after F is paid and is sunk. Thus, some firms will regret their
 entry decision if their overall profit (operating profit minus the fixed cost F) is negative. On
 the other hand, some firms will discover that their production cost is very low and that they
 earn high positive overall profit levels. Entry is driven by a similar process as the one we
 described for the c</t>
  </si>
  <si>
    <t>b'0E\x02 P\xa3T\x18g\x19\xacs\x8e2\x18y\xa2\x13S\xb6\r\x9f$E"\x15\xf1k\xd7\xe0\x89;cl\x94\x88\x02!\x00\xf9\x068\xd4\xcf\xdbk\xcd\x0f~\x95{\x8d\xb3e\x008\xdf_\xfaC\x870\xe9\xd0\xc0\xb28\xbaRKJ'</t>
  </si>
  <si>
    <t>3045022050a354186719ac738e321879a21353b60d9f24452215f16bd7e0893b636c9488022100f90638d4cfdb6bcd0f7e957b8db3650038df5ffa438730e9d0c0b238ba524b4a</t>
  </si>
  <si>
    <t>b'0E\x02 P\xa3T\x18g\x19\xacs\x8e2\x18y'</t>
  </si>
  <si>
    <t>Mary on the other. Ben Weatherstaff walked behind, and the
"creatures" trailed after them, the lamb and the fox cub keeping close to
Dickon, the white rabbit hopping along or stopping to nibble and Soot
following with the solemnity of a person who felt himself in charge.
It was a procession which moved slowly but with dignity. Every few yards
it stopped to rest. Colin leaned on Dickon's arm and privately Ben
Weatherstaff kept a sharp lookout, but now and then Colin took his hand from
its support and walked a few steps alone. His head was held up all the time
and he looked very grand.
"The Magic is in me!" he kept saying. "The Magic is making me strong! I
can feel it! I can feel it!"
It seemed very certain that something was upholding and uplifting him. He
sat on the seats in the alcoves, and once or twice he sat down on the grass and
several times he paused in the path and leaned on Dickon, but he would not
give up until he had gone all round the garden. When he returned to the
canopy tree his cheeks were flushed and he looked triumphant.
"I did it! The Magic worked!" he cried. "That is my first scientific
discovery.".
"What will Dr. Craven say?" broke out Mary.
"He won't say anything," Colin answered, "because he will not be told.
This is to be the biggest secret of all. No one is to know anything about it until
I have grown so strong that I can walk and run like any other boy. I shall come
here every day in my chair and I shall be taken back in it. I won't have people
whispering and asking questions and I won't let my father hear about it until
the experiment has quite succeeded. Then sometime when he comes back to
Misselthwaite I shall just walk into his study and say 'Here I am; I am like any
other boy. I am quite well and I shall live to be a man. It has been done by a
scientific experiment.'"
"He will think he is in a dream," cried Mary. "He won't believe his eyes."
Colin flushed triumphantly. He had made himself believe that he was
going to get well, which was really more than half the battle, if he had been
aware of it. And the thought which stimulated him more than any other was
this imagining what his father would look like when he saw that he had a son
who was as straight and strong as other fathers' sons. One of his darkest
miseries in the unhealthy morbid past days had been his hatred of being a
sickly weak-backed boy whose father was afraid to look at him.
"He'll be obliged to believe them," he said.
"One of the things I am going to do, after the Magic works and before I
begin to make scientific discoveries, is to be an athlete."
"We shall have thee takin' to boxin' in a week or so," said Ben
Weatherstaff. "Tha'lt end wi' winnin' th' Belt an' bein' champion prize-fighter
of all England."
Colin fixed his eyes on him sternly.
"Weatherstaff," he said, "that is disrespectful. You must not take liberties
because you are in the secret. However much the Magic works I shall not be a
prize-fighter. I shall be a Scientific Discoverer."
"Ax pardonâ€”ax pardon, sir" answered Ben, touching his forehead in
salute. "I ought to have seed it wasn't a jokin' matter," but his eyes twinkled
and secretly he was immensely pleased. He really did not mind being snubbed
since the snubbing meant that the lad was gaining strength and spirit.
CHAPTER XXIV
"LET THEM LAUGH"
The secret garden was not the only one Dickon worked in. Round the
cottage on the moor there was a piece of ground enclosed by a low wall of
rough stones. Early in the morning and late in the fading twilight and on all the
days Colin and Mary did not see him, Dickon worked there planting or tending
potatoes and cabbages, turnips and carrots and herbs for his mother. In the
company of his "creatures" he did wonders there and was never tired of doing
them, it seemed. While he dug or weeded he whistled or sang bits of Yorkshire
moor son</t>
  </si>
  <si>
    <t>b'\x01\xa6\xf5-1&gt;\x98\xc4Cb\x0c/8\xe6L\xb8\x9ar\xc1\x9aL\xca\xc5\x01\xa1~\xdf#\x8ag\x912\xa0\xd6\x98N\x91\xaf\x04\xfb\xda&lt;JS\x150\x10\xa2\x1cK\xe1\xd1Y8\x87.+\xa3\xa53\x1b.\x95\xc6\x92mZ&lt;\xf5b\n\xd8 &amp;\x92\xb7\xac\xb42\xf9\xc2\x10m\xb0\xe4\x05i\xf4\x85\xfd\x1b\xa2&amp;p\x99qF"\x04Tk97\xad(\xdc\xed\xfdN\xf0\x9dl\x82\xee&amp;\xd3\xf33\xfav\xcfLZ9h\x0f\x84\xc62K\x88\x88\x10g\x8e\xbb\xd6\xa1Y\x84dz\xc7\xd3\x05.9b\xef\xfd\x05\x97\x0c\xe4\x84\xc3\x11\x19{l\x9fh{Ow\xff\xeer?\x85\xb3\xc4\x9b\xc1\xe5~&lt;H?pz\xf8i\x16\x00\xff\xa4vJF8.\xf3!\xa9\xb2\x1a?\xca\xb6\xfb\xb6\xa98j\xc2\x87\x8b\r\x80\xe0\x0b\r\xae\xb6\xb7\xc1H\xb9\xb9z\xbe3\x11\x8a\xb4;\xdb\xe0\x16\x8e`\x99\xdbM\x8f%\x16\x11C/\x11\xc4\xda@\xc6Dq\x83@w\xa4F\xc1\xbc\xab\xc8\x88g\x07o\xbd)\xc8{\x18h\x13`Dh\x9f:\xe3{\x8d\xcc@7\x9f\x1f\xbb8\xbcZ\xa2#B^\xe3h\x01z\xcb\xfdG\x99\x85|\xd1\xab\xf9\xc0|\xf6\t\x99\xf3\x9bSy\xb03\x8fc\x92\x10\xeb\xd2D\x157~s\x98\x1a\xd1Z\xda\xb4\x99k[\xd6\xa4\xecQ\xd8\x9e\x8d\x8b\xa1\xde\x07jL\xfb\x90P\'T\xbf\xb4#\x05\xb4B_n\xb0\xb6\xe6\xc3\x9b\xa45`\xc5[X7\xe9\x9f9\x9c\xb9,\x1bI{C\xf4\x96p,\n\x11F\xbf\xa5\xfd0\x1b\xf0\x13\xb4\xd5\x91\x14\x84\x0e}K#\x14.|\x0b\x99n\xf3o\x0b\xe7\xbe\xbf\xef\xfa\xa0\x8b\x91\x00\x08D&gt;W\xa7\x80\xa6\xd2U\xd3#\x10\x07\xad\xa5.)\xd5\x98w\x98\xc9\x19\xfa\xf2\xfb\x02\xd2}\xde\x90\xfczy\x08\xfbc\xecC\x7f\xa8\xb9\xf9X\xd6\xe6i&lt;-\xa5\x95-$\xe6}o\x87\xb7\xd8i\xa8I\xb4Q\xe0D\x82\x8d\xc7\xb9\x87+\xeb\xd1\x16l\xc2])4km?g\x87\x84g\x01\xc3\xe4\x06#3#\xc2\xb0@\x01J\xd5\x18\xcc\x8a%\x03=\xdaOU\xc5\xea\xdcT\x16?{\xd1\xe8\xcaqC&lt;3\x80_O\xde\xeb\xb3\xc5rB?\xc4\xa6\xb3\xbb\xfa\xa4m~N\xe1t\x88yz\xcfW\x15\xc4\xee&amp;\xde\xc9\'6\xc9\x14\xfa\x06s\xf7\xad\x8bF6\xef\xa1\x15\x8cU7\xb7\x8e\xe8\x19x\x11m/+&amp;\xb2\xd2v0\xd8CR\xc9\x0f\x99E\xf9b\x8d&gt;\xb3\xeb\xe9\x1cB\x81K\xaeo\xb0\x88\xe02w\xd8"Q\xb9k6\x90\xd8%1\xab\xb5Ba\x80\xd0\xda\xa1\xd8\xca%Bp\x9f2k\xaf&amp;\x1f\xe3\xf0){\xbb\x8b\xfb\x02\\u\x19/\xd5\xc72;\xea\xe9;\x1d\xc8v\x9ed\xdf\xaa\x83\x98U\xf89\xaa\x19\x81|I\x12/x@\xa0\x04\xcesp\xd9\x86_\xc0\x84q\xd12y\xd0J\x97~\xd1\x19i\xf9\xc7\xfew\xb6\xda_*t\xfcq\xa8\x9d\x96\x07\x9a[\xa6\x8b\xb56\xf9\xe6\xd7*\x8f\x1a\xb7L\x99\x82b\x88\x81\xdat\x98\xba\x82U\xe4"/0^B\xd1\xaf+\x0c\xa5h\x91\xe9\xd8Z\x80\xb2Y\x84\x14\xe1\xda\xc4\xe7ak\xfc\xf0\\\xe0\xd3\xaaJ\x12g\x8d\x1f\xa2\xea\x84\xd9D3\xb4(.\x11\xbc\x11\x03C\xebc\xbe\x0bU\xf0\x12\xf2\xf6g\xcf\x8a\x1c\xf4x\xdfK\xd3{\xa2\xb2\xe2\xe5y\xdei\x11\x9a\xa9\xb3\xcb\x06;..\xf1\xf8\xc8\x8dh\xad\xeeA\x0b\x83\xe3!&gt;=\xc9\xe8\x96\xfa\xd6\x01\xe0\x1c\xbbU\xa5\x052\xec\xc9\x03*\x97\xd2B=\x1b\xe3\xac\x0flk\xcb\xc6\x04\xd0:\xd6O\x8f\x7fw\xd7\xd2\xaa\xf7\xd6r\x19\x00\xd6\xe8\xacD\x92h\xabDM6\xba\xb7OY\xac\x81\xb9\xe3\\&amp;\x06\x9d*cK\xc3\xd6\xff:%\xde\xefE\xd3\xd2f\xb1I"\x85\xc5\x7f\xd6\xe7\xfd0\x86\xcc\xdcf\x0b\xe3Y\x9b\xfa \x9a:\xcdw\x16\xb1Eu\xc7\xa9\x0e\n[@A\xbc\xf8d\xf2\x15\x0b\xf2\x8a\r\x17\xac\\\\\xee\xff\x87\xeeP\x97\x85\x13h\x9d\xec\xb9\nDiF\xcc\xc5\xb7\xfe\x957\x8d\x98\x85y\xa5\xa3\xd9\x9bLG^9\x88\x9e\x12x(\x80\x1c\xb6%\x1a\xb7\x8c6\xfcW\xf7V\xd1&amp;\xf9\xc9\x13?{\x1bS\xd7\x924\x12\x06m\xc9\xf8]\xc8\xd5-;\xfa \x82\xa8\xa0*ay\\NEv\xc8\xfb6\r/\x92\x03rXF\x90\xde\x9dk\xc4pj\xdb\x0c\x85|i\xbb\x18\xe1}\xfe\xab\x83\x95\xd9%\x16\xb2\n\x1c_\xfb\xd9Q\x89\xa0\xb1\xd5#rrb\'\xcb\x93G\xa6\t\xad\x91"\xefN\x9f\xa8;\xe0\xbcRV\xb2\xe2(\x080Ko\xd0\x08d6\x1b\x82\xf8\xa2)[\xb0\xef\'=\xee\t\x80\xc7\x90\xc2\x91-IhWZ\xce\xa2J\x15\xb2\x1e\xaf\xabF\xe7\xc1\x06~\xea\xd3\xfd&gt;&lt;\xed\x97\xd7R\x19\x8f\xf66\x96q-\x1a$`\x8b\xcbh#\x1d]\xbeTEo\xf14\xfe\xb2\xb2\x8b\x938\x96=MH\xf8\xb6\xa6\x80\xc9\x8c\x00\xb8\xf3\xdc\xe3\xd8mH\xe5r\xc0\xc4\x1c\xcf\xbc\x99\x8f\x96\xf5\x15l\x85-\xe7\x9eO\x966\x10\xd3\xef\xc3\x93\xef\x83R\xf6p\xc07\xb8Vc\xfbx\xf7\xfb\xa2\xb7=\x0c\xbcK\xd3\xa2\xd2k\xff\xab\x97\xcc\x95\xc7\x8b\x16\x1d\xe0\xf4W\xd4f\xd1\xf9=/\xf2\xac\xfa\xb9\x8d\x0c/\x0e\x1f\xee\t\xf2\xd4\xb4n\xd8D\xf1G\x9e\xc7wkf\x1c7\xf4\x81mgK\xb3\x94\x00,\xd9\xcc|\xb3\x85y\xff\xcd\x12\x948F\x82R\xd5v\x1fi\x07\x9d\xa4L\x92\xbf\x02\xd3t\x9efJ\xad\xadjb\x1f\xa4C\x05\x1e[JA\x87\x11o(\xe1Mju#E\xb8\xe3\x84\xc3\xf0\xbd&gt;L\n\x93\xad\xcb+\xa9\xfcc\xfa\xe8K\x8d#Qk\x1e\xc2?\xce\x95\x820\xac\xdc\xc9F\x120gZ\t\x15\xc5U\x96,d\xca~\x87\xfe\xae5\x01\xd99~\xfb&gt;\xa5\xa92\x9cc\xc0\xafn\xa5n\xdc7\xd5\xa4`xAj\x16}ap|\xea\xf5\xa9"\xbb\x86\x87k\xe4s\xa6GA\xba\x1b\x054\x88\xa6\xd7\xa1\xc8j\xa2\xcc\x8b\x1c&lt;u^\xfc\x0fj3@y\x06\xccU)\xe12\x90\xf0.\x8c\xfd\xb2\xe2\x1e\x1eF\x14\x91[P\xdf\xc8\x89\xe0\xe4\xea\xf7\x91\xd0\x8e\xe1\xef\x19\xa7\xb5RS5\x17\xb5\x19\xe1vz\x11\xcb\xe9a\xbe\xd8\x1e\xbd\x8e&gt;5\x91Z\xa7z\xf9\x02_\xb8\x1d\xb1\xe6W\xeb\x9a\xfc\xdc\xf8\xfe\x91\x02\xae\x17\xa0\xd1\x82\x04\xdft\x95eQ\x8bT\x04\xa1p\xf4\xc7wb\xe6\x12\x1a\x11h\xba\xf6\xaf\xaf\xe7\xb7\xf8\xf8G\xa3\xb3\xc5\xb1\x1e0\xdc`Xf\xfcD\xc8\x06\xf4\xad\x10\xcb%g&gt;\xa2\xf0\xcc\xcd\x063\xe6\xd3\xad\xc8\xb3\xf5\x91M\xc1\xc0WR\x9e\xceI\xafQ\xa4\xdb\xb4\x88\x87,HV\xf9\xb2=\x16\xe9C\xf0\xda\x90\x8f+@\x9e\xb1\xd8\x1a\x95\x97\xf8*\xf3\xf3\x05\xf5\xdd\xa1\xc6\xf6&lt;\x1a\x9d\x81;q#o\xed\x91O Q\x90H\x0e9r&lt;\xd5,\x8e\x1c\xf4B\xf0-\x16\x95@\xb4\xd4\xf6\xe6\x93\x90\xc1^\xc3\xb3*;Y\x80R\xecu]\xa6\xa6_\xd0\\\x1b\x97\x95\xb6\xf9\xa8\x0bL\r\xcd&amp;\xcf\xac\x9d \xdaK\x9a\xdd\xf4Fc1\x0b\xd0\xd0\xa0uC\x9f\xc4M\xd7\xc1\xbe\x83 \xb9\xc9\xd1\xfe\x97dQ[\xd3\xad\xa6\x1d\xd9\x94[\x07\x96\x89Ol\xf9\xed\x9c\xb6\xd5/\xd9n\x1c\xa8\x17\x0c\xda\xb7U\x87\xf6\x8e\xe0\xddQ\xf1\x1c\xd1\xdf`qJ\xea{6z v\xf4\x90\x05C\xc5\x9c|\xed]\x8a\xf7\xc3\xb5\xbcH\xb5\xd6\xb3\x0f\xc6\x86&lt;\xc8\xf3\xf2o\x047X\xea\xee\xcd\xe5#\xb6e\xe1\xa2\xb9\x83\xb4\xc0\xfa?\x83J\x1b{o\xcc\xf6\xe3\xf36Ql`\xc5\xa8-*\xc4\xa0\x9aW\xb1\x8d\xde\xeb\xabZ\x1c\x98\x87\x91\xc4U\xb5\xcf\x91\xaa\xba7[k&gt;\x9f\xdel\x7f\xa0\x91H\xd5m\x16\xc7.\xd0n\xd9\xd2\xd2t\x12"&gt;o\xc9Ij\x90*\xfa\x9b\x91X\xe6\xbd\xfc\xfd\xdc\x8b\x7f\xaa\xa6dR\x89\xad\xcb\xcc\xd3m\x880\xca\x19\xbee\xed\xee_)q\xb6\xda\xd5\xf6%RU0|i&lt;u\xea3\x99\xcaQG\xcbE\xc3L-R\x1f\xd7\xc6\xe7&lt;\xb2\x10\x11\xc5\x9e!7?Xp.M\x81\xc4m?\xf9\x17S\x84\xf0\xd9d\xb5\xdbl\x90\x97\x13\xc0\x99\xfe\xbf\xa5\xd5\xbam\x84\x96}\xd0wS\x0bst\xcb_\xc7\x8c\\\xd2/\xfa\x0e\xbc^\x97\x13)H\xb6f\xc9\xaf\xfd\xd5it[-\x9c\xf6\xc1\xaa\xfa:]"\xedb\xbd~A7\x04g_\xf2F\xde\xa4^7\xb6e(\x8d^\xd0\xdc\xbb]\xe2\x1c\xd7x\xc7\xb4f\xbc&gt;\t\xf5R\xf03Z\xf1U\xe5@\xba\xad\xf2\xeb\xd8\x1b\x17\x9c\x17\xc8\xc6\xf5v\x88\xdd\xbcs\x18\xd6o]\xb8W\xca#\x10RU@\x99\xd8\r\xde-\xcf\x86\xfa2\xa3\x93c\xa8)\xa6\xe0%\xab\x91Y\x04\xdb\xaew(*\x1c\xb9f\x9e\xf6\xca\x19H\xe5\x9d \x17\xf9*\xe8k1E\xefq\xa6\xa9|\x02\x08I\x96\xa9\xc6\x12\x1b?wj\x87\xe5+\x87\xb1\x81F\xe8\xcd\xa5\xe0m&amp;\x03\xc46C\xf7a\xacjN\xd6U\xad\xf3#\xcb\xcc/P\xb6\x19Sz\x13\xf44\xad\xe4\xc9\xafn\x1fdjTj\xc2S\'\x80*J\xe6\xeb\xa1\x18\x1e\xcf\x89\xf0Ue\x1azY\xe4s\xf2\xd3\x81\xfe\xfd\xbbP|\xbbD\xce\xae\xc5$\xa8\x16SC9Q\xbd\xcb\xee\xf0\xa2q\xdah\x89\xe3\xe3\xbc\xf9\xb8\xee\xc0y\xad\x7f\x14\xd0\xcfP\x7fI\rj\xcc\xb0E\xe7\xe3\x83\x8e\xc6\x85\xac7\x08\x18_\xae\xfbX\x06E{O\x15B\xa5\x02f\x19?|\xda\xc1?v\xf7\x85z\x82\xac\xcf\xda\xfa\xfe\xb2K\x86\xee\xa8\t&gt;a*^=\xa5\x94\xb3x\xce\xf7\xae Q\xfc\xe9\xf3-\xf5\x90\xbc\'(\x03\x9dW\xe2\xbf*\x90\x1cL?\x18\x8d\x02-\x8d\xf2}W\x1f\xe8h\xa1\xe0\x8aW\xf9@\x97J\xb1O8&amp;w\x1e:\xd1\xf2\xf3\t\x1e,*x\x86\x97\xdf\x11?\x8eIh\xea\xc1\x02\xe8\x92G\xd6\x8f\xfb\x92&amp;0@o1+Aw\xe0}\x99\x08\xdc\x8a*="\xe1\xd2\xca\x02\x165\x93\\P-\x94\x83,v\xf0#[,\xc6I\nO\x08\xbdB\x1aG\xa5\x81A\xe4\xdf\x84Y\x91\xca\xb6\xf4\n/\xb2l\xc3}\xe4C\xe0\xba\x99\xf0\x1c=\x96\xb9\xfcl\xccU\xb7\xda\x90\x82F_\x1a\x98*n\xe2\xfb\x10\xc7\x14\x9bk\x83\x1bjJ\x07\x83\xf7 \xbf]\x81U\xd6{\x19\xea\x80\xae\xb8\x01\x02\xc4\xd5Yr\x04FC\xad\xd1.\xa6\xcd\xca\xb73\xdb\x97\x18\x05WJ\x90\xe5\xc7`\xaeA\x03d\x91\xeeP\xe5\xb7\xccz\xa1\xc2\xe5P\xd7a\xa10\x0c\xe0\xa8\xd8\x104PMw\xe0]V\x1e\xaf\xe1\x85\xf8\x96\xacb7\x93%\xe7\x15m\xf6:^\x11\x81EPN\x90\xc3D\x9c\xaa/\xb8[\x89\x84\xee;Z\xedG\x9b\xfb\x14m\x06 \xd1{\x80F\xf2\xc8\xb0\xd8\xc2\x89\x87~7\xcf#_q\xcaig\xd3\xba8\xfb\x94\x95\xb3)\x1c\xac\x83\xabW\xdd\xf7~\xf0wm\x9e\xc2\xd2\x81Z=\x80\x8cn\xdb\x1b\x990\xad\xc3D-x\x83\xf9\x9d\x1e\xb7z\x8ax\xc6\x80=1K\xfd\x12#1`\x9aV\x0e\xe9\xb0h\x1f\xe2v\x90&gt;\xc8\x80\x15\xf0)\x8b\x8e\xb2+\xfap\x8f\xacM"\xe9A\x14\xb1\x1a\x06\xeb(o8\'-\xe0]N\xa9\x8a\x95j3\xe4\x1c\x052O\xbd\xf7\x9f}\xbc\xb1\\]q\xfceP\x1aO~g.Br.\xb8\xc7Y\xda\t5\xe5\x8cx2*\xe6\xc5\x03m\xd5MS\xc1\xe8\x16~F!\xcd\xf6\x0e,\x85\xc0FS\rZ\xb9\xb2r\xac7\xbb\xee\x8d\x8f\x8fl{\xaa\xbf\x9e\xb3\xcf 2\xa6v.K\xfd\x83!\xc1!\x98\xbf.\xdb\xd5\x12\xb7\x9a\x1aj\xc7r\xbb\xd6a\xde\xbat\xd0t\x14\xbc\xe9=\xf4H\xfc\xfa\x96\x12\xc4\xdf\xa6\xbe\xad\xfb*=5\xab%\x91\xf0\x9c\x99v"\xcc\xb6\xa7\x14\xd1\xb0\x96SQp\xbc\x1e\xffz6VB\x92.s\xddI\xad\x83Z2\x1d\xe7\xdc\xb8\xebr\xc6\x86\xa3)M\xe9\xae\xc0O\x92O\xe5Fa6\x99\xfa\xff\xbb\xbd\xd9nE\xe9\xe6\x91\x81L\xff\xf0\xe2\xcb\x02\xe7\'*t\x1elfOo\x1b\xf9\xfb\x14\xf7\x97\x89UM/Fc\x89 +-\x00\x04k\x01\x99r7\xee\x95\xd3\xe6b\xaf\x95\x89\x10=Ju\x8a\xdf|\xec\x91w/\xffo\xdd{\x15\x15&lt;g\xdf\xf1\x08\xb4\x19\xfb\xca\xca{y\xcbN\xcc=\x97XD\xd8\x82E\xb5\xed\r\xf3\xe2x\x9d\xcf\xa9\xb6\x80\xab\xd1\xeb\x06GU:\xf3o\\\x99\xa4w\x1d\xbfYJ5ck\xf9\xd6\r&amp;\x98l\xb6\x8f\x8a\xec\x88\x9b\xb1\xf0G\x11\x0b\xab\xb4H|P\x96\xe2\xe4Y*\x12\r\x87\xe8\xc7\n\xc6C\xd51\xcb\xc8\x13\xd3\x00\xce\x808\xf7\'\xc9\x07\x8f\xb1\x8b^\xf3a#\xe9\x07\xd2\xa5\xea=\xf6sF\xeb\x10\x96\xee\xca0\xb3\xd3\x83\xc2\x88\xe7\xf1\xb2(\x92\xac\xe74\xed\x8e\xc13\x11:\x9cK\xe8&lt;\xafD\x16\xb1V#\xd2\x05\x17\x8f\xb7\x89-\x1f\x7fS\xd7\xd9\x04dq%&amp;\\;k\xc9\xc8\x92Lv\x88\xaa\xf5\x9e{\x18\xd1{@\x17_V\x95o\xc5\xd5\xc6\xce\x18\xe6\xe4\xac8\x98?k\x8d=y\xdeH\xfcM\xce\xd9.`\x07\xb14\x82W\x8eJS\x9e\x90\x90\x8f\x13c\xf4?CsKG\x93n:\xd9g\xda\xb1\xb7\xc2\xc7WU;\xe0\xb6\xa7\xd2\x04Z\xe0Y\xeb\x9d\xc4\xcc\x95\xde\xc4\x93\x9e\xdb\xf3\xe5\xe9nL\x1c\x00H\xad\xdf1\x9c\xd6\x08\x8e\xd1:\x0b\x1d\x96\x08At\x82\x15(\xed\x13\x1cr\x8c\xc7(*\x1e\x8a\xec\xdf\xd7\x8b&amp;K\xa0c0\xec\x15\xd4\xcb\x12s\xf0\x8f\x9b.Or\xab ;:\xeaJ\xa8\xb6\xde\x13\xcc\xea\xbfbY\xf4RHI\xb2\xbb\xa4\xac\xf5\x0c\xe1\x0c\xd5g[9\x96$\x12P\xd8k,\xf6~`3Y\xa0$8s\xf3?h\xa8\xe5\xa1\x89\xfa!\x18\x93B\xf4*\n\xce=\x86\x9b\xb6\x01\x03\x1d\xf1\xf1\x91\xb8:\x9d 8\xd8\xb5\xf1\xa7a&amp;7\x81AD\xaao\xe5\x03G\xfa\x9cRmE\xafN\xd2b\xd0\x87Y9\xb2lb\xd8\x97\xdeNrL\xec\x9e\x94\x16\xf3$C&gt;\xef$9X\x94oe\xb8Edp\x95\xd0GVVju\x86\xe4y\xe8\xf2/H\x91\x86\xb9\x81}G[\xf2k\x1d\xaf\x9d\xe0\xe0\xba\x1cS\x06$\xeaZ\xaas\xd97\xc8\x8e\xe9X\ta\x7f\x8d\x9f\x83\x18\x88\xba\xe2\x10P\xd0\x88Z\xa8Q\xa7B\xa3\xa0\xb5\tm-\x92\xc6\xe4n\x00\x19\xa1\xf2\xac\xd0}"\x8a$Z\xd1\xbdT\xa8\xde\xaa\x1fG\xbe\x84\xa8\xf0F+m\t\xb7\x17\xbd\xd6\xc84\xd2$\xae\xe0!\xc7\xf6\xd4\x96Y\xc3F[\x0bt&amp;\xfe8\x03\x8c0B\x83\xc4\xbe\x1d\xc9\x8di\x86\xe0I\xd2\x15\xe1\xccy9\xb1\x0c\x9a+\xe4\x8d\xb7q\x98\xf6\xe5R\xa6nxa\xc3m4\xc2\xfd\x8akCfp:yq\x08u\xf1\xe67\xa4\xa5{=/B\xed\x92\x1a,\xc5\xb4\x82Wd\xd4\x81\x03\t\x9b\xc8\xc8\xb70\xb0\xc5B\x81\xec\xab\x1fz\'\xa65\xd2\x1c@(\xe1 \xaecR\xcay\xe6\xfe9\xb6\x1dl\xcc\xfcu\x17\xdb\xbc\x19s\xca\x00\xdc\x07\x08\xea\xee\xe9\xfc\x1c\xb08R\xfc-,5\xb6\x1f\x17I\x0e\xa01\xd5\xb4\xa9\x0c\x8aD\x85K\x19\x91\x89\xe6Q\x16\x16]\xb6Q\x196{\x90~/D\x0b\x9a\xb5\xd5b\x1fk\rvIRW\xdc\x9a\xcb\xc1\xe4\xb26B~MJ\x9bW\xcb8\xb8i\x19\xcd\xba\xdc\xb2;\xb0\xdcy\xaf\x9d\x1a\xa8Ag3\xc9-\xd2\x18'</t>
  </si>
  <si>
    <t>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</t>
  </si>
  <si>
    <t>b'\x01\xa6\xf5-1&gt;\x98\xc4Cb\x0c/8\xe6L\xb8'</t>
  </si>
  <si>
    <t>lofty arch above. There was something so gloomy and desolate in the
 appearance of this avenue, and its lonely silence, that Emily almost
 shuddered as she passed along; and, recollecting the manner in which
 the peasant had mentioned the chateau, she gave a mysterious meaning
 to his words, such as she had not suspected when he uttered them. These
 apprehensions, however, she tried to check, considering that they were
 73
 probably the effect of a melancholy imagination, which her father's
 situation, and a consideration of her own circumstances, had made
 sensible to every impression.
 They passed slowly on, for they were now almost in darkness, which,
 together with the unevenness of the ground, and the frequent roots of
 old trees, that shot up above the soil, made it necessary to proceed with
 caution. On a sudden Michael stopped the carriage; and, as St. Aubert
 looked from the window to enquire the cause, he perceived a figure at
 some distance moving up the avenue. The dusk would not permit him to
 distinguish what it was, but he bade Michael go on.
 'This seems a wild place,' said Michael; 'there is no house hereabout,
 don't your honour think we had better turn back?'
 'Go a little farther, and if we see no house then, we will return to the
 road,' replied St. Aubert.
 Michael proceeded with reluctance, and the extreme slowness of his pace
 made St. Aubert look again from the window to hasten him, when again
 he saw the same figure. He was somewhat startled: probably the
 gloominess of the spot made him more liable to alarm than usual;
 however this might be, he now stopped Michael, and bade him call to the
 person in the avenue.
 'Please your honour, he may be a robber,' said Michael. 'It does not
 please me</t>
  </si>
  <si>
    <t>b'-\xbb\xcf\xff\x8c\x9e\x88\xf8K\xbcIb\xdf"\x83\xc3\x7f\x17&lt;\x06\xbf\xe6\xd7\xbc\x9c\x9c\x8e\xb0\xac\xf5\xf1\xe9\xaf\xee+\x05\xf5!\x83D\xb9\x0e7\x15:\xc2\x178\x86\xfe`\xc1\xaaif|8\xc5\x18\x93*\xeb\x7f\x02'</t>
  </si>
  <si>
    <t>2dbbcfff8c9e88f84bbc4962df2283c37f173c06bfe6d7bc9c9c8eb0acf5f1e9afee2b05f5218344b90e37153ac2173886fe60c1aa69667c38c518932aeb7f02</t>
  </si>
  <si>
    <t>b'-\xbb\xcf\xff\x8c\x9e\x88\xf8K\xbcIb\xdf"\x83\xc3'</t>
  </si>
  <si>
    <t>g that I have here in my pocket 
 some clue to where Flint buried his treasure, will that treasure amount to 
 much?" 
 "Amount, sir!" cried the squire. "I</t>
  </si>
  <si>
    <t>b'6\xf4\xdc\x13t\xe8x\xc1\xb1\x9dw\xae\x92\xd6\xff\xb0D\xfe$\x82\xf4=\x17s\xa9\x0fD\xe7`\x85\xe2G\x89\t\xcc\x1a\x12\x82\xa6\xdb\xb3\xe4fF$\xa1\xf1)\xec`\x96W=e\x93\x10\xbb(\xd7\x80\x89\xbb\x19n 2M\xca\x9dy^=6m\x99\x88A\xda\xc7\x02\xb5\x88\xb4Z\x03\x9d\x1fJ\xdeD,\x8d{\xe3r`\x17\x88a?\xcaZU\xe2\xbfTS(\x8e!\x90\xfd\x87\\\xa4\x14\x87-\x1a\xbe\xf6\x85\xabZ\x81\xc7`\x0e\x91\xa7D \xed.\xe2\xd8.D\xd2\xa5\x1d$\xa5\r\xda\xadv\xc8\xf0l\xa7\x08;\x0e\xf9_c\rQ\xf4\x91wO\xd1\xc8\xc3\x96\xab\xc0\x88fv\xa7\x9fLi+\xd6\x94\x13\xaf\xf1yq\xc6\x14\x1fs\xe6e\xadk\xa8}\xc8B\xa6\xe0~\xe9\xe7\x15Gt\x85\xec\xbe\xad\x1c\xa2\xac/\xb8\x92\xd9\x12G\x05\x17\xe0P\xd1D\x19\xf4oB"=6\x91\xc7\xe5\t7Lu&amp;\xe9P-\x8a\x93\xfb)\xe5\x16g\x1dg\x85\xb6h\xb6\x15\xbf\xca:Ibn(\x15\xc6A\xcb]\xc1\xdd\x8dc\xa8Cwd4U\xad\xa3E\x1d\xc9r\xd80`\xfd\xff\xf5F\xc7d\xab\x02\x14-`\x0b&lt;[j\xfa\xbax\x19\x8f\x87L\x8e\x0f:\x89i\t\xcc\x95;3\x9f0\xea\xa0S\xab\x04\xfc\xba\xa5\xb1\xd9\x0c\x85\xa8.\x19\xb2\xf8\xabH\xdcv\n6\x18\xcaFJ-|5\x1a\x03\xda\x97^\xb5\x83\x82\x18-\xef"\xa4&amp;\xeeq\x19\xe2\xcd\xe7\x90\x9d\xecA+\x1fl\x8e\x93\xa5\xaa\xd8\x1c\x8a\x05\x15\xa6\xa6\xb4F\xbb\x0e\x10M\x1a\xd3\xcbT\x88k\x1cd\xadM\xf9AirP\x05\xb0\x1b\r`h\t%\xa1\xe6ad\x9da\x9c$\x1e\xa39\x8ap:M\xc43\xd2D~\xdf\x0e\xa1\xe1\xf1:i\xe0L\xc0\xee\xbf\x91\xa6\x18\x8e9\xa2dN\x8b\xdc?\xe0\xbal\x08\xf8\xdf\xe02\x88\xd0M\rLG\x93\xb9\xe4\xde;\xa0*\xc3?\xe8\xa1\\)\x9d\x8bO7\xcfp\x00\xfb\xd5\xac\xed\x9d@7\n\x98\xb5\x9b\x9a7\xf1\xadj\x1b\x8b'</t>
  </si>
  <si>
    <t>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</t>
  </si>
  <si>
    <t>b'6\xf4\xdc\x13t\xe8x\xc1\xb1\x9dw\xae\x92\xd6\xff\xb0'</t>
  </si>
  <si>
    <t>and retire in same order,â€ continued the Gryphon.
 â€œThen, you know,â€ the Mock Turtle went on, â€œyou throw theâ€”â€
 â€œThe lobsters!â€ shouted the Gryphon, with a bound into the air.
 â€œâ€”as far out to sea as you canâ€”â€
 â€œSwim after them!â€ screamed the Gryphon.
 â€œTurn a somersault in the sea!â€ cried the Mock Turtle, capering wildly
 about.
 â€œChange lobsters again!â€ yelled the Gryphon at the top of its voice.
 â€œBack to land again, and thatâ€™s all the first figure,â€ said the Mock
 Turtle, suddenly dropping his voice; and the two creatures, who had been
 jumping about like mad things all this time, sat down again very sadly and
 quietly, and looked at Alice.
 â€œIt must be a very pretty dance,â€ said Alice timidly.
 â€œWould you like to see a little of it?â€ said the Mock Turtle.
 â€œVery much indeed,â€ said Alice.
 â€œCome, letâ€™s try the first figure!â€ said the Mock Turtle to the Gryphon.
 â€œWe can do without lobsters, you know. Which shall sing?â€
 â€œOh, you sing,â€ said the Gryphon. â€œIâ€™ve forgotten the words.â€
 So they began solemnly dancing round and round Alice, every now and
 then treading on her toes when they passed too close, and waving their
 forepaws to mark the time, while the Mock Turtle sang this, very slowly
 and sadly:â€”
 â€œWill you walk a little faster?â€ said a whiting to a snail.
 â€œThereâ€™s a porpoise close behind us, and heâ€™s treading on my tail.
 See how eagerly the lobsters and the turtles all advance!
 They are waiting on the shingleâ€”will you come and join the dance?
 Will you, wonâ€™t you, will you, wonâ€™t you, will you join the dance?
 Will you, wonâ€™t you, will you, wonâ€™t you, wonâ€™t you join the dance?
 â€œYou can really have no notion how delightful it will be
 When they take us up and throw us, with the lobsters, out to sea!â€
 But the snail replied â€œToo far, too far!â€ and gave a look askanceâ€”
 Said he thanked the whiting kindly, but he would not join the dance.
 Would not, could not, would not, could not, would not join the dance.
 Would not, could not, would not, could not, could not join the dance.
 â€œWhat matters it how far we go?â€ his scaly friend replied.
 â€œThere is another shore, you know, upon the other side.
 The further off from England the nearer is to Franceâ€”
 Then turn not pale, beloved snail, but come and join the dance.
 Will you, wonâ€™t you, will you, wonâ€™t you, will you join the dance?
 Will you, wonâ€™t you, will you, wonâ€™t you, wonâ€™t you join the dance?â€
 â€œThank you, itâ€™s a very interesting dance to watch,â€ said Alice, feeling
 very glad that it was over at last: â€œand I do so like that curious song about
 the whiting!â€
 â€œOh, as to the whiting,â€ said the Mock Turtle, â€œtheyâ€”youâ€™ve seen them,
 of course?â€
 â€œYes,â€ said Alice, â€œIâ€™ve often seen them at dinnâ€”â€ she checked herself
 hastily.
 â€œI donâ€™t know where Dinn may be,â€ said the Mock Turtle, â€œbut if youâ€™ve
 seen them so often, of course you know what theyâ€™re like.â€
 â€œI believe so,â€ Alice replied thoughtfully. â€œThey have their tails in their
 mouthsâ€”and theyâ€™re all over crumbs.â€
 â€œYouâ€™re wrong about the crumbs,â€ said the Mock Turtle: â€œcrumbs would
 all wash off in the sea. But they have their tails in their mouths; and the
 reason isâ€”â€ here the Mock Turtle yawned and shut his eyes.â€”â€œTell her
 about the reason and all that,â€ he said to the Gryphon.
 â€œThe reason is,â€ said the Gryphon, â€œthat they would go with the lobsters
 to the dance. So they got thrown out to sea. So they had to fall a long way.
 So they got their tails fast in their mouths. So they couldnâ€™t get them out
 again. Thatâ€™s all.â€
 â€œThank you,â€ said Alice, â€œitâ€™s ver</t>
  </si>
  <si>
    <t>b'M\x9f7\xc7s%$\xd0\xcd\xf6\xcc\xd0\xa2;\xab\x9c\'\'/\x1d&lt;\x84\xcd\xc5\xea1\xda\x10\x82\x18[!%\x81\xe2\xa05\xf9O&lt;\xe0\xc70G\xc1\xf1\xeb\x1c\xc3\x96\x93\x1f\xdc\xa5H\x11/\xdb\xef\x88\xdf3\x1f\x0bn\x1a+\x00\xad\xfc\x80\xa5\xb5_\xe7\xeb8\x0c\xdb\xe9!N`aU\xaa\x08\xfb\x19\x87_Nh\x8eE\x1a\x08\xb9\xcf\x8b\xc9Mo\x80IuVf\xd7\xf6#\x8aZ4\x81if8\x9c\xda:\xbc\x8c\xd2\x87\x88&amp;\x05U\xf6\xacrb\x9c`4\xe2\xaa\xde\x84\x01.\xe5\xc1\xadj\xe0\xcbl\x86\x0b)Y".\x0e\xa1x;\xb0\x7f\x8b,\x02\xd4\xd0\xfe\xec\x06^Fa\x97\x8a\xeaE\xae\xb2Z\xa9\\\x13\xbb\x94\xd7\x0c\x08;$\xda\x82\xc8o\xac:\xaa\xba@"\x92\xb6\xbcqU\xe5"\x03\x88\x95\xe7\xdd\x86I\x9b\xac\xd3\x12\x0bI%{\xe3\xba\xd0\xd2c(]\x95\x04\x14\xdc\x84\xd8\xbb\xe2\xf1\x1f:B]UC=\x98\x8c\xc9b\xfd\xb0\xdb\xcd\xc9\xba\x08i\xad\x9b\xde B4K\x19\x04&lt;0\xdb2\x16\xc3I6=\x06k\xeb\x07w\x87\xa9Ko\x87\x9a0\x94\xadT\xb3\xb5_\xe8\x1c\xe3\x12\x83\x1f\xb4\x84bf\x9cK\x8d\x84\n\xe2X\xa6~M\x95\xf8\xf9\x86S7RR\xec\xeas\x92F\xa9\xabB\xe0w\x0e\xd2C\xc3\x14"\x98\x1a\xf9\x18\xf0l%\xb5d\x02~\xa4\x8c+\xa3\x9db\xc4\xd60]\xc3C\xc4\xb9:\xea7wx6\xad#\x90L\xab\xacL\xc4\xe2\xf6\xca\xea\xd4\x81K\x1d\xe5\x92\x01&gt;\x8f\x15\xc7\xf5&lt;\x133\x04\x1e\xd4\x19\xa5\xcd\xa3\xaaX\xdeG!\xdcZ\xdd\xda\x1d\xe4\xeed}\xdc\xa1\x87\xad\xcc\x90\xf5f\x18\x86\x82Q$mM\xb8#\x148\x11\x99\x8b\x89(\xf0\x19nl\x9f\xcf\xfd\xac\x175\xf0\x01\xf7\x84j\x84s\xfe\xa93\xd1\xb0\x9f\x92\xcac\xec\x8eHB\x8f\\:\x8bk\xce\xbcPC`\x10|\x0fa\x08\x1b\x1f}\x8a\xb2\x07\xbb=\xda\xca\xe6\xd3\xff\x8f(\xd0M\xea\xb5\x0fT\x04/O\xdab\x7fu\xc1\xaec\xcd\x8f\x1b\xf7c\xeec\xb3\x01\x02\xf5R\xff\r\xb7`\xfa\xa7\x11H%\xd3Wa;|^\xabt\x1a\xae\xdb\x15#\xf7t"\x82\xdc3&lt;\xe6:\xd1F]\xfbR\xcb_8\x93\xdb\x9d!f\x7fe\xfd\x889@\xdb\xf7C\xea\xda\xde\xe2q\xe2"8k\xf1/\xf8\x14k-\xbe\xa8m\xb3Q\r\xdf\xb4r\x065\xfa[\x92\x9b\xb4\xab\xdcCG\x94\xf7\x87\xc3%+\x18\xb88\x1d\xe5\xab,G\x87m\xd4\xf6\xba\x95\xd20\xac\xb1\x82\x18\xa8\xdeW\x8d\x128\xe7_(\x0f\x1c\xf4(\xa6\x06\xfd\xc2(\xbc\x94\xda\xc2\xf2M"[u\x8e\xff\x1f\x85b\x0c\xfd\x88\xb6-\x7f\xd87\xca\xd5\xd0*Y+T\x163\xa2\x1b=\xc06\rI\xb8V\xa0\xde&amp;\xa7\xe8\x84\xcf\x80X:;\xc3CF\xc5q\x19\xed\xbf\xe1u][u\xb4t`\xa5\xa8\xe1#\xa2g\xc2q\xd2z&lt;\x81.\xe8\x1a\x14JC\x98\xd8\xf4\xc1\x85q\xa0\xc22\x10\x89H`&lt;U~\x07h\x80\x0f\\5\xddD\xf2\xff\xad\xac\xf9Z\xc6\x99 \xec4\x91\x8a\xbd\xd1\xd4y\r:\x87//\xb3\x7f\xd7B!v\x17E\x82@\x1f\x0b\x94\xcc\xc2V\xa3X_\xa4\r\x002l\x0b\x82\xe0\xc3n?2~2";(Y\xd5\xa8=\x10R\x07\xd6oY\xc2\xc4m\xaf\x83\xdf\x8b\xbc\xc7\x88\xe3\x8c*W\x9a\xf1k#d\x04\x08(\xcfd\xb5\x01\x02V?\xcf-\xc1\xbc\x1e\xab\xbc\xb9\xc5\xc6Y\x0e\x00\xac\x18Z\xec\xae\xc6\n\x97\xf2\xb7:\xefOB\x9ay\x05\x940\xc9&gt;\xe9\x7fC\x86\x99\xe6)\xc6\xf5X!\x08K/=0\x8e\x00\x8f\x01R\x18&amp;S\xf29\x14\x10lt\xffc\xcf\x1d.\xe1\xc8\n\x8a\xb5\xcb\xa7c.\x89\x9d\x8d\xc6\x13\xa1\xbbt\xbb\xd2\x98R\x93\xdbx\x1f\xb2\x99a\xce\xb7\xabC\xfa\xe4\xec\x87iO\xbf\xbc\xd4V\xb5(v1A\x911\x03\x80l\xb0\xe1\xd5\tc\xb5\xa0\xa5\x99\x98\xa7m\x95\xd0\xd2\x0b\x16\xf9\xb1\xa2\xeb^\xce\xf1C\xa1\xc7q\x15q1\xf4&amp;\x8b\xaap\xf18\xc3\xca\xe0L\xa26\xb6\xfb\xf8};r\x144\xeb$\x8d`\x8b\xf9\xe4\x12\xd0{\n!vY\x90{/B\xfb\x00\x8fe\xe8\xb8\xecp\xb3\x10\xd2\x14k\xd5\xe4\x99\xd74\x93\xfe\xfee\xa4\xebg\xc9\xeco[\xe0]\xb5\xfa\xb1\xb9T7WP\xb2V\xaeN\xa2\xa0y\x03\x0e&gt;5\xcbJV\xa9.\xda\x9b\x8a|\x80\xe3\x82\x8b^\xde&amp;\xc5:\xd4\x03\x926\xef\x96\x1a\xadKJ}=\xbe\x91\x08\xfbO\xe7\x85l\xf6:T\x0f\xb0&lt;\xba\xaa&gt;\x9e\x91X\xda\x98w:\xbe\x98"\xdd\xd6Og\x98[\x8f\r4fow\x12\x16\x85\xdd\xf4\xbc;\x7f1\xe4\xacy\xd3\xef\x9f\xdb+\xab\xcfl\x13\xda\xef,\x8b\x14\x0e\xa4+\xd8\xa8\x0e\xd2\xb8n(;y/\xe2\x00\xde\x14\x1e\xb3PG\x84\xaa\xde\xa1c\x95\xc6\xa7@\xdcV\x9b\x8d\x13?\xb9\xb3\xa2qci\x13\xd7\xcfL+\x03\x83\x1a\x94Gw\xcf\xd4\x92\xa9a`:\xf8\x92\xef\x9b\x07\x9fFr\xca\xa5!\x07\x14\x1b\xec\xff\xc3\xad?25\x05\xef\xa5\xb9\x90H\xa2\xe6\x02I\x07\xf1\n\xf0\xad@p\xa4\xb4\x95\x88\x8c\xf0\xd8\'t\x9f&lt;\xd0\xf1:!\xb4\x04\x0e\x1d\xfd\x9a\xdf\xc0f\x1e\nW\xd7\x1c\xccIR9\xad\x97\xd7n\xd6\xde\xdf\xe8hX\xfd \'d\xc1\xbf\x8e\x1d\xde\x19\xeb\xac?Q\xe1\xdc\x8a\xd6*\x1fl\xd4\xc3\xdb\xd8B\xe4g\xac\x05T\xaa\xa7"\xf2\t\xfdX\xd3\x0b\xfb\xaf*\xda\xa0|\x03\xe7\xa8\x1dQT\xb7\xe6`]\x19\x8cs\xfcz\xc8}\x9a\xff\x11\xa66\x0e\xcf\x92\x06d*\xa5N&lt;"\x86\xe2\x0c\x83:\xfb[\x0b\xa3!\xd0\xc4\x12`\x0c\x8d^\xdbX-7\x88\xaf\xc5v\x99\x1c\xe9\x87^\x89V\xbe\x0f\xfd\x97[ F^=\x97\xb2C\xb4ex\xea\x93\x9b|7\x00\xcb\xfb\x16\xebo\x95\x1d\x85h\xccI\x97\x0f~1w\t\xael\xd1\xb7\xeea\x9d\x07\x83\x8f\xd1\xb7\xf7^\x9a\x85v\x1a\xf7m\xb5m\x189\xbe\xa6\xb5\xf4Jc\xfb\x94\x03=2\x9fd\x82\tir/R\xeb\xd8\x1f\xef\xc2\xc4\x16\xae\x99\x1b1\x85ji&lt;\xc0?\x99x\xe7\x18P\xd5qE\xb3\t\xf8\xd9\xb7b\xa5\xba\x17\xaf\x03\xdcs\xef,FC\x9e\xf0C\xef\xf2\xfc\xdcX\xac\x05\xff8\x81Y\xd2\x7fl\xdd\x9b\x92qA\x19\xaf\x86#\xb2C\x87\x87\x98\xdf\x07a\xe3\xa2!K`\xb4j\xf7\xf4\xc4\x1e\xf3\x86\x05\xea\xfc\xdc\xa8R\xff\xfa\xbeO\xf9\xc3t\xc6\x10\xf3\xad\xdc\x17\x1bn\x85\x9c~\x9d\xe9\x8d\x12\xfe\x81S\x01\xd9{\xd0\xdeY\x86&gt; R"M\xf7\xde\xdff\xa3\xfd\xcd}\xd6\x86P0\xf9[n\xe5G\xb6bB\x13\xc8\xbf\xc5\xc7\x8e\x19\xae\xff5\x87s);\xf0Q\xb4\x86\x94%O\xd6\xddh\xed0\xe2\x02\xfe\x1c\xb5\x91m\x98\n\xbe,\xdbbH\x8d\xf1\xe7\x89Sv\x17\xf6\xfc\x12_q~\xc7r\x81W\xea\xbb\x8d\xfaH\x13\xfcH\x12\x07Spp$\x04@\x14\x81I"\xcf\x0b\xa4\x89kT\x99x\xed\x10\xfeR\x96h\x96\xa1\xd4\xbe\xfb.*s\x1e\x8f&lt;Y\x93~\xa3\x00\xd33\x0b\xc5\xbc\x93:N\xafI,\x85Z\xdb\xc3\xd2\xf6\xa3B+\x97W\xff\xdb7?@%\xcd\xa2\xf4\xa2\xdda`\x12E\xe2\xa5\x9e\xd3\xe5\xfc\xd6PnEp\xae2h\xc7\xbd\'5\x8d}\xfb\x04.\x85\xd0\xeb\xbe\xd6\xf1\xde\n\xbc\xb6f\x1b\xbe\xacR\xaaM\x07\x1f\xb6\xc6\x06\x00R\xdb\x13\x97\x1e\xe6\x02p\xb7\xc7\x9b\x80\x902\xc2\x95\x96\xe7\xb9\x8a\xed\xe5\xac\xc0\xe9\x95G\x85\xd1K\xe6@[*I\xa2.\xf6\x0f\xd4a;\x82\x93:\x12\x8az7\xc5\xaf\xe9\x08\xe4\xc2\x062T\xcd=\x87\xfa\x83\xf9\x11J.\xad\xb0\x98\x90*5\xc9\xf4\xfb\x9e\xcc\xc3\x1f\xc5\xdb\xaa\xc5w\x86\xa7\xa4\x87(\xed\x06\xc5\nl\xe4:\n\xa1\x1d\xebeK*L\xfc\xe3\xf7\x84l\xe4\xea\xb22\x90\x80wQ\x8a\x97QytzVg\x97\xd6z*y\xb8\xf9XK\xd2\xcb\x10\xd7\xa8|\n\x0c\\\xad\x98\xb6YwJ&gt;\xe9K\xa0\xb61p\x7f\x1c\xe6g\\\xb9\x8f\xbf\r_\x17\xb9=t\xf0X\xc3\x07\xd3\xbai^\x1a\xcdS\xf4\xee\xe6\x00\xea\xedXL\xd3\xebt\x1a\x08\x947\xe2B\xf6\xf0;\t\x8d\x88\xb2/\x026\xc0\xd7f\xe3O\x86\xe4V\x0b&gt;\xe6@5Vu?\xfa+c:h\'.\xc7\xe7@\x06iE[\x01\xf8\x96\x87\x00oLz,0\x97\xe7\xa2D\x96\xc0\xce\xf4\xb1\xa0\x84\xff^\xa4\xab&lt;\xc4\xb8\xcf$\xd1\xd6\xc8\xca8=\xd2u\x0e\xbf\xb4\x0c\x94\xa9\x08"\x92\x900-*\x1a\xd2r\x8a\xa3F\x1f(\x1f\x85\xfe\x93U\xf0\x11\x14\x87\x9dq\xbcM\x1f\xcc\x7f\xce\xcb\x96\xb5\x83\x07U\xa7;6\xbfO%g\'t\x8f\x0e\x0f\xdai\xd6\x03]O+\xb6Q\x0b\xbe\x8a\x07E\xf4\xfc\xbd\'\xd6\xd9\xe4\x85 \x8c\\\xa4\x1e@A\xdd\xcf\xeb\xa1\x9b\xa1\xa5\x0c\xd47\xb82F\x9b.\xdfue\xd6a\x8e\xc7\xfa\x90\xdeY\x0b\xc1\x0b\x9c\x8d\x15z\xc0d\x96\xe6\x89\x8a\x96\x0f\x8d\x13*8\xb9Et\xc8v\xde\xf9\xf77\xec\xfc\xa3\xd1j\x96B\x13\x07\x06\xd1\x87p\x80\x91\xc4sEW\xdc\xeb\xe0?xE\xab\x93^\x01t\x8e\xbd\x91\x98\xbf5\xd7\x08\xa4)\xcb\xe0\xef\x15\x00\xfe\xfd@+J \\\x1f=\x19\xf3\xf16{X\xa6\x7fk\xd0\xbak4\x0e:\x9a#&gt;W\xfb\xe8?\xb1\xa7\xbc\x06\x94Y\\e\xcd\xca)E\x9a\x13:\xe1\x8d\x80\r\x80`&lt;dr~|\x08\xbe\x96\xb9{\xc8\xb1T\xb8\x05s\x97\xde\xa3\x0e\x87km.\x80\x9b\xd8!\x95\x18@\xff\x1e\xd6\xbfxN\xcfh\xe8\xc1W]\xc5\xaa\xe1\xa8\x94\xfd\xa9O\xa7\xa7\x04\x17\n\x17K\xa7H\x0f\xa9\x01\xcd\x1a\x82\x95\xa8\x98\xeb\xe8E\xf0\xd3z\xff\xd1b\xaf\xb8\xf2u\xa0\xd4ZGc]\x11\xefp_CshL\x80\xad_\x9f\xf2N\x06^\x14#\x0b\xb3\x99u\x17\xb5\xfe\xdc\xfc}\xfb\x91\xd7\xb9\xc0Q\x82\x91\xdet\x86`\xd7u\x01\xf6\x9a\x12\xe1\x8e\x98QLf\xf3\xe7s\xa2N\xfc\x9f\x04\xf5y\xc1\xbeL\xb4\x86\xf6\xed@\xab\x7f\xfd\'\xa8\xac\x96\xd1\x94|[=HB\x8a;{5\x19\xf0\xda\x86\x1e\xa3\xeb\xe4\xd0d\x8a\xbf\xfb\xa0WZ\x934H\xa2q}r\xb4\xde\x9f#\x15\xbe\xe2mbM\xc13\x8a\x9e2\x8cJ\xe0n4\xde\x8co\xa5\xcd\x00\xc9\x8az\x0e\xbfA\xd4\xbf\xc3&amp;tS!\xe4r\x96\xc8\xdd\xee\x01a\xe1\x18\xcfa\xeeP\x85\xe6Y&lt;h\x0cF8;\xc4\xf8\x06\x96g\xfaH+\xcc\x08\xec\x00\x1e\xfd\xc1&amp;\x05\xa8w\xd5\x7f\xecu\x99L\xdbZ05&amp;q\xdc\x1dYl\x8d\x1c\xe6\xff\x00\xdaQ\x0f\xfe\xd7\x9c\x95or4\x90\x16C\x8c\xc7\xeb\x16\xf3z\xae\x82\xf4k\xb6\xc1\xba9Q\xa1\x80B\x80\xd1\xc0\xec\xef\x9d\x9f\xcd7\xd6;\x8b_\x0e\xf65\x89\x83*\xf4w7\xa2\x83o\xb7w0\x10\xa9\x8cC\xc0\x1f}dx\xfe\xd9%\xe1\xda\xf5\xf0\xc6\x97\x99t\xf4\xf7\xcc:\xda,\xc2YK\xa5(0\xba\x03\x1e\x82\x0f\x8b[\xac\xbc\xbf4\x7f\x89\x1d\xb4\x84\xbbF\x98\xf3\xaa\x1a\xa0dk(\xaf[\xfe8R\x88e\x17\x18%\x82x\x08\x15\r\x0c&amp;"\x87gg\xf1\x06\xcd\x1e\xae\xc3\xdb\x12U\xde\xe5a\x13\xc2\\KM\x9a\x06\x12]G\xae\x04\xe4\xd1\xe4@\xc9\x11\xae\xd0\x0c5j\x8e\xc0W\xbaq$v\xb6\xd6|\xfb\xb2u\xe1r\xbe\x97\x88-j{"\xa8oG\xf1\xea\xda\x16\xa6I\x14\xb3\xc1}\xc6P\xd1\xf6\xcc\x1b\xb2\xae_\x1b\xcd\xbfFZ\x13,mc\x9b\xf5\xf7\x95\xd6R\xcd\xc9\xc6\xa1\x9f\xb5\xf1\xb4Os\xab\xc9\xb7-\x102\xedh\x8b"\x8b/Q\x9b~\xca\x0b\xee\xfd\xa9\xddH\x9c6\\\xbeY\xd7\xcf3\xc0\x94D\xbeF\x10\x08.pA\xf0\xa5DcI\xf85C\xf4W:\x10\xda3\xad\xdf\xf0\xd1\xba8\x97d\xc4\xe4\x87\xc2R\x96L\xb6/\x8cQ\x15\x88Aqj\xa3\xd5k\x07\xf4\xae\x8d\xa3\xb3\x8a\xa4E\xd0\x87\xde#\x14\x8a#\xec\xf3\xef`#\x97\xc9\x15(t\xef#\xa0\x0b\x1a\xb2\xb9\xd5\x92l\xfc\xaf4\xa2\xca\x11\x07e1\xbd({\'\xa4\xf1\xd0\xa6\xf9\xe7(?\x94\x99\x0e (\rK\xea;\xbe\xe3\x956\xef\x01\x9dJ\xb4[\x9a\xb7\x19\x83\x9b\x1d\x8f\xf0\x9e[\xa7\x9b\x93\xc8"\x11\xbe\x8c\xce=&gt;s\xeav\xb2\x91\xa0\x92\xeby\\[P\xcf!\xae\x05y\x04~h\xc9\xce\xd5\xd3\xa6\\\xf6\x7fdfi\xb6\xf3\xf3\xc3\xe4\x8d\x10.\x9ef\x15\xca\xe34\x7f\x95\x92?\x13\xe2\x8f\xff\xd8T-v\xda@\xcc\xbe\x86\xab\x1c\xcaE\xcfd\xac\xad\x93\x8a\xe8\xd1\xc1\x9a\x83\n\xe2\xbbt\n\x82^\xee\x1e\xc5}\x1c\xc1\xe2\t\x06\x83\xaf\x020\xc9\xad\xea\xd5\xaf\xfd\xc9\xc86C\xb2\xa1"D\x14\xa3\xb4%\xce\xecA\xb2\x0e\x97&amp;\x15\xf0\xfe\xa1g\x92\xd8\x01\x11\xb0\x98\xa6\x0f\x9d\xa3M\'\xc5\xa4\x18\x88\xaa\xe8^`\x05\x13%\xe0F\xc4K\x90Ig%\xf0e\xc8\x0b\x10\x03\xcf\xdd\x95mo\x0b]\xb1Kf\xd7\xf0\xfb\xdf\xe5\xbf\xa2\xbcw\xd43\x02,\x81o\xa8c\x10\xd2\xc6E:L\xde\xe4\x1b\xf4\xb5\xec\xaf\xc7\x82\xe5\x19[{5_\x19\x1c\xadD\xdf(\xd6\xcc\xd9\xabs\x81|\xdeB\x03#.\n2*\xf7Qpx\xd0\xb9D:\'N\x19\xfb\xa2\x87\x8c\xec\xdb}\xf6\xb5\xbb\xa8\xa8\xe4\xcc\xb1\x9a\x9d\xa2#W\x17\x90\x89\xf7\xaa\xbb$\xf5D$\xa5\r\xb4\x95W \xf4\x86\x8b\x05\x94\x0fo-`H\xd7\xc2\xc0\xdf\xfb\x96\xb7Z\x9a\x10b\x03\x1e\xcc\x08\xfb\xc9\x99\t&lt;\xd1M\xe6SR!\xe3c^\xa6\xd9K\xaa#\xe6_\x03\xcd\xad\xb6&lt;\'\x1f\xa5E\xe8a\x00\r\x90\xa87\xec2\x98\xdc\xf6\xdc\xcbImKb\x12\xa8\xa9h\xe3\xce 5\xe9\xf5H\x19\xd1\xc2\xde\xba\xe1\xa0\x92Z\xbb\xae\xcf\x8b.\xb8\x89.\xfb\xed\x16\xdchBt\xd5\x95\x17\xa6\xf8k\xa6g\xefi\xfe\x88X\xdd\x03\xd8.\xd8\x91\x91\x8d\xf7\xe5\'4d\xe1E,\x18&gt;\x06\xf6Ax\x14\x18\xa7)\x85\xc7Vig;\xe1B\x8e\'9\xf7\xde\xfd\xd3]B\x8e\n5\xf9\xcd/\x8c7b\xe6\xf4\x1c06,\x16\xdd\xbfO\xa1\x8f\xf9\xc7|\x17q\x81\xe2\xc1kjJ\x1b\x92\xaeI)e\xad\xe0\xa1\x1dk\xc9T\'J\xfbE\xfc\xa2d9\xfb)\x12\xc6P\xfcl\x955\xc5\x92\x87\xa5\xdf\xc2\x8c\x98Y\xde\x92t\xf2-\x05\xde&gt;0\xd6\x13A\x84\xe1\xbd\xe7\xaa\xd1\\j\x1e\xbcG\x1e_\x8a1_\x88\xf5US\x08\xfa\xc9K\x15\x05\xd6\xb7\xa9\xed\xceY\xeav\x14w\xb0\xd97\xb8\x17A\xa5\xcb\\!\xf5|\xbf\x86\xf3\xb9\x9a\x9b\xf4\xd9\xe3\x91\xe5\x1fr?\x12\x90\x94\xe9\xf3sS\\\rf'</t>
  </si>
  <si>
    <t>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</t>
  </si>
  <si>
    <t>b'M\x9f7\xc7s%$\xd0\xcd\xf6\xcc\xd0\xa2;\xab\x9c'</t>
  </si>
  <si>
    <t>ad set them free from bondage.
So she chose a number of the Winkies who looked as if they knew the
most, and they all started away. They travelled that day and part of the
next until they came to the rocky plain where the Tin Woodman lay, all
battered and bent. His axe was near him, but the blade was rusted and
the handle broken off short.
The Winkies lifted him tenderly in their arms, and carried him back to
the yellow castle again, Dorothy shedding a few tears by the way at the
sad plight of her old friend, and the Lion looking sober and sorry. When
they reached the castle Dorothy said to the Winkies,
"Are any of your people tinsmiths?"
"Oh, yes; some of us are very good tinsmiths," they told her.
"Then bring them to me," she said. And when the tinsmiths came,
bringing with them all their tools in baskets, she enquired,
74
"Can you straighten out those dents in the Tin Woodman, and bend him
back into shape again, and solder him together where he is broken?"
The tinsmiths looked the Woodman over carefully and then answered
that they thought they could mend him so he would be as good as ever.
So they set to work in one of the big yellow rooms of the castle and
worked for three days and four nights, hammering and twisting and
bending and soldering and polishing and pounding at the legs and body
and head of the Tin Woodman, until at last he was straightened out into
his old form, and his joints worked as well as ever. To be sure, there were
several patches on him, but the tinsmiths did a good job, and as the
Woodman was not a vain man he did not mind the patches at all.
When, at last, he walked into Dorothy's room and thanked her for
rescuing him, he was so pleased that he wept tears of joy, and Dorothy
had to wipe every tear carefully from his face with her apron, so his
joints would</t>
  </si>
  <si>
    <t>b'&amp;&lt;\x01\xe9\x1d\xbc\xd6\xff\xe0Ir\r\x0f\xca\xb5\xb7\x1b\xf5\xdc\x83\xe1\xdb-\x88\x97\xe8y\xf6gr\xa4\x19\x0c\xeb\x1d\x8b\xcb\x8a\xbd\xba\x10yVG\x121\xd2\x0b\xfb\t\xe4\xe4P&lt;\xbdf\xf6\x96\x14\xfb\xc3\xa4*\xe12S\xe4\xaf7\xad\xd6a\xd7Y\xed\xee\xd9V\xfb\x00\xdc\x9dd\x89\x1eu\xf3\xa0q\xfb\x062!\xdf\xf8\xf7\xe0\x15;"\x9d)\x9f\xe0\xb6\xd7\x1f\xff\xdff\x0eoD~\x1e\x19\xbf\x95z\x1eY\xc2J\x94Yc\xd5\xad\xb1\x0c\xdeqd\x93\x19\xecY{\xbb\x9d\x11\x00\x10.\x8c\xd7\xa0\xd6Z\xf3f\xd5fb\x81~\xce\x1a\xdd\x0fN\xab\xc2\x94\xd9\xdf=G,\xe3\xe6x(\xa8 ~S\x02\xdc\xdf\x05\xc5%\xd6s~2p\xaa\xaf\xa8N\xe2\xb8U&lt;\xafw&gt;C\x90\x8b\xeax\xab!I*\xc5\xa0P\xa8\x9fY_\xd7\xc3\x9aS\xc1#k\x88-\x93\xcd\x8a\xb9:\xa6\xa9}\xe1\x96\xcb\x184\xcf\\\xc6\xdboJFX3+/j\xd8$!\xe6d\xad\x14c\x0f\x10H\xa3\xc7;\x86\\\xdd\x1dY\x16\x9a:J\xb8\x8e+\x85\xf5\xb1\xba\xe4\x9c\x08\x83\xea7]\x85\xfb\x88\xc5\x89\x8c\xab\xefy\xfa\x91\xea\xbd\xc1\x9f\xd1:\xf9\xd5cr\x883q\xeb_\x9c\xae\xfe\xf6p\xc9\xb6\xfd \xbf|\xbc\xc9r@\xd8\x9fv\x12\xb0\xf9\x884\xd6\x1f\x10!\xcdi\xa2\x15\x940Q\xe0\x9d\xd4\x99X\x16\xd8 \xe4\xddv\xe4\x0f\xb1Bv\xac\xc0\'x\x04\xf2|\xff\x0c\x17\xcc\x04\xfe\xca\xf8\xd3@f~\xf4\xe2\x03\xeb\x8cp"3\x88\xd5\x80\xbd(/\xc3#\xa9\x92\xc7\t\xb5\xda\x91\xbf\x04\xe6S`U\x10\x06^\x00\xac\x99\x18\xdc,\x1f^\x06vT#\xd3O0G\x19r\xfa6\x1c \xdf$\x08\xd0c\x9b\t\x7fv\x16\xf8\x9b\x0f\x1c\xc5*\xe02\x861&amp;\xe6\x81\xd6z\xbbZ.\x12.\xca\x97\x922$\x92\xa7\xbb:5\x05p\x10$\xbf|\xaf\\\xb5\xf64\x9d\x00\xa6\xe0;\xec-\xf5\xb8\xddE:\xff\x1c\x1e%\x89\x1f8?\xca\xbb\x1a\x7f4\xa3\xe3i\xe5T\xe6_\x9d{\xb4#b\xef\x07\xea\x8fF\xd5\x85\xbe\xc0-\x17\xf0/\x9dV\x0b\'a\xe57X5=\xc2\x8d\xe0\\h\xbc47\xaf\xcb\x8b\xd1Lt\xad\xff\x8d\x11\x92\xe5\x03\x8cy^\x06f\x1bV\xf9\x16\x1c\x84\x05\xd9\xe7:X\x1eu\xb4\xd4\x93\x06\xa0\xc1\x14\x9e\x00,\x8b\xed\x8cS)S\xb29f\xd3\xb8\xb0W\x1e;\xa0\xae\xfe\x8a\x84{[\x9d\x023\xf0A\x9e-\xad\xbe\x15T\xa0\x1d0\xa8\xa7dD\x9b|\x14\xf3\xb05\x02\xa4GrXPRp\x96\x14\xc9\xe8\n\xaa\x88\xed \x1b\x88\x9f\xe3U=\x91\x03\x1b\xda\x85\xc4\xce2\xe3\xb7\nWK*\xfa\xe5\xb8\x99\\\xa7\xae\x92\x17\x98\xadCmK(\xc7\xc1\x07\nn(ope\x85\xcaW!\xa4P\x97T\x19#\x1f\x8akj\xcd1\x8eT\xa7T\x01\xcc\x99\xf3-\x14\x13\x9f?{\xd1\xab\xa6\x07d \xfbP\xcd|\xb8\xc0\x1d\xfa-\'T6\x9a\x9d\x1a&lt;o\x00\x9b\x9e\xc1\xd3xJ\xdc\x00\x1b\xb7S\xb0\xde\xec\x1fr9\x91^\x95\x1a\x9bMmB\xcdC%ae\x88hM\xfbD\xfb\xc0\xf1r\x0f%\x91=6\xafmR\xde\\\xb5k\xac\xa3\xfa\xef\x19\xa1Zi@Kb,\x14\x9656\xdb\x88\xbc\x1d{0\xdd\x9a"\x03\x1f\x06\xc9F\xef\x90\x0bk\\\xcc\xa89\x8f)*\xfb\xcc\'\x898\xf8\xef\x85\xebP\x8a\x0c\xe5F\xda\x12X\xab\xe7\xcb\xe7\xf8\x1a\xcda\xddH\xfc\xc3\xc0\x9b\xd9\x9aAdQ\xea\xca\x18\xf0\xb0\xa0\xbc\xc3QP\xfeT!pw\x81k\xe8\xb4duMZ\xcc\xd2&gt;\x82^\xe9L\xbe\xb5q\xbb\x93\x10e\x1dq\x19A\xb5^O\xad\xa1\xbaK\x9b@\x0c\x02U\x9d\x8a\x98\x86\xd4^d\xa4C\xc3\xdf\'D\x94\xc76)\x9f%\x00\xd8\xf5\x00\xf3\xb3[\xb4.\x8at\xd2\x05z\x89\xcd4\xc6\x84\x91\xcb\xb8zU\x98\x9c\x99,$\xf2\'\xe2$\xb3\x04\x01|\xa4\x82\xaa\xfaPd\xd9\rf\xcdO\xf9\xe8E\xf1@Z\x051\rnB\xaa\x1e\xb2~\xa7N\x91\xba\x8f\x99\x88^_Xv\';\xa8\xca\xfe\x10\x9651\xee\x95\xc9\x14\xe8\xbe\x1d^\xf3\x9f\xdba\x08BA\xb0\xef\xedi\x88\x956\x94\x011\xe1\xfc\x95\xb9\x97wi\x97\xfd\xb30\x92l\xbd\x1aP(\x1e\x83\'\x07\x04\x97\xd97\xef\'V \x08:\x19=_!\xa9V;\xd5\xf7\xd0\xda-\xef!&amp;s4u\xf2\xa5R\x19X[\x9e\xdeof\xeb\x02\xfdb\x94\x18tV9\x02\x0e\xcde\x9a\xa7\xc2\xa0\xe2.)Cl-\x16\xb4\x94\x0f\xacg\xe7"\xa7\x03V\x1eqY\xfb.7\x82V\x98\x85\xda\x8b\xd8\x8a\xb7\x14\x04W\x08\xafp\xcf\xafV\x88l\x9a%5\x89\xd7\x8b\xb8\xca\xd6\xd8\x90\xba\xaf\xbe\x9b\x0b;V\xb4\x9b\x9c\xb22osWD-\x91\x12qM\xc11k\xc4\x0b\xcem\x93\xf3\xd0L"z\x13\x1bF&lt;\xc6gy\xdeR\xa0\xb9+0\xff\x1a\x93g\xa9?h\xe4&amp;\xae&lt;*zq\xcb\xdc(\xc2\x97\x84B8P\x84bpc\x80\x15\xe7O\x9b.\xd0P\xc3Jd\xaf\x0b\xc7\xf2c\x8d\xa8Q\xe0\x02\'jI\xc4\xd4\xcd\xf7\x1c\xcb\x97\xc1\x0em\xba&amp;\x11\x94M\xb8\xc5\xc9;!\xa0\x96|\xbbq\xb5=\xcb-\x81Nmb\xf4,\n@\x91\xb8\x16\xac\xeb\xfa1;\xbd\xfb\x00\xc9\x95\x05\xb8\x80\xd62\xa3\x03\xef\x0b\x05\x17\xdc\xf0\xddT\xf7\xea\xe2#\xe1\xa1\xce\x1b3]S\xa2\x08\xab\xa9S\nG\x03\x89\x91\xe5\x99\x10\xa9\xdf\xf6O\xe4\xd4+\xaa\xb7k\x7f.2\xa1S-\xed\xbcea\x9bD\xa0\xfaZF\xdc\xac\xe1\xccF\x11*\xe4\xeb\'\x93\xd1\xb3\\|\x1d\xc2v\xad\'o\xfc+]\x94\xb6$h\x0es`\x8a\x97\xed\x98c\xf0\x1fl\x9br\xaaf`\x10\x91\xf1\x14(\xc4C\xcf\xadPT\xf0\x18\x9a[\x92p]\x97\xfa[\x15\xbf\xad]rH^\xe2k\xd4\x0e\xc1\xf65\xae8(\r\x036\xd0\x88\x7f@\xd2F\xcd\xca\xa4IE\x86\xf6\x99B\x81\x86_.\xe7\xc8\xa1J|\xc4(\x8a\x96\xcb\x10\xb2h\x87[\xe5%u\x13\x89\x96gY\x13\x81\xa5\xd6\xa5&gt;"-\x91;P$\xafTW\x0cv8-e\xf6C(\x96\x05\x00)\x1af\x08*\t\xfc\x9cz\x1f\xb6\x86\xe1z\x15I\xe3}C\xe0W\xd8\xa5\r"I\xc8\xe3#\x16\x7f\xd8\x9b0\xd7)u\xcf\x84\xea\x94\x0fus$e\xd9UGP\x0bU)\xabm\xa7\xdc5#\xe7\xa4=\xda\xdfs\xbcy\xf6\x1b\x114\xf3\xf5\xe5\xbbLw\r`\xc97\x98aw\xaf\x88g\x8fL\xd4\xfe\xef\xa7\x90\xf2\x95}\xa8,\x9a\xf7Mn\x9d\xcf\x044\xf0\x91\xd08\x7f\xdf\x1e\x84JWN\xe1\x18\xdb\xe3\xc8F\xd1\x19\x9d\xae\xc7\xe7t\xd7\xb7&amp;\xba?,\xde \xa1d\xe1\xfd\x12f&amp;\x12L\xff\xef\xb0\xd5\x9d\xa0\xd2\xe1D\xed\xc5\xff^\x8bM\x8f\xbe\xb3\xb5q\x0c\x15X\x0f\x1cF\x13\xd6r\xbdswFm\xfcT\xe7?\xe7\x9fc\xc3\x02g\xdf\xf3Q;IT\xf5Jk\'4\xe3x\xd8\xa4\xc1N\xafj[\x8c\xf5Uzoy\x8d%;\xee\x02\xbf\x91`0\xe4\x01( \x1e .Yx\xf6\xa5g[=\x9bR,\xba\x85gk\x97(\xcb|\x10\xd0q\x04'</t>
  </si>
  <si>
    <t>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</t>
  </si>
  <si>
    <t>b'&amp;&lt;\x01\xe9\x1d\xbc\xd6\xff\xe0Ir\r\x0f\xca\xb5\xb7'</t>
  </si>
  <si>
    <t>r in
 you.'
 Hook tried a more ingratiating manner. 'If you are Hook,' he said almost
 humbly, 'come tell me, who am I?'
 'A codfish,' replied the voice, 'only a codfish.'
 'A codfish!' Hook echoed blankly; and it was then, but not till then, that his
 proud spirit broke. He saw his men draw back from him.
 'Have we been captained all this time by a codfish!' they muttered. 'It is
 lowering to our pride.'
 They were his dogs snapping at him, but, tragic figure though he had become,
 he scarcely heeded them. Against such fearful evidence it was not their belief
 in him that he needed, it was his own. He felt his ego slipping from him. 'Don't
 desert me, bully,' he whispered hoarsely to it.
 In his dark nature there was a touch of the feminine, as in all the great pirates,
 and it sometimes gave him intuitions. Suddenly he tried the guessing game.
 'Hook,' he called, 'have you another voice?'
 Now Peter could never resist a game, and he answered blithely in his own
 voice, 'I have.'
 'And another name?'
 'Ay, ay.'
 'Vegetable?' asked Hook.
 'No.'
 'Mineral?'
 'No.'
 'Animal?'
 'Yes.'
 'Man?'
 'No!' This answer rang out scornfully.
 'Boy?'
 'Yes.'
 'Ordinary boy?'
 'No!'
 'Wonderful boy?'
 To Wendy's pain the answer that rang out this time was 'Yes.'
 'Are you in England?'
 'No.'
 'Are you here?'
 'Yes.'
 Hook was completely puzzled. 'You ask him some questions,' he said to the
 others, wiping his damp brow.
 Smee reflected. 'I can't think of a thing,' he said regretfully.
 'Can't guess, can't guess,' crowed Peter. 'Do you give it up?'
 Of course in his pride he was carrying the game too far, and the miscreants
 saw their chance.
 'Yes, yes,' they answered eagerly.
 'Well, then,' he cried, 'I am Peter Pan.'
 Pan!
 In a moment Hook was himself again, and Smee and Starkey were his faithful
 henchmen.
 'Now we have him,' Hook shouted. 'Into the water, Smee. Starkey, mind the
 boat. Take him dead or alive.'
 He leaped as he spoke, and simultaneously came the gay voice of Peter.
 'Are you ready, boys?'
 'Ay, ay,' from various parts</t>
  </si>
  <si>
    <t>b'A4\x97\xec\xdf3T\xd5'</t>
  </si>
  <si>
    <t>413497ecdf3354d5</t>
  </si>
  <si>
    <t>rs
 become more productive. Shortly after, they released their second product,
 called Tempo, the worldâ€™s first adjustable hourglass, designed to help you
 organize your time and stay focusedâ€”and it happens to be a beautiful object
 to look at, too. Itâ€™s a tool that fits in perfectly with BestSelf Co.â€™s overarching
 brand concept and aesthetic. That made them more than a journal company.
 Second-Product Pitfalls
 Itâ€™s rare for a second product to hurt you, but I have seen entrepreneurs
 release new products that, for whatever reason, never really took off.
 If youâ€™ve done the work to build an audience, itâ€™s extremely rare to have
 this happen on a first product. But it could happen on a second product if it
 doesnâ€™t live up to expectations. Or, if your second product doesnâ€™t bring your
 customer further along their journey, then theyâ€™re unlikely to line up as
 eagerly as they did for your first product.
 Many times when entrepreneurs launch their first product, theyâ€™re still
 trying to find their voice as a business. Sometimes that voice and identity
 changes. Itâ€™s not uncommon for people to be targeting one audience and find</t>
  </si>
  <si>
    <t>b'\xd8m\xed3\xf93KZ\x90\x04,F\xe0}\xe6Zh\xe9\xa1\x87@\xaf\x06\xe9\x95\x12#NL\xffM\xdf\xb74"\x1b~\x08L\xe3\xb6P2D\x97}|j\xc9\x94\r\xe9\xc3\xf9\x1f\xc8\xef\xc0C\x7f\x17\x022n\x08\xb1\xec\x94S$?\xf4_\xefS\'\x1b\x1e\x12\xa4\n3\x0c\x8f\xeaa/X\x89\xf3\x06\xadGL\xc5\xfb\xa32\xc1\xc5\xb2\xe4\x03\xdd\xef\x86\xba\xeds\xff=\x08\x06;\xd7\x08\xa4\xf6\'\xa8!\x18\xc00d0.\xb0t@3\x19\x1e\xd6\xce#\x92\xd9g\xb5\xf1\xf2c+\xb4Q8M\xab\x89\\\xc4\xe9\xe3\xdd]\xa0}&gt;\x91\xf0J\x0c,/\x82\xd6\xcd`G\x14\x89\xa1\xba\x99\xf7\xdb\x94&lt;\xc6\xb4q\xb8\x05\xee\x7f\xc8\xc8\x16[r\x87\xe83\xf7k\xc1&lt;\x92C\x80\x95H*@\x00&gt;\xa4\xa2b8\xa9\xd9\x8bx\xb1\xa5$e\xc1\xd1\xb7\x8a\xc9X\xf2\x9fu\r\\v\x14Dh\xe4\x06\x91\x93\xf2T9W\xec\xbb\xb5E\xbe\x0f\xf5\x11M\x98M\xf5\x1eS\x84\x87\x0e\xf9=\xa4\xf2e#vk\xf3g\xf2Z)@\xce\x07q\xf8F:7\x00\xb6,\x05\x94\xdfy\x7f\x85\xbc\xb0\x1f0\xf0@\xa2\x04\xa7\x8c&lt;\xa2\xe6D\x80\xba]\xd3\xd3Y\xc8\xfb\xbai \x1dM\xd4\x87\x96a\x9d\xda\x9f1\x14\xbdG\xb6\xf1\xb8\x8e\xcf\xdb\xf9\xfb\x99w4\x14$\xfcipU\xabs\xefP\xa8N\xc9\x1d\xe0\xbe\xcc33\xc9\t:\xa3\x9b\xe4-\xa2\x14\xd0q\x9d8\xc6B.\xd8\x02\x12e\r\xe5\xa70j7\'\x86\xe0J\xc8\x8f\xd6\xbf(o\x99\x86r{H:J-\x9d}\x888&lt;\x99Bk\x14\xcd@\x86\x90\xf9\xb1j\x88w\xcb\x92pM\xb4\xdd&gt;\x04\xcd`\x8bG\xfd?\xb2\xe4\x0fTR\x88\x9c+\x88\xd1#U\x11(\xcf\x9c\xfe&lt;\xfe\n\x82\xc58;\n\x00A\nij\x80@&gt;\xa5\xb7\xb9\xa3\xd3\x17\x90\xbe\xdb\xa6&amp;\x90O:\xf7\xa5h\x14\xc9\x06\x8e\xb7\xec*\xdeZ\xd7x!z\x0e\x05h5\xcd\xf3\xd0\xccj\x9aj\x8eP\xd86\xe5\xee\x08\x8e\x05\x1eJl@\x8e@\xbd\x8f-j\xf1)?L\xc6&lt;\x83\xb2\xe7\x99\xc4K\xbd\xdc\xc8~}l\xe7\x8e/_Ge\xab\x7f`^\xe6\xb3\x80V\x03\xc9\xf4\x9bA\x01{\xb1\xf4\xd0\xc9\x9bc\x96\xa6\xf0\xa1\xb7\x94|f\x05~4e\x0b\xe8\xc3\xaav\xfa\xaa\x11\xae\xc3\xf4\rEC\xa1p\xf6@\x05Z\xce\xa3BbP\x1d\xc0\x1b\xc5\xd1V\xe4\x12\x87\x8c\xfe\xbc\xef\xe8w\x80?\x92]\x8e\x9e\x91\xa2\xcf2\x92\xca\xec\xfa\x16\xa5\xae\xfc\xc3\xdb]}\xba\xb0$\x14\xe25\xf4\x84\xd4\x97`\xff\xfc\xb0\xb4\xe8L&gt;\xea\xc3\'{\x91 \x1d\xd2\xaa/\x19\xa2u\xda\xc4x7h\xe1\x83!\xa9\t\x8d\x0c\xc1W9\x02r\xccp\xee`t-\xac;\x88\r!A\x1b&amp;B\xcd\xfc\x87\xf86\xf0v\xf3\xaf\x17\x98Zw\xa1w\xf3\x9a3\xd1B\xac\xe4ui\x0f\xbd\xfa1\'$\xbf8\x96\x81\xad\xf7\x1f\xe4\x8f\x88}m\x90\x90\x92\xfcCL\xc7\xb3\x1e\x92\xb5A\xdd\xc9\xf3\xf8;9\x97XW\xd9\x9d\x98\x14=\xcf\x85p\xa5V\xed\xb9\x00\x8b\x1bh\xc9-!8\xce\x88\xc4\x9b\xb3m\x9b\xb9\x8c\xee\xc6\xd6\xfch\x07tT\x1e:\x18\xa8\xd9B\xfcH\xa1\\\xb0\x0e\xde\xa6P\xac\xb6\xfb\xb66\x97\xc5\xc36:\xab\x175\xbb\x1c\x15\xac\xa1m\xf3\xc0}\xab~\xd8\x06\x83\x95\xe0\xd6QhJ\xecn\x85\x10\x8c&amp;\xf84\xfa\xc95n\xb1\xfd\xf4\xf0V\x0cX\xb07\xad\x94\xbe\xd4\xae{\x85J\xa3\x9f\x01W\xb2\x80O\x1e\xc1e\xacPt\x9a\x1d\xdf\xae\x89m\xb5\xd2\x86=\xf4Ny\xbf\xf4\xb2+\x90\xd3\xb3\x1d\x8cg\xce\x80\x03\xa3\x1fX\x8d\xac\xd4\xe3a\x8d\x04\x00*w\x80\xfd\xd2\x0f\x00\xd8\xb5\x81\\\x9d\xa4X\xac\xa3\xf2\x01s,\xa0\xf7\xefd\xb2\x925R(\x07[T7\x1a\xbb\xa5\xa36$^=\x91\x84E\x9c+\x13\x12\x0b\x8cWXX\x08E.\\\xad\t34\xbd\xff.v\xb0\x1ae\xd6\xaa\xdf;\xbc\xb6\xab\xd9\x91\x86\x92\xcc\x95\xce\xb6(0\xbb\xba\xf8\r\x9c\xc2\x83\xb2\x82\xbe\xcf\xe1\xb3\xeeG~\xdf\xc0\xa1\xba\xb6+A^\xa2\xaa}Y\xb3\xe7\xf3s%\x8d\x96&amp;\x91S\x1b\xe7&amp;_\xf0\x88K%k.\x8c\xbf\x1e\xd7\x82\x8c\x9c\x94\x9c\xe8\xde\x02\x9efw\xf7\x14\xbc%I"\xcaG\x80\xba\xe7y\x8fcg\xe1\x9b\xc8*\xb2\x89\x03[W\xea q\x8b\xec\xf8\xbcM\xc8\xd8Z\xe2,\x94\x1c\x8f\xee\xf5G\x8ch\xbc\x85^\xee\xadE\xfaJ\x84\x05H\x07\x04\xbb\xc06\xacf\x05r9m\xf4'</t>
  </si>
  <si>
    <t>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</t>
  </si>
  <si>
    <t>b'\xd8m\xed3\xf93KZ\x90\x04,F\xe0}\xe6Z'</t>
  </si>
  <si>
    <t>ace, Emily following him
 with her eyes, till he was lost in the distance. But, as he was on guard, she
 knew he could not go beyond the rampart, and, therefore, resolved to
 await his return.
 Soon after, his voice was heard, at a distance, calling loudly; and then a
 voice still more distant answered, and, in the next moment, the watchword was given, and passed along the terrace. As the soldiers moved
 hastily under the casement, she called to enquire what had happened,
 but they passed without regarding her.
 Emily's thoughts returning to the figure she had seen, 'It cannot be a
 person, who has designs upon the castle,' said she; 'such an one would
 conduct himself very differently. He would not venture where sentinels
 were on watch, nor fix himself opposite to a window, where he perceived
 he must be observed; much less would he beckon, or utter a sound of
 complaint. Yet it cannot be a prisoner, for how could he obtain the
 opportunity to wander thus?'
 If she had been subject to vanity, she might have supposed this figure to
 be some inhabitant of the castle, who wandered under her casement in
 the hope of seeing her, and of being allowed to declare his admiration;
 but this opinion never occurred to Emily, and, if it had, she would have
 dismissed it as improbable, on considering, that, when the opportunity
 of speaking had occurred, it had been suffered to pass in silence; and
 that, even at the moment in which she had spoken, the form had
 abruptly quitted the place.
 While she mused, two sentinels walked up the rampart in earnest
 conversation, of which she caught a few words, and learned from these,
 that one of their comrades had fallen down senseless. Soon after, three
 other soldiers appeared slowly advancing from the bottom of the terrace,
 but she heard only a low voice, that came at intervals. As they drew near,
 she perceived this to be the voice of him, who walked in the middle,
 apparently supported by his comrades; and she again called to them,
 427
 enquiring what had happened. At the sound of her voice, they stopped,
 and looked up, while she repeated her question, and was told, that
 Roberto, their fellow of the watch, had been seized with a fit, and that his
 cry, as he fell, had caused a false alarm.
 'Is he subject to fits?' said Emily.
 'Yes, Signora,' replied Rober</t>
  </si>
  <si>
    <t>b"b\xc6\xa9U\x1dR\x97\xae\xc7\xc3\xdd\xd92,\x9c\xa6\x90[\xdb\xd0\x9c\xc0^C\xb4\xd0@m\xeb$\x07%\xdb\xd9\xe3:\x9c\x91\x12#7\xa7H\xc92\x8c\x062s3\x02\xc3'\xe3_-\x02n\xa0\xfa)#\xe8M"</t>
  </si>
  <si>
    <t>62c6a9551d5297aec7c3ddd9322c9ca6905bdbd09cc05e43b4d0406deb240725dbd9e33a9c91122337a748c9328c0632733302c327e35f2d026ea0fa2923e84d</t>
  </si>
  <si>
    <t>b'b\xc6\xa9U\x1dR\x97\xae\xc7\xc3\xdd\xd92,\x9c\xa6'</t>
  </si>
  <si>
    <t>rom Renault and refitted them with electric batteries and electric motors. So,
 were you buying an electric Renault, or were you buying a Better Place? In any case,
 if you decided to buy one, you had to jump through a series of hoops. First, you
 needed to seek approval from Better Place. To get that, you had to prove that you
 lived close enough to a Better Place battery swapping station and promise to follow
 predictable routes. If you passed that test, you had to sign up for a fueling
 subscription in order to recharge your car. Only then could you get started learning
 the new behavior of stopping to swap out battery packs on the road.
 Better Place thought its technology spoke for itself, so they didnâ€™t bother to
 market it clearly. Reflecting on the companyâ€™s failure, one frustrated customer asked,
 â€œWhy wasnâ€™t there a billboard in Tel Aviv showing a picture of a Toyota Prius for
 160,000 shekels and a picture of this car, for 160,000 plus fuel for four years?â€ He
 still bought one of the cars, but unlike most people, he was a hobbyist who â€œwould
 do anything to keep driving it.â€ Unfortunately, he canâ€™t: as the Better Place board of
 directors stated upon selling the companyâ€™s assets for a meager $12 million in 2013,
 â€œThe technical challenges we overcame successfully, but the other obstacles we were
 not able to overcome.â€
 THE DURABILITY QUESTION
 Every entrepreneur should plan to be the last mover in her particular market. That
 starts with asking yourself: what will the world look like 10 and 20 years from now,
 and how will my business fit in?
 Few cleantech companies had a good answer. As a result, all their obituaries
 resemble each other. A few months before it filed for bankruptcy in 2011, Evergreen
 Solar explained its decision to close one of its U.S. factories:
 Solar manufacturers in China have received considerable government and
 financial support.â€¦ Although [our] production costs â€¦ are now below
 originally planned levels and lower than most western manufacturers,
 they are still much higher than those of our low cost competitors in China.
 But it wasnâ€™t until 2012 that the â€œblame Chinaâ€ chorus really exploded.
 Discussing its bankruptcy filing, U.S. Department of Energyâ€“backed Abound Solar
 blamed â€œaggressive pricing actions from Chinese solar panel companiesâ€ that â€œmade
 it very difficult for an early stage startup company â€¦ to scale in current market
 conditions.â€ When solar panel maker Energy Conversion Devices failed in February
 2012, it went beyond blaming China in a press release and filed a $950 million
 lawsuit against three prominent Chinese solar manufacturersâ€”the same companies
 that Solyndraâ€™s trustees in bankruptcy sued later that year on the grounds of
 attempted monopolization, conspiracy, and predatory pricing. But was competition
 from Chinese manufacturers really impossible to predict? Cleantech entrepreneurs
 would have done well to rephrase the durability question and ask: what will stop
 China from wiping out my business? Without an answer, the result shouldnâ€™t have
 come as a surprise.
 Beyond the failure to anticipate competition in manufacturing the same green
 products, cleantech embraced misguided assumptions about the energy market as a
 whole. An industry premised on the supposed twilight of fossil fuels was blindsided
 by the rise of fracking. In 2000, just 1.</t>
  </si>
  <si>
    <t>b'\xb0}X!\xae\xc6\xe9\x10\x01r\x07\xeayu\xb0-)\x8b\xd6\xc6\x93D\x9dy\xa7\xb3\xff\x13\xa7W\xc7\xdfvh\xaf\xc7\xd7G\'d\xefB\xb1\xf5&gt;Y\x88\xbb\x88O\xec\x95A.\xe6\xd18\x80xD\xfdU\x1c\xe0`\xce{6\xa0\xa3\xad\x86VY\xc2\x1bMi\x9a\xe0KD\xa3\'\x8d\xe3\xfe\xebS\'\xddx\xa6D\xdc\xe2|OY~|h\xa0\xf7\x06\xd8\x87h\xbb\x91\x08\x94\xd5p\x9fN\xc0\xaav\x0b\xa3\xba\x05\xed@\xd3dm\x7f:\xe4!W\\\x03\xef\x13\xdaaB\x99\x95\xd3P\x89\xf40(NA\x11\xc9\xf8]\xda\x06\xf5\xda\xf7w\x1f\xa0!1\x12\x8c\xb6\xa4\x9b\xb5\x94\x1b4\x13(\x9b*\x97\xd3\xa0\x19\xd2!\x17\xedX4\x85\xc3|\xaf\xb4\xa6\x18~\x9eT\xd3}\xf6\xb9\x972\xd3D\x04\x9a\x05\x07\x9b\xe8x\x9d\xec\x82\xcf\xb1o\xc2\xc2\xc8\x8fl\x1eW]\xe9{\xb9\x0e\x93h\\ \xc7Z%a\xb3H\xf9uw\xdb\xfak\x1e\xea\x04gf\xb4\xdf\xd4\xa2u\x1d=l\xb1pH\xbe-\xc2\xf1\x8e\x06.O\xf8\xb2*\x10\xd7\x91e\x0b\xcf7\x03\x8aq\xc6l#\x131\xd10LES\xed.\xe8\x0c\xf2/\xc7e\xdc\xaf\x8b\xad4&gt;\xc3iA\x8dYQ\x87\x02\x1a\xb7\xda\xa7\x83O\x1865\x02\xd6\x8c]\x16\x96\xf7$\xce\xe3L\'A\xf7\x8f\x81\xe4\xad\xec\x15~\xaaX\xcd\x00\x1ehWav\x8a\xad\x81|\x0b\xfa\xc2Z\xce\xf2\x9fG\t4I\x80;\x07i\xfd\n\x19n)\xef\xfb\xb1\xee\x83\xc0\xf9&lt;\xfb\x84^\xba*VE\x92bm\xa6\xbb\x95Kh\xbd]\x7f;\xc2\xdc(\x1f\x89\xa9\xf5`\x96&gt;\xdd\xfa{PkD\xed\xf1\xa1\x92#\xcf\xac\x9c\xab\x94\xe4\x92\xcc\xdfLK\x03\x85\xc9\xfb\x03\x8dJ\x1c\xf5b\xe6\x86\xa3z\xb3\xb60\xa0\xdcb\x8d\xab\x7f\xa2lYy\x0c$\\c\xa5\xccU\x92\x87\xe9U\xd9\x86\x95\xed\x80\x82\xec[\xcaY\x19\x99\x18\xdf\xc7\xaa\x89\x05\x92\xe3w\x8d\xb8\x19\x843\xea{\xeb\xd9\xc84\xdb\xa0\x93\x9ag=\xeb\xa3\xa6\xb05\x03\xaf\xbfo,\xbc\x08F\xc9\xf5\xd0\xc64\x8fG=SI\xea\xbc\xaa\xe8\xa3\xa7(E\xba\x13\xee\x08\xb3-J\xb53\xc9u\x1d\x88\xdft\x96\x9f\xf8\xab\xde(2M\xcc\xa6\xf6\xac\x0b\xcb\xec&lt;+\xc3\xa9\xdb`-\x9f!TU\xff\xd8\xad@:K\x12+$\xf0+&gt;\xff\xabK8M\xd4,7\x8a\x02\xca(Z\xa7j\xbbO\xb9\x9e\xca\x851\x07\rFk0p%\x87\xd1\xbf0\x00Q\x80%8\x1cI\xda\xab\x9b\xfcI\x85\xaa\x8f[\x96%=\xb6,X\x88y\x16\xc4F\x82"\xa1k\xebY\xd82a\xda\xf2\x9aj\xe4YM\xbe\xf0\xc8\x08\xf5\x94\xfcC\xfda\x91h\xec\xd4\xd4\xa5\xc4J\xe0\xb5\x9c\xc3X\xd8\xe9h\xb0\x80\x12\r\x88\xd3\x17IKl\xa9\xb0&amp;r1\x94\x95\xeb\xb1x\xeev\xad\x0c\x80\xc8#\xb9S\xd2\x07\xf49\xa6\xee\x1f&lt;]\xad\xe0EA]\xd0\x96\x14\xdf\xef\xc3\xb7O\x1d\xe2\xfa\xcb\xe3\xd0\xcax\xa8\x00\x18lR\x1b\xa6\x9el\x8c\x0c\x8dmL\x06X\x8e\x03\x1cR\x94L\x0b\xaf\x86h\xe0\x8b\x05\xb8A\x92\x85~\xdbG|\x98\xfd^:\x1d\xd9f\xd9\xcf!\xeb\xf9\n#\x88\x11F\xd8\xc6u\xf8Q\x81\xb7\xdb\xa9\x0e\xa5\x14\xa5A\xa8\xbd\xb2\x91a\x12\xdf\xfej\xa3\x1a\xb8\xb1\xff\x8a\xdb.\xf1\xe9\xe754G\xb5\xc59\xcaR\xdf\xcbT\xac\x7fv\x9a\x8e\xda`\\\xcc\xb8\x0e\xec@\xed\xb8MGd\xa7}\xfe\xc7\xf9\x19\x9e{\xe7"U6Ny\x11\x85\x9e\x85a\xab$\xbd6E\x90\xb9ZN\x86\xc0\xb9\xc7~\xcd\xb8\xcc\x98\xea)f\x93\xfaLU)\x93\xa7n\xfcT\x1fH\x96\xad)*\xf2g\xfb\x12\xf5\xa2\xd4\xb4\xd8\xafe1I\xfa!\xf5\xaa\xd5\x19\xf4\x17\x0e\x8d{&lt;\x8f\xc9O\xd9\x80\x0eR|\x1d\x0e\x8cu\x83Pv\xbe\xa0\x9c\xe9Z\xa5\xb50\xff~y\xd9\xe3\xea\xd7\x04Q\xb0*\xbah\xc2\xfd\xd7\x11\xfc\xa5S\xba\x84\xe0$\x19\xa69\xddL\xa4V\x86;\x08f_\xce\xe4\xffgC\xf8uX\x7fC\x06KQ\x1b\xa3\x80[r\x14\x13 ~\x03\x0e\x01\x07\xcc\x1c\xd8\x99\xfb\xb0\xfa\xce\x01\xfcC4\xd8l\xb5\x03\xbb\x94\xe5+\xbf\n\x9e\x94\xf1\xd0\x11\xbe\xdaF\xf3\x81\x04\xf06?\xc6@\x13bu\xc2\x96R\xb2\x9e\xef\xaa\xa2%\xfbB\xe5\xf8\xfc\xa7\x9e\xd6AM\xdcv7\x10y\xa2\x8b&amp;9\xe8R\x1a\xcd\xaaU^T\x97\x19\x9c\x8ed\xf7ll\x15r-\xa0\x03|va\x1e\x00\xf9,\xff9y\xe2\xa9\xccA\xc0\xb77\xee\x16\xca\x85V\x96\x0b\x1bL)\xfak&gt;/\x16\xb3h\xecI\xc0\xc3|\xf0\xad\xda\x18/\xda\xf7k\xe9j\xfc\'|V\xca\xd3\x8a\xaa\x1e!p\x0f.Y\x1e\x99\xb3Xz\xbc&gt;8\x81\xccu\x9a\xac\x81\x17K\x1eJ\x9f0N\xc7\x04\xa8\x90\x90\xf6\xcdm&amp;I\xed\xc1^\xaf/\xfdxs\xfby\xa3\x12`\xa7\xd4\x81\xad\xdew\xe2\x8d\x03\xd8\x85-$J\xf3H]\xa0\xa0R\'\x8f\x94T\t\xe0\x99Y\x9d\xbd\x97\x8e\xdf6\x0f\x107\xe5\xb2u\x83\x01\xc6Nc-\x1e\xa4T%\xa0\x86\xc6W\x81\r\x0c\xa4a\x00h\xfe\x0f\xc9\x8a@\x14\x8b\x00\xaf\xa8\xc4\x04#(\x85dgO\t \x91\x8f\xa7\xc8\xfcei\xeb)|zQ#Jm@\r\x9b\xd2\xdam\x97-\xd2Ia\xe8\xedM\xf3\xa9\x10"\x99U\xc2\x039\xac\xc8x\xae\x11\xc9O\xbb\xa8\xb5\xc2\xb5\xfc\x04b8:\xa8\r\x12[\x07D\x8dA\xaf;\xdd\xc8\xed\x07\x1c\xc8\x15s#\xe6\x06I\xd9\xbf\xa9\xa3\xa9@\xdc\\\x87\xf8\x99GQO\xd1\xa7\xcf\x11C\x8fz\xbb\\t\x19+\x11\xabo\xa3\xd6,g{6\x9c\x16\xe8\x92\x88X2\x18q\xc1w\x80Q\x00Dqd\xe1\xffL\x96\x12\xa8;\xe3:Y\xc7b\xcc\xde\x1e?\x1f#\t\xe2\xdfF\xb55_^\xd7Q\xea\xf2o\xb6\x00\x04+-]\xc5\x04`\xc2\xa6\x85\x92\xc7\x19H\x963\xea\xfa8\xcf\xf4\xf2\n\xafE$\xc1\x17\xb5\x92\x8d\xc8@\xee\x91 PZ\xf5\x06\x98\xab\x1f\x13\x9e&amp;\x93\x8b\x9c8\xc8\x9bZ\xe8\xfa\x85\x81S\xd2\x0c\x89\x0f\xf8\x16\x7f\xb1\x8a\x9f\x1ah\xa2\x05\xe5\xaeG\xd9U\x8c6\xf1&amp;\xd6J\xae\xabU\xd3\x1f\x9eF\x10\xd9\x1c\xb0Dv\x81\x1b\xbc\xe3\x02\xc1\xdd\x92yZ\x14PD\x03o\xc9\xb8y\xb3\\\xf9\xcd\xef\xa3_\xbd#T\x9es\x84S\x87\xcd$PmZ\xfep4\x16\xdei\x82 \x95Gz-Y\xb3\xa7\xf6\x88\x04\xd9_\x11\x05/\x1c#\x83\x17\x11\xb0\x999\x8d\xe4\xddN\xdc\xc4|\x03\x0c\x19\x86R\xe3\xb9G[\xa7\xa7\x06\xce\x16\xffF\x94\xf2Y\xaf\xce\x0c\xa2D\x95\xdcQ\xb5p\xd9X\xfd\xf5\xae]\xb4\x88U\xb3\x9b\xc4\xba\x981MP\xb8\x15:G5\xbe\xd5\x80\x14\xe8\t~\x95\xa6*\xcc\xb1P\x13\x830Y%\xbcc\x9a\xc5\xf5\xc7\xfb\xd4\xee\x86C\xd69\xbf\xf4\xfe3\xc2\xa0\xa1\x88\xb1\x7f\x0b\x02\xe9\xef{\xfc\x8f:\xec\x8eK\xb4\xfd\x15\xbc\xa4\xa4U\xbd\x7f{J6\xca\xdc\x9c\'\xbeL9\xb1\xcf\x05\xdc,\n\x93\xc4N\xf0\x95\xd4\x81\xa3R\x0e(\xeb\x86e\x938\x8b\t\x91\xca\xa9VTO\x9c\xee\xd4A\xf0t\x95\xed\x16L!X\xcd\xd3\t\x96\x89#\x06\x95x\xdb#o\xc4\xe3H\xd6\xe4\xb438\xc8\x9cTZ\xed\xaa\xaes\x91\xe1\x97\x06 \x18\xfe\x18\xb0\x13\xdb\xc0\'\xbb&lt;\xed\x99\xd4\xfb8l\x90v\xcc\r\x7f\x9d\xdbC\xf3\x07\xb8\r\x17\xbf"\xdd\xd2\x05\xa1\xf2\x94Tw\x98\xff\x95\x96q\xd4r\x06\x03\x80G\x90"\xea\xab\xd8\xd8\xc6\x9c{\xa1\x98\xdc\x98\x91\xe7F\xb0\xc7C\xf7wC2\x05s\xd4,&gt;u\xfd\xce\xb7\x88\xb7\xf6\x1e\x98\x18\x8ba\xccZ\x0f\n\xd24\x18b\xacu\t\x92n\xc1\x16\xb5\xb1t\xf0\xf4\x8b(\xd2\xb8\x15pP\x078\xde\x8dr\x80I\x82\xba\xa7+\xe58\x90\x04\x8c\x154\xdb\xa0\xc3\xe9\x07\xf6M\xb4;Z\xe9\x1c6\x96\x9at\xfc\x9e\xfcV\x82\x02\xfa\x7f6"\x9641\x10by\xce\x01n\xc7\x11w\xfb\xd6+\xa8\xa6Hs\xc6\xb8m\xc1\x83\xf1\x10\xb6\xaf\xa1\xdeZ\x1bAnA\xd3\xcb#\xafI\x05"\xb2_V\x99\xf9\xcf-M4\x8a\x97P\xa7\xa3\xbfXR\xa8\xceG7M\xd7\xe9\xc0R\xdb\x11\xaa\xc0\xf1\xb1Q\xfa\x96\xbd\xfc\x1e\x0e\x8aj\xa3\xbd\x16\x02\x17\xd4\xd2^}!\x08\xca\xb0u\xe1\x9f/\x98m[~}V|H\x92\x84\x0f\xbd\xecS\xe1\xfc\xd6H\x92\xec}/\x92\xbd\xe6\xc3\xcb\x83\xccr\xc5\xdc8m~-#h\xa5\x9a^y g\xae\xd5*.\x84\xbc\x020\xb8x4K\xaf\x1b\xcd\xd7j\x18Q\xf1\x7f\xb6\xe8h\xea\xfb\xa1\xa5O`e/\x01\xfb\x84S\x7f\x81A\x7f\xe8I\x07\xf3\x8d\x01g\xb3\x039\x0cI\xc9\xe8`H\x8f\xb3\xb5\xf5\x91U\x81\xe2Y\x9cM\x05\x97|V\xa0Qf\r\xd3\xa7g\xcfn\x0c\x87n\x8b\x86\xffv\x94C\xfd5+Z}|\x00&amp;un\xad[\x15\xa8\x00p\xcd\x03\xc28,fGJ\xa1\xe7\x19\x9f\xd4\x9f\n&gt;\xf5\x00\xe4\x8cE\x07\x15\xa0*\xe2\x8eT\x9c\x13\x16\x94&lt;\\.\xefER\x95\xf22\xe9\xa6\xb4\xe4\x8a\xc0\x06Z\r\xe2\x82^\xd6\'\xd2\xe09\xcfw\xc0A\x17W\xdf\x0f?g\x15\x8e\xee\x11\x8e\xc1)\xdc\x07\xbd\x9f;\xe3)]u\xc5\x8f\x86\x15\xc7H\xda\xb5\x9f\x89\\P\xe8,h\xb49\xe5\x07\xbf\xda\x91\xfeD\x98\x05\xb8\x9b\x17:\xed\x16Ij)\xc5\rY3\xf3`\x9c(~b\x9f+\xf4\x9fe\x94\x8exS\x86\xd0p\x1c\xe4F\xf6s\x84\xeb\xf76\xb0\xf3\x0c\xd0\x8dN\xd8\xd5\x19=X\xc6\xd24A\x1e\xc1\x8e\x99\xe5_\x93D\x8d\x80\xcdz\xbd\xbcs\x11\xc7\x00Y1\xe7b\x16\x03\xce^\x0f\xceP\xa5\xe5u\xc4\xad\x87\x08\x04\xaa\xff L\x1c\x0b\x8c\xe9\xba|\xa8+\xa7\xa75\xefn\xb0\xfa\xa13bANR@\x9bl\xba\xc2\xf0\xe3\x06\x92\xa9\xd4&gt;? \t\x7f*d\xea\x15\xdaa\x10\xdf\xc4\x15O\xb9i\x01\xb5%\x08o?\xcb\xb5\x98\xc4#\xd0\xed\'\x7f7\n0WU\xc1\x96J\x91\x18\xf56x\x9a\x9cx\xc6Q\xd9\xceB\xae\x84x\x8a\x1ctU8\n\x9a1\xb8&amp;Y\xc9\x97Y@i\xeb\xea\xf0n\xd9\xf8\xfamA\x83\xfe\x81\x8d\xd3\xad\x15\xe4?\xc2h\xa1\x90\xa4\xb5\xccH\xab/.\xc6\xba\xd2\xfc\x9f!\x06t\xfa(\xb3]P}\xc8\xea\x05.l\x14a\xc8-c\xa57Q\x15\x8bmWD\xa8\xb5\xcc\xbfF&amp;\x90B\x95\xb8Fm\xa8\xda\xd3\x8c\x90e\xddj*\x19\xfc:\x97\xb0\xd1\xb4$\x1f\x9f\xab\xf6\xe9uWT\xfah\x16e~u\xd3\xff\x98y\x1c9\xaf\xb4r{\xfc\x1fQ&gt;j\x926[Z\x8b\xd5 \xbac3)\xfe!\xbf@l\xbe\xe6\x08\x16\xa8@Y\xdf\x11H\xf0\xce\xa3J\xa5mo\x08\xb3\xa7\x0fcV\xbejY\xbf\xfdh\x13\x8f\x05\xa3\xb0\x06\xd1\x06\xcbd\xfbnv\xfa\x8aI\x92\x9dA\xb7\xf1\x00\xf1#\x88g\\\xbc3\xf6\xde;\xfa\xfb\x13\x07\x13V\x03c\xf3\xeb\xe6\x00+[4\xc4M\xd1\xf2;^\x1a \x01\xa6T\x91\xea.\xd8\xd9\xdd\xee\xe7\xb9x\x9b\x04\x14k\xa9\x91\xb2\x97\x8d\x85m\xe6\x8d6\xe6\xda\xc1-\x0c\xa2\xc7&gt;\x8f\x0e\xd8\xbd\t\x87b\xd9 %\xfc/\xc3Q\x81\x01`\xdd\xfe&amp;\xb54\xa0\x8d\x18\xc2\xa0XRG=G\x8d \xd5\xa8C\x1cf:\xa8wm}R\xf7\x817\xe6Q\xc9\x88\x02P\xe5\x97\xe4\xa7\x0c9\x14pc\t\x10Z\x18Ltr\xe5\x0c\n\xd6wP\x11\'\xd5\xbf.7^\x02\x02\x194\x16`\xb6\x11\'\xd3\x85\x8f\x85\xc0\xd4\x8e\x9d\xe1\x05\x05g~fQ&gt;\x87\xb2\xa0`\x82\x8e*\xa9ws\x9f\x01\\\xfe\x0e&gt;\xa7\xf1\xad\x8f\x98\xce\xcdK\xa2OfX\x1a\x99/\x81\xcd\x95E\x8f\xce\x9b\xb6J\x07I5\r\x03~.$\x16\x1a3\x9f\x1f\xdfF\xbc\x91\xee\xee\x86@\xe8@x\x7f\x89\x82W\xaa^\xa9NL\xb4\xcf4*"\xdfQ\x14\'\xc0J\xf3G\xff\xd9\xc0\x1a\xbd\xf5B\x93[\x02\x93\x92]\xf5\xd9\xac\x85{\\\xf8M\x1fK`\xabm\xd2)D\xb2f\x92g6\xbe\xf9\xab\xa3\x80\x1f\x17\x03\xf11\x91j~\xf0]l\xa0\x959\xd8\x96\xe1B;\xd9\xa2?\xe9W\xbd\x0b\xc1\xaf\x91\xe5\xad\x06\x032 p\xfa_\x80\xc3\x92)\xdf`\xc85%I\x06\x05\xb3u,\xe0\xac\xa3\xfa\xa6wiC\xe6\x1f\xd6\xf4\xe8\x03\x8b\xa5@\xa5\x86\xfd\xdc\xac\x00[\x8c\xf2\xfe0\xfeD\x8a\xd4\xf1I\xd4\xae\xcc\x93\xc5\xffe\xf48\xea(\xb7\x8e\xf1\x8f&gt;5\xecWp\\\x11s\xcb\xdfb\xd7\xba\xb3\xe0\x1cs\xed.`\x9a\xd0\xe8l\x04n\xe6\x1e\x93\xa9\xf0@\x93\x8ex\x9f\xa4n\xac \x8b \x99.\x9a\xb4J\xef\xd3\x0f\x97b\xf9f\xac\xbd\xb4\x97\x97\xe9\xa2\xaf\xf0\xa6/\x84q\x88\xbcH\x8aQc\x8a\x1c\xf3C\xc3\xe6\xd9\xb6\xaf\x1dG]\xe6\x10\x0e{\xe7\x0f\x0eiH\xb5\xc25\x0bzHp\x07\xd2\xb9\x99n\x1f]\xa7\xcb\xca\xe2\xa0\x04v4\xb2h\x1d\x88\xd5h\xf2\x92\x88\xd5\x0c\x90\x01E\x7f,&gt;\xfc"&amp;\xb3k\x827\xb8\xe8S\xd3\x81\x88 q\x8d/\x07w\xb0\xc6\x13Q\x17\xa2\xc1\x0f\x95\x07\x81\x0b2\xc4\\\x11p\xc5\x8b\xd0g%\xf9E\xfa!f\x9f\xb1$\xb8\x9e\xe5S\xf0\xf7\x9dG\xd3\x8e\x8e8tk\x96^vi\xd6\xae&amp;\xcdj[\x96\xf3\xfd\xc7+\xea\xff\x146\x16\r\xda\x84'</t>
  </si>
  <si>
    <t>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</t>
  </si>
  <si>
    <t>b'\xb0}X!\xae\xc6\xe9\x10\x01r\x07\xeayu\xb0-'</t>
  </si>
  <si>
    <t>t what to do with Wendy in her present delicate state of health?
 'Let us carry her down into the house,' Curly suggested.
 'Ay,' said Slightly, 'that is what one does with ladies.'
 'No, no,' Peter said, 'you must not touch her. It would not be sufficiently
 respectful.'
 'That,' said Slightly, 'is what I was thinking.'
 'But if she lies there,' Tootles said, 'she will die.'
 'Ay, she will die,' Slightly admitted, 'but there is no way out.'
 'Yes, there is,' cried Peter. 'Let us build a little house round her.'
 They were all delighted. 'Quick,' he ordered them, 'bring me each of you the
 best of what we have. Gut our house. Be sharp.'
 In a moment they were as busy as tailors the night before a wedding. They
 skurried this way and that, down for bedding, up for firewood, and while they
 were at it, who should appear but John and Michael. As they dragged along
 the ground they fell asleep standing, stopped, woke up, moved another step
 and slept again.
 'John, John,' Michael would cry, 'wake up. Where is Nana, John, and mother?'
 And then John would rub his eyes and mutter, 'It is true, we did fly.'
 You may be sure they were very relieved to find Peter.
 'Hullo, Peter,' they said.
 'Hullo,' replied Peter amicably, though he had quite forgotten them. He was
 very busy at the moment measuring Wendy with his feet to see how large a
 house she would need. Of course he meant to leave room for chairs and a
 table. John and Michael watched him.
 'Is Wendy asleep?' they asked.
 'Yes.'
 'John,' Michael proposed, 'let us wake her and get her to make supper for us';
 but as he said it some of the other boys rushed on carrying branches for the
 building of the house.
 'Look at them!' he cried.
 'Curly,' said Peter in his most captainy voice, 'see that these boys help in the
 building of the house.'
 'Ay, ay, sir.'
 'Build a house?' exclaimed John.
 'For the Wendy,' said Curly.
 'For Wendy?' John said, aghast. 'Why, she is only a girl.'
 'That,' explained Curly, 'is why we are her servants.'
 'You? Wendy's servants!'
 'Yes,' said Peter, 'and you also. Away with them.'
 The astounded brothers were dragged away to hack and hew and carry. 'Chairs
 and a fender first,' Peter ordered. 'Then we shall build the house round them.'
 'Ay,' said Slightly, 'that is how a house is built; it all comes back to me.'
 Peter thought of everything. 'Slightly,' he ordered, 'fetch a doctor.'
 'Ay, ay,' said Slightly at once, and disappeared, scratching his head. But he
 knew Peter must be obeyed, and he returned in a moment, wearing John's hat
 and looking solemn.
 'Please, sir,' said Peter, going to him, 'are you a doctor?'
 The difference between him and the other boys at such a time was that they
 knew it was make-believe, while to him make-believe and true were exactly
 the same thing. This sometimes troubled them, as when they had to makebelieve that they had had their dinners.
 If they broke down in their make-believe he rapped them on the knuckle</t>
  </si>
  <si>
    <t>b'"9M\xff\x82\x16J\xe9'</t>
  </si>
  <si>
    <t>22394dff82164ae9</t>
  </si>
  <si>
    <t>start to invest your profits into other areas of growth:
 new forms of advertising, new sponsorships, podcast advertising, content
 creation, scaling the logistics, and, most importantly, building teams to run it
 all. Youâ€™ll be building the infrastructure to cultivate a real business out of
 what was formerly pretty much just a well-oiled sales machine.
 Itâ€™s only a business if you can walk away from it and it can successfully
 grow without you. If youâ€™re doing everything, if youâ€™re the integral cog in the
 machine without which everything crashes Jenga-style to the floor, then itâ€™s a
 sales machine, not a business. A business requires a higher level of hiring,
 systems, and optimizations. Thatâ€™s why my first hire when I hit the milliondollar mark was someone who enjoys organizing my chaos, so that I can keep
 thinking about growth. Hiring presents its own set of challenges, and your job
 at that stage will be to become the leader that your company needs to grow
 beyond you. Thatâ€™s often the point when youâ€™ll say, â€œI think Iâ€™ve grown this
 business to my greatest capacity as an entrepreneur. Itâ€™s time to hand my
 baby over to someone who can grow it into a well-adjusted teenager.â€
 At this point, your company stands on the brink of making a lot of
 mistakes. Avoid the following:
 1. Optimizing for vanity metrics. Itâ€™s very tempting to compare yourself
 (and your business) to things like your follower count, total number of sales
 (instead of profit), social media metrics, celebrity endorsements, or the size of
 your team. All these metrics boil down to is making you feel good about how
 many people like youâ€”and they make you feel good when compared to a
 competitor. But they mean very little when it comes to the health and growth
 of your business. Itâ€™s very tempting to place a high valuation on your
 business because of the number of fans or celebrity endorsements you can
 claim. But does this serve your customers? Does this equal real value or
 company health? I once watched one of my competitors build their entire
 business on buying Instagram followers and sponsoring hot Instagram models
 and bodybuilders. They had a crappy product, and they covered it up by
 pursuing short-term attention and authority. They eventually got torched.
 Vanity metrics make you feel good about yourself in the short term</t>
  </si>
  <si>
    <t>b'(\xa0\x1c\xf7B\xae\xa9c\x9e\xa2\x1a\xefA\xd4\xb5\x0f\xeeR\xb1\x9an~\xde$1\x8cA\xffk5K\xfc\x12O\x90\\\xeb\xbb"\xf8\xc7\xda\xf3\xb7\xf5e\xe9\xe1\xd7\x9c\x13^\xcc@\x9a\xb8\xfd\x98r\xceWgl\x8d.\'\x1b\x9c1\xfb\x7f#\x9fl\xf9\x03\x0e$*6v\xa3\x93T\xce\x81\xbd\xf8\xefc\xe73\xe9\x0f4\xa3\xf6w\xadq\x86\x93\xa0\xc0d\x14 |\xbd\xef\x89\xb3\xdc\x85Y&amp;\xfe\xe6\x90\xfez\xba\xc2vQE\xe6\xe58n\x7f\xf2\x80|\r\xd41\x87\x9b\xbb\xe1LY\xb4m\xda\x10\\\x8c\x08\r\xf8\xf7\xa0\'*\x89{\x87p\xa0\x92\'\xd6\xe9\x03F\xbd\x86uf\xca\xd1\xbf\xd5\xe7\xe1:N7e\x85\x02rjA\xc37\x86\xee\ryV\xa13j\xea\x80Q^\xa3\x89\xbcJ!FM\x99\x18\xb9\xc3\x18\x13@|\xba\xfb\xce\xa3\x05\x98bj\x13\x17\x7f\x87\xed\x91\xbf#d\xa5P\xd6h\xea\xa9\xfe\x00+y\x92J\xe4\x82\x96\xf3*\x7f\xea\x1aON/\xad\xd6\xd1\xcd\xcc\x03J\xd3\xf8\x16y\xbc\n(\x1bR/\x18\xd8\x0f\xf4S\xdd\xf8S\x06\xf4\xf3\xc9\x0e\x0b3\xa5\xae\xff\xee\xe9k\xd0\x07\x9a\x87\xf8N\x92\\G\x08\x1f\xb0\xda3\xb1P\xbe=\xf7W\xcd~\r\x84\x99\xdd\xda\xee\xb7\xec\xa8\xc8\x89\xf2\xf8\x1e\xf5\x80\xd3\xe7Rs\x16\xeb\xb1\x8a`o\\\xd5\x91zA\x1c*A\x98\x82(\xa2\xec\xdbzMH9\xa03\xc7\x8fC:\xa1\xec\xed\xaf\xde~\x93\x80&gt;\x93h7%\xc8,_\xcctiy\xdafP(\x96\x15\x0f\xd2\x97\xa4\xa4$\x97k\xcd\xac\xc9\x12Y\n\xfe\xf0p\xe3\xa8\x85\xbc\x10\xbf\xbf\x15\xd4\xe8\xe6]\xc6\x0f\xe8\xfdHwN?\xab\x106\xc2D,\xa0]\xdf\xa0\xc5\xde\x99\xdb\xe7\xb98\x00\x90\xd8SM\\\x04}\xa3\x08J=\xadK\x04\xc6\xe5a\x1d\xd0\xe5\xf2\x14=\xc4;\x97&amp;\xc3\xc2\x19\xb4f\xfb\xa9O\x15\x8a&gt;\xed\x08"\xde\xac\xf8\x10\xe9]\xa7)\x9c~\x93\xdcN\xf5*s\x9c\xc1\x88;\x1e&lt;\xff\x15\x8d\x85\xa9\xaaK\x99\xa2\x9fnX\xbcJ\x10\x9e\xba\xd5\x9c\x9a\xfc&lt;\x12\xbb\x9b\xac\x00 \xdd\xb1\x82T\x9e-\xcd\xec\x8b\xfd\xa8\x0fd8"\x83\x15\xd0\x9c\x86hzFy\xfd\x05\xea\xe5\xd2\x80\xec\x1b\xcb\x04\x83\xe4\xe9\xc1\x0b\x80\xa4i\xce~\xf6\x0e\xb9\xa50\xf8\x1eI\x9az\x05b{\xfd5iK\x81BNn\x92\xb5"?\xa5\x83\x8f\xa5y\xbd\xfe\x9c\xcc\xd2\xff\xdd\xe3\xafL\xd1JK\xd8\x93}+gJ&gt;\x8d\xd1i\x08\x9f\xfc\x07\x1a"\xe3\x1fY\xd9\x8b\xe9\xd0\xa7\x94\x1f\xe0P\x02\xbe\xa7\xf2\xf5\xdd)\xd2\x95\x8dF\xe8KB\x8d&gt;0;\xd31\x9f\x95\xe0\xd8\n:\xd2\x18\x8d\xc4\x95*\xbe\xca\xed\xcd\xbe\xa2\xd9\xcb\x1b\x97F\xf8\x98\xf0\xaf\xf8\xee\x1d8\x85e\xb9\x9a\xd1\xb5\xb6s\xbe\xb5\x86F )\xb0\xd6.5\xa75\x91\'@\x13\xd5\x86%\x8e\xf5\xf5\xa7G\x1f\xaf\x85\x07\xc1\ro\xda\xc7\x06\x0cb\xae\xc9\xa2\xebU\xc6\'\x01\xcc\x80\xbe\xaa\x96\x04#V"5\xa4\x96\xbb\xadQ\xca\xd8\xc9\x9d\r\xe5j\xff&gt;\xefh\r_\xa1M\x18H\x13\xaa\x92\xef\x15\x1eu\xaaN\xaa\xc0m^\xe1gC\xd7~\x07\xb7\xc0R&amp;t\x8d.\x88}Z\xc5\x81Gun\xe4\xc2\x91B\x06\x9e\xdb\x83\x8b6P\x1bTd\x0b\x84\x86\xb5\xc1/\xe2\x13\x97\x8e*yuH\xda\x7f\x96,\xca\x08\xd4-\xd1\t\xbc\xbd\xfaB`\xe2Q\x016\x0b\x13\xe8\xe2M\x06d"\xc8\x1b\x1f@\x91Y\xfat3\xcf\xb0\xa8\xc9\x8f\x0f.\xa54c\xa8\xd9\xb2\xb4\x97%\n\xeb\xb34\xe8\xb7\xadc\x05dvl\x84:-4\xbe"\xd1\xd6(\t\xff\r\x12Fu\xb1\xc0\xb9t&gt;\x92\x9e\xfd\xd6&amp;\xeb\xf4\xcdV\x8fL\\\xda\x07\xfa\x02\xa2h\xc3\x14\x9b\x90\'\xa8a\x98G\x08\x90\x8e\xb8\xb4\x0e`#&gt;,\x9c\x8ck\x03Z:\x1d\x07\xa7\xeam(\x93\x17D\xebt\xae\x11D\xd3\xaa\x0c}\x96\xa8\xf3A\xd7\x17M\x0e\xd7k\xd3?\xe5dE\xc1\xc6\x1aKo]\xc3\xa3\x86\xb9\xd0\t\x99V\xbd{\xdeAy)z\xdd\xf6\x83&gt;\xba\xd3\xaf\xad\xa1V\x8a\xa4\xc4\xfeO\x1b\x11\xe5\x8e\xae\xe2\xeb0\x1d\xa1\x17\x06\xf9\xaf\r\xc67\xba?k\x8a&amp;Y\xf3\x12\x1b\x9a\\r\x8e\xc8\\U\xb6\x00\xa1+2\xc1-&gt;\x19\xef\x8d\xe6\x92\x90%\xfcBW\x9ck\xf0r\x0c\xa9U\xb6H\x0b\xb5\xd5I\x83\xdehNh\xfei\x85r z\xa8\xa1\xbc\xb0\xa4\x9c\xc1\xb4u\xbfPD\nEboFD\xff\nb\xb5\x1a\xff\x1b\x8dRu\x9d^0\xe2\x0e\xfa\xd1\xf5\xab\x1e\x06=6\x1fn\xac\x1c\xd1(\xc1\x12\xab\xe6\xdb\x06\x86\xea&gt;\x8e\xec\xf4\xdd\xf7\xf4Q\xee[$\xf9\xba\rK\xff\xbdh\x02]\xb1\x85\x0f\xe7\x00\xf2\t\xff\x94\x9er\xc4\xca|\xb95\xab\xf1\xe6\x81\xfd\xb3p\xf2\xc0\x93\n\xad\xba\x92\x85\xfb\x1d\xcbVI@&gt;5"\x97\x90tS\x87\x94Cgn1\xa8}\xeb\xe4\x0b\xa7 \x1bg\r}{\xa6\nm[\xcd\xe0Bh\x06\x99\xf9\xd5\xcb\x85|\xe0\xf8\xb9\x1e\xbe\xd8\xf0:\xac\xa8;\xc1\xf1\x95\xb9\xc1\x80\xe5\x0f\xe3\x18\xfd\x8cO"\xa4`t\xfd\x81\x9bM\xe9\xb2\xc3_\x8a\x119\xf0\xcd\x83\x9f\xf0\xcb\xa3\xa9ZYQ\x90\xc9A\xa1\xa9\xa9 !wn1\xbd\xd7\xb8\xa0?\x8b\xe8\x00\x14\x1c\xe7\x1d|\xfaJ\x8c\x97O\xcb\xa5#KU\x0b\xd3D.q}\x87\xf8\xde\xd5\xbc\xac\xa3\xe2\xf1z\x1aSj\xef\xab8\x17\xea{\x8d!\xca!\xfeW\x9f-\xec\xf4\xb4\x04\xc0\xd9\x8c\x1f\x02&amp;\xba^\xb3\xc7C\x92E\x84\xe6\x8d\x8d\xe9&lt;a2&gt;\x92\xdb,\x14&amp;\x8bBJT\t\x07F\n\xa8\xf3x\xfd\x96\xef\xf4]\x10\xa7\x8d\xae)\xdc,\xa1\xd3]\xd0\xe0u\x03\xb1C\x87\n\xd0"\xed\xcao\xcb@&amp;\x85t\xcd\xec\xe8\x92\xa9)?\xbb\x07yE&gt;\x8cm\xddXO\x81\xf3\xf3\xf1\'\x8a\x0c\x02\xed\x9b\x1b\rh\xb8\xd3\x1f\xf2=\xa3n\x8f\xee\x0e!\x9f\x0b\xe3r\x1c\x15\x82aEZ`\x9aN\xaa\x0b\xa6\x94\xf1\x0e#\xab+\xba\xe2\x92e}\xber\xa1^\xacXs)hkl";\xca\xcdV\x97\x1aa\x9dW\x8d\xa8r\x03!\xd7\xfa7o%\x18k\x90\xab0\xc3/\x89`b\x9d#\x80\xceb\xad\xcc_{Ns\xe1\xe64,d&gt;W=\x1b\xc8^\x99E\xd7\xcf\x94\xe0\xbc\xdd\x03\x8aa\xf5uA\xd8\xdau\x08\xc4\xfb\xf3\xb2.\xe1\x7f2\xfcoa\x86b,\xcf\x8c\xe0M\xe8\xdcv\x8b\x8dN\xd1l\'Gaz\x1b4\xeb\x95|g\xd1\t\x1a\xb0\xc6\xf4\xec&amp;\x12\xed\xf1\xe8:\r\x87\x1f\x0bN!RD_\xf3N\x9f\xba&lt;\x97]k\xe5S\xfdM\xd6\x98\xd8\xf8\xb3\xb8&lt;g\x9e6C\x87\xe0R\t\x1b\xe4\xf1\xd6Lh\xc1\x91\xf5\xdeZ\x1c3&amp;\xec+\xbf\xdb3\x93E\r\x0cF\x96\xf0\x06\xfa\xea\xb9W\t\x18\x7fw\xfb\x1d\xb3\xbe\xbcu\x86\xc3MA9\x02\x86Y\xce\x15\x04)X\x1e\x14QDQ\xd6\xb9\xbc\xa5@\xdc3i\x0b\x11]\xde+rE\x9eM\xd8\x08\x87q\xe6\xbae4\xdd{\xad\x14\xaa\x8a\xc6\x85lD\xa0\xc2b?\x8e0\'&gt;\xb5\xbd0\xb7\xb1\xba\xb4\x88\x8b{x\xb5\xb3\xfb\x1e\xbd\xf89\xec\x06\xb4\x03\x892\xd8v\xf0C9\xe0f\xd9$\xec\x89\xd1\x968\xd9\xb8\xe2\xd5;N\x9e\xac\xd3N\xe9WK\xdc[\xe0J\xd7\x0b,\xabK\x05\xfa\xa8\xf8\xbc\xca\xd2\xd3\x18\xe4&gt;\xfa\x1e8\xa8\xaa`\xb5\xf0\xf7\xael*\xbdz\xee\xf0\xb8\x99\x0f\x04\xa8\xbb\x05}U\xcf\xd4GI\x17+\x84%f\x17\x8b\xb2&amp;*=\xa1\x10y\x17\xa0\x84-\t\x0c\xb11;V\x13D)+\xb0\xd3(\xad\x1b-0\x95\xd4d\x97\xf2\xd0\x9ed\xd9\x8f\xa8\xc8\xf4~\xde\x96\x81W\xe7\xd6\xe9\xa2\xb6H7\x13\xa3\xeeU\x86\xc2\xd3\x1110\xd8\x02?\xa1\xd3\xc3\xe8\xf9&gt;\xbd?\x1b\xad\xf1\x95\x14\x9f\x16\xf4\t\xb4e\xac\xb6\xdd\xc6!\xa1\xf4`X\xf0h\xc2u\xc2\x17\xb3F\xb0\xce\xd0\xd6\n%\xda\xf6Vr\xb3\xd3\x95f\xe8/\x04`X\x1br\x90\xda\x17k\xffb@\x87d\xc4\xf6\xec\x11\xa8&gt;\tp?\x82\x0b\x00*le\xe6\'$\x92\x8b\x06\xc9\x81\x80\xf7\xcf\xe1I\x83\xcd\x9b\xd3\xfct3\xb3\x1f\xc7-d\xdbN),e\x05O\x90\xc9\xeb\x94&gt;\xa9\x184\xf0\x93P\x95\x8d\xaf\xc7\x8f\xb5\x13\xc6\xae\xf2I\x13\xabL~ \x83f\x17\xf1\x83}\x80\x9b\x94f\xb3f.\xf9J\xcc\xed\xe3@L\xd3t\x9e\x02jn\xf9iE\xc0\xb6:\xf6\xa6\\\n.\xb0\xf4YkT\x9e\xbd\x84!\x8fs\xef\xcc\xca\xa6\xa38\xbfk\xdaE\x10a~\x84Y\xfbwc\xabw\xb8NJ\xbf\xd3q\xd8\xcc#\x88\xab]Z\xa9\x8aH(\xfe\xdaC\xa9 \x9f\xedle~\xb9$\'C\x95\x98\xf9\xc9[\xaa6`\xf5\xceA\xf15~\x11\x9ae9q\x07\x1d\x19\x80\x0f\x89N\xb6\xc9\x12\xf6^\x9a\xfe\x10\xb7]\x06\xba\x8c\xa3Myy\xdfc\x8f\xf8\xbf\xa3\xfa\x11k(t\x0e\x0f\xa4[Y\x03\x0b\xd1\tgoD\x05/RX5\xa0\xacQ\x98" \xc9]\x80X\xa5\x8f\xba|H\xc9&lt;l*\x0f\x91\xe9H\xf0h\x0e\xdd=\xd1\x16\xfd\x96@rCS\xa5\x0f|W\x9c\xb9Wi\xcd\xdc&amp;\x857\xcc\xce\xff\xca0e\xb5\xce\xc4.\x1e\x1c'</t>
  </si>
  <si>
    <t>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</t>
  </si>
  <si>
    <t>b'(\xa0\x1c\xf7B\xae\xa9c\x9e\xa2\x1a\xefA\xd4\xb5\x0f'</t>
  </si>
  <si>
    <t>0, D1 is on and Vout = Vin, we obtain the
 behavior shown in Fig. 3.10(d). The rectifier is a nonlinear circuit because if Vin â†’ âˆ’Vin
 then Vout â†’/ âˆ’Vout.
 Example
 3.8
 Is it a coincidence that the characteristics in Figs. 3.7(d) and 3.10(d) look similar?
 Solution No, we recognize that the output voltage in Fig. 3.10(b) is simply equal to IAR1 in Fig.
 3.7(a). Thus, the two plots differ by only a scaling factor equal to R1.
 Exercise Construct the characteristic if the terminals of D1 are swapped.
 We now determine the time average (dc value) of the output waveform in Fig. 3.10(c)
 to arrive at another interesting application. Suppose Vin = Vp sin Ï‰t, where Ï‰ = 2Ï€/T
 denotes the frequency in radians per second and T the period. Then, in the first cycle after
 t = 0, we have
 Vout = Vp sin Ï‰t for 0 â‰¤ t â‰¤
 T
 2 (3.3)
 = 0 for T
 2 â‰¤ t â‰¤ T. (3.4)
 To compute the average, we obtain the area under Vout and normalize the result to the
 period:
 Vout,avg = 1
 T
 _x0002_ T
 0
 Vout(t) dt (3.5)
 = 1
 T
 _x0002_ T/2
 0
 Vp sin Ï‰t dt (3.6)
 = 1
 T Â·
 Vp
 Ï‰ [âˆ’cos Ï‰t]
 T/2
 0 (3.7)
 = Vp
 Ï€ . (3.8)
 Thus, the average is proportional to Vp, an expected result because a larger input amplitude
 yields a greater area under the rectified half cycles.
 The above observation reveals that the average value of a rectified output can serve
 as a measure of the â€œstrengthâ€ (amplitude) of the input. That is, a rectifier can operate as a
 â€œsignal strength indicator.â€ For example, since cellphones receive varying levels of signal
 depending on the userâ€™s location and environment, they require an indicator to determine
 how much the signal must be amplified.
 5Note that without R1, the output voltage is not defined because a floating node can assume any potential.
 68 Chapter 3 Diode Models and Circuits
 Example
 3.9
 A cellphone receives a 1.8-GHz signal with a peak amplitude ranging from 2 Î¼V to
 10 mV. If the signal is applied to a rectifier, what is the corresponding range of the
 output average?
 Solution The rectified output exhibits an average value ranging from 2 Î¼V/(Ï€) = 0.637 Î¼V to
 10 mV/(Ï€) = 3.18 mV.
 Exercise Do the above results change if a 1-_x0003_ resistor is placed in series with the diode?
 In our effort toward understanding the role of diodes, we examine another circuit that
 will eventually (in Section 3.5.3) lead to some important applications. First, consider the
 topology in Fig. 3.11(a), where a 1-V battery is placed in series with an ideal diode. How
 does this circuit behave? If V1&lt; 0, the cathode voltage is higher than the anode voltage,
 placing D1 in reverse bias. Even if V1 is slightly greater than zero, e.g., equal to 0.9 V, the
 anode is not positive enough to forward bias D1. Thus, V1 must app</t>
  </si>
  <si>
    <t>b'7\x1e(\xba2\x93\x9e\xac@\x12d\x14 \xba7J'</t>
  </si>
  <si>
    <t>371e28ba32939eac4012641420ba374a</t>
  </si>
  <si>
    <t>ed by domestic refineries.
 The WTO ruled that this requirement was a violation of existing trade agreements. To crit_x0002_ics of the WTO, this ruling exemplified how the institution could frustrate an attempt by a
 democratically elected government to improve the environment.
 As defenders of the WTO pointed out, however, the ruling was based on the fact
 that the United States was applying different standards to imports and to domestic
 production. After all, some U.S. refineries supply gasoline that is more polluting than
 the average, yet they are allowed to remain in operation. So the rule in effect pre_x0002_vented the sale of polluting gasoline from Venezuela in U.S. markets but permitted the
 sale of equally polluting gasoline from a domestic refinery. If the new rule had applied
 the same standards to domestic and foreign gasoline, it would have been acceptable to
 the WTO.
 CHAPTER 12 Controversies in Trade Policy 285
 Case Study
 Bare Feet, Hot Metal, and Globalization
 â€œNew York manhole covers, forged barefoot in India.â€ That was the headline on a
 New York Times report published on November 26, 2007. Accompanying the story
 was a striking photo of barefoot, bare-chested men holding ladles of glowing,
 molten metal.
 The story illustrated in particularly stark form the dilemmas and moral ambiguities
 of the debate over globalization.
 It turns out that many of the manhole covers purchased by Con Edison, New Yorkâ€™s
 power company, are produced by Shakti Industries, a foundry in the Indian province of
 West Bengal, and that Shaktiâ€™s employees work under pri</t>
  </si>
  <si>
    <t>b'0D\x02 MOU\x11$\x91F\x04\xcf\xa8\x7f\xdeh\xae;\xb5\xbcw\xf5\x94\xf1O\xcd\xd8\xec\xf2\xc3\x8c\xb3\x0c\xa4\x9a\x02 2\x99\xdf\xc8\x9b0/\x19k\x9b\xfc\xa5I\x9b|\x1aP\x19u&lt;\x08H\x1e\xa0\xe98\x14\xfa\x139\xed3'</t>
  </si>
  <si>
    <t>304402204d4f551124914604cfa87fde68ae3bb5bc77f594f14fcdd8ecf2c38cb30ca49a02203299dfc89b302f196b9bfca5499b7c1a5019753c08481ea0e93814fa1339ed33</t>
  </si>
  <si>
    <t>b'0D\x02 MOU\x11$\x91F\x04\xcf\xa8\x7f\xde'</t>
  </si>
  <si>
    <t>These difficulties persist in the relativistic version of the Abraham-Lorentz equation, which can be
  derived by starting with LiÃ©nardâ€™s formula instead of Larmorâ€™s (Prob. 12.72). Perhaps they are telling
  us that there can be no such thing as a point charge in classical electrodynamics, or maybe they presage
  the onset of quantum mechanics. For guides to the literature, see Philip Pearleâ€™s chapter in D. Teplitz,
  ed., Electromagnetism: Paths to Research (New York: Plenum, 1982) and F. Rohrlich, Am. J. Phys.
  65, 1051 (1997).
 11.2 Point Charges
  491
  radiation damping, at least, is proportional to Â¨ v. But it hardly matters: for sinu
 soidal oscillations any even number of derivatives of v would do, since theyâ€™re all
  proportional to v.]
  Problem 11.17
  (a) A particle of charge q moves in a circle of radius R at a constant speed v.To
  sustain the motion, you must, of course, provide a centripetal force mv2/R;
  what additional force (Fe) must you exert, in order to counteract the radia
 tion reaction? [Itâ€™s easiest to express the answer in terms of the instantaneous
  velocity v.] What power (Pe) does this extra force deliver? Compare Pe with the
  power radiated (use the Larmor formula).
  (b) Repeat part (a) for a particle in simple harmonic motion with amplitude A and
  angular frequency Ï‰: w(t) = Acos(Ï‰t) Ë†z. Explain the discrepancy.
  (c) Consider the case of a particle in free fall (constant acceleration g). What is
  the radiation reaction force? What is the power radiated? Comment on these
  results.
  Problem 11.18 A point charge q,ofmassm, is attached to a spring of constant k.
  At time t = 0itisgiven a kick, so its initial energy is U0 = 1
  2
  mv2
  0. Now it oscillates,
  gradually radiating away this energy.
  (a) Confirm that the total energy radiated is equal to U0. Assume the radiation
  damping is small, so you can write the equation of motion as
  Â¨
  x +Î³ Ë™ x +Ï‰2
  0x = 0,
  and the solution as
  x(t) = v0
  Ï‰0
  eâˆ’Î³t/2 sin(Ï‰0t),
  with Ï‰0 â‰¡ âˆšk/m, Î³ = Ï‰2
  0Ï„,andÎ³ Ï‰0 (drop Î³2 in comparison to Ï‰2
  0,and
  when you average over a complete cycle, ig</t>
  </si>
  <si>
    <t>b'\x8f\xa0N\xbap\xce\x95\xf45\xf8\xdf\xae\x8d\x9f^\xa6\xc8\xbc\xdf\xc8]+\xa1\x19w\x7f\xb1\xeb\x86\x02\xe2\x94'</t>
  </si>
  <si>
    <t>8fa04eba70ce95f435f8dfae8d9f5ea6c8bcdfc85d2ba119777fb1eb8602e294</t>
  </si>
  <si>
    <t>b'\x8f\xa0N\xbap\xce\x95\xf45\xf8\xdf\xae\x8d\x9f^\xa6'</t>
  </si>
  <si>
    <t>now;
 perhapsâ€”â€
 â€œAh, if you would only go on with us! An agent of the Peninsular
 Company, you know, canâ€™t stop on the way! You were only
 going to Bombay, and here you are in China. America is not far
 off, and from America to Europe is only a step.â€
 Fix looked intently at his companion, whose countenance was
 as serene as possible, and laughed with him. But Passepartout
 persisted in chaffing him by asking him if he made much by his
 present occupation.
 â€œYes, and no,â€ returned Fix; â€œthere is good and bad luck in such
 things. But you must understand that I donâ€™t travel at my own
 expense.â€
 â€œOh, I am quite sure of that!â€ cried Passepartout, laughing
 heartily.
 Fix, fairly puzzled, descended to his cabin and gave himself up
 to his reflections. He was evidently suspected; somehow or
 other the Frenchman had found out that he was a detective. But
 had he told his master? What part was he playing in all this: was
 he an accomplice or not? Was the game, then, up? Fix spent
 several hours turning these things over in his mind, sometimes
 thinking that all was lost, then persuading himself that Fogg
 was ignorant of his presence, and then undecided what course
 it was best to take.
 137
 Nevertheless, he preserved his coolness of mind, and at last
 resolved to deal plainly with Passepartout. If he did not find it
 practicable to arrest Fogg at Hong Kong, and if Fogg
 made preparations to leave that last foothold of English
 territory, he, Fix, would tell Passepartout all. Either the servant
 was the accomplice of his master, and in this case the master
 knew of his operations, and he should fail; or else the servant
 knew nothing about the robbery, and then his interest would be
 to abandon the robber.
 Such was the situation between Fix and Passepartout.
 Meanwhile Phileas Fogg moved about above them in the most
 majestic and unconscious indifference. He was passing
 methodically in his orbit around the world, regardless of the
 lesser stars which gravitated around him. Yet there was near by
 what the astronomers would call a disturbing star, which might
 have produced an agitation in this gentlemanâ€™s heart. But no!
 the charms of Aouda failed to act, to Passepartoutâ€™s great
 surprise; and the disturbances, if they existed, would have been
 more difficult to calculate than those of Uranus which led to the
 discovery of Neptune.
 It was</t>
  </si>
  <si>
    <t>b'O\xa9\x87\xb1B\x00\xec+\xd5\x8c:(\xd4\xe8cxb\x1f\xe6M\xd8$\x83\x8c\xd2\xa2\xcf\x1e\xab:_E'</t>
  </si>
  <si>
    <t>4fa987b14200ec2bd58c3a28d4e86378621fe64dd824838cd2a2cf1eab3a5f45</t>
  </si>
  <si>
    <t>b'O\xa9\x87\xb1B\x00\xec+\xd5\x8c:(\xd4\xe8cx'</t>
  </si>
  <si>
    <t>oad day when I awoke and found myself tossing at the south
 west end of Treasure Island. The sun was up but was still hid from me 
 behind the great bulk of</t>
  </si>
  <si>
    <t>b"\xad&amp;\xbd9\xfdi\xd7\xb5\xa0^\xa8\x1ep`p\xd3\xaclK\xc4\xbfn\xa6\x1a\x96Vd3X\xc6,Ls\xa2\xa1W/\xb4\xabgb\x9f\xa5\xfa\xb5\xae7~!T\x02k~\xb3\x9a3v\xa0\x05@\xc1p\xd5\xd2{\x8e/\xee\r\x92M\xcd:l\xb4\x11+\xb5\xf3\x83'\x1d\xde\xfbv\x99!f)\xc1\x8d\xf9\x84\xfb\xd4\xbb\x0e\t\xd4\xeaf\xec,\xff\x14\xbd\x9e\x9e\x11&lt;\xc4s\xfb\x87\x80\x0f\x82\x07\x16\x10\xb7\xeb\x0f`\x8b\x02\x87\xfb\xe1\xeb\xc6)\x1b\xe8\xa7\xbc\xcb\x19T\xeb[\x9f\xe0\x90\x8d\xc8c\xde;;U\xcb4\xeco\xed\x1e&amp;3+\x9a\x0e!\xed\xe1\x13\xda\xe87\x9bB?\xc6\x0f&gt;\xde\x85\r`_\x8e\r\x83\xed\x82\xaa\x11\x7f\x89\xafW.\x8a\xf2\xdd\x89\xcf\xbc\xa8d\xaf&gt;\xc0\x02\xa0\xd9\xf3\xba\xbb\x12\x19U}\x91q5\xa9\xd9\x98#\xbb\xa6$\xde\x9d\x88:\xf6\xba\x08\x9f\xdeM8\xdb\x14n\xe2\xcatn\xdb5[\xf1\x1dg\xa8(XO\x80\xa5\xc9\xc4\xb7\xe3\xe0\xf6\xba\xfaZ\xe0\xcaw\xcfP\xa5z\x82\xdf\x98\xd9&amp;\x15\x9e:Rq\xfb\xbe\x8f\x84\xc2\xb7UC0\xe4\xd5L\xec\x12\xa5\x8f\x8c\xf4\xaaxE+\xff:\x86|o\x10g-\xd7\x83\x86\x8f\x9bWJN'i\xbe\xdd\xcf\xa9\x14\x83 ^l\x05\xaf\x8er\xf9\t\xe56T2C'7\x91\x93\x0f\xce\xa4\xf82\xc7\xc5`gc\xaa\xa0}\xa4\xd0{7\xac!\x81\xb7a\t\x1b\xa4\xc2\xb7J\xc9\x1b\xf6b\xa4\xf6\xa7\x9c\xcad7\xe4n\xb7&amp;\xaeX\xff\x7f\xee8\x17\xfc|\x94\xae\xd7\xed\xc8$d\x88Y\xd6\xd9\x12\xbdo8\xb8\xeax~=O\xf4/7d?\xee'\x1e\xb1\x82t\\8\x7fP\xf0m\xdf\x17\xd7.\xa8\xd9\x19af\x8eH\xcc;(\xd3\x83\x87\x8aA\xbc;\xc9Z\x13C\x82@\x8b\x9c\xe9\x8f\xff\xbb\xd9\xfd\rN\x19/\xc3(zNa,k\xd8\n\x91\xe2\xa9\xb4b\x84\xbc\xb3\x02\x1d\xbee\xdb\x93\xf0\xa5J$A\xe0u\xcegq\xb8\xe03\xdb\x8a\xdf\x0f"</t>
  </si>
  <si>
    <t>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</t>
  </si>
  <si>
    <t>b'\xad&amp;\xbd9\xfdi\xd7\xb5\xa0^\xa8\x1ep`p\xd3'</t>
  </si>
  <si>
    <t>aid Colin regretfully. "I don't want
to have one and I'm not miserable enough now to work myself into a big one.
Perhaps I couldn't have one at all. That lump doesn't come in my throat now
and I keep thinking of nice things instead of horrible ones. But if they talk
about writing to my father I shall have to do something."
He made up his mind to eat less, but unfortunately it was not possible to
carry out this brilliant idea when he wakened each morning with an amazing
appetite and the table near his sofa was set with a breakfast of home-made
bread and fresh butter, snow-white eggs, raspberry jam and clotted cream.
Mary always breakfasted with him and when they found themselves at the
tableâ€”particularly if there were delicate slices of sizzling ham sending forth
tempting odors from under a hot silver coverâ€”they would look into each
other's eyes in desperation.
"I think we shall have to eat it all this morning, Mary," Colin always ended
by saying. "We can send away some of the lunch and a great deal of the
dinner."
But they never found they could send away anything and the highly
polished condition of the empty plates returned to the pantry awakened much
comment.
"I do wish," Colin would say also, "I do wish the slices of ham were
thicker, and one muffin each is not enough for any one."
"It's enough for a person who is going to die," answered Mary when first
she heard this, "but it's not enough for a person who is going to live. I
sometimes feel as if I could eat three when those nice fresh heather and gorse
smells from the moor come pouring in at the open window."
The morning that Dickonâ€”after they had been enjoying themselves in the
garden for about two hoursâ€”went behind a big rosebush and brought forth
two tin pails and revealed that one was full of rich new milk with cream on the
top of it, and that the other held cottage-made currant buns folded in a clean
blue and white napkin, buns so carefully tucked in that they were still hot,
there was a riot of surprised joyfulness. What a wonderful thing for Mrs.
Sowerby to think of! What a kind, clever woman she must be! How good the
buns were! And what delicious fresh milk!
"Magic is in her just as it is in Dickon," said Colin. "It makes her think of
ways to do thingsâ€”nice things. She is a Magic person. Tell her we are
grateful, Dickonâ€”extremely grateful." He was given to using rather grown-up
phrases at times. He enjoyed them. He liked this so much that he improved
upon it.
"Tell her she has been most bounteous and our gratitude is extreme."
And then forgetting his grandeur he fell to and stuffed himself with buns
and drank milk out of the pail in copious draughts in the manner of any hungry
little boy who had been taking unusual exercise and breathing in moorland air
and whose breakfast was more than two hours behind him.
This was the beginning of many agreeable incidents of the same kind.
They actually awoke to the fact that as Mrs. Sowerby had fourteen people to
provide food for she might not have enough to satisfy two extra appetites
every day. So they asked her to let them send some of their shillings to buy
things.
Dickon made the stimulating discovery that in the wood in the park outside
the garden where Mary had first found him piping to the wild creatures there
was a deep little hollow where you could build a sort of tiny oven with stones
and roast potatoes and eggs in it. Roasted eggs were a previously unknown
luxury and very hot potatoes with salt and fresh butter in them were fit for a
woodland kingâ€”besides being deliciously satisfying. You could buy both
potatoes and eggs and eat as many as you liked without feeling as if you were
taking food out of the mouths of fourteen pe</t>
  </si>
  <si>
    <t>b'F\xfcl8\xc7lZ\xb5#\xd7\x8f\x92\xbcM\x89:\xceL\xbf\x16\xaeq\x03F\x7fX\x901u\x14\xe0\xa6D\xe6m\xf8\xb1\x08e~"\x04\xab\xf8\xa7\xbf\xa0\x0b\x18u&gt;Hl\xa7\xc5yY\xaf\x8b\xe4\xfeY\x99\t\x8bN\x170\xd5]\xa1o\xaf^\x91?\x00Jk\xd4+\xef?\x17PW\x90\x9b\xad\xe7\x0c\xb8/\xc6\xf8f`|\x06Z\x84k\x1e\x07h;Q\x16C\xd5\x13\x85o\x12\xc5\x13(d\x12\x9c1\xe5[\xbc\x18!M\xc0\x01\x16\xfb\xac=V\x90R\xe7\x8a\xedN\xd7V6\x18\xc0\x9c\x02b!\xc5\x9f\n\x86Q\xf0\xf2\xeb\x91\xc6;\xa8N\x89V`\x1c\xdbO#&gt;\xab\xde\xab\x9f\x14\xe5\xb0A\x95fb\x85FY\xca\xedB\xb9\xc9\xea\x04\x0c~\xe1\x904 \xfc&lt;\xbd\xe7\xd8-\x7f.\xb8\x81\x91\xe7\xd9\xe3kmsv^\xda\x8fj\xa1O1\x85\xdb~\xdf\x8ak\\J\xce\xc6\x11\xbf\x1d5\x80\xb8\xbbA\xb8p\xaco\x8d\xc3\xcb\xb2\x92\xec\xd2Ij\xb8S\xc6\x1e\xff\x7f\x00\xa9\xc1\x16\xb2\xdc\x15\xcaR\x81m\xa87\xb0\x8a\xb7\xa6\x82:H\x1a\xc2*\x85\x99D\x14\xad~\xdaI\xe6\x01\xd3\xc9\x8eH\xa3^&lt;7[\x0b|\xbe\x1d\xf4\x9b\xc6*\xf0T=\xb3\x0b\x9dht\xdb\xa9L\x99\xf9\x89s\x86m\x0e\x8ecVa\xfb\x83\xbf|\x8d\x105\xb7\x1al\x04\xa4x\x99\xa7\xdbW\xbe\x0b\x82\xed\xe8O7\xfcA\xd0\xd1T\x87\xaf\xffnU\xac\x13@`\xd2Ie8\x06,\n\xa9P\x8f\xc0\xbb\x8a]\xf1M%0Au\xaf&lt;\x99;\x95\xb1\x84\x00\xbf\xd6\xe05\xc9\x04\xdd\xca\x1c\xcb&amp;\xda\xa3\xd2g#\xe4\x1b\xd1/5E\xa0\xca\xe6}\xad\x95\x9b\x1a\x061:e\x9e\t\xc6]\x05\t\x08}\xa3\xca\x17F\xfb\xf8\xad\xf6\x0c\xb6TQf4$\xd7\xa8l&lt;\xf8\xf6\xc5\x1d\x19\xb7y\x05\xb1\xc7P\xde\xe2\x96Q\x82\xd1\xc0\x88\xb4\xa8!jU\xcf#7\x1f\xce\xff\xcfW*m\xd1\xa6\xd6\xb0\xe2=1VZ\xdb\x8dj\x12k\x8fKF\xa4A\x7f+\x14\xdeB\x01U\xc8\x9d\x9f\xe3z\x16\xaey\x17J\xee\xef\x045%\xa5_\x86\xd2\xd1\xf8\x80\xa8\x13#\x85\xd27\n\x1eG\xf4\x14\n\xf7j\xe3k4I\x04\x18\x11\xad\x114ho\xa9\xcbB\xcb\x80huuN\x9d\xe8\x9f\x9e\x8d\x8cA\x8e\x8ffF\x1c\xe0v\x9cD&gt;l\xe7W\xa5\xd2\x16X\x06KG09\x8d\x1e\x01=\x03\xc1p\xed#}\xf7\x9d\x98i\xcd\x9e\x89n?\xb7\x11\xdf\x9c\xbf\xc2\x7f\x83\xaa\x8bK\xae\x89jW\xe6\x8as\xa2\xe9^M[\xc9{bE\xeao\xd0\x163gn\x10\x88\x9dj^\x9a\xf0A:\xc9-\xa4\xcb\x11Q\x88\x18}B\x18\xacE\xc6\x85\xe4\xd5\xb6\xcd\xaa\\\x84\xf6\x03\xf0\xe0\xa3\x1f\x8d,\xfe\x97\xed\xac\x02\xb5\xe9\xca3Y8\x8e\xcd\x01\xae\xd8\x1b\xb7\xf5\x04Y\xc9\xd2\xe2\xf2\xe4\x8c\xfa\xc1\xbe\x02\x9b\x97m\xfc\x8c\x19sc\x08\x92\x80\xd5Q\xcd\x03\x07\xff\x0f*\xb0\xb9\xdd\x04&amp;B\xcd\x16T\x08\xb5~^N\x18\xbf`R\xb5\xc0 1l\xb9\xeb\x0b\x19\xcb\xdb\xef\xffu\x89\x80\xe6\xb1\x0c\x04\x13[\xef\x80Y\xdaT\xbe\xb3\xc9\x83r\xca\x05\xdc\x1a\xb5\'\xe4Q\xd06\x0e\x00\xa6\xd8\xca:x}\xc0s\xe0\xa1\xcb7\x13va\xc6dE\x89\x01\x01H\xef\xf6b\x13\x86\x8a\xb8\xe68\x08\x80M\x84\x14i\x07\xab9\xb8E\xeb}\x83L\xa9\x0e\x9c\xfb\xa74\xe2\x08\xf3\xc0\xc0P\x98\xc2\xe4\xe5\x91\\\x95&gt;x?\xe6\xdb\x9b\xf2\x93\x98\xb9\x06\xe8\x03c\xc6\xc7&lt;\x91a\x9a\x90\x0e,\xa5\\2x\x84G\xe3\x10\xeb\x82\r\xb2X\xfe\xf0\xfe\xe9h\n\x16\xaer\xd7\xbe\xca\xc6\x1f\xa0\n\xf9y\xe2\xdb\xc3\xd2\xb2A\x02\xd4\xc3\xd7\xf9\x86"\xc9b\xb7x1{s\xc6_\xb7;\x1b~\xf9)\x9b\xc63\xcd\xb8\xabe!\xfd\xcah-\xdb\xa1\xad/\x1d\xb2\xe7atA\xdd\xd4\xf4\xd3\xd3?\xbc\xab\x9c\xb0iu\xd6^7\xeb\xd78Y\xc5\x10\xe9\x9e\xc1\xd3\x08^\xe0\xc6/\xfd\x9d\xaeq\xf0\xca9L;\xb1xs\xbb?:gT(\xd9\x9dM_N?\x14\xeeN\xf9Wl\t\x11\xee\xb5\x12Eq\xe5"\xc1\xaaV\xa0\x16\xa1\xb7\xfb\xb4\x88\x90\xe21\xc3\xf3Z(\x9c\xe7\xb7\xc0\xabx\xe5\x90\xcb4\x08\x1d\xcf=\nx\xd2\xa4\x93\x8a.cr\x03.Q\x17\x9dz\xad;l\'\x85\x12H\xe9\xb5\t\x16s\x17\xe2p\xd2\xf0H\xd67\xcfI\xda\xa3\x15\xe5\xa7u\x1b6\xf8\xbe\x96\xe0\x07\xf6)u\xfbt\xb7a&amp;3&lt;*\x14\x8cA\xf9E~\xa56g\xf4L\x980F\x9b\x97\xc7Z\xea\xcf\xf35\r\xf6S\x14^Q\x1d\x14R\x0b\xc9\xe1^\x0fr\xfc+\xaa=\xf38&lt;/S\xbe\xd0\xb9D\xba\xb5\xe0L\x7f\xd0\x1c\x94\xd7\xff.L\xb5\\\xe7u\x19:\x1b\xd6\xb6\x18\x91Q^\xf6\x89\xd2\x03\x8c&gt;\xf7\xd5\xc3\xc7\xc9\xa0\xf9\xa9\r\x0f\xd9\x19E\xdd\xfem\xd3\xf7W\x0ew\xb5\x1aa\x8a\x19v\xad$%w\xcf\xb1\x0e\xd2\x199\xd2\xdd\xc7""\'\xbc\xe1\x81\xd0\xca]Q@G\x18p\x8b\x08\xfa\xcb\xca\xad\xd30\xae9\x83?\xf1T\\\ts\x12\xbd%~%\xb6\xa3\x18bQt\xb2q\x84[\x9a\xce\xf0`\xc6M\xfb\x10S\x82\xb1\xf1\x1b"bK\n\xbc\x92\xf7\x9fO\x16;]\x04\x0f\x9a\xff\xa0L\x87hU4\xc8\xe7\xfc\xf3I\xc3\x0e\xbd&lt;g\x9a\xd2J\x9a\xc29\xeaA\xe7\x98\x17M*\xc1\xc7\x08\x92N\x04\xa7\x9f\xf2W\x19\xb5rW\x12\xc5\xd6\xe6s\x00[,S\xcc\xf2k\xb1\xd6i.\x99D!#\xc7\xfeL\xa2n\xd3\xa16\x1d\x8c\xa9\x94=\xc2\xfb\x97\xc8\xd7\xdc\'\xba\x8ex?i\xccT\x1e\xf4\xf1\xcc\x840\xb7\xbdC&gt;_\xc0\x8c\xe4"K8\xa6\xb7\xae/\x08K\xa1@f\xb2M\xe0\x02(\xa3\xd7\xdf\xdf\xba~8W\x88i;&amp;c\x1cq\xee\xfd{u\x9a\xf8\xf2\xc5Wf\x00\xeb\x9bm\x86\x04z\x07\x1d\xfd\x89\xf5\xe5\xc4/\x9a\x99\xb5\x8dG\x90\xaa}\xa1\x1c\x80*\xa4\xa0z)\xf4\x7f\xba\xf1\x9f\xc0\x15\x8c\x83\xc6\xe1&amp;\x8f+\xa1\xe7\xfc\x1f\xd2O:\xdd\xfe\xf1\x04\xda\xfd\x93\xf0\xe5I+\x93%\xc3*t\x99\xf5\xbd\x9d\x1e6K\x0em\xc4h\x7f?n\xb8\xa8D\x1e3\xeb6\xf6\xac\x02\x00\xa1X\xc2\xe3\xd7h\xe5z\x85\xa2\x0c\x15H\xfeo\x8fo\xff\x0f\xb0\x01\n\\\x91\x90\x9a\x1c\x1d\xbd\x86c\x04\xfc\xdd\x96\x7f4\xd2\x1e\xbf\xce\xc9\xc5=G\xf1\xcc\x80\xa3\xff\xd8\x84\xbf\xae\xa21\x14\x87c:;\xe9\x84\xbf)\x02\x1f)r\x804\xc5|\xb5&gt;i\xd1\xd4\x1b\xa3\x18a\xbd\xf8(\xab}q\x1d\xea\x95\x1c\'\x0c,y\x8dULn\x87\x87y\xbe\xb6ZI\xeey\xf4\\\xbamJ\xa7!\xedL\x98\xb3H\xc2g\x82&gt;\xd8\xde\xfcdC8s\xc9\xc1\xe9\x97\x88\xcd\xee\xa5J\x18=\'\xfa\x16\x8a\x0e:\x1c\xb8\x8a\x9f}-(\xc9\xad\xb3N\x81\xad\xa05@S\xabK\x1f\xf4P\xa0\xacU\xd2\x97\xe4"\xa8\xcf(z\x95\xf3\x11\x05Zb?\xd8\x90\x8e\x06g\xcdq\xf6\xe9*%gZ\x88\x06T\x14\xa3\x89?7\x99kD\x10)C\xa4\xe1q\xf5}\xca\xba\xda\xbbf\xd4\xa5\x03\x106\x80\x14h\xfc\xd9O\x15\xdd\xbc\xa9\x8c\xb2R\xc6\x06\x94\xf1\x13\xdb\x9f\xe8\xa8\xff\x85\xff\xa4y\xb3\x0e\xd3\x17\nMw\xfda\'\xaf[d\xd15H\x95:Y\x93L\xdfqC\x1e\xee}m\xdb\xd5\x07\xe42\xf80l\xef\x13\x84\xfc\xe0\x85cM\x9bb\xb9\x1d\xe4A\xa7\xca\x9a(E\xedY+\x12\xb2%\xce\x085;\x8b\x8d\xe4;\xc5\x0c\x96%"\xbe6\xf1\xbfQd\xc5B\x89\xb2\x03\xd83&amp;\x9f\xc6Sb\xb38\xeb\xa9w\xc3\xb4p\x9fj\x9b@o\xe3Z\xc97\x96\xee\x85\xae#\xbbH2k\xe2\xf5\xc0\xd8\xcc\x1fH\xec\x920*\xf5\xc75 B\x0e\x94S\xb1\xa4uM\xcbV\x948\x13&amp;\xb9\t\x0b\x9bi\xf4\xa5\x83\xc3\x16\xe6\x82\xedQ\xccs\xf9\x8b\xb4\x9f^\x99\xc3\xa9\xd8m\x1a\'2T\xdd\xa5\x99\x91\x1cQ\xad=*\xe3Kd6\x9c\xa5\x15z\xb6db\x90\xde\xf8\xc2\xf7\xd3\x05\x83\xba\xb8\xcc\xe8\n\xe2\xa97\x0b\x08V]\xe6\xac*J2\xa0\xfc\xf1\x12\xc2YV\x05\x143\x82 \xd7/\xd2p*\x92{\rE0y\xff\x82\x19\x8a\x1f1\riw\xff\xaf\xc6\'\x9b\xe9\x95\xa4\x9dm\x96B%D\xd5\xc2\xbeK\xeb\xf0\xe8Hq\xa8N~\x9bf\xedN\x07\xe0^\x1el\xce6|\x15\xf4\t\x8c\xe8\xa3\xe5!Z?\xa5\xd8\x97\xc1bYW\x19\xe8`\xd7SbT\xe6\x9crn\x15j\xa1B\x15]b\xc0\x9eI&gt;\xeb`\xa9ST\x03\x99\x8dq\xad}-!\xa8\x19O,\xf5\xef\x0bsKt\xd3\xca\xd2^\x05\xd4b\x05\\\xf3\x8a\xce\x1c\x9aM\x1d\x8535\xcd\xb2;\xef\xf4x\xb8\x0b!:\xab\xf4\xd5vI\xc0@bh\xcb\x9fwH\xc4\xff;\x84\xd6\x86\x04\x02"\x85\xa4\xff\x7f\xa1\xbb\x94\x91C\xc29\x0e\xa2g\r_\xefB\xad\x12\x01}Gh\xdf\xb0w\x977\xad[74L"\xb5\xf1\xe1_\x1d\x0f\xd0B051\xb0\xc4\x93B\x13)\xc1\xf7\xe0\x80g\xb0\\\xb4\\\x8d\x88\xb2\xc0F5\xcf\xa3^\xc6\xa4\x9fq\x14\xc4w\x8c\xb2j\x9b\xbe\xcf\xbc\x0b\xb2\xd2[{\x96\x85&gt;\xce\x18\x9f\t1\x9a\xd8U\'\x8e\xf4\x08a&gt;\xc3\xc5\xc5B8_\xcb8\\\xb4l;\x98k\x8a\x9b\x07\xf4\xdaW\xf8Oeg\xce\xeb\xd3\xf9\x83\x87}\x96k\xc0\xc8\x7fM\x07\x81V\x1eZaP&amp;\xe3\xac\xc6\xdc\xd7%\xa0\xcb\xaf{\x08\xcf1l\xab \xc1\xea\x1d\xc8*.\x98kL\xa6\x1c\xe5\xac\x1aD&lt;\xc8\xd6\x1b\xd7\nF_\x97oqE\xe6m~x\xec\xdc\xca\xab6\xa2\xa5\xbd A\xa8z\x95iP\ni\x1e\xec=|\x12\x8e\x88\xa4\xd6/ey\t\xd5\xe2\x8fV:\x95\xe7q\xe5+r\xb7\xb1\x9fI\x07\xa4\x91T\xc5\x91\xecQ\xfd\xb7\xbd\xcc\xf7F\x90\xa4Q\xf1G\xa9,\x8b\xd3^\xde\x14\xf25\xd4W\xa5zp\xa4\xeb\x8a\xfd\xa1\xc1W\x82\xc4;V\xed)(W\x95)\xbd\x07\x81\xd3\xba\xfa\xff\xd6\xc6\xec\xcc\xfc\x87\x18\xe6\x8c\xfa\xb6\xaaGq\x9a\x1bq\xfb\xdabZ&amp;\x1c\xf3/\x90\xa2SQPV\x0bA\xc96a\x05\x90\x01x D\xef\xc1\xb2\xb2\xf4\x9a\x1f\xb4 \xdd\xeb\xb9\xcd\xde\xe80\xd0\xd3\xcc\xeb\x99\x7f4G\x1cQ\xfb\xc3\x03\xef\xc5\x0c\xabP\x0e\xed\x19\x89*\xeb\x80vw\xa3\x86\x99\x86x\x1b\xdc,\xd8\xcc\x91&lt;\x0b\xe4\x9eS\x0e2\x9cN\x83\x12\xc7/\x83\xcc\xac\x0eP\x7f\xf2\xd6Hs\x0e\x18\xea\xb8\xceQ.\xa1\xc2\x11`\x968d\xa4\xe1\xf1\x86\xe0\x0b\x07\xb3#\xd6\xeb\x8a\xf1\xbc\xfdl\xca]){\xec\xc6l\xd6\xb3\xeaVW\x1f\xc1\x85?\xec$&amp;\xa4\xfc\x12\xdaF\x1aC\xd8\xdf&gt;w\x15\\\x0b\x8f\xddX\xa3b\x18\x94m\xbb\xabh\xda\x1a\xadw\xd6\x9cc\xb2\x95z\x18}kiAN \xe4\xe5\xad\x00\xf6x\xb3\xa9}QlA-\xb3"P\xa5\xe2\xf9\xc8\xf91\xae\xb3\xec.\xae!\x8e\xcc\x7fM\x02\r\x1e+O*Xh\xcfh\x94\xe8\xff\x94\x12\xe3]U\x8fsZ\xa7&amp;\xf6GJ\xaf-\x97\x89\x80U\x03\x0b\x14\x02N\x8b\xb6\xb3\xe7{\xfb\x95/\x02\x19\xc0+\x1f\xc3m\xd1\xd9ia\xee\xfeC~&lt;\xf1\xa7\x8c\xbdn",weys\xb4\xda^\'\xba(\xdf\x7f\xa4\x8f\xd2\x04\x8fK\x14\x89\xaajp\x9fk?\x96T\xe8Q\xf6xn\xd0\x97\xdb~\xd6\x8d)\r`M\x8e\xfa_\x02\xf1\xde\xaf\xf5\xb5\x9eq\xaeb\xbd\x7f\xf8\xb8\x9b\x06\x8daj\x90\xea4\xc6\x8c\xed\x0b\xf0R\x95t|9\x00\x8als1\x9f\xfc\xb1V\xe1\xa8\xb9\xe1$\x98\x0f\xa7\xdfL\r@\xb4$\x97\xbc\xfd2\x1b\xc8\\\x8a\xa7V^\xf3\x85\x07\x00\xf5^\x90\x1brR\xbf)\xe5"\x176\x1c\x9a\x99\xb3\xf2Z.\x8dX|\xc8\xad\xa9\xb9-\x02\x99\x01r\xf9^\x1b\x93O1\x11U\xfdG\xa1\xae"|\x87&gt;\x98\xe0\x81"u\xc7\xe3\xe5\x93_ZH\x94t\xac\xc4\x19\x84bQ\x8c\x8dV\xd3k&lt;I\x01\xe3\xc0\xee\x8b(\xd5\xc8,\x19\x97\x13\xe4EN\xa5\x19\xed\xe2X\xb5\xc6\x8dC\x03\x07\x89\x85JT }\xf4\x90\x9bAK\xed9D\xd1\xdb\x8d{\x95K\xa2HdSNu ]#\xa4*Zo\x9dJA\xd8\xef\xe8\x00;\t\xd9aH\x88\x97[\xc3%\xaa\x1blv\xe6\xaa\xb4\xce\xf5\x9en-x\xb3\xc4#4a\xaf\xcb\xb6&lt;\xbf\x0b\xbe\x1e\t)v3\x8d\xe9N\xcc\xac\xbd\x06l\x04\xe6\x86)\xb8j\x13N\xdbC\xa5S\x8a-d\x0b\x01\xd2v\x833\xa7\xb9\xa3\xd5\xecK\xfd@\xa0\xca\x04H\xfe\xc8\x88,\x8c"\x93\x1f\x15%P\x1b_3\x9d\xd8\x16\x07\x1d\xa2\x82\xa5\x0eP\xa8\x1dW\xf0\xe5d\x9f\xb9\xbfe?\xe7\x10\xf5\x9c[G\x92\xdf\x10\xe2eh\xa4\x99\x8f:\x8d\xafS\x181P\x19G0a\xceg\x9f\xd5\x83\xd6v\x88\xf3.\xbc\x12\xe2\xbap\xc3\xcd\xe1\'x\xbd\x19M\xb9\x16\x08i&gt;&gt;}\xfc\x16\x98c\x03J\x91B\\k\xc5\xd4\xfb\xc9\xf9\x84\xb3\x0f\x87\xed\xb7\xba\xd6\xa9\xbf\x01\x7f\x9e]\xbe6\xb2\x9e\xa4\xaa\xc7\xc5\x01\xb6\xc4\xdf3\x14\x02o\xd8\xe4e\x83%\xda\xb1s\x93\t\xdc`\xc3j\xf6c\\\xe1#r\xe2\xbe@J\x17k\x13\x13\xdb\xfb\xb03%\x15\xfc\xec\xc5\x1b\\\x9d\xb0\xb1\x0b\'5#\xdb\x90\x05\xe2\xeb\'\xd6/\x7f\xee\xf8\xfc\xa7x\x8c\xd7\xc3+pZ\x98Z\xcaYb\xf3\\\xe7\xb6^\x06O\x06\xcf\xb3*f\x97_\x8a\x17@\xf9\x9e\xe5~p\xc9\xc2\xec\xa1\xc1|^k\x1fQ\x94\x03\xc1\xa6\xee\xfa\xb7r\x18ju\xa9}\x9a\xaen+\x1b};T\\Z\x1d\xbd?e\xd7\xfdBFk\xa1\xdb\xa69\x91r\xa2\x17\xcc`\x88\x9f\xa7\xbd\x99\x0e\xe3\n?\xba\xb3\tc\xff\xb1\xedj\x1dV\x97\x16\x98\xd46,k.\t.B\x1c\xf0\xb3\xb4oh\x8a\xfckT.\r\x10\x10\xd6\xf5hv\x18\xf4\x04\x11\x9c\x1cY2\xdbOn\xf2:\x18D\xd0F\xdf@M\xd9*&amp;?\xb9Rv\xfd\x84\xff\x88\xa9O*\x8f\x9b\xac\x9d\x18D8\x00\xc5\x8f\xe0\x1df\x0b)\xda\x8e\xf8\xde\x1c\x1c\xc6\x16\xd23B\xcefz\x96\xcfS7y\xbeG\xdf\xcaqB\x13\xbc\xc2\x9e\x90\x1c\xbf0\xe0\x9d\x86z\x9b"Z\x98Z\xcaYb\xf3\\\xd8HV\xb1\r\xa2\x0e\x1f\xb6\x8b\x98\xe2![#y\x0e\x15\x91D\x9c\xa0p\xa3\xa7\x99\xaf/|\xa7\xd15rHtd\x06h\x8ds\x1e;%3\xcb\xbb/\xf9z\x8c\xa5\xe8l\x1d\xc6\x91\xe7\xc1\xe7\xc5u\xa2j\x13\t\x156\x99\xb8\xd6z\x05^\xe9\xda\x99%\xaa!\x13\xda\xcdo\x13\xe6\xe0*\x1bY\x04\xaa.y\x9eD;\xa3Kv\x8a\x89\x91\xe3=&amp;\xf6&gt;=y\xabv\x7f'</t>
  </si>
  <si>
    <t>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</t>
  </si>
  <si>
    <t>b'F\xfcl8\xc7lZ\xb5#\xd7\x8f\x92\xbcM\x89:'</t>
  </si>
  <si>
    <t>essing before the data reaches a robust digital
 form.
 5Distortion arises if the output is not a linear function of input.
 10 Chapter 1 Introduction to Microelectronics
 t
 ~3 mV
 Hard
 Disk
 Figure 1.12 Signal picked up from a hard disk in a computer.
 1.3.2 Analog Circuits
 Todayâ€™s microelectronic systems incorporate many analog functions. As exemplified by the
 cellphone and the digital camera studied above, analog circuits often limit the performance
 of the overall system.
 The most commonly-used analog function is amplification. The signal received by a
 cellphone or picked up by a microphone proves too small to be processed further. An
 amplifier is therefore necessary to raise the signal swing to acceptable levels.
 The performance of an amplifier is characterized by a number of parameters, e.g., gain,
 speed, and power dissipation. We study these aspects of amplification in great detail later
 in this book, but it is instructive to briefly review some of these concepts here.
 A voltage amplifier produces an output swing greater than the input swing. The voltage
 gain, Av, is defined as
 Av = vout
 vin
 . (1.1)
 In some cases, we prefer to express the gain in decibels (dB):
 Av|dB = 20 logvout
 vin
 . (1.2)
 For example, a voltage gain of 10 translates to 20 dB. The gain of typical amplifiers falls in
 the range of 101 to 105.
 Example
 1.3
 A cellphone receives a signal level of 20 Î¼V, but it must deliver a swing of 50 mV to the
 speaker that reproduces the voice. Calculate the required voltage gain in decibels.
 Solution We have
 Av = 20 log50 mV
 20 Î¼V (1.3)
 â‰ˆ 68 dB. (1.4)
 Exercise What is the output swing if the gain is 50 dB?
 In order to operate properly and provide gain, an amplifier must draw power from
 a voltage source, e.g., a battery or a charger. Called the â€œpower supply,â€ this source is
 typically denoted by VCC or VDD [Fig. 1.13(a)]. In complex circuits, we may simplify the
 notation to that shown in Fig. 1.13(b), where the â€œgroundâ€ terminal signifies a reference
 point with zero potential. If the amplifier is simply denoted by a triangle, we may even omit
 the supply terminals [Fig. 1.13(c)], with the understanding that they are present. Typical
 amplifiers operate with supply voltages in the range of 1 V to 10 V.
 1.3 Basic Concepts 11
 Vin Vout
 VCC
 Amplifier
 Vin Vout
 VCC
 Vin Vout
 (a) (b) (c)
 Ground
 Figure 1.13 (a) General amplifier symbol along with its power supply, (b) simplified diagram of
 (a), (b) amplifier with supply rails omitted.
 What limits the speed of amplifiers? We expect that various capacitances in the circuit
 begin to manifest themselves at high frequencies, thereby lowering the gain. In other
 words, as depicted in Fig. 1.14, the gain rolls off at sufficiently high frequencies, limiting
 the (usable) â€œbandwidthâ€ of the circuit. Amplifiers (and other analog circuits) suffer from
 trade-offs between gain, speed and power dissipation. Todayâ€™s microelectronic amplifiers
 achieve bandwidths as large as tens of gigahertz.
 Frequency
 Amplifier Gain
 High-Frequency
 Roll-off
 Figure 1.14 Roll-off of an amplifierâ€™s gain at high frequencies.
 What other analog functions are frequently used? A critical operation is â€œfiltering.â€
 For example, an electrocardiograph measuring a patientâ€™s heart activities also picks up the
 60-Hz (or 50-Hz) electrical line voltage because the patientâ€™s body acts as an antenna. Thus,
 a filter must suppress this â€œinterfererâ€ to allow meaningful measurement of the heart.
 1.3.3 Digital Circuits
 More than 80% of the microelectronics industry deals with digital circuits. Examples in_x0002_clude microprocessors, static and dynamic memories, and digital signal processors. Recall
 from basic logic design that gates form â€œcombinationalâ€ circuits, and latches and flipflops
 constitute â€œsequentialâ€ machines. The complexity, speed, and power dissipation of these
 building blocks play a central role in the overall system performance.
 In digital microelectronics, we study the design of the internal cir</t>
  </si>
  <si>
    <t>b']\x0e\xba\xa8\xf8j\x8dy\xef\xa3)\xbe\xd9\xe2\xaa\\'</t>
  </si>
  <si>
    <t>5d0ebaa8f86a8d79efa329bed9e2aa5c</t>
  </si>
  <si>
    <t>when there
 is either fire or flood. I don't know why they won't come out, but they won'tâ€”not one in
 twenty."
 We stopped two or three days at this place and then returned home. All went well on
 the journey; we were glad to be in our own stable again, and John was equally glad to
 see us.
 Before he and James left us for the night James said, "I wonder who is coming in my
 place."
 "Little Joe Green at the lodge," said John.
 "Little Joe Green! why, he's a child!"
 "He is fourteen and a half," said John.
 "But he is such a little chap!"
 "Yes, he is small, but he is quick and willing, and kind-hearted, too, and then he wishes
 very much to come, and his father would like it; and I know the master would like to
 give him the chance. He said if I thought he would not do he would look out for a bigger
 boy; but I said I was quite agreeable to try him for six weeks."
 "Six weeks!" said James; "why, it will be six months before he can be of much use! It will
 make you a deal of work, John."
 "Well," said John with a laugh, "work and I are very good friends; I never was afraid of
 work yet."
 "You are a very good man," said James. "I wish I may ever be like you."
 "I don't often speak of myself," said John, "but as you are going away from us out into
 the world to shift for yourself I'll just tell you how I look on these things. I was just as
 old as Joseph when my father and mother died of the fever within ten days of each
 other, and left me and my cripple sister Nelly alone in the world, without a relation that
 we could look to for help. I was a farmer's boy, not earning enough to keep myself, much
 less both of us, and she must have gone to the workhouse but for our mistress (Nelly
 calls her her angel, and she has good right to do so). She went and hired a room for her
 with old Widow Mallet, and she gave her knitting and needlework when she was able to
 do it; and when she was ill she sent her dinners and many nice, comfortable things, and
 was like a mother to her. Then the master he took me into the stable under old Norman,
 the coachman that was then. I had my food at the house and my bed in the loft, and a
 suit of clothes, and three shillings a week, so that I could help Nelly. Then there was
 Norman; he might have turned round and said at his age he could not be troubled with a
 raw boy from the plow-tail, but he was like a father to me, and took no end of pains with
 38
 me. When the old man died some years after I stepped into his place, and now of course
 I have top wages, and can lay by for a rainy day or a sunny day, as it may happen, and
 Nelly is as happy as a bird. So you see, James, I am not the man that should turn up his
 nose at a little boy and vex a good, kind master. No, no! I shall miss you very much,
 J</t>
  </si>
  <si>
    <t>b'\xe9\xbf \xf2\x16\xbd\xc0\x87'</t>
  </si>
  <si>
    <t>e9bf20f216bdc087</t>
  </si>
  <si>
    <t>ling to the crags above; while, lower still,
 spread the pastures of Piedmont, where early flocks were cropping the
 luxuriant herbage of spring.
 The river Doria, which, rising on the summit of Mount Cenis, had dashed
 for many leagues over the precipices that bordered the road, now began
 to assume a less impetuous, though scarcely less romantic character, as
 it approached the green vallies of Piedmont, into which the travellers
 descended with the evening sun; and Emily found herself once more
 amid the tranquil beauty of pastoral scenery; among flocks and herds,
 and slopes tufted with woods of lively verdure and with beautiful shrubs,
 such as she had often seen waving luxuriantly over the alps above. The
 verdure of the pasturage, now varied with the hues of early flowers,
 among which were yellow ranunculuses and pansey violets of delicious
 fragrance, she had never seen excelled.â€”Emily almost wished to become
 a peasant of Piedmont, to inhabit one of the pleasant embowered
 cottages which she saw peeping beneath the cliffs, and to pass her
 careless hours among these romantic landscapes. To the hours, the
 months, she was to pass under the dominion of Montoni, she looked
 with apprehension; while those which were departed she remembered
 with regret and sorrow.
 In the present scenes her fancy often gave her the figure of Valancourt,
 whom she saw on a point of the cliffs, gazing with awe and admiration on
 the imagery around him; or wandering pensively along the vale below,
 frequently pausing to look back upon the scenery, and then, his
 countenance glowing with the poet's fire, pursuing his way to some
 overhanging heights. When she again considered the time and the
 distance that were to separate them, that every step she now took
 lengthened this distance, her heart sunk, and the surrounding landscape
 charmed her no more.
 The travellers, passing Novalesa, reached, after the evening had closed,
 the small and antient town of Susa, which had formerly guarded this
 pass of the Alps into Piedmont. The heights which command it had, since
 the invention of artillery, rendered its fortifications useless; but these
 194
 romantic heights, seen by moon-light, with the town below, surrounded
 by its walls and watchtowers, and partially illumined, exhibited an
 interesting picture to Emily. Here they rested for the night at an inn,
 which had little accommodation to boast of; but the travellers brought
 with them the hunger that gives delicious flavour to the coarsest viands,
 and the weariness that ensures repose; and here Emily first caught a
 strain of Italian music, on Italian ground. As she sat after supper at a
 little window, that opened upon the country, observing an effect of the
 moon-light on the broken surface of the mountains, and remembering
 that on such a night as this she once had sat with her father and
 Valancourt, resting upon a cliff of the Pyrenees, she heard from below
 the long-drawn notes of a violin, of such tone and delicacy of expression,
 as harmonized exactly with the tender emotions she was indulging, and
 both charmed and surprised her. Cavigni, who approached the window,
 smiled at her surprise. 'This is nothing extraordinary,' said he, 'you will
 hear the same, perhaps, at every inn on our way. It is one of our
 landlord's family who plays, I doubt not,' Emily, as she listened, thought
 he could be scarcely less than a professor of music whom she hear</t>
  </si>
  <si>
    <t>b"gp\xe7\xfa\x86\x9b#\xb5\xbc\xfb\x18|6J\x9e\x02\xd1\x10\xeb\xd5\x1a\xf6\xcc2Z\xa8z4\xd0rs&lt;\xd1\x93\xb6E5\xd6X\xb5\x87\xb7j\xa4\x93V\x9b,c\xcf#'\xf0!\xf8\xf5.\x88C\x83\xab|\xd1\xda"</t>
  </si>
  <si>
    <t>6770e7fa869b23b5bcfb187c364a9e02d110ebd51af6cc325aa87a34d072733cd193b64535d658b587b76aa493569b2c63cf2327f021f8f52e884383ab7cd1da</t>
  </si>
  <si>
    <t>b'gp\xe7\xfa\x86\x9b#\xb5\xbc\xfb\x18|6J\x9e\x02'</t>
  </si>
  <si>
    <t>and the bearing of the child, who seemed as if she was
 not of the class of those who were treated as drudges and servants. Bit by
 bit, Ram Dass had made discoveries concerning the wretchedness of her
 life. He had found out how easy a matter it was to climb across the few
 187
 yards of roof to the skylight, and this fact had been the beginning of all
 that followed.
 "Sahib," he had said one day, "I could cross the slates and make the child
 a fire when she is out on some errand. When she returned, wet and cold,
 to find it blazing, she would think a magician had done it."
 The idea had been so fanciful that Mr. Carrisford's sad face had lighted
 with a smile, and Ram Dass had been so filled with rapture that he had
 enlarged upon it and explained to his master how simple it would be to
 accomplish numbers of other things. He had shown a childlike pleasure
 and invention, and the preparations for the carrying out of the plan had
 filled many a day with interest which would otherwise have dragged
 wearily. On the night of the frustrated banquet Ram Dass had kept
 watch, all his packages being in readiness in the attic which was his own;
 and the person who was to help him had waited with him, as interested
 as himself in the odd adventure. Ram Dass had been lying flat upon the
 slates, looking in at the skylight, when the banquet had come to its
 disastrous conclusion; he had been sure of the profoundness of Sara's
 wearied sleep; and then, with a dark lantern, he had crept into the room,
 while his companion remained outside and handed the things to him.
 When Sara had stirred ever so faintly, Ram Dass had closed the lanternslide and lain flat upon the floor. These and many other exciting things
 the children found out by asking a thousand questions.
 "I am so glad," Sara said. "I am so GLAD it was you who were my friend!"
 There never were such friends as these two became. Somehow, they
 seemed to suit each other in a wonderful way. The Indian gentleman had
 never had a companion he liked quite as much as he liked Sara. In a
 month's time he was, as Mr. Carmichael had prophesied he would be, a
 new man. He was always amused and interested, and he began to find an
 actual pleasure in the possession of the wealth he had imagined that he
 loathed the burden of. There were so many charming things to plan for
 Sara. There was a little joke between them that he was a magician, and it
 was one of his pleasures to invent things to surprise her. She found
 beautiful new flowers growing in her room, whimsical little gifts tucked
 under pillows, and once, as they sat together in the evening, they heard
 the scratch of a heavy paw on the door, and when Sara went to find out
 what it was, there stood a great dogâ€”a splendid Russian boarhoundâ€”
 188
 with a grand silver and gold collar bearing an inscription. "I am Boris," it
 read; "I serve the Princess Sara."
 There was nothing the Indian gentleman loved more than the
 recollection of the little princess in rags and tatters. The afternoons in
 which the Large Family, or Ermengarde and Lottie, gathered to rejoice
 together were very delightful. But the hours when Sara and the Indian
 gentleman sat alone and</t>
  </si>
  <si>
    <t>b'\x93\n\x8e\xa1\xf3\xc3Tr'</t>
  </si>
  <si>
    <t>930a8ea1f3c35472</t>
  </si>
  <si>
    <t>chapters, the definition
 of â€œsmall signalsâ€ is somewhat arbitrary, but the requirement is that the input signals not
 influence the bias currents of Q1 and Q2 appreciably. In other words, the two transistors
 must exhibit approximately equal transconductancesâ€”the same condition required for
 node P to appear as virtual ground. In practice, an input difference of less than 10 mV is
 considered â€œsmallâ€ for most applications.
 Assuming perfect symmetry, an ideal tail current source, and VA = âˆž, we construct
 the small-signal model of the circuit as shown in Fig. 10.15(a). Here, vin1 and vin2 represent
 small changes in each input and must satisfy vin1 = âˆ’vin2 for differential operation. Note
 that the tail current source is replaced with an open circuit. As with the foregoing large_x0002_signal analysis, let us write a KVL around the input network and a KCL at node P:
 vin1 âˆ’ vÏ€1 = vP = vin2 âˆ’ vÏ€2 (10.81)
 vÏ€1
 rÏ€1
 + gm1vÏ€1 +
 vÏ€2
 rÏ€2
 + gm2vÏ€2 = 0. (10.82)
 With rÏ€1 = rÏ€2 and gm1 = gm2, Eq. (10.82) yields
 vÏ€1 = âˆ’vÏ€2 (10.83)
 and since vin1 = âˆ’vin2, Eq. (10.81) translates to
 2vin1 = 2vÏ€1. (10.84)
 g v Ï€ Ï€v r Ï€1 1 m1 1 g Ï€v m2 2 v Ï€ 2 r Ï€2
 R C RC
 P
 v in1 v in2
 g v Ï€ Ï€v r Ï€1 1 m1 1 g Ï€v m2 2 v Ï€ 2 r Ï€2
 R C RC
 v in1 v in2
 Q1 2 Q
 R
 V
 Vin1 Vin2
 CC
 R C C
 (c)
 (a)
 (b)
 Figure 10.15 (a) Small-signal model of bipolar pair, (b) simplified small-signal model,
 (c) simplied diagram.
 454 Chapter 10 Differential Amplifiers
 That is,
 vP = vin1 âˆ’ vÏ€1 (10.85)
 = 0. (10.86)
 Thus, the small-signal model confirms the prediction made by Eq. (10.32). In Problem
 10.28, we prove that this property holds in the presence of the Early effect as well.
 The virtual-ground nature of node P for differential small-signal inputs simplifies
 the analysis considerably. Since vP = 0, this node can be shorted to ac ground, reducing
 the differential pair of Fig. 10.15(a) to two â€œhalf circuitsâ€ [Fig. 10.15(b)]. With each half
 resembling a common-emitter stage, we can write
 vout1 = âˆ’gmRC vin1 (10.87)
 vout2 = âˆ’gmRC vin2. (10.88)
 It follows that the differential voltage gain of the differential pair is equal to
 vout1 âˆ’ vout2
 vin1 âˆ’ vin2
 = âˆ’gmRC , (10.89)
 the same as that expressed by Eq. (10.40). For simplicity, we may draw the two half cir_x0002_cuits as in Fig. 10.15(c), with the understanding that the incremental inputs are small and
 differential. Also, since the two halves are identical, we may draw only one half.
 Example
 10.10
 Compute the differential gain of the circuit shown in Fig. 10.16(a), where ideal current
 sources are used as loads to maximize the gain.
 Q1 2 Q
 V
 I EE
 Vin1 Vin2
 CC
 P
 Vout
 Q1 Q2
 in1 in2
 out
 r r
 (a) (b)
 O1 O2 v v
 v
 Figure 10.16
 Solution With ideal current sources, the Early effect in Q1 and Q2 cannot be neglected, and the
 half circuits must be visualized as depicted in Fig. 10.16(b). Thus,
 vout1 = âˆ’gmrOvin1 (10.90)
 vout2 = âˆ’gmrOvin2 (10.91)
 and hence
 vout1 âˆ’ vout2
 vin1 âˆ’ vin2
 = âˆ’gmrO. (10.92)
 Exercise Calculate the gain for VA = 5 V.
 10.2 Bipolar Differential Pair 455
 Example
 10.11
 Figure 10.17(a) illustrates an implementation of the topology shown in Fig. 10.16(a).
 Calculate the differential voltage gain.
 Solution Noting that each pnp device introduces a resistance of rOP at the output nodes and
 drawing the half circuit as in Fig. 10.17(b), we have
 vout1 âˆ’ vout2
 vin1 âˆ’ vin2
 = âˆ’gm(rON||rOP), (10.93)
 where rON denotes the output impedance of the npn transistors.
 Q1 2 Q
 V
 I EE
 Vin1 Vin2
 CC
 P
 Vout
 Q1
 in1
 out
 (a) (b)
 Vb
 Q3 Q4
 Q3
 v
 v
 F</t>
  </si>
  <si>
    <t>b'\x9a8\x8bPP{\xa9\x01\x8f\xaf\x11T(~\xe4\x93'</t>
  </si>
  <si>
    <t>9a388b50507ba9018faf1154287ee493</t>
  </si>
  <si>
    <t>ature impressed her more than she thought; and it was almost
 unconsciously that she yielded to emotions which did not seem
 to have the least effect upon her protector. Aouda took the
 keenest interest in his plans, and became impatient at any
 incident which seemed likely to retard his journey.
 She often chatted with Passepartout, who did not fail to
 perceive the state of the ladyâ€™s heart; and, being the most
 faithful of domestics, he never exhausted his eulogies of Phileas
 Foggâ€™s honesty, generosity, and devotion. He took pains to calm
 Aoudaâ€™s doubts of a successful termination of the journey,
 telling her that the most difficult part of it had passed, that now
 they were beyond the fantastic countries of Japan and China,
 and were fairly on their way to civilized places again. A railway
 train from San Francisco to New York, and a transatlantic
 steamer from New York to Liverpool, would doubtless bring
 them to the end of this impossible journey round the world
 within the period agreed upon.
 On the ninth day after leaving Yokohama, Phileas Fogg had
 traversed exactly one half of the terrestrial globe. The General
 Grant passed, on the 23rd of November, the one hundred and
 eightieth meridian, and was at the very
 202
 antipodes of London. Mr. Fogg had, it is true, exhausted fiftytwo of the eighty days in which he was to complete the tour,
 and there were only twenty-eight left. But, though he was only
 half-way by the difference of meridians, he had really gone over
 two-thirds of the whole journey; for he had been obliged to
 make long circuits from London to Aden, from Aden to Bombay,
 from Calcutta to Singapore, and from Singapore to Yokohama.
 Could he have followed without deviation the fiftieth parallel,
 which is that of London, the whole distance would only have
 been about twelve thousand miles; whereas he would be forced,
 by the irregular methods of locomotion, to traverse twenty-six
 thousand, of which he had, on the 23rd of November,
 accomplished seventeen thousand five hundred. And now the
 course was a straight one, and Fix was no longer there to put
 obstacles in their way!
 It happened also, on the 23rd of November, that Passepartout
 made a joyful discovery. It will be remembered that the
 obstinate fellow had insisted on keeping his famous family
 watch at London time, and on regarding that of the countries
 he had passed through as quite false and unreliable. Now, on
 this day, though he had not changed the hands, he found that
 his watch exactly agreed with the shipâ€™s chronometers. His
 triumph was hilarious. He would have liked to know what Fix
 would say if he were aboard!
 203
 â€œThe rogue told me a lot of stories,â€ repeated Passepartout,
 â€œabout the meridians, the sun, a</t>
  </si>
  <si>
    <t>b'\xbar\xc4\xc0%QO\xb6\x9c\xdb\xfa\x17\x84\xf0\xd4\xd8\xc1\xb3\x99\x88\x1d\x87\x10\xd4bS\x16{\xb3\x9cn\x1f'</t>
  </si>
  <si>
    <t>ba72c4c025514fb69cdbfa1784f0d4d8c1b399881d8710d46253167bb39c6e1f</t>
  </si>
  <si>
    <t>b'\xbar\xc4\xc0%QO\xb6\x9c\xdb\xfa\x17\x84\xf0\xd4\xd8'</t>
  </si>
  <si>
    <t>n features of
the amulets included a stylized image of the uterus as a rounded globe with a
foreshortened vagina, closed at the mouth by a lock; an ouroboros (snake eating its
tail) usually encircled the image; and the name Ororiouth was carved somewhere on
its surface. The lock facilitated the closing of the uterus when menses were to be
retained during gestation for nourishing the fetus, while its opening permitted the
uterusâ€™ contents to be expelled â€“ an infant, or monthly accumulation of menses (A. E.
Hanson 1995). A specialized sub-type of uterine amulet was carved on red, orange,
or yellow gemstones (red jasper, yellow jasper, carnelian). These were â€˜â€˜quick-birthersâ€™â€™ (okytokia), and women employed them over the course of two millennia, from
the time of the Hippocratic Corpus until the sixteenth century (A. E. Hanson 2004b).
A â€˜â€˜quick-birtherâ€™â€™ from the Taubman collection at the University of Michigan was
probably carved in the third century CE and, in common with late antique and
medieval examples, it summoned the fetus to stride into this world with its words
â€˜â€˜Onto your little feetâ€™â€™ (epi podia, Bonner 1950: 274, no. 134) (Figure 25.2). Both
pagan and Christian versions of the â€˜â€˜quick-birthersâ€™â€™ addressed the fetus directly,
instructing it to come out, for by the time of birth a fetus was thought sufficiently
sentient to respond to commands. Although it lacked sense and feeling at conception,
the fetus gradually acquired these characteristics in utero, and this gradualist view of
embryonic and fetal development was widespread among medical professionals, as
well as the general populace. The messages of the quick-birthers shared in this
assumption. The writers of the Hippocratic Corpus had been unaware of uterine
contractions and attributed the pains of labor to the movements of the baby, as it
punched and jabbed its way down and out in the effort to be born (e.g. Hippoc. Nat.
puer. 30; A. E. Hanson 1999b). Galen knew all about uterine contractions, describing
in elaborate detail the ability of the uterus to retain its contents through a retentive
faculty and its ability to deliver the baby through an expulsive faculty, yet he continued to endorse the Hippocratic view that the fetus of term initiated birth when it
recognized that its food supply in utero was inadequate. In a restlessness born of
hunger the fetus broke the membranes that surrounded it in the womb, thus causing
birth to take place (Nat. fac. 3.3â€“12).
Infancy and childhood had begun to attract serious attention from both philosophers and medical writers in the Roman republic, and by the time of the empire
rules proliferated as to how responsible adults should best prepare children for the later
life that hopefully awaited them. The second book of Soranusâ€™ Gynecology discussed
Roman Medicine 517
neonates and small children up to their being weaned, probably at age two or three,
and the time a pedagogue or other child minders took charge of them. Galen supplied
fulsome information on pediatric theory and practices that Greek doctors were purveying at Rome in the first book of his Hygiene and at various points in his Habits,
another treatise preserved only in Arabic (Sanit. 1; Mor.). Contracts for the hire of wet
nurses from the Roman province of Egypt exhibited some of the same concerns about
the care of infants and young children, thus tempering, to some extent, the notion that
Soranus or Galen wrote about babies and small children only from books and the
perspective of the elite (Masciadri and Montevecchi 1984; A. E. Hanson 2003).
Roman babies were swaddled for months after birth, and Soranus provided elaborate
instructions for massaging and swaddling, for female neonates were to be bound more
tightly in the breast, but loosely in the hips, since this promoted the shape attractive for
women (Gyn. 2.14â€“16). He was also preoccupied with the damaging effect</t>
  </si>
  <si>
    <t>b'\xe4\xad\x02j;k\x91l\xf4\x0bq\xfe\xb7\xe4)\x02\xfdwyr\xdd?c\x93\xdf\xed|\xb1\xd7S\xe0U#H\xb3\xd0^\x84\x82\xe5\xa0EM\xd6a]\xb8\xc9X\xbf-`\xf5\xac\x9f;\tY\x8b\xa3\x82!1\x8fj\xecZA\xfb&lt;\xad\x08\xed\x99\xc1\x15\x82(\xf7\'\x04\xb5Y\xa6\x08\xf0\x0e\xc6\xbe\x14p\xbcV\xdf\x05\x0b\xcfRON\x18L-:bs!J\xa1\xa1\xe9\xf0\xb8\xbdw\xdc\x04,\x97\xecz\xb5\xec\x16C\xcar\xb6p\xeb\xe0s=\x94\xe3h\x08\x19\x0bQk\xa1\xe7\x95\xfdi\x10+\tj\xe0\xef\xbf\xef\xbeWd8\x80\xcbxq\x8e+\x98\xe0\x02%Dsv\xc7 \xd19p=\x0c\xc9\xf9n\xc7k\xa1\xf9Kj9\x1fW\x9b\x8b\xf6^\xc6u\xafp\xf2\xea&amp;\xce[}%3\xc4\xdb\xfd\x19\n\xd4[\t \xf1\xbdF\xed\xa2\x15T\x98\xd2\xc6Z\x9b\xa8\x81\x99\x8b5*\x0e\xbf-\x84\xd6\xc0\x91\xf9\x058\xc2\x9a\xd2?\xf3\x99\t\xa42\xa1\x92C\\\x89\xa8\xedy\x13[\x9eQ\xcc\xe4&amp;\x11\x93\x96JV/\xa3j/\x18N\xd1D\x86\xac\xd9\x1c\xd2\xc3Ek\x82\xa6\x9e\xdb\x1c|\xe5\xed[7\xc2\xe6\xafo\xa5j\xcdL\xbc\xa7\xa1Yl\xa8\xe8\xbd\x86\xde:\xcb\xff\xf2\xd9\xdf\x00\\\xb5\x98;\x86u\xac,~\x1f\x9dO\xbf4)\xc0\xff\xd1\xb4\x92\xc9;\x07R\x0fN\xbb\x07\x89\xf3\xd3\xdaJ\x90\xbd\xbd\x96*\x07\xfeLnW\xef\x93\xd0\t\xcfd\x02\x97S\xa0rn\xd1\xc1a7c\xa1\xac=\x0bZ\x83\\|,\x16\x0e\x9c\xfb\xa99Q\xef\x1et\x84\xb1\x87+n\x1c\xe7\x14\x16\x1e/\xd3\x0e4\xcfOF\x07\x82?\x0c\x80\xac\x94\xb1\x08D\x90\xf5\xcd8[+y|\xffVX\xecb\x10&lt;C\xa9\xa3\xb6\x94\xa7s\x10#\xfbE+\x90\xac7\xf8\xbe\x97$\x14\xf3M\xc9\xa1\xb5cJe6\x13\x946\x14\xb8qYu\xde\x17\xce\xe2\xcb\xf8\xea^\x83\xf5?\xc9\xf9C\xee\xb1\xfc\x94\xb5X\x1cV\xd4`c%J\x1c\xb0\xe0:\xa52\x95K\xce#\xe7\xc6\x01\xe4\xfb\'\x1a\xf3x\x98x\xadm\xe5D,\x06\xb0\x9cU\x91\xa9\xfe\xb5\x1a\x10H\x87U\x17{\t\xcdC5\x8c\xd4\xf5\x8c|(\x0e~\xe8\t\x8d\xbb%4\xe0~\xfaO\xde\xeb\xac\t\xef2FD\x7fr\x05\x8b;)\xd8M\x13E\\\xa2gYG\xbe\x8eE6\xfb1s\xa0\xc5\x97\xd0\x1f\xb9\x17ab_\x9c\xb7\x90f\x8d.\xb1\x01l\xe4\xe7\xc2P;\xca\xafo\x85n\xdac\x88i4\xdbf\xc3\xd5\xe46\xcd\x01\x97\x1fq\x8b\xe2b\xed\xf8\xf2\x8d\x18\x87(\x8b\x912\x87\x9bKi\xbeu\xb4\xbe\xd4\xa2`\x13\x03`\xb8o\r\xb8\x90\x9eP\xd2\xeb_\x03\xaf\xc5\xaf\xd154e\xc6 e\x8c\x90@\xaa\x14\x087_H:\x01+n\x0e\xd0q\xf5+Z\xf2\x9aEu\xff\x8f\xa0G\xa6\x10\xaa$h\xeb\x87\x1d\x9d\xef\x1c\xac\x1bM\x94.FWy\xa0\x07N\xa3\x8e\\\xbc\x0e\xf6\xe6\xd4l\x00(/\x11\xb2\xb5\xaeh.p~\xc5\xab\xd4\xf8\x15\xd7\xc7\xd0\xc9+\x00l\x98~\xe6\x7f\xae\xa5\x81\tJ\x04\x08\xac\xe8\x90_\x04\x12gp\xa19\x9b\x155\xb6\x96mP=Z\x024\'\xdbT\xd2h\x8e\xb5JK\xb9\xc5\xc8y}\xee\xf8\xe6\xe4\x8b\x93\xc2\xc5\xe4#7\xd8I|\xfa\xa0\xa01\xed^\x8eW\xf7\xe9\xd4Fw&lt;\xe8\x8f\x82Ec\x84\x8c\x87\xe9g\xec\x93\x15c\xc2\x93\x99\x82\xf2s\x95\x91+y\x8d;\x9cX\xdbc\xcb-$`\xe1\x90n\x18\xd2pz\x97@wSy\x8f\xeaE\xe3\xef\xe1\x90\x0e\x1b\x92c\x97xR\x99\xce\x173\r[\xa0\xdaB5J\x18\xf7\xfdU\x8e\x90u\x89\x15!\x96\xce\x83\x85\x84\xe2\xed\x96W!\r\xf3\x0b\x01\xdc\x0e\xce\xb8\xc0;\xc1\x11@o*S!FPm\xb8_\x94\xbbi\xe2B\xf9;Io\xfc$&gt;\xdaFH\x12\xa4\x8e\xb1\x1e\xcav\xbaS\x1cq\xcf\xe3J\x06\xf19d\xca\xb7}.5S\x9b\xd6O\xa3)bV&amp;@\xde\xcd\xdf\xed\xf3\x87&amp;\x02@\x8d\xdb\xd6\xe4\xba\x87\xdak\x0b\xa0\xb8\xf2\xe7dA\xd4\xd8\xc1\xd4\x10\x08so\xc8|\x18\x10yZ\xac:\x1ds\xfc\xb9\'r\xabYF\x0cq\xf0\xa4;\x0eS\xa9\x05\xf0\xec|\xf7m\xb5\x056\x0b\xe3\xa3w9R\x1f\xe2\x00W\x0e\x83\x83\x10\x06\xb7fo\x90\xf3\x1b\xeb{\xf8\x95\x1d\xd4\xecO\x169J\xa1 u"6\xbfr\x0b\xb9U\xdd\x00\xc2\xa9\x1e\xf9\x9b:\xaf\xdbu\xc9T\x91\\\xcez\xbd\xf6\x96\xe0\xf3\x88eExQ\xe0g\x8b\t\x86\rr\x85\x8eOt$\x8e\xd8\x83\x83V\xc0\x84\xb9\x87I\x9b\x14\xfa\xe8y\xe6\xdd\xeb85K)\xdb]\xc9\xd0\xafrG\xcf\xc0\x88\xbcDE)f\x1fGg\xf5{\xe9\x8em\xd9\xc0\xec\x0e03\xf5\n\xd0\xd7\xd1\x84q$\x1dn\xf8B\x18\xb5N\xdf\xef\xd1HAEg6\x13?\xe4A\x1crI\xc3!\xafC%\xd0^z,7\xcc\x08K\xf55\xf0\x9e`yDQ)\x13\x86\xd7\xbeO\xcb\x81\x1c\x89r\xfdw\xd5\xbdY\xa0\xd2\x15.\xcbpx%\x02\xf2cr?\x92@\xc5\x95I\x9c\xb7\xd3\x8aE\xc8!\xa5\xcc\x1f?\xebrs(B\x82\x81\x0c\xc4\xc3\xd5y\x1f)\xf5\xc5\xc29\x9b\xf6\x1aWA\xf1\x04!\\q\x9cchci\x84;z\x91\xdf3\x9b\x0f(J4Bdt\xa5yE\xdae\xf2n,:s\xde=\xe78\x9d\xa3\xf2\xdf\xee$\xc0\xc6\xbb\xc9\xff\x19\xb7\xd4\x9b\x8cKq\x87B\xfaz\x06\xd3\xa1\x89\x1d/\xd2$\x9dR\x11^1\xfb\xdb\\g\xd0\xab\x9b\x04\x92\x8d&amp;\xc6\x19.\xd7\xaa\xe8\xe0\xcegm\x8d\xc3\x00m\x96d\xf8 \xc5\xf6\xf5\xf7\xf5\xbc7N\\&amp;\xd3}\'\x8d\x08-\xb5(_\x92\xf2+\xc1a3\xa5\xb7\xb9\xea\x94\x9e\x83I\xdb\x04|8w:f\x06\xd2\xc6\xb0F\xc5i\x80(\x9ci-\xbd\xe5.x7\xd9\xb6"\r\xa3\xdc\xb4\n(\xe4Y\\~#\xce\xb3rN\x8a\xad\x0b[JX6\x9d\xbc\xaf\x85\x98\x06\xa5\xb1\xe3&lt;\xf3\x02\xd2\x1f]9~Ge\xed\xa2\xa3_\xc5@d\xe1\x1a\x0e\x81}F\xa0\xe0\x89%\xb1E\xc2ul\xf5E\xae\xfao\xa60\xc5\xc9&amp;\xed ,J\xcaW\xe2\rQ\xf0\xfel\xa0\x98\xa8\x10\xff\x04\x17\x11\xf1\xaf\xbf\xa8s\xd82\x07\xfdl8\xcc=t\xd0\x13]~~\xdc\xa2\xc9~\xef\t\xf0G~\x02\x98?O\x81\x12\xb0\xcc\x82\x05\xd0\x80;2H\x9bKj\xd3!s\xd3\x08\xacs#\x87\xd1. \x9b&amp;\x03\xb9\xa1\xfe\x1b\xefM\x9b[\x0f6,\xb9Q\xb5\xe7\xce\x842o\xa4\xe5]\xac\x1a\xd18I\xff\x1e\x99\xf1$\xd9a\xea\xe3\'\xee#&gt;\xb5~)\x99\x1b\xeclX\x08\xa3b\xef\x14\x10wE2\xd6\xb2k\xf8RY\x11\t\xee\xd2\xe8"\xe0w"\x82\x1f\x9fh\x80\xd9\xaee \xf0\x93\xbe\xda\xce\\\x9a\x99vm\x92[\xa98[\xd6$\x8eQRz!\xd3\xd6ro\xabx\x02qB\xfd\xff\x18\xc7`\xb5M\x0f\x7f\x92[\x83\x16\xb4\xcd-\xc0#%\x94\xc0\x94\xbd&lt;m\xc9|il\xbbh\xd9\xbd\x02\xd1\xa3\xd4\x9bz}/\xdf\x8b\x11\'\x15J\x1e\xb8k?{fE\x9d\xb3\x0fx\xa3k\xd9\xe8\xbb\x1d\xd8g\x1d\xe1\xd8$\xa7\xc4\x17\xe2\xb5\t\xe0\xdb\x8a\xe4Dw\xfd\xf8\xb8\xd3\x8a%\xe4\xd5n4\xf7\xe3\xe1~\x00\xae\x0cI\x13;su\x18\x93\x91\x0f:)\x18xp\xfd\x17\x08\x9e\xef\xb7\xf9W\\\xa4\xa7\xf7a,\xff\nY\x97\x17\xc6b\r\xaf\x97\xbe\x88\xc91\x1fW\x8ay\xba\x000\x19&amp;\xa7\x036C\xec\x1cD\x17\xa7k|\xc8\xf6\xbc&amp;\xe5o\x16\xe4;\xd6\xbc\x89&gt;O\x05\xf9\xeae=\x99\xac\xd8\xb8vo\x18\xec\x13\x842\r[O\xa5\xf0\xf0\xce\\\xea"B\x91a\xbaC\xb8\xf1\xcd\xa9\xdf\x83\x17"\x82U\xd6\xce\x07\x16B\xe4\xbeV\x8a1\xd2\xee\xa0z\xf0~r"\xdc;\x84_\xee&gt;\xe9\xba*\xd9\xa3\x04H5b\xfc&lt;\xb3\xeeF\x1f\xfb\x99\xca\x9e4\xdd\x1f\xd7\xe8\x9a\xd9\xb7\xb4\x99\x12Qi\xf4x\xc9\xd1\xc3\xe6V\xfe\xc0\xd5{#K\xe7\x062\xe8A\xb2\x91\xa2*2R]\x01\xa7(\xbcE\x00\x0e\x07m\x91\xf6bL}\x85vG\xacd\x03*\\\x91&lt;\x18e]\xfcd\x05\xc9\xbf\xae\xd9\x9b\xe8\xdd\x16\xb4"^R\xa3\x1d\xb0\xb8,\x0b\x8fC*L\xe3\x98\x1b$\xd8F\x97-U\xcb\x8d\x8b"\xfc&lt;\x01\xb2ci\xe9\xc7\xd9\xa3\x02\xf1\xcd#\xddo^\xd5\x91\xf8\x1eeQ\xb2\xfd\x85&lt;T\x98\xd6\xfc2\xd7\xe57\xa2\xb2^}\xf7\xfd\xec\xc7X@\xd0\x1c\x7f\xa8E\xffQ\xd3\x0b\xd4jpp\xca\xb86)\xdft\x07\xd5z_\xe7\x0e\xedu\x91ll\xa2\x05\xaa\xa6\x17\xde\xf2\x98\x12V\xe9\xc0\xb4\x87\xee\xdboEO\xc8\xbc\x91y\x1b\xba\x13c\x15\xd2\xc4\x07\x9d*q\xc9"~[\xecXdf}\x82\xd1\x08\xd9\xf0z\x1c\xc9\xdb\xf4"\x103\x7f\xa4\x9asyT\x88\xb7\xa4rF\xb4\xf8N]\xb7}\xaa\xa7cx\xb8\x9e\xc5\xdd\xd7"&gt;X\xf2\xb9\xa38\x03g\x92\x02\x1c7j\x8f\x98\xe8Mb\xf45L\t\xa7L{\x80\xa8\x9d\x1a\xf7\x88_\xc6\x12ER\xc3\x15\x84\xc1\xf9\xe1\x99\xf1z:\x92\xd3\t\xd6\xa2\x9d-\xd0f\xc7\xd8\x86M\xcc\x82\x8b\xbaF\xa8u\x1dB\xff\xab\x96\xce\n\xb9\x01\x91\x0b\xf1\xa9\xee\xdf\xea!\xaeV\x86\xe5\x02\xfd\xd8g\xc1\x15\xa2\xe2n\x0f\'#$=m\xa1\x91i4\x04H0\x7f2\xd76\x92\xbeLn\x9c\xc1\x87$\x87l\xbeG\xd7:\xee^U7\x7fGN\xbe\x9b\x8a~\x11\xbd^\xa0d\x8cd\x83`\x80r\x03\xf6H=\x80&lt;&amp;\xee\x8d\x1b\x15H\xc8\xe4\xde\xa1dv\x16\x81s\x1b\xff\x05\x8a\x8f\x7fR{\x1e\xf5\x88\xc3\xc6\xbcD\xdb\xcdI\x8e@\xe1\xe3\xbaK\xb2\x993|\xe2\xcc\xeb!9tE\xa2M\t\x0cV\x98\x1b\xce\x17Ne\xd0\x04K\xcc\xd1\x1f\x8c%\xb7\xc2\x87cFW\xca\x0f\x161\xbb\x19\x86\xdb+(\xeb\x7f\xa0\x02\xde\x88c\x9d\xbe\x10(K\\\xbe\x06vk\xf6\x1a\x00Y\x05b%\xe2\xd1\xbe\xf7\xdc\xb6h\x13\xfbq\xc2\x82\xeb\x06`pJ\x0f,B\xc7YDR\x10\x0c\xf1\xbe\x84\xc89\xb5J\x11\xe7\x8d\xbb\x8d"U\x02\xcc\xa5\x98\n\xdd\xb3Rs"\xf3\x98\x12\xab|{\xde1\xb7D\xad!/\xbf*\xeb\x162KYU\nY\xd5\xca\x8a\xc7r\xf5\xbd\x9fT\x87:$\xb1g%\x8f\xe1\xef\xb1\xf8qsDX\xb5@\xb9\x1e\x17\x05)M!\x11\xe9\xcfK\x97\x1b\xa9\xd0\xaa1x\xdf\xe7\xad`s\xe3\xd6\xb7+S.\xee\x95W\xb7\xbc\xfb3Z\xda-|QH0\xeb\xb9\xa5\x06\xf32\xfc\x1e\xfb\x13\x87n\x8f9\x84\x02\x11\xee\xbcN\xc4\x16z\xce&amp;\x8a\xf0\xc0\x12\x95\x87z\xc8\x8bS*0\xd7\xe8\x05R\x03\xe4\xa1\xd6\xab\x01\xe7?Y\x93 \xf2\xf2\x1c\x9aC\x06\x06vImS\xc1\xea\x85\x01\x97\xde.\x8dipy\x83"\xde\xa2\xd1\xcf\xa1\xef\xd4B\xf3l\x97\xe3J5\xc4RW\xe3\xb5\x81\x96\xa5\xa9F\xae\xaa\x85\'\xceW\xf3\xe3t1\x15\x16\x18[\xde\xbbbFVN6\xfc\xe4\xa4\xd1Y\x15\xc5\x15Ion\x0c\xfb\x94\xae[\xa5h\xc1\xec\x8f\xd0\x86\xb9\xe7\x9cgw\x02Vj\xbf\x88&gt;\xde\xe3`q\x8d\x1d\xd9\x8b\xf8\xe5\x19|\xc0/Lvx\xd1\t\xc8\xf1Pn\xd4\xc0J\xe0\x0e\xac9\xb92@D\xdd\x99\xe7\xce\xf6\x86\xf8\x16\xed\x14\x9cD\xe9\x1a\xe4\xa4\x1c\x16o\xd1Dg\xb3\xadB\x9e&gt;\xfa\x1c?\x92\x89\x86\xc0z\xd4\x9b\xbb\r\xd9=\xb4mAq\xd4\x10_.g\x97\xb3\x91sha\xf9\x0eN9\xd2\xbd\xcc\x8d\xc5\xc1e\x9d#4\xfa1\xc9)y2$"4Y^g\xfa\x94\x95\x80\x99\xb3\x96\xf0\xd6\xc1Q\xde\x15!1\xe8\x07\xa9Tw\x12\x1b\xeezz\x03a\xfb\n\x91&gt;\xb0\xf9F\xc1\x05\xeb\xc5\xd6\x04|\xa7\xa3L\x98\xf2\x1d(6\x1a\x9b\xf5\xff\xd3( "\xc40\x89qa:L9\x0b0W\xd9R,\xc7\xba\xd4\x8c\xb2\xa2\xc2\xb2ho\xb7\x8cX\xc4mx.1\x9d\xcc\x04y\xe6\x1e!d\xae\xdd/\xde\xcfj\xc9-\x13U)\x98[|C\x99\xdb\xcf\xdfsw\xb4r\x87U\x1e\xdb\xf8L\xc6\x002\xcd\xc5\xe3z\xd0Q1~NbJ\x1a1\xf0]\xde\x1eoBq\r\xfc\xab{\xd3\x138\xa6U,&lt;\xfaY\xd4&gt;\xb7\xc1\xf8F\xabW\x86\xde\xf1\x88Z\xc4\xa0\xc0Vp0\xeeX\xd9\xc6\x7f%\x06\x19\xb05YBC.(\x82\x91\xcb\xdc\x8fk\x98\xa0\xb8\xe8\xa7\x15p\xa9\x81\xab\x15\x8br?\xed?\xd6r\x04\xd5\xa4@\xce\x81\x00[\xaaM%U\x00\xa3\x9eF\x1b\xe5o\xf2\x93\xab\x8e\xc8\xf0\xebN\xed\x8bW\x86\xf6\x93L\xe1\x12\xf4\x9862\xe4\x932\xb6\xaf\xe8\x92zHP\x84z\x07\xda\x1aj+\x97/\xf1\xa5\xde\xa5\x90\x19\t\x9d\x95\xe6\xcd.s\x1bI\xf1\xffa\xbc\xb6\x98W\xc3_\xe7f-\x0c[\x00*\xf1A\x1dy\xaf\xfbf\x90B\xd5\x8b\x07p9O\xd0\xf9\xee\x07\x8e\xd7\xc8d\xb1\x16\xefF]5X\xe2\xd5\xad\xe8tN7\xd8jF\xfdn&lt;\x05n,\xa7\xe9d\xc3u\x00&amp;\xc6\x0e\x07.+\xd9\x9c\x8c\xcb\xa3\x83\xc5WQ\x0c\xb3\x0f\xce6\xf0\xe5w\x80\xaa\xef\xd7\xe2X\xcbS\x87E\xf9\x01\xc3C\xbb\x8d\x0b(\xae-a{IJ\xe3P\xa7\xd2H\xe1\x0b\x10s\x1e(\x17Iv/\xa9K\x90*yg?\x18z\xa5u\x8f\x8c\x01\xec\xa5Q\xad\xd2\x87\x00\t\x89\xd2\xea\tt\xde\xef\x81\x17}\xdbWd\xf5\xe8\xdcUH\x80l\xd0\x97\xf8n\x80\xbf\xc2tv\x04n\x81\x13\x97N&lt;\xea\x86B0t\xf4"\xd9\x9eQxn\x02(\x9dQ\x17\xff\x0c\xb2\xd5\x10\xd1:\xc6\x9f0"\xe1\x87\xe5\xff\xba9\xa5OyI\xbcv\x928R\x89\x85\nm\xaa\xe2\x92PFf\xd2\xf4!\xa7\xa3\xa7\xb4\x14\xd4\x06lmH7\xae,e\x19\xcc*\x12\xae\xb6\xfb\xb0z\x94\xb0\x07\x97\xec&amp;\x04D\xd6%i\xd3I;\x93[\xf9\x99?`\x10RH\x9e\xe2\xc6\x91\xf7/\xdd\xce3\xbe\xf6\x16X\x14L\x937\xaf\xe4\xdb\x0fM\xe7\xb7\x04\xd7\x06W\x82\x12QP3:\x97\xae\x82\xfd\x88\x87\xba\x03S\xc7\x14X=\xd2\xa2\x03\xb9\xf3&amp;Y\xd8\x83\xb4\xad\xe2\x9f\xd9\xf3\x82\xbf\xa0\x173\x80\xdd\xd9\xb8\x89\xaa\xd0\xf8\xa5D\x1a\xf6\tA\xc8,t=\xe9\x99\x1a\xe0\x968\xd7@\xe3&lt;\xf4\x08\x8b\x12\xb0Sn\xc7\xb9\x1a\x02{:L\xf3\xbc\xb5j\xf6\x063J*\xaf\x99\x03\t\xbf(\xa1U\xa1\xff\x82\x9a\x8dr\xe1\x1a\xa8Y\x85\x0c\xaf7\xc26ED\x81\xb2\x8d3\xe1\x15\x81S\xfbwe\x8aC\xfb;\x9e\xa3f\xefR\x0f!\xd4\xd3}2g\xab\xb8h0\x13\x83\x99\x03%fm\xf3\x1c\x06~"\x18;\xb3\xb3\xd4DE`.\xba\xdfoF\xa4\xdc\xa3\x1c\xfd\x91-\xffRB\x98\x7f\xfe\x01%\xa3\xca\xda\xc5\x06c\x83\xe7\xee\x0c\xfb\x8bq]j\xec\\}\xe7^\xc1\x9d\xff\xbbZ\x14\x9bM\xc9\xb8\x8d7\xd4\x97T\xa6\xc8v]\xd97\x1d?~&gt;\xe87\xfd,I\x10\xc8\x04\x85\xf2@?\x8eFP\x0e[\x8a\xd9\x07&amp;\xe2\x14\xa9A(\xc0\x11\xc9\xcaa\xdea\x14\xcf\x9a\xad\x96\x12\x86\xd2\xfb\xd5\xed\xe7\xf4\xbd\x8e\xeb\xc2\xcap\xb79G\x9f\xdb\x83\xb6\xa7\xa8e\x12N{\x97\xa2\xe8\x8c\x9c7\xd5\xd2\r8\x9c\xc6\xb2\x04f^\x19~\x13\xe1\xdal\x955\x94\x80\xf4\x7fGm\xbe\x94\x9cP\x11\xb4L\x96\xb8\xd82\x99#\xc7K\xa9MY\xc6\x14{\xd7\xfb\\\x05\x0e\xa1\x98\t6\xc2:\x8b\xfb1\x7f,\xab\xd5\x88\xf9-X\x00*_jx\xf4\x07\xdd\x87\x0f"-\x9a\xe7\x96\xe0\x87;U\x19ms\x9ct\xed\xcd\xf1c= 3\x96(\x19'</t>
  </si>
  <si>
    <t>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</t>
  </si>
  <si>
    <t>b'\xe4\xad\x02j;k\x91l\xf4\x0bq\xfe\xb7\xe4)\x02'</t>
  </si>
  <si>
    <t>ch;
 but the name of Valancourt, written in them, told him to whom they
 belonged.
 41
 CHAPTER 4
 In truth he was a strange and wayward wight,
  Fond of each gentle, and each dreadful scene,
  In darkness, and in storm he found delight;
  Nor less than when on ocean-wave serene
  The southern sun diffus'd his dazzling sheen.
  Even sad vicissitude amus'd his soul;
  And if a sigh would sometimes intervene,
  And down his cheek a tear of pity roll,
 A sigh, a tear, so sweet, he wish'd not to controul.
  THE MINSTREL
 St. Aubert awoke at an early hour, refreshed by sleep, and desirous to set
 forward. He invited the stranger to breakfast with him; and, talking
 again of the road, Valancourt said, that, some months past, he had
 travelled as far as Beaujeu, which was a town of some consequence on
 the way to Rousillon. He recommended it to St. Aubert to take that route,
 and the latter determined to do so.
 'The road from this hamlet,' said Valancourt, 'and that to Beaujeu, part at
 the distance of about a league and a half from hence; if you will give me
 leave, I will direct your muleteer so far. I must wander somewhere, and
 your company would make this a pleasanter ramble than any other I
 could take.'
 St. Aubert thankfully accepted his offer, and they set out together, the
 young stranger on foot, for he refused the invitation of St. Aubert to take
 a seat in his little carriage.
 The road wound along the feet of the mountains through a pastoral
 valley, bright with verdure, and varied with groves of dwarf oak, beech
 and sycamore, under whose branches herds of cattle reposed. The
 mountain-ash too, and the weeping birch, often threw their pendant
 42
 foliage over the steeps above, where the scanty soil scarcely concealed
 their roots, and where their light branches waved to every breeze that
 fluttered from the mountains.
 The travellers were frequently met at this early hour, for the sun had not
 yet risen upon the valley, by shepherds driving immense flocks from
 their folds to feed upon the hills. St. Aubert had set out thus early, not
 only that he might enjoy the first appearance of sunrise, but that he
 might inhale the first pure breath of morning, which above all things is
 refreshing to the spirits of the invalid. In these regions it was particularly
 so, where an abundance of wild flowers and aromatic herbs breathed
 forth their essence on the air.
 The dawn, which softened the scenery with its peculiar grey tint, now
 dispersed, and Emily watched the progress of the day, first trembling on
 the tops of the highest cliffs, then touching them with splendid light,
 while their sides and the vale below were still wrapt in dewy mist.
 Meanwhile, the sullen grey of the eastern clouds began to blush, then to
 redden, and then to glow with a thousand colours, till the golden light
 darted over all the air, touched the lower points of the mountain's brow,
 and glanced in long sloping beams upon the valley and its stream. All
 nature seemed to have awakened from death into life; the spirit of St.
 Aubert was renovated. His heart was full; he wept, and his thoughts
 ascended to the Great Creator.
 Emily wished to trip along the turf, so green and bright with dew, and to
 taste the full delight of that liberty, which the izard seemed to enjoy as he
 bounded along the brow of the cliffs; while Valancourt often stopped to
 speak with the travellers, and with social feeling to point out to them the
 peculiar objects of his admiration. St. Aubert was pleased with him:
 'Here is the real ingenuousness and ardour of youth,' said he to himself;
 'this young man has never been at Paris.'
 He was sorry when they came to the spot where the roads parted, and his
 heart took a more affectionate leave of him than is usual after so short an
 acquaintance. Valancourt talked long by the side of the carriage; seemed
 more than once to be going, but still lingered, and appeared to search
 anxiously for topics of conversation to account for his delay</t>
  </si>
  <si>
    <t>b'`\x8e\xdbq\x04\x99\x16\xc6\xb3\x8b\x0b\xe4\x000\xa5b07\xe6\xb0t\x18\xbar\x90Mm\x8ewc\xe60/Gm:\xc5\xc7.\xd7\t\xbb\xecc\xaf\xfa&gt;\xf5V\x89\x19&amp;&lt;W\xa7\x98\x8cd\xeb\xc6Y\x89\xbc;'</t>
  </si>
  <si>
    <t>608edb71049916c6b38b0be40030a5623037e6b07418ba72904d6d8e7763e6302f476d3ac5c72ed709bbec63affa3ef5568919263c57a7988c64ebc65989bc3b</t>
  </si>
  <si>
    <t>b'`\x8e\xdbq\x04\x99\x16\xc6\xb3\x8b\x0b\xe4\x000\xa5b'</t>
  </si>
  <si>
    <t>dustrialization,
 embracing an export-oriented development strategy instead. This strategy proved very
 successful. Later on, countries in Latin America also reduced trade barriers while simulta_x0002_neously attempting to rein in governmentâ€™s role in the economy, reduce chronically high
 inflation, and, in many cases, open capital accounts to private transactions. These efforts
 initially met with mixed success but increasingly are bearing fruit.
 While many developing countries therefore have reformed their economies to come closer
 to the structures of the successful industrial economies, the process remains incomplete and
 most developing countries tend to be characterized by at least some of the following features:
 1. There is a history of extensive direct government control of the economy, includ_x0002_ing restrictions on international trade, government ownership or control of large indus_x0002_trial firms, direct government control of internal financial transactions, and a high level
 of government consumption as a share of GNP. Developing countries differ widely
 2On the other hand, other countries in sub-Saharan Africa have now reached upper middle-income status.
 Botswana in southern Africa did so early. The country enjoyed an average per capita growth rate well above 5
 percent per year during the three decades after 1960.
 624 PART FOUR International Macroeconomic Policy
 among themselves in the extent to which the role of government in the economy has
 been reduced in these various areas over the past decades.
 2. There is a history of high inflation. In many countries, the government was un_x0002_able to pay for its heavy expenditures and the losses of state-owned enterprises
 through taxes alone. Tax evasion was rampant, and much economic activity was driven
 underground, so it proved easiest simply to print money. Seigniorage is the name
 economists give to the real resources a government earns when it prints money that it
 spends on goods and services. When their governments were expanding money sup_x0002_plies continually to extract high levels of seigniorage, developing countries experi_x0002_enced inflation and even hyperinflation. (See, for example, the discussion of inflation
 and money supply growth in Latin America in Chapter 15, page 371.)
 3. Where domestic financial markets have been liberalized, weak credit institutions of_x0002_ten abound. Banks frequently lend funds they have borrowed to finance poor or very risky
 projects. Loans may be made on the basis of personal connections rather than prospective
 returns, and government safeguards against financial fragility, such as bank supervision
 (Chapter 21), tend to be ineffective due to incompetence, inexperience, and outright fraud.
 While public trad</t>
  </si>
  <si>
    <t>b'0E\x02 lj\x8f\xc6so{\x9c\x14\xf3,\xd5\xa2\xe8\xaez\xe1g\x0e\xff\xb3\xben[3\xe1\xff\xdf$2+\x97\x02!\x00\xdf\x01\xf4L\xee\xe6\xbd\t\xd5\x0cEnq\xadl\x05\xe7\x15T\xd2\x8el\xd5\xbec\xa5(9\xc91a/'</t>
  </si>
  <si>
    <t>304502206c6a8fc6736f7b9c14f32cd5a2e8ae7ae1670effb3be6e5b33e1ffdf24322b97022100df01f44ceee6bd09d50c456e71ad6c05e71554d28e6cd5be63a52839c931612f</t>
  </si>
  <si>
    <t>b'0E\x02 lj\x8f\xc6so{\x9c\x14\xf3,\xd5'</t>
  </si>
  <si>
    <t>rkers
 preferred the jobs they could find there to the alternatives. (Many of the new workers in the
 maquiladoras are in fact peasants from remote and desperately poor areas of Mexico. One
 could say that they have moved from intense but invisible poverty to less severe but con_x0002_spicuous poverty, simultaneously achieving an improvement in their lives and becoming a
 source of guilt for U.S. residents unaware of their former plight.)
 The standard economistâ€™s argument, in other words, is that despite the low wages earned
 by workers in developing countries, those workers are better off than they would have been
 if globalization had not taken place. Some activists do not accept this argumentâ€”they
 maintain that increased trade makes workers in both advanced and developing countries
 worse off. It is hard, however, to find a clear statement of the channels through which this is
 supposed to happen. Perhaps the most popular argument is that capital is mobile interna_x0002_tionally, while labor is not; and that this mob</t>
  </si>
  <si>
    <t>b'0E\x02 ;\r\x17V\x88\xa6\xb7\xe7\x1f^\xce\xe1\xd2j\n\xac\xe0\xa0\t\xf2\xc6\xdd!%9\xdf"l\xc1\xd11\x89\x02!\x00\xee\xf0\xc33\xd3sU\xf3\x9b\xc9(F#\xb4\xcd\xe5\x07Wp\xec)\xcf\xb5\x07\xf3\x9f\xa6\x9e\xab\x18\x1c\xa6'</t>
  </si>
  <si>
    <t>304502203b0d175688a6b7e71f5ecee1d26a0aace0a009f2c6dd212539df226cc1d13189022100eef0c333d37355f39bc9284623b4cde5075770ec29cfb507f39fa69eab181ca6</t>
  </si>
  <si>
    <t>b'0E\x02 ;\r\x17V\x88\xa6\xb7\xe7\x1f^\xce\xe1'</t>
  </si>
  <si>
    <t>sked, suddenly missing the third bed.
 'John is not here now,' she gasped.
 'Is Michael asleep?' he asked, with a careless glance at Jane.
 'Yes,' she answered; and now she felt that she was untrue to Jane as well as to
 Peter.
 'That is not Michael,' she said quickly, lest a judgment should fall on her.
 Peter looked. 'Hullo, is it a new one?'
 'Yes.'
 'Boy or girl?'
 'Girl.'
 Now surely he would understand; but not a bit of it.
 'Peter,' she said, faltering, 'are you expecting me to fly away with you?'
 'Of</t>
  </si>
  <si>
    <t>b'b0T\x98g1#\xd3'</t>
  </si>
  <si>
    <t>62305498673123d3</t>
  </si>
  <si>
    <t xml:space="preserve">
Hereâ€™s 2000 lines of text on the topic of **sanitation**, split into lines of 3-6 words each, separated by commas:
**Text:**  
Sanitation is an essential,  
aspect of public health,  
that involves maintaining cleanliness,  
and preventing the spread,  
of diseases through hygienic,  
practices. Sanitation ensures safe,  
disposal of human waste,  
garbage, and wastewater. It,  
is a key factor,  
in promoting health and,  
well-being globally. Access to,  
improved sanitation can significantly,  
reduce disease outbreaks and,  
improve the quality of,  
life for communities. Lack,  
of adequate sanitation facilities,  
remains a major problem,  
in many developing regions,  
of the world, particularly,  
in rural areas and,  
urban slums. Poor sanitation,  
leads to environmental pollution,  
and contributes to waterborne,  
diseases like cholera, dysentery,,  
and typhoid fever. Safe,  
sanitation practices can mitigate,  
these risks and enhance,  
community health. A large,  
portion of the global,  
population, especially in low-income,  
countries, lacks access to,  
basic sanitation services. According,  
to the World Health,  
Organization (WHO), over 2.4,  
billion people do not,  
have access to toilets,  
or latrines. Open defecation,  
is still a widespread,  
practice in some regions,,  
particularly in South Asia,  
and Sub-Saharan Africa. This,  
practice poses serious health,  
risks, particularly to children,,  
who are vulnerable to,  
diarrheal diseases. Addressing the,  
global sanitation crisis is,  
a critical challenge for,  
international organizations, governments, and,  
communities. Efforts to improve,  
sanitation focus on providing,  
basic sanitation facilities, waste,  
management systems, and education,  
on hygiene practices. Latrines,  
and toilets are fundamental,  
components of any sanitation,  
system. In many rural,  
communities, simple pit latrines,  
can provide a hygienic,  
solution to waste disposal.  
However, in densely populated,  
urban areas, more complex,  
sewage systems are needed,  
to manage wastewater and,  
prevent contamination of water,  
sources. Wastewater treatment plants,  
are crucial for preventing,  
pollution and protecting the,  
environment. Untreated wastewater can,  
carry harmful pathogens, chemicals,,  
and toxins that pollute,  
waterways and ecosystems. In,  
many cities, inadequate sewage,  
infrastructure results in untreated,  
wastewater being discharged into,  
rivers, lakes, and oceans,,  
posing a severe environmental,  
hazard. Improving sanitation infrastructure,  
is key to addressing,  
these issues. In addition,  
to physical infrastructure, education,  
and awareness programs are,  
essential for encouraging good,  
hygiene practices. Hygiene education,  
teaches people the importance,  
of washing hands with,  
soap, using toilets, and,  
disposing of waste properly.  
Handwashing is one of,  
the most effective ways,  
to prevent the spread,  
of infectious diseases, including,  
diarrheal illnesses, respiratory infections,,  
and even COVID-19. Schools,  
play an important role,  
in promoting good sanitation,  
and hygiene practices among,  
children. Whe</t>
  </si>
  <si>
    <t>b'\xe1)W\x8fz\x12\xafiV\xdc.\xff\x98n\xe1\xaf\xe8\xce\x9c\x87\x02\xa7\xb0\x89\xf4\xe6\x03=\xa5D`}\xad\x83X@9\x1e\x8f\x8a\x89\x8a\xc6D\xae\x06I\xc71\x1c3\xf5\xad}\x81[\xea\x10\xc6\xafei\x1c%\xe2\xf1\x9e\x11Jl\xdb\xd6\xb3\xad&amp;\xfcOPi\x044\xca\xef\xbfR\xb5tR\x0b%\xa8*\x10\xc9\x96.\x1b\xef\xf5\x8ah \x8b\xdf\xc6\xb8\x98\x117\xef\xbb\xbd\xf6"b\x14\xbf.\x00\x157\xa2\x11\x83\xf8(9\x84\x1f\xd3#O\x88p`I\xa9\x7f\x9c1e\xacq\xd8\x99H\xc9F\x06\xad\xf3N\xf5\x9dD\xd2\xbd`vl\x0b\xd2l\xf9\xc6\x15\xaf\xdb\nW2\xb7{\xbbU\x19\x8a3\'\xb0\x0f\x9fb\x06N\'\xad`_3\x04\x9a\xb9Y\x19\xb2K\xda:q\xe2k\x0eH\xef\xa9\x170OzB\xe5\xe3[\x13\x18p\x83\xc0\xf1\x91\x0e\x97?RQ|\xdfXY\x1e \x16\xf8,\x02e\x80\xc3\xb8|\xdf8.\xf0dc\xd0\n\xbb0\xdd\xe7\xc2\xe1\x1a\x90\x81\xbb\x8d\xf1\xa3\x8d\xfc\x91|\xe9-\x06L\xce\x00-a\'\x13p.\xdc\xab\xe0\x10\xf5&amp;f\xc6\xbf\xbfD\xbc{Z\x0f\x8d.fI\x11X\xb5\xf9\xa9\xe7VO\x7f\xacq8\xfe\x06\xd6\x83\xffn;5E-m\xbaX\x82\xebDq\rW0o \xec\x81\x82Ml\xc0\x88\xa6\x82\xe1\xa0B\xc9\xb1)\x12\xb7\x18\xc2U^|\x04\xac\xdcS\xf1\\S9J\xfaZ&lt;\xe6Y\x97\xad\xc0\xad\xb5\xe3\xf3O\xc1\x03j\xafd\xfbnV\xe0\x18\xeb\xb8\x88\xdd8\tH\x16\x1a\x15.\x1b\x19\xc3\x95\xcbB\xfa\x0e\xabzN\xec\xef\xc7i\xbb\x9bW\xe4~9@\xa2P@\x17z\xa7\xf2\xfa\xa6\x1d\x9e\xc4\xe3]\x1d\xe8\x81\x85@\x13\x17\xda\x9b\xf7\x85\xd0"\xa2\x1b\xd0\xe2\x16\xeb\xad\xb2\xe4\x16\x98{}`\xae\xa8@\x04\xf8\x0eq\xfc%\x9b\xa3\xb1\x86\x986\xc4\xff\xb5}\xee\xfc\x81\xf3\xe5\x8bU\xe0P\xb0P\xf9r\xce\x16\xc0\xb6\x96\xadXB\xab8\x9e\xca\xefh\x00\x87bt\x12\xf8\xaa\xfd{\xf2c\xbb\x17&amp;\xa5\x7f{\xec&gt;\xb0\x0eR\xc1NH\xf1\xcb\xb0\xeaJ\xe6\xbe\x93\x10\x0e\x87\x13hG`1\xf4\xe2\xea\xb0G\xde@me\xca\xe8?2k\xd8\x01?\xb1\x0e\x00\x19\xca$\x12\xc0\xe2\xb5x\xe28\x81{)\xf8@\xdc\xea9\xa64\x95\xdf\xb7\x99\xba|\x04\xaa.\tw\xd5\xe8nP\xe9\x90I{\xc0J!\x9f\xb1\x84\x00\x92\x05\xccI\x97\xe3\xc4s\x9f\xa6\x1b\x1d\'\xf74\xef\x1a\xc21\xaeM\x0c\x7f\xc3\x14\xb9\xd3\x0e\x12r\xe7\xf5\xe2\xb6\xb1\x92E\xa1|\xcb]\xf6/P\xca\t\xafT\xdc\x08\x9eD\xb6\xa1\xd4e\xa8\x01\xcd\x98\xcf\r\xe9h\xb7YG\xb4\xe6\x07\x8aW\xfd\x9c\xf9*@\x0b\xafG\xac\xdd\xae\x92\xcfo\xa1\xf2\xfdv\xea\x83\x84\xe7\x99\x8d\x95\xce\x91\x06*\xb2\xd9\xa7\xa0UL*\x1c\xaf\xfb\x18{g\xb1Ao\xa2v\xda\x16\x86\x81\x82\x96\xc3\xa0s\xb39f\x92\x97\xeb\xf0^\x11\xff\xb57\xcd\x1c\xe7\x96\xf0\xbc\xf8\x05#\xbf\xa1M\x99\xd4\xd0\xd7\t\t\xf2\xa2\xfa_#-\xbc]\x1e\xb3o\xf8N\xb6c\x9fnB\xd2L=\x10\xbd\xab\xc14\x7f\\\x9f\x0f\xa9\xec\x98g\xa7\xfb\xf8\xeb\nl\xd6\xa2\x98\xf9D\xcd\xec\x82`\xb8|\xc0\xd0\xd0\xfd\xab\xf5\xf7\xe5\x0c\xb574\xc4o2\xa1I\x91\xc9\xd6\x0cS\xc4B\x12P&amp;\x97n\xdd\x8a\xd2\xd6\xbd\x0c\xa9\xea%\xd0OYyk-\xbap\xbe\xa2\xb0t\xe4\xa4\xd5\xab\xde\x1cPD\x08\xe4s\xa7\xd0\xd0\xf6T\x8a\x16I\xc9\xf5RmL\x10\x16\xd4\xb1\x01\x18\xf5gBd\x05\xc1sG\xfd\xc4i\x9e\xe5&amp;\xd1\xa5\x90v\x1b\xcd4\xc5\xa3\xd2\x8eS\xc1\xcd\xd6\xd6KA\x12\xbe:]to\x93|l\x8c\xaa\x99G:\xe9P\xa8\xc2f9-\x15Aq\xbf.p\x81\x11\xd8\xe7\xa8\xd8\xc3)PT(\xe1\xed\x12\xe8\x07\xa4i%J\xe3\xca\xa5\x17p3fi\x86\x00Q\x08\xdb\x0679\x8a_\xd7%\x96\x0f\x84\xf4\x1acJL\x0f \xd8zN(\xe3{\x866P\xc6%\xaaQ\x89\x86\xec\xb7-/\xad\'\xe7\x18\xc8~4\xb68\xfd\xc8\xe7\xfa\xf6|\xfdK\xc5\xb9;\xcf&lt;3\x8c\x12\x11\x1f\x80\xbbl\x1d\x7fF\xee\xb3\xd0\xadM\xbb\xd5\x13#\xf1^\x9c\x92\xc37\xfco&amp;\xb3\x8b,\x02\xc0e\x1a\x05L \xd4\x13J\xa5Z\x860\xef\xd0\xfe\xca\x0c\xdf$HB\xdb8\xf6g\x08\x84&amp;e\xbd\r\xfc\xb8\xba\x7f\x95\xa6\x99\xdb\xf6\xde\xd4\x17\x1f\x03:\xf1N\x8d\xd2\x90-eI\xc9\r\xcf\x9clS\x0f\x93A\xbd\x8c\x9e\xf1B\x98\x81&gt;\x96\xa3,T\xc2\x89\xba\x8aR\x01\x83\xccBV\xec\xe3\x06?0\xae\xa9U\x15r\'\xe5\xcf\xa41`\x8e\xcf\xde\x00C\xb4\xaf\xea\xa7\xa5l}\x0b\xa2\x8d\x1fi\r\x03\xd9{\x1d\xab\xbb\xe0\xea\x02B90\xb1I\x904\xe170\xa2\xd1\x0c\\Q\xed\xf4?Q\x9e2Y\x10\x99)\xec\x1fGc\xd1\x94D\xa2\xe8\xe2\x90U?K;\xb1\xbeU\xde\x972\xff\x89\x05\x98\x7f\x9cq~g\xd1\x90\x98\x99\xe6\xc3\xf4\r\\\xa7\x04\x05Pq\xc83-&gt;9^\x95\xc7\x11\xe8\xc7\xff^\x8f9\xd1\x08\x7f\xf2R\xeb\x10\x0b\xe3\xfa\xff\xef\xe2\x94v\xad\xd9\xadD\t\xbb3\x8b\xae\x80\x8b\x1fB\xc6\xe7\x16\xe0G\x0f\x8aL\xa5Z\xd9\x1a,\xe3\xe7\x17f.\n\x1f2z\xc4\x9c\x97\\\xdcp\x1e+,\xb0B\xb9\xcd\x17z\x96\x8f\xe9WE\r\xe19\xcc\x9eN:\xed\x1b\x823u\xb5\xf1z\xf3\xe7\xc7q$1\n\xb9\x13f\xe1t.\x07\xfcZ\x8azA&amp;\xeda\x16\xc5G\x1d\xd4\xab\x9d\xc1H\xe5\xae\xf3\x13\x87\xccg%T\xebc\xdc!\xe7\xd1O|\\\xfc\xa0\xee\x91\x89d\xa6s\xdd}\xe5\x9d\xbb\x97\xcej\xf9?$Dz\xa2\x863)\xe0\x88b\xa6\x95\xfa-.\x98\x05\xbf}{\x87o\xcb\xe3\x8f-d\xef-\x1f\x85\x93k\xe8\r\xf3\x8e\x13C\x11\x1f\xbf\xb0\x04tw\x14\xb0X\xe1N`q\x7f\xbd#Z]\xb5\xd9\x02\x85\xee\xb8\xc3k\xc2yp\x92\x1f\x140\xb4\x86Pm\xb5\x14b4\x0fc\x87\xe4\x8e\x03Q\xe6\x93\xb5\xe4&amp;\x97\xbb\xd7\xad=\xf0\xfc\xa6\x98\xed\x8b\xc1mZ\xda\xecE\xb5\x89\x81\xb0z\xe7\xd4f0\x0f\x8e\xd1\x9f!\x00\xd4\x9f\x0b\x1dO\xd8\r\xb3Z\xe6Q\xa6K\x9fW+w\xf01\x885\xf57\x10K-J\x85h\x121\xd9\xcc\x8b\xbf3\x16\x8c\xa9\xcc4\xf8C\xca$Q\x9a\xf42\x9a\xb7T\x82(\xdb5\x01x\x86 \xdb\xd7o7L{\xd0`k\x0b\xe6\x8c\xd5\x1e\xf7\xd5}\x8c\x85\xbe\xfdu\xc1\xec\xce!\xf6B\x1bh*\xa8\x83\x95tB\xac\xae\x06\xce\xf2Y\xfb\x96\xcc\xd6i\x00\xbe\x1cT&amp;#\x88\xdao\x9b\x0f[\xf3\xfe\xaf\n\x07\x97\xda\xec}p\xf71/[\xd1\xb9/\xbf&gt;\xc8\x1c\xbb\xea\xd4\x97\xf3J\xb9\xb6h\x89\xbb\xd5\xaa(\x14\x8b\xea\x0e%Xj6\xbc\xdd;,\x9dD\xb6\x85t\xec\xd9\xd0q\xfa\xbc\x1a\x9er\r\xaeUt\xf1\xd4\xf9\xf6\x0e^\xb6\xdc\xdf\xd8\x1c\'f\x91w\xc2\x00K\xd7\xce\xbfs&gt;\x8be\x8a\xe2\xc7\xbb#\xc8cLb\x84~\xc4&amp;\xd9\xd0\x05\x98\x15q\x86\xc5\x1e\xef\xc5N\x9b#%\xef\xe3jptT5N\x95fl\xe5\x8a\x18\xd7+A\xc4Tc\xbeT\xbdb\xd0\x9d\x04\xa6\xdd\x13\xd22\xb4\x9c-\'A\x9bNH\xfc\xdf@\x042\x02\xdd\xf2][\x1a\xf6\xbd\x0f\x99*"\x13I\xa2Az\x146\xef\xb4s@4\xd1&amp;l\xf24\xfb\x8f\xae\xb7k\x19\xfb[\xc4\x15\xf9\x91\xf9&gt;P;\xbeo\xff\xc7WE\x1cx\x82\x10\x0bhYk\x10)%\x13U\x18\x8c\x18\x1d2p"\xfdu\x01\xe2\xee\xb2O.)\xfe\xd2;\xfad\xb7L\x1a\x19\x12\xd6@\xb0\xc1\x9b(jKa\xc9N\xa4\x1a\xf5@\xe4\x0b\xe1\x1c\xd2\xe2\xc9o\xa7\xf0g\xe0L\xbc\x0c=\xef\xeb\x86\xe6\xa8\xe5R\xfd\xb4\xca\xdciWD\xf3!-8\xed\xa9)\xcf\xe1\xbaF\x0b\xb3\xae\xa4\x17C}\t\xfco\xbd|\xd0L\x83R}O4|\xe4\xa1\xacJ\x80\xb0\n\x86V\x18\x04\x9cH\xa8Z\xcf\x1b\xd4\xf6\x94\xe5E\x82I\xb4\xbc\x8d\x07\x86s\xf0\xb9\x0f\x99\xa4\x95\x03h-\xd6e\xd3W\x06\xb4UG\xfe)\x06\xc0Y=(\x936kT\xe1/Ky@\xcac\xfe \x91\x1a\x9evM\xf7\x92 \xb1\xe4~q\xd6\x99\x0b\nx;f\xf7e\x9d0x\xef\x92\x05\xed:/\x9a\x90\xf5\xe7V\x14\x1b\xbd+\xa3\x91\xd8\x01]\xd3\x99\xe9j\xf3\x8a\xf2\x9bXR\xde\n\xe5Z\xf2:\x89\x85\xd5d \x9e\x8b\nV\xd7+Iw+\x89\xff|W\xcfB\xe8\xcd\x0e\xd7p\xc3\xcc\x07\x96\xd3\xd2\xc3\xa6\xc3\x8bk\xde\xcf\x91\xbd\xb3\x91I\x01\xf1\xd1B\xc5\x871N&lt;\xd2\x8dA\x08\xe1\xe17"o5\xb8\xa8\xbe\xed\xa2\x8cS\xb6\x98e\xb06\x00B\x1d\x05`\xc2\xeb\xdb\x14~Y;@\x9a\xf2)\x87g;`\x19n\x8a)\xce\xa1\xcc\x82\x9d\xb0tR\x95\xbdX\xb3\x156V\xa70\x06\x08\xbe\xb2\xf2\xcf+\xb4g\x8e\xcd\xd0\x9d\xcdJ7\xf5\xd8\xcb\x95\xc8\xf1z`\x1d\xf1\xcd|9\xae\xe3\xdf\x92\xd3\x81|1{\xc1qs7\xc9\x13;&lt;b\xba\x06\x86m"/ \xbea\xa3\xa7\x8e4\x8c\x1e\xfc\xaa\xfc\xc9C\xf59b\x93\xebJ\xb6\xafzz\xb5\xda!\xb6U\x9e)OIF-\x91m\x94h\xb8\x97\xcb\x88"|\xf1\x96\xc1\x89Gn\xde?\xaa\\-\x1b\xf47\x10\x0c\xca\x97\x9c\r.ojD\xfd\xe7\x9d\x8c\xec\x8e\xc0K\xd8\x18u4c&amp;n\x97s\x90\x1b\xe7g\x01\xe7\rS\xf4@\xb2\x9c\x08\\\n\x08\xaa\x17\xc6\\\xc79b\x86\xcd\x1c\xf5\xc5h\xd1g\x9dm\xf3\xf5m-\xe8!\xec\x05\xce\xdd\xf63%*\xf6\x8e\x88\xf7\x8a\xdd\x0c1=3\x1a\xc1\xce\xc2\xd7\x00\xc1\xeb\x81|\xe9I$ovv\xd6\x8b\x88F\xd4{\x80Ls_&gt;7\x9f\xea"pH\xca_\xe1:\xee7\xc8{\x9d\x8f\xbe\xa8\x910q\x13\xf1;\xf9\x8f\x87\xea&gt;\xe7\x03C|\xcf\xf3_\x1c\xe0\x0eE/zK\xf8\x85,\xf7\x92\x0e\xb8&amp;\x84\xd7r\x1cuop\xd1\xc8\x10\x99X\xd7\xb8$t\xdf\xc66\x18\xe3V4\xf1\x9e&amp;E\x7f\xad\xa0\x88\xb2\xdf\xbaT\x87m\xbfR\x18\xa7\xf6\x904X\xdb\xa7wo\xac\xdf\xf3\xa6\x80\xf2\x854\x02\x01\x0c\x94.\xe6\xec\xde\xe8\xfa\xf9[\x9e\xa9\x9c\xb3\x13\xffz\x91\xe8A\xba\x15\xf9a\xc3&gt;^2\xf22\x01`&amp;Y\xcbL\xd2\x0b\x88R\xf3\xa5P\x9e\x10\x06p"\x9dF\xf5\xae\x02\xf3\x10\xc0\x0fkJ\x94[\xef\xa6\xc3\x9f\x1akHUU\xcbv\xa9\xb5\x19\x18|@\xe8z\x04-\x1aM\xd5V1\x10\xd9B\xae\x85D\x8172$\xd7Ww\xe4\x07\xa6[P"\xb0\x94 V\xea\xf3\xa2\xfa\x18u\x8ddS\xdc\x1c\x8a\x00\xf4\xd8\xf5\xe3T \x07\x83W\x16F\xab+\x032D)+\xc34n\x85)\xf1\xcfC,\xbf\xfc\xfd\x88\xdd\x17\xf3\nL\xc48\xc8\x04\xc5uZ\xce\x8f\x07\xf9\xb3g\xd7\xe8\x1d\x9d\xcd\xb8?\xb5\x07\x86\xa2LZ\xb9\x8e\xd0\x88e\x9e\xca\xff1\xbf\xb2T\xc5\x04\xf9\xb8\xa1\xab\x05\x9c5t\xbb=\xcb!o\xa5\xed\x00\xcb\x01\xdb\xa5\xd7\xbaS\x01sI\xd7\xa3RP\x1c\x1a\xb0\xfa\xf5z\xd7\xa1\xe4\xb4\xe0\x12Y\xb7\xea\x17\x84\xc4\xca\n\x05;\xed\xe8?\x17\n)\xba\xb2\xd6Y\xfd\xbf\xe4,\xffA\xc6\xb6\xd0\xa2\xa0\x03q\xc8\xecV\xa6\xe7\x16E\xa4\x9fZL.`\x95\xed\xe8\xfaxp&gt;\xe3\x0f\xcc\xd5\x01\x9d\xd6h?\xb6\xa1\xb9\xb5\xf9vYNX\xf9\x12t\xe3\xd5\r%\xb4\xf4W\x9c\xc2\xa8\xeb\x81q\xfb\x8b\x8e\xc1\x83S\xd6\xdb\x10\\\xbf\xa4"&lt;\x04D\xeaI=\xcf\xef\x89\x99p\x8a\xe7\xf5\xaa\xd8\x06\x13\xac\x1d\n\x17},`z\x8eJoj\n\xe0W\xd7\xd5\xdad\xc3Z\xc4\x0e/\x067\x18tq\x08\x10.\x10\x15\xaa\x1fG\xf3c\x13\xb8\xc9\x0f\xdf*E\x85\xab2\x04[yug\xe2\x8c\xc7/\x12\xc3\xec1H\x98|\xd6}\x939Y!\x87\x9c\x9f\x13\x1d`\x97\xf4N\xed\xaa0\xcf\xfe\xbf\x146+\xb6\xeb\xfa\xd0\xab\xb2\xc9M\xeb\xec=[\x0b7\x15\x02\xa1J\xef\x16\xaes&lt;\xa8``=\x9d\xafj\x86\x8fI]\x14\xd6\xdfNO\xed\xb8\x04\x87r\x1e\xfc\xa9@\xc8\x82\x1b;\x1e\x10\xad\xac\xc7\xcf\x01`\'\xdfj\x1d\x156\xc7\x15E\x89\xa6O\x1d\x00ev\xba\x84\xbbx\xac\x00\xf4&gt;B\xcd\xb4\x13qn\x18\xd8\xb7\xc1\xb1\xd1:\x9e\xbc\xf2rk\x1c\xb5\xd1\x9b\xba\x90w\x9b\xe8\xe4\xe00\xa1|\xb2\t|\\\xe9\xd6\xb4@\xe8\xc4\r\xfcC\x16\x864K\xfb@|\xde\xfd\r\xf6\x831\x1e\x0c\x03\xcd\x18ZM\xdb\x05\xa4\x13\xed\xec\xa7&gt;\x7f\xbd\x8d\x01r\xbc'</t>
  </si>
  <si>
    <t>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</t>
  </si>
  <si>
    <t>b'\xe1)W\x8fz\x12\xafiV\xdc.\xff\x98n\xe1\xaf'</t>
  </si>
  <si>
    <t>eamed dreams more than
ever, and once Jo, rummaging her
376
sisterâ€™s desk for stamps, found a bit of paper scribbled over with
the words, â€˜Mrs. John Brookeâ€™, whereat she groaned tragically
and cast it into the fire, feeling that Laurieâ€™s prank had
hastened the evil day for her.
377
C H A P T E R XXII
Like sunshine after a storm were the peaceful weeks which
followed. The invalids improved rapidly, and Mr. March began to
talk or returning early in the new year. Beth was soon able to lie
on the study sofa all day, amusing herself with the well-beloved
cats at first, and in time with dollâ€™s sewing, which had fallen
sadly behindhand. Her once active limbs were so stiff and
feeble that Jo took her for a daily airing about the house in her
strong arms. Meg cheerfully blackened and burned her white
hands cooking delicate messes for â€˜the dearâ€™, while Amy, a loyal
slave of the ring, celebrated her return by giving away as many
of her treasures as she could prevail on her sisters to accept.
As Christmas approached, the usual mysteries began to haunt
the house, and Jo frequently convulsed the family by proposing
utterly impossible or magnificently absurd ceremonies, in honor
of this unusually merry Christmas. Laurie was equally
impracticable, and would have had bonfires, skyrockets, and
triumphal arches, if he had had his own way. After many
skirmishes and snubbings, the ambitious pair were considered
effectually quenched and
went about with forlorn faces, which were rather belied by
explosions of laughter when the two got together.
378
Several days of unusually mild weather fitly ushered in a
splendid Christmas Day. Hannah â€˜felt in her bonesâ€™ that it was
going to be an unusually fine day, and she proved herself a true
prophetess, for everybody and everything seemed bound to
produce a grand success. To begin with, Mr. March wrote that
he should soon be with them, then Beth felt uncommonly well
that morning, and, being dressed in her motherâ€™s gift, a soft
crimson merino wrapper, was borne in high triumph to the
window to behold the offering of Jo and Laurie. The
Unquenchables had done their best to be worthy of the name,
for like elves they had worked by night and conjured up a
comical surprise. Out in the garden stood a stately snow
maiden, crowned with holly, bearing a basket of fruit and
flowers in one hand, a great roll of music in the other, a perfect
rainbow of an Afghan round her chilly shoulders, and a
Christmas carol issuing from her lips on a pink paper streamer.
THE JUNGFRAU TO BETH
God bless you, dear Queen Bess! May nothing
you dismay,
But health and peace and happiness Be yours, this Christmas
day. Hereâ€™s fruit to feed our busy bee, And flowers for
379
her nose. Hereâ€™s music for her pianee, An afghan for
her toes,
A portrait of Joanna, see, By Raphael No. 2, Who
laboured with great industry To make it fair and true.
Accept a ribbon red, I beg, For Madam Purrerâ€™s
tail, And ice cream made by lovely Peg, A Mont Blanc in a pail.
Their dearest love my makers laid Within my breast of
snow. Accept it, and the Alpine maid, From Laurie and from
Jo.
How Beth laughed when she saw it, how Laurie ran up and
down to bring in the gifts, and what ridiculous speeches Jo
made as she presented them.
â€˜Iâ€™m so full of happiness, that if Father was only here, I couldnâ€™t
hold one drop more,â€™ said Beth, quite sighing with contentment
as Jo carried her off to the study to rest
after the excitement, and to refresh herself with some of the
delicious grapes the â€˜Jungfrauâ€™ had sent her.
â€˜So am I,â€™ added Jo, slapping the pocket wherein reposed the
long-desired UNDINE AND SINTRAM.
380
â€˜Iâ€™m sure I am,â€™ echoed Amy, poring over the engra</t>
  </si>
  <si>
    <t>b'\x9cY\xce\x13\x9cY\xc0\xb4\xa6\x1bl\x8fO\x91\xc4\xb3\x8f\x7f\xc4\x8d\xdb\xf0\\\x85\xbd7^\xbaG&amp;p\xcc\xcf_8\xfd\xc58\x9f3\xb2_\x9b\xd1tz\x89 \xe5\xb0\xbf\\R{\x13\xbc\xfb\xa6i-\xc3\xe8\x167\xa55\xd9\xa8\x97\xd8Kd\xc0\x12w\xad\xf7$\xa34X\xd1\x9fCI\xda&gt;D\x07*\xcc\xc3E\xa1\x17f\x8b\xe8jC:\x9b\xb8\xa0I\x0e\xf7\xa6\xd4\xac\xcf\x020Hf\x80\xb0\xd1\xfd\x16a\x04\xf7\xff\xb5&lt;D_v\xba\xaa\xb5\xbb\xd8\xc8\'\x1fs%\xc0\x9e\n\x16\xaas\xf0\x99\xfa\xc0\xc5\x91\xd7wn&lt;\xfd\xc9\xf7\xd1$e\xd7\n\xad\x8di\xa9\xa8\n\x07\xdb\xd6VJc\x82G\xa8X2\t\x8dxr\xe6\xda!\xc6w\xd8,\xf3x\xf7iK\x1b\x04\x88[~\x97\xc2\x88j@\xa5\xb4}\xe8PXg=\xf0\x89\x04\xae\xa3\x03\x06\x93{\xaa\x00\xff\x9aQ#\xba\x1e\xca+\xc5\xed\xd6ot\xcd\x0f{f\xf7\x01[-\xde\xf1H\x03\xb5\x86\x1b\x04.\x04\xee:\xf1\xa5\xb2-\x05\x1bL\x1f&amp;\xe2\xb5X\xfb\xc4\x08\x1f\xb0\x9b5+\xad\x15z\xa7\xfb\x851t\x00M"tO\xdb\xb7B2\xd5\xd4\xfe\xc4N\x1f\xcb\xf7Um\xf2!\x02\x00\t\xb9\xd7:\xa1\x03\xd18|\xe5\xab\xbbR\xec=\xe7\xfd\tK\x0b\x12\xb7\xcd\x12\xf7\x1c\x91j\xf9\x8e\x18\xb5\xefG\xbb\xd3=f\x83g\x06\xafM\xd6\x97&amp;\x13\xb8\xcb\xf4\xa5#\xab\xa1\xd0\x12\x17\x8d\xf4|\x83G\x91&gt;\xc1\xc6!\x04\x8b\xd3\x93d\\C\xaemw@\xb5\'\xc4\xf3\x07\xddu\xf1\xfc\xa9\x0e\x11\x90\xaf\xd2?\xa0\xfb\xf1a\x19\x15\xae\xfcV\xbc\x90\xd6\xa1\x0b\x8d\xff\x08\xd0L\xa3\x8e1\xd6\xecg+\xba\xb1V@e\xc6u\xdd\xfe^\xda!\xb6b\x0e\xa2\n\xc1\xe0N#\xf6f-\xacF\x85\xd8I\x18\xcbj\x0c\x9f\xb0\xe2*\xbe]\x15z\x92\x93\xbd\xdde\x8e\x86`\r1\xf2\xa8\xae\x8e\x17\x14c\xf1e\'\x11:q\xa3\x1b29\xf4\x8c\xa7{\x02\x95q\xda\x16\xd3\x11\xe3g2\xf5\x14\'T\xfe*\x92\x92M\xd9:\xd0\xcda\xa03\x96\xf3\xd1\x0e\xad\xcb\xef\x02S*O\xba\x95:\xadV\x0b\xd0\x7f9\xa0\x9f\x11\xf7\x87g\xb3\xcf\x8f\x05i\xf4\xba\xafb\xbc\x91AG\xa7\xc4\x81z\xac\xd1*2\xba\xc2n\xe1\x95)\x90\x93s\xae?\x9f\x8e\xb6\x13T;\n\xd9e2\xc7Y\x04\xd1\x01\x005\xcd\x07r\xb8\xda\xf8\'"Ob\x1e\xf5i\xeb\xabluJ\x9f\x00\xcb\xdfC\x84\xa8\xc2y\xcfU\x17#q7v\xe8w\xd7\xb34\xcfg\xa4\xca;\xe3\xddp;}\xf5\xcc\xd3\xf3#\xba\xa1\xf2\xb6\x89\x8c\xe7i\x99Y\x1d\x16\x0c\xa5\x92g\xc1\x8e\x80\xd0\xd6\xca\xf3\\\xfe\x14!\xbb\\Z\xdb\x80\xe8(\xfa\xe8\xaf\xed\x1c\xf5\xb0;\xb04\xec\xd6\x8b\xf6\t\x01\xf3W@\xdd\x1c0\x98Db\xfb\x98\x9f&lt;\x98\xa1\x81\x16\x1f\x17\x91\x8fUo\x07\xa1\xd56\xda\xd5\x0c`J\xccj\xe6\x88\n\x9e(\x83\x18\xcd\x0c\xa1\xc5*\x98\xf5Pz\x00\xfb\xcd\xcb\xdc&gt;d3\xac\xd5\xc3\xaf\xc3\xda-\xf5\xd6+\xdar\x91\xc1eL\xf7\xd8\xdd\xfd\x0fk\xd62s~\xc3a\x84\x9c\x955\xdc\xe5N\xb5\xa8\x00h\xe6\x00X\xe5\x0f\r%\xc9&amp;\x83\xa5ts\x99|\x12x\x1c\x1d@Q\x8a*\x815\x06\xa7?\x84 \xaan\xa0\xc6e\xdfa \x86A\xb6\x00\xee\x0e\x9cZ\xb6\xd6b\x03\xabS\xfe\xfd\xc3\x13\xa2X\xdd\x81\xdc\x11\xc0-\xef\x85\xfeeq\xc0\xa88\xbc\xf9:F\xaeR\x18\x1a\xd5\xb0\x84P\x14o\x17\xdbl\x86\xed\xfe\xf8\xc0\x04n\xfc\x97\xc7LG\xe6~03\xe0&gt;Hr$%\xd5\x12\xe8\x0c\x93I b\x83\x87\x9d\xa7p\xb6\xe6\xa9i\xf5\xe7\xf1\xe4\x9a\xc4I\xc2&lt;\xe0)t\xaa\xa6Qp9\x92\xae\xea\xf6\xd4\xe6\xc5\xc0\xf0\x1ae\x1f!\xeaL\xd8\x82\x9b\xce\x83yf\xaf\xfb\x18\xf8\xd3\xa0&lt;\x01Y\xd8X\xbbSQv\xa8#\xaf@}\x08&gt;\xabw\x1fIF\xce\x98\x845W\x04g\x85Rv\xf3il(sO\xdf\xc0o\r\xe3\xed\xb8\xef\xa7\x91\x94@8\x8a\xfbnpE\x03\x83;(.\xad\xa1\xa8Y\x03\xb6\x8fl\xf8IM\xf8^T\x06\xde\xb1\xfcB\x8d\x90\x92\x1e\xcc:\x16\xc4\xf5G\x9d\x92\xaaY\xbf\x8a\x020\xe6\xd6\xb9x_X\xfa\xbfGq\xea|\xff\x16\x82\xf65r^\xa9\xdb\xfb\xf9$,\xba2\xf6\xb4\xf8u!\xf0\xa5B)\x99/\x02\x08\xaaxLb\x10\x12\xa9z9\xa5\x11f\xc8\x10\xbd\xc2e\xba\x7f\xbf\xe8O{\xc7\xf8\xcf\xeb\x05\x9e\xf2\xde\xbf\x05\xc7\xa46\x9c\xa8\x8br\xe5`\xd2\xcf\xbd\xc6D\x03v\x9d\xf2\xc9\x85\xc8\x82h\x02\xf6\xc2gK`\xd2^\xed\x02\xb2Fm$\xe4\\u\n\xe9&amp;R\x96\xa4\xd5\r?2`\xd3y\xd9\xcd#\xf7\xf8\x87\xaf\xcd\xab\xd2\xfe\xe9!j\x94\x167@\xaa2\xff\x86v\xfd\x8c\x04\xcd\x1e:\xcc\x82\xa2\x1c\x90\xcaZ\x0c\r\xc5\x8d\xa0aC&lt;!\xad\xceR\xf6\xe30\x8f7\xb2\xc6E\xd3G\x89\x0f\x82\xf2\xd1\xfdU\x97(\x89iK\xa1X&amp;\xb3R\xb8$\xba\x0f:\xe7\xc5D\xa6+L\xc1\xbcr\x8e`l\x8c\x9a\xfa"\xb3\xe2\xea.q\x04\xcc\xea@\xccR\xe8\xe4e\xdaM\x82\x88\xf3\xb8\xb2S{\xba\x93\xc7r\x81\xc0\xb1\xa7vi\xcd(\x82d\x04U\x01\xe2\x99LMC\x92\x84\x19r\x0f)\x8e\xa4\x0c\x992\xacTJ:\xdb\x8b\xde`\x94\xd4T\x88\x11\x08G(|\xd7X\x1fS\nX\xea\xf6Y\xb8\xd3\x9c\xd5\x80$\xae]\xf6\x19\xa9\xdaG\x10\xbfv\xe2S\t\xdb\xb6\xa6\x91\xab\xce\x8f\x14\xf6\xaf\xc4E\xbd\x81\x9d\xcb\xdb\x81\xb0S\xbd\xc8\x80\xe33\xdf\xc5\x9f\xb0\x16JL\xa4\xc7\x12\x07\x1a\xa5g\x80\xea\xa7(`\xffU\xf6\x88E\x88\xb2\x15\x153_\n\xa6\r\x03Z?\x8c\xfc\xc8u\xe5|g\x1f\x10\xa8G\x1eUg\xcbZp\x1e\xca\xb2\xf0`\xb1S9z\xe3u\xffV\xc28&lt;\xb5\x91\xa4\xceY*\x13{\xcb\x83Y\xb2\xca\xa0\xda\xf1m\x0b\xa4x\x87S\x06\xd3\rD\x05\xcfIc\xf9\xfb\x87{\xf8\x0c\xbe\xd8\xe7\x17&gt;\xad#\xae\x90\xb4\xec\xd5\x02n(\x96\xbf\x9e\xc1\xe3\xfeuD\xd4\xe9\xda2\xb6\xc3\xf1\rDA[\x1aQ\xb8\x83\x19\xc6\x9b\x99\xaa\x83\xa6\x1e\xf8\x87\xb6\xfcO\xc7\x02a1\xf9\xcf0+\xbd\xed]etbOc\xc4\xc5\x17\xef\xb5\xab0*i"\x94\xa5"\xe9\xe9\x16\xc1F&amp;t\x9at\xb1\x97\xe7\x82P\x86\xb8Q\xdfK\\X\xc4\x01\x83\x1f\xf2\xce\x8e\xf0\xa3U\xef\x19\xbc\x1equ~\t\xf9\x8e\xa4z\xb9\xca\\\xd5*\xb3\xd6\x0b\x06y\xf7mX\xcd\xf8h/kGa\xc8B\x1dI\xf4b\xa5n\xd0Q}o\xe6\x1dE\x1d\xa5`\x1fZ\xa4\x15m\x84\xfell\x8e\x9d\x86\xb4\x9bc]H\x94\xff\xa2\xa55P\xbf6\x0f\x83\xaa\x06\xd9\xa1\xd1c\xba\xc1"xGl\xd4\xa7\xd0\x0b\xf1 \xf0\xcc\x15\x97\xf6\x1d\x1d\x02\xb0\x112\xbcXE\xe7\xaa\xf7\xbc\x1d(\xea\xc0\xd4pRKuc\xaab6+\xdb@\x155\x11\xef\xc0\x16\xb0\xb4|\xfbQr}\x84\xb3\xa1Q\xad\x07\x1d\xc6AH\xa7\xf9\xbd\xb2\xb9H\xee%Yx\x83\x8f\x81Q\xef\xa5\xde\xe2\x95\xc42\xc3\xa4\xf0\xdc\xa3\xbd\xbf\xf2\xd8\xc4\xf7U\xeaW\xff\x95\x87!\xdc\n\xd9\xd6}f\x9f\x06t\xf7#\x93\xc4\xa91\x9e-\xc2\x8e\xabF\xb7?\xf6\xde-\xd1\xbc\xc6@\x87\x04\xb24\x9d\xb1R\xaa\xfb(;\x17!\xba\x17\xb4\x14yb\xf6J\xcbpn\xee\x18\x10\r\xe0\x9b\xe9R\x1a\xbe|\xc0\xc9\x07\xe8[A`\x8fOo"\xf7\xebT\x02x\xa9\x8f\x11u\x04\xaeM\x03\x86\xa6\x80\xc7\xbcPhB\xe9\x0e\x96Z&gt;\x91\xb8L\x86\x9f\xa1\'\xc8\x9fs\x05\xed\xf5\xa4\x93\xda\x97\x01\xa5\x0b\xa4H}\xc4\x03U\x9c.\xbe\xe2\x942\ra\xf7\xed\xc4__l\x0c\xd4\xa7\xe7\x9f\xa25=\x117\x8c]\xd3f\n[ 3y\xd0\x00&amp;FdFy\x0e\xe9\xe9\x03j@\x9a\xb5 \x145=\xd9\xde\'\xf8\xc0\x8aq\x11\xdfTV\xb6\x1e\xaa)\xbf\xbc#\xc4\x9d\xb49\xb2\xf3q~\x92B\xddM\xa0\xde\xb3x9\xf1^\x8f\xa1\xf2m\xfa\xe9x\xb7\xafLI\x86\xc1\x07\x9a\xec\xbb\xef\x7f\x97\xbazk\xe5!\x96\xbb\xd1\x18\xb5v\x97\x804\x8a\xd3\x00Sf\x8fCT\x99\xbd\xa4Br\xfe\xa4\x0f\xfcM\xd9\x10{\xe2r\xf1@Z[\ty\xf7q\xf4\x16\x89\xf0\x90\xef\xaa0\xffL\n\x91\x1e\xd3\xc4\xc9\x10KU\xa7\xf4\xc5y\xac$\xbf\xc9\x05\xc5&gt;\x81\xdd\x04\x06\x90\xa3\xb5\xb9\x10!j.\xa4T\x9c\xee\xac{\x90\xa4\x8e\xcet\t\x91l7\xcc\xc3\xbf\xd2\x90F\xaa2\xe1\xef\xb0\xe7!`\x0c\x13\xdbXj\t\xe5E\xac\xf8\x9b\x80\x92|\xf3v\xfe\x8f\xca\xf5\xca\x1f\xacw\x9b9\xb9^/\xaa4\xa2B~G\xbb2\x94&lt;\x8e\x98\r\xfc+O\xb2\xc2\x1b\xc2\\\xc5\x1d7\xaetj+&gt;\xd7\xf1fz\x92\x08\xb3\xbf\xd2\x9b\x04y\xe1i.0\xc1\xa32\xd9Gu\x1b3i.\xda\xf4\x05\xe15\x80\xbcF?\xa4\x1c]\x90\xeb\x8e\n\x11)\xfc\xfc\x9f\xa6\xde\xe9\xa94\xdd\xbe\xea\xf2Y&lt;\xe5\xcd\x81\xc9\xcd\xd33YFVA\x9cT\x0e\xed\xd6\x95\x9a]\x82\x199\x00\xcc\xc2\xcd\xdb\x90\xf1L\xe6\x81v+D\xd9(\xa9\x12\x07\xb0\x9c\x9e[g\xbdxmEy\xf4\x1e\x08M\x87\xd3\xa0\xee\xa7\xb9v\xa0\x82 \r\x7f7\xf5\xca\xc7p,P\xadD\xdf@\xfc\xcd\'\xddA\xffvL\t\xb4J\x1f\xa0\\nr\xe2ZN\x82\xf5\xad0\x95\xba1\xf8\xb7\xf3\xc3\xa9\xf0\x85)F\xaa\xcd\xc3\xf0\xaa\x17g&lt;\x05HYxcO\x8f\x1e\xc8\x99\xcc1f\xff\xde\xc2GyL\xcb\x88\xb2\xf4\x93\xa2:\xf6\x07\xc8\xea\x9e\xdc\xa6\xe0@\xc2\xd7\x0f\xe6?\x88\xb4\xa7\x0e4;\x0b\x97O\x01zx\xbc]z\x99*\x1e\xdc\xa1\xdf\xfe\x17\xde\xea\x12\xac\xc0_\xe2\xc3\x8f\xc0\xee\xe6\xc1\xa3\x1d\x10`&amp;\xde\t\\BW\xa0\x10 \x0f\xb5,a\x00\xb0\xd0\xe4d\x0b\x971\x93Q&amp;\xcbffh\x92\xf9\xcdB\xdd\xcb\x05+\xea\xfdW\xa7\xd3\xa7\x8e%\xa2\xbe\xd5\x93\x9cD]\xc0\xd9\x8f\xed\xbe\x818\xd2\x1d\xa7\xedT"\xe1_&gt;\xb71*\x0f\xdb\xd8\x01\xedK\xcb\x9c\x80l\xb4M\x03\xd0%2,b\xfa\xbf\x1ek\x15\xaa:\xbfH*\x14Y\x16\xb1\x9a\x9fz\x01\xed\xa8]\x8b\x85\xc1\x9e\xcb\x19\xd6\x04\xab\x1d\x0f9\xfc\x06\x9c+\xea=\x9b\xdc2H\xdb\xc4a\x99\xc1\xe1\xad\x1e\xa5\xf9\xa4M\x92\xfd\xa6\x12\xbb\xef:i\xa7\x80f\x15\xc5\x7fjf&lt;16\xa8\xb56}\xdc\xe1a!xi\x9f\xe65\xae\x0c\r\xf8\x0c$7\xf9\x1em\xba\x19\xc8\xa3%\xeb\xef\xaeIF&gt;\xaa\xab:\x97\xb1?t\x02\xa5Mhm\xe2b\xb3\xf2\xa6\x83\xef\xb6\x1eH\x9e\xd23\x96\x9b\x95\x8b\xb4\x8e\xbd\x0e!\xe7\xe8\x1f\xee\xd2\xbc\x00\xcc\'\x18\x01L\xc9\xd8\xa5\'\xb7\xeb\xa9\xdbO\xcb\x94\xa8\xd6\xb9W\xa80M\x12V\xb4\xcf\x18\x9et-F\xa4\xe3\xeem\xc2\xee\xd6\x9fL\x80\xba\xfc\x14\xad\xfe\xbd\xb5ey\xac%\x006\xd9\x821|\xc7j\xe9W\xf9\xe2$&amp;\xe8\xd1\x82\xa3IP\x93\xf0\xee\xa6_\xea!\xa5x\xb7\xeb\x98\xb5\xa5M\xc7\xbe\xed,\x7fwf\x06\x11&lt;&gt;\x95(\xd1\xd9\xd2\x1eG\xe0\xde\x11:\x10\xe9\xee#Q\x02/1|t\xd4\x9d9F\x01x\x8b\x84\xdcNL\x1dc\x12\xfb\xb0\xd6\xb1\xe1\xe0\x00\x0c4\xbf\x89\x98U\xf2S\x05\x19\x8fR\xc1\xdc\x0c.\xc70!E\x1bZ7&amp;\xc5\x83\xc3\xe1\x80L\xbd\x04Rm\xac\xbd\x18\xb4\\N\xa8\x15}\xde\x8bc\xb1\xa3\x00\xfb\xfe}=\xc0\xa1\xaed\xc2(F\x97\xfe\xcb1b\xeb\x9e\xf9\x8fl\x17\xf5\xdb\xe3\xaa\x8d\xd0N\xc2\xd3`\xee\x12d\x03\x84{\xf4l6\x15\xb2\xc8x1\x91\xb5l\x92[\td*\xdd\xc9\xb2\x85\xa7)\x00\\^i}$\xb2\xe1\x98D\xe0p\xee\xc2\xe6\x87\xde+\x93\x9b\xad\xd7b\xf4\xe7\xc0\x90\xd6\x17\xf8\x11\xcf\xf0$s\x89\xc1\x1a\x18\xa9exO;&amp;=cJ\x10"P\x18+W\x08\x8a\xd5\x89\xb0\x9c\xc4aV4\xady\xf6\'`\xcf\xc8\x80=\x17\x04\xba\xb6\x05kH\xea\xc9%\xf6\xd9IG\xd0K\x86\x91,\xa6\xada`\xae\x15-kL\xff\xc3K\x7f\xec\xe2\xc3q\xf0\x89\x9fSx\x80\xcf*F\xb4\xeb-\x90&lt;\x1c\xf8\\\xdf\xbb$\xee\x84\\\xfe\xc4\x8f&amp;\xd91C \xfe\x8f\xdc\x91~\xc2C\xbe|juE\xf5\xf9\xe1\xfb\xd6cs\xf3~`GU\xc7\xca\xe2\xeew\x089mP0\xca\xe29\\\x0b8#\x007\xa7#\x00\xa1\xf1\xe5dIat\xc6\xbc\x81\xfd\x82\xc0a\x17\xf1B\xf7\xfc\xc4+Q\xf0\xf7\x9e#T\xe5\x03S9&lt;u\x94O\xcc\x9b\xc5\x11\x99AX\x8b\x9au\x9f\x95d\x90A\x8e\xee\\\x08g@\xe7U\xf9\x0e;G\x94J\xd8\x04\xba\x92\xa7G\x89\xe8\xd8\x1anT\xecZ\xc8p\x94\x1c\xec\x8c\x9f\xa4\xd1\xb3\xf35\x16\xa4\xc4\xdb\x0c&lt;\xd9mp\x10\xf4\xf4\xd1r\xa2Sn\xd8\xf2\xc9[\xfc\x06&lt;Z\xe6\x9f7\x95\xfbc=;\xaa\x80\xee\x8e`\x84\xa93\xd1\x17T\xb4\xf4I5\x8d\x9fM\xb6\x9c\xd1W\x04\xd5\xa5yX\xbaz\x1d\xc0j{%N\xa0eA\xa3{\xd53$\xbd]\xcawa\xbe\xfa(n\xd9\x92\xdcz\x196\x06\xe5\xf5\xc7?\x90\x14\xd0HD\xba\xb2\xd2o\x8f\xa3I\x8ab\xfb\x97\x9bJ\xcd\xbc\xfc\xbf\xac\xa9jup\xea\xcd\xf0_\x07\x01!\xa0\xa94\xa0\xdd\xa1\x19dMS\x8bK\xa2X\xb3\xc4:\xdf\xa6\xa9\x14\xb8\xd3i\xf3\t\xd1YX\xd8\x82\xc8\x84{\xd3\xd2\xf0&gt;N\xf0\x7f\x13(\x11\xfa\xa3@\xe1Q\x939k\xa7\x1f\x8cf\xd5\x91\xc9\xe4m\x02L\x82,L\xc2\xbf\xdf\x87:^T\x8e\xc0&amp;SO81\x97}\x1dh\xc4\xf4\xb0\xea\xdb\xd0\xe2\xf2\xaa\x8b\xc3o\x9e\xfe\xe9\x1d\x11\x8e\x1f\x80\x19\xc6\xf3\xebN\xdbZ+7Y\x1d\xd4\xf2\xf0:%$\xa7\xc7\xbe.fo\xc3\x0bG\x85C\x87\xd5\x1c\xe5+o\x8b\x864R\xd9\x99_\xef\xce\x11fP\xea\xa7\xafOG\xce\xd2\x1e\xb6y\x8f\xc9"1\xfc\xa4\xbceK\xc2\x05\xd1"3r\xf0\xde\xca\xa7\x07\xe7\xd2\xa7\x8eI\xc3\xeeC\x93\x9c\xf3\xbd\x16j\r\t*\xd3\xe4\xd5\x9b\xff\x05\xed\x8bb\x0f&gt;\xa33\x03`\xf1y}\x1b\xf2;\x8aq.\xcei\xcd\xd6n\xf6h\xa90\xe7F@&amp;\x85o9\x12\x17\xa7\xc7W_\x8fR"\xc0x\xe8\xd1\xd6~\xe3\xa1\xeb\xbd\x9c7\x17\xb0%\xa1\xee`/p\x02\x8cM\xfd\x12\x94\x13m\xafR\x8a\x0f\xab\x149s\xa6=\x8ao\xb2&gt;.\x16#\x8cUE\xcf\xda%=\xbf\xde\\\xaaU\xe1/\\\x95L\xe0\xd5\xb1\xe2\xf1\x8f\xe4l\x82\xcc\xdb\xe5yr\xb1\x1d\xf9X[\xe1\xa1\t\n\x13\xef\x84\x95Z\xa2\x03 \x17a=\x9e\xfes\xca'</t>
  </si>
  <si>
    <t>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</t>
  </si>
  <si>
    <t>b'\x9cY\xce\x13\x9cY\xc0\xb4\xa6\x1bl\x8fO\x91\xc4\xb3'</t>
  </si>
  <si>
    <t>he pony
 behaved well, sir, and showed no vice; but at last he just threw up his heels and tipped
 the young gentleman into the thorn hedge. He wanted me to help him out, but I hope
 you will excuse me, sir, I did not feel inclined to do so. There's no bones broken, sir; he'll
 only get a few scratches. I love horses, and it riles me to see them badly used; it is a bad
 plan to aggravate an animal till he uses his heels; the first time is not always the last."
 During this time the mother began to cry, "Oh, my poor Bill, I must go and meet him; he
 must be hurt."
 "You had better go into the house, wife," said the farmer; "Bill wants a lesson about this,
 and I must see that he gets it; this is not the first time, nor the second, that he has illused that pony, and I shall stop it. I am much obliged to you, Manly. Good-evening."
 So we went on, John chuckling all the way home; then he told James about it, who
 laughed and said, "Serve him right. I knew that boy at school; he took great airs on
 himself because he was a farmer's son; he used to swagger about and bully the little
 boys. Of course, we elder ones would not have any of that nonsense, and let him know
 that in the school and the playground farmers' sons and laborers' sons were all alike. I
 29
 well remember one day, just before afternoon school, I found him at the large window
 catching flies and pulling off their wings. He did not see me and I gave him a box on the
 ears that laid him sprawling on the floor. Well, angry as I was, I was almost frightened,
 he roared and bellowed</t>
  </si>
  <si>
    <t>b'uq}\x16\xfcu\xf17'</t>
  </si>
  <si>
    <t>75717d16fc75f137</t>
  </si>
  <si>
    <t>obability , a unit
 of wealth invested in the Home asset pays out units of output and a unit of wealth
 invested in the Foreign asset pays out units of output. In state 2, which occurs with
 probability , the payoffs to unit investments in the Home and Foreign assets are 
 and , respectively.
 Let be the share of wealth invested in the Home asset and the share invested in
 the Foreign asset. Then if state 1 occurs, the investor will be able to consume the weighted
 average of her two assetsâ€™ values,
 (21P-1)
 Similarly, consumption in state 2 is
 (21P-2)
 In either state, the investor derives utility ( ) from a consumption level of . Since
 the investor does not know beforehand which state will occur, she makes the portfolio de_x0002_cision to maximize the average or expected utility from future consumption,
 An Analytical Derivation of the Optimal Portfolio
 After the state 1 and state 2 consumption levels given by (21P-1) and (21P-2) are substi_x0002_tuted into the expected utility function above, the investorâ€™s decision problem can be ex_x0002_pressed as follows: Choose the portfolio share to maximize expected utility,
 This problem is solved (as usual) by differentiating the expected utility above with respect
 to and setting the resulting derivative equal to 0.
 Let be the derivative of the utility function ( ) with respect to : That is,
 is the marginal utility of consumption. Then maximizes expected utility if
 (21P-3)
 This equation can be solved for , the optimal portfolio share. a
 H1 - F1
 H2 - F2
 = - 11 - q2UÂ¿5[aH2 + 11 - a2F2] * W6
 qUÂ¿5[aH1 + 11 - a2F1] * W6 .
 UÂ¿1C2 a
 UÂ¿1C2 U C C
 a
 qU5[aH1 + 11 - a2F1] * W6 + 11 - q2U5[aH2 + 11 - a2F2]</t>
  </si>
  <si>
    <t>b'0D\x02 *\xed\x9c\xe6Dc5\x12\xeb8+\xc6\x1a\xdb\x1bYR\xe9Ja\x8d\xea\xd4\x91\xb23\xe41\x80\x88u\xbe\x02 \n2\xeb\xe62\xb0-8"f-\x9c\xacjN\xf2\x80\xbc\x8bcg\x11\x98\xccY\x13\xa6\xea\xf7\x1dB\xcf'</t>
  </si>
  <si>
    <t>304402202aed9ce644633512eb382bc61adb1b5952e94a618dead491b233e431808875be02200a32ebe632b02d3822662d9cac6a4ef280bc8b63671198cc5913a6eaf71d42cf</t>
  </si>
  <si>
    <t>b'0D\x02 *\xed\x9c\xe6Dc5\x12\xeb8+\xc6'</t>
  </si>
  <si>
    <t>n, Valancourt had leisure for reflection, and
 cause for repentance; here, too, the image of Emily, which, amidst the
 dissipation of the city had been obscured, but never obliterated from his
 heart, revived with all the charms of innocence and beauty, to reproach
 him for having sacrificed his happiness and debased his talents by
 pursuits, which his nobler faculties would formerly have taught him to
 consider were as tasteless as they were degrading. But, though his
 passions had been seduced, his heart was not depraved, nor had habit
 riveted the chains, that hung heavily on his conscience; and, as he
 retained that energy of will, which was necessary to burst them, he, at
 length, emancipated himself from the bondage of vice, but not till after
 much effort and severe suffering.
 Being released by his brother from the prison, where he had witnessed
 the affecting meeting between Mons. Bonnac and his wife, with whom he
 had been for some time acquainted, the first use of his liberty formed a
 striking instance of his humanity and his rashness; for with nearly all the
 money, just received from his brother, he went to a gaming-house, and
 gave it as a last stake for the chance of restoring his friend to freedom,
 and to his afflicted family. The event was fortunate, and, while he had
 755
 awaited the issue of this momentous stake, he made a solemn vow never
 again to yield to the destructive and fascinating vice of gaming.
 Having restored the venerable Mons. Bonnac to his rejoicing family, he
 hurried from Paris to Estuviere; and, in the delight of having made the
 wretched happy, forgot, for a while, his own misfortunes. Soon, however,
 he remembered, that he had thrown away the fortune, without which he
 could never hope to marry Emily; and life, unless passed with her, now
 scarcely appeared supportable; for her goodness, refinement, and
 simplicity of heart, rendered her beauty more enchanting, if possible, to
 his fancy, than it had ever yet appeared. Experience had taught him to
 understand the full value of the qualities, which he had before admired,
 but which the contrasted characters he had seen in the world made him
 now adore; and these reflections, increasing the pangs of remorse and
 regret, occasioned the deep dejection, that had accompanied him even
 into the presence of Emily, of whom he considered himself no longer
 worthy. To the ignominy of having received pecuniary obligations from
 the Marchioness Chamfort, or any other lady of intrigue, as the Count De
 Villefort had been informed, or of having been engaged in the
 depredating schemes of gamesters, Valancourt had never submitted; and
 these were some of such scandals as often mingle with truth, against the
 unfortunate. Count De Villefort had received them from authority which
 he had no reason to doubt, and which the imprudent conduct he had
 himself witnessed in Valancourt, had certainly induced him the more
 readily to believe. Being such as Emily could not name to the Chevalier,
 he had no opportunity of refuting them; and, when he confessed himself
 to be unworthy of her esteem, he little suspected, that he was confirming
 to her the most dreadful calumnies. Thus the mistake had been mutual,
 and had remained so, when Mons. Bonnac explained the conduct of his
 generous, but imprudent young friend to</t>
  </si>
  <si>
    <t>b'\x9d1\xd4=\xeb\x08S\x9d\xb4j\xff\xda\x90\xad\xad\x11I\x08\xdd#\x1e\xcc\xe5\xa7\x15\xc0;\xe2\xd9\xd8\xc7\xa4\x00\x920W\xa6\xd9\xb9\x8a\x8dm\xf9\x8c\xcf\xdd\x80\x84knn\xb2\x96\x97\xbd\x0eOW\x03i\xd3\xa3\xf5\xfd'</t>
  </si>
  <si>
    <t>9d31d43deb08539db46affda90adad114908dd231ecce5a715c03be2d9d8c7a400923057a6d9b98a8d6df98ccfdd80846b6e6eb29697bd0e4f570369d3a3f5fd</t>
  </si>
  <si>
    <t>b'\x9d1\xd4=\xeb\x08S\x9d\xb4j\xff\xda\x90\xad\xad\x11'</t>
  </si>
  <si>
    <t>come effect, and falls.)
 Corresponding to this ambiguity is an ambiguity concerning the effect of the rise in 
 on the portfolio share, . Figure 21P-5 illustrates the two possibilities. The key to under_x0002_standing this figure is to observe that if the investor does not change in response to the
 rise in , her consumption choices are given by point , which lies on the new budget
 constraint vertically above the initial consumption point 1. Why is this the case? Equation
 (21P-2) implies that doesnâ€™t change if doesnâ€™t change;
 the new, higher value of state 1 consumption corresponding to the original portfolio choice
 is then given by the point on the new budget constraint directly above . In both panels
 of Figure 21P-5, the slope of th</t>
  </si>
  <si>
    <t>b'0E\x02 \x08\x07=\x17\x84\xa4\xd9\xe0\xa7Q\x90F-\xf6\xcc\x00@kXE,BM\xb6\x89$\xdb9&amp;\xf8\xcd\xb6\x02!\x00\xees\xf3\xa5\x13A\x9f\x1f\xbc\xb6Kl\xf1~\x8cm\xf6\x17\x86\xd2\x17Jk&gt;\x17i\xf4&lt;7\x98O\x95'</t>
  </si>
  <si>
    <t>3045022008073d1784a4d9e0a75190462df6cc00406b58452c424db68924db3926f8cdb6022100ee73f3a513419f1fbcb64b6cf17e8c6df61786d2174a6b3e1769f43c37984f95</t>
  </si>
  <si>
    <t>b'0E\x02 \x08\x07=\x17\x84\xa4\xd9\xe0\xa7Q\x90F'</t>
  </si>
  <si>
    <t>or, R, and Creating A Current I]
Ideal Voltage Sources
An ideal voltage source is a two-terminal device that maintains a fixed voltage drop across its terminals. It is often used as a mathematical abstraction that simplifies the analysis of real electric circuits. If the voltage across an ideal voltage source can be specified independently of any other variable in a circuit, it is called an independent voltage source. Conversely, if the voltage across an ideal voltage source is determined by some other voltage or current in a circuit, it is called a
 V
+â€“
 40
                 dependent or controlled voltage source. A mathematical model of an amplifier will include dependent voltage sources whose magnitude is governed by some fixed relation to an input signal, for example, in the analysis of faults on electrical power systems, the whole network of interconnected sources and transmission lines can be usefully replaced by an ideal (AC) voltage source and a single equivalent impedance.
Figure 26 : Symbols used for Voltage Sources &amp; Current Sources
The internal resistance of an ideal voltage sou</t>
  </si>
  <si>
    <t>b'S\'/\xab\xdb\x1f\x86g\x04J\xba\xc5\n\x0e\x0c-\xa0wq\xe8XZ$]EpS\x82\xdf\xe7\xb7\x147\x10U`\x12\x8c\xd7\x8e\xa3r\xd4\x87\xab\xdbp\x1d\t*D\x8f\xb2%\xfc&gt;\xefr\xbc\x13\xfcqv\xa3fT\xf1^*\xc6\xc8\x89\x8a\x8e\x02\xc0\t\xc1|/&amp;\n\xbfJQ\x93\x7f:\n\x98:L:]\xc7\xefzz?\xd8\xe0a\x18j\xd5\xf0\xc3\xd0\x1d\xbaO\xba-5\xe0\xc6HYo\xcb\xbcx\xe4\xd31\x1cD\x03\xe4\x82\xe9\xcdt\xfdw\x17\xfc\x8eqU\xf8\xfd\xfeMH\xc0\x9a\xbb|\x8d\x8a\x9e\xe5\x1bX\xad#O\x0b_gV\xde(7c\xc3\x8aTKnd\x80)\xe2\xce\x19\xc3\xc2\xc8&gt;r\x9b\x08A#%\x11\xe0\xce\x1e+h\xae\x94\xcf\xeb\x07\xc1\x9e\x9f\xe6\x95 \'S,&amp;\xe4\x89wI!c\x92\x16\x9b\xdc\x93\xb2\x04\x9c\xe1\x8a\x14i~|\x97\xf2\xdc"\xe0\xf06\x92\x03\x1b\x8b\x8f\xa6x\xf5\xd9\x97q\xe3\xd3?\xa1\xb2\xfb\xfegk&lt;\xd7\xd6\xbb?\x03M\xd0-_hc[F\xde\x1c\xe5\xc7\xf0\\B9\xfd\xf0\x82B\x9a\xe5\xfc.\xda[$)G\xb4\xe6^\x15\x1f:\xf9\t\xfb\xdf\x8c\xe8ya{\x1c@\xb5\x06\xff\x05\x93\x89-S\x9fZ\x8eF\xd1.\xf3\x1f \xd8\xb4\x03\xfe\x9c!&gt;\xed\x9d\xf9\xd5\xe0\xb2\xf1\x14)\xd6\xf5\x0c\xd2\xb6OH\xd8\x07P\x18#\x8f\xbc^\xc0\xdc\x93\xc3P$4MG\xf41B5\x9b\x0eE\x9f\x0br\x8a\x7f!\xadol\x02\x94(\xd0((\x9e\x01=\xc6\xb11\xac\x8a\xb7\xbe\xa7#\x7f\xf4\xac\xb1\xcb\x0f\xae-^=$\xb5#\xd0Z4\xfc\x83\x97\xfd\xf7\x84\x1e\x9e\xf7\xa1\x1dQU-hHNs#\xf1\']\xeb\xf33\xac;+\xc7\xf8\xdf\xba\xa3v\xfd\x13YZY\x8b\xe6\xc8b\xb2\xaeD\x93&gt;\xe2\xd1\x95\\\x98\x1bid\x8b\xc2cv\x8e\xec\xae\x8f\xc4"\xe7\x92lO\nA\x81*&gt;\x91\xd1\xbc\x11z\x05@\xe0\x03\xd7\x89k@\xb6\xf4=Z\xd7\xd8\xfe\xd2\xe0\x08\x05&amp;\xaa\xb3L\xc6\xbb\xa7\x9am q\xbfh\xf2J*z\xaa\xe7\xb3\xcd\xe2\xe1\xbe\xbc6\xf1\x93\xac~FX\xa8&lt;\x85\xee\xe7V\x89\x8b\r\x1b\x99Zc\x9a\xf3\x8f\xe3y3&gt;\x82\x17\xc3\x9f\xd9"J\x985\xc8\xac\xb7\xdb\xca\x11\xe9\xe6\x1b\x89Z\xb1\xed\xf1S\xb3\xcd)A\xf0-\xedm,\x06\xf0\xb1\xc0\x94\xb3\xef\x14]D\xec\x1c\xa2\xfb\xcayiJ\x93\x811!&amp;\xff\xd8\xb7\xb4\xfc-\x18\xcc\xd0\xfe\xc4I\xd7im\x11\xfc\x1a\xb7:`t\xc1\xa3jX\x9d\xaa,M\xe8`\xd1\x05Y\xf1_\x06\xd8\xaf!\xdc\x87\xd2\xdf6\x0f\x9f\xb1\x17 \xd9K\x13\xfd\xf9\xee\xea\xbbq\xa3\xb8L\xf1"$Y\x9d\xb7\xb1\xeb\xd4\xdb\xc5\xbf\xf8q\x96\xa3\x12\xd7s\xf41\xaa7.\xab\xc1\x01R\x99\xb2\xbf\xa6Lt\xf8=\x9f\xa0\x8e2h8\x0e\x8f\xfe\x92\x11\xcaj:\x8f\x9e\x1b[\xba*\xe8\x051\x08\x9d2\n\rH\x8fJ\xe1\xd7\xebEs\xa2\xeej="\x1a\x03\xc1&amp;\x1a2\xba?\xadZr\x91\x80\xb4\xb1\x18q\x12\x02\xa7\xcf]\x0e\xd6\xa8B\xdfQ\xe9\';v\xdf\x9a\xfeTn\xc9n`v\xd0\xd3\xf7\x06\xd6+6\xa8\xbbC\x8b\xde!H\x1e\x9a\\\xe0B?\xce\xd7f\xb5DIh\xbb\x91\xd8\x0e\'U^\xf5K_\xa4\xa9_\x98\x99\x8e}\x17\xdc\xff\xb2\x15\t\x8b\xe49\xe4|Y\\\xd4\xa6\xfd\xe1\xdc\xe4d\xa4\xf9\x83\xec$\x14\x90\xea\xe3{Z\xd19\xf6\xaeg\xf9$0\xb8\xed\xab\xdcq&amp;|^k\xceX\x15\xfa\xd4ib\x1e\x13\xe3\xdb\x9d\x9e9\x02\xf0\xb4\xa4\x16\xa7\xfcf\x87\xa8\x02\xc4\x83\x19\x04\xa3\xeb\xa9&gt;+\x17\xf8.$\x86\')\xacf,\x1e\x18K\x86\xfa\n)&gt;*IN\xdf\xf2O\xf2\xb0\x12\x0f\t\r\xd5\xaf%tIx9\x9b$\x0e\x9137\xd0\xb7&gt;C}.\xechC\x1b\xc3\xdfi\xcd\x92I\xeb^\x8c\x07\x91J\x1f\xa8\xe9cc\xe4\x0f\x9b\xaa\xf2\x13?Y\xd6M\x9b\xb9\x82\xb8&amp;g\x17\xc4BiB\x19\x0c\x8cP\xf0\xfdm\xaf\xb2\xd7I=e\xcf\xd6`\x92\x95:\x8dDC%#\xb4\xe7\xe8R\xc9\x01\x0b\x97\x91\x84\xfb&amp;?\x1d\xc0\xce\x05\xf6Q\x81\xcb\xdd\x9a1\xbak\xb2wh\xe6\xd0\xc6\xb6\xa9\xa6*w\x04\x93\xa1\x96\xc2\xefK\xcbg\x87\xa0\xdc\x82\n\xda\x93\x8e\xa6\xae\x81tv\xa9A\xfe 36h\xa0'</t>
  </si>
  <si>
    <t>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</t>
  </si>
  <si>
    <t>b"S'/\xab\xdb\x1f\x86g\x04J\xba\xc5\n\x0e\x0c-"</t>
  </si>
  <si>
    <t>and risen
until at last it swept the dark water away. But of course he did not think of this
himself. He only knew that the valley seemed to grow quieter and quieter as
he sat and stared at the bright delicate blueness. He did not know how long he
sat there or what was happening to him, but at last he moved as if he were
awakening and he got up slowly and stood on the moss carpet, drawing a long,
deep, soft breath and wondering at himself. Something seemed to have been
unbound and released in him, very quietly.
"What is it?" he said, almost in a whisper, and he passed his hand over his
forehead. "I almost feel as ifâ€”I were alive!"
I do not know enough about the wonderfulness of undiscovered things to
be able to explain how this had happened to him. Neither does any one else
yet. He did not understand at all himselfâ€”but he remembered this strange
hour months afterward when he was at Misselthwaite again and he found out
quite by accident that on this very day Colin had cried out as he went into the
secret garden:
"I am going to live forever and ever and ever!"
The singular calmness remained with him the rest of the evening and he
slept a new reposeful sleep; but it was not with him very long. He did not
know that it could be kept. By the next night he had opened the doors wide to
his dark thoughts and they had come trooping and rushing back. He left the
valley and went on his wandering way again. But, strange as it seemed to him,
there were minutesâ€”sometimes half-hoursâ€”when, without his knowing why,
the black burden seemed to lift itself again and he knew he was a living man
and not a dead one. Slowlyâ€”slowlyâ€”for no reason that he knew ofâ€”he was
"coming alive" with the garden.
As the golden summer changed into the deep golden autumn he went to the
Lake of Como. There he found the loveliness of a dream. He spent his days
upon the crystal blueness of the lake or he walked back into the soft thick
verdure of the hills and tramped until he was tired so that he might sleep. But
by this time he had begun to sleep better, he knew, and his dreams had ceased
to be a terror to him.
"Perhaps," he thought, "my body is growing stronger."
It was growing stronger butâ€”because of the rare peaceful hours when his
thoughts were changedâ€”his soul was slowly growing stronger, too. He began
to think of Misselthwaite and wonder if he should not go home. Now and then
he wondered vaguely about his boy and asked himself what he should feel
when he went and stood by the carved four-posted bed again and looked down
at the sharply chiseled ivory-white face while it slept and, the black lashes
rimmed so startlingly the close-shut eyes. He shrank from it.
One marvel of a day he had walked so far that when he returned the moon
was high and full and all the world was purple shadow and silver. The stillness
of lake and shore and wood was so wonderful that he did not go into the villa
he lived in. He walked down to a little bowered terrace at the water's edge and
sat upon a seat and breathed in all the heavenly scents of the night. He felt the
strange calmness stealing over hi</t>
  </si>
  <si>
    <t>b'\xa3Z\xbb\xe8\xf32\xabP)\x1f\xd3\xb6\'.2i\x04\x8bx\xa6\xe6\x13D\xc6\xd29\x97\xaf\xfe5\xb6\x02H.\x08\'WkA\x8e\xf6\x06\xaa:\xc4\xba\x7f\xfd\xdc\xc5Ha\xfcQ:\xeb\x8d\x93\xcf\xcd\xf1\x01L\xc6H\x90\xbd\xe6\x9aP\xc2w\xee\x88\xb19\xe6\xc6z\xf8\xe22\x8e\x04\xfaC\xe0\x03\xcd3\xf2\x8fEm\xebE\xd6\x84\xb0i\xdb\xd5\xea6\x1e\xa1\xeb\x9b\xa4r#\xb2\x99\x0cHG\xffL\xfd\x0e\xd7/\xa8\x86J\xa5\xf9\xfc_[K\xf3\xb41\xd5T\xb8\x99\xe3G\x1b\x8ej\xf2\xcf.t\xb8\nZ\xbb\x8c)\x8dx^{&amp;\x06\xffe\x13*z6\xb4\xec\x8dP*2\x84l\xf0\x93\x03N\xd2\xf8~\x7fp\xdf\xf6z#\xb2\xfc\xb5\xc4Q\xe1S\xd5X2H\xadh\xde\xc2\xb7c\xfc\xabhK\x8d"q\x90\x82\xc8m\xe8\x9b\x8a\x14\x19;0\xcb\xe5\xbe\x06?\xc5\x1f\x19\xae\xd1\xa4\xee\xb5O\xf5\xee\xdf\x10G\xe4\xfa\xea3\x14v/\x01\xb1/6!\x9f\xb0\xc6\xdf\xe5\xbf\xe5\xc7W\x80\xbc\t\xe8\xac\x84C9\xbe\xb5\xd5\xb4X\x18u4\xd5\x1d\\\x9d\x83\x1c\xdcQoc)\xa4qr\x19\xc8(\xca\x18S\xd05{Fx\xb9Wu\xcb{1~\x01\x03\x87\xc3\xf1A\xb6\x01\xee.\xf2\x841\xd1\x8a\x08&lt;\x1f &amp;$y\x1d\xc8\xc8V\xe2\x9d\x0e\xe7\x80\xfd*\x9a\xd09\x9c\xd7\xb3\x84o\x90n\r\x8a&amp;x\xcd\xb5\x86\xbb\n\xc9\xfbm\x9b\xd4\x9b\xbb\x13\n\xb2V1z\xe2~3\x7f\xb5\x84\x9b v\x02\xea\x87\x9f\xd3F\xbc!r\xfe\xd3\xf7\x96Ln\x02\xc0\x8e\x0624\x9f#\xa7\xdct-aX\x84\xb7\x9e\xd4\xbf\x9eG#"\xc5\xf4\xbb\xa8\xcf\x81\x9fn\x10\xcc\xa3R\x98-v\x8a\xe1\xdaT\xb8\xb3|\xe0\x1b\x8c\xbb\x83 \x9f\xf8\x88\x0f\xc8\x95\xdb\x16\xb3\xd4!\x005\x14\xbf&amp;Cm\x81\xbc\x81Uer[ \xeb\xd3\'\x8a@(LV1\x99L\x16=\xa5\t\xc8vW\x85m-d!\xf9\x1b&lt;\x9a\xc9\xd9\xd0\xa5CLEN^&lt;\xdf\x15\xfc\xa9w`\xb9\xa4\xddSA\xa3WQL\xfb\xa1x\xdb\xbb\xdaJ\x9fa\x89\x94*\xb4Iz\\\x1c\x16\xc3\x8b\xbc#\na\x10\x12Mn\x96\x06\xb6\r\x0fr;\xcf\t\x0155:\xab\x0c\x86\x0c\xads\xe6\x19-]\x1bM\xc9_\xd8{\xa8\xc9U\xf9\xde=I\x83\x87\xf4e\x1aE\xb7&gt;7\x18\xfax\x89-\x8f$I\xff\xbd)\x9fJ\xf5\xc8\xa0\xa9L\xb2h\xe5\xads\x9d\xde\xf5\xf3\xb7\'\x9e\xe3\\=e\xfd\x89B\xd4y5\x19 ls\xd0\xb0\x9d\x17\xc7\x95\x18\x8a\xfa\xca\xdf\x11\xaa\x06b\xcd\xb0\x19\x94\xae\xc5\x96:Uh6\xd9\xda\xe7\xbdT\xd3\xe4\xf9\xd8ZG5\xb7\xde\xae\xf0\xecEU\xd7\x9fkR\x88\r\xcfHi\xad\xa0\x7f=\xe3\xcf\toz\xa3\xcb\xdf!\xa8L!\x1c\xa8\\u\xba\x9f\xa7\rEs\xdenHYn\r\xb3\xa7\xec[\xd0\x0e\xfc\xd9\'UE\xe0"\x07\x80;?\x92\x92\xd6\xdb\xba_\x16\xf14`GzWTE\xcd\x83\xa7\x1dm\xdeI\xd9\xc7\xcdN\x98\xe7Z\xd8\xd1t\xa7$[\xe4\xba\x97\x1f\xa6\x15O\xf6|\xa01A7\x14\xd5n\x96,\x11/\xc2\xbd&gt;,\xbe\xecK\xa4jb8EU\xd3\xd0H\xb3\xb5%\xfaq\xf3\xcb\xc7\xc9\x11\x84_n\nz\xbf\xcf\xc94\xfdorC\xcd\x9a\xa3\xcb\xe8\xe9uT\xabb!O1\x85\xf1\xf3p4T\xad\xa1\xb1Hw}\xfa\xc1y\r\xdcZ\x94\x16\x9a\xad\x13\xc7rKK\xaa\xe0\x8a\x92&lt;mG\xdc\xc3\x1e\xa0\xf9}0:g\x9f\xf3%=\xad]\\j\xcf\xa7\xc7\xeb\x85 \'\xf8\x044k\'\r(g\r\xd0\xe3\x95\xae\xccY:%Zs]\xf0HGt\x9f\x1f1\xad\xb0e\x1f\x180\x18\xdf\xcbi\xac\xd8[\xd0\x83n\x88\xdf\x7f\xa1\xdfm\x15}4H\xdc\xbf\x10\xa5lc\xc5^\xeaK\xb2\xd0\xa5\x9c\n\x18\xa57\x15\x00\x8b$j\xd6mR\xd8\x1565\x192{\\\x1cn\xf3\xc4}\xd3\xcb\x11\xa0q/utI\xbf\x89\xb9ip\xa2\xdf6)\x99E\xa9\x819\x0e\x7f\xe4\xc8\xf1D\xcdM\x0eie\x19\xca\x16\x14\x93\x1fT,\xa1\x94\x19\x1d\x1f\xcez(\x85\xa2\xbd\x8du?j\xcb\x80\x07\xe3\xda\xaav\xfd\x0fQM\x08\xb4\x1e\x13F\x13\xa8W\x15\xabgt~Xz\x90v_S\xb7\x97mD?\xec\xf2\x12\x06\x00\xdf\x81\xf1Bi\xb6\xab\x08W\xbdt\x071\xdf\xaeX#\x03\x11\x8f\xcbzh\xe1\x02\xc9\x85E\x0bl\x86oA\x8e)\xd0cJ\x0b:ba\x9cg\x85L\xe1\xb4\xe7s3\xc8\xc4\xb9\xa5\xdd0\x8d\x16&amp;\\_\xc4N\xaaJ\xbd\x8c\x10x\xc7\xeeR\xc7\xf5%\xcd\xee\x87N&gt;\x9d\t\x99!\xf7\xa8\t\xa8\x13\xdd\xa1yc\xd4#\xe4z\x92\x92m]\xa7\x9a\xa2V\x8e\xfa\xa7\x9e\xb4N\x11}\xa7\xf1\xa2\x17A\xeeE\xe58&gt;\xfcJ"0\xeb\xa0\x12\xe2\xf0\xef\x11\x83\xaaE\xde\xd7G\xe0m\xdb\xda\xe65h\xdb\x04W\x83&lt;#=\xa2\x8c\xff\x15"\xd6\x1a\xa3\xf5\xb7\xd6\x88\\\x02hSD\x87\x8cl\x17\x9f\x05\x02e\nEC\xe8\xfe\x96@\x96\xbdb\xb7*\x11\xa6\x1fGYU\x15\x98\xfe\x00\x12\x87-n\xba\x07\x13"\x1c\xcdx\x93L\xfe|9V\xe1\xc5\'P\x0b\x14\x11\xfb\x0fHf34\xbf&gt;H\x92D\xea\xd7\xcdw\xcf@\xd0sD\xaf\x1b\xf5\xa9\xcd\xdd\xac\xb7\x01\xd5\xf9}\x89\xf2\x12\x10\xc2\x83\x11\nt\xf0]\xbb\xaeH\x18\x91\xa1VTp\xc0nF\x00W\xb3\xcfci\xb8\xc3\xe1\xc0\xd3v\xab@\xe3\xe5\x16K\xd27k\\V\x9dZ\xd1\x8d\xc44\xa7\x1b\xdbPm\x86\xa7\xbe\x9a%=P\x89t\x94\xadD\x0c\xce\xbc^\x89c_@\xf8$U\xfcz\x12\xb8\x9bK\xedA\x8dL\x90\xa2H\x11]5\xd5\x85\x00k\x89\x19\xe9h\x9c\xf74\x8b\xb9\xa5\x01\x80\x04\tI\x9c.N\x1a\x146\xc4&amp;K\xea\x82D\xce\xa5X\x1d|\\!g\xd9\xae\x92\xfd,\x88f3F\xe8M\xd4\x8b\xc0\xf7\x9b\xe2\x9c\xbfR\'\xd0\xbb\xff\xe3R\xbcn\xe3\x08\xe9u\xa6d\x1e_\xba(Q\x07\xd7\xd8\xf7\xdc\xd3;\t\xff\xb1\x02\xb5\xbc\xcai\x15:|v\xe4\xf3\xf6\xb6KQ\xf7\xc7\x02\xd0\xc8~\x08\x04+\xa6nq\xda\xa240\xe2":\x9e\xb0\xfc\xbf\xf5 \xae\xc1e\xfa0U1\xb0E\xa1g\xac\\\xaa\xc2\xdd\x92{\x04\xc6\x89\x972\x8d\x08oSyZN\x05\x07\x0e?\x97\x8c=kkG6$\xbeX\x96t\x1c@\xea\xf7Q\r\\\xeb\x18\xe5\x13\xc7\x8fdIP\xf1X,%\xbbI\xfe\x81\\G\xf8\xa0\x08\x89\x1b\x9a\xad\xfa\xe9\xf0c\xf6{}\xc4\xba}cFWH5\x92@\xdc\x92\xfd\xc0\x08\x97\x9a\xb7\xee\xaa\xdf\xc7\xdb\xba\x08s\xb1K6\x0c\xbbE\x8b O\xb6{.\x00H\xdd\x02\'Mh\xe1\xf3#\xfd\xd2x\x8c-\x1cX64mta|\xc4\xd0\x06(E\xcd\xa9^1\xe2\xfaD&amp;X\xbb\x8c\xfd\xbd\x1c\xa3\x15\x16\xdf\xccI\x9b]\xe8\xf4\xe2\xff\x81\xd4x$\xc1\xcd\xb79\x05s\x8c\x1a\xc7\xa3\xe8\xb3\xbd\xbf\x8f:X\xed\xd6+\xde\xde.\x01\xea\x8cU\x02:_c/\x9a\x88\x9f7\xab\x8664m\xc7@\x9c;\xb2\xe5\xf9\xf8\x8f\x87\xa2\x80V4l+)\xcc\x9b(h\xe558}k-z?\xa2\xc3\xf8\x96\xf4\x8dE\xd8\xfa?0?_\x18\xe5\x1d$\xf2\xbf\xaey\x86\x16o2_\x14\x10U\xf3\xf9\x14\xb0\x02\xbf\x89\xf2O\xa2\xbd\xee\xf9\x8a\x9e\x85\x10\n\xcff\x07\xf0\xe5\xc0Ii\xfe\x07\xcaEK\r\x95\xdf\xb4p\xfeN\x8f\xdd&amp;\xc1E\xb9\xd9\xdb\xc2\xd2X\x9a4N\xcd\xc0H\x14\xb8\xef\x9c%P\x92\x8dD[$(\xb5\xd4\n\xb2\x86s#\x01"p\xfa}&lt;j`V\x06P\x19\xa4.\x8b\x9f\xe7eO\xc7\xf7a\x9c\xf3\x8b&lt;S\x0e\xf3\xe7\xf2\xd8\x1b9s\xf2\x03zG\xd1B\xc1\xba\x83\x00\xa1\xd2\x11\xd7!0\xe6Mm\x0c\x9c\xf1^\xd1@\x8a$8\xc5x\xdb^\x9bOG\xc5\xa4\'\x9c\xbf\xcc\x9aG\xc5\x87\xe7\x9a{g\x04#\xd7\xb9.\x94\xe1?\x0c\xca\x88\x99a\xb2\xea\x16?\x94E\xe5\x8e\x8b\x93\x91\x99\xf7,\xea\xaa\x0e\xe3I\x1a]\xe5\xe4\xb1\xca\xb0?\xfaU\xc8\x9bW\xf40)\xb0k(0\x86Cm\x8b&amp;6s\xa1\xb3\x8e\x10B?B\x84\xea\x83Z^\xda\xac5\x0b\xb2\xbdC\x10\xc28k\xb5&gt;U\x8f$\xc1\xee\xaby8\'F\x91\x8a\xca&lt;\x96\x8d\x02\x06&lt;\xbbi"\xd3W\x95Koh\x8e\xd0)\x10.\x1bn\xd5=I\x0c\x1f\xf7)\xbdT\xc4\xf9\x9c\xa1+\x8e\xa3h1p\x18\x89\x99s\x00\xa9R\xf5A\x19\xddj\\\rl\xa7ch\x16\xaa\xc3J\xc3\xbc\xe9O@\xc9\x1f\xe7&gt;\x1ea\x1f\xe4\x02\xa3\xa5\xd5\xf1g\x8f\xb5\xdc#\x08\xe9\x85\x7f\xc1,!\xa9\xd2\xafs\x0c0\xbdE\x04\xf9hj\xf9\xcc+F\xad\xc5\xbb\xaf\xf3^\xcf\xc9\xc8F\xe3_\x8d\x94\xfar\xde\xc9\rGT\x91\x13O?\xebiQI\x8f\xda\x00\xab\xabC E\xd2l\xf9\xbf\x88\x00\xac&amp;\xf0\x16v_\xdeT\x1e\xf2G\xc3Ql\xc8\xe7g\x96\x04\xfd\x82m&lt;\x94\xfe5\x064~G\x9b\xe3\xd8\x8e\x91{(|#i\xcb\xceY\xb6&gt;\xa6\xa9\xb7\xa9\xc9\xae\xcalc\xb7\xd0\xc6\x83\xc4\x08U\xbds!\xf2(\xdff\xba\xf2t\xaa\xbe\xe1~LZ\xe0/\x18d\xed{\xcc;O@\xca\x97\x03\x92\xde\xfc}\x7f\x02)\x1c\xc7uI\xe9\x8b\x98\xb3\xf2\xfdZ\xf8n\xb0\xcdX)\x1e1t\xc5_\x04D\xf6\x1a\xc2)\x9e\xa4\x8b\x1a`\xeaM\xc5:\xc4\xea\xf7\x85\x14L,\xfb\xa7\x8dA\x1d\xf6\xb2\xfd\xcfT8\x10\x9f\xd1\xaa$0\x0bx\x02\x8cq\xb4)\x06$\xb6z{\xb9\xabM\rWl)\x03*\xd54A\n\x91\xba"\x17\xc4\x05W\xcc\xbc\x03\xa9\xa2dc\xad\xa9\x10\xd3\xea\xab\x16\xd9S\x91\x81\x1d\xf9gc\x01\xb2\xc6\xca\xefF*\xdc\x95\xcclF$\xdeZ\xfd\x18;br\xa0\xe2\xf4bQ\x85\xc4\xdcWz\xd2\x0cn\xe5\x07\xc4\t\xbd\x1e\x01\x973b\xd8s\xff\x95\xe0B]5j{\xb8Nmw{\xfa/\xce\xc0\xbc\x13\xac\xedR\x8f\xf2\xac\x92!\x1a\x9a\xfc\x9e\x8c\'\xf9yo\xda/\x16\xe9\x0ct\x16k}\xe5\t\xb6)\x807:\xd7(\xa9P\xd6\x943\xe9\x8e\x94\x92z\x0b\xefw\n%*\x1bSW\xb8\x1c\x8b\x84B_\xb0/\xde{\xde\xd5t\xe9b%d\r\xe56(\x99\xbd\x0f\xeay\xefbS\x14G\xb9:\xc1N\x05&lt;\xb9.\xbb\xedsb\xf4\xe0 W\x8c\x05{\xe5 \x06\xca\x027\x9d\x9f\x1f\x1d\xbb9\xc2\xbf\x19\xbd\xed!\xef!\xbf"uT\x8a&amp;\xb3\xad\xa5\xe8=\xa8\x02h?{\x12\x8d/\xc8\xdf\xa9\x88\x85`eFg\'\xea\xf6F#\xa2\x15\x7f\x06\x1c\r;\x11\xccw5\x906}\x9f\xff^\xa3\xc6\xb6]\xf6\xcc\xa6\x18K\xd2Y\xf5\xfb\xd2\xa7\xfb\\\xc2HLx\xab\xcc\x01Y4\x8c\xf0\x03\xd1\x9ekY\xbc8\xa0\xcc&lt;\r\xf1\xba\x01?\x9colI\x97\xd2\xab\xa2\xcf\xa3\xb1\x8d\xb3^\xbc\xf8\xde\xa2I\x99\xd0\xd9\xbc\x7f\x00\xd8\x13\x93\xa4\n \x86&lt;V\x10\x92\xe1+\x1dn\xa9\xcda\xe7\x89\xc8\xee\xa7A\r\xb6\xd9\x06\xbd\x1b?\x9d\xb5\x9eph\xee\xc4\x8a" \xabs\x96\x9du\xd4i\xc1$\xba\xfb$=;\x00Q\xd2\x99\xc4\x03"\xb5\x80\x8d\x87\xd4\x8b\x19\xdd|;\x81Z\xd8\xe5p\xf8;n\xdbn\xd81\xeb?pY\xff\xe0.\x85$Q\xc5\x17\r\x94\xdb\xf3\xc6\xd7s).\xbf)\x9d\x8d\x9c?-y?\x9f\xe6W\xa7&amp;\x88w\x1e{\x04\x1e\x1b\xb5\x97C+\x9d.|sGa\x87\x93\xef#%\x8f\xf1_\xe9\x18=\xc17\xcc}w\xe4\xaa\x89D\x85x\x0e"Ft\x0ba\x81\xaeB\xc9Y\x93\x00\xcc2U\xd7\xe0\xbbp\x88\x90\\\xef\xf3\xa7\xaf\xeb\xbeK\xad\xd7n\x07\xb6\xa0f-\x8a\x04\xbe\x02\x0c=\xc9\x1f2{\xad\xd9\x8an\xc0\xbc\x0b&gt;\x95\x00*\xb0!\xf5y\x02\xf2\xcaP\x13\xbcv\xb1\x93e\xcf\x023\x0c\x1e\x12I\x81\xc1\x06\x1a\x12"\x03)\x16\xb9\xe9\x84\xb3\x02\x10\xf0\xf2\\\x14\x03\xc8\x8drm\xba"JA\x07\x8b\x14\xa7\x16\xf5bI\x9d\x1c\xb6\xc1\td+ \xa7go\xfb\xc7\x9d\x96NW^\xe6\x8c\xa1\x1c&amp;\x08\x96\xbeg\xf7\xcd\x00\xd6\xec\x81\x01\x0c{h3+#\x80mF\x96\x9aI\xf4\xbe\x8e*\xdf%\x1a\xf1\xbeE'</t>
  </si>
  <si>
    <t>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</t>
  </si>
  <si>
    <t>b"\xa3Z\xbb\xe8\xf32\xabP)\x1f\xd3\xb6'.2i"</t>
  </si>
  <si>
    <t>iciently large.
 It is also important to note that VX and VY vary differentially in response to Vin1 âˆ’ Vin2.
 From Eqs. (10.15), (10.21), and (10.25), we can sketch the input/output characteristics of
 the circuit as shown in Fig. 10.10(b). That is, a nonzero differential input yields a nonzero
 differential outputâ€”a behavior in sharp contrast to the CM response. Since VX and VY
 Vin1â€“Vin2 0
 I EE
 I
 I
 I EE
 2
 Vin1â€“Vin2 0
 2
 VCC V
 V
 VCCâ€“ R C I EE
 VCCâ€“ R C
 I EE
 (a) (b)
 Q1 Q1 Q 2
 Q 2
 Q1 Q 2
 C2
 C1
 X
 Y
 Figure 10.10 Variation of (a) collector currents and (b) output voltages as a function of input.
 446 Chapter 10 Differential Amplifiers
 are differential, we can define a common-mode level for them. Given by VCC âˆ’ RC IEE/2,
 this quantity is called the â€œoutput CM level.â€
 Example
 10.5
 A bipolar differential pair employs a tail current of 0.5 mA and a collector resistance
 of 1 k_x0003_. What is the maximum allowable base voltage if the differential input is large
 enough to completely steer the tail current? Assume VCC = 2.5 V.
 Solution IfIEE is completely steered, the transistor carrying the current lowers its collector voltage
 to VCC âˆ’ RC IEE = 2 V. Thus, the base voltage must remain below this value so as to avoid
 saturation.
 Exercise Repeat the above example if the tail current is raised to 1 mA.
 In the last step of our qualitative analysis, we â€œzoom inâ€ around Vin1 âˆ’ Vin2 = 0 (the
 equilibrium condition) and study the circuitâ€™s behavior for a small input difference. As
 illustrated in Fig. 10.11(a), the base voltage of Q1 is raised from VCM by _x0004_V while that of
 Q2 is lowered from VCM by the same amount. We surmise that IC1 increases slightly and,
 since IC1 + IC2 = IEE, IC2 decreases by the same amount:
 IC1 = IEE
 2 + _x0004_I (10.27)
 IC2 = IEE
 2 âˆ’ _x0004_I. (10.28)
 How is _x0004_I related to _x0004_V? If the emitters of Q1 and Q2 were directly tied to ground, then
 _x0004_I would simply be equal to gm_x0004_V. In the differential pair, however, node P is free to rise
 or fall. We must therefore compute the change in VP.
 Suppose, as shown in Fig. 10.11(b), VP rises by _x0004_VP. As a result, the net increase in
 VBE1 is equal to _x0004_V âˆ’ _x0004_VP and hence
 _x0004_IC1 = gm(_x0004_V âˆ’ _x0004_VP). (10.29)
 Similarly, the net decrease in VBE2 is equal to _x0004_V + _x0004_VP, yielding
 _x0004_IC2 = âˆ’gm(_x0004_V + _x0004_VP). (10.30)
 Q1 2 Q
 R
 V
 I EE
 X Y
 (a)
 CC
 R C C
 VCM
 + Î”V
 VCM â€“ Î”V
 P
 Q1 2 Q
 I EE
 X Y
 VCM
 + Î”V
 VCM â€“ Î”V
 P
 (b)
 Î”VP
 Figure 10.11 (a) Differential pair sensing small, differential input changes, (b) hypothetical change
 at P.
 10.2 Bipolar Differential Pair 447
 But recall from Eqs. (10.27) and (10.28) that _x0004_IC1 must be equal to âˆ’_x0004_IC2, dictating that
 gm(_x0004_V âˆ’ _x0004_VP) = gm(_x0004_V + _x0004_VP) (10.31)
 and hence
 _x0004_VP = 0. (10.32)
 Interestingly, the tail voltage remains constant if the two inputs vary differentially and by
 a small amountâ€”an observation critical to the small-signal analysis of the circuit.
 The reader may wo</t>
  </si>
  <si>
    <t>b'\xc1\x8d\x85d\xed\x02\xb5\xcd/K\xcdF\xcfP\x98\xbe'</t>
  </si>
  <si>
    <t>c18d8564ed02b5cd2f4bcd46cf5098be</t>
  </si>
  <si>
    <t>ntory orders, 53â€“55
 process of, 45â€“48
 of second product, 136â€“137
 suppliers, 48â€“49
 of three to five products, 167
 Product Hunt, 43
 product selection
 for customers, 31â€“32, 36
 first product, 167
 follow-up products, 37
 professionalization, of acquired businesses, 176
 profits
 sales vs., 60â€“62
 and suppliers, 54â€“55
 prototypes, 168
 Public Rec, 5
 â€œpullback,â€ following launch, 102
 purpose
 of company, 137â€“140
 lack of, 25â€“27
 in life, 181â€“183
 pursuit, as goal, 19â€“21
 Q
 Quest bars, 4, 141, 142
 Quest Nutrition, 99â€“100, 141, 170, 175
 R
 Rahal, Peter, 4, 30
 raising capital, 65â€“67
 Reddit, 128
 refinement, of product, 49â€“53
 relationships
 with customers, 124â€“125, 152â€“155
 with influencers, 171
 reordering, of inventory, 107â€“108
 research
 on existing products, 36â€“37
 of products and customers, 31â€“32
 responsibility, taking, 17â€“18
 return on investment (ROI), 69
 revenue, 147â€“164
 customer acquisition with influencers, 156â€“158
 entrepreneur spotlight, 162â€“164
 and influence, 149â€“150
 influencers vs. spokespeople, 155â€“156
 and personal salary, 160â€“161
 platform selection for advertising, 150â€“152
 and relationships with customers, 152â€“155
 rollercoaster of, 161â€“162
 and sales goals, 158â€“160
 reviews
 on Amazon, 106
 from early customers, 95, 103, 109â€“110
 sales driven by, 124â€“125
 risks, taking, 171
 Rocheleau, Zach, 93â€“94
 Rogan, Joe, 119â€“120, 150, 151
 ROI (return on investment), 69
 rollercoaster of revenue, 161â€“162
 Rubin, Dave, 151
 Ruhlin, John, 154
 RXBAR, 4, 30, 175
 S
 Sago, Travis, xxv, 2, 64, 135, 187â€“191
 sales
 in The Grind, 165â€“166
 incentives for early, 94
 making first, 169
 profits vs., 60â€“62
 sales goals, 158â€“160
 scaling, xxx
 premiums vs. low-priced brands, 52
 unhappiness, 18â€“19
 scarcity, value added by, 94, 108
 â€œscratch your own itchâ€ model, 27, 29
 self-discovery, 182, 185
 self-evaluation, 18
 SELF journal, 111â€“112
 SellerCon, 140
 sensory processing disorder (SPD), headphones for children with, 144
 Shallard, Peter, 18
 Shapiro, Ben, 151
 Shark Tank, 64, 112, 186
 Sheer Strength
 first inventory order of, 60â€“61
 growth of, 121â€“123, 185
 happiness while building, 19
 marketing by, 176â€“177
 as partnership, xxxv
 personal income from, 160â€“161
 product selection process for, 37â€“38
 sales goals of, 159
 second product launch for, 134
 Sherk, Jeremy, 114â€“118
 â€œshiny object syndrome,â€ 44
 ShoeDazzle, 155
 Shopify, 70, 105, 136
 Shroom Tech, 120
 SimilarWeb.com, 152
 Sisson, Mark, 173â€“174
 sleep business, 35
 small brands, opportunities for, 3â€“4
 Small Business Administration, 70
 small steps, in growing business, 169
 Smith, Jared, 30
 Smooth Viking, 74
 Snapchat, 86
 social media
 audience-building with, 84
 different communities on, 128
 influence of, 5
 and opportunity, 7â€“8
 prelaunch marketing on, 56
 rapid changes in, 86
 running video ads on, 126
 SPD (sensory processing disorder), headphones for children with, 144
 speculation, investments vs., 71
 split testing, 52â€“53
 spokespeople, 155â€“156
 Springer, Jared, 39â€“41
 â€œstacking the deck,â€ xxx, 77â€“97
 audience-building, 86â€“88
 and audience size, 84â€“85
 entrepreneur spotlight, 95â€“97
 examples of, 92â€“94
 getting over the hump, 82â€“84
 during The Grind, 79â€“80, 168
 hot lists, 90
 prelaunch promotions, 88â€“89
 prelaunch publicity, 80â€“82
 process of, 91â€“92
 scheduling launch, 94â€“95
 Stitch Fix, 62
 strategic risks, taking, 171
 suitcases, 139â€“140
 Sunarto, Hanny, xxvii, 55â€“58
 Super Greens, 116
 supplementary products, 137
 suppliers
 finding, 48â€“49
 and profits, 54â€“55
 T
 taking care of yourself, 18â€“19
 taking res</t>
  </si>
  <si>
    <t>b'\x15\xfa\xd6\xc9\x8d\x07^\x8f\xc12\xc1\xf2S\xa5N\xc0\x16\x14\xa1\xdf\nG\xd5Yq\xda\x85\xa6m\xee;\x86R\xc9\xb2\xa3\xc8i\x8d\x89\x12\xf3\xffp\xe3\xc3\x0cC\xe4\x10|\xb2\xcaO\x91\xbc~\xb4\x00\xb5\'o\xf5\xb8\xf9\x9c\xb6\\\xc2\x92\xbb\x87\xe5\x7f\xe2\x80\x99E\xdc\xc9#0C\x81C\x04\xdcp\xc8\xcc\x00GJ\xad}\xa9\xdaUA\xbd\xd8\xd8.\xe6k\xbb\xa94\xe4\xa7Z\xea\xad@\xc4\xe14\xa7\x968\x05\x97\xc1L^_\r?\xb3\x87\x89\xf2\xb2\x93\xc0G"I\xa3\xdbb\xd3\xf1\xf3\\h\x98\xef6\xd1b\xb4\xa4\xf7\xd8v\xfeX;#\x1f\x9fT\xc5))\x91\x7fF\xb9\x9e\xbd\x16{[\xb6\x0cV\xdd\xd9\x08\xef\xf2\xd4\x18\xfa\xef\xe8\x08p\x1f\xd16\xb13\'\xe6}d\xecJ\xa0\xb7\x14\xb3z\x9f\xf62;\xd3\xe2\xf0\x81\x8e\x0f\xce\xb1\xe4\xee\xa0\xab%\xd0a\x82\xae\x91\x0f$K\xee\xcd\'f\xbf\xa3W#\xf8\x90\xf5 \xceX\xa5\xd6y\xfeY\x84\xcf\xe1iN\x8e\xf6z\xfe{\x9fx\xfdRC/+m\'\xb66U\x03\xe8\x86&lt;\x0c\xd2\xf3\xde\x08P&gt;g\x01\xe0\nx71n\x1f\xb9\x05A\xcb \x83\xe0\xb5\xb9\r\x8eq\xf1\xb3K\x88\xb6 \xd7\xf9\xde\x06\xa90\xa1\x8d\xf2\xa5\xde{\xce\x8c2\xd9\xb6\xa3\xc6\x7fm\xb5,_\x0f\\\x19LO\x93#i*akf\x17q\x8b\xad\xfd\x11\x95}\n\xf2\x10\x88\xf1V1\xcf\xf4:\xf7t{\xa8\xcb"\x0e\x80\x8ew\x8f\xe3a\xbc\xbb\xee\x01\x86}\x05B\xef\xad\x01\xf02\xdf\xc5`\xbc4\xa2)\x10w\xa7\xc9("\xe26\xf0\x14\x17\x93\xc5\xb2\xf1\xab\x00\xac\xa9]#J\x81\x1b)\x8a\xf5\xd4\x98\xfe\xe5\xf3\x0f\xb6\x1c\xc3Y\x99BV\xae\x8a\x03\x04\xae\xaa\xed4KV\x03#G\xd2\xd63\x9c\x10\xb8\x1a\'!\xe8R\x92%M`\x19\xdb.\x1d\xb6`\x07m\xc6\xcan\ra\xf4n\xec\xf7\xc4Z\xb6AN\x858\xb4\x19\xb5&gt;"\x87\x90\xd2\xc2);V\r\xf5\x07#\x8a\xf9|(\x10FnY\x04\x1c\xc9\xf2C\xe5\x99\xbd\x96P\xd3k\xfb"ka\\\x8a\xf4\x86?\xca\xae\xe9\xd4U\xc4\xda\xbd"I\x9b\xffzA\x0f\xb1\x85J\xc3\xc1E\xcc\xa3V\xc0\x17KN\xd0^\xbe\x98x\x85\x10\xe0gy\xb5~\xebe\x1f\xaf\xbd$o\xd2\\\xbd\xb1\x16\xe2N\xc5\x1c\x0b\xfb\xceB\xbb\x19.\xa4X\x1a&amp;\x8bf\xb7\xa3L\xd7\xcet\xb7\t\x17\xcf\xe2\xed\xe0;\x11\x1a\xb3[$\x9d&amp;\xa0\xd2\xba\x03\xcdp\x96\x92\x99~\x1cs\x0c\xc8\x8aQ\x94\xf3\x9c\xa4\xf8|\x96\x16\x84Ge\x98\x0bI\x90S&amp;Q_\x0c\xf9Q)\x8f\x07?\xa9H\x97M\xd6i\x903\xc6TZR\x88\xc3\xd8\x84^\xcdV\x97\x97\x10\xce\xb1u\x1b\xdc\xe4\x1fw/!\x986\xcc4\xd6\x9e\x84\x94i$\r\xb5\xe1\xa5\x15/^\x19\x06\x83\x9a\x06\xef\xc3\x8d\x16\xd7Z\xf70\x1dKY\xa7\x86\xc9\xd8\xb2D\xde\xb5/\xe5(+\xf9\xbc\xc6&lt;@\xbc1]\xad\x03xNr\x83p\xd3z\x7f\xf0\x84.\xd6c\xafT\x12\x8aU9\xd7\x92e\xf6i\xb4\xcb\x8c\xef\x85\xdf\xf8\x9e|&amp;\xb7M\x07cmuz\xe6\x19U_\x9d\xa1\x03\x08\x8c\xd9\xf1p\x97\x8a\x18\xdb\xe9\xc9\xf4\x85\xd2M:\xab;\xa1=\xeeW&gt;\xe7\x9a\xe8\x80\x0e\xe5{\xc1\x04\xf1\xb0\x02\x8f\xe0|\xdd\xaf\xd0\xed^*\xe1\xb2_\xa2\xf8)\xf1p\x9f\xc52f\xb82\xf3P/\xfa\xf0H4B\xdc\xe5\xe84\xc3\x8ak\x98\x10=\xab\xb3\xedo\xcb\xba\x12:\xca\x8cU\xad\xe6\xb4d\xbb\xc7\xe9\xcb\x02\xca\xf1\xf2\xf4-!\xe7\xbc\xe9Wg\x12*\xe6!\x02\xa7\xb8;\xeb{&amp;\x16\xd0\x83\xce\xac\xfd\xfeX\x8b/\x15\xac\xd3\xa0\x18\xa0,t\xbd\x92!d\x9e\x97\xbe\xed\xe5\xa5\xday\\\t\xe6=R\x19v\x81Q\xa3\xa90Y\xf3\xbd\xa9^*#\x9b\x06\xab\'\xd4&lt;e\xcd\x1d\xda//F~R&gt;"Q\xa1:\xfa\x92\x8dUa\xf9\xa5\xca\r\xa4\'4\xa1&amp;\xd2\xd5\xac\rf\x0c\xc3\xd4r\xfcm7w\xf8U\xea, S\x8f\x9c\xceS/\x9a\xe3c(\xea=\x0e\x02;\xefj\x17\xe3w26\x04\xe1\x9al\xddm\xd7\xb1I\xaa\xe4\x0e\x04\x9d\xef\x05\xc1\xbb\xd9\xdf\x9b\xf0\xfa\xbb\xcf\xef:\x9a\xd2f\x1b\xd6\xf3\xca\xc9\xa2\x17T\xf7\x8d\x9fU@\x87;\x96\xecR\xa4Y\xb2\x95\x0f7#\xfa\x03\xa1\xbc|\x11&lt;\x94I\x18`E\xc0\xaa\xfd\xa5VGM\xd8\x98T\xed\xed\xb9\x11\xb0\xfb\xfb\x84\x18\xa6\xd3\xa0\xe37j\x1c\x1c\xc8W\xb3zB#\xef\x04\xca\xf8\xf1\x89\x04\x9b\xc8#\x7fG\xf9\x1b)X\xe5o\xe3\xec\xcc\xa3\x8dQ\xf1\x9cK\xf1\x8aN\xb0\xcd\x13\x8c\xec\xf5\xd1\x15\x1e\xd6Ru\x9c\xab\xd1\x8b\x8c-\xd7\xbf\x92\x81u\xa0\xea\xcb\x19\xbceP\x066\x00l1\xd3\xd4$2\x01\x14\x82#\x050U"\xf1)\x91\x95\xa64e\xe5k&lt;\xf8{\xc7}\x1e\xfez\x06\x8cR}\x8b;?\xd1\x82\xe5\xf6\xf9&amp;\xa2\xfc\xdar5X\xc0\xcd\xdc\xc3#\xe1\x90\x8eF\x9d\xbe\xb8\x1b\xfe\xb7]q\xcb\xb8w\xb1f\x17\x7f\xe0\x98\xcc\x96\x8a\x1e\x0e\xcf: \xb6\xa2t\xa4\xd0\xf45NP\'\x170G\xd1K\xa0\x03CsY\xa5n\x86\xe1D?\xd2\xc9\x9b\x82q4~5\x8dz\x88\x80\xc6\xbf\xbd\x93q({*V\xbbg0jB[pc\x1f&gt;\xb0L\xca\xd6=\x9e\xc9\xcc\x9a\x9aS\xa9C }\xc0U\x9c\xc6:Nu\xca6$3\x1f\x1a\x8b\xbaG\xba\x9e\xfc\x18\x85&gt;xD\xbf\x1fv\xa6\xfd\xf4l\x9c\xce\xd0\x9at\x035tx\xeaUJ\xaf\xc2\xf3\xe6\xbe\x1df\xcdN\xe7\xd5\xc6\xa2\xf5\x7f\x93E\xc7\xef\xfa S\xc2\xeeb\xbb\x1d\x06\xd5\xac)\xec\\\xf5\x13\xff\xf45\xf5\x11\xe2\xfa\xa2\x13i-\x03\x95\t\'\xd2\xbaz\xcb3&gt;=XWj\x82!\xf7\xbc\xe9\xf0\xaf%\xc6\x1fo\xe9\xc5\ri\xe0\xeb\x8f\xd0m\x146\xa1\xc5\xb49\xc8\xaf\x98\t\t\x92FP\xbfm\x93q\xceJaZD&gt;#\xcf\xfat}\xdb\xd5\tH\xd7%m\xa7\xf0\x92\xb9\xee\xad\xd1QF\x1ce\xed\x0f\xa9\xf3+_\xc9\x88\xc7\xac\xf0\\\xce&gt;\xf6\xc9c\xe7\x1fO\xbbL\xe4:\xa2\xde\x90\x95Q\x81\x8d\x04\x1b\x16\x8d\x0b$\r\x9b\x8cD\xb0}w\xa6\\\x88G\xedzZ:\x995\xfb\xad\x08\xe1@\xf7\xb7\xee4.|\xb1\xe0\x81\xea4\xcf\r\xdb_\xef7\xb3\xbb\x1b\x12d\x17%\x86T\xe0YFQ\xa9\n\xfe\xf7\x95%i_\xca\xd3\xd9\xfe\n"xT\xc3\xaey(\xbd\xab.\xde\xf8)r\x84\n\'1\x97\x10\xaf\x0fw_9\xbef\xee\xd0?\t\x86\xee7\xfbK8(\xe3\x04\xb6\xe3\\\xe5M\x8e\x1c&amp;\xe1\x875\xfd6+8\n\x92&lt;QV\xbdv\xd2\xb0d\xe8\xef\x0e\xe0G\x08\x1c+h\x9d0\xc6[\x80C\x9a\x9e\xd4\xb6\xa7\xa7\xd8|\xca\xd6\xe6\x8d#\xd0\x8fZ\x08|G7Ij\xb1\x89I\x9cb\xd5:V\x8b1\x16,5\xbei\x1f\xaa\xe1R\xcfC\x05Kb\xdc&gt;\x1e3\xddH\x96\xd9Y4`\xe2\x96\xf6\x0e\xe7\xf2w\xd0\xbda\xc5=\x80ftn\x12\x1f\xd8h\xe6\x10t\x81\xca\xef\x13\xf8\x0b\xbe\xfaD\x86B0\xe0\x82TG.a\xbfs\x8a&gt;\xe8\nH\xc9\xf6NK\xfb2\xc4^h\x92u\xe4\xa9\xe6I\xb9r\x1e\x12`&gt;\x19i\xb4\x11\x1b\xf7p\xc1\xa5\xab\x9a\x05l\x00\xf8j\xabd\xd4PT`\xd3\xeb\x81\x99\x85:\x16\xab\x84v\x82\xec\xa3\xb9i\x06\xe8\xa3]\x1d\x8cFI\xd1\xf8\xf1\x16l\x1d -\xe0yHFh\xbf\x0f\xc0\x1b\xc1\xd5(Gl%\xe4\xa2N\xae\xe7N \x90\xbf\x1d\xd4YJ\x08x\xae\xbe\xd6\xa9\x97Ok\xbe(\xd36\x97\xdc-\x05\xeb}\x86\x1a\xfc\xa1O\x90\xb5\x8a\xb2|d4Y\xc2M\xed\x86\xf3\x02\x07\xb4\xd2\xfd\xb7\xc3\xcd\x15\xad\x14\xfe\xe4\xb5CD\t\xc3\x17\xa3\xd9\xac(\x0f\xc6\\\x08\xaf\xd4\x9eJ\x91\x18\xad\xb5\x14(\xb7\xd6\x1c\xbc\xca\xa6EK\x854C\x83\x15M\xa1\x1d\xc0\x93?\x08\xa5\x01\x95sY\x14\xf1\x08w\xaf\x9d_\x96\x873\xb9\xe5\xba\xd3\xcd\n|\x10\xff\xb2P\xaa\x04\xd6\xe6\xf2o\x8bH\xd6\xefM\xfe\xdd\x9cRb\xd7\xb8\x84\x1f\xe4\xb0\xd7\x1c0\xe8\xfc\xd4\x96\xde\x12\xe6\xa7\xaf|\xe5\x99\x9b\xf8\xe1;\x96\xa9\xb8\xcd\xbf\xd0\xf7\xd3\xb7\xb9Y\xe5[L\x97\xc4\xca\xf8.n\xfd\x1aX3oo\xddl\x7f\x9d&gt;]\xd9"\x00)tF\r0\xd0\x98Z9:j[$3\x85\x9fdf\xa3J\xf2\xbcHFIv\x06\x86d\xe8m\xa1\xf3NW\xe9%\x7f\x1d\xa9\xc9D@i\xe0s\x0b\xbf^\xb5\xa0\xfd\xdc\x044\x1fU\xa5\xe8)\x19\xcc[y\x82\xd0r35\x17Q\xa1\x0f\xd3(l)\x8e\xd9\x91\xc3\xe1\xbb\xa5\'\xf3\xaf\x0c\xb8\xb5\xc2\xac\x11\xf9D\xd8M\x00X.R\x14b&amp;\xeb\xc0\x11\xc98\xd4j\xd5*\x9eL\xe3Cz=\x00\x9c\xb9\x04\xa5\x90Zu\xd4w|\xb7 =\x8e\xf7 Q\n\xd5^\x1e\xcc\x18\x8f%\x15Yb\x14\xad\x8a\x18\x8d\x8f:\x0f\xa3\xe6\xd9\xb2\x16g7.\x0f\xe9+\xe0!\x94&gt;?W&amp;ko\xad\xf0\\ \xa3\x10d\xf1d\x02\xe2\xfb\xf0\xdf\xd2\xd0JJh\x05\x11\x04\xba\xfbq\xf1\xe4\xc3\x1a\t\xd5w\x97\xf6;\xdf\xc1iY\xa8\x18\x07\xebA\xfcK\x07\x97v\xf5B\xdfc\')\x1d\x14BI\xf3\x0e\xb6\xff\xbe\xb3\xf0\xd8\x01\xde\x9b\x89-\x98kT5\xe8\x8b\x90\x8c\xdc\xa02\xcf\r?\xa7\xbea\xc9\xd6Z\xc4Mg\x15q\n-\\2o\xc7V+\x08\x9a\x99:\t\x01/\x02%]\xe4hk\xb28\xe5\xe4\xa2Z\x11\x88v\x89\xbbT\xd7\x87$K\x00R\x1d_\x03\xd8\x14A=\xd3\x0b\x94)\xf0J\xbf\x0f;\xd1\xbeMp\xe4\xbb\xc4\xd5+\x94a\xc9\x877\x0f\x13\x91\x89H!?*5RX)\x05\xca\xd3*\x0e\xc0\x83o\xa4z-\x00\xff\x854\xce\x96\xb4\xc0)\xb2J?\xad9\xe5\x91\xabJ\xb0\xb6h\xbd\xd8e\x83\xf5\x14\xa1\xb5\xad\\\n\xe1\xf1\x16,a\x99KT\x0f\x05\x0c\xfd"o\xba\xb6\x81\x03\x12\x184X\xc4(\xfe\xfb\x1c\xb9\xf7696\xfc\x81\xd0]\xd2\x02\x82\xfc\x9f\x86pvWG\xa6\x8bI.\xf3\xd9\xa9\xc21V\xe9\x8cP\xbdN6\xb4*\xb0\xb3\x9f{O\x8b\x18h\x8f\xfe\xfcXg\xd4\xde\x1dw\xef,T\xc6t\xb6vE~\x14\x0e\xa5]\xd0\xf5R\x87"\x91{$\xd8\xee\xd7\x1b\xb8\xb8\xf4\x1e&amp;\xe8k\x8b]\xddH\x18M\xa8\xbf\x14V\xd0FxU\x94\xf5\x89\xc4l\xe2\x859Q\xc4\xc1\x1f\xe1)\x84\x80\xca\tp_\xb6\xd2\xf2\x1e\x8c\xf0\x0e\xc6JJN,\xb0\xc5,\xbeU+\x1cR\xde\xbcjVt\xe2\xf6%z\xd1\x04\x11`\x0cm\xfc\xb5\xd24Q\xd1i\xa2j\x93\xcd\x1b\x1e\xf3U\x8c\x18\xd6q\x95\x9e\x98\xb8YN%\xfd\xc7\xa2\xc4\xa0\x84\xa4\xbb\x16\x90\xf3)\x10\xdd\x92\xab\xc3\xa7\xc3\xec\xd6\xc2\x15_V%\xbd\x12;\x10\xbe\x08B\x9d\x1d\x9d\x7f[\xf7\xba\xf6\xf7\xf2\x18&gt;\xd1B\xfc_\x1e\xecad\xd0\xd0Pw\x7f\xf3\x977j$-\xa1\x93\x8a\x01(q,\xdf\x00\xf2\xab\x1d\xa38\xcf\xa8q\xe9%l\x01\x8b\xa4\x10Zq\xcd\x0eJ\xab\xd0p\x14i\xd1\xb5\x02\xbd\xa6\xbb\x10\xe8\xfe@\xcdh\x0c\x1dV@(\xa5\xef\x8f\x99\xfc\xf4n\xef5`\xb0\x99IJ7\xee\x18\x80\xf2\xb5nZ\'\xa8R\xeef8\xdf(\xd71\x84\xed\x035$c5\x0f\xcc\x1b\x1c\xd17\x0c\x10\xe8;\x94\xc6\xda\xc0\xcd\x95\xb4\x9b\xbd\xc2\xac\xf6\x95\x0b\x07\x1b\xca\xdf\x82\xf9\xa3\xbe%\xe4TZo\xd6\xe6\x8bS\xfeU[\x1f\xaa\x83F\xb0\xdd\x9a\xfb"\x13\xeaf\xd3sm\xb7z\xd0\xb0\xb2E!L\xa8Q\x97\'&lt;Tk\xe7\xf3\xa8T&lt;\xd5\xe6V:u\x1c6\x15\xa8\xa0=\xfc\x07a)\xbc\xd5\xbe\xe6o\x04\x1d\x81&amp;S\x81\xe9.\x13\x8c\x94=\xef E\xcdv\x9e\xe71\x00\xack]W\x84\x1cv\xb8\r%_rpu\x18\x13\x1a-t\x0f.\xb0\x8c\xd7\xce\'\xb0\xe3\xe8\x88\x1f:N\x82\x03\xe4\xd4:^\x16\xa1J\x80K\x02D\xe2\xdd&lt;\xe2\xec\xd6b\'\x187\xf2\xc1*\xa1\xd2}\x05mJ!\xee}D\xf9T\x89\xdf\xf9\xa1\xc7\x9d\xdf\x8e\xb2\xfc\xdc+\xeb\x1ae\xdf\xff\x83\xb6iW\xb07\x1b\xcbx\x11\xd8\xbd\xb9\xd7\xe4l5\xc00HUW\xac\xeb3\xd6\xfe\xa1v\x81A\x0c\xea6\xf9\x06\x8f\x8d\xd9\x81G\xe6H|\xc8\x8c\xda\xf6\'c\x0cT\x14\x7f\\q\xd2\xbe/F\x94\x92M\x7f\x82\xf6 c~z\xb9\x06\x05B\xbc\x1a\xdb\r\xd3Bg/\xd3\xbfp[M\x88T\xb5\x99\x0b\xa9\'{q\'\x05)`\xa8\xc8p\xf9]\x8c\xc9\x8cH\x99=N\x04\xe1+\x1b8\xdb\xbaE\xc0\x9b\xfd\xfb&gt;!n\x82\x05\x9f\x1bD\xea\xd5\xdd\xb80S\xd0\x89\xb0\x1c\xc2\xef\xe3\xb9\xffgS\x0e\x19\x9dl\x83\xd6\xb8\xd8\xc4\xe3\xc0\xb6\x84~\xe3\xcdp\xa0\xa2(I.\x02\xd4~b\xbc\xd2\xa6\xd7L\xe1\xa6V\xb7\x12\xb9\r\xd2+;\xa5\x9e\xd8f\xa9\xe58B\xec\x05\x9b^\xcfls{\xa5\xb6V\xde2v\xce\x1e[\x93\xa1k\xd5O@\xa7\x98\xe9(\xb4\xc5\xb4\x87w`\xf5\xef\xfb\x8a#\xdcU&gt;8\x0f\xfb\xf4\xd7N\x8f\x18\xfbM\x82\xb0yK\xdeHY\x82P\xdb\x87h\xb7tp\x87\x95W\xd86\x1a\x04\xc9\xe4\xf5\xd4k.\x1e\x1ep\xd1\\\xf7q\xecl\xef3`\x95\xe7J\xac{I\xb0\xee0\xdc\xff\xd4t\x17\\\t\x15+\xc5m\xd2!\xa8K\xd8^\x8e={\x94\x8b\xcc9u]\x17V\xde\xe0\xb4\xfe\xe38\x9a*v"*\xdbv\xa4?I\xe4\xd5\xbc\xf87=\x960yG\xce\x89H]\xd0\x82\xb5}~\xf0@Lhb\xa3$[\xc84.\xd7\x9b\x0f9\xb1\'\x8f\xf3\x8f\xda\xbd\x97\x82E\x19\xef&lt;\xe4\r\x19\x91\xf5\x0b\xc2\xcf`\x9a_=)t(\x18\xe9\xa5i|\x1a\xd7\x93F&lt;\x95|\x96\xf5\x90=\xdb\x84( \xec\x0f\x92\xfaN\x96\x80R\xe6\x8f\xf8\x08\x0cK0\xa4\x9d|\x8b4n&amp;\x1cj\x95y\xcfI,\xa5`5\x90\x95\xf8z\x10R\xf3\xcdF\xad\xea\x7f\x06\xae\x1a\xd7^G;\xab\xe0\xb6C\x9b'</t>
  </si>
  <si>
    <t>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</t>
  </si>
  <si>
    <t>b'\x15\xfa\xd6\xc9\x8d\x07^\x8f\xc12\xc1\xf2S\xa5N\xc0'</t>
  </si>
  <si>
    <t>he other hand, generates a signal,
 typically a periodic one. For example, the clock in a microprocessor resembles a square
 wave (Fig. 13.1).
 How can a circuit generate a periodic output without an input? Let us return to our
 study of amplifier stability in Chapter 12 and recall that a negative-feedback circuit can
 641
 642 Chapter 13 Oscillators
 Microprocessor
 Oscillator
 Figure 13.1 High-speed oscillator driving a microprocessor.
 oscillate if Barkhausenâ€™s criteria are met. That is, as shown in Fig. 13.2, we have
 Y
 X (s) = H(s)
 1 + H(s) Did you know? , (13.1)
 The most commonplace use of oscillators is in
 (electronic) watches. A crystal oscillator (stud_x0002_ied later in this chapter) runs at a precise fre_x0002_quency of 32,768 (= 215) Hz. This frequency is
 then divided down by means of a 15-bit counter to
 generate a 1-Hz square waveform, providing the
 â€œtime base.â€ This waveform shows the seconds on
 the watch. It is also divided by 60 and another 60
 to count the minutes and the hours, respectively.
 A great challenge in early electronic watches was
 to design these counters for a very low power con_x0002_sumption so that the watch battery would last a
 few months.
 which goes to infinity at a frequency of Ï‰1 if
 H(s = jÏ‰1) = âˆ’1, or, equivalently, |H(jÏ‰1)| = 1 and
 _x0002_ H(jÏ‰1) = 180â—¦. We may therefore view an oscillator
 as a b</t>
  </si>
  <si>
    <t>b'\xcc\xea\xb2\x8e\x8f\x89)P\x9f\xc6\x8dEM+B\xd6'</t>
  </si>
  <si>
    <t>cceab28e8f8929509fc68d454d2b42d6</t>
  </si>
  <si>
    <t>m: Ep. Aristeas 83â€“120; Mk 13:1). Temple professionals
sought to cultivate Roman popular and imperial patronage both by showing their
disinclination to rebellion and through innovations: the development of new oracles
(e.g. that of Bes at Abydos in upper Egypt), the proffering of â€˜â€˜mysteriesâ€™â€™ to spiritual
pilgrims, the translation of traditions and texts into Greek, and the â€˜â€˜syncretismâ€™â€™ of
temple gods with Greek or Roman divinities â€“ an endeavor often facilitated through
iconography (Egyptian Isis as Demeter, Syrian Atargatis as Hera). Here was a more
active, systematic attempt to mediate between â€˜â€˜greatâ€™â€™ (Hellenistic) and local forms
of divinity than what one finds in Asia Minor and the western Roman colonies, where
the indigenous gods did not have a millennium of temple-based traditions behind
them and thus profited considerably from a Roman guise. Moreover, established
temple cultures, such as the Egyptian, Syrian, and (before 70 CE) Jewish, were able to
retain traditional iconography â€“ or, in the Jewish case, a relative aniconicity â€“ while
still absorbing aspects of Hellenism and offering due attention to the Roman emperors.
Shrines
Large temple precincts might house shrines to additional gods, but the landscapes of
the Roman Empire were filled with shrines of major and minor scope: lone altars on
hill tops, sacred precincts marked out with stones, pillars, miniature temples, and in
the forests, no doubt, the votive detritus around trees or rocks that might signal to a
traveler that spirits were near (much as one sees in contemporary India or Greece)
(see Derks 1998: 132â€“85; Scheid 2003: 73â€“5). Such minor shrines provided the
location for myth (that is, stories</t>
  </si>
  <si>
    <t>b'\x0fL\x8d\xff\x85\x9bUZ\x08\x87\x84I\x0b\xd3\xc1\xa8t\x12\x0f\x0e\xa8\xda\x9e}1\xe2m-\xba\x1d\xfbX\xbe\xa4\x1c&amp;Ay\xbd\xc1\xbcV\xfd\x99r\xe9\xab\x93\xcf\x91\x94r-j\xc8Z\x12 \x94\x90\x82)2\x86\x80"\xb9X\xcf1B\x94\x95\xf3 \x1a\xc2\x99\xeb\xdd\xc0"\x97e\n\xc5m\xa0\xad\x13#\xb0\xf3W9\x92\x98\xeaI\xbd\x16\xca#\x8e\xf1\xe2\xeai\x1f\xe0\x80\xe4\x9bii_sBiH\x9f\xb9\xb2:g\xeb\x04\xad\xc8\x06\x8b\xb42\xa2\xfa\xb5q\xd5\xf1\xd4\xe1O\xe4T\xeb\x87\x03\x93 k\xa1\xdc\x90\xb8\xb2ab\x1b\xbc\xc19\x88&gt;p\xebd\x9a\xbfy\xd2\xd0\x16\xba\xfd\x91\xc4\xcb\xb9oN"B;(\x9c`\xc1rp:\xbbj!5S\x19aP\x1f\xaa\xcbG\xb24\x8e\xc2\\\xf8\x15\xa3\xa3\xca\xb9g\xbb\xa31\xe0v\x8d5\xe8\x15+;Z\xb0E\x0f\xac\x83c,k:P\xf9O\xf2\x04T\xfc\x99\x93\x19_8\xe6\x95\x9e\xc5}\x1d\xa5$z\xc7\x01B%4\xbc\xdb:\x14\xcf\xa1\xd6SPd\xf8\x9e/\x0c\xe9\x96\x19\xc8J\xd4H\xfd\xe14\xe7eA\xe5m\xc8gjJ\xac\x83\xc0\xa2\xa0\xd6\xfe\xe8\x10\x1e\xe2\x1a\xa4\x12k[|&gt;g\xcc&gt;\xea\x14$\x19{\xda^\x9f\x9d!{\xb9\x86c\x0b\xbf&amp;\x0b\xe8\xd1\x15\xbf&lt;\t\xe2b\xbdT3]\xf4\x7fm\x0e\x12\xdb\x84\x92\xea9PU\x82\xa3\x11&amp;fp&gt;P\xd6.\x91\x82\xdbyP\x8d\x96\xc6g\x81\xbf\x81I\xf2\xa5\x87\xd8\x8f\x18\xa0)\xe3\x8aC\xe6Y\xc2_M\xcb;\'1\x86\xb8\xce\xe2\xb4\x05HbT\\},\xc6~o1\'(JK\xef\xbcd\xc8\xd9\x88\xc9\x12\xaf\xfbMqwD/\xef3\x17\xba\x91\x89%\x82\x02\xd7\x82\x0bm\x16\x06\xceyI\xabG\x9b\xa9e+\x9c\xa1Mr\xc6\x80=&lt;\xeeIUO7\xf8*oe\x98wj\xb9\xb9\x89\xcb\xd8\x14\xbb\xb9m\xe8\xa9\x13\xf7\xe8n\xd9\xa6\x8aH\xb7\xd8\xc6\xe4\xf62\x06\x96\xd8{f\xe6\x05\x95\xebi9\x0bRjW\xbeS\xa6\xb6\xf0z\x94\xe4\xae"\x05\x9c\xa4k\xd4\x9c\xa4&amp;\xca\x02\xac\xe52\x93p\xfef6\x9b\x8c\xcd\xf7L\x15t\xb4i#\xbc\x8a\x04\x99X\xf2\xa4\xcfk.kdpQ|\xfe%\'\xc4\xd7\x95\x1d\x96\x96lNo\xe2i\xc9\x91\xa7xSk\x00\xc3\x15\xe2\xea\xc3\xe3t\xa0!sD\xbe\xf28g\x96\x89pv`\x8c\xe8\xaf\x04@o\x8bN\x08\x93\x89\xdbZ?vJ\xb4h\xa2\xde\x1a\xca\xb8\xc0\x98\xf4\x9f\x8fc\xd8\xfeJ\xed4\xc1\xdf\x8b\xbd\xad\xf8Y)\xdb9ID*\xed\x92\xb2 4\xe4\xdf\x19\xbe\x19\x02\x9fH\xf8\xbfE\xe6\xd8$\xe78R_A\x1b\x930x\xda\xa0p\xb0\x1aD\xb8\xe3\x8d\xf3\x8c\x85\xefIG\x06\t\xb7\x0f\x858\x86\xed\xd3\xee\x08\x04v\xe8\xed\x95\x9bK&amp;\xe8&lt;\x8d\xf3N\xc6-\xd8=\xfa\xc5\xfe\xcc3\xa4G\xc3s\xb3\xb0\xb9m4.\x83\xc5\x83\x90K\xe2Z\xe99\xe07\xee\xd9\xeb\x96\x94"\xbd^\x88\xa0\x1a\x82\x92\xd5NGg\xb0p\x85\x88D\xf3M\xbds\x88Jy\xb08I\xc3\x97\x1b\xfe,\xee\xe7(\x8b\xc1\xb5\xe0q\x87\x89\xa4\xe2J\x8b\xa9\x1b\x07y\xd2\\\x1d\xbc\xd5\r\xbc/\xd6\x8f\x82\x95\xb9\xdb&gt;\x8a\x9d. \xbb\xa3{\x18Yh8\xaaW\x93l:2;^\xbf\xd9\xe5u\x04\xc6\xaa\x85&amp;\x17\x19\xef\xceqV,1\xd8g\xee_\x05\xac\xe3^\xbb\x14\x9d&lt;\xdax\xf9\x0c\xf5\x82\x95t\xce\xe1\rd_t\xe8&amp;\x13\x12&gt;\xa3\xb9\xe2t\x17)\xfd\xf2\xb1Jxp\xff]\xd3\xcc\xa9E\xc8\xf8\x14\x97\xe8\xa5\xa80\x0b&lt;w\xba\xb3\xbdB\x911h\xc8j\x97=\xe5n\x12\xef\xf1\xc9\x8a1.r(\x9e4*\x8f"\x085\x03\x04\x12[V|,\x0fY\x1bE\xd8\xb9\t\xeb+\x01\x8eY\xf0\xa9\x0b^\xe5\xbb\xec\xd1w\x86\x12\x07\x94lG$H\xca\xcb\xe2E-\x99\nzs(L\x0f\xed[1\xafV\xabdv\xe1`\x04\x15\xb3\xc9\xeb\xe5G\x93.\x9b\xf1x[\xb9\xee\x13\xf0b\x9e\x00|r\xe4=d\x7f8\x15\xda\xc5(\xba\xdbZ\x929\xd3\xab\x10\x0f\xb7\xb7\xb1\r\xaa\xeb\xac\xfe#\x0f\xc3\r\x1e\xa2}\xa8\xd2\x8as\xe2\x9b\xc0\x92\xf1c`\xda4\xa8iT\xad\x97\xf0\x81\x91\xef\x1f%\xce\xcf$?\xfdG\x00\xf53\xae\xae\xd2\xdb78\xcd*Vs\xe9\xf4\xf8=&amp;\x8eA\xdb\xb5\xf2\x91\xc9\x81\xabP7\xf4\x98\xc8\xad}d%\x95Eq\xe28\x03\xa0\x98I\xe79"\x07\x139\x07\xf1\x0f\xe9\xb9op\xdf\x90VZp|vDY\xdd\xa1\xc3\xb5\xfe\x1f\xff\xa5+\x03\x02\xd0\x93\x10\xbd\xe9U\x92\xc0\xcb\xb9*\xadzrM\x98\x8c\x06\\*\x93\x00\x98p}a\xe9\x8f\xd4\xb6\xe3gc2h*D&gt;\xdev\xbe\xd6:\xce\x99/P\x03V\x8f\xd7\xd0\xd3\x94\x06\xc4e\x84\xfal\xf4\xbdD\x9bR}\xbfoQ@\xfboS\xfdB\xbc~\x9ap$\x01\x11\x8d\x9e!XB\x9aCm\xf7\x90vi\xd7\xb6p_S\x01\x97\x02=+\xeb&amp;\x91\x9f\xf6D2\x9f\x13\xcf\xe5\x8e\xc5\xe6\x0f\xdaP\x90\x8b;\x18jq\x83\x81Q\xa4\x14s/\x07\x03\xc0\xe2\xcf\xb5\xa7`\xfbok\xbe\xc7\xe4\x97\xb3\xf2\x9d\xa2\xc1r\xb5U\xf3\xfc\xa27V\x9fF\xfb\x0b7\xf3L?\xfb\xbdX+\x87\xbaia\xd8\xbf\xc2L&gt;\x81\xc2\x0b\xc1e\'\xc1\xf1\x7fJ\x90\x10\xbe\x16]8&amp;\xe2:&lt;\x17\x82\xcc4\xaa\x0e^agy\x95*-J\xf1\xee\xe8WsE\x1f\xb6\x18}\xd7\xb3\xf7b\xd9\xbf)Vz\xb4\xc3\xa1"O\xdeHa]~a\xd7k)\xfagZ\x18DT\xca\x81\x80\xa2g\xb9\x11\xbf\x95\xa1\xe8\xa1\xab\x04\xb1n\x95x\x01\xb0`\x11W\x0f\xe5D\xd8\xac\x95J;\x90\x04(\xa9\x1e\xa8\xfd\x02\xbbj\x12\x9a\xdch\n\x9f\x021L\xf68z\xf8 \x0b9\xb9|n\x1f\xddj\xb8\xf8\xd2\xf1\xe8\xbe\xc2|ZL\x82\xa5*G\xb3Y\xb6\xf4\xb1\xb2\xd8\x97?D\xeb\xe5\xf9Q\x0b=\xf0m_\x03(\xf3\xf4\xa8\x98\xb6\xe1L"\xb9n\n\x13\x14\xdb\x02l\xc1\xcb\x01\xd5\xaa\xd0\xb9=Z\xcda\xd3~yu\x11\xdbx\x92\x7f\xfc&gt;\x99\xd0\x000\x0bJN9\xa1\xbd\xa4\x81\xc9"HNQ\xa1}\x99\xe5}=\rk\x82%\x82\xd1B\xdb\xe9\xb6\x8e\xaa\xce\xc9\xedxw]!\x88vT\xe6\x86\xc7\x8a\xeeI7\x00\x8b\xff\'\xd6q\x80\x18\x1e1_\x06\xa3\xe9a\xd5\x08\xff\xbf\xe3k\xc1jv[\xd0\x1f\xe3\x16\xe6n\x84\xea\xce\xdc\x14r_\xdeU\xf6P\x940\xa7\xea\xef\xd1\xca\xeb4\x90\xcb\x87\xb6\xd7\xd2\xa2)5\xb4V\xaeN\x9a\xdc\x99m\xdc\xc7\x92b\xf5X\xd6\xdb\x8d\x877-\xe0\xde\xf1\x7f\x1a\xeb\xba\x8e\xc4\x97\xd9\'7$\xd1[y\xcd\n\x9f&gt;u\x10~\x97\xb9L(\x17^P\xa0\x16\xff\xeb]\x17\x08\xc87\xe3\x81q\xe6\x10WVU\xe4M_\xc3\x89\xe0\x00:p\x91\xafD(\xed%'</t>
  </si>
  <si>
    <t>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</t>
  </si>
  <si>
    <t>b'\x0fL\x8d\xff\x85\x9bUZ\x08\x87\x84I\x0b\xd3\xc1\xa8'</t>
  </si>
  <si>
    <t>lishman.
 Passepartout tried to reason about the matter, but the
 113
 policeman tapped him with his stick, and Mr. Fogg made him a
 signal to obey.
 â€œMay this young lady go with us?â€ asked he. â€œShe may,â€ replied
 the policeman.
 Mr. Fogg, Aouda, and Passepartout were conducted to a palkighari, a sort of four-wheeled carriage, drawn by two horses, in
 which they took their places and were driven
 away. No one spoke during the twenty minutes which elapsed
 before they reached their destination. They first passed through
 the â€œblack town,â€ with its narrow streets, its miserable, dirty
 huts, and squalid population; then through the â€œEuropean town,â€
 which presented a relief in its bright brick mansions, shaded by
 cocoanut-trees and bristling with masts, where, although it was
 early morning, elegantly dressed horsemen and handsome
 equipages were passing back and forth.
 The carriage stopped before a modest-looking house, which,
 however, did not have the appearance of a private mansion.
 The policeman having requested his prisonersâ€”for so, truly,
 they might be calledâ€”to descend, conducted them into a room
 with barred windows, and said, â€œYou will appear before Judge
 Obadiah at half-past eight.â€
 He then retired, and closed the door.
 114
 â€œWhy, we are prisoners!â€ exclaimed Passepartout, falling into a
 chair.
 Aouda, with an emotion she tried to conceal, said to Mr. Fogg,
 â€œSir, you must leave me to my fate! It is on my account that you
 receive this treatment; it is for having saved me!â€
 Phileas Fogg contented himself with saying that it was
 impossible. It was quite unlikely that he should be arrested for
 preventing a suttee. The complainants would not dare present
 themselves with such a charge. There was some mistake.
 Moreover, he would not in any event abandon Aouda, but would
 escort her to Hong Kong.
 â€œBut the steamer leaves at noon!â€ observed Passepartout,
 nervously.
 â€œWe shall be on board by noon,â€ replied his master, placidly.
 It was said so positively, that Passepartout could not help
 muttering to himself, â€œParbleu, thatâ€™s certain! Before
 noon we shall be on board.â€ But he was by no means reassured.
 At half-past eight the door opened, the policeman appeared,
 and, requesting them to follow him, led the way to an adjoining
 hall. It was evidently a court-room, and a crowd of Europeans
 and natives already occupied the rear of the apartment.
 115
 Mr. Fogg and his two companions took their places on a bench
 opposite the desks of the magistrate and his clerk. Immediately
 after, Judge Obadiah, a fat, round man, followed by the clerk,
 entered. He proceeded to take down a wig which was hanging
 on a nail, and put it hurriedly on his head.
 â€œThe first case,â€ said he; then, putting his hand to his head, he
 exclaimed, â€œHeh! This is not my wig!â€
 â€œNo, your worship,â€ returned the clerk, â€œit is mine.â€ â€œMy dear Mr.
 Oysterpuff, how can a judge give a wise
 sentence in a clerkâ€™s wig?â€
 The wigs were exchanged.
 Passepartout was getting nervous, for the hands on the face of
 the big clock over the judge seemed to go round with terrible
 rapidity.
 â€œThe first case,â€ repeated Judge Obadiah. â€œPhileas Fogg?â€
 demanded Oysterpuff. â€œI am here,â€ replied Mr. Fogg.
 â€œPassepartout?â€
 â€œPresent!â€ responded Passepartout.
 â€œGood,â€ said the judge. â€œYou have been looked for, prisoners,
 for two days on the trains from Bombay.â€
 â€œBut of what are we accused?â€ asked Passepartout, impatiently.
 â€œYou are about to be informed.â€
 116
 â€œI am an English subject, sir,â€ said</t>
  </si>
  <si>
    <t>b'\xbf\xf3\xbb\xab$NW\xeaM\x10\x03\xa3Z\xca*\xa1Z6\xc3\xc6AG\xff\xf82:K@\xd6"\xb9='</t>
  </si>
  <si>
    <t>bff3bbab244e57ea4d1003a35aca2aa15a36c3c64147fff8323a4b40d622b93d</t>
  </si>
  <si>
    <t>b'\xbf\xf3\xbb\xab$NW\xeaM\x10\x03\xa3Z\xca*\xa1'</t>
  </si>
  <si>
    <t>that the raving fans are a different demographic than they expected, which
 happens when they either donâ€™t know their audience, or their interests
 change. I cannot count the number of entrepreneurs who had a successful first
 product, only to realize they had no passion for the audience they targeted.
 When that happens, go back to redefining your ideal person.
 One of my students, Jonathan, came to me when he was selling about a
 million dollars per year in makeup bags. He had done something extremely
 special: created fantastic products that people absolutely loved and crossed a
 million dollars in sales. He was also miserable.
 Jonathan joined The Backroom, which is my small group of mentoring
 students, some of whom I personally invest in. As a result, we spent many
 hours talking about his business and what he wanted to accomplish.
 He had no interest in selling more makeup bags. His plan was to grow the
 company a little bit more, sell it, and move on. But I noticed something
 interesting about Jonathan: He lit up like a Christmas tree when he talked
 about new ideas. He came to life when he talked about the suitcase he wanted
 to launch or the journals that he wanted to create to help people achieve their
 goals. He even enjoyed talking about his ideas for creating and selling closet
 organizers.
 One day, I found the thread in his thinking when I asked him: â€œJonathan,
 what gets you excited about all these new products?â€
 He sighed. â€œI guess,â€ he said, â€œthat I just want to help people declutter
 their chaotic brains.â€
 That was it!
 It wasnâ€™t about makeup bags or suitcasesâ€”it wasnâ€™t about the product at
 all! His brand was about the result that his products created: decluttering his
 customersâ€™ chaotic brains.
 Jonathanâ€™s brilliant design was the thing people loved about his makeup
 bags. The bags had a special place for everything! And the suitcases he had
 been designing made it simple for you to remember to pack everything! They
 had a special place for each item, which made it easy to pack for your next
 trip. The closet organizers he had been sketching followed the same idea. It
 was like each product took just a little bit of your crazy neuroticism and put it
 into a nicely organized place.
 I got excited as I realized his target customer wasnâ€™t just women with
 messy purses, but also me. I would love to have a suitcase that was so well
 organized that it made my life just a little bit simpler.
 If Jonathan had kept releasing more and more makeup bags, he would
 have always been a makeup bag company. But once he identified what he
 wanted his company to be, he realized he had something more: His brand
 existed to organize the chaotic world. That set off a tidal wave of product
 ideas.
 When you identify exactly what you want your company to be about, then
 your job becomes simply developing the products that make it easy for your
 customers to carry out their journeys. You may not hit a home run every
 time, but each product will serve a purpose within your brand.
 Deciding what to sell next is important, but itâ€™s even more important to
 decide when to release it. Itâ€™s common to release products too quickly,
 without giving the customer time to breathe.
 Speaking onstage is one of my favorite things to do, and I love to do
 Q&amp;A after a live talk. Once,</t>
  </si>
  <si>
    <t>b'F\xac\xdd\xa6\x8b8|\xf7 `\xbeIn}\x0eq\x13\xeb\xb5V\x14D\x85\x9f{&gt;\x82N\xaf \xbd\xa8\xdcE\x1ddr\x13\xf8\xee\xcdT\x8d &amp;\x064$\x17\xc1\x85\xda\x0b\xdf\xc3\xffC8&amp;\xf0\xb6u\xca\xaa\xf9\x82\xf6\xa0c,)\x8a*(\xff\x9fZ\xfd\xb6\xbd@x\xed\x18\xbb\xb8Jq\xccgic\xb9\xcd\x87\x9a4\xc1\xea\x16#ta\xc2\xbb}?\xd5\xfdY\xb5\x07\xc3\xafcg\xb5\x8e\x94\xbebL\x95\xc4\xf6\xda\xb2\x84{\xbb\x13\xcf\xc7\xd4&gt;t\xbd\x1e\xcf`\xbf\xc5\x13\x87=\xdc\x8f\xdai-\xa7\xbb\xf4\xec\xbf\x10\x1f];;\xddf\xb3\xb6\x81\xdb}\x17\x17\x92\xf6\xd2n$\x96\x03\xfd*W\'\x9d\xdd1\x99A^\x14\x8b\xcc\xae\x9b+\xaa5\xfd\x95\xf2_\x9e\x07%\x88{\xd2\x85V\x98f\xc5\x1f\xba\xc4r\xc4\x10L\xe4\x05o\x0fo\xb9\x8d\x81S\xb9\xe7\x99\x08\xfe\xff\xd1v?\xcf?\t\xfd^T\x86\xbc\x1e?\xc1\xea~-s,\xa1\tFa\xd80\xbe\x01\xd1\xf0\xe5\x9d\xa5z^-\x95\xe9M\xc2\xdb\x8a\xa0\x9a\x034y\x90\xcaD\xefi\xba\xdb\xe3x\xab\xe5\xedz\xbaV,\x94\x1c\xf2\xf1\x9c\x11,\x87\xb4\x95\x88\xe1\x00!\xd4R\xe9\x84\xea\x9bw\x1bc\x99\xa7\xdf\x92\x93~\x1d\xd0\xe2\xd8\x8b~\x7f\x98q\xd6Wm#V\'#\xde\xa2\x8f\x14\xe7IE\xf8\xfbjA\xc3\x89\tB\x83\xd6\xbe\x0ftT\x92\xec\x15\x8b\xe0\xe2\x01\x9e\x1c\x1b\x0c4&lt;\x02\x80\xa8krk\xb4\xf0\x96\t\xf7\x8dy\xd3 \tr\xa4U\xd5\xb4\x84\xfc\xde\xa2h\xa9\x88\xe3MD\xee][m\x0f\xca\xf5GBk\xe8\x1c\xa2%\xe0\x00d\xdc\r+\xc0\x06\xa7y\x82\x86\xef\xc1\'\t&amp;\xbaB?\xcd\x8e(\xe8q\x0f\x88\xed\r\xfc\xea\xed\xcaG\xfb#I\xb7L\x92\x1d\x05\x8e\xd9\xda\xfa\r\xd5\xfe\xbf\xdeO\xc0hl\x18\xf7\x8dO3A)e\xb2\x8f\x14\x17~\xd0lT\xb6\xde\x9a\x86^\xbc\xad\x81\x9f;\x94,,\x82\xe6\x9d\x90s\xb9U\x83\xb2\xb6\x8d|,\xccV\x08\xc7\xc8\x0c3\x0b^\x18\x8d!\xe5\xd4b\x1e\xdc\x0c`\x0b\xc4vxx\xf0\x85\x93\xf4d&lt;!\xe8\xcf?\x13\xcb\xebG\xf4$\xd3g\x18\x81\xdez\x94a-^\xe4i\xe6\x186N\xab\xb0(\xef\x08\xcb\xdd\xe1\xe8\x80\xca\xe8\xd1\tD\xc5n\xed\x17S\xc2\xf9\xa7v&amp;\x93\xb3\x97\x13\x93\x02fx\xeak\xe4\xc5\x9d&amp;\xb0F\xd79\xf4\xadf\x1a\xff\x98\xebF4j\x8a\xebg\xcb!o\xab4\xfe\xb7\xa6\x8e\xe8a\xd3w\xc4\xb4\xbbEG\x96uuD;\xbb&gt;\xa2Et\xdc\xb7\xfd\xaa\xd8)\n\xa7\xedg\x95\x97\x06\x9d\xb2K\xcfJm\x1a\x99\xdb\x85\xfb\xce\xb7\xbc\t\r\xbcv\nb\xac\xd3\xc3^\x1c\xc3T\x18\xdc\xa1L\xc5\xc1\x97\\\x8e\x96\x01!:\xfb|\xb2\x03\xb1\x84\x17\x0b(\xd60\x89 "\xed(\x1dB\xce\x14\x8b\x07h\xd6pw\xd8\x00\xe9ZiN\xc9w\xa27\x8c^g\xdd\xaa\xf0\x0b\xe7\xac\tEe\xe9}\x90E\x18\xe5r\xfbyP^\xcbUBS\xd3e\xe3\xb6t\x1c\xd4\xbcCM\x16&gt;\xa6\x96^A2\xb8t&amp;\xdf\xc7\xebsB\xc7\xb2\xe9\xde\xd7\x06\x89/\xae[\xf7\xadC\xd89Wa\xc4\x9b\x94\x13\xe9f\x0el\x91)H\xdbb\x15\x8b@%\x03\x9c\r\xf2\xcc\x05\x95R\x19\x95@\x98\x8a\xfe|\n\xc8\x12g\xbed=3&amp;\xdf\x94\x83\x99\xdf\x83\xbeKwl[=\x8c~\xb3y\x82M\xf9\xde\x05\x1aL\xa1&lt;]vP\xe9\x0b\x03\x1b\xfc\xfas\xbc\x9f\x12\x02\xc1\x8c\xfb\x99\x14\xb2\xe8f\xcfBy\xa2h\xcf\xda\xce\xdf!\xf1\xddQ\xeb\xc8\x98\x9cdT\xdc2p\x84Da\x95\xb2Lm\xeclD\x8a\x1c\xca\x02@\xc2\x9562c\xdf\x94\xfbNKR{N(\nX\\\x7f%\xebb\x1f\xb1\xe4\x17\xdb\x8b\xde\xdc=EW\xdf\xb7\x81\xdc\x87\xfb\xd0@\xcb\x93\x94&gt;\xfe\x92#\xa5\xbfr\x91&lt;$-7\x08\xa9X\x7f\xb3\xd81%0\xb8&lt;3\xe1\xeb\x96us"JJ\x01\x1a\xfe&lt;\xd26_B\xfa\xbf\xc4\xdb)\x9e4F\x0f\xcc\x1a\xfb\x9bDN\xe1\x1e\xef^\xa5-\x93n\x92\xfa\xb3\xb1\xb5\x14\x00r\x8aVr\xb1\x12\xebW\xe0B\xc9YgI\x1du\x0e\xf4\xb2V\x8a\xb7g\x08\xf4\xf3\xde\xc7\x0f\x13\t\x0ej\x9cA@\xda\xb6\xae\xeaUu4PL\x8a\xcf\xa3i\xed\x08\xd7]\xa8\xea\xe6\xf5\x80\xc1\x8d\\\x13\x03H\x1eF\xa5\xe4\xb3\'\x86\xf7\xbd\xdcd\xd1\xd7^^\xf9\xff\xcfX\xbd\x18\xa3\xd4\xdb\xaba\x80\x0fD\x1b\x0e4\xae\x90$\xab\x98\xad\x7f\xa3Gg\x87\r\x98\r;\xeb\x84S\x05\xfd\xbfm|\xa7;\x02\xc6\xbeR 0\xe0)\xaf\xb7\xa5\x97H1\x1b5\xc36\xcanW\xe8\x04d\xf3\x03=\xeb\x16\x94\xc5\xd8@\xb0\x9fY\xf4-\x8d\xe8\x9bac=\xae\xe1uf*9\x96\x18J\xf8\xfe#\xe2\xb3\xaa\xb4\x8d&gt;x\xcf\x16\xa2\x18\xdf\xd3p\x9d\x17\xc848z1W\xa5\xf2\xad \xf9\xcb\xd3\xfe\xb4T\x84*\xee\x97H\xe3l\x03@0{w\x02\x8d\xf7\r\x1c\xfa\xba\x17\xae\xb8\xda`vFJC\xa7\x03\x03\x12\xf5\xdegRj\x15=\xb2\xc2\x8b?`\xc6\xd8\xe7\xbf\x178\xc6+9\xcaf\xb9\x1a\xdb\x87e\xea\n\x8c\x9d\xddR\xe9\xfd\xc7\x8d3\x17\x06?\xa6s\n\xf4\xa4rBn\x11\x81\xe7H\xba\x03\x9a\x91k5u\xac\xc3\xb3\xf6\x06\x91\tR\xe5\xc1%\x8c\xe8\x94\x9e40\xd2\xcb\x11&amp;\x98\xe0\xda\xc3\x9f\x12\xcc\xde\xd6\xd1&amp;}GB\xd1\x8c4!\xb1\xb7\xab\xd3T\xda]j\x9f`M\xc56\xf1W\x05\x14Q\xa7\xe0\x9c\xffw\x14\xa9\xcd\xe3\x9d \x85\xba\x9e\xab\x90\xfe\x8at\xbe\x7fX\xe8T%\x8f~\xaa\x0f\xac!\xe3r^p\xda$\x81\xdf\x1d\x18}|O\xd1\xfbL\\\x9a\x04\xd7\xa0[s_\xb2w\xf1d\xa6@\x0c\x8f \xfd.\x16\x06\x1d\x15^\t\x82j"\xdc\xf5\x06p\xebb\x06\xae\xa3\x1f\xe0\xc1\x81u\x1cQ\x9a\xd0(N\xce\xc1O\xce;\xb8M\xcfjP\xb3\x88Z\xabTI\xfc\xf1x\x82\xc9\xfc\xeb\xbd]!\x02\xfe-\x02\xce9\x7fELb[\xc1O&amp;\x04\xd2\xa7?QD\x01\xcf\xc4^\x07hr[ G=\xd6\x0c\x11~\x90\xe6p\x01.\x9f \x9d\xab_\xca?\xa3\xf1&lt;\x99\x00j\x06?\xcem\xb5C\x18L(_\xe7\xcb\xba\x98\x07\r\xc4\xb2%\xeeP\x91\xb6\xa6l\x07\x08P\xa7\x1b\xf3 \\\x0fc\xca`\x1e\x9c\xd8-&lt;\xae\xfd\xbd\x8es\xd7&amp;qg\xfd\xe4\xc2b&gt;\n\xc6\x17lS\xd8V\xb4\x1f\xf4\xdc\xe8\x8b\xba\xfaG\xee\xf3\xe9\xf5\x0e\xdf\xc3\xac\xbe}\x88\xcaZ\r\xb6\xf6(\xe9.\xb0\x86i\xf5\xe9a- \xd8#*\xb8f\'l\x85[\'\x9c@F\x91\x14\xad\x85\xd9\x8dnZ\x10\xa2\xfb\xd25\x88"\x0e\xff\x8c!\xcbDL8\x90\x8f9\xc3\r\x11B\xfb4\xec\x8dA\x7f\xd8\x82{\x16\xdcQM\xad\xab\xd8\xd2P#\xe8\xc05\x8394\xb6\x1c\xb8\xf5\xcc\xa6T\xe2*\x84\xa6A\xe0\xde\xee\xeaMA\xde\xe5z\x86N.6v\xca\x94\x8d\xc9D?\x19\\\xee\x05\x00\xc9\xcf\xb8Z\xb5u\xed\xa3\xf16\xb7\xcfU\x1c\x92E\xb9G\xdfB\x97w\x9c\xf3\x13\xa4\x02\xbe\x93$\x94\nh~\n\xa6C\xb3\x05L\xd9\xb9\xe47h\xff\xe3\x125\xa7p8\xe2+\xf7\x0e\x1eY\xa3T&amp;q\x13}\xb6u\xe4t\xcf=\x99#\'d[\xfe\x03\x06\x82B\xe2\xcd\xf1\xda\x80C\xa2\xe6\xd2\x89\x7f&lt;\x9ct\x0fW\xfc\x04\xef\x0bE\xc0\x0e\xe7\x0b@\x1c#\x18\xe3\x7f\xd2\xd2\xc1o8\xa2\x9fuy\xd9s\x8a\x9a\xc2\x97\xf7|\xd4\xedM\x06\xb4Xu\xccf\x04|\xe4&amp;\xc0\x0c\x15P\xea\x1a\xeb\xd6\xa4\xcb\xf1c[8qj8\xdf\xccc\xa4\xf6\x03.TJ\xcbiXP\xffF\x12\xe2\xf3n(\xd6\xc1\x99\x9c\x1co\xd5FN\x18R\xd4\x1d*\x82\xa3\xef~\x90JY\xad\xceiw\xd2"\xa3:8\xdc\r\xc0+\xca\xba\xa7\x8c\x7f)\x0b\x00\x8c\xf92\x98\x8bq\x86\xa1\xe8\x16@&amp;\xd5\xdcQ\x94g\xc3\xcc\x8f\xcau\x13\xa9[\x93\xf0\xc6qn\xf03O\x1cnGp\x1a\xfe\xb2\xd95\x17&amp;\x90\xa2\x809?R?&lt;\xc7\xf2\x94k\xe2\x9bst4o\xecR\xc4z\xbe\x8dr\x89a\xcc]\x93Z#=\x00AQ!N\x1c\xa2&gt;b\x87\xf0\xbdY\xccVG\x8b3\xc0\x81\x18\x88[\x10\x92j\x1e\x0c\x01\xd9[;\xf4\xf0d\x92\x80\x8a(\xbc\x83^\xa7|O\xed\x91\xfcF\xec1\x03^fs\\\x020V\xbb\xbf\x0f}\x82\x8a*\x89\xd3\x97\x83\x05U3"\x84sGt\xa7\xc8\x11\xd7\xbc\xe7\x89\x0c\xd5\x7f\x04L\xb3\x1aG\xac\xde|\xdb{\xe4\x1c\x9c\x84\xa99\xf2?\xd2\xa0\xf4\xf6y\x82\xafH^_/\xd6\xc6O9P\xdbA\xd5x)r\t6\xe94\xfc\x84B\xa1v\t\xa96\xe8\xbf\xdb0\x0eT\x19 \x91@(\xc5w\xd5\xcb\xd9\xac\xee%\x80\x7f\xe8\xc43`lq|\n\xaa\xf1\'\xcf\xc8=\xa8\xd1\xdc\xba\xb0\xea3\xcc\xa3/C\xbf\xc6Z5MV\x0e\xb2J0;9\xd1\xf0g\xcf\xc2\xe4\xeb\x15&gt;L5o\x0b\xf3}\xc0\xf8\xaa\xa5V&lt;\xb4e\x8f\xcag\x94\xa1\xe3y\xd1\xa8\x9f\x11\x17\xd8+9\xfe\x95\xca\xfeKx)\x82l\xe1O40\xeb\xdf\xa0&lt;p=\xae!$t\xc8\xe5\x8c\xaa\x02\xccL\x1f\xe9\x12\xc7%\x10&gt;\xe5\xf6%]\x83\xd3&lt;\xc0\xabA\xa8&amp;9r1]\xdc\xa9\xcc\x12\x8d\xe6\x1fk\x9aG\xd9\xa0c\xf0~\xd3\xca\xe3\x07\xb4\x98c$t3\xc5\x11\xf7\xbb\x15\xb3\xaf\x7f|\xb6\xcb\x97\x08\xad\x95\x8fz_\xf7@.\xd4\x81\xfa\x99\x870@R\x1f\xf52b\xe6\x82\xc3\xc8\x90\xc9s\xf4\x15&gt;+\xc3\x10\xf9b\xcd\x8b2\x1c\xb03\xaf\rH8\xbe\xa2\xf4\xd3\x80\xaa\x8bq\xc6\xce\xe7\xe4\xef\xe8S\x8f6\x1e\xb3\x81,\x0fC\xae\xee\xed\x7f*\x9f\xc3M\xe1/m\xf2lb\xd8?\x1f\x0b\x80@\x15\xe0&gt;\x91\x9f\x8d\xe4\xcb\xf1\xae\xab}\x846\xe4\xcd\x9b\xe3\x9e\xdb\xfb\xa1ES\x80N\\\xf4B\xe0\t\xc2\xc53\xd9\x11\xbeC\xd0\x9a\xecnz\xe9O\x12\x13\xcd\x17\xady\xa6\x16\x91v\xb8\x912\xbev\xe0\xfb$\xcf\xa3$G\xbfi\xb8\x8e\x91Lo\x9e\x9ew\x9e\x8d\xf7T\xfa\xef\xaaX\xe6\x0fO7\xca\x95\x19\x81&lt;\xdf\xbe\t\xbbz6\xcf\xc3S\x06\xd4hqx\xc8\xe7\xe9\xd7\xb8\xdb\xd3\xe7\x95\xac\x05c7\x1b\xe9B\x95\xc2\x1a6\x85\x9cP\x87\x89,F\x91\xc7\x9b\xed\x80\x97\xd1r\x12\x01l#9\xe9Xd\xa8i{\xc0|\xc1\x90\xa5c\xad\x08-_\x16\x17\xe2\xc4\x19\x0b\x98\xf1\x7f\x04b\xc7\x1d\x0e\x10\xa8T\xa3\xd2\x97oa\xe5\xc9\xd3\xbaK\xa4\x84\xde\x88\x0f\xb8\x12Sk\x9fZ\x0e\x14\xef3\xf4\x0b\xa9r\x17w\x9d\xea&lt;\xd6A\xb4\xd0\xa2\xff\xed7\xc8Q\xdf\xadmbD}WL\xbe?\x8c-~\x9d\x17\xfe!\xd9\xce"c\xd1\xf3\xe5uHD\x7f\x87\xcc\xb5t|\xf0G\x06x\x15]\xb5\x10\x99\xec\x16\xd9\xb4\xdd\x1b\x0e\x9a\x05\xe6\x99\xc5\xfe\x06\xdc\n\xf2t?\xcd*\x98\xe8\x90\xe5\xfbBQ\x8d3\xaf\xc7\x8d\x1a\xc9\xec\xb1\xdbEB\x0b\x8fi\x13~\x9a\xfe\x16\xbc\x1d\xc67)\xc0r\x96\x1a\xd9\x7f\xe2\xfb\xbaAz&lt;\xac\xd0\xf7\xfb\x9a\x93\xf1\nu\x89\xd9+\x8a\x99\x10z`\x84]\xb6\xf2\xb1\xda\x93\x9d\xa7\xbfV\x10\x8f"\x07!\xd2\x8eN\x91\xfa\xb2m\xb2\xc7\x83\xbe\xe9\xc5\x08w\xed\xea\xde\xc1\xe5\x98\xe4\xcc\x92\xbb\xae\xfdv\xad\x06T\xd3\x00\xe3\xec\xf7\xf1wsI\xbc\x87\x15\x10eH\xe0\x7f\x81\xde\x85\x07\x16\x9a\x0br\x9dG&gt;9\xf1X\x8d\x83\xb8\xa0$\x8a\xccI\x04\x0e\xc2\xef\xa4\x94\xe9\x8b\x92\xcd`\xd2\xdb\x17\x08\x05\xc4s,\xba\xa2\xfa6\x07\xa9g\xd0\xfb4\x16m\x86\x1b*\xbb\xc4\x8c\xed\xc7\x9d\x15w\x14\xa5\x06$~\x0e-&gt;q\xcd[\xdeg\xc9\xa2C\x10\xb2sC\xe3P\xadxD\xa0;M\x04$/\x92\xb3#\x86\x05\xafUsF\xc9Wha\r{\x88sU\xca\xf0\xaa\x80\x19g\xc1&lt;$\xf8\xba\\\x18S\xe3\x7f\xb6\xff\xf1:ar\x93r\xbc\'7\xd4\xfc{\x96Y\xc6\xac\xff{\x06\xa9\x96!\x00\xf2\xbe\x00{\x0c\xd3#w\xb4\x96\xdf&lt;\x1dh\xe8\x94fLR\xc3\x9b\xbaOJBx\x9e\x8a\xe4\xdf\x937\x9f\'\xff\\3\x1b\x9e\xf5\x99\xd7n\xbd\xbd?\xd0\xc7\n^%\xec\xed\xbf^\xb2\\;k;&gt;\xe4\x7fW1\xf5\x10\x1b\xcc\xaa\'\x02\xd7\xef\x17-\xad\xf0\xa9\xb4\xd5\xb2\xac\x88x\xe7\xe8\xef\x03O\xb2C\xac\xfddrB\xac\xac~p/l\x80\x04"\'4\xf6\x0e\xfa\x90\xdc\xa9{\xffv8\xc7\xd6i\xc4m\xa0}f\x02\xe7\xd4\xe1=\xfa"\xaa\xf0\x19\x1c\xab&gt;\xbdk\xb3\x92\x10\xa4\'\xb3\xbd\xb0\xdb\xd3\xce\x0eV\x91w\xf5\xa1\xbb\xe0\xb9\xa5\t\xacX \xdf\xe8/\xd3\xc6\x15\xc2Ke;\x9d,|O.2H\x9c\xa0i8\xe2;Z\xe0\xce\xf6\x83\x86\xe6\xa2\xec\x10p\xe4\x05\x83\x10q\x91q\x1f\x0cy\x06\x91\xacT\xbc\x85\x18\x19\xd4^F\xdf7\xb9\xaf}\xd2\x96\xf7\x7f\xf8\xe2\x10t\xf3f\xbfD\xa2w@\x9c`'</t>
  </si>
  <si>
    <t>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</t>
  </si>
  <si>
    <t>b'F\xac\xdd\xa6\x8b8|\xf7 `\xbeIn}\x0eq'</t>
  </si>
  <si>
    <t>lâ€”remains an
 important part of world trade. Agricultural products such as wheat, soybeans, and cotton
 are another key piece of the picture, and services of various kinds play an important role
 and are widely expected to become more important in the future.
 Figure 2-5 shows the percentage breakdown of world exports in 2008. Manufactured
 goods of all kinds make up the lionâ€™s share of world trade. Most of the value of mining
 goods consists of oil and other fuels. Trade in agricultural products, although crucial in
 feeding many countries, accounts for only a small fraction of the value of modern
 world trade.
 TABLE 2-2 World Exports as a Percentage of World GDP
 1870 4.6
 1913 7.9
 1950 5.5
 1973 10.5
 1998 17.2
 Source: Angus Maddison, The World Economy: A Millennial Perspective,
 World Bank, 2001.
 TABLE 2-3 Manufactured Goods as Percent of Merchandise Trade
 United Kingdom United States
 Exports Imports Exports Imports
 1910 75.4 24.5 47.5 40.7
 2008 71.0 67.8 74.8 65.3
 Source: 1910 data from Simon Kuznets, Modern Economic Growth: Rate, Structure and Speed. New
 Haven: Yale Univ. Press, 1966. 2008 data from World Trade Organization.
 18 PART ONE International Trade Theory
 Services
 19.77%
 Fuels and Mining
 18.48%
 Agricultural Manufactures 7.02%
 54.73%
 Figure 2-5
 The Composition of World 
 Trade, 2008
 Most world trade is in 
 manufactured goods, but 
 mineralsâ€”mainly oilâ€”remain 
 important.
 Source: World Trade Organization.
 Meanwhile, service exports include traditional transportation fees charged by airlines
 and shipping companies, insurance fees received from foreigners, and spending by foreign
 tourists. In recent years new types of service trade, made possible by modern telecommu_x0002_nications, have drawn a great deal of media attention. The most famous example is the rise
 of overseas call and help centers: If you call an 800 number for information or technical
 help, the person on the other end of the line may well be in a remote country (the Indian
 city of Bangalore is a particularly popular location). So far, these exotic new forms of
 trade are still a relatively small part of the overall trade picture, but as explained below,
 that may change in the years ahead.
 The current picture, in which manufactured goods dominate world trade, is relatively
 new. In the past, primary productsâ€”agricultural and mining goodsâ€”played a much more
 important role in world trade. Table 2-3 shows the share of manufactured goods in the
 exports and imports of the United Kingdom and the United States in 1910 and 2008. In the
 early 20th century Britain, while it overwhelmingly exported</t>
  </si>
  <si>
    <t>b'0E\x02 \x18\x9e\x94F\xef\x07?}hd\xd2\xeav\x08\xb7\xc1wJ)o[\x1f\xd5\xa3\xc10\xb9}\x8a\xe1N\xf0\x02!\x00\xbd\x9f;T\xcayJ5\xad"\xa4\xd5i\x88|\r\x03~GUx\x186{\x1a\x88\xb2\xf5{q\xcd\xf5'</t>
  </si>
  <si>
    <t>30450220189e9446ef073f7d6864d2ea7608b7c1774a296f5b1fd5a3c130b97d8ae14ef0022100bd9f3b54ca794a35ad22a4d569887c0d037e47557818367b1a88b2f57b71cdf5</t>
  </si>
  <si>
    <t>b'0E\x02 \x18\x9e\x94F\xef\x07?}hd\xd2\xea'</t>
  </si>
  <si>
    <t>waters." 
 "Thank you, my man," says Captain Smollett. "I'll ask you later on to give 
 us a help. You may go." 
 I was surprised at the coo</t>
  </si>
  <si>
    <t>b"\x823\x0bB\xdf\x13\xc0\t\x88\xbf\xa1\x9f\xdd\x7f\x1d\x91\xb8\xcd\x99\xda\x97\xd7\xec\xea\xd8\x02N(\xb0\x90\x0f\xb3\xdb\x01\xba:\xd8\xe9k\xbd\xa9\x10\xe6|\x81k\xf2\xde$dwv\x86ht\x83j1p\xd5\xfb\x01\x8c\x0b\x0c\xbd\x1bdW=\x03\x19\x17X\x9e\x02\x1e\x86\xac\x1c\xe0\x9d\xad\xb9\xc4\xde\xfa\xa0J\x15\xfe\xf2\xdc\x1d\x0c\x807n\x80S\xafK\xd9+\xbe\xdb\xc5\xe7&gt;\xc6U\x80*ewAZ\xb7\xd0\x9am\xb2\xb7d\xca\x01o\xdb\xebB\xd2\r\xdb\xc1\x14YT\xfd\x08\xb9&amp;\x12z\x93\xc3\xf7\xdc1|\x1b\n\r\xd6\xfd))\xd5W\xbe\xa4G\xb2:\x8d\xacT\xe3\xb9\x90\xb3\xe4\xfd\x82*\xaeN|\x14b\x95\xc5\x14qg\xfc\xe9\xedO\xde\xea\x85\x91\xb5\x9bKj\x1d\x1a\xfc\x80;G\xef{\xc3\xf2u\xd3\x8aG*&amp;Y_\x9dQ\xf3\x1a\r\xd4\x89N\x0f\xe1\x9c\x17\xfa\xc7\x1c\x13\xe9\xdd\x85k\xa0O.\x81?k\x80\xdb\xb4\xbf\xaf\xab]\x17\x00Zu\x94@\xaa\xb7\x1b\xfd \x03\xac\xdd[\xb4\xa1\x02G\xafS\x02f\xe1\xcbm\x8a\xc3,\xef\xfex\x94\xb8\x90\xb0\x86\x9cp\xaa\xaaL~\xc3K\xb6\x12\xf1\x0b&lt;\xc9\r\xc1\xeb\xb2\x01fT\x13\x9e\xe4\xba\x83V\xd1V\xb0\xdf\xb5\xcf\xcd\xe2\x1e\xb0\x19$\\\xcaI\xed;+kb\xc0\xd9\xbf\x1b\x1e.\x0b\xdbe[\xef\x9cw\x034\x14\x80\x03\xec8\x81\xc5\xb16&gt;\x1eB\xba\xbaW\\\x9c#\xf6IX8\xe7\x89j\x00\tz\xaa\xbd\xff\xe7`\n\xab[\x18\x82F\xdf\xdd\xf5\xc4\xd7i\xd5_\x92\xc6w\xf2\xba\xfa\x81GK\x99o\xaaq\xfc\x0f\xbc\xc5I\x17p\x0c\xa2\x91U&amp;\xc1\x7f'\xbb\x16S\xdf\x82\xd8\xf4m\x1a\xe3\xda\xbc\xea~\x1d\xf3O$\\=\xb3vQ\xcc\xe9Jyi\xfc\xad\x89Q\xe4\x1d\xc9\xd8\xaf\x98\x9b\x12c\xe8\xb6\xbaI\xb99\xb0\xff\x9b\x81\x94f\xbf\x90g\xce\x9e\xb3GCxQA\x13\x91F\xe1\x14\xfd\xa6\x96\x1bJ\x13\x1c~\x15\xc3\xc4\x06+\x7f\x99\xe1|\x15\x00\x9d[\x12"</t>
  </si>
  <si>
    <t>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</t>
  </si>
  <si>
    <t>b'\x823\x0bB\xdf\x13\xc0\t\x88\xbf\xa1\x9f\xdd\x7f\x1d\x91'</t>
  </si>
  <si>
    <t>work as well.
 12.1 General Considerations 567
 Example
 12.3
 Compute the loop gain of the feedback system of Fig. 12.1 by breaking the loop at the
 input of A1.
 Solution Illustrated in Fig. 12.5 is the system with the test signal applied to the input of A1. The
 output of the feedback network is equal to KA1Vtest, yielding
 VN = âˆ’KA1Vtest (12.9)
 and hence the same result as in Eq. (12.8).
 A1
 K
 Y
 VN Vtest
 N M
 Figure 12.5
 Exercise Compute the loop gain by breaking the loop at the input of the subtractor.
 Did you know?
 Negative feedback is a common phenomenon in
 nature. When you enter a bright room, your brain
 commands your pupils to become smaller. If you
 listen to very loud music for several hours, you
 feel hard of hearing afterwards b</t>
  </si>
  <si>
    <t>b']\x88W#\xf2\xc3L\xaf\x92`\xc2\x86\x0f"VC'</t>
  </si>
  <si>
    <t>5d885723f2c34caf9260c2860f225643</t>
  </si>
  <si>
    <t>but dumb brutes and fowls. I turned hither and thither among the 
 trees. Here and there were flowering plants, unknown to me; here and 
 there I saw</t>
  </si>
  <si>
    <t>b'\x0b@\x07[\xb6\xf1\xd9\x8b%\x9b;@\x04\x0e\xf0\xa0:\x1fa\xf7X\xfa\xba\xe1\xf3E\xd4t\x92\x0b\x0b\x81k*\xdd7\xf3\xe5\xcd,\xc9\x1e\xeaO\xe05\x90p\x93\x99\x11f|\xf3G\x08B\xf2\x12\x90\xe9\x0fH\xca\x0bZa\x06\x13\xc5\xfaE\xf5\xc2E\x98\xbaH\xb4K\xb2\xb2L\xd5/L\xc0~\x19^\x1a\xa4\xb0\xdb\x8d\xd7\\\x02{cl\x0eb\x18\xb9\xd0vy;\xa9\x9d\x86\x86k\x9cM$Y\xf3\xc4\x9b\xd6&gt;\xaaW\x8d\xf3n\x9c\x81\x88\xc9,&lt;\xe6;\xc3\x00\xa2Ki\xa1\xb4\xa0\xed\x18\x00A\xcd\x99i\xaaB\xfde\xcd\x06\x98\xca\x04\x00"\xdcc\xceC\x0e\xf9\xc1\xad\xb9AaO\xc7p\x93\x05\x91\xd0\xd3\xd3\xff\xb0\x12\x7f\xa4c\xde\xa3\x1da\x9c\x96\xdf71j\x1b\x95\x82W\x82\xe6\xa4\xfe\\\xb1?U\xb8.\x03\xe1r\x9f\xc4\xbb\xf9\x9f\x14\xa1\x0c\xd8l\ns"\x9f\x05\x87\xff\xbf\xad\x10\xc4\xdb\xfa\x19c.N\xe8s|Q_\xd1\xca\xfb \x1d\xba\xd9\xe6\xe3'</t>
  </si>
  <si>
    <t>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</t>
  </si>
  <si>
    <t>b'\x0b@\x07[\xb6\xf1\xd9\x8b%\x9b;@\x04\x0e\xf0\xa0'</t>
  </si>
  <si>
    <t>removed would disclose the mouth of a cave. Look
 closely, however, and you may note that there are here seven large trees, each
 having in its hollow trunk a hole as large as a boy. These are the seven
 entrances to the home under the ground, for which Hook has been searching in
 vain these many moons. Will he find it to-night?
 As the pirates advanced, the quick eye of Starkey sighted Nibs disappearing
 through the wood, and at once his pistol flashed out. But an iron claw gripped
 his shoulder.
 'Captain, let go,' he cried, writhing.
 Now for the first time we hear the voice of Hook. It was a black voice. 'Put
 back that pistol first,' it said threateningly.
 'It was one of those boys you hate. I could have shot him dead.'
 'Ay, and the sound would have brought Tiger Lily's redskins upon us. Do you
 want to lose your scalp?'
 'Shall I after him, captain,' asked pathetic Smee, 'and tickle him with Johnny
 Corkscrew?' Smee had pleasant names for everything, and his cutlass was
 Johnny Corkscrew, because he wriggled it in the wound. One could mention
 many lovable traits in Smee. For instance, after killing, it was his spectacles he
 wiped instead of his weapon.
 'Johnny's a silent fellow,' he reminded Hook.
 'Not now, Smee,' Hook said darkly. 'He is only one, and I want to mischief all
 the seven. Scatter and look for them.'
 The pirates disappeared among the trees,</t>
  </si>
  <si>
    <t>b'\x82\xaeYK(\xb7x\xed'</t>
  </si>
  <si>
    <t>82ae594b28b778ed</t>
  </si>
  <si>
    <t>in the centre part marked "The Spy
 glass." There were several additions of a later date, but above all, three 
 crosses of red inkâ€”two on the north pa</t>
  </si>
  <si>
    <t>b'\xa0\x0c\'(\xdf\xf5H#\xa1mV\xea\xf8\xc7\x14\xf0\xc0\x0eQ\x95.\xd0\xa4\xe6f\x839\xdd\xed\xadzHn#Z`\x99\xba\xab\x81)#\x91Po\xd6\x8c\x9c1\x84\xe1\x944\x11\x0ex\xda\xf18s0\t\xba\xb0\xa6(\x84-Y\x05\xf6\x1d&lt;\xd7%\x811\xaf.X_\xdf@iE R\x93\xbe\xd4\x96\xd9n\xc2N\x95{=\x95\xb6\t`\x92\xc4i$\xdeh\xf1\xdeH\xc6\xb4\x02\xfa\xea\xe6\xc0\xf8\xb6\xe7\x9b\xb3\xa7\xab\x8f\xb4\xa9\x8c3\xc9w\xf8\xf88\xad\xc2)\xc1\xb7\xfc\t\x88\xe4\xf8W\x16n\x826\xa0\xa7\xf7\xb7\x01\x15\xca}2\x9d\xc6\xe8\x1cO\xf1\xff\xbf\x8f\x9fvI\xc6^\xf4\x04\xc3\x0b]%\xac\xfb2\xd8]\x1a\xfag\xb9\x91*7\x99\x9c"\xe2q\xfd\x8d9\x8a5\xd2;b\xcc\xb2m2")kn)\xccj\xa4\xe6\xcco\x1c\xda&gt;\xd7\xd1\xd6D\xd7\x12F\xf3-q\xa2\xf6\xbc\xea\xf77\x0bf\x96\xb8D\xdd\x088^O\':5\rU\xf0]\x95'</t>
  </si>
  <si>
    <t>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</t>
  </si>
  <si>
    <t>b"\xa0\x0c'(\xdf\xf5H#\xa1mV\xea\xf8\xc7\x14\xf0"</t>
  </si>
  <si>
    <t>sat grilling, with my clothes stuck 
 to the hot resin, and so much blood about me and so many poor dead 
 bodies lying all around tha</t>
  </si>
  <si>
    <t>b'(\xbb\x8an\xedXj\x0e\xcf\xcd_\xf4j\xc0r\x18\xca\x88\xad\xde\x99\xd7\x08\xfe\xc2\x934\xf6\xf2;\x90\x07\xe7\x7f\x86\x94\xb7\x91&amp;\xb4\xf5u\n`|&amp;\xc0\xd3;1\xa2\x85\xdaZ!\x95\xa9\x8a\xd0&lt;\nDL\x13u\xb7\xf5\xd6a\xb6{\x97\xa1\xcb&gt;\xb7Y\xccI\x93\xd1\x16\x06v\xb0\xfa\xb7G&lt;h\xcc\x9f/w4\x9c\x17\xbbe\xbb\xca\x03\x15\xd1P\xe2\x93Vj\xe4t\xd7\x91\xe2\xe1\xf1B\xd0\x97 H\x99\\\x01i\xe3\xf55O\xdb/s^g\x9a?\x97\xf7\xc4\xf9PY\x05c_\x95\x151\x88&lt;Z\xeexU\x8e\xe9\x92\x7f\xdfy\xcf9{\xc2\xd3\xd9k:\xa4G\xdb\x18W\x13R\xb1\n\xbf6\x15\xc5\xab\x08\x07-\x99\x98\xa73\xac\x05\xe0\xaf\xc2m;\x0c"\'\x04\x93R\xb8\xedtf\xad\x90#\xd9\x1dQ\xe0I{\xb9DPz\xd3t=\xc2\xea\xd2\xb2\xa3\n\x170\xcf$5/X\t\x1e\x8f\x83Q\x0ej\x12\xda\xde\xd5x\x92d\xa8IP\xf5\x9c\xc8*'</t>
  </si>
  <si>
    <t>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</t>
  </si>
  <si>
    <t>b'(\xbb\x8an\xedXj\x0e\xcf\xcd_\xf4j\xc0r\x18'</t>
  </si>
  <si>
    <t>t, it would be a 
 fine thing to prevent, and now that I had seen how they left their 
 watchmen unprovided with a boat, I thought it might be done with</t>
  </si>
  <si>
    <t>b"\x00\x1a\xef\xe0\xe8g\x16\x04\x19\xb5\xba\xa4\xcc\xeb\xc37&gt;dh\xa4d\x19\x14\xf4\xb5\x94\x81\xfcR\x1c\x04\xcfZ\x96&lt;\xf2\xda#TaQ\xedA\xe4\xfa\xfa\x17\x14\xb5\xa1\xe0\xfa]\xefM.R'\x97\x80\xfbi\xdc\x7f\x08\xc7B-\\\xb8J}\x19\xfa&amp;\x1cz9\x92|\xe4\x97w\xd4j\xc9;\x95\xbb\x16\x9e\xb3h\x86\x8d2#\xca\xe0`\xc7\xae\x9e\xc8\x89u\xd0u{\x1f:+\xab3ZV\x82(\xae\xde\x08\x08\x8dz0\n\x04\x18\xc4o\x18\t\xd2T\xe5\xecRf\x8dd\x82\x1bU\xd4\x89\xe5T\xa2\xe1\xd1uR@\x00\x8d\xed\xaf\xbf\xbd/\x8f\xae\xef\xe1\xc59B\xdb\xfa\x00\xf6\x01B\xfb\x94Y\xfeABe\xa2\xed\x9c\xcb\x7f\xbf\xd5L\xa9\xb3\xdc\xaa\x8ce\x8d\xa2&gt;Q\xa6\xdf\x96\xe9|\x96\x1d\x8b\xdf\xe2\xd9\x170;t\xadq\x9b\xda\xfd\x05\\\x1cT\xb7\xe0\xfc\x00i:#\x7f\x14\xea{\xcds\x13=\xdaH\xcfZ\xe6\x91\xb8\xa2\xe4\x93\xc5\xee\x9dKg\x8f\xf3\xb0Z"</t>
  </si>
  <si>
    <t>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</t>
  </si>
  <si>
    <t>b'\x00\x1a\xef\xe0\xe8g\x16\x04\x19\xb5\xba\xa4\xcc\xeb\xc37'</t>
  </si>
  <si>
    <t>rattle of Annette, the most probable
 means of decoying Emily, the Count sent back his servants to the castle,
 while he awaited her arrival at the hamlet, with an intention of carrying
 her immediately to Venice. How this, his second scheme, was frustrated,
 has already appeared; but the violent, and various passions with which
 this Italian lover was now agitated, on his return to that city, can only be
 imagined.
 Annette having made her report to Montoni of Emily's health and of her
 request to see him, he replied, that she might attend him in the cedar
 room, in about an hour. It was on the subject, that pressed so heavily on
 her mind, that Emily wished to speak to him, yet she did not distinctly
 know what good purpose this could answer, and sometimes she even
 recoiled in horror from the expectation of his presence. She wished, also,
 to petition, though she scarcely dared to believe the request would be
 granted, that he would permit her, since her aunt was no more, to return
 to her native country.
 411
 As the moment of interview approached, her agitation increased so
 much, that she almost resolved to excuse herself under what could
 scarcely be called a pretence of illness; and, when she considered what
 could be said, either concerning herself, or the fate of her aunt, she was
 equally hopeless as to the event of her entreaty, and terrified as to its
 effect upon the vengeful spirit of Montoni. Yet, to pretend ignorance of
 her death,</t>
  </si>
  <si>
    <t>b'K{x_\x1bt0\xc7\x9d\x12\xff\x9c\x00+*S\x02\x93\xc0\xae\x0cI\x07ZL\xd5&lt;\xdb\xeb\xcb\xb0\x05\xbf\x93\xc0\xacp\x9a,\xe8\x17oD\x05\x84S\x96\x8d\xf8\xb4\xc4\xfa\x19\xa73s\x10A\x97\xa9k\x0f\x94!'</t>
  </si>
  <si>
    <t>4b7b785f1b7430c79d12ff9c002b2a530293c0ae0c49075a4cd53cdbebcbb005bf93c0ac709a2ce8176f44058453968df8b4c4fa19a73373104197a96b0f9421</t>
  </si>
  <si>
    <t>b'K{x_\x1bt0\xc7\x9d\x12\xff\x9c\x00+*S'</t>
  </si>
  <si>
    <t>uilibrium and, 143, 143f
 output and prices and, 143â€“145
 pattern of trade and, 145â€“147
 specialized suppliers, 140â€“141
 theory of, 140â€“143
 before trade, 144, 144f
 External economies of scale, 139
 Externalities
 defined, 272
 importance of, 272â€“273
 External prices, 125
 Factor abundance, 80, 91
 Factor content, of U.S. exports and
 imports (1962), 99t
 Factor intensity, 80
 Factor movements, international
 borrowing and lending and, 127â€“130
 Factor prices
 defined, 85, 86
 equalization of, 97â€“98
 goods prices and, 86â€“88, 86f, 86n,
 107â€“110
 and input choices, 87f, 107â€“110
 Factor-proportions model, 661â€“684
 basic equations in, 662â€“663
 factor prices and costs, 661â€“663, 662f
 factor supplies and outputs, 664
 goods prices and factor prices, 663
 Factor-proportions theory, 80, 93. See also
 Heckscher-Ohlin theory
 Factors, scarce, 91
 Factors of production. Se</t>
  </si>
  <si>
    <t>b"0D\x02 c\x9b\xb1O\xf5\xb6zW\xef\xa3\x8f\xd6e\xa8&lt;\xe9\xf0^\xf7\xa6E\x04\x89\xe6T\xdf\x90\x8bF\x96c\xd7\x02 \x13\xfc\xd5u\xe2VM\x11m\xedd'\xea\xefd5\xe5\x1b\xbd\xa9J\xd5;\xfb\x00\xd0\x9d\xb8YO*U"</t>
  </si>
  <si>
    <t>30440220639bb14ff5b67a57efa38fd665a83ce9f05ef7a6450489e654df908b469663d7022013fcd575e2564d116ded6427eaef6435e51bbda94ad53bfb00d09db8594f2a55</t>
  </si>
  <si>
    <t>b'0D\x02 c\x9b\xb1O\xf5\xb6zW\xef\xa3\x8f\xd6'</t>
  </si>
  <si>
    <t>led
 Tinker Bell exquisitely gowned in a skeleton leaf, cut low and square, through
 which her figure could be seen to the best advantage. She was slightly inclined
 to embonpoint.
 A moment after the fairy's entrance the window was blown open by the
 breathing of the little stars, and Peter dropped in. He had carried Tinker Bell
 part of the way, and his hand was still messy with the fairy dust.
 'Tinker Bell,' he called softly, after making sure that the children were asleep,
 'Tink, where are you?' She was in a jug for the moment, and liking it
 extremely; she had never been in a jug before.
 'Oh, do come out of that jug, and tell me, do you know where they put my
 shadow?'
 The loveliest tinkle as of golden bells answered him. It is the fairy language.
 You ordinary children can never hear it, but if you were tohear it you would
 know that you had heard it once before.
 Tink said that the shadow was in the big box. She meant the chest of drawers,
 and Peter jumped at the drawers, scattering their contents to the floor with
 both hands, as kings toss ha'pence to the crowd. In a moment he had recovered
 his shadow, and in his delight he forgot that he had shut Tinker Bell up in the
 drawer.
 If he thought at all, but I don't believe he ever thought, it was that he and his
 shadow, when brought near each other, would join like drops of water; and
 when they did not he was appalled. He tried to stick it on with soap from the
 bathroom, but that also failed. A shudder passed through Peter, and he sat on
 the floor and cried.
 His sobs woke Wendy, and she sat up in bed. She was not alarmed to see a
 stranger crying on the nursery floor; she was only pleasantly interested.
 'Boy,' she said courteously, 'why are you crying?'
 Peter could be exceedingly polite also, having learned the grand manner at
 fairy ceremonies, and he rose and bowed to her beautifully. She was much
 pleased, and bowed beautifully to him from the bed.
 'What's your name?' he asked.
 'Wendy Moira Angela Darling,' she replied with some satisfaction. 'What is
 your name?'
 'Peter Pan.'
 She was already sure that he must be Peter, but it did seem a comparatively
 short name.
 'Is that all?'
 'Yes,' he said rather sharply. He felt for the first time that it was a shortish
 name.
 'I'm so sorry,' said Wendy Moira Angela.
 'It doesn't matter,' Peter gulped.
 She asked where he lived.
 'Second to the right,' said Peter, 'and then straight on till morning.'
 'What a funny address!'
 Peter had a sinking. For the first time he felt that perhaps it was a funny
 address.
 'No, it isn't,' he said.
 'I mean,' Wendy said nicely, remembering that she was hostess, 'is that what
 they put on the letters?'
 He wished she had not mentioned letters.
 'Don't get any letters,' he said contemptuously.
 'But your mother gets letters?'
 'Don't have a mother,' he said. Not only had he no mother, but he had not the
 slightest desire to have one. He thought them very overrated persons. Wendy,
 however, felt at once that she was in the presence of a tragedy.
 'O Peter, no wonder you were crying,' she said, and got out of bed and ran to
 him.
 'I wasn't crying about mothers,' he said rather indignantly. 'I was crying
 because I can't get my shadow to stick on. Besides, I wasn't crying.'
 'It has come off?'
 'Yes.'
 Then Wendy saw the shadow</t>
  </si>
  <si>
    <t>b'\xd8\xb7g\x94C\xafk\xd4'</t>
  </si>
  <si>
    <t>d8b7679443af6bd4</t>
  </si>
  <si>
    <t>ions relating to entertainers (ILS 5163);
one of the most important statements of Constantineâ€™s religious policy, the letter to
Orcistus, is relegated to the section on imperial letters to cities (ILS 6091); the acts of
the Arval brethren, which offer crucial information on the structure of the upper
class, are placed with religious texts (ILS 5026â€“41); the texts relating to centurions all
deal with equestrians, most of the famous literary figures are senators, and so forth.
None of these are unreasonable choices, but they are all choices that distort the
information offered in other parts of the collection.
Insofar as inscriptions necessarily reflect the totality of relationships connected with
any public statement, they inevitably reflect interrelationships between groups in
Roman society. For that reason it often makes more sense to collect all texts concerned with specific types of activity regardless of formal type (Robert 1961: 25).
There is perhaps no better example of why this should be so than Robertâ€™s own
masterful study of gladiators in the Greek East (supplemented by a series of publications of work done in subsequent seminars) (Robert 1940). In the area of Roman
administration, Michael Crawfordâ€™s collection of Roman laws and statutes from the
early republic through Tiberius has become a crucial starting point for the study of
Roman procedure (Crawford 1996). Even though it is now somewhat dated, Robert
Sherkâ€™s collection of Roman documents from the Greek east remains an invaluable
guide to the way in which Roman administration was received in the Greek east
(RDGE), while John Oliverâ€™s collection of epigraphic and papyrological constitutions
of Roman emperors is a crucial tool for the study of the role of the emperor in the
government of the empire (Oliver and Clinton 1989), especially now that it can be
supplemented by Tor Haukenâ€™s collection of petitions to emperors (Hauken 1998).
The</t>
  </si>
  <si>
    <t>b'\x80:\xee,;\xb73\xc4\xb7\x06\x97\xc7\xa4\xdd\\w=\x1d\x84h\x95Y^e\x0fR\xed\xfdi#F+hC\x9d@\x985\x9d\'\xe2\x08\x95\xcd\xeclN\x8c3m\xfb1\xd4e\x8dBO\xfb\xfe\x00c \t$?\xad)Y\xc2iu?\xdd\xc3xME\xc4 \x9a@\x9c\x9fC\xb4y\x17Op\x1c\xd7q\x97\xc5;\xed\xfc\xef\xc77\xea\xc2ZF\x7f\xe3\xf50\x08\x19\xc7\xa3Gl\x8fd\xc30\xf1U7\xab\x1e\x8f\x8b\x9cn\xc4)&gt;\x14\xe3\xf3\xd6\xaexy\xbc\xa2\xc3\xf7`x\xe7\xd5\x843\xad7.\x05\x1a\x08B\xc2\x81\n\x10Qa\xa95\x9a\xd0\xd5E\xa3\xbb\xd0\xb0\x12\x80\xe5\x14\x03D5\xe3r\x83\x00\x0c\xcd-\x1d-\xfbEm\xea[\x0f\x19\x87\xedQ\x84C\x06\xe1q\x9a/\xe2\xdc\xd3D\x00\xa1\xfe\xb9\x81\x7f\xe2\xcb\xc7\xf5rh\xaf@\xbd\xe1@\x94]\x92\x8f\xea\xba\xeb\xca\xd8\xe3rl\xe9\x02\xe2\xd7\xb7\xca\xd6\xa1\x08\xcc\x88\xd3OT\xb2\x85\x06t"\xffbg\xb8\x80\n\xdde\xc3\xe7dQ\x1a\xdfs\xb5XL4\xe0\xd9$\xcbxn\xdf\xbd\xe6\x97\xdd\x90\xce\x87u*\x11\x7f%v\x84R\n\x81f\xa2\xd2\xb1\xb2\x92\x8f\xea\xe9\x94\xeen:\xbe\xa2mi\xcfa\xc7m\xe95\x9a2\'\xe9o\xc1E\x14\xfd\\\xca\xf6\xc1\xee\xa8\xab\x8e9\xcd\xca\x08\xa3\x9fN\xbe\x1b~\x1c\x11\xf1\rf\xd7\xbfs\xb1\xc1}\x117\x9cW\xcd&gt;;\x9b\xcf\xe3\xa0H\x8f\x9d\xb0\x83_\xabaR\xa5\x88\x02\xfc$jr\xa3\xb9I\xa6:\xe5\xe4~V\xc0\xb5\xd4\x98`\x9c\'PJ\x92#\xa8S.8\xe1\x19\x95.\xd30\xb1\xee\x80\xdb\x98\xa7\xde\xa8\xcc\xe8\x03\x93\x83EK\xa3\xed\x8e\xcad3 y\xae\x16\xd5\xcd\x91]\xfa\xdb\x14\x05\xcf\x01\xb2e\x04\x96t\xb0m\x13?\xf9n\x06F\xaa\xe0\xcf\x97\xa7\x113\xbcOU\x16\xf9d\x1b\x11V@\xa0\x9d`$A\xabNT\x83\xc2\x90\xa0\xc2\xe6\\\xbeI\xe11r\xdbD\x93K\xed\x12\xea\x87\xf7\x9bO*N\n|\x91\x82\xf3SJ\\\xf0`\xef\x11I\xd8\x88\xe8\x9d\xc1\xa8\x85W\xa5\xd1\x1dY\xa6\xe9R\x92\x98Ip\x0c\xa0W}\x9a\x11\xed\xb2\x8ciq\xe1\xbe$\xb4\x01`\xde\xa3\xbe+[=\xe3~j\xda\x1b\xd5x\xb9\xa5\xb3\x10\xce\xa4vZ\x1a\xee_\xd0\xa6\x06\xf7\xc1\x02\x164\xed\xbc\xc0\xf3V\xf5W\xf0\xca\xd7\xdf\x1da)\xbec\xc2\xec(F\x83\xa5FL\xe0\xcf\x01\xf0PP\xbb\xe8C\xa3\x0e!\x9c\xb3\x07\x03\xe9\xc5\x8b^\x1c\x8d\xa5q\xa3\xb5\xdapy\xff\xab[\xa0&amp;^\x19\xa7V\xa9k\\NTn1\x8c\n\xb7\x1d\xe1\xba\xf2&amp;Qn[\xfc\xb5\xd3\xb5\xf5i\x86\xcf\x02o\xc4W\x13\x01\xc0\xdc\xbdA\x02S\xfa6\xa1\'\xaeZ\xb4\x83+\xaf\xef\xceU\xc5d\x02\xcaW\xe2b&lt;\x17\x80P\\x,\xc4\x8c\xe1\xc9s"\xa8\x0f\xb4\xc82\xe9\x19\x95O&gt;J\x1f\xb9\xa7i\x95\x93\x9f\x01Br\x12\x8b;\x83\xd8\x19&lt;!b\xe6\x0c?\xaa&gt;\xd1`"\xac\xdeE\x9e\xb2y\xf2\xe0\x85\xf7C\xcf\xab$\xfc\xe3\x95=$$\xb2IQ\x9d\xb7\xeeX\xa0\x83\x83?[\x824*\x84\x90\xe0:?\x88]\xd2\x1d\x9a\xb9\xa1j\x12\xc1K\xbf\xfa&amp;\x1b7\x9b#u\xde\x8a\xb2&gt;\xb4\x1a&amp;\x8aI\xf8\xf8\xb9\n\xe38).\xa5\xff\r\xc8\xde\xfbg\xe3\x80J\xd1[\xec\x1d~\xb3\xabd\xab\x16yW\x1a\xbf?S5\xda\x1b:\x11Q\x96\xf1%s\x85b3\xad\xd8&amp;\xa7#\xdc1x\xa2\xcd&gt;t\xdb\xcf\x9e\xb1\xfd\xff\xf7^\x98\x8a\nO\x85\xc1\xba_3/\xfdm\xed{\xd0\x94\x0c\x82\x12\xfcM\xe5\x98\x85\xe6r\x85M+\xe7Z\xe1&lt;\xc8\x9d\xbdH\xf2u\x81\xf2\xf3\x8a\xb5SFK`~\x9b\xa9\xd8\xc9\x18/\xc2\xb2\x054\r6\xda\xc8\x89\x14\xe3G&lt;\xe1$k\xa7\x06\x978\xf2\\\xfc\x91Y9\\\xa4\xbd\x08&lt;\xf6^\x99\x9d`\x1fK\xbc\x9d5\xac4\xa9\xaa\x00\xcaJ\xbf\xbaV6\xe5\x99\xcf\x06\xf7\xad\xc8\xc4\x08eFY\x9b\x8d}\xf8\x84\xab\xf7\xc7\xbd\xda4\x8c\xc7q\xdez\xc4\xac\x0c\x02\xc6U\xeaW\xc8\xc9]\xd1\xfe \x1311I\xd9\x0b\xc3\xb2\x089\x88\xf9\x829\xb0 \xcb8\t\xe4n\xff\xd0x\xc3g\x00\x18=e\xbbpM\x9c\x87d,\xe4L\xff\xb0\x88\x04\xa0\xde\x89N\xc8\'\xb8\x9c\x0c\x92\xff\x00\xe0E\x81\xc8\xdf\xdc\xd2fgH\xdc\x05\xed$\xc0\xe62\xb6\x80\xd7\xda\xee\\\x01N\x1bQ\x07\xad`\xfe\xa3\x8ad#\xa8\xcc\x0c\x92\xec\xcd\xe7\xa9\x0e\xcd\xd36?hM\x94\xde\xe9\xe9\xdb|\x9f\x11\xf8\xe0\x19\xf5\xd7i$\x8e\x81\xbc\xb0\x11NV\xc3\xaaD\x18\xdc\x99\xc8;xF/\xdf\'\xd1\x90\xef\x0c\x86u\x13\xccK\xa0[\x9d\xb4h]\xf4\xbe\xdb5D\x88\xcd\x7f\xf9\x07\xfc\x03\xa2\x19=Rh\xb6c&amp;!\xae^\xb2}\x01\xf3\x9f{3\xf6\xa2\xa13%\xbf\xdb\xc6\x9dh\t\x16\xa2bz\x92\x8f\xe0\x96\xf1\xf9_\xc4\x9a\xaf\xc2\x9a\re\xaa\x16\xc7d\x08\xf9\xca=%\x94\x0bN\x0f\xac\xfa\xca&amp;(3\xc4N[\x97e).\xc5=\xf9\xfb\xbf\x17S\xcf\x06b\xd7@\xe1\xda\xdd\xd9\xbb\n=\xe1PC B\xcc\x04pr\xef\xe4SR%&lt;\xbeU=\xa7\x89\xd2A\xb0\x9c!\xbe\xde\xee\x9f\xb4\xc9\x11\n\x19\x10\xa3\x0b\x98\xffB7\xcdm&lt;}\x92[\x82-}\x0c\xf0\x89\x18l@\xe1\x02\x87\xa80{\xb3\xbd\xf2l\x8c\xae\x94\xb6\xa5\xe2w\xe8U\x8e\xa4fl]\xeb\x1e\xcf\x04\xee{-Y4Z\xeay\x12a\xf7\x91\x8e\xd3n\xb4g\x98\xb2KZm\'~\xfaR\x1b\x9a$\x04~\x1f\x82?\x90\xce\xca\xc6\xff+\xf5[06\x98l\xf5\rm\xef\xd0\x10?q\xa3\x1aa\x03`\xd3\xdev\xcbF\xc8S\xd6k\x14\xcd\xdb\xb3\x9c\\\t\x8e!\x96\xb7E\x83\x07#\xf912\xc1V\x8f\x89\x96^\xaev\xfb\xba\xc6%8\xf7qj\xcbV\xb3\x95!\x04\x1d\xa2\xa6\x05g\xc70\xdb\x15{\xfb\x941\x17\xe4?K\xac8\x1a\xa4lQ-j\xc3/\xfe\xb9\xda+\xc0\x0f\xa0z\xcb\x8ax\x85\x01sF\x1b\x13^\xf7\x95* 7\xa8\x12\xea\x8c\xfb;o:\xd4 \xc3\xd0\x15f\xd7e\x9e\x0c\xfd\xfd\xab\x98p\x9b\xed\xf1\xd0|&lt;%=j\xe3P\x010&lt;x\xb3\x01\x9f;H\xa1\x99\x0bo\xe12\xe9\\\x062AgP^n\xbd\xe86\x8a\x91w%\xfdJ\x1f\xa0\xc4\xa7\x0e\xf1\x02\xa6,C\x19\xe3\xc2\xf7\x17\xeb]\xf0v\x17\\\xdd_\xf0%V\xcd\xb8\xa0\xbd\xdbaH\x01\x0c\x7fq\xff\xcf\xe1\xa98\x15\x01\xb4\xb1z\x8e\r&amp;/g{\xeaE4\x8d\xa2\xe3\xb0\x92\x93\xab\'\xf9\x07\x8a\xc3\x0f$\x89\xbb\xa6\xf7&amp;\xfd\xa3\xae\xd5\xa35\xb8\x02\\\xf8\xd9\x97\x11\xc5\xee\xdel\x16\xab\xba\x97\xfc\xf0\x9a\x86\xfb\xec\x19J\x8f\xa2\x1a\xef&lt;\xf24-lH\xf2\xf9\xae?\x1cy \xc6c^\x19\x92=,\xb3V\xa5\xd2:9\xd8\x8d\x0f|2*\xf1u\x9c=&amp;\xce{c\xeaTM\xa0+$\x93eO\x9f\x03\xf8;\xb4\xeb`\xeez\xf0\r\xac\xf6\xfc\xde\xda@\x16\xa184\x15\x7ff\x85R\xca\xf9\x08\x1eN))\xa8g\x8b\xaa\x17w\xad\x83\xd4kMW\x0c\x93c\xcd\xcb&amp;#\xefE+\xe3yo\xfb\x99.\x15\x03\xd1\xf3\x95\xe59\xb4c\x95\xf7.cZf\xb2\xbc\xe7\xa6n\xd6\xb3\x9b\xf1ds\xa2(\xfb\xa6\xbeAs\x17N\xf4\x8e%O^\x88?+&gt;\xa8\xab:\x98T\n-\xcf\x8d\xec&amp;\x04\r\x97[\x8c`\x17\xaag\xf1\xea\x9b\xd3\xe5!\x8bg!\x8d\xfc\xaf\xa8\xc1\xb5\x11\xea\xcc\x0c7&amp;J\x0cn\x17\xe2\xf0\xcc\x7f==\xd1\x8ct\x98\xb5\n\x95\xf32\xa9\x98\xb5\xfa\x84\xcb\xd6\x0e,O\xc8E\xbbYP^L\x02\xdd\x02\xf7\xf0\xa6\xde\x15\x80\xfb\xb4\x95\x16*e\x8ew/\x95l'</t>
  </si>
  <si>
    <t>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</t>
  </si>
  <si>
    <t>b'\x80:\xee,;\xb73\xc4\xb7\x06\x97\xc7\xa4\xdd\\w'</t>
  </si>
  <si>
    <t>excite enquiry, and raise
 reports, such as would displease the Count. She, therefore, requested,
 that Emily would wait half an hour, before they ventured forth, that they
 might be certain all the servants were gone to bed. It was nearly one,
 before the chateau was perfectly still, or Dorothee thought it prudent to
 leave the chamber. In this interval, her spirits seemed to be greatly
 affected by the remembrance of past events, and by the prospect of
 entering again upon places, where these had occurred, and in which she
 had not been for so many years. Emily too was affected, but her feelings
 had more of solemnity, and less of fear. From the silence, into which
 reflection and expectation had thrown them, they, at length, roused
 themselves, and left the chamber. Dorothee, at first, carried the lamp,
 but her hand trembled so much with infirmity and alarm, that Emily
 took it from her, and offered her arm, to support her feeble steps.
 They had to descend the great stair-case, and, after passing over a wide
 extent of the chateau, to ascend another, which led to the suite of rooms
 they were in quest of. They stepped cautiously along the open corridor,
 that ran round the great hall, and into which the chambers of the Count,
 Countess, and the Lady Blanche, opened, and, from thence, descending
 the chief stair-case, they crossed the hall itself. Proceeding through the
 servants hall, where the dying embers of a wood fire still glimmered on
 613
 the hearth, and the supper table was surrounded by chairs, that
 obstructed their passage, they came to the foot of the back stair-case. Old
 Dorothee here paused, and looked around; 'Let us listen,' said she, 'if any
 thing is stirring; Ma'amselle, do you hear any voice?' 'None,' said Emily,
 'there certainly is no person up in the chateau, besides ourselves.'â€”'No,
 ma'amselle,' said Dorothee, 'but I have never been here at this hour
 before, and, after what I know, my fears are not wonderful.'â€”'What do
 you know?' said Emily.â€”'O, ma'amselle, we have no time for talking
 now; let us go on. That door on the left is the one we must open.'
 They proceeded, and, having reached the top of the stair-case, Dorothee
 applied the key to the lock. 'Ah,' said she, as she endeavoured to turn it,
 'so many years have passed since this was opened, that I fear it will not
 move.' Emily was more successful, and they presently entered a spacious
 and ancient chamber.
 'Alas!' exclaimed Dorothee, as she entered, 'the last time I passed
 through this doorâ€”I followed my poor lady'</t>
  </si>
  <si>
    <t>b'\x8c7\xaf\xaa\xbb\x8f4\x95H\xd3a\xadm\xf4\x88\x9d\xa8\r\xeba\x0b\x15x!w\x83\xed\x845\xfft\xf64\x95\x18\xc1\xcc\xc96\xd0\x0eT\xc4\r$\xea\x9a^;7\x8d\xe4\x9eY[\x96XmA\x8as\xa5+\xfc'</t>
  </si>
  <si>
    <t>8c37afaabb8f349548d361ad6df4889da80deb610b1578217783ed8435ff74f6349518c1ccc936d00e54c40d24ea9a5e3b378de49e595b96586d418a73a52bfc</t>
  </si>
  <si>
    <t>b'\x8c7\xaf\xaa\xbb\x8f4\x95H\xd3a\xadm\xf4\x88\x9d'</t>
  </si>
  <si>
    <t>lenty to eat, and plenty of sleep, and strange things
 to see, and no nagging and no pestering, and no good people, and just
 holiday all the time. Land, I warn't in no hurry to git out and buck at
 civilization again. Now, one of the worst things about civilization is,
 that anybody that gits a letter with trouble in it comes and tells you
 all about it and makes you feel bad, and the newspapers fetches you the
 troubles of everybody all over the world, and keeps you downhearted and
 dismal 'most all the time, and it's such a heavy load for a person. I
 66
 hate them newspapers; and I hate letters; and if I had my way I wouldn't
 allow nobody to load his troubles on to other folks he ain't acquainted
 with, on t'other side of the world, that way. Well, up in a balloon
 there ain't any of that, and it's the darlingest place there is.
 We had supper, and that night was one of the prettiest nights I ever
 see. The moon made it just like daylight, only a heap softer; and once
 we see a lion standing all alone by himself, just all alone on the
 earth, it seemed like, and his shadder laid on the sand by him like a
 puddle of ink. That's the kind of moonlight to have.
 Mainly we laid on our backs and talked; we didn</t>
  </si>
  <si>
    <t>b'q\xca\xf7"\x82:\xde\xc0\x0e\xb8\xe1\x1f\xa11\xd77\xaehRD\x00\xdf\xd4O~9\xf0\xa6:\x88\xcb\xa1'</t>
  </si>
  <si>
    <t>71caf722823adec00eb8e11fa131d737ae68524400dfd44f7e39f0a63a88cba1</t>
  </si>
  <si>
    <t>b'q\xca\xf7"\x82:\xde\xc0\x0e\xb8\xe1\x1f\xa11\xd77'</t>
  </si>
  <si>
    <t>omposed into to grounded
 impedances.
 â€¢ Owing to coupling or degeneration capacitors, the frequency response may also ex_x0002_hibit roll-off as the frequency falls to very low values.
 â€¢ Bipolar and MOS transistors contain capacitances between their terminals and from
 some terminals to ac ground. When solving a circuit, these capacitances must be
 identified and the resulting circuit simplified.
 â€¢ The CE and CS stages exhibit a second-order transfer function and hence two poles.
 Millerâ€™s approximation indicates an input pole that embodies Miller multiplication of
 the base-collector or gate-drain capacitance.
 â€¢ If the two poles of a circuit are far from each other, the â€œdominant-pole approxima_x0002_tionâ€ can be used to find a simple expression for each pole frequency.
 â€¢ The CB and CG stages do not suffer from the Miller effect and achieve a higher speed
 than CE/CS stages, but their lower input impedance limits their applicability.
 â€¢ Emitter and source followers provide a wide bandwidth. Their output impedance,
 however, can be inductive, causing instability in some cases.
 â€¢ To benefit from the higher input impedance of CE/CS stages but reduce the Miller
 effect, a cascode stage can be used.
 â€¢ The differential frequency response of differential pairs is similar to that of
 CE/CS stages.
 554 Chapter 11 Frequency Response
 PROBLEMS
 Sec. 11.1.2 Transfer Function and
 Frequency Response
 11.1. In the circuit of Fig. 11.60, we wish to
 achieve a âˆ’ 3-dB bandwidth of 1 GHz
 with a load capacitance of 2 pF. What is
 the maximum (low-frequency) gain that
 can be achieved with a power dissipa_x0002_tion of 2 mW? Assume VCC = 2.5 V
 and neglect the Early effect and other ca_x0002_pacitances.
 R
 V
 in
 out
 CL
 V
 V Q1
 1
 CC
 Figure 11.60
 11.2. In the amplifier of Fig. 11.61, RD = 1 k_x0002_
 and CL = 1 pF. Neglecting channel-length
 modulation and other capacitances, deter_x0002_mine the frequency at which the gain falls
 by 10% (â‰ˆ1 dB).
 R
 M 1
 VDD
 D
 in
 out
 CL
 V
 V
 Figure 11.61
 11.3. Determine the âˆ’3 dB bandwidth of the cir_x0002_cuits shown in Fig. 11.62. Assume VA = âˆž
 but Î» &gt; 0. Neglect other capacitances.
 Sec. 11.1.3 Bodeâ€™s Rules
 11.4. Construct the Bode plot of |Vout/Vin| for
 the stages depicted in Fig. 11.62.
 11.5. A circuit contains two coincident (i.e.,
 equal) poles at Ï‰p1. Construct the Bode
 plot of |Vout/Vin|.
 11.6. An amplifier exhibits two poles at 100 MHz
 and 10 GHz and a zero at 1 GHz. Construct
 the Bode plot of |Vout/Vin|.
 11.7. An ideal integrator contains a pole at the
 origin, i.e.,Ï‰p = 0. Construct the Bode plot
 of |Vout/Vin|. What is the gain of the circuit
 at arbitrarily low frequencies?
 11.8. An ideal differentiator provides a zero at
 the origin, i.e., Ï‰z = 0. Construct the Bode
 plot of |Vout/Vin|. What is the gain of the
 circuit at arbitrarily high frequencies?
 11.9. Figure 11.63 illustrates a cascade of two
 identical CS stages. Neglecting channel_x0002_length modulation and other capacitances,
 construct the Bode plot of |Vout/Vin|. Note
 that Vout/Vin = (VX/Vin)(Vout/VX).
 V
 in CL V Q1
 CC
 Q2
 V
 in CL V Q1
 CC
 Q2 R B
 in M 1 CL V
 VDD
 Vb M 2
 M
 in
 CL
 V
 VDD
 M 1
 2
 (a) (b) (c) (d)
 Vout Vout Vout Vout
 Figure 11.62
 Problems 555
 R
 M 1
 D
 in CL V
 R
 M
 VDD
 D
 out
 CL
 V
 2
 X
 Figure 11.63
 *11.10.In Problem 11.9, derive the transfer func_x0002_tion of the circuit, substitute s = jÏ‰, and
 obtain an expression for |Vout/Vin|. De_x0002_termine the âˆ’3 dB bandwidth of the
 circuit.
 *11.11. Due to a manufacturing error, a parasitic
 resistance Rp has appeared in series with
 the source of M1 in Fig. 11.64. Assuming
 Î» = 0 and neglecting other capacitances,
 determine the input and output poles of
 the circuit.
 in
 CL
 V
 R
 Cin
 S
 RD
 Vout
 Vb
 VDD
 RP
 Figure 11.64
 *11.12. Consider the circuit shown in Fig. 11.65.
 Derive the transfer function assuming
 Î» &gt; 0 but neglecting other capacitances.
 Explain why the circuit operates as an ideal
 integrator if Î» â†’ 0.
 M 1
 VDD
 in
 out
 CL
 V
 V
 Figure 11.65
 11.13.Repeat Problem 11.12 for the circuit
 shown in Fig</t>
  </si>
  <si>
    <t>b'n2\xd0\xdd7xF\x88\xb7T\xf3w\xb1\xa4\xc5K'</t>
  </si>
  <si>
    <t>6e32d0dd37784688b754f377b1a4c54b</t>
  </si>
  <si>
    <t>l-signal model in Fig. 17.5(b), we
 note that v1 = 0, gmv1 = 0, and hence Rout = rO.
 Exercise What is the output impedance if a resistor is placed in series with the gate of M1?
 Example
 17.4
 Calculate the impedance seen at the source of M1 in Fig. 17.6(a). Neglect channel-length
 modulation for simplicity.
 in v
 R out
 V
 X v
 i X
 (a) (b)
 g m v v 1 1
 M 1
 DD
 Figure 17.6 (a) Impedance seen at source, (b) small-signal model.
 806 Chapter 17 CMOS Amplifiers
 Solution Setting the input voltage to zero and replacing VDD with ac ground, we arrive at the
 small-signal circuit shown in Fig. 17.6(b). Interestingly, v1 = âˆ’vX and
 gmv1 = âˆ’iX. (17.8)
 That is,
 vX
 iX
 = 1
 gm
 . (17.9)
 Exercise Does the above result change if a resistor is placed in series with the drain terminal of M1?
 The preceding three examples provide three important rules that will be used through_x0002_out this book (Fig. 17.7):
 ac acac
 r O
 g m
 1 ac
  Î» = 0
 Figure 17.7 Summary of impedances seen at terminals of a MOS transistor.
 â€¢ Looking into the gate, we see infinity.
 â€¢ Looking into the drain, we see rO if the source is (ac) grounded.
 â€¢ Looking into the source, we see 1/gm if the gate is (ac) grounded and channel-length
 modulation is neglected.
 Did you know?
 The observation that the (low-frequency)
 impedance seen at the gate is infinite comes
 from the assumption that the gate current is
 zero. Interestingly, modern MOS transistors
 exhibit a noticeable gate leakage current. This
 current arises from the â€œtunnelingâ€ of the carriers
 through the very thin gate oxide. Tunneling is a
 curious effect: if the oxide is thin enough, the
 electrons in the channel may randomly cross
 the oxide and enter the gate. Predicted by
 the particle-wave duality of electrons, tunneling
 grows exponentially as the gate oxide thickness is
 reduced, and it has prompted extensive research
 on MOSFETs that use thicker dielectrics. Fortu_x0002_nately, the magnitude of this current is still small
 enough not to cause concern in most amplifiers.
 It is imperative that the reader master these rules
 and be able to apply them in more complex circuits.3
 17.1.2 Biasing
 Recall from Chapter 6 that a MOS transistor operates
 as an amplifying device if it is biased in the saturation
 mode; that is, in the absence of signals, the environment
 surrounding the device must ensure that VGS is suffi_x0002_cientl</t>
  </si>
  <si>
    <t>b'\xae\xda\x04\x92\xf5m&gt;\x8d\xb4\xe3!\x04o\x91W&amp;'</t>
  </si>
  <si>
    <t>aeda0492f56d3e8db4e321046f915726</t>
  </si>
  <si>
    <t>Severianum or Forum Novum Severianum
(IRT 562, 566). The latter was dominated by a temple constructed on an imposing
podium; abutting this forum to the east was a long basilica, similar in design to that of
Trajan in the forum at Rome that bore his name (Figure 13.8b) (Ward-Perkins 1993; Gros
and Torelli 1988: 294â€“9).
How Romeâ€™s provincial subjects below the elite viewed these monuments for the
most part remains obscure to us. The case of the colony at Camulodunum (modern
Colchester) in Neronian Britain might suggest that provincials were not always
eager recipients of these new and somewhat overpowering complexes. Tacitus claims
that the temple set up there to the deified Claudius was viewed by the locals as â€˜â€˜a
citadel of everlasting dominationâ€™â€™ (arx aeternae dominationis), and the fact that
provincials were chosen to be the flamines of the cult was seen as a cynical
mechanism designed by the Romans to force the local elite to â€˜â€˜pour out their
whole fortunes under the pretext of religious devotionâ€™â€™ (Tac. Ann. 14.31; Fishwick
1995). Although there may well have been some opposition to these building
programs, it is important to remember the context of Tacitusâ€™ remarks and not to
extrapolate too glibly from them. In 61 the Britons under Boudicca were about to
revolt against Rome and Tacitus seems to be conveying some of the hostile antiRoman rheto</t>
  </si>
  <si>
    <t>b'\xd4\x1d+\xf7\x07Q{\xa2=x\xf0M\x87t\x05\x1bP\x9a\xd5Q)\xa0LaJ\x06\xed9\x1f\x861P\x8f\xb6\x0e+\xe1\xa6H\x96\x19)\x1cx\x17\xe6\x19\n\xdf\x85\x12\xa0\x05=\xdc\x91\xd9\x07\xf2Bi\xb3\x19"\x14~\x80\xa9\x00n\xa1@%x[\xe4\x86\xffD\xc8qoW"\xa6\rJ/\\\xf1IGW\xf3\xa77\xc6\xe9L\x15~\xdbp)~\x1c\xeee\xa5\x84m\xad\xc2t\x9a\xb6\x7f\xa7\x16\x9a#\x116\xfaH\xc0b\xda\n\xfc\xa3L\xe78\x7f"\xb8\x8ed\xef\xd9\xfb\x1c\xe3-a]\x96\xff\xb1\x9bC\xde]\xfe\xfb\xb7\xe4\x87\xb0O\xa2\x05\xf1c6_\x80I\xbdE\xa3\xd8[\xc8P\xba\xc8\x86`=\x19\x94\xd0\xe4e(k\xb2\xa4e!h \x16\x1a~\x8fR\xfa\xeasDJ&lt;\x062b\xaa\xdcV\xdbs_\xff\x84\xdby4\x12\x89\\\x13\xbb@*)\xe3\x0e_\xf4\xa7\x83\x0e\xae\x9a\x92\xb2\x94C\xfb\xc1V_\xfe\xa2\xa2i\xf5\xba\xb6*\xf3 =/\x05n\x8c\xcc\xd4\xb3\xbdxk\xd1b\xb0p\x18Q\x01H\xdd\x86\xf8.\x0cO=\xea\xe9\x03G\xee\t\xe3I\xae)\x9aR\xa5\x11\xd1r\x130\xfbrST\x11\xf7t\xd1\xf6\x01P\xd6\x85\xa9+\x91\xa9\xfeS\xfb\xc7\xf0B&lt;\xe1W\x8b\xf9\xdf\xe1\x07\x83\xf0 \xe5\x9d~\n\xdb;}^\x8e\x12\xf9\x9f0%\x83\xa9AS?lG\x03\x17\x9d\xfd=\x8f\x84\x97\xd4k\xd3\xe5\xb1^\xd3\xe6\xa3\x81\xa5&lt;\x06d\xb5\x1b\x96I\x87:(_\xd3\xd0\x17\xdb7\xdb\xa4o\xad\xbb\xb3q\x82@\xc9N\x14\xc5\xd1*\xce\x1bz\x19\x8b\x12=\xe9\xc4q\x0fe\xfb\x18\xfe\x1f\xb7\xec\x94\xc24\xb0\r\tZc\xb3\xb0\x10w6.j\xd2U6PZ\x91\x9e\xc2\xd6\xec\x8a~\xda\xe8\xe9\xdc\x18@\xdeX\xb3W\x81\xafZ\x13\x0bh\x82\xfc\xf3_\xde\xbe\xfa\r\x19\x9c\xbf\xde\xfc\xc7\x19\xfa\x9e\xb6\xb2,\xdb?\x15\xd4SV\xfd\x04wv\xc4l\xff\xb9,;}7\xaa\xfe#\xf2&gt;\xfb\x18\x9d\xfa6e\xd0\xab\']*\xb5\xcec1\xf4K\xed\xe0+\xd9\xb4\xd3\xc7\x9d\xed\xc6\xca\x14R\xb2;\x9b\x13\xd9\x1b\x83\\\xf6\x94\xf8c\xcb\xc9\x11{\xb0\xa5+\x8e\xc7\x0b=\xd1X\xd8\xebZ\x99\x8f\x93\xe1\x843\x92\r\xcfs\x11\x9e\x80(q\xa7\x90s8z8V\x8f\xef\' ,\xcb%\xfb\n[\xd1\xdf\x86d\x1a\xae\x07\xd4\t\xdf\xe1\xea\x9a\x0c\x9c\xef\xe2\xec\xc0\x84S$\xfb\xb3\xef7G\x9c\xa2b\x997\x96V\xe5\xac\x07e!g\x00N\xbay\xc3m\x86\x16i\xa3w\x01&amp;\x89\xf2\x14\xa9\x84&gt;\r\x7f\xb4D\x10FmW\x86_\xbf\t\x14E\xe0\xa0\xfd\xc8\x0ft@%\x9bM\xe3sv\xe7\x92\xa3\xb8\xc7\n\x8f\x81\xf9\xd9&amp;\t\xc5n$u\xac\xa3\xabs\x99\xab\xf0f%x`\'\x11F\xf9\x8c\xaf\xc7\x03\xe5\xd2{r,\x86\x13\x97\x13\'Jz\x80\xf7\x1f\x86\xb1\xee\x12\x1b\xf7d\xf6\xf6h\xecN\x89S\xa5r\xb9\xf8\xc1!(\xbe\xeaY\xcd\x85\xd5\x8faro`\'\xfb\xa4\xba\xca5\x0c\xdb\xd2\xcd\x8d\xc2\xed\x05\x8a\x02l\xe5\xf9\xf4\x8fM\xd5\xf2\xc2N\x94Z\x7fop\x84\xc4\xc1\xd7b\xb2\xcay\xa5\x94\x92\x8d7,\xd7\x95H\xd5yl\xfc\xb4X\xb7\x02\xa7\xfe\xb3\x10&gt;\x13\xd2\xd3\x80\x88;\xb00\x91\xb8\xf0\x87!O\xe7O\xbe\x9eGS\xf4\x1e?h\x1egf\x1a\xa6(\x19h\xaa*K;\x04\x85\x00\xe2N6B\t9\xb8/\xfb2\x1e\x0e3\xe4\x11\xf0\xf0r\xce\xb7\xb2\xff\xe5\x85{4{P\x86\xfdj\xd4\xe4\xcf\\W\xa4\x8bO\xb6\xe3\xf3E\xe78\xec=\xfa\x9bZN nw\x00\xee\x0e\x91\xda\x85y2\xcah\xc8\xc3l\xa2\xef\xa7\xe0\t\x8a}\x19\x8c\x84l/\x8e\x0c\x96J\xaf\x97\xf1\xea\x8e.\x16\xeb\xbc\xbd\x8bW\xdc\xc1\xfai\t]G\xcf\x85[r\xa3\x956\x89\x82Hg\xb6\xae\x9dI\xbb\xb8`\xf8"\xfe\xfe{2\x95T\xde\x8c|\xfe?\x0b\xd2\xa3\xf6\xebF8\x04\x06\xd8K\xb7bw|\xc3j$\x97`\xa6\xeb\x12X\x08D\xf9vY6\x13d\x9c\xf9\xf6f\xc2\xef\xfe},\x1e[\xef\xf3\xb0yp2\xfc\xb34\xe7\x87\xbc\xec\xf9\xc2\nj\xc1\x9c\xc3k\x97\xfcJA\x99\xfa\xd6$(\x0c\x8d\xa7\xda\xc3\xdd\xb6C%\x8f5\x13\x12\x8b% \x97`9\x075\xe3#\xa5\x97\xf5[\x19\xe3?\xdf\xd3\x82\xbd\xb7\x98\xd0\x07/\xa2\xd7\x99YL\xf9R(\x8chEh\r*\xc7\xcdU\x86z\xd1\x97\xbf\xe3\x96q\xdauA\xd9\xc9\xb4u\xc1\xd8\xe2\xf8y\xca\xbdq/\xb8JZ\xb6\xb8\xb0\x9f\rz\xecB\xbb\n\xf5;\xad\xbbe\xe6\xe6\xd7\x8e\xe9o\x04\xe7\x0c\x96\xc2\xf8\xe1\xd8\xbf33|\xac\xf0\xac\x05\x19\xc9\xe4\x898*\xa8\xa4\x87\xa6C\xbdMz\xe0\x14\x88\xabT\xf8\xb4\xfeY\xc9c\xb2\xfb\x87s@t\xc7\'\xb7\xa4\x16U\xaa"\x0e4\x9e\xd9\xc8.\x14S\x9dy"P\xd1\xf6\xd5\xd1Gi\xf4\x13\x17\xf3*\xf5eI\xe0\xef\xcf\xa5F&lt;\xe8K\xb6\x88\r\xbc\xda\x84\n5\xe1`\xf1NL\x98?y\x03\xec^\x93-\x05K\xba,\xfb\x16\x1b\xc3\xdd\xe7\xbd\xe6bW\x04\x84\xc4R\xc1\x00\xb0\xc4\xe4\x18\x10\x821\x0f\xbf\n\xd9\x1a\x1bTk\xd5\xe1\t\xbb\xcf_\xf6\xf7\xd6\xc6\xd4\xcb\x8d\x11\xf5\xaa\xd2\x89n|\xebs\x92Eq\xees\xc6\x17\x1a\x9e\x0e\xb5\xb2{8\xee\x87\xa2Lp\xf0=yz\xd8{3\x89\x92/\xb1\xeak\xdcM\x8a\xfdj,N\x16=\x8eh\xfc\x90\xd9\x87\xc6\x11\x82\xbd\xb7\x06U2-\x86\x08\x9d\xf3\xf5\xe1\xd2\xcb\xed\\\xb4\x9e\x9d\x8a\x0c \xb1Z\xe5V\xad$\xf7\xfe=~'</t>
  </si>
  <si>
    <t>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</t>
  </si>
  <si>
    <t>b'\xd4\x1d+\xf7\x07Q{\xa2=x\xf0M\x87t\x05\x1b'</t>
  </si>
  <si>
    <t>n at twenty minutes past eight. Passepartout jumped off
 the box and followed his master, who, after paying the cabman,
 was about to enter the station, when a poor beggar-woman,
 with a child in her arms, her naked feet smeared with mud, her
 head covered with a wretched bonnet, from which hung a
 tattered feather, and her shoulders shrouded in a ragged shawl,
 approached, and mournfully asked for alms.
 Mr. Fogg took out the twenty guineas he had just won at whist,
 and handed them to the beggar, saying, â€œHere, my good
 woman. Iâ€™m glad that I met you;â€ and passed on.
 Passepartout had a moist sensation about the eyes; his
 masterâ€™s action touched his susceptible heart.
 Two first-class tickets for Paris having been speedily purchased,
 Mr. Fogg was crossing the station to the train, when he
 perceived his five friends of the Reform.
 30
 â€œWell, gentlemen,â€ said he, â€œIâ€™m off, you see; and if you will
 examine my passport when I get back, you will be able to judge
 whether I have accomplished the journey agreed upon.â€
 â€œOh, that would be quite unnecessary, Mr. Fogg,â€ said Ralph
 politely. â€œWe will trust your word, as a gentleman of honour.â€
 â€œYou do not forget when you are due in London again?â€ asked
 Stuart.
 â€œIn eighty days; on Saturday, the 21st of December, 1872, at a
 quarter before nine p.m. Good-bye, gentlemen.â€
 Phileas Fogg and his servant seated themselves in a first-class
 carriage at twenty minutes before nine; five minutes later the
 whistle screamed, and the train slowly glided out of the station.
 The night was dark, and a fine, steady rain was falling. Phileas
 Fogg, snugly ensconced in his corner, did not open his lips.
 Passepartout, not yet recovered from his stupefaction, clung
 mechanically to the carpet-bag, with its enormous treasure.
 Just as the train was whirling through Sydenham, Passepartout
 suddenly uttered a cry of despair.
 â€œWhatâ€™s the matter?â€ asked Mr. Fogg. â€œAlas! In my hurryâ€”Iâ€”I
 forgotâ€”â€ â€œWhat?â€
 â€œTo turn off the gas in my room!â€
 31
 â€œVery well, young man,â€ returned Mr. Fogg, coolly; â€œit will burnâ€”
 at your expense.â€
 32
 C H A P T E R V
 In which a new species of funds, unknown to the moneyed men,
 appears on â€™Change
 HILEAS FOGG rightly suspected that his departure from London
 would create a lively sensation at the West End. The news of the
 bet spread through the
 Reform Club, and afforded an exciting topic of conversation to
 its members. From the Club it soon got into the papers
 throughout England. The boasted â€œtour of the worldâ€ was talked</t>
  </si>
  <si>
    <t>b'N_"eGN.\x16\x1a\xa2\xefJ\xa6\xac\x85c.\x07\x86*[\\\xefb\x115\x7ff\x13&gt;\x10\xa2'</t>
  </si>
  <si>
    <t>4e5f2265474e2e161aa2ef4aa6ac85632e07862a5b5cef6211357f66133e10a2</t>
  </si>
  <si>
    <t>b'N_"eGN.\x16\x1a\xa2\xefJ\xa6\xac\x85c'</t>
  </si>
  <si>
    <t>ad entered the Custom House, he
 would have found Mr. Fogg seated, motionless, calm, and
 without apparent anger, upon a wooden bench. He was not, it is
 true, resigned; but this last blow failed to force him into an
 outward betrayal of any emotion. Was he being devoured by
 one of those secret rages, all the more terrible because
 contained, and which only burst forth, with an irresistible force,
 at the last moment? No one could tell. There he sat, calmly
 waitingâ€”for what? Did he still cherish hope? Did he still believe,
 298
 now that the door of this prison was closed upon him, that he
 would succeed?
 However that may have been, Mr. Fogg carefully put his watch
 upon the table, and observed its advancing hands. Not a word
 escaped his lips, but his look was singularly set and stern. The
 situation, in any event, was a terrible one, and might be thus
 stated: If Phileas Fogg was honest, he was ruined. If he was a
 knave, he was caught.
 Did escape occur to him? Did he examine to see if there were
 any practicable outlet from his prison? Did he think of escaping
 from it? Possibly; for once he walked slowly around the room.
 But the door was locked, and the window heavily barred with
 iron rods. He sat down again, and drew his journal from his
 pocket. On the line where these words
 were written, â€œDecember 21st, Saturday, Liverpool,â€ he added,
 â€œ80th day, 11.40 a.m.,â€ and waited.
 The Custom House clock struck one. Mr. Fogg observed that his
 watch was two hours too fast.
 Two hours! Admitting that he was at this moment taking an
 express train, he could reach London and the Reform Club by a
 quarter before nine, p.m. His forehead slightly wrinkled.
 299
 At thirty-three minutes past two he heard a singular noise
 outside, then a hasty opening of doors. Passepartoutâ€™s voice
 was audible, and immediately after that of Fix. Phileas Foggâ€™s
 eyes brightened for an instant.
 The door swung open, and he saw Passepartout, Aouda, and
 Fix, who hurried towards him.
 Fix was out of breath, and his hair was in disorder. He could not
 speak. â€œSir,â€ he stammered, â€œsirâ€”forgive meâ€”a mostâ€”
 unfortunate resemblanceâ€”r</t>
  </si>
  <si>
    <t>b'A\xff\x9f\xc0\xa9\x01\x1724e\xa5\xfbZ\x0e\x05\x8e\xfcW~\xb8\x1a\xbc\xe7:a\xde3T2\x1bqK'</t>
  </si>
  <si>
    <t>41ff9fc0a90117323465a5fb5a0e058efc577eb81abce73a61de3354321b714b</t>
  </si>
  <si>
    <t>b'A\xff\x9f\xc0\xa9\x01\x1724e\xa5\xfbZ\x0e\x05\x8e'</t>
  </si>
  <si>
    <t>t he always
 forgot it. I suppose that was the real difference between him and all the rest.
 So when he met it now it was like the first time; and he could just stare,
 helpless. Twice the iron hand clawed him.
 A few minutes afterwards the other boys saw Hook in the water striking wildly
 for the ship; no elation on his pestilent face now, only white fear, for the
 crocodile was in dogged pursuit of him. On ordinary occasions the boys would
 have swum alongside cheering; but now they were uneasy, for they had lost
 both Peter and Wendy, and were scouring the lagoon for them, calling them by
 name. They found the dinghy and went home in it, shouting 'Peter, Wendy' as
 they went, but no answer came save mocking laughter from the mermaids.
 'They must be swimming back or flying,' the boys concluded. They were not
 very anxious, they had such faith in Peter. They chuckled, boylike, because
 they would be late for bed; and it was all mother Wendy's fault!
 When their voices died away there came cold silence over the lagoon, and then
 a feeble cry.
 'Help, help!'
 Two small figures were beating against the rock; the girl had fainted and lay
 on the boy's arm. With a last effort Peter pulled her up the rock and then lay
 down beside her. Even as he also fainted he saw that the water was rising. He
 knew that they would soon be drowned, but he could do no more.
 As they lay side by side a</t>
  </si>
  <si>
    <t>b'FW!X\x82\xf2%\x01'</t>
  </si>
  <si>
    <t>4657215882f22501</t>
  </si>
  <si>
    <t>international activities. To his surprise,
 Rip would have found that he could locate branches of Citibank in SÃ£o Paulo,
 Brazil, and branches of Britainâ€™s National Westminster Bank in New York. He
 would also have discovered that it had long since become routine for a branch of
 an American bank located in London to accept a deposit denominated in
 Japanese yen from a Swedish corporation, or to lend Swiss francs to a Dutch
 manufacturer. Finally, he would have noticed much greater participation by
 nonbank financial institutions in international markets, and a huge expansion in
 the volume of international transactions.
 The market in which residents of different countries trade assets is called t</t>
  </si>
  <si>
    <t>b"0E\x02!\x00\xcb\xeb7\x94\xa4C\xd9\xe5\xa2\xba\xf8\x84I\x0c\x02G\xd6sn%y\xf7\x0c\x7f\xb6s\xe3\xab\x98\x84\xec\x03\x02 Y\xfe\xb7\x02\xbb\x89\x1b\x00\xf0e\xacgG`\xe9\xb4\xb9\x86\x8c'\xe4I,\x95\xaf\xb4\xfb6?\xdd\xd9\xa4"</t>
  </si>
  <si>
    <t>3045022100cbeb3794a443d9e5a2baf884490c0247d6736e2579f70c7fb673e3ab9884ec03022059feb702bb891b00f065ac674760e9b4b9868c27e4492c95afb4fb363fddd9a4</t>
  </si>
  <si>
    <t>b'0E\x02!\x00\xcb\xeb7\x94\xa4C\xd9\xe5\xa2\xba\xf8'</t>
  </si>
  <si>
    <t>oom (although Iâ€™m sure she
 wished it were!)â€”it was women like her, who were tired of embarrassing
 situations.
 That was the moment that Poo-Pourri took off.
 She filmed a video for the product that featured a prim, English-accented
 young woman grinning into the camera like a sweet young Mary Poppins
 while sitting on a toilet, delivering the classic opening line: â€œYou would not
 believe the motherload I just dropped!â€
 The video was funny. It was timely. It predominately featured the
 product. And it absolutely exploded. Within days, Poo-Pourri had launched
 into the public consciousness, and it quickly became a sensation. Within a
 few years, Poo-Pourri had done more than $400 million in sales. That was
 enough to â€œundoâ€ all the fears of failure that had been brought on by multiple
 bankruptcies.
 Suzyâ€™s success is one of the reasons why I brought her in to speak at the
 Capitalism Conference. Something special happens when you meet someone
 like Suzy and discover sheâ€™s just like youâ€”suddenly, things you thought
 were â€œimpossibleâ€ no longer seem so far away.
 Suzy is a great example of an overnight success story tha</t>
  </si>
  <si>
    <t>b'\x96\xd3\x8d"9+\x1d\x90\x13:\x0f\x9a\x85\xe7\x08\xc8\xf6\xcb=\xc8{A\x95\xf3t&lt;\xb4\xb3}\xbf\xbb\x1f\xf3MuR4:\x94\x8d\x9e\x89\xe8\xd7}\xfa\xd2\x92\xf2\x10\x03@\x7fB\x83=\xf9\x07k\\\\\x14\xdb\xcf\xfck\xbc\xcc\\\xb8\n\x9f"0\xeb\x10\xc2\xe2\xa3\x13\xa5\x14\xf2X\xd5\x1b\xbb\xaag\x870\xea\xb4\xd5\'\x9b\x02s\xc9\xd5\x8f\xbe5P\xb6\x94\xdc\xd6\xc4\x87\x03G\x9c\xfdY\x98\x9c\xed\xd9\xd9\xee\xae\xd2\xa0\xa0\xeb\x8a\x1a\x0e: 8n\xde\xc8\x97\n=\x11\x85=\xc5\xc4^E\xce\xedg\x89(\xd3\xc8 \xc9\rd\x9a\t\x95t\xd9\n\xcdK\xa4\x84\xce\xda&gt;\xf1w\xa8\x82\x93^\xbfB\xec7\x02\xed\x07\xad\x87B\x1f\xfaB\xde\xbdT\x11\x92\x0fe\x03\xf4\xacn]\xf2\x90\xc8[\xa0\xb4\x1f\\\xfdZjI\xfb\x11\x12\xb1\x1c\xb5,^\xeaH\xd5\xc5\xa9\xcefh\xa9\xe0[\x11C\x0f:g\xde\x82\xf6\xe8q\x03\x11\xcf\xdatI\xcb\x8a\x06B\x99&lt;\xc0n0\xb8o\xc5\x9cet9\xceE\xc8\xa0#\xf5\x99C\x83\xb2l8\x04\x06\xd1#|\x02\x07T$\x8c6\xeb\xfd\x16\x1c\x17p\x8d/\x92\x82\xc1\xf5\x9d\x9d"Z\x14p\x1b_-5\xc9MI\xd92\xde\xb5\xf8\\j\xf4\xf9\xc125\xa8\xcd@\xbc/B\x01\xc8\xee\xfb\xf6\x13\x80\x03\xa1x\xbbMS\xbb\xc7\xa8 \xc6\x1e\x14\xd1o\xd3{\xd9\xba\xb0\xae\xf4\xcf\xef&lt;T\x11\\xU\xd67\x1e\x04p\xc9\xaeR\xd3\xd8\t\x1d\xeb\xa3\xc1\xfaK\xe6\x06\xac\x05uT\xef\x81\x13\x9ab\xaa\xb3\xb63\xd3=`LC!4d\xe1&gt;\xb7\x93\t\xa8\xaa\xd8?W\x98\xcd\xacE\x82\xcf\x9cT\xd27\\\xf4\x8d\x93a\x0c\x95V.\xc1\xc6\x8eIB\xae@\xb0Y\x01P\x8fB\xcf\x1e\xf8\xdb7\xc7\x9b\x1a\x90]-\xb5\xf6QM\xa8&gt;\x19\xde\xdaT\xe2\x87\xb4\xac\xd1\x8e\xb9\x8d\x0c!I.\xad_\xfc?\x17\xa8\xd7\xe3\xd8\x03\xf2\xd6\xdd\xb2\xd7\x14\x92E\x9e_\xdc\x8a\xf9|\x9a\xf0k\xee\x8a\xf4\x19?@\xbc8\xc0\x1d\x05\x94=5{\x93\xb0,2#\xf2\x116{\xadv\xfd\xda\x01\x0cbdS@\x1c\x8c\xc1\xb9\xdf\xba9\xfd\x90\x19^\xda\xb0\x13Xvp\xf7Lm&gt;\t\xee\xab\xfd%UM\x99w\x01Mp\x8c\x8c@5\x1b|\xfa6\x8c\x88\xa6/\xe7k\xed\x92\x83\x10\x06j o\x0e\xa6\x81E\x10{@\x80P\xf9\xe4\xe4G|&amp;\x8f\xbcK\xd7Ci\x88\x1e\xe8\xbd5\n(\x92\x80P[\xfcH\xf3\x17\xde\t\xfc\xfaCiv\x02U\xa4\x08y\xb6\xd0\xe7\x06k\x13\xebBL\xec\xb8\x0b\xef\xef\xa0D\x7fl\x80\xc3\xac9-\t\x81G\x9d@\xbb5\xcd&gt;?\x9a?k\xbf\xc6\xfb?-\xd9\xb8\xfb\xdc\xb2\xc1\xf1\xb8\x15`\xcdE\x03\xddP\xc8\xed\xc2A\xbf\xb8\x05\xa3\xef\xb9\xc9\x17\x1dC\xed\xf4eS.9\xca:\x9aD\xd7R\xa4l\xbf\xb2\xfc\xb4\xe7\xbbk&lt;\xfd\x8fm\xe7I\xe3\xd3f\xc0q*V\x8eF\\ \xf5\t\xa7\x8fH\xf9n\xd2p\n8\xd0\xa9\xd0\xd0\xff\\"\x7f\xa2\x81d\xb4*z\x9eb6\xe7\x1cq;\xf90\xf9\xd9\xb5\xcd\x8a\'kd0\xfb\x89q\x88\xa5p\x80\x8a\x1ak\xaaN\x9c\x14\xc4{\x06\x18\xff\x024R\t`\x89\xec\x83\xe2\x9d\\\xdb\x17G9o\x1c\xf3H.T\x89\xa8u\xbb.r\xbf\xad\xf3\'&gt;*\xc8\xa5\xf9\xe4\xf1R)\x10\x87\x17\x97z\x99\x12\xde\xd0\x10\xf1\x81\\\x9d^J\x88o5\x90V=\x98\xa4\xb7\x8d\xcf\xe2\xd4\xc5\x95\xf8P\xfe~\xea\xfc[\x1e\x83\x8b\x86Y\xdaU)\xec\x9a\xcc\xdd\xbd\xf6\xd1$\x88E0=\xdd7W\x81\x18\xc7\xe8\x16^\xf0\xb9\xbc\xden}d!\xec\xf2S\xc7\xf7C\xd1\xa6z\x1b)\xf7\x06\xcfu"\xc7\xe7J\x80\xb7\xce\xf2 \xad\x0c\rO\xe1\xf4-\xd6\xeb\xd1K\xbb\xbaR/\x13\x8a#\xb5P\xc1\x0b\xe2}\x16HS\xc2\x94]3b\x99$\x93\xf3\xddz\x1f\xb3~\xf8#\xea\xc7)h\xe9\xb4\xa1\x0f\x08\xcf\xdby\xf4 \xb4\xa0j\x86\xeeU\xd6\x1d\xcf\xd4 \xfcK\xad5\x86\xe6O\xe5\xf84j\xf5gu\xe2\x03\x86\xe0B&amp;\x93a\x04\xa6\xa3\x11\xed\x80\n\xc0\x8b\\ n\xa7\x0e\x13\x1e\xa3\xa6|\x17\xab\x07\xffT\x90p\xcf\xfa;I\xe2\x93\xc9\xd1U\x0c\xc0\xce\x80a\x95\xd9\xb5\xc8\xb7\xca7\xadB\xe0\xd2\x94\x13;\x0cS|7\xaa-D\x8d#\xdf\x9cx]\xa6q\xfaF`\xd8\xa9\x92I/i\xd0\x87\xeaD\xce\x08\xf8\x17\xf0"2\xef0\x05U\xf8\xe7\x97)'</t>
  </si>
  <si>
    <t>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</t>
  </si>
  <si>
    <t>b'\x96\xd3\x8d"9+\x1d\x90\x13:\x0f\x9a\x85\xe7\x08\xc8'</t>
  </si>
  <si>
    <t>iately turn to keeping stockâ€”sometimes
 that means securing money to keep enough inventory to keep building the
 snowball.
 I recommend having at least $5,000 to $10,000 ready to deploy the
 moment you need it. You need this money to bridge the gap thatâ€™s inevitably
 going to happen once your product starts quickly selling out. It doesnâ€™t mean
 youâ€™ll have to use it, but youâ€™ll be ready if you do. If you donâ€™t have $10,000
 rolling around, then you need to go out and get access to $10,000.
 Some first-time entrepreneurs panic when they hear this, but your
 $10,000 doesnâ€™t have to come out of your own pocket. Your job as an
 entrepreneur is to get access to resources. My mentor, Travis, calls it
 â€œthinking like a producer.â€ Movie producers donâ€™t finance films with their
 own bank accounts. They also donâ€™t write the script or do the acting. Instead,
 they find the right script, hire the right actors to sell tickets, and then they
 raise the money to fund the film.
 An entrepreneur does the same thing. You have the ideas. Youâ€™re not
 physically making the product; you have a manufacturer do that. Itâ€™s your job
 to make the connections and manage the money. There are several ways to
 get the capital you need. Only one of those ways is to take it from your own
 bank account.
 Your own resources arenâ€™t your only resources, either. The money could
 come from a line of credit, a loan taken out against your house, or an option
 with an investor. It could be money from Kickstarter or Kabbage.com or
 Amazon Lending. The money could come from anywhere, reallyâ€”itâ€™s just
 up to you to go find it.
 Hereâ€™s an inventory tip: One benefit to placing a huge order is you have
 some wiggle room to negotiate with your suppliers. When youâ€™re only
 ordering 100 units at a time, youâ€™re going to pay the retail rate. But the more
 you order, the more negotiating power you have. Sometimes, a bigger order
 knocks down your per-unit price by up to 30 to 50 percent. Itâ€™s a huge boon
 to the long-term growth of your business to be able to make a large order that
 drives down the COGS (cost of goods sold).
 If You Decide to Raise Capital
 The fastest way to raise capital is to bring on an outside investor. If that
 investor is willing to be an advisor or a strategic contact, it can be a huge
 benefit to your growth. And contrary to popular belief, outside investors are
 usually open to investing in new ideas.
 Yet nearly every day, I see well intentioned entrepreneurs botch their
 pitches to potential investors. You just tell them about your business and ask
 for $10k for inventory, right? No. Itâ€™s important to remember that investors
 arenâ€™t interested in your ideas but their return on investment. There has to be
 a clear plan for success in order for that money to go to work.
 As a potential investor, Iâ€™m looking at your business plan. Specifically, I
 want to know how that money will be spent to make the business grow faster.
 Most importantly, who is your potential audience, and where are they? How
 are you getting in front of them? What are your plans for follow-up products?
 How are you allocating the money, and how are you planning to reach
 potential customers?
 A lot of people are just looking for a Band-Aid. Theyâ€™ll approach an
 investor with the following pitch: â€œIâ€™m out of cash. I need an infusion or Iâ€™m
 out of business. Can you solve my problem?â€
 No investor ever said, Shut up and take my money!
 Raising money on an idea is really hard (and stupid). Raising money to
 fix a problem is even harder. Raising money to amplify whatâ€™s already
 working? Thatâ€™s a slam dunk.
 From an investor standpoint, I want to see how my money is going to
 grow the brand. The purpose of money is to make things go faster. Itâ€™s great
 that youâ€™ve got a strong product thatâ€™s selling well, but do you have two or
 three other product ideas you can roll out to the same customer? Because ten
 grand might help you bridge this one gap, but itâ€™s not going to provide a
 return if you donâ€™t have a solid idea for your b</t>
  </si>
  <si>
    <t>b'\xd9\xe4\xd0}-\x8c\xb2\x85R\x1fDG\x16\x1f\r\xd2\xd64\xab\xbd10\xc4S\xa7%\xc9\x91\xb3\x88\xc4\xfe8a\xf9\x04\xb6tJ\xe9\x8e\xad.oN\x0f\x0c\x9f3@:\xb2&lt;\xfaYs\xd7w\x01\xa7\x93^lm\xf7UQ\x84\x9c\x87\xd2D-\xbdH\x02\x03Th\xb53M{4*b\xec\x97t\xa7\xee\x02\xe5\x84Vo\x97"\xaf\xea*x\xa4\xe0;h\xb6\xd9\x17\xbb\\L\x92\xb9;p)Cv$\x96/\xcd\xcd\xb4\xfd[\xc8mc\xed\x02\\6\x10\xa8\x8a\xe1\xf9\x02\x1a\xee\xbe\x9b:\xa0eacV\xca\x0f$4K\x90f\xad7\xfa\xea\xb2}e\xe2$\x85\xc3N\x12\xfb\xc5\xb1\x84+\xf5\xe7)\x99K\xb5\xb9\xbc\xbe\x19\xb1,#\xa6}\x19aD\x115\xfe7\xba(Vp\xec\xf6/\x86\xe3n\x0f\xeb\x002c\xb3\x14\xd9Q`P{\x15\xeb&gt;\n\xce\xbc\x92\x9fP\xb5\xdc\x0f\xb6\xcaY)\x10@u\x03\x0b\x99K{\xae\xf2\x86&amp;p\xb7\xa87$H\xd0\xf4\xf5\xc3\xd2\x07\xafyP\t\xae\xe6\x02\xc8\xeb+E\xfe\x987\xc5\xc6\xc9\xd6Q2\xbc\xf0\xae\xa5\xa2y~z2\xd6\x07\x87\xa6\xe27\x82\x90\x80\xd1\x9e\x11H7\xa4\x8a\x95\x05\x0eX\x05\xeb\xa3\xb5\x14tIg\xe4Z\x17|\x03\x11\'\xc1g\\\x06\xbe?\x9a{\x92S\xc5B\xc5\x86\xb1\x84rio\x912\x87:\x81\xd90g\xa9~\x80)\xe4\xae\x84\x0e\t\x9cN\xaa\x16=j\x80_v\xdcB\xc6B9 L\xd7\xb7\xf82\xed\x02\xfe]\xec\xc1[\x18\xea\xad\xe5L\x1aA\xfc\x1e\xfc\xe4\xe4\x9alflU\x06\x1f\xd3\xb1)\xc3\x10\xbf%c\xb8\xab\xba.\xc5\xae\xd9\xdc!0\xb7\x9b\xc8\x93^\xb1\x93\xdc8.\x13\xc8\xc0,B(\xe6M\x93\xd5c\x89\x0fD:\xc4\xef\x81\x8f\xcc\x1d@\xe0J8\x1c\x14.\x0c\xfa\x84/\x95\xeb\x80 \xd1\xf68\x90p!&amp;\xb0\xd7%\xa9+\xd82\r\x07k\x07\xe3\xac\x12\x92C]E\xea5}\xf7\xd9\xdfWV\x90cb\x15\x1a\x98\x8e1\xa4.&gt;w\xff\x01#r$\xf2H\x14\x00\xc1J\xa74:?\xe3\x12dn]\xa8\x80\x13\x05h\x0fv\xdff\xd0{*rB\x0c\x9d\xbe\x00\x01\x0fo\x8c\xda\xdf\xe2$|\xaeq\xc8\x8c\xd3\xa2O\xb0i\xed\xf7\xd1\x18m\xe3B\xa0\x19\xbb\t\xe8\x16E-\xf6\x044\xb8\x08&gt;p\xb6@\x15\x7fST\xcc5F&lt;{33\xb6\x9e\x12\xebc[n\xd1$e\x90\x8dp\x87\xf3\x11\xa5\xf9\xec\x07\xd9\xbe{U\xd7Qg\xc3\xacd\xff\xf9\xc3\xd0\x88H\x13=\xa0\x99\xac^U\xdf\xec\xf63[q\xd2\xc1*\x9c\x8dY\x1f\xf0\x9c\xd7\xb8\xaa.\x95K\x9e\xe6?\xfc\xf6\xec\x99\x82\x16\x18\xfa\x0b\x9a\xf2\x07#\xc3\xb6a1\xb5\x18/\x9f\xb8\xfd\x16\x95\x92K\xf6\x10\xe9}\x93#\xf5\xb3\xc4\xc5\x19\x1d\xcb\x7f\xf7\xcd\xed\xa0q\x13P^\x82\x16j\n\xd0\xd5\xb7X\x1b\xdd\x99\xfe\xeel,\x82\x7f`"\xa7\xd7\xf0\xe60\x15\xb5kZ\xa7\xe5z\x0bA?\xd8\xaa\x11\xb3Ygs\xfe\x96\xeb\xc3e\x1d\x7f\xc8\xe9\xc6AH\xcfVz5\x96\xb9y\xc4\xc8\xbbI\xf0i\xdd\xb1\xb5\x168\xbe\xb8\xa4\xbf]\xa2\xc8:4J\x99\xd9\xde9\xe54\xd5\x00\x85N\xe8\xc4\xdd\x95\xe5\xff\xe1N\x0e\x80R\xdb\x07\xf3\xfe\xc3\xd6*\xa1\xd7\x16\xf1M6\xb2\xd4fG\xc6\x12\xf2\x0ew\x92\x08\x83\x1c\xf5`\xdb\xc6\x18\x04dp*\xd8\x9eQ\xc9\xb7\x91\xb4\xa1m\xd5\x11\x88\x93]\x94\x8e.\xee\x18\x1f\xad\xf2u)\x8aW(\xc0K9L\xc6\xb4\xc8\xd8"&gt;\xd16\x84G\x9c\xb3\xc2\xcd7\x86\x05q{"%\x98\xee\xdbH,\x0eG\xe2\x03M\\\xc1p\xe3!s\x17\x11W\xb5\x85\x92\x0f\\\xcb\x155\x1c_\xf0_\xa9\n\r\xda\x94\xd260\xc3\x0b\x8fd\xb9*x\xa9~\x83\x8ee\xf4\x8c\xda7An\xbb\xec\x12\x08P+^9\x08\xad\xa0\x84i\t\x90c\xdf\x1eb\xdd\x94\xfa\xc4v\xb2\xfe\x1d\x06\xfeh\x7f\xe6\tE\xe4/u\xb8\x0eR\xc1\xb4\xa9\x8cE\x81B\x84\xear\x1e#\x15\x15\xd6\xc3X\xfb\xfd=V\x1ef\xe1\x1d\x8cN\x08\xce\xe1W\x81\\\x985\x0f\xd2\xbeI\x12w$\x90\x84\xb0h\x05\x171\x89=\xf1\'W(\xd26q\x8e\xf5\x03\x1e\x15\xe5\x07\xc6\xe7\xc1\xe7\xddV,V\xc6\xfe\xec\xec \xe5C\xdf\x81_x\x98\xd5\xbc\xa4\x94p\xdb\x98\x8fY\xde\x8e\xa2\xe5\'\x9d\x1du\xb4\x8689M\xef\xf7G\xba\x98\x9d\x9awR\xb0!\xbdW\xb9\x15\x8f\xbd\\\xb4\x9f1\xac0\x91\x0e\x90n\x99CW\xcb\xfc\x85\x08/\xcf\t=\xadf\x9a\xf0\xc93\xc99\xc6\x9a\x14\xd2r\xf0\x17\xc4f\x8eF\x81\x9f\x958y\x1f\x98\xceG9\x8b\xabf\xb5\xc9#\t|\xdd\x99\xfd-C\xa3\x17\x8e\xf2\x9e\xf9\x9e\xa8\x82\xa8\x0f\x1c\x98\xf3\xfea$\xf9\x16\x1b\x0b\xacI\xd9+Q\xf1c\x9f X\xd4\xfa\xce\xb0\xeaTNz_:\x02_\x1e{\xf0\xce%\x12\x07+\xecw\xce\x9e\xb1\xb6\xe8\xb8pI\xe2\x04a\xf7w\xd2w\x10\x06\xb6\xf4\xa4\x11Pk\xbd\xd6\xae\x7f\xd6Gm\xfb\x18\xb9\xf3\xdc\x9e\x032k:-\xd5\xd4\x89]Ru\xdc\xe5\xc6.\xe7&gt;I6\xcc\xaf\x9b\xa7\xd0O\xd2\x83Q\xd1\xa5\x8a9\xf4L\xf5\x8d\xce\xbdA#\xd4V,\xb5s\x14\xed+\xd2_\xab\x01\xe3\xdfG\xff\xc1\xf4\x032l(\xb6\xd8^~A\xf5\xcf&amp;`Xy\x89\xd7I\xfb\x9dM\xa9\xd9\xeaN\xc7\x84\xadZ\xcdB#\x11\xf5\xe2\xbac0b,Do-\xa8\x9f\x01\x00V\xc2\xb9K\x14\x9c\xda\t1\xf08s=\xc7\xa4g\x18\xde\x14\x12\x05Fk\xdbw\x88\xfdj\xa4\x0e\xa7s\x0b.\x14Z\xcf}"\xeb\x94\xca\xae\xe0 \xfb\xa2&gt;\xf9\xa9\x13\'\x9fIu\x866\x1e\x99LoD\t\x10\xcd\x9f\x93\xe9\x99\x83\xc6\xec\xe6kU\x0bq\x7f:8\x90\x18k|\xb5\x8a\xc3\x17\xfc\x82\xa8%\x8d\xa4\x96[\xd7\xb1M:s\xfc\x9e\xd2\xdf\xc4\xb3T\xe7\x96L\xa7\xa7P\xa6\xc4%oUs\xe08\xd8\xd1\xb3\xb3\xa8\xf8\xe5\xea\xb11}"\x8a\xcf\x10?\xa2Xf/o\xbeQ\xc7\xfcd\xfa\xf9\xdd\xf4O\x154\xe7\x02\x8cv&amp;\x9d\x97\x03f\xa5f\x12~\xcd\x87\x98i~\xce\xef\n\xdf\xf1\xe9\x91\xab\xc4\x91U\xa8\xae\xc6x\xad\x08-\xd8\xf0\x8f\x13\xf0k\x91\xb0\xc1\xe5%8\x80$\xaa\xd9}\x0f\x97X\x03\x0f\x00\xc6\xf8\x0e\x80\xae\xc6N\xf0\\\xc6\xb1\x82u\x16\x05\xd5\xbd\xb3\xca\xeegN|\xa7\xf6U\xe1\xa3\xf0\xe9D\xaftM\x1aS\xbdSKaT\xd8\xa2\xd7\x17\xf0\xae\xcc\xf1\xc8jO\x14\xc4A\xdb\xff\x98y\x9b\x10\xfd\xb68\x98\x02(\xd1\xd7\xc3v\xd1\x1d\xa1\xcc\xbc-2\xa4X\xe6\x04\x02\x88\x87\xb7F\x01\xea\xcb\x0b\xc9L{\x97\xa9*\x7f\x01\x96\'\xdf\'&lt;\xffa\xe720`f\x88\xfa\x03E\xd9,Jb\xb1s\xbd\xe8\xb1XP1\xa8\x95\x16\x1b\xc6\xba3J\xd7\x9d\xbc6\xd7(]\x06\t\xf8@\xf6\xdd\xfe\xafA\x83\xac\xfa\x1cQ\xe4\x89\xfbr\x0e\xdc\x1a\x98\x1f3\xfd.{\xcf\xd5\xb8\xe8\xb4r*l\xc4m\xbe\x00\xc2\xf6i\xac\x1f:D\x1cv8\xc1%\x1d\x97\xb6\xd4\xb5B\x00\xb1\xf1\x82{\xad\'\xacwz\x06\xa3\xbf\xf7J\\\xeai7\xa0\x81\xa3\xf2\xcb\x83\'\x01\x18\x0f\x88A;\x19\xaeeI\xf3Z\xc4\x19\xa5\xd2cv\xc1\x91\'l\n\x13\xc0=\xe6\xacm+V\x0c\xfd\xf6&amp;\x1d\xbb@=\xeb\xb5\x81\x1c\xf69\xb8\xa9a\xd9\x81w\x8a\x04L\x80\xb7\xd5\x83K\xea\xfd%\xeb\xbe+\xd7#*V\xff\xd5R\x16\xf4\x9d\xd1\xbfkW\x89\x82\xef\xdb\xee\xe4S\xe8a\x10(\xed\xd9e\x9c\xa3\xc6\xa7\x1a\xa4*\xb7\x86Mjzn\xcd\xdf}\x8b\x87\xb7p\xb4\x13H\xcf4\x0e\xf4-\xc6j\xee\x96~\x1e\x06\x86\x13)\xbe\xf4i\x1d\xdf&lt;.\x9a\xefe\x7f\x1b.\xcd\xa8\xa6\xd2&amp;\x0e\xe35\x9c\x1fok\\\x15^\xff\x8c6T$qS \x18&amp;\x1e\x93\x1c\xe6\n_L\xb19F&amp;#\xd0\x9f\xe5\x11\xe8t\xea\xc6\xe5\x87\xbe\xfe\xccz\xff\xbf\xa2\xe4K\xfck\x9e]\x7f\xd5b\xc5\xbd\xe9i\x19\x8c\x82.\xa1G\xb5\x84\xcd\xd9\xcd1\xfc4\xee\x90\x11\x81\xbd\x0f\xa7`p}\xd8\x0bO\x15}\xe5\xc5\r\x0e\xec\xb6\xddm\x962\xee\x14?\x939\x9a\xd5\xa2\x8dE\x9f\xfb\xd4\xc7/\x89&lt;\xdf\x99\xad9iS\xa1\xf8\xcaq\xf7\x06\xeegm\t\xe9\x14\t\xf5rd\xf0\x00\xf5\xfd\x1e\xd1\xae\xa7\xf3\xa3\xb2Qk7\x18\x8c\xe3\x85\xe2\xe6\xc6\xac\x0b \xa4\'\xa7\x0ct\xf7fA\x8e\xc3C\x1bp;\xbc\xc8\xdd\x9e\x1eb6\xce3\x1c~\x0f\xf3\xec\xef\xef\xd9b\x16\xb0\x878\x16\x18\xe7\x0c\xc3\xeeyJ\xfe\x1b\xa3]S\xb1\x0cO\xd4\xa3r\x8e\xeeIZ#uj\xec\x10\x91\xe2\xb2jl\x91\xc8\xeb\xb2\xb2\xb8\xcagT\xf4\xb2\x9c\x10\x9c\xab\xcb\x9dz&lt;x\xe7\x9b\x88\x81\xba\x0b\x14\t\xaaZ\x83\x8a\x935_@\xdf\x13\x9f\xfb\xe3\xa2H\xb3\x1f\xa6\xd9\x1c\xc5Q\xa4l\x8f\x15\xdb\x96omly\x1c&amp;\xac\xd0\xa1\x05\x9e\xb0\xbf\xf6\xc2L\xf0\xfb\xd9\x88(B\xa1\x032-&gt;\x0b7\xd48\xdd\xf7;\x1b9\x18\xc5&lt;\xddI\x8b5\xc5\x9dX\x05\x0743\xf4\x9dG\x86\xc1\xb9J\x8a=\xef\xce\xd3W9\xc5\x88(`\xa7@\x1e\xee`\x95\xed\xde\x08\x02\xf8\x83\x90\xa9\x92k\xbb\x83\xf2{c\xc0O\xd5\x02&amp;;\x0bL6\xb7\r\xa1\x0fB\xa4|\x83MU\x7f|\xe0*\x1ej\xd9QC+\xd5\xb8=\x07a=\x13\xaaD\x03X\x93\x15\x84\xed\x92@\xaa5m\xab%\xf2\xda\xc8\x99\x84\x0e\x0c\x02\x1f\xae&gt;\xd4\xc3\xe1\x0f5~\\\xb9\xdb\t\x99\xb1\xb2/\x8f\x107t\xa0\x95\xd8\xad\xa4p\x99\x02Xl\xd3\x1e\x87\x0b\x92e\xec\xa4\xbe\x03\xa3,\x97\xd1\xa4\x0b\xccm\xf3C\xd4)\x18{bw\x0f\\\xff^\xf7\xe3\x81\x0c\xd6z=\xb3\x1fU\x99-\xb9\xf9G}\x04\x00\td`\xc69\xbc\x9d\x0b\xf3\xcfB\xb6G(\x9a\xd4k?w&lt;%\xb8\xbb?\xebA\xccX\xf3\xd0\xb3k\xdc&amp;\xfd\xaa\xbf\x80\x9b\xd1\xbf\x94\xf1u\x03Cqz\xc5\xaf\xf9\xf2\xc8\x08u3+M\x1e[(\xc2\x1cq\x12\xce\xb1\xa7\xbe\xdb\x05\xfcy5\xb0N\xa2\xd1\xa3\xb8RO\x89+\x14\x10$\xee\x83\x03\xac_J\xa1J\xc33\x98|\n\x90M6\\3\xb5\xe3\xc4dc`\x8b$\xf9\xc0||\x84bX\xd0\x91\xab\xa1\xe4\xc3\x88=\xa3\xaa\xbdl\x08+R\x0f\x140"\x8e\xcd\xf0\x1a\x9e\x050E\xf6\xd34\xf0\x84\n&lt;a\xec\xfcl8^+\xc0\x849t&lt;\x969\xb8\xec@\x1f)&lt;\x8fb\xae\xf1\xe2\xe8\'\xbe\xf1\xc1\xed\x9b0\xad$.\xa0\x86q\xcc\x99\xba\xea\xe9l\xf3\r2\x00{\xecWP\xb8|\x90 \x8dI\xa9\xd5-\xa7c_\x04\xd4r\xc2S\xe8\xab\x13\xafe5\xde\x1dO\x92\x14\xfb\x1d\x9aX\xa8\xde\x06\xff\xea\x9a\x9b\xfd\x00K\xa2&lt;\xc5`\xbe\xcb7H`H\x9c\r?,\xd7\x80*\xbdN\x08\xf1\xb1)\x95\x13\xad\x1cG\xbd\xd7@\x9f\xba&lt;\xf4\x9eZ\x02\xd4eC\xfb\xf7\x01\x18Y&amp;R\x88\x8c\xa9\xa8\xcd\xd4=\x8a\xe1\x8ar\xee\xf8e&amp;\xc7\xd8\x8c\xc8\xb8\xc9\xb4\xd6\xa0\x07\x83!\xd5\xc9\xa3\xc2\x9f6~\x0e\xd76B\xeb\xa9\x16\xe5\xa7_\xb9\xe9U\t\xbf?\x1e\x80F\xd2V\xd1\x8aJ\xa2W%\x82\xf4\xde\x99\x86\x0cy$\xc1~v:\x86"\x10\n8\xafA\x1b)\t:{eV\x0bZWP\x1e\xb3j\\~\xf3\xb5`\xc6\xa07U\xcc\x1c2\x85R\x93\x9cb\x0e\xaaT\xcb\x05^/\x83\xd8\xa2\xc4\xd4%D\xf6\xf7a+\x17T1\xa2\xc6\xb1\xbdJ\xa3n\x084a@6\xdd\x15\x04\x87\xbb\x18\xe7\x8b:\xc6Q8p\x93\x18\x0c\xfc\\\x15Q\xbf\x82;g&gt;_\xce\xf6\xcd\x95\x88X\x00\xf5vpaw\xa3,\xab\x8e\xabC\xa5=\x1f\x11\x0b\xbf\x8cO\xaa\xdbF&lt;\xc85\x13\xd9\r\xd7\x08hJ\x8eF\xed\xf3\xfb\xc2\xa1X\x06ga\\2\x0f%\xac\xaf\x04\x07D\xc1\xd4\xf2\n\xb4\x85\x97\x9f\xc8v\x84\x9e\xf5\x8d\xc9\x03T\x0e\x16\x9a\xc3\xef\x16P\xb6;\xdb\x1df\xa9\x13\xaa\x04t\xdf\r\x82[\xdd\xf3\xe5\x8e\x02\xe5\xc9\xa0]\xdce\x95\xa5\xc5\xa7\xa8\xc7m"4\xb2\x85n\x83\xb7z\xee\xb4\xe5\x1b\x98H\xa9[\xb3\x13fc\x13Z\x95A\xaf\xb08Ag\xf0\xa0\x9cW\xd8\xd4[\xb9;\x97\xd7R\xde\xd1c\xab\xc3\xa4\x02\xee\xd5\xabx\xe7\xa4M\x83(&gt;\xee(\xe3\x84&amp;b\xdb\xb7#X\xe8\x03\xf2\xf3\xed\xe3\xf8\x0f\xf0\xf1\x8dc?\x8a"4\x90\x9f\xbcO\xa9\xd5\xf2\xa9Y\xf9\x07\xc3\xfe\xcch_"\xe5\x82\xc2\xf0\xa1\xde\xf0_\x19\xa1R\xec*PR;\x0e+\xaa\xbd\xe1\xec\xe0\xe4\xe4Y\xf9\r\n\x98bi\xa9R\xaa\x13\x8dH\x90,\xfa\xd3\xa6O\x96\x1f9\xf7\xe0\xa8\xf1`.\\\x996l\x02\t\x06\xb9kI1\xd0\xad\x84v\x86\x92\x92\xe2(4\xd2\x19\x01U\xd3\x1b4Q\x82FG\x91%\xe7\';\x1fz/\xad\x9a_Ga\xf9\xe3k\xe2\x9d"m\xd3\x83\xef9\x0cf\xd4\x1c\x07\x999\xa5J\x13\x91~`\x0e\x12\xb5\x00\xcd9P\xe3\xe6\xf0\x8d\n\xb9L\xbf\x87\x85Z\xb0\xc7Y\x8e\xb2P-1\x1f\xf5\x89\x8ckD\x94\x18W\xd0\x95\x88\xc07\xb3\xc3\x1b\xb4\x88\xfa\r\xaf\xc2v\x94\x81]u\xf3\xb9\xf2\xf0\xab\r\x15/\xd7%\xb0\x0bR\xf9\x82\xba\x8b\xf8\xaa|\x1d\xda\xce\xa2\xdf:_\n\xd6L\x8e+=\x8d\x8a\x11\xeb\xc2J\xab\xdf\xf5\xe7\xe5\xde\xf0\x7f\x83\x8e\xe3\xa8+\xd2\xb7k\x8e\xb6,\x93\x16\x9as\x91\x8f\xc0\x04\xf7\x8cS\xcdd&amp;!X\xac\x1e\xe6\xb0\x95\xf4\x84.\xbe\xee|:\xdcy\xfd\xad\x949\x08\x029Ap&gt;\x14x\xd8\x8a\xf8\xb7\x00k\x130\xf5\x89*\x80\xf0\x19A`\xee\xe8\x9c\x0ft\xc7\xe8\xaa|\xb2RN\xac\x17\xd5\xde\xcbm\xe9tu\x1c:\xe1J\x84@\x8b0\x03\xb4A\xdex^\x96\xb0!nZ\xb2\x06\xb3\xe6\x16\xfa\xe3&amp;\x90\xfc\x04O&lt;7Oi\x12\xc3w\xe5&gt;8O\xe7\xd43\x98\x0e\x9a\x19\x85\xcf-\xfcA\x12\x82\x15\xf1\xa1\xa8m\x10)F\x9d\n^AX\xf8\xb0\x14x\xecb\xd5\x1b\xa7Gd\xcc\x0emJ,\xfc\xc3R!L\x02\xba\xe0\x1bh\x06\xce\xef+\xb3j{\'\x13\x0b\x87\xf9\n]\xe9\xaeG\xe0\xda\x86\x00\x0e\xdd\x88\x81\x11\n!5Y\x90W\xe9\xfb\x8a\xfaV\xd5\xa5O\xf4\t\x95!\xea\xf3f\xd4\xf8|\x13\xbc\rbe\xb1\xfb\x83\xa9q\xebV02|q\xcbd\x8c\x90\xd7DG\xacUr\xd3\x1f\x1f\xcb0\xdaF\x9e\x07\xf7/.B\x16\x9f\xec\xaf\x94\x19\x1d\x914\xc5\xe7f~\xa67\xf8$byI\x05\x83m\xc8d7\x1c6\xb4\xb3\x94\xd03\x17\t\x98R\xa1\xeap\x08\x80oH\xa6\x04&lt;mj\xe7\xcf8\x1c(o\x8d\x80r\xde=A\xe0[\xd6\x92\\\xcfB\xc9\x19\xc8n\xc5X.\xed&gt;\x08j\xedf\xdc\xd9\xce\xda:\x05\x1d\xf8!865\x8de\xa2\x11\xee\r\x12\xf8\xbb\xfe\xcbF8B\x13NHaK\xfars\x9am\xd3\xd3\xc5a&amp;\x85\xf7\xe1h\x17r\x91\x00zEa\x07\xe3j-X\x9a\x86h\x9eExo\xd9\x02G\x8e\xc7\xa4\xec\xa7\xeb\xddgc{\x8c..-\xfd\xeb$\x8dw\xac\x8e\xf6\x97&lt;\xc4=\xb0\xb2\xbf2\xdc\x84\x80\x87\x06\x07\x11\xdd\xa86\x05\xa9\xaf\xbd\xc2\x91\xd6l\xf3)\xf3@FP2\xf7\xc5\xf4\x05\x89\n&gt;\xff\x0c\xc9,(x\xd1\xa4\xadWnc\x82\x16\t\xde\t\x1dX\x8cH\xbet\x8f"HZ\xa1+\xdd=r\xa6D\xc7#\xfa\xc3(\x93\xc2\xe1,\x0b@\xc8\xe9\x99\xffw\xdd`\xf0)\xc3M\x82B{\xdc\x1f\x87\x1c\xed\\b\xca\xf5\x03\xefu|\xba\xff\xd3\xe5\x1c\x1c}\xb4\xe7S3\x06\xdd\xefGC\xc3\xfb3\x98\xf1\xf2\xfb?\xf2 \xcfYU\xd5Qr\xd6$\x16\x88\xc1\xfd\xc4\xff\xd26\xf0{]r\n\xc3u\xebuE\x1cE\x89\x8a&gt;\xd1z\xea!\x14E_\x88\xef\xb9\xde6\xb5\x94=&gt;\x86\'\xb4"\x0cq\xd0\xfa\x92\xe1nC\xadb\xcb\xcf\x94t\t\xcei\x0c@'</t>
  </si>
  <si>
    <t>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</t>
  </si>
  <si>
    <t>b'\xd9\xe4\xd0}-\x8c\xb2\x85R\x1fDG\x16\x1f\r\xd2'</t>
  </si>
  <si>
    <t>1872, at No. 7, Saville
 he house in which
 ost noticeable members of the Reform Club, though he seemed
 always to avoid attracting attention; an enigmatical personage,
 about whom little was known, except that he was a polished
 man of the world. People said that he resembled Byron,â€”at
 least that his head was Byronic; but he was a bearded, tranquil
 Byron, who might live on a thousand years without growing old.
 Certainly an Englishman, it was more doubtful whether Phileas
 Fogg was a Londoner. He was never seen on â€™Change, nor at the
 Bank, nor in the counting-rooms of the â€œCity;â€ no ships ever
 came into London docks of which he was the owner; he had no
 public employment; he had never been entered at any of the
 Inns of Court, either at the Temple, or Lincolnâ€™s Inn, or Grayâ€™s
 Inn; nor had his voice ever resounded in the Court of Chancery,
 or in the Exchequer, or the Queenâ€™s Bench, or the Ecclesiastical
 Courts. He certainly was not a manufacturer; nor was he a
 merchant or a gentleman farmer. His name was strange to the
 4
 scientific and learned societies, and he never was known to take
 part in the sage deliberations of the Royal Institution or the
 London
 Institution, the Artisanâ€™s Association or the Institution of Arts
 and Sciences. He belonged, in fact, to none of the numerous
 societies which swarm in the English capital, from the Harmonic
 to that of the Entomologists, founded mainly for the purpose of
 abolishing pernicious insects.
 Phileas Fogg was a member of the Reform, and that was
 all.
 The way in which he got admission to this exclusive
 club was simple enough.
 He was recommended by the Barings, with whom he had an
 open credit. His checks were regularly paid at sight from his
 account current, which was always flush.
 Was Phileas Fogg rich? Undoubtedly. But those who knew him
 best could not imagine how he had made his fortune, and Mr.
 Fogg was the last person to whom to apply for the information.
 He was not lavish, nor, on the contrary, avaricious; for whenever
 he knew that money was needed for a noble, useful, or
 benevolent purpose, he supplied it quickly, and sometimes
 anonymously. He was, in short, the least communicative of men.
 5
 He talked very little, and seemed all the more mysterious for his
 taciturn manner. His daily habits were quite open to
 observation; but whatever he did was so exactly the same thing
 that he had always done before, that the wits of the curious
 were fairly</t>
  </si>
  <si>
    <t>b'\xa7\x80\xe4GDp\xbdIS\x19\xa9Q\xa1\xed\xfc\x0f\xe4g\xdd\x85\x18\x0f\xbfI\x16\x05\xb4\xe8\xcb/_i'</t>
  </si>
  <si>
    <t>a780e4474470bd495319a951a1edfc0fe467dd85180fbf491605b4e8cb2f5f69</t>
  </si>
  <si>
    <t>b'\xa7\x80\xe4GDp\xbdIS\x19\xa9Q\xa1\xed\xfc\x0f'</t>
  </si>
  <si>
    <t>mind from the get-go, all of them
 designed to serve his target market. Thatâ€™s very different than just selling
 coffee.
 Like energy bars, the coffee market is incredibly saturated; but it becomes
 far less saturated when you serve one of your target marketâ€™s pain points.
 â€œUpgraded coffee,â€ reads Dave Aspreyâ€™s blog, â€œ[uses] a proprietary
 Bulletproof Processâ„¢ to create coffee that is tested to be lower in mold
 toxins that inhibit human performance.â€
 Bulletproof focused on the pain preventing its customers from being high
 performers. As a result, everyone from CEOs to professional athletes to busy
 parents started buying from Bulletproof. What did these different groups have
 in common? Simple: They wanted higher performance. They were all Daveâ€™s
 target customer.
 People buy products that say something about themselves. Paying twice
 the price for Bulletproof Coffee versus the competitors says that the person is
 a high performer. On the other hand, drinking Black Rifle Coffee, which we
 mentioned earlier, says you shoot guns, or that you donâ€™t care about the
 opinions of other people. The product (coffee) is almost exactly the same, but
 the person is completely different.
 Compare that to one of my friends, James.
 James was a sportscaster on ESPN who left his job to become an
 entrepreneur. For several years, he wondered what type of business to start,
 until he started listening to my podcast. One day, he was running on the
 beach while listening to me outline the path to a million dollars (the same
 process youâ€™re discovering right now, by the way). He stopped mid-run. â€œI
 think I can do this,â€ he said.
 James had previously struggled with sleeping at night until he discovered
 the source of his challengesâ€”the light from be</t>
  </si>
  <si>
    <t>b'K\x1ah\xca\x13\xc7\xce\xde\'\x1a i\xc6\x0c\xf2\xaa,\xd3\\N^\xf7\x0c\xe6\xccgv\x81\xb2\xbc\xb9\xb8\xab\x1e\xd1\xff\x14\xc7\xd7\xbfI\xc9\xb2\xd0\x81\xb5_g\xc9Bdp\xd2\x01\x16,Up2\xf9\x97\xfa\xd3\x93"\xfbo6\xec\x04\xac&gt;\xd5\x17\xe5\xd5\xb9+\x91\x13\x03\x8ax\xed\xaaX\xdd\xb6\x172:l\xfc\xc7\xf4\xcd\xd8\x1e3\xee\xa8)\x86\xe2\xd8p\xa0\xfb\x80u\x1a)L\xdb~\xcf$\x10\x1c\xc3D\xc7Cu\xad\xf9\xcbQ?\xb4\xe7\xa3\x83\xc66@f\xe2\x04\x0eA\xec\xa46G);\xe6\x0c\xa9\xd9r\x1f\x01Z\x11`#$g=\xb51{&lt;\xf5/~h\xa8\xa4d\xda*\xe4)\xb2\xe3lZ8\xdc\x96\xe2gI\xdd\xea\xba\xf1\xe6\xa9\xd7\xbb\x91\xc2Wo\x7f\xf8z\xfa\x1d\x9b\x1c\\\xbaAA"f\xa5\xc9\xf6\x14\xaax\x0f\xeeE\xdcZ\xd0\x8c\xbe\xc0\xbd\x15\x98\xb2\x06\xfb\xa5\xcf0"pM\xc3=\x88\xf2\xc6jy\xb0\xceva%\x17R\x91\x04\x12B\x12\xbc\x92Ts\xbf\xb1\xef\xe9\xc0D\xe1\xcc\x86]\x8bM\x9b\x87\xc8\xb3\xf9Q=\x8d\x9ec\xd9\xfa\xbb]\xa6qz\x9e\xc3 \x1c\xee\x11(\x7fv\xddM\x12\xac=NN?s\x86\xe3\xb7\xbc\xb0\xa2\xa8\xae\xf9\xbf\xc7\x7f\xad|\x18\xf9\xa3\xbd\x84\x91\xed~\xf39\x05_\xcf\r\x14\x03\x8b\x18\x0b\x98\x81\xb3v\xa3\xf9i0\x96K\xbd\x8a\x14R\xea\t\x1b\xa85\xaar\x916\xa0\xdf\x9a\x8f\xbe\x0c\xfdw\xdeU\x1d\xfb\x9b\xceOa\x12)\x9a\xc1"^\xffb\xce\xab.\xaf\xe6W\x9e\x82\xbcB\xfa\xf3Ff\xec\xbfK\xa9.Q\xe6bO[D\x87\xb1p\x9f?\xa1i\xdbK8\xba\x9c\xee\x7f\x9f\xc3\xedo\xe0\xb3\x9b\x1f\x0c\x86\xbe\xea)\x815\xbe:\xc4\xf9\x80\xed\xab\xd2gw\xd1\xe8\xa2W1\xdf\x8cn\xc1*\x9a\xff\x86\xd6\xb4Bd8+b/c\xcc!\xdd\x1b\x8b\xc5\xbc\xb6\xf2\x0bXnR(\xb9\xae\xf5\x0c5{\xc6Aj\xa2\x86\x004L)\xee\xd6\xce\x81\xa9&gt;\xce\x83[\x83o\xe5L\xd9\xe5\xc1\'\xd5\r\x97\x80\x1e\x13e1W\xba\x1bd\\\x7f\xa1\x9a\xcfn\xf7mui\xc7\x06\xc0\xcf\x7f\xcfJ\x1f\xd4\xe95\xe9\xd0\x1d\x0c\xd0\xe5$Tz\xd09\x95\xe7|\xee\xb5H-\xdbc\xa5\x17\xbf\x19\xb5\x999 \x07\xbaq\x95\xfd\xf2\x7f\xec\xcb\x9d\xa5k\xcd\x94E\xa4\xec.s\xf83\xbf\xe0\xe4\xb6\x15\xd4^\xe5\xaa*\x98&lt;\x7fg\xac\xe40\xb3\xd5\xd7\xcd\x95\xf0\x87n\x87\x14\xb0]\xcc\xc7\xc7\xfe\xd6\\t\x92\x92\xf5g\x04\xd6u\xba\xa5\xafL\xbf\x88\xcc\xe0\xae\xb3\xb4\x04\xc9&amp;Q\xae\x95p\xcbo\x94\xde\xbe\xda\xf0\x94\x10\xab\xafE\xd9\xb2F\x1b\xf3\xd4H\xc5\xf8\x0e\x9b\xf50\xd4dWJF\x04\xf9J\xa7\xa5\r\xb47\xd2#\x00:\xa5\x9a\x7f\x8c\x8c\x80\x11E\xf5\xbb\xc4:\x9bA\xd7\xd8\xcd\x0cO\xa5\x14\xcf\xd0\x075\xefw\xfa=\x99\xbf\xfa\xe2\x0b\xe7\x98W\xb2\xb8h\xba\xb19\x9e\x03b\xcb\x1a\x15\x8c\xe2\xf0\xcd\x11D\x90\xfeLf\x82\xdc\x95\t\x89\xe3\xee;\xb89\x9d])z\xfb{\x8d\xa8w[\xbe\xe9"\xcd\xa31\x8f\x93\xd8_\xfe\xbf\xd8\xa3\xfb\x97OI\x80\xd1\xa2u\xe7X\xe2&amp;1\x81W\xf6KD\xf7\xbf\xfbB\xc5\x1c\xa2$FN\x9cs\x1b\xd5f\xd4|\x9b\xee\xe8\xedv\xd7\xb3\xdc\'\xd4p\xd2v\x0f\xdf\x8b*O5\x9dEg?"\x8f\xda\xb5l\xbc\x1c\x83\x8b$\x97t\xe1H\x9b\x95\xdd\xfdy\x13\xc3\xec\xfad9\xdf\xb1\xbbL\x7fY\x04\xa6Ye]\xca\xeb\xf9\x82\x82p\x8ce\xddn\x87\xe9\x93(\x16\x8a\xa2\xe5t\xca=\x9f\x91#\xfa\xd7\xac\x1c\x11\xc1\x1b\xc3\x87|w{\xe7\x9fr3\x14\x9d\x9fRMUo9\x94\xd8h,\x1exC8\xc4^\xf58m:\x99!\x8b(\xe9@\xdcT\xc9\x06X\xc0I\xb4\xee\xa5T\xbe[\xac\xe3\x05I\x9f\xf0\xcd @\xd5.\xab\x1d\xd9\x07\x8d\xda&lt;\xd1\xdc\xee\xbc]m\x92\xd2v\xe0F\xf5fG)t.}V\xf9n)\xe3\x96\x1at\xa9\x88!\x82\xf6J#\x7f\xd2\xc2\x9bw\xedqd\xbf\xde\xfd\x83\xf8\xa5G,D\x12\xe5 \xc5\xf8\xaaj\x89b\x0f$\xc0M\x873$\x17\x958F\xc1`\x82\xce\x11c\xa8\r\x83\x8evW\xfe\x85\xf5\xa4]Aq\xe6Xb7\xae\xc6G\xbe\xe2K\x8e\xf3\xda\x9c\x87ce\x15\xbc\xef\xb6\xb78\xac\x85\xf1Y\xf0nD\xefD\x8e\xb5\xbe\x12\xe8z\xa0\x10\xe4\xe6\xc0\x84\x0e\x88\x9f\xe6,\xb5"\x8d\x89Dl\xa4o\xa6Sl\xfb\xb2\xb7\xb8\xe6"\x13\xfcj\xe8Kz\x90\xce\xd3\xcf\xa5]_C\xbf\xbb\xb7\x8c\xd4Q\xe7\xd7\xbb\xe9H8\x903\xf9\xe5p\x8dr\xdc\x8b\xfbw(\xb3\xf3\xa7D:o^\x1b\xe8\xf22\xd9w\xe3E\xb4\x8e\xfb\xf6\xef\x0f\xbe+M\x19\x1d\x81\x9aQ7\xc8\x82\xbdz\xeb\x95\x81\x19\xa0\xa5\xc9*\t\xb3\x14c\xb6*\x91\xb3\xe6\xf2#9_\xc4\x1b\xb9\xab"o\xe4\xee\xec_\xab\x0f\x8a}\x02\xb7\x07\x1a\xd1\xb9q\xc2\xa3\xcbL\xdax*\xbc\xc6\x11A\xa28\x86t\xb0\x11\xcb{\x8f\xcc5\x17NSE\xba\xce\x05:\xb668\x8a\x1e\xe7N\xd0\xcf\xa4\xa7qe\xe7\x7f\xb7\x10En?E\xf9\xf81 \xf3\xaa\xe9;\xd1,\xf7nqxg&amp;\xb5\xf3\x00E\xe7Y\xf0e\xcb\xf6\x81`\xdb\xac\xc67\x11\x81\xfa\xab\xc8\xcc\x90A\xdbj\xeb\x9f\xf8\xf7\xa5\xfd\x9d,\xaa\xa2\x18\xc3"\xa8w%2\xce2\x029xFa?\x84X\x08\xf3\x84m\xcd(\x0e\xc1\x9b\xef\x88\xa9T\x9b\x90\xa4\x81$\xbb\xef%v\x0b\x00\x97\x99B\x13\xca\r.T\x17\xf6\xbbQg\x8d7\xd3\xb0\\Q\x03%\x91\xc6j\xd4\x18\xe5,\xd5\x17\x9a\xa5S\xd6\xc7\xaca\xe9\xf4\x08;/yB\xe0\xbf\x8d\x03\xe4\x16\xa5\x9f\xca[\xd8\x95\xc8\xc9\x08\xb4gM\x0bq\xb6a\xb9\x82\x1e]B@\x85,h\x8d\x98;\x9b\xd5\x84D=D\xf7\xa7\x15\xe7\x1f\x1b\t\x01b\t+0\x17\x03 M\xdb\x91dmE\xd6T\xbb\x1c\xf4\x1aN\xc0~\xa8\x15,\x8a\x88\xf6\xd0\xd3\xc9\x99=\xcb\x07\x90\xf8I\xec\xe2\x12\x0b\xbc\x9b\x822\\\xd9|\xbb\xa2\xae\x80&lt;\xcc\xd7\xdc__\xd3\xcfpI\x08\xc6\x03\xa6\xbb\x0cl3=\x11&gt;\xd2\xaep9\x0b\x9e\x04T\x85\xd3\xe3.\\V\rr\x07e\x82J&amp;\xd6\xc2\x0c\'\x1f\x19J\xbb1q\xaa\x04_1B= \x02\x17]gK\xd1\x1d\xab\\\x05\xf0\x0e\xd7S\xd2r|\xcc\x83(}l(N\x1b\x1bx\x14\xe4:\x7f\xf7\xa9\xa2\xd1\xaa9\xea\x8b|\x92W\xc7\xd4\x9f\x84\xe5}\xfaZcM\xc0\xa0\x0e\xbb\x14!T\x07\xb5\x99\x1b5?\xf8\x97/\x03\xbe\xd86"sG\xd8\xb6\xa6\xee\xc5\xb0\x98\xe4\xd2=\xcd\xc0\x0fh\x12\xa3m\xb7\x0e\x11\xc9DZ\x99\xa5Z\xaf\xd9\xde\x1c\x9c\xf9A\xfb1\xf6\xc7\x1acI$"\x8e\xb0\x10\xaf\x80\xd0W\xbf\x1d\x08_x\xb4h\x1f\xdf\xd8sx\xc8\x98\xc4\xc5-+,\x98\x97\xc1\x8e9U+N\x01\xdb]\x0e\xcd'</t>
  </si>
  <si>
    <t>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</t>
  </si>
  <si>
    <t>b"K\x1ah\xca\x13\xc7\xce\xde'\x1a i\xc6\x0c\xf2\xaa"</t>
  </si>
  <si>
    <t>ut the train, and the passengers were able to pass
 from one end of the train to the other. It was supplied with
 saloon cars, balcony cars, restaurants, and smoking-cars;
 theatre cars alone were wanting, and they will have these some
 day.
 Book and news dealers, sellers of edibles, drinkables, and
 cigars, who seemed to have plenty of customers, were
 continually circulating in the aisles.
 The train left Oakland station at six oâ€™clock. It was already
 night, cold and cheerless, the heavens being overcast with
 clouds which seemed to threaten snow. The train did not
 proceed rapidly; counting the stoppages, it did not run more
 than twenty miles an hour, which was a sufficient speed,
 however, to enable it to reach Omaha within its designated
 time.
 There was but little conversation in the car, and soon many of
 the passengers were overcome with sleep. Passepartout found
 himself beside the detective; but he did not talk to him. After
 220
 recent events, their relations with each other had grown
 somewhat cold; there could no longer be mutual sympathy or
 intimacy between them. Fixâ€™s manner had not changed; but
 Passepartout was very reserved, and ready to strangle his
 former friend on the slightest provocation.
 Snow began to fall an hour after they started, a fine snow,
 however, which happily could not obstruct the train; nothing
 could be seen from the windows but a vast, white sheet, against
 which the smoke of the locomotive had a grayish aspect.
 At eight oâ€™clock a steward entered the car and announced that
 the time for going to bed had arrived; and in a few minutes the
 car was transformed into a dormitory. The backs of the seats
 were thrown back, bedsteads carefully packed were rolled out
 by an</t>
  </si>
  <si>
    <t>b'\x9cg\xae\xdanJ7\x06\x8f\x9c\xbe)V\xc2\x14n&amp;\xb4^\x1b\x1f\x1a\x8a\xddB\xff\xc8\xb9\xb7F}\x03'</t>
  </si>
  <si>
    <t>9c67aeda6e4a37068f9cbe2956c2146e26b45e1b1f1a8add42ffc8b9b7467d03</t>
  </si>
  <si>
    <t>b'\x9cg\xae\xdanJ7\x06\x8f\x9c\xbe)V\xc2\x14n'</t>
  </si>
  <si>
    <t>.
  Ï€
  (before)
  Solution
  In this case,
  Ebefore
  Eafter
  = mÏ€c2,
  Î¼
  v
  (after)
  FIGURE12.27
  pbefore
  = 0,
  = EÎ¼+EÎ½, pafter = pÎ¼+pÎ½.
  Conservation of momentum requires that pÎ½ =âˆ’pÎ¼. Conservation of energy says
  that
  EÎ¼ +EÎ½ =mÏ€c2.
  Now, EÎ½ =|pÎ½|c,byEq.12.55,whereas|pÎ¼|=
  EÎ¼ +
  E2 Î¼ âˆ’ m2 Î¼c4 /c,byEq.12.54,so
  E2 Î¼ âˆ’ m2 Î¼c4 = mÏ€c2,
  16Until recently, neutrinos were also assumed to be massless, but experiments in 1998 indicate that
  they in fact carry a (very small) mass.
  17The photon is the quantum of the electromagnetic field, and it is no accident that the same ratio
  between energy and momentum holds for electromagnetic waves (see Eqs. 9.60 and 9.62).
 540
  Chapter 12 Electrodynamics and Relativity
  from which it follows that
  EÎ¼ = (m2
  Ï€ +m2
  Î¼)c2
  2mÏ€
  .
  In a classical collision, momentum and mass are always conserved, whereas
  kinetic energy, in general, is not. A â€œstickyâ€ collision generates heat at the expense
  of kinetic energy; an â€œexplosiveâ€ collision generates kinetic energy at the expense
  of chemical energy (or some other kind). If the kinetic energy is conserved, as
  in the ideal collision of the two billiard balls, we call the process â€œelastic.â€ In
  the relativistic case, momentum and total energy are always conserved, but mass
  and kinetic energy, in general, are not. Once again, we call the process elastic if
  kinetic energy is conserved. In such a case the rest energy (being the total minus
  the kinetic) is also conserved, and therefore so too is the mass. In practice, this
  means that the same particles come out as went in. Examples 12.7 and 12.8 were
  inelastic processes; the next one is elastic.
  Example 12.9. Compton scattering. A photon of energy E0 â€œbouncesâ€ off an
  electron, initially at rest. Find the energy E of the outgoing photon, as a function
  of the scattering angle Î¸ (see Fig. 12.28).
  Photon
  E
  E0
  Photon
  Electron
  (before)
  Î¸
  (after)
  FIGURE12.28
  Ï†
  Electron
  Solution
  Conservation of momentum in the â€œverticalâ€ direction gives pe sinÏ† = pp sinÎ¸,
  or, since pp = E/c,
  sin Ï† = E
  pec sinÎ¸.
  Conservation of momentum in the â€œhorizontalâ€ direction gives
  E0
  c =ppcosÎ¸ + pecosÏ† = E
  c cosÎ¸ + pe
  1 âˆ’ E
  pec sinÎ¸
  2
  ,
 12.2 Relativistic Mechanics
  541
  or
  p2
  ec2 = (E0 âˆ’ E cosÎ¸)2 + E2sin2Î¸ = E2
  0 âˆ’2E0E cosÎ¸ + E2.
  Finally, conservation of energy says that
  E0 +mc2 = E+Ee = E+
  m2c4 + p2 ec2
  = E+
  Solving for E, I find that
  E =
  m2c4 + E2
  0 âˆ’2E0E cosÎ¸ + E2.
  1
  (1 âˆ’cosÎ¸)/mc2 +(1/E0) .
  The answer looks nicer when expressed in terms of photon wavelength:
  E =hÎ½ = hc
  Î»
  so
  ,
  Î» =Î»0+ h
  mc (1âˆ’cosÎ¸).
  The quantity (h/mc) is called the Compton wavelength of the electron.
  (12.56)
  (12.57)
  Problem 12.32 Find the velocity of the muon in Ex. 12.8.
  Problem 12.33 A particle of mass m whose total energy is twice its rest energy
  collides with an identical particle at rest. If they stick together, what is the mass of
  the resulting composite particle? Wh</t>
  </si>
  <si>
    <t>b'(\x03xD\xd4\xfe\xb3\xbd\xb9\xa6\x1dB@\xd5B2\xa7\xc4$\x84h/`\xb1\xf2\x98\xc3\x92aa:E'</t>
  </si>
  <si>
    <t>28037844d4feb3bdb9a61d4240d54232a7c42484682f60b1f298c39261613a45</t>
  </si>
  <si>
    <t>b'(\x03xD\xd4\xfe\xb3\xbd\xb9\xa6\x1dB@\xd5B2'</t>
  </si>
  <si>
    <t>sks, and, when you taste them, you will sometimes remember
 me your friend. Yesâ€”those were his very wordsâ€”me your friend!' Emily
 still paced the room, without seeming to hear what Theresa said, who
 720
 continued speaking. 'And I have remembered him, often enough, poor
 young gentleman!â€”for he gave me this roof for a shelter, and that, which
 has supported me. Ah! he is in heaven, with my blessed master, if ever
 saint was!'
 Theresa's voice faltered; she wept, and set down the flask, unable to pour
 out the wine. Her grief seemed to recall Emily from her own, who went
 towards her, but then stopped, and, having gazed on her, for a moment,
 turned suddenly away, as if overwhelmed by the reflection, that it was
 Valancourt, whom Theresa lamented.
 While she yet paced the room, the still, soft note of an oboe, or flute, was
 heard mingling with the blast, the sweetness of which affected Emily's
 spirits; she paused a moment in attention; the tender tones, as they
 swelled along the wind, till they were lost again in the ruder gust, came
 with a plaintiveness, that touched her heart, and she melted into tears.
 'Aye,' said Theresa, drying her eyes, 'there is Richard, our neighbour's
 son, playing on the oboe; it is sad enough, to hear such sweet music now.'
 Emily continued to weep, without replying. 'He often plays of an
 evening,' added Theresa, 'and, sometimes, the young folks dance to the
 sound of his oboe. But, dear young lady! do not cry so; and pray take a
 glass of this wine,' continued she, pouring some into a glass, and handing
 it to Emily, who reluctantly took it.
 'Taste it for M. Valancourt's sake,' said Theresa, as Emily lifted the glass
 to her lips, 'for he gave it me, you know, madam.' Emily's hand trembled,
 and she spilt the wine as she withdrew it from her lips. 'For whose
 sake!â€”who gave the wine?' said she in a faltering voice. 'M. Valancourt,
 dear lady. I knew you would be pleased with it. It is the last flask I have
 left.'
 Emily set the wine upon the table, and burst into tears, while Theresa,
 disappointed and alarmed, tried to comfort her; but she only waved her
 hand, entreated she might be left alone, and wept the more.
 A knock at the cottage door prevented Theresa from immediately
 obeying her mistress, and she was going to open it, when Emily,
 checking her, requested she would not admit any person; but,
 afterwards, recollecting, that she had ordered her servant to attend her
 721
 home, she said it was only Philippe, and endeavoured to restrain her
 tears, while Theresa opened the door.
 A voice, that spoke</t>
  </si>
  <si>
    <t>b'\xaaFG\x1b%\xad\xdf\x95S\xf1-!J1:|\xa0\xdfA|\xc4c\x0f\xf8\xf3\x93`\x85\x91Q\xab\xe5.v\x8aY\x8e\x05Pl\xbf{\x9aI\x94B\x7f\xe7\xf6[*\xba\x96y\x14\xd2\xcdl\x17\x11\xe2G \xbd'</t>
  </si>
  <si>
    <t>aa46471b25addf9553f12d214a313a7ca0df417cc4630ff8f39360859151abe52e768a598e05506cbf7b9a4994427fe7f65b2aba967914d2cd6c1711e24720bd</t>
  </si>
  <si>
    <t>b'\xaaFG\x1b%\xad\xdf\x95S\xf1-!J1:|'</t>
  </si>
  <si>
    <t>. Had he wanted to
 have a small, profitable coffee company, he could have stopped there.
 But Dave desired to be more than a coffee company; he had his sights set
 on becoming the go-to source for upgraded performance. Over the next few
 years, Dave would release everything from supplements, to sleep induction
 mats, to a â€œwhole body vibe,â€ to a $15,000 five-day retreat.
 Of course, it would have been impossible for Bulletproof to do this right
 out of the gate. They had to crawl before they could run. But with a raving
 fan base that supports all his products, Bulletproof has the ability to release
 whatever products Dave is inspired to create.
 Just like Bulletproof, your brand will be defined by the products that you
 release. Your first product was your gateway; it made it easy for your
 audience to start their journey, and to choose you as their guide. But to create
 a real brand, your follow-up products must lead the customer to the next
 stage of their journey. These follow-up products will ultimately define what
 your company becomes; they will also lead you to cross your first million.
 Stage Three: The Gold
 When our first Sheer Strength product hit twenty-five sales a day, Matt and I
 were beside ourselves.
 It was a major milestone. At the same time, we knew it was just the
 beginning. If we were going to build a million-dollar business, our math told
 us that, at our price point, we would have to sell four products at twenty-five
 sales a day to get there.
 After hitting twenty-five sales each day consistently, our product leveled
 off. Youâ€™re always going to hit a plateau. Luckily, that plateau is a milestone
 itself: Thatâ€™s when youâ€™ll know itâ€™s time to release your second product.
 After we released product two, sales started to climb quickly, much faster
 than they did with the first product because we already had a built-in
 audience of customers willing to try our second product. In fact, our second
 product started out-selling product one within just a few weeks.
 Then something weird happened. Once the second product hit twenty-five
 sales a day, the first one jumped up from its plateau and began doing fifty
 sales a day! Sales that were previously flat had now doubled! The second
 product actually bumped up the first product.
 Previously, we had feared that the two products might take sales away
 from one another, but they were actually feeding one another! Why did this
 happen? There were a couple factors at play. First, we had repeat customers
 coming back for more and buying additional product. Second, customers
 started buying them together as a bundle. They saw that we offered two
 products, so they just bought both. There was a network effect, a sort of
 natural referral process, happening. And finally, some people had followed us
 during launch but had not purchased; they were following our journey, and
 when they saw us release more products, they joined our fold by placing
 orders.
 Beyond that, two products started to juice up Amazonâ€™s internal
 marketing machine. The algorithm was working for us, introducing people
 who were interested in one of our products to the other one. Potential buyers
 would see â€œthese two products are frequently bought togetherâ€ and
 â€œcustomers who saw this also saw this.â€
 We thought we had hit the peak at twenty-five sales a day; we thought
 that we were already at the top of the market. We were wrong. That product
 quickly bumped to fifty sales per day, and then more. By the time we sold the
 company, that same product was doing more than 300 sales a day.
 This is the snowball effect. Product twoâ€™s launch is boosted by the
 success of product number one, but then sales from product two also bounce
 back and boost the first product as well. Back and forth, back and forth,
 snowballing into more sales and greater profits.
 Thatâ€™s why this stage of the process is â€œThe Gold.â€ Itâ€™s when your hard
 wo</t>
  </si>
  <si>
    <t>b']Dq\xe2\xd8C\xa0\xb9}\xfa\x7f\xf8k\x9e\x00@z\xb9H\xefHs\x10\x10\xf9C\x01_\xc4\xc4\x8f\x05\xa1\x0cq\x06L\x03\xac\xf8_\x90\xdf\xff\xaf\xff\x0f\xa0$\x12\xe1\xde+\xa7L\xc1M\xe6\xdca\x90\xca\xcdM\xecZ\xf2\xb8s:Em\xb4\xea.O]\xb5C\xfcT\x93@E\xf4k\xac\xa3\xbd\xb5\x0c\x0e;L\t"\xbc\xcdn\xb8\x04\xfd\x84\x02\x06\xe5\xa3\x8a\xb4\xed$T\x90nWB\xa2J\xca\x1b\x0c\xe7q\xde\x8d\xb1\x00\x96?\x90\x92I\x80\xad\xf1\xc5\n\xa5^\xae;\x8a\xb6\xf6\x94\xe2\x85\xe2\xf4\x02\xf2\x8a\x17\x1b\x18\xbe\x12\x88z\xe5Q*D\xf4\xe0\x896\x08\xfa"\xfe\xc0\xb0"\x89\xf2\xdbx\xe7o\xd0/a\xfd\xedq\xa77\x12\xc1*\x80P&lt;\xe2\xc8\xce\xc2`[r%%\x97\xe9&amp;S\xc1\xc7\xea\xd0\x04&amp;T\xc3&gt;\xc7\xd0\xdb\x02\x9dRE\xbd\x9ef,|\x16s\x81\xd7\x92\'\xc0\xb9\x93\xb2\xed\xb3d\x05\xec]\x1ak\x84\xab\xf9a\xe9\xad\x1c\xc0#\x19B\xae\x01\xb2\xe1w\xd3]\xa0\x0e\xaaD\xdd@*\x96\x04\x17{\xafQ_~\xd3\x8b\xf0Q\xe8,d;\xac\xd8\xf45\x93R\x92\xea{\xc7m\xfd\x81)t\'\x9bC\xdb\rH3\x0e5[\xcc\xee\x89E\xc8\x13zoPFJ\xc1\xc0\xc0\x8c\xe9\xad0\xa0\x05\xee\x85{RP\xcf\xa2\x07\x92;\xc0g\x92\xe1\xbfo\xf3ImUC\xe4K2\xe3\xaat$;E\x1eA\xb2\x95:B]\xbd\xf5k}&gt;\xd0J\x08\xf0\xd8\xd8\xeeAi\x94\xa7~\x94\xea\xfaDj#F\x04\xbcJzAQxv\xca\xabU\xe2M~\x8d\xae\xff\xbf\xda}\xfe\x14j\xf4l\xe8\x12\x9a\xfb\xc8\xec\xe4T"\xb7\xad~\xb3}3\x91\xf6\xb4\xaa\xe1\n8\xb7\xd2%\xd8?Lb\x94g1-\x0c^\xfe\xf6\x97\x19\x93Bc\xc2\x0e\x14L\xac\x87Ot6\xf7\x01\x7fB\xf1\xf3o/4\xe8\xc5b\x9f"T\x95\xbf\xa2\xdf\x92\x08\xfc\xf7\x03\xdc\xb7\xd3\x03\xa6m\xdb? \xeb\x1b\x9f\x1c\xd4Ol\xd4\xff\xfc2Z9KY\xd3\x94\x10\xad\xb7\xed\x18}\x07\x96\xae\xf2\xdb\xbf~\xa5\xaaF\xe4\xd7^\xa9\x14\xd7\xb2i\xee\xda\x8f\xf5\x19\x97\xbd\x1fV}\x94\xbdqo6\x7f\xc93\x8aT=(\xae1\xd5"(k\x9a\xad\xe2\xaf\xb7\xd3\x91Q\xfb\x10l\xa9c\xa0\xf5wW1\x18\n\x80\x0e\xfa\xdf\x9a)n\xf8\x1dsX\xa0\x8b\xff6\xb3+m-\'\xa4g2#\xbc+&amp;\x1d\xf0CX\xf4\xce\'}\xb7\x17[\x14Ob\xbb]\x87\x14\xdd\xbb|\x00\xb7\x17\xa3\x0b)\xc2\x0b\xff6\x91\xceD\xef\xdb\xec\xd5\xb1\xd0Z\xb0\x87\x01\xb1\x19\xe4\xbd\xc6\xd1R\x8aG\xe2\xa1-\xd5\xad{\x04\xa5|i\x05g?PE\xce\x83\xeb\x88\xfe\x88.3\xe5\xa1\xc61/\x11;H&amp;\xb3\xe0\xf2\x93\x18U|\xacL\x08\xaf\xc8\x94rX\xe9\xaa|\xf8\x1b\xcc\xa9\x83\t\x8d\xf7\xe5\xf4\x16\xd9*\x95\x10\x10\xbf9\xcb\xd4\xa3\x12\x0e\x14\xb5\xed\xd2\xe1\xac\x95m\x07$\xd8\x9b&lt;\x1a\xab\xac%uii\x07r@\x87\x1f\xbe,\xedB0\xd6\x91\x1b.[\xf9xh\x97\xee\xf6fz\xec\n\x07}\x00]\x82\xf7U\xb1N\tU2\xe6H\xa8gF\x08AD\x9fR\n\xeb,\x90\x91\xf4\xafT\x9c{\x97\x0e\xf0Gp\xdd\xce\x02\x17\xb6\xe2\xd2-?C\xbb\x1a\x18\xb8#\x06\x043t\xe0\xe6NS\x87}\xf1\x93E\x96\xb9$\xed\xbf\x07\x9e\x82\x17R\x81\xa5z=\x92\xfe~\xbd\xcf=\xb8\xb9\xf5\xea\xb7\xf3\x13\x8bE\x99\xed&gt;\xe0I\xd0\xc0\x03\xd1\xb3\xfb\xc9~\xdf\xb4i\x91:\xef\xb5\x13\xc9m\x1c\xe1i\x83\xc6\xb8m\xf3\xc4\xa3a\xe9\x8eZ\xcdG1\xf4ww\xa13\xdf\x89\xb5\xa1\t\x9b\xb1I\xb1\xb8P/r 9\n\xa8\xe1\x08\x94\xe7\xa1~\x11\xc7\xa5\xd5\xe5\xdf.\xce8\xe6J\xb6\xe8|\xa4\x7f\xbaJgK\xf0\xbe\x11\x8c\xea\t\xc5H\xd1\x8a#Sr\xe1\xf7\x18l\xca\xbe_\x1a\xb4M~\x0b\x99\x96\xdc\x14\xc0+5~\xaf\xb8\x8cx\x0e\x8e\x9d\xcfQ\xd6\xaf\x94\xe7#w\xcd\x05{m"\xdc;\xfb\xc3\x88}E?\xbc \x83\x84\xa5\xa0J\xc4GI\xd5\x0b\xa7\x9c\xa3\x8aP\xb3o\xd5Hnc\xcd\x08\xd6\xde\xec\xea\x80Y\xc9\x1b\xffd\xa29\xce\xfd\x86"*\x11\x0b\x98&gt;y\xc5R&lt;a\xfc\x1dD\xb1#{1i\xf1\xcbm\x07\x03\x15y\x11\xb4I\x1a\xba\x9c\xb4\x0c\xdcv\x86\xde\x1c|.\xb1\xf5e\x98\xf8\xdf\xafb\xb1\x1bu\xd9x\xf9)\xe6\xa5A\xd3e.XAq4\xfc\xf6Pr&amp;X\x8b\xb7\xba\x0e\xde\xac\'\x82\x85\xca*0\x8f\xb0o\xbe\x8d\x1a?\x12\xad\xce+\xbd\x04\xed\x8cT\xfb\x99\x1cKK\x19&amp;N\xc8\xb4@S\xdb\x135\x91s\x85a|\xd1\xf3\x1bUV\xd4}\xab\xe5\xbd`\x14o\xc6\x19c\xf0\xc2\xc6\x92\xfc\xfa\x1b\xd6t\xbe\xdc^\x81\x90E7~\xcaM$@\xbb\xa7*7a\x80\xc2\x01\xb4\xf8\xe2C\xc6@$\xd7`\xb5\xd9m\xe7\xfd\xf2\x1e\xc2W\\\x8c\xde\xb7e\xcc4\xfd\'\x12gU?\xfdyH5\n\x90B\x9e\xb8O\xdc\xeaAn\n\x13\x9d\xb2d(~\x08f\xd9\xf09\x16\xc7\xe8\\\x11\x11."#|\x0ej\x9cY\x1a\x9a\xb9\xea\x9cD\x08\xde8l\xf9\x03\x12i\xb6I\x88\xdd_\xd8\xae\x1a\xd2\xcaN\xbc\x0b\xa3\xcb\x85\xc5\x957\x89BD\xbe\x1d \xe6\xac\xd6\xe4\xd9&amp;\x08b\x7f\x91\x1av02\xc7\'\xe2\x08)\xc2\xe6\x96&amp;\xd6*\xfe\x12\xb2pD\t\xddXEXE\xe6\x87\xe6\xd2\x07\xb3J\xf1Y\xbd\xf0\xb7\xaa\x1e\nO\rt\xd7v\xfcrD\xfd\xcc\x89\xf9\xa5\xb0YO\xf4[GZ{[\x01\xf7\xad1m\x8di\xb6\xe8\x0b*\xfd\x9fZ\xe8k\x91\xd7\xde\xd7C\x1ey\x08t:\xab\x0e\x94{\x04\x00G\n\xa6\x82H\xea\xdbN\xcbcR\xea\xb5K\x18c\xe7\xfd1S\x9e\xaf\xf5\x99D\x1d\x87/ \xc9\xfa\x01&gt;*\x06=\xa0\x99\xba\xbda\xd3\x89P\x13\xab\xcf,z\xeb.:oU\x08\xc7c\x83\xbc\xb2\xb7\n\xca\x06j\xc1\xb75#f\xf0\x94Y\x98\x9ef\x8f\xee\xcf\x9d#j \xae$\xb2&amp;B\x9c\x05\xf8oC\xb2\xdf\x18:\xc1(a8\xd6N\xd9\xae\xe9\x08\xf1(O0\xb8\xe3K\xdf\xf53\xf6\xffab\x87\xae\xdb\xdf\xeek\x92\x8d;[7\xd7a\xa8\xdd;1Xx\xdba\x99\xfd\xe2`\xc0\x9c\xe5R\x82m\xa9\xd5\x84B\xc2M\xf5\xc23\x04qA\xb7\xd9\xee\xa8\xec\x8c\xa2\xf5\x92P;\xd7p\xb8\xd7A\x89\xf3]\xfa\xd9Ey\xb3_\x16\xcerK\x04\xdd\xd2\xad\x1c\\\x84\x0e\x92\x8e\xfb\xfa"r\xb0tl\x94&amp;\xe1Y\xc9\x00\x86(\x99\xfb\x06\x1bK\x01|0\xf2\xd2\xc7s\xa0\x95\x15\xe8\x7fZi\xa2\x14J\xbcU\xaf\x19\xa4\xf5\x00\xf2\x18I\x89+cf\xa3)\xef\xec\xa4\xdf\\\xad\xba\xb4\x16\x02\x0c\xce\xac\x9a\xf2\xe2t\xe8\xd6\xa4#N\xc4\xb2\x05G\x15\xe1*\xf3JG\xe2l\xeb\xf9\n\x9b\t\xc5_\x0e\x7f\x93V2\xb6W\xd5&gt;\xeaIK \xb2\xbbeeT\xd1\xf2\x16\x8b\xab\x94\xa4\x00\x96T\xdb\x14:\x14\xed\xa6u\xb3\xea\x05\xad\xc4\xa0\xce5\x16ZUd\x12\x0eA6\xbd!`\xc1\xf1F\x12J\x8b\xe9:\xca?p\n\xd2\x0emu\x11\x80p\xb3\xc9\xba&lt;\x0eM\xb8\xc8\x1e0M,\xdd\xc7K1\x13}b\xbf\xe9D}W\xe8\xf0\xcb\x11\x87\xc0&lt;\xc2\x94\xe1\x88/\xc4\xe2\xff\x08\xb1\xbc\x86\xf1&amp;8\xcd\xff\xf2\x1c@\xb0\x99{\xd3]\xe4\xd0\x84\x1a\xb3\x19\xad\x80\x8f\x9d\x92\xf2|\ntO\x7f\xcc\x04\x06\xaaU\x82\xcef&amp;\xffky%k`\xc1\x89~\xb4#\x1bx.CL\xe5EqU\xa9Z\xfcnQ\x11\xe8\xd3\xf5\x1b\x9e\xe9\xaf\xfd\x04X]\xbf\xcc\xe0\xf7$v\x88\x9e[R(a\xe6k\xd77\xda\x9b\x83\xb2Gh\xde\x05x{\xec}\xce\x07!k\xd5\xc5N\xe2\xd5\xd1\x04\xc1ll\x81\xd3\xbdf\xc6\xda\xda\x85\xa7\x7f\x02Pu\xb9\x0e\xc7\xc6\x07t\xf9\xd4\x98\x14e\xdc\xd4f\xb6p\xfe\xe5\xcaSv\xcap"\x8b\x8c\xa6\xe0\xac\xaf\xb4\xd0\xdf\xf9W\x10\xc0ta~\x8f\xcdS\xe58\xab5\n\xd8\xdf![t\x8f6S\xcb\xe3\xd3,&lt;\x01&amp;j\t\xfa\x11\xdbk!/\xcdA\xb5kI#\x81}\x97\xd1\x9f\xd5\xaa[B\xa8\xa2E\xcbtZ\xdd\x05\xa4\x97\x10\xc1\x86\x813\x82_k\xf4]~40&amp;C\xc7j\x02\n\x93\xa0\x11\x95a2=\xb4\xaa9\x9a\xa0\x905r*b&lt;\xe9^&amp;^H-\x8dY]j\xb0Gm\x0c\x80\x8f\x85\xc0\xdb\xc8sxF\'Q\x85\xc6\x82h\x08o\xfb\xbcaM\x97\xc2zMol\xc2g\xfa\xc5\x9f*\xa6M\x17ls5\x92\xa5\xb1y\xfe\xd6\xccX\xe9\x03\x13#\x92e\xd6Dz\x03\x06\xc1\xa3\x00\x8b\xd8\x12\xe9\x1c]UB\xf8\xc0\x8b\x0c9\xc4\xfe\xbc\x7f\x153\x01$M%(\xb4\xca\xa2\x8a1\xecS\x9cBz\x96\xb2\x13\xc0"\xe1\xebI0Z\xd9\x088=\xa1\xb7\x8b\x87q\x9d\x909\xe0\x01\xd1i\x8cy\xfe\xbb"\x18\xe4x\xceZ\x02\x89\xa1&gt;\x02\x12v\x1cw\x8f1)j:\xc2\x1fu\xb4s\x9e\x97\xc3B9Yd\xf9+W\xfa\xcdG&lt;\xecvYxL\xd3Y\xca\xe53\xe4\xfaQ\xea\xed\x9bE\x01\xc5\xaf}\x8bK\xffe6[}\xc9\xf8az\xb3\xdc&amp;\xa2q\xf4\x8f\x1e5\xcd\xd4\x10\xdbp\x1dW\xd5\x08Ld7T\xe2Y\xe5\xbcGRm7z\xb6y\x90\xaevp;\x94\xc3\xab\x0c\xc7F\xee"J\xf1\xbaG}!ay\xe2Q\xb6\x11V&amp;\xf5\xa2\xd1}\x91\x18\xd6#\x9c\x976\xf0,\x8b\x1b#\x89Q\x94\xdb\x9f\xdaQ\r\x9aC;\x97|R\x95\x83\xa5\xd5_\xdf\xf5\xac{ "\xbb\x04"\x80W|vH#\x7fc\x00\x88\xd7\xee\x8b\x02\xb9M\x9fO\x95\xee\x01/g=\xaaq\x90\xbc\x01\xa3KO\xba\x12\x9dph\xa2j]\xc3\xb28\x82K\xbe\x1ac\x92\x8f\xc1\xdf\xe6v\x1b\xe8\t\xb1\xe96\xd8[\t\xb7\xab\xd7\xd5&lt;\x00\xfeo\x1cS1\n\xc68{_p\x81\xb13~\x10\xf6\x80\x8a\xc8\xa7&lt;X\xa4\x1b\xf72W\xef\xc3M\x9d@\xde0q= 5xMw\xfc\x87\xc5pS\xf4\xdb5\xfc\xb7\xf0\x0c\xc7\xd9\xe7\xda\xbct\xf8\xe5c{\x98\\\x96a\xefe\xe5\xec DED\x85\xa8\xd4`\x979a\xc8\x8d\xbe\x98\x87\xee\x93\xf7\x7f\xfd\x06\xcd^\xb6i\xedQW\xc0M\xd7:\xece\xac\xbd\x9e\xad{\x06j\xca\x87\x8d\xddH\xebuv\xa3y\xd5\xe1\xff\x0c,rJY[\xf9\xd4\x8f\xd4\xec\xa6\x87EA\xeek\xb2\x0e\x88k\xab.\xb4\xff\x0e&amp;\xd1\xaf^\x18b\xc8;\xe8\xa4\x08\x1b&lt;ZQx\xa1\xf37C\x114yL\x06/V\xeb\x85\xc9\xe9#}\xfc\x1d\x12XT\x8f%J\'$\xd5\x83\xaf\x02?\x89X\x9an\xcc\x9f\x85\x13\x00\x82\xf91K\x0e~\xd6B|7\xbe\xfa\x19b\xe6\x1e\xc8Q)\x99\x8b\x0e\xc3\xc0\xe9&gt;\x93\xdc\xbc\x07\x00\x10eT\x0e;uC\xae\xe2\xfd\xaa\x16\xfa\xf96\xf0O\xd9\xfd\xe4\xbfo\x101\x83\xa0\x1d0\x8f\x04\x19U\xf9CX\xf5\x9e\t\x18\xc7\xa2\xca\x8dZa\x8b\xf2\xbf\x11:\x084/\xa1\xb0&lt;Z\x93i\x8d3\xa3\xf6Z\x85\xe8\xa1`\xf5\x80l\x0f\xa5\xa1K\x8b\xd1\xa8\xab%m\x84\xde\xa8n\x861\x08H\xbc\xd0\x96\x85\x9f@_\xf2$\n\x98\xf2/_\x9b\'\x9d\xd3:zi\xb8u\x18r\xc1X+\xd5\x84P+\xda\xba.\x92 \x9b\xb8\xfb\xd3{\xafM=A\xa3\x8b\x86\x12[\x0b\xe6/\x02\xf82\xf8\xf6\xa9\xa8\xedU\xfc3\xe5\xc7\x13\x84S\xd1\xd6\xcb\xe6\xfa\x1dkDV\xdf\xa1\xd7\x1d\xaf6h\x99Vc\x19\xa7\xef\x99?\x93/xn\xe4\x91ac\x13\xcc\xbe\xbf_l\xbe*(8\xc1A\xfa|J\xa0\xef\xc4\x1f\x97\x19i\x08\xb7\xb7~\xf1\x9c\xdf\x15m\xf2j\x00\xf5\xba\x01\xa8\xa7%\x06G\xccdf6\x96o\xc4\x94\'\xf8e\xa9$\x86\xf3\xa61\xe3z^\x80\xdd\xb1\x82\xc0\xb7\xae\xc4\xb2\x03\x86\x90\x1a\xb9\xd6S~.M\xc3\xb6\x9d\n\x96\x82\x0c\x93\x85\x1a\x8d\'\xd6F\xbdt\xfe\x85\x97\xa3\xab\xb3\x88@\xc6\x8c\xf4\x130\xbb\x1c\x16\x87\'\x86O\x99\xf9\xe8\xe5c\x8a\x87\xfd\xe6\x11!L\x8b\xd0\x97\xcc[\x8a\xbdt\xad\x06N\xae\xa9\x9d/H\xf7a\xa3\xa3\x94\xdf\xba\r\xbcCq\x08\xc4w6\x05\xc7f\xc1\xbb8PG{,\x1f\xfc\xdf\xe7V=-\x04H\xdas!\x82\xb4\xae.4\xdf\x15(s\xe2\xc2\x83\xa6\xf6c\x19\x05\x85p\r\xc2.:\xfbk\xea*\x98\x13qpfx\xd7\x12Sl\x85\x88z9\xdbh\xafmo1 \xf3\x9d:c\xba\xf3h\xc2\xc4t\xe5T\xe5\x9bk\x07\xd0T\xf21\xad\xfe\x1e\xc2..=uH*\x8bL\x00\xdf:\xb7ZT_@n\xe18 \xb3\xe0\x01\xb9\xa3h; #?\x83\t\x15f\x9d7\x9a5/t&gt;\x1a\xd9#\x1b\xe8\x89\xd8e0O\xc7\xba%Me\xfexl\xd5\t\xedT\\\x0b\x96\xd7\xaa@\xf6\xe4\x015\x19\x17{x\x17::\x12\xc6\xeb\xfa\x12\xc9\xcd\xcd\x803`\xf8\x05a[\x19Li|\xb3\xb6\xa0\x9d\xc8\xaa\xcb\xc6\x90\xb5\xca\xd8pU\xb1u\xf4\xda\xc4Ay\r\xd6L\xb4\xb8i\x0c\xb7\xdb\xbb\xa64\x01\x17v\x8fh\xad\xaf\xaes\xe57\xa9\xe6J\x7f\x8f\x00W\x16\xf3\xd6\xa2\xeeiz\x9c\xb2\x0f9\xae\xf8G\xf0\xbe\xa4\xf21\xae\x9f/\xda\x0c\xea\x9b\xc2\xad[\xa8\xf04\xec\x1d\xd8\xedm,\n\xa8{\x13\x8bgU=\x9fY\\\xe6\x19\n\xc6\x89&amp;&lt;+\xb0\t\x95\xae\xcfH\xad\r\x9f\xd8\x03\xd3\xb9MV\xa8.C\xa5\xf9b(\xb2\x8f\xbe\xd2\xfbW\xaf\x1b\x12\xe9C6\x95\xec\xbf\x0cG\xca\xab\xd3P\x98\xbc\xfa\xb8^\x85\xef\xa8F\x91\'\x0ff\n\xec\x90\xcaC\xbf\x88\x02\xdd\x80}\xabh\xd3\xdcR\x16&lt;\x0f\x07\xbfGBo\xec\xb2\xec\xcfx\x1eY\xbb\xc4\xb3vR\x17\x88\xc7n\xa9\xca\xc4d\xb7\x91\xf5fv7\x02c,^\x8c!\x01[mh\xe0\xd3\x88\xf1\xad\x87\xaf\r&gt;+%\xc2\xfcwx+1~\x85\x0eh\xdf\xa5\x80~_\xa8g\xb8t\xa0\x1f\xd6Jc\x9c\r\x82\x1a\x86\xd9H\x13\x9c\xbe\x88\xc8$p~\xfe\x92\x1b\xa8\xdeD\xe8:\x82\xdc\xd7N6tV\xf9\x83p\x1e\xdb=\x1c\x9ewrv\tD\x1a/\xb05fR\xcel\x8e\xf3\x15K\xc7\xed\x16\xf5&amp;);u\x16\x84f\xb5\xeaM\r\xef_s\x18\xe2b\xb0F\xc3u\xecQ`5\x99@\x11 0g\xd9\x86\xe4dS\x1d\xdf\xe1\xaev\xbaLC5\x1fn\xefH&lt;\xb7\xa38\xf4\x8f\xadEVcm\xcdLN^q\xf9\x15\xb1\x065\xce\xe3\xc0\x95\x076\xefd\xcf\xe9\xaf\xb8\xd7\xfe\xdf{\xe2O\xef\x80\xcb \x9b\x02+\xf6o;\x8a\x8a\x11\x14\xfdOH\xc5z]\x13c\xa1\x11L|B\x9b\xe1\xbeT\xf3m\xc8\x82\x85\xd3\x14=\x89\x11\x80\x91\xce\xb9\x9a\xf5\xec\xbe\xcd@$\xa6\xa9o\x98H\xb2\x8c-p\xfc\xc2r\xab\x85\xa1\xa8\xd7\xa2\xe6\x80\xa17\xd5ID\x0e)@\xfc\xe1~e\xb6\x03\xcee\xbdm\xb4\xd8\x8fW\xdf\x9e\xeb\x05y\x9eV9\xe1\x18\xd4\x99?\xe7&gt;S\xf4\x12\x02\x920\xb8*\x1c\xe7r\x01\x97\xef\x8de\xa2\x85\xec\x0e7\xeaE\xd6\xff\xd6.\xa2\xdf5]\x9d\x1f\xa8@\xf3T\xd25?!Rm5A\x1d\xc3\x86\xbd\x1ca\x10\x9eH\xf6\x86\xed\x95\x89\x95\xcdc\x9cM\xfc\x17D\'\xf5\xb6\x12\xa6\xed\x0b\n\x86\x05F8\xfdw\xeb\xd4\x80m\x97\xbc\xed\xbc\xdeA'</t>
  </si>
  <si>
    <t>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</t>
  </si>
  <si>
    <t>b']Dq\xe2\xd8C\xa0\xb9}\xfa\x7f\xf8k\x9e\x00@'</t>
  </si>
  <si>
    <t>r hands and
 ankles were tied, and she knew what was to be her fate. She was to be left on
 the rock to perish, an end to one of her race more terrible than death by fire or
 torture, for is it not written in the book of the tribe that there is no path through
 water to the happy hunting-ground? Yet her face was impassive; she was the
 daughter of a chief, she must die as a chief's daughter, it is enough.
 They had caught her boarding the pirate ship with a knife in her mouth. No
 watch was kept on the ship, it being Hook's boast that the wind of his name
 guarded the ship for a mile around. Now her fate would help to guard it also.
 One more wail would go the round in that wind by night.
 In</t>
  </si>
  <si>
    <t>b'v\xae\x7fMZQV\xb0'</t>
  </si>
  <si>
    <t>76ae7f4d5a5156b0</t>
  </si>
  <si>
    <t>)
 D1
 R2
 1
 X
 Vout
 VD,on
 R
 Vin = â€“
 Vout
 1
 1
 X
 R2 D
 2
 1
 1
 1 2
 1
 (c)
 (a) (b)
 (d)
 Figure 3.17 (a) Diode circuit, (b) illustration for very negative inputs, (c) equivalent circuit when
 D1 is off, (d) input/output characteristic.
 Solution We begin with Vin = âˆ’âˆž, and redraw the circuit as depicted in Fig. 3.17(b), placing the
 more negative voltages on the bottom and the more positive voltages on the top. This
 diagram suggests that the diode operates in forward bias, establishing a voltage at node
 X equal to Vin + VD,on. Note that in this regime, VX is independent of R2 because D1 acts
 as a battery. Thus, so long as D1 is on, we have
 Vout = Vin + VD,on. (3.20)
 3.3 Additional Examples 75
 We also compute the current flowing through R2 and R1:
 IR2 = VD,on
 R2
 (3.21)
 IR1 = 0 âˆ’ VX
 R1
 (3.22)
 = âˆ’(Vin + VD,on)
 R1
 . (3.23)
 Thus, as Vin increases from âˆ’âˆž, IR2 remains constant but |IR1| decreases; i.e., at some
 point IR2 = IR1.
 At what point does D1 turn off? Interestingly, in this case it is simpler to seek
 the condition that results in a zero current through the diode rather than insufficient
 voltage across it. The observation that at some point, IR2 = IR1 proves useful here as this
 condition also implies that D1 carries no current (KCL at node X). In other words, D1
 turns off if Vin is chosen to yield IR2 = IR1. From (3.21) and (3.23),
 VD,on
 R2
 = âˆ’Vin + VD,on
 R1
 (3.24)
 and hence
 Vin = âˆ’ _x0002_
 1 +
 R1
 R2
 _x0003_
 VD,on. (3.25)
 As Vin exceeds this value, the circuit reduces to that shown in Fig. 3.17(c) and
 Vout = R1
 R1 + R2
 Vin. (3.26)
 The overall characteristic is shown in Fig. 3.17(d).
 The reader may find it interesting to recognize that the circuits of Figs. 3.16(a) and
 3.17(a) are identical: in the former, the output is sensed across the diode whereas in the
 latter it is sensed across the series resistor.
 Exercise Repeat the above example if the terminals of the diode are swapped.
 As mentioned in Example 3.4, in more complex circuits, it may be difficult to correctly
 predict the region of operation of each diode by inspection. In such cases, we may simply
 make a guess, proceed with the analysis, and eventually determine if the final result agrees
 or conflicts with the original guess. Of course, we still apply intuition to minimize the
 guesswork. The following example illustrates this approach.
 Example
 3.16
 Plot the input/output characteristic of the circuit shown in Fig. 3.18(a) using the constant_x0002_voltage diode model.
 Solution We begin with Vin = âˆ’âˆž, predicting intuitively that D1 is on. We also (blindly) assume
 that D2 is on, thus reducing the circuit to that in Fig. 3.18(b). The path through VD,on and
 76 Chapter 3 Diode Models and Circuits
 D1
 VD,on
 R
 in Vout V
 1
 X
 R
 Vin = â€“ Vin = â€“
 R1
 D2 Y
 VB = 2 V
 R1
 VD,on
 VB
 X Y
 2 I R2 =
 I R1
 I 1 =
 Vout
 VD,on
 R
 R</t>
  </si>
  <si>
    <t>b'\x9f\xbemJUS\x8a\x9a&amp;\x8a\xfa\xc0\xc4p\x9c\xaa'</t>
  </si>
  <si>
    <t>9fbe6d4a55538a9a268afac0c4709caa</t>
  </si>
  <si>
    <t>sure I do not want to kill anybody,
even to see Aunt Em again."
"I will go with you; but I'm too much of a coward to kill the Witch," said
the Lion.
"I will go too," declared the Scarecrow; "but I shall not be of much help
to you, I am such a fool."
"I haven't the heart to harm even a Witch," remarked the Tin Woodman;
"but if you go I certainly shall go with you."
Therefore it was decided to start upon their journey the next morning,
and the Woodman sharpened his axe on a green grindstone and had all
his joints properly oiled. The Scarecrow stuffed himself with fresh straw
and Dorothy put new paint on his eyes that he might see better. The
green girl, who was very kind to them, filled Dorothy's basket with good
62
things to eat, and fastened a little bell around Toto's neck with a green
ribbon.
They went to bed quite early and slept soundly until daylight, when they
were awakened by the crowing of a green cock that lived in the back yard
of the palace, and the cackling of a hen that had laid a green egg.
63
CHAPTER 12. THE SEARCH FOR THE WICKED
WITCH
The soldier with the green whiskers led them through the streets of the
Emerald City until they reached the room where the Guardian of the
Gates lived. This officer unlocked their spectacles to put them back in his
great box, and then he politely opened the gate for our friends.
"Which road leads to the Wicked Witch of the West?" asked Dorothy.
"There is no road," answered the Guardian of the Gates; "no one ever
wishes to go that way."
"How, then, are we to find her?" enquired the girl.
"That will be easy," replied the man; "for when she knows you are in the
Countr</t>
  </si>
  <si>
    <t>b'\xcd\xff\xf3J\xef.\xb2\xa0\xb3\xae,\xb6@z\xe1\xa8\x1c\xb6g\x15\xc9\xb8\x0b\x84\x1d\xc3&gt;\xa5W\xab\xccP"\x87Q\x08\xb1\x8e\x00\xd7{\x8cA\xb0\xe1(K\xfc\x899g]\xeaA\xf1\x13\x94/\x98\xe9\xcc_TS\xac\xf33=9\x1e\xd8\xcf\t\xbd\x0e\xfe\xab0\xd9\t\xe6\xc2\x9a\xa7\xfb\x87\xf6v\xe2o/m\xff\x99pf[\x8d\xb8pl\x1fXZ\xfe\t3\xe5\x85!Vl\xb6w\x02\xf9\x10\xab\xbd`B\x8b\xaf\x07\x1c\xcao\x95DZ\xf7\xa3\x00\x1f\x1f\x0e\xdd=\x82\xc1!G\x86\xb1l}\xe8\xf4\xba\xf0\xe7\xdcEkb\x9f\x86\xef\xd6W\xb3V\xa6W\xccq\x0f\xd2\x13\x0e+\x8b\x16F\xa5\xeb\x8e&gt;\xf0\xedc\x93\'T\x91S\x01\x8a\x1ca\x1d)\x99\x0b\\6\xb2Rq\xa1\xfd\xfc\x8fe\xef\x7f\xaa\x12Q\xfd%aQ/n\xb9\xa5V\x82,\xaf}\x8b\xc8\xdb\x959\xe1\xb7\xed\x96r\x9e\xe7\x95\xbd/\xe1,\xd0I\xa1\xa7\x9eO-\xbdPg\x1dx\xcf\xd6\x82\xa9\x80{\xb3\xedK~\xc3\xb9\xd3##D\xd7#m\xa2yD\xa6U\xcd\xeeZ[\xed\x0c!\xe8\xce\x14\xc7\xe7\x8a\xea\xbc\x80B,Lx\x82\x0b\x13r\x16\xb7\x1bE7\xf1\x80\xea\xeb\x04\x8f|\xa3\x86\xb3\rl\'\x0f\x05&lt;\xa4\x84\x95-\xf3Q\x8a\xdb\x99\xdb\xb6a\x8b\x9f\x9cU\xb4\xd3\xa1w\xf9}t\x8c\xca\xd8^\x9225\xb1)\xcf\x9bF\x0f\xaf\x12\x93!\x8b\x9co\xca^\xf6\xac\x19{\xb0\xb9\x8ad\xf6T\xf6\xf3\xf8\x1dJ&amp;\xa0\xb4.\xbb_\xcd;v\xae\xdd\x926\x1akk\x1a @s\xbf\x1b\x0b8y\x9e\x13n\x97\xef\xc3m\xb6BA \xa8\xc8\x0f\x8c\xa8\xdd%\xf8\x01\x01\x06\x80\xd2c\xa8L\xb7\xab\x96I\xd3\t\xf8t,&lt;\xc1\xa8\xa1\x8d\xbb\xae\xbc#\x8bE\x16:\xd2\xf6A\t.\xd2w\xb4o\xe3a\xe2\x7f\x02H\xf5\x87i\\\x94\xe5\x15L\xf9\xdd\xc7\xaa\xd5\xdc\xeb \x98y\x80\x18}/\xf6\t\x19\x7f\xc2\xf5\xe8\xe2\xeeC\xbdJ\xaa}7\xe8\xfc=\x81x\xea\x06B\x93\xe5\xb5\x9dq\x17[B\x04\xce\x8c\xbdw \xca\xb4fb\x834\xd9`\x1f\xb3X\\\xfb\x01\x9d(\xd0{(\xca8\xa0\xb1r\x88\x12la\xc9\x0170~\xeb\xc1\xf9$o?\xfa\xcc\xe3\xde"c\x07\x81\xe2f\xa0;8\xf3pp;\xe9\x92\x16\r\xf2\x8eW\xf4\xbe;B\xe0\xd8\x187\xd8\x1cH3\xe8\xa8\x89\xbe\xd7\x90wp\xf7\xdd\xdd@\xe5\xd8\xacQ\x13\x98m{\xf7\xf8Dx\'7\xb8\xb33e\\2\xcf1\xc3\xcc\xc6\xb8K\x08\xd4?\xff\xe3\xe2\x10\xac2\xd1\xefH\x05\xcf\xb6Hp"\x97b\xe3\xde\x0e\x83 \xc3\x98\x166{`\xd7\x9c\xf8y\xaa&gt;\x0e\xe6\x92\xc5\xfc\x8cl Q\xeeNF[\xa6P\xae`\x17\xf3}\xea[&gt;\xf3\xde\xff\x1a\xcd[\xeb\x17\xa8\xf2c\xf7\xa4\xe5\xa9\xd2Kwq\t\x16ZjF\x93\x8a\x85\xda\x169+\x1aT\x9e\x8cYc\x8a|\xc1IY\xb5\x8e?\x94\xa4)v\xa0v\xa6\xfdJ\xee\x93\x84\xe3\x0c\x8f\xbfO\xb8\xe14\xdeD\x82\xac!eL/\x0c).m)\xb4m\xf8\xdb\x0b\xe0\xa0\xc0h\xc8In5t\xf8Y\xf5\x04\x17`\xcd\xa7\x14\x05\xe7X\xa3\xe3\x90\x7f\xb1;]\xa6\x8a\x15)g3F\xa8\xa0e\xad\xd8\xc6T\x18z\xb7&gt;\xa0\xf6_\xf7 \xcc0r\t_\xcc\x15.\xf4\x11\xddT\x10Z+\x0e\x83\xf0\r\x89c7\x92\xe5b]\xf9P\xcfq\x07\xafKV\x18\xfb\xcb\xf6\x8b\xa6\xb4~\x07*\x03\xb4\x06\x1e\xc0\xb1\x17 s\xd2\xe1\xad_\x06g\tM\r\x86\xb9\x9a\xf4\xfa^\x91\xa0]\xf1-\xe1\xec\xb8\x10C\x80\xe1\x9d\x8e\xbe\xd8\xef\xd3\xa3f\xf2\x11\x0f)\x8ad\xd00\xd0\xc3K\xaf\xaa)\x01\xa3\xae\xc3K\xcbRa\xe2\xba\xd1\x05\xb0E2\xe4l\xcdn\x9d\xd9\xc9\xe5\xd0\x90\x81\xc7\xa1~\x96\xd0\x0c\xccB\\\x83d\x91*9e\xdbL&gt;}F\xb7){\x97\xfd\xde\xfc\xd4+\xf5s\xd9\xb9U\x887\x93{\xd7*XR\rv\xfe\x02b\x8e\xf5\x84\x9d\xabi\x07\xd5\x84\x07\x84\x802\x83L\xe9\xb4\xc4\x1dL\xc3~t\xf1]X\x10\x10(\x80\xf6\xa52%I\xe5\xcb\xf0-\xc4&gt;\xdc*\xf3V\x89]\x8d\xacN\xea=?\xbbz,h;\xa4\xc0\xfa\xb3U\xa2\xe3\xf2\xe3K\xd9/{S\x9c\x06\xcb8\xda\x08\xa8\x14\xf5\x19k\xf5\x95\xaeT\x8e)\x1f\xd3\xe1tJ\xfeyl\x83\xb8\x1a)m\x8d\x1a\xb7\xf2pD`\xd1B\xf9\xd57M\xd2\xd9\xb8cq\x84OT\x85\xf4\x9c\x0e\xa0&lt;\x06!s\xfb\xd4\xd2Z\xeaS\xed\x0fH\xd4j\xed^\xd3&lt;-\xd7\xfc\xb3\xb8\x98\rWd\xfc\xc9\xdbRRpa\x9c\xa3\'\xa0\xdc(rt\xffm~\x88!K\xbc%\x01J\xf3\xec\x882\x16\x14\xdcKF\xb7Q\xf6\x1a\x00\xaaN\x8f\x8d@\xb6\xd8L\x1f{qfg\xd9\xa3\xf5\nM\x19\xdc\xf1*\xcc\xc2\xdb\xd9\x9a\xb4 z&lt;\xa2\x80\x9f\x84\xdf\xf2\xab\x9b\xbf\xb8d5D\x84\xbf\xb5&amp;\xa8\x1e\xc0\xb8\xc2\x97p\xfd\x96GT\xb3\xb3\xb5\x9b]+\xcaDg\xeb8\xc5N\xaf8\xd72\\\xa9\xe9|\xcf\x92\xc0\x9e\x922\x98\xf0`\x1e\xf2\xc3\x103-4 V\x9c\x1123\x1d\x8c\x9fc\x91\xdaJ\xcd\x0c\x06=&lt;\xae\xefBs\xe1\x00\xad\x1a\x88\xdf\x14y\xdd\x1d\xdc\xf85\xfcV\xea_\xd8\x95\xe2\x1dC\xfa\x0b\x8f\x19\x14\xedw30\xa1\xc5\x03\x1bZ\xe4O\xd3\x87fn"3\x84\xaa\xfa\xc0F\xae\x1f\x84\x80\x96]\xa8;\x95\xdf\x03\'\x8c\x0c\xf5\xfc\xe0\xc7\x83*"\x04\xa7\xc0\x82\x9bQ\xe0\xf0\xf6\x8a\x94\xdfLf\x1d\xc2\xda\xd9\xd8\xdc:\xbaL\x88\xcfk\xd2M\x11+\t\xeb-\xb3\xc9\xc5\xfcTB\xf4\xbe\xfc!\xcaD\x8e\xed\xbf\xba\xd9\xccwz\x8d\xefV\xc8s\xbc5Tf\x8d\x82\xdc\x88\xf4\xb6\x9d\x07 ,\x1b\x8e8\xc9i*\xf1^#0\xb6)\x87\x96\x98\x8a&gt;\xd5\xde\xbb\x98~\xea\xcb\x13\xc5-\xf3N\x02\x88\xb2\x10\xcddNyuG[f\xc8\xc7T(]B\xa4^\xd5?\x17\xdf\x1c\xa8*\xee\xb4\xb9\xf8\x9ck13\x85g\xfd\x1e\xb0\x1b=\x13^d\xb2(\x0e\x89\xc3\xea\xc6\x06\xd9\xb0\x903VK9\xfb\x1e\x07\x93\\Dh\xbc\xa6b\xec\xf9\x86H\xbf\tf\xa9.\xe2F\x12P$hz\x89\x15}\xe8\x03m\xa2\xbfL\xa8\x13\x9a\x92\x14\xb28\xf0Ci\x81&amp;K\xc8\xd2\x8e\x1f\x10r\xc3\x919\x06W7\x14\x12e\xf8\x18\x1cgY\x82\xdd\xb8)\x9b\xe3S\xc5\x9f\xdf\xcb\xf8)\xd6\x00G\xf7'</t>
  </si>
  <si>
    <t>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</t>
  </si>
  <si>
    <t>b'\xcd\xff\xf3J\xef.\xb2\xa0\xb3\xae,\xb6@z\xe1\xa8'</t>
  </si>
  <si>
    <t>r an overall scaling factor of 1 mA/25 Î¼A = 40, we can choose either
 IC,M = 8IREF (9.121)
 |IC2| = 5IC,M (9.122)
 or
 IC,M = 10IREF (9.123)
 |IC2| = 4IC,M. (9.124)
 (In each case, the npn and pnp scaling factors can be swapped.) In the former case, the
 four transistors in the current mirror circuitry require 15 units, and in the latter case,
 16 units. Note that we have implicitly dismissed the case IC,M = 40IC,REF1 and
 IC2 = IC,REF2 as it would necessitate 43 units.
 Exercise Calculate the exact value of IC2 if Î² = 50 for all transistors.
 Example
 9.19
 An electrical engineering student purchases two nominally identical discrete bipolar
 transistors and constructs the current mirror shown in Fig. 9.23(c). Unfortunately, Icopy
 is 30% higher than IREF. Explain why.
 Solution It is possible that the two transistors were fabricated in different batches and hence
 underwent slightly different processing. Random variations during manufacturing may
 lead to changes in the device parameters and even the emitter area. As a result, the two
 transistors suffer from significant IS mismatch. This is why current mirrors are rarely
 used in discrete design.
 Exercise How much IS mismatch results in a 30% collector current mismatch?
 Did you know?
 A simple current mirror may also be considered a
 two-transistor circuit topology. We can even im_x0002_plement a current amplifier using such an arrange_x0002_ment. As shown below, if the reference (diode_x0002_connected) device is smaller than the current_x0002_source transistor, then Iout/I i n &gt; 1. For example,
 if I i n changes by 1 Î¼A, then I out changes by
 1Î¼A Ã— n. Current amplifiers are occasionally used
 in analog systems. In fact, some analog designers
 promoted the notion of â€œcurrent-mode circuitsâ€ in
 the 1990s, but the movement did not catch on.
 QREF Q1
 AE nA E
 I out I in
 Current mirror as an amplifier.
 9.2.3 MOS Current Mirror
 The developments in Section 9.2.2 can be
 applied to MOS current mirrors as well. In
 particular, drawing the MOS counterpart of
 Fig. 9.23(a) as in Fig. 9.35(a), we recognize
 that the black box must generate VX such
 that
 1
 2
 Î¼nCox_x0003_W
 L
 _x0004_
 1
 (VX âˆ’ VTH1)
 2 = IREF, (9.125)
 where channel-length modulation is ne_x0002_glected. Thus, the black box must satisfy the
 following input (current)/output (voltage)
 characteristic:
 VX =
 2IREF
 Î¼nCox_x0003_W
 L
 _x0004_
 1
 + VTH1. (9.126)
 422 Chapter 9 Cascode Stages and Current Mirrors
 V
 ?
 I
 V
 REF I copy1 I
 V
 REF
 V
 I
 V
 REF I
 Current
 Mirror
 (a) (b) (c)
 M 1 X
 GS
 M REF X X M REF M 1
 DD DD DD
 copy
 Figure 9.35 (a) Conceptual illustration of copying a current by an NMOS device, (b) generation of
 a voltage proportional to square root of current, (c) MOS current mirror.
 That is, it must operate as a â€œsquare-rootâ€ circuit. From Chapter 6, we recall that a
 diode-connected MOSFET provides such a characteristic [Fig. 9.35(b)], thus arriving at
 the NMOS current mirror depicted in Fig. 9.35(c). As with the bipolar version, we can
 view the circuitâ€™s operation from two perspectives: (1) MREF takes the square root of
 IREF and M1 squares the result; or (2) the drain currents of the two transistors can be
 expressed as
 ID,REF = 1
 2
 Î¼nCox_x0003_W
 L
 _x0004_
 REF
 (VX âˆ’ VTH)
 2 (9.127)
 Icopy = 1
 2
 Î¼nCox_x0003_W
 L
 _x0004_
 1
 (VX âˆ’ VTH)
 2
 , (9.128)
 where the threshold voltages are assumed equal. It follows that
 Icopy =
 _x0003_W
 L
 _x0004_
 1
 _x0003_W
 L
 _x0004_
 REF
 IREF, (9.129)
 which reduces to Icopy = IREF if the two transistors are identical.
 Example
 9.20
 The student working on the circuits in Examples 9.12 and 9.13 decides to try the MOS
 counterpart, thinking that the gate current is zero and hence leaving the gates floating
 (Fig. 9.36). Explain what happens</t>
  </si>
  <si>
    <t>b'\xcd\xd1\x1a\xaca\xb2\xdc\x8f\xe6\xf1\xc8\x81p\xb8\xc5Z'</t>
  </si>
  <si>
    <t>cdd11aac61b2dc8fe6f1c88170b8c55a</t>
  </si>
  <si>
    <t>andsome as my grandfather, but I like him.â€™
â€˜Thank you, maâ€™am,â€™ said a gruff voice behind her, and there, to
her great dismay, stood old Mr. Laurence.
Poor Jo blushed till she couldnâ€™t blush any redder, and her heart
began to beat uncomfortably fast as she thought what she had
said. For a minute a wild desire to run away possessed her, but
that was cowardly, and the girls would laugh at her, so she
resolved to stay and get out of the scrape as she could. A
second look showed her that the living eyes, under the bushy
eyebrows, were kinder even than the painted ones, and there
was a sly twinkle in them, which lessened her fear a good deal.
The gruff voice was gruffer than ever, as the old gentleman said
abruptly, after the dreadful pause, â€˜So youâ€™re not afraid of me,
hey?â€™
â€˜Not much, sir.â€™
â€˜And you donâ€™t think me as handsome as your grandfather?â€™
â€˜Not quite, sir.â€™
92
â€˜And Iâ€™ve got a tremendous will, have</t>
  </si>
  <si>
    <t>b'\xd2\x9f\x05\x96\xf3\xfd**\x8a\xb8\xdf\xa33\x06\x85\x9e\x00mG\xbb\xa0:\xdb\x95\x8d\xf9\xfb\xbb\x97\xed\x166\x80\x8f$qj\xa9[\xe4e\x8c=B\x95^\x1a\xc1G\x8e\xc2\x99\xdc\xdf\x8f\xa1v\x81H`\xb0`a\xcb\x8c\xb97\x1f\x9e\x16N\x0eS\xb8j3\n)q\x7f"\x0e\x04eb-]E\t\xaa\xe3\x878\xf8\x98\xf9.\xd6\x94\'\xa9\xae\xbb@\xce\xef\xe0F\x9a+\x0cw\xba\xa9\x89;\x13S\xeb\xf3\x91\x1c\x9f\xa3\x1e{r\xc6b\xb9\xc2$\x12\x8b\x9a-\xc7\xf7\xa9N&gt;\x0f#\xe8\xb7\x85T%6\xf3\xaf\xba\xbe\xb7\x81\xeb\x7f\xac6\xa0(U\xc1\xcc\x85\xb9\x18w&lt;\xe9b\xb1\x15[]~O\xbd2"6\x06\xd9\xe7G\xd90w\x05\xd3\t\x1a\xf6S\x84\xc2e\x82b\x84\x00\x90\xab\xb4W\x131n\x01\xf4\xbf\x93\xa0P\x91p\xa2\xdd[t\xb3\xb9\x91\xffP\xc5%\x13\xa5\xa0\xb4\xf7\x1c&lt;\x9d^3\x8f\xf3\xa4gV\x90U#\xfb(\xc0\x85u\xa3ZW\x87\xaa\x96\xe3H\x96&lt;m\xad\xf6Zw\xd0\xcf\xe2&gt;\x8b\x98\xc3\x8c\x1e\x9a\xc6\xfd 9\xb7&lt;\x8aY\x9f\x99\xfd`\x12\x91\xf3\x90\x97\xd2\x97J\x11\xa0 z[\r\x88\x04u\xf7\xff\xf9\xbbCGU\xe7$\xa6{y\xf5\xb0\x8cI\x01\xf7\xe2\xddO\x15\xb4ee\x7f@\x18v\xb9\xea\x04\x16\\z\xe8\n+\xef\xf0\xb6\xef\xe2\xe7\xabw\xf7}~\xd4&gt;\xca0u\xae\xb6:\xaa\x12\t9\x83\xf6\xc34Q\xd8\xce+o\xe6\xd0\x91;j=\xf4=\x8fK\x0f5\x914\xd1$\xc3k\xe83\xad\xbd\x7f=\x8b\xe3\xbe\xc0\x9b&amp;\x125\xbfS.\xcc!\xce\x9e\x00\xf6\xd0\x12k\xfe\x15\xd0\x98\xd2-\x131\x11\x1c\x84\x9dk\x00VO&amp;\x14\xb4\x9e*c\x0c\xeaR\xcf\xed\xe5`h\x1f\x18E\xff4\xa2\xb1&lt;\x18b\x94\xb7\xf9\x11\x0c\xcco\xbf\xde\xbf\xbf\xba\x85\x0c\xed(\x7f9\x828\xd9S\xe3\x95\x06\x0f\xf8=\xab\xf7[\xb7\xfd\x16#=\x089\xb6\xe9N=e\xfaJ\xc4\xd7&gt;\xee\xd5hi\xc7\xd2\x98B\xdfv\xd3\xae\xa8\xd0\xeb\x89\xc2\xa8\xb9*\x9e\xa2zGJ%4\xaf\xbb\xcf\xbc\xe6\xbd\x00\xee\xe7\x95\x89\xf5\xf9\x0cA\xb4\x82&lt;\xcd\xb9\t\x9e\xd2\xf1\xbdf\xf0\x9dM\xda\x8d\x8fo*\x03\r\xfb}\xb8\x1f\xea\xc2\xe3\xd1\xd7\xb4\xc8k\xbee\x9e\xf6/\x17\xbc\x0b@\xe2P&amp;\xb8\xf4G}\x90\x16Mf\xe8U\x8f^\xab-\xae\x9e\'\xe5\x95\x85\x0cff\x08\xf8?\x0b3\xe8\x02(\x95%^V\xec\x81\xfd4N\x97\x887\x8aE\x012&lt;\xb6\xe1!\xcb\xa4 \x11\xbd 1\x89\xfc\x93$p)\xf2\x14\xb1P\x94\xb9(U\x88\xafG\x0b\xc4\xb7"\r\x14d\xbe\xfb\xf0O3X\x8c\xc3\xeb\x8c\xee\x12\x00\xd73\xaf\x1b9T\xa3\xea\xe7Jj\xae\xf02\xad\xca\x94\xc3\x12p\x90\x05\x938\x9c\x93fV%\xfe\xbb\xa4\xbf\x86\x03[g\xeaOE\xad\x045;\xfd#\x8d{[(\xc0\x87\x17\xfdf\xdc\xcd\xa5#\x16\xbf\x81\x99\n\xfa\x83c\x13\x0f\xe6\xcc\x8b\x91\xe9&lt;\x99\x8c\x0f\x10\xa4"\x06jF\xa6zVD\xdf\x8b\x97\xf0j\xeb:\xe2\x81\xae\n\xe9\r\x04\xd4\x1cgJu\xf0\xd7\xd2R\xaaz\xbb\xee\xb8\x88\xd5\xbb\xde\x08\x03@V\r\x9c\x95\xc9P&gt;\xcb\x1e\xcf7\x92V@\xe9\x89\xd3\x16]J\xd7q/\xb4\xae/)\xe4Z@\xc2Kd\x95\xf6\xe2,\x1f#\x82\x9b\xfb\xcc9\x8a{\xaf\x03q\xc9\xbd\x9e\xe7\xe78Qm\xba1\x844\xb0\xc0\xa3\xd5H\xf4\xfa\x07\xf0\xce\x038C\xb4\x89\xf4\xea\xbdE.o!n{\xc8\t#\xf4\xc9\xb6^vn\x86\xa69\xea_\xe1\xf4\xd7\xd5\x0eY\xe0\xa8\r\x0c\x89\xdf\xe1\xb8=\xa2\xeeG,\xca\x9f\x8fsA\r~T\x95u\\W\x9d\xe3kA*\xbf\xf1B\xc1#b'</t>
  </si>
  <si>
    <t>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</t>
  </si>
  <si>
    <t>b'\xd2\x9f\x05\x96\xf3\xfd**\x8a\xb8\xdf\xa33\x06\x85\x9e'</t>
  </si>
  <si>
    <t>predict the effect on DD of any
 of the disturbances we have discussed: Any disturbance that raises aggregate demand for
 domestic output shifts the DD schedule to the right; any disturbance that lowers aggregate
 demand for domestic output shifts the DD schedule to the left.
 Asset Market Equilibrium in the Short Run: 
 The AA Schedule
 We have now derived the first element in our account of short-run exchange rate and
 income determination, the relation between the exchange rate and output that is consistent
 with the equality of aggregate demand and supply. That relation is summarized by the DD
 schedule, which shows all exchange rate and output levels at which the output market is in
 short-run equilibrium. As we noted at the beginning of the preceding section, however,
 equilibrium in the economy as a whole requires equilibrium in the asset markets as well as
 in the output market, and there is no reason in general why points on the DD schedule
 should lead to asset market equilibrium.
 To complete the story of short-run equilibrium, we therefore introduce a second element
 to ensure that the exchange rate and output level consistent with output market equilibrium
 are also consistent with asset market equilibrium. The schedule of exchange rate and output
 combinations that are consistent with equilibrium in the domestic money market and the
 foreign exchange market is called the AA schedule.
 Output, the Exchange Rate, and Asset Market Equilibrium
 In Chapter 14 we studied the interest parity condition, which states that the foreign exchange
 market is in equilibrium only when the expected rates of return on domestic and foreign
 currency deposits are equal. In Chapter 15 we learned how the interest rates that enter the
 interest parity relationship are determined by the equality of real money supply and real
 money demand in national money markets. Now we combine these asset market equilibrium
 conditions to see how the exchange rate and output must be related when all asset markets
 simultaneously clear. Because the focus for now is on the domestic economy, the foreign
 interest rate is taken as given.
 For a given expected future exchange rate, , the interest parity condition describing
 foreign exchange market equilibrium is equation (14-2),
 where is the interest rate on domestic currency deposits and is the interest rate on for_x0002_eign currency deposits. In Chapter 15 we saw that the domestic interest rate satisfying the
 R R*
 R = R* + (Ee - E)/E,
 Ee
 CHAPTER 17 Output and the Exchange Rate in the Short Run 433
 interest parity condition must also equate the real domestic money supply, , to aggre_x0002_gate real money demand (see equation (15-4)):
 You will recall that aggregate real money demand, ( ), rises when the interest rate falls
 because a fall in makes interest-bearing nonmoney assets less attractive to hold. (Conversely,
 a rise in the interest rate lowers real money demand.) A rise in real output, , increases real
 money demand by raising the volume of monetary transactions people must carry out (and a
 fall in real output reduces real money demand by reducing peopleâ€™s transactions needs).
 We now use the diagrammatic tools developed in Chapter 15 to study the changes in
 the exchange rate that must accompany output changes so that asset markets remain in
 equilibrium. Figure 17-6 shows the equilibrium domestic interest rate and exchange rate
 Y
 R
 L R, Y
 Ms
 /P = L(R, Y).
 Ms
 /P
 Ms
 P
 Exchange
 rate, E
 1 2
 L(R, Y1)
 1'
 2'
 0
 R1 R 2
 Real money supply
 Real domestic
 money holdings
 Domestic interest
 rate, R
 Domestic-currency
 return on foreign_x0002_currency deposits
 E1
 E2
 L(R, Y 2)
 Foreign
 exchange
 market
 Money
 market Output rises
 Money demand curves
 Figure 17-6
 Output and the Exchange Rate in Asset Market Equilibrium
 For the asset (foreign exchange and money) markets to remain in equilibrium, a rise in
 outp</t>
  </si>
  <si>
    <t>b'0E\x02!\x00\xb2\xbc\xd5w\x8f\n&lt;mFN.\xf0kV\xd4\xba\xb5\xee\x9f)\x8b\x97\xf5#\xc4\xe1Cf\xf3-Y\xe4\x02 *\xa8]|C\xf5v`\xce8\xe5\x9c\x91yd\x13\x8d\x85\x14\x1d\x8d\xe5b^=\xedKZ\xd3\xf4\x98)'</t>
  </si>
  <si>
    <t>3045022100b2bcd5778f0a3c6d464e2ef06b56d4bab5ee9f298b97f523c4e14366f32d59e402202aa85d7c43f57660ce38e59c917964138d85141d8de5625e3ded4b5ad3f49829</t>
  </si>
  <si>
    <t>b'0E\x02!\x00\xb2\xbc\xd5w\x8f\n&lt;mFN.'</t>
  </si>
  <si>
    <t>e gain
 from 20 to 20 Ã— (RC ||8 _x0002_)/RC = 0.159. The voltage gain therefore degrades drastically.
 Q1
 VCC
 RC
 in v
 1 k Î©
 C1 Q1
 VCC
 RC
 in v
 1 k Î©
 C1
 Q
 I 1
 2
 R in1
 (a) (b)
 Rsp
 Rsp
 Figure 5.90 (a) CE stage and (b) two-stage circuit driving a speaker.
 (b) From the arrangement in Fig. 5.90(b), we note that
 Rin1 = rÏ€2 + (Î² + 1)Rsp (5.327)
 = 1328 _x0002_. (5.328)
 Thus, the voltage gain of the CE stage drops from 20 to 20 Ã— (RC ||Rin1)/
 RC = 11.4, a substantial improvement over case (a).
 Exercise Repeat the above example if the emitter follower is biased at a current of 10 mA.
 244 Chapter 5 Bipolar Amplifiers
 Q1
 VCC
 RS
 R out
 R E
 Q1
 VCC
 RS
 R E
 g m
 1 + RS
  Î² + 1
 R E
 (a) (b)
 Figure 5.91 (a) Output impedance of a follower, (b) components of output resistance.
 We now calculate the output impedance of the follower, assuming the circuit is driven
 by a source impedance RS [Fig. 5.91(a)]. Interestingly, we need not resort to a small-signal
 model here as Rout can be obtained by inspection. As illustrated in Fig. 5.91(b), the output
 resistance can be viewed as the parallel combination of two components: one seen looking
 â€œupâ€ into the emitter and another looking â€œdownâ€ into RE. From Fig. 5.88, the former is
 equal to RS/(Î² + 1) + 1/gm, and hence
 Rout =
 _x0002_ RS
 Î² + 1 +
 1
 gm
 _x0003_
 ||RE. (5.329)
 This result can also be derived from the Thevenin equivalent shown in Fig. 5.88(c) by
 setting vin to zero.
 Equation (5.329) reveals another important attribute of the follower: the circuit trans_x0002_forms the source impedance, RS, to a much lower value, thereby providing higher â€œdrivingâ€
 capability. We say the follower operates as a good â€œvoltage bufferâ€ because it displays a high
 input impedance (like a voltmeter) and a low output impedance (like a voltage source).
 Effect of Transistor Output Resistance Our analysis of the follower has thus far ne_x0002_glected the Early effect. Fortunately, the results obtained above can be readily modified
 to reflect this nonideality. Figure 5.92 illustrates a key point that facilitates the analy_x0002_sis: in small-signal operation, rO appears in parallel with RE. We can therefore rewrite
 Eqs. (5.323), (5.326) and (5.329) as
 Av = RE||rO
 RE||rO +
 RS
 Î² + 1 +
 1
 gm
 (5.330)
 Rin = rÏ€ + (Î² + 1)(RE||rO) (5.331)
 Rout =
 _x0002_ RS
 Î² + 1 +
 1
 gm
 _x0003_
 ||RE||rO. (5.332)
 Q1
 VCC
 RS
 R E
 r O
 in v Q1
 RS
 R E r O
 in v
 Figure 5.92 Follower including transistor output resistance.
 5.3 Bipolar Amplifier Topologies 245
 Example
 5.46
 Determine the small-signal properties of an emitter follower using an ideal current
 source (as in Example 5.43) but with a finite source impedance RS.
 Solution Since RE = âˆž, we have
 Av = rO
 rO +
 RS
 Î² + 1 +
 1
 gm
 (5.333)
 Rin = rÏ€ + (Î² + 1)rO (5.334)
 Rout =
 _x0002_ RS
 Î² + 1 +
 1
 gm
 _x0003_
 ||rO. (5.335)
 Also, gmrO _x0005_ 1, and hence
 Av â‰ˆ rO
 rO +
 RS
 Î² + 1
 (5.336)
 Rin â‰ˆ (Î² + 1)rO. (5.337)
 We note that Av approaches unity if RS _x0006_ (Î² + 1)rO, a condition typically valid.
 Exercise How are the results modified if RE &lt; âˆž?
 The buffering capability of followers is sometimes attributed to their â€œcurrent gain.â€
 Since a base current iB results in an emitter current of (Î² + 1)iB, we can say that for
 a current iL delivered to the load, the follower draws only iL/(Î² + 1) from the source
 voltage (Fig. 5.93). Thus, vX sees the load impedance multiplied by (Î² + 1).
 Q1
 VCC
 v X
 Load
 i L
 i L
  Î² + 1
 Figure 5.93 Current amplification in a follower.
 Emitter Follower with Biasing The biasing of emitter followers entails defining
 both the base voltage and the collector (emitter) current. Figure 5.94(a) depicts an
 example similar to the scheme illustrated in Fig. 5.19 for the CE stage. As usual,
 the current flowing through R1 and R2 is chosen to be much greater than the base
 current.
 It is interesting to note that, unlike the CE topology, the emitter follower can op_x0002_erate with a base voltage near VCC. This is because the collector is tied to</t>
  </si>
  <si>
    <t>b'}\xd3\x91\xe7Sg2\xd2\xef\x10\xce\xe8U\xe7\x80\xa0'</t>
  </si>
  <si>
    <t>7dd391e7536732d2ef10cee855e780a0</t>
  </si>
  <si>
    <t>ed more heavily by developing-country governments. Government measures to
 limit exchange rate flexibility reflect both a desire to keep inflation under control and
 the fear that floating exchange rates would be subject to huge volatility in the relatively
 thin markets for developing-country currencies. There is a history of allocating foreign
 exchange through government decree rather than through the market, a practice (called
 exchange control) that some developing countries still maintain. Most developing
 countries have, in particular, tried to control capital movements by limiting foreign
 exchange transactions connected with trade in assets. More recently, however, many
 emerging markets have opened their capital accounts.
 5. Natural resources or agricultural commodities make up an important share of ex_x0002_ports for many developing countriesâ€”for example, Russian petroleum, Malaysian
 timber, South African gold,</t>
  </si>
  <si>
    <t>b'0E\x02!\x00\xec\x86\x9bw!\n\xadH\x80O\xa7\xd2\xd4\x98\xd7k\xc3^\xf8*H\xa7\xd2\xf5\x880_3\x0e\x11\xa5\xd0\x02 H\xd7\x9d\x08\x91bn3\xdb\xa6\xdc\xae\x12\xd8\xd1\x90E\xe3\x8a\x87\xd0P\t\x93|\xf6|\xe4\x8ee\xf2\x87'</t>
  </si>
  <si>
    <t>3045022100ec869b77210aad48804fa7d2d498d76bc35ef82a48a7d2f588305f330e11a5d0022048d79d0891626e33dba6dcae12d8d19045e38a87d05009937cf67ce48e65f287</t>
  </si>
  <si>
    <t>b'0E\x02!\x00\xec\x86\x9bw!\n\xadH\x80O\xa7'</t>
  </si>
  <si>
    <t>ircuit. For this reason, many circuit tech_x0002_niques have been invented to avoid the use of large
 on-chip capacitors.
 The reader may also wonder how exactly the mi_x0002_crophone would be connected to the above amplifier.
 To ensure that only the signal is applied to the circuit
 and the zero dc level of the microphone does not dis_x0002_rupt the biasing, we must insert a device in series with
 the microphone that passes signals but blocks dc lev_x0002_els, i.e., a capacitor (Fig. 17.15). This technique is a di_x0002_rect result of the superposition perspective that we in_x0002_voked earlier: for bias calculations we assume no signals
 are present and hence the capacitor is an open circuit,
 whereas for small-signal calculations we ignore the bias
 values and consider the capacitor a short circuit. Since
 the impedance of the capacitor, 1/(C1s), is inversely
 proportional to its value and the frequency of opera_x0002_tion, w</t>
  </si>
  <si>
    <t>b'\x1e\x11\x9a,&gt;\xb3\x97\x89Y\x9d\xcbJL\xc3\xdb '</t>
  </si>
  <si>
    <t>1e119a2c3eb39789599dcb4a4cc3db20</t>
  </si>
  <si>
    <t>as ready for him, and Jim was warming his
 opinion, too, and next minute we'd 'a' broke loose on another argument,
 if Tom hadn't dropped the glass and begun to clap his hands like a
 maniac and sing out:
 "Camels!--Camels!"
 So I grabbed a glass and Jim, too, and took a look, but I was
 disappointed, and says:
 "Camels your granny; they're spiders."
 "Spiders in a desert, you shad? Spiders walking in a procession? You
 don't ever reflect, Huck Finn, and I reckon you really haven't got
 anything to reflect WITH. Don't you know we're as much as a mile up in
 the air, and that that string of crawlers is two or three miles away?
 Spiders, good land! Spiders as big as a cow? Perhaps you'd like to go
 down and milk one of 'em. But they're camels, just the same. It's a
 caravan, that's what it is, and it's a mile long."
 56
 "Well, then, let's go down and look at it. I don't believe in it, and
 ain't going to till I see it and know it."
 "All right," he says, and give the command:
 "Lower away."
 As we come slanting down into the hot weather, we could see that it was
 camels, sure enough, plodding along, an everlasting string of them, with
 bales strapped to them, and several hundred men in long white robes,
 and a thing like a shawl bound over their heads and hanging down with
 tassels and fringes; and some of the men had long guns and some hadn't,
 and some was riding and som</t>
  </si>
  <si>
    <t>b'\xe4\xa4s\xa6\x8b-\xa6\xdc\xe3K\xe0\xe1\xa9\xbd\xaf\xe6 (,\xfe\x90e3\xcc\x82\nT\xdb"\x90(('</t>
  </si>
  <si>
    <t>e4a473a68b2da6dce34be0e1a9bdafe620282cfe906533cc820a54db22902828</t>
  </si>
  <si>
    <t>b'\xe4\xa4s\xa6\x8b-\xa6\xdc\xe3K\xe0\xe1\xa9\xbd\xaf\xe6'</t>
  </si>
  <si>
    <t>,
 'It's Wendy's mother. She is a pretty lady, but not so pretty as my mother. Her
 mouth is full of thimbles, but not so full as my mother's was.'
 Of course he knew nothing whatever about his mother; but he sometimes
 bragged about her.
 He did not know the tune, which was 'Home, Sweet Home,' but he knew it was
 saying, 'Come back, Wendy, Wendy, Wendy'; and he cried exultantly, 'You will
 never see Wendy again, lady, for the window is barred.'
 He peeped in again to see why the music had stopped; and now he saw that
 Mrs. Darling had laid her head on the box, and that two tears were sitting on
 her eyes.
 'She wants me to unbar the window,' thought Peter, 'but I won't, not I.'
 He peeped again, and the tears were still there, or another two had taken their
 place.
 'She's awfully fond of Wendy,' he said to himself. He was angry with her now
 for not seeing why she could not have Wendy.
 The reason was so simple: 'I'm fond of her too. We can't both have her, lady.'
 But the lady would not make the best of it, and he was unhappy. He ceased to
 look at her, but even then she would not let go of him. He skipped about and
 made funny faces, but when he stopped it was just as if she were inside him,
 knocking.
 'Oh, all right,' he said at last, and gulped. Then he unbarred the window. 'Come
 on, Tink,' he cried, with a frightful sneer at the laws of nature; 'we don't want
 any silly mothers'; and he flew away.
 Thus Wendy and John and Michael found the window open for them after all,
 which of course was more than they deserved. They alighted on the floor,
 quite unashamed of themselves; and the youngest one had already forgotten
 his home.
 'John,' he said, looking around him doubtfully, 'I think I have been here
 before.'
 'Of course you have, you silly. There is your old bed.'
 'So it is,' Michael said, but not with much conviction.
 'I say,' cried John, 'the kennel!' and he dashed across to look into it.
 'Perhaps Nana is inside it,' Wendy said.
 But John whistled. 'Hullo,' he said, 'there's a man inside it.'
 'It's father!' exclaimed Wendy.
 'Let me see father,' Michael begged eagerly, and he took a good look. 'He is
 not so big as the pirate I killed,' he said with such frank disappointment that I
 am glad Mr. Darling was asleep; it would have been sad if those had been the
 first words he heard his little Michael say.
 Wendy and John had been taken aback somewhat at finding their father in the
 kennel.
 'Surely,' said John, like one who had lost faith in his memory, 'he used not to
 sleep in the kennel?'
 'John,' Wendy said falteringly, 'perhaps we don't remember the old life as well
 as we thought we did.'
 A chill fell upon them; and serve them right.
 'It is very careless of mother,' said that young scoundrel John, 'not to be here
 when we come back.'
 It was then that Mrs. Darling began playing again.
 'It's mother!' cried Wendy, peeping.
 'So it is!' said John.
 'Then are you not really our mother, Wendy?' asked Michael, who was surely
 sleepy.
 'Oh dear!' exclaimed Wendy, with her first real twinge of remorse, 'it was quite
 time we came back.'
 'Let us creep in,' John suggested, 'and put our hands over her eyes.'
 But Wendy, who saw that they must break the joyous news more gently, had a
 better plan.
 '</t>
  </si>
  <si>
    <t>b"\xb5\xf2R\xf5\xe0'\x17\xd5"</t>
  </si>
  <si>
    <t>b5f252f5e02717d5</t>
  </si>
  <si>
    <t>, more offensive
to the commonsense of gentiles than to the piety of Jews. After all, the claim that
Jesus sits at Godâ€™s right hand (Mk 14:62; Acts 7:56) was barely intelligible to pagans,
but would have caused no perplexity to a reader of the Psalms, the Book of Daniel, or
Hellenistic Jewish literature.
As a sect that took its name from its founder, Christianity was easily distinguished
from the two groups that are now most often suggested as its prototypes â€“ the
Cynics and the rigorists of Qumran. The Cynics in the first century were popular
exponents of frugality, who upheld the law of nature by flouting sexual and dietary
conventions, by upbraiding the rich and mighty, and by mocking archaic notions of
the gods. A wilful vagabond with no companion but his staff and wallet, the Cynic (if
there were any such in the Jewish parts of Palestine) might have fallen in unnoticed
608 Mark Edwards
with the seventy whom Jesus sent to preach in the kingdom of God in Galilee.
Nonetheless, there was no place in the Christian communion for this king without
a kingdom: there was never a school of Cynicism which lived by a common law,
revered its founder, or endeavoured to build a new faith on the ruins of superstition.
Numerous parallels have been discovered between the maxims of the sect and those
of Jesus; no Cynic, however, was ever heard to say â€˜â€˜Bless them that persecute you,â€™â€™
and it was never said of one that â€˜â€˜being reviled he reviled not againâ€™â€™ (Mt 5:44; 1 Pt
2:23). Cynics defied the emperor, Christians made a boast of loyalty; Cynics pursued
simplicity in this life, Christians prayed for a reversal of their fortunes in the next.
The Christians of this age had more in common with the Jewish recusants, possibly
a community of Essenes, who settled in the caves about Qumran and left the so-called
Dead Sea Scrolls as their memorial. These separatists, like the church of Jerusalem,
held all goods in common; like Christ, and in the tradition of the prophets, they
denounced the profanations of the Temple while insisting on obedience to the spirit
of the Law. Styling themselves the Sons of Light, they claimed that they alone
understood the scriptures and denied that more than a remnant of the Jews would
be admitted to the kingdom. They seem to have traced their origin to a Teacher of
Righteousness who was done to death by a wicked priest, and whose disciples may
have suffered crucifixion. Nevertheless, although their writings entertain the hope of
both a kingly and a priestly Messiah, the Teacher was not expected to rise again in
either role, and there is no evidence of a cult. Nor do the Dead Sea Scrolls s</t>
  </si>
  <si>
    <t>b'\xf4PE\x9ff\x92\xd1\xf1y\xd3\xb0\xfb/\x1b\x8f\xe9\xf4\x8ax\xec\xd9\x10\x06\xa5\xcb&lt;f\xc95\xa9Q\x8d\xe5\xe4\xa3\xb7px\xb6\xa8N"q\xed\xe2\xc6\xe4*\xbbW\x93\x1bsc\xe8u\xc2N\x82\xe8\xd3\x01\xf2\xa1n\x00\x82\x97dy\xb8\x19\xaeoJ0\x8a\x95\xfd\x8e\xb9\xd2w\x972\xbd\xba9\x8c"\xe2\xcdX\xdd?\x94\xb5\x89\xb0\xeb\xdf\xc5\xc4\x96\xf5=v\xdcY\xba\xe4\xef^\x949(\x1aL\x9d\xd1\xad\x11o\x14\xc1\xff\x1b\xa1\xe3k\xa4WL~\xef\xf5\x10\xc7\xf0\xd6\xa5\xad\xcbl\xe3\x81\x06\x82\x15\x17\xf5&lt;\xa5)\xc6|\x1c\x10\x14t0\xc3\x9e\x14\x17\xe8\xa2\x8by\x071\xc8Kr\xd7\xe3\xa8*\x11\x95\xbcM\xef\xc7\x0f\x866."\xcc\xe8\xeez\x9d\x18}\x8a\x06\xbbK\xcf\xdf\t1\xa4\x1f\xc0L\xe3\xa7]is\xe5\x17Ja@O\xb2\xe0\x18\x86\xf9\r{Z^u6\x92\xb0\xa6\x178\x16ZfhI0\x84\xd9X\xa5\r\x97mU\x9f\xf5\xce=v\xca#X\xbe0+\xe2+%\xc4\x80\xa4 \x8d\xc0e\xe5\x93\xd3\x0c\xecb\x9f\xc5\xc9\x1f\xe9+\xd8;\x12t\xb0\xf1:Z\x94\xe6P\x8f\xbbO\x8d\xe8`)\x0b\xd7\xbcQ\x05\xfa9\x01\xad\x82M\xd1\x93c\x1b\x9a\xca\x18\xbfN\xaaP\xb5\xa6\xff\x8d\x80\xd2\xed\xdfh\x04O\x8f\xe8\xdf(c\xffR\x07\x18\xaa\x0fs?\xafmR\x1e\xe2\x96\x8e\xbd+\xdfiG-\x8a\xe3\xae\x87_\xd5\xd1\xe9r\xd3J\rI3\xf3\n\xe8V\nId\x91`\xe8x!\xbf\xd3\x9a\xb2t\x1d\xec\xb1\x8d\x8d\xe3\x8e\xec\xc5\xa6\xe6\x84\x1d1\xe5\x80\xce\x01\x95\x99l\xf7.\xad\xeaa\x07E\xd5\xe2\'\x95D\xa8\xeb\xe6K3C\xc4\x1a\x0bI\x9d1C\xf8\x1f\x81P\x87\xa8z(\xf7w~\x00\xf6\xb7\xf3K\x8eX\x14\x83\xc0\xae\xd81\x9cU\xb3S\xec\x1c!4\xf1\x9f\xf1\xbc+2\x08\xcc\xd1e;\x0e\xcc*_\x0c\x00\xf5\x07\xa9\x17\xcd\xa4\xc3\x1b`j\xdc\xdbH\x92:\x0bY\x05OJ\x0c\x0cO;\x9b\x02Q\tD\xd4\xb9\xe4\x1a\xfc\xea\t\xea\x15\x84\xca\x17g\xcc\x8a\xc6u\xf3t\xacS\xfd\xb6\xab\xdf\xbf\xf1Mm\x07JC\xceC:H~\xd1\xb8\xdeADZ\xd5\x92M\x8a\xc6\xfa\xe2\xe9X\xe6?\'\x84HO\x91\xe2K\xf0\xa8\xfa\xb5\xc9%T-\xcc\x94L\xa7:\xdd\xb6\x03\xdbW_\xbep\x18+\'\xbe\xee&lt;a\xe3\x82\x19\xe5\xad9\x85\x15\xca\xa1\x94`(\xd6[\x87+h\t\x11\xd8\xe1\x0e\xbe\xe3\xd9\x89H\x0eW\xee\xcd\xab\x14\xa13k\xb8\xedg\xf0\x0bB\xa7\x88\x1fB\x9d\x1f\xfew\x91\xe1\xc0\xeaPp\xe2\x1f\xbd\x98\xf9\x80\x0c\xe9_/\xaf\x94\xbe\xbc^\xb8\x8e#\xc7\xc5"\xd5a\x0b2\xb4\xce\xdd\xaa\xc6\xf7\x87\xcf\xd3\xfex\xeehz\xe2\x152\x14\x9d\x91J\xe8^\x00\x16@\xfa\xbeW\xd5wS1O\xc5\xa4\xd2\xef\xe0\xdd7\xed\xdem\x18\x83\xda\xf3WP\xf7\x0b\x16\x81\xc1e\xb2\x1dY.\x9cg7\xda\xd8\xe5\x9e+K\x12\xae\x18]\x9e\xc2\x84{O\x15L\xbe\xcb\xf4\xf4\x10~\xcdK\xa7\\QK\xfat\xf6\xb5\x19\x18d\x94\xe3\xa6Ei\x049\x17,\x8d^\xd5\xe7\x17\xe2\xd9yE\x89\xbc4\n\xf1\xdc{\x91\x19\x0f\x83)9b\x0ci\xf6(U=\xa5\x12$\xb6p[\xd7\x8c\xda%\x01\x00]`\x84\xaa~n\x0e\x03\xcfrT\x98\x05x\x94|g\x0b\x00P\xbfc\xeb\xe5\x91\x98_\xf6\xf5\xa6z\xf4l\x83\xbf\x1b/C\xcea\xb7\rE\xd1YDG\xaeDG1\x8a\xdf\xaa\xee\xcc\xd1k\x19\xc7L\xc1\x88n\x0e\x88\x02|gr?\x00\x95\x08\x11E;\x06\xe2\xb2z\xb2\xe6\xdf\xcf9\xbdU\xe4o\xa2\xfcO\x0cx\x01b`t\xe3\x8d.\x15\xfc\xa51\x0e\xe74\x84~F\xbd\xc53\x1d9M&gt;\x9e\xaat\x1c\xe9\xbf\x084/\x9a=\'M\xd4\xa3\xf3Z%\xa1\x10\xda\xfe.O\xc4\xb2\xc1 8N\xcd\xba\xf8[\x88\xc1\xb1\x9ajN}\x070\r\x8878\x15\xd7\xd9\x8c5\xd1\\\x12\x8c*9\xfe7u8H\xc5*w\t\x9c\xf4\xd1i\xe3\x14\xca\xaco\xff\xa0\xfc\xe79\xa7Z\x8dc]\xbb{h\xf1:?~\xf1!\xf5\xb9\xe4\x9e\xf8\x8bF\x11\x905u\xae\xa6\x7f\x00\x88\x81|\x12\xe1:\x07\xc0\xd0rp\xbf\n\xcf\x17\xf0\x05\xfa\x96\xea\xeb(\x83\x03q\x15w\xd5h\xe4j\x8c\\:`\xafd\xf81\xcah\xc9\xd9T\x85\x19\xb2\xcb@\xe2Ic\x89+\x0e\x1f\x83\xfe\xab\xfd\xb7q\x10\x07K\xfc"T,\x8e5\xd8\x80={\xe4\x12S\x9cf\x828\xdfn\xf8\xc2\xf7B\x9bg\xad\x98\xd1\xa9\x84\x9e\xe7\xa4x8\x0e9\xa8B|\xfd\xcc\xf1qf^\xfd\x01\x81\x90\x0e\xabXm\xaf\xca\x9a\xe5\x93\xe3\xc0\xd6\xd5f\x07\x00K]\xbc\x1d=\xcaA\xf9\x08\xf6\xf7\xc5uS\xc5\xca\x873 \xed\xd4b\xc0\xf6\x86\xecJ\x00\x90\xcb\xccs&gt;\x10&gt;\xe9\xf4\xc8\xd8\x880-\x17F\xcf\x03\xe41T\x87|\xe1\xd4rg\xb9\x13\xa0\xa8/\xf0#|\x12:\tC\x17\xa1\x80-\x01\xbf|\xe2\xb0\xc4S\xec\xb5\xec\x19\xd5b\xd6z\n\xa2\x12\xd6\x8e\x01/\xf0G\xf7\xa2\xbe&lt;\x0ci\x92\xa7\x166\xf4\x11R~\xcc%\x89\x0c\x1dM\x1d\x16\xaeE b\xc6\x04X\xf3\xc5\xdc4&gt;\x9b\xac\xaa\xf4\xd9\x05\xbf\xceW\x11\xee\xb1\x16\x8e\xc4,\x8b\x969&gt;\x893.\x82e\x81?\x8d\x14a\xf5q\x13\xe5w\xde\xc8\x00\x9b\x01\x11b0\x8fL\xe8\xf5MUw8\x10ss\xb2h\xd6\xfdS\xcd\xf6\xc8\xbb\xfc\x1c\'S\x19!yaIL}`\'}\xf8e\'\xf0\xe2\xd35\xc3K\xbf\x1c&amp;$\xad\x86\xc2\r\xcf\xcf"\x1eT+r\xc9\x94w,\xeb\x10\xf6z\xb3bfj\xd5\xfb\xd3`\xee\xaeB\xbd\x18R\x01\x99\xa2\xb7\x82\x96\xfa\xcb\xdb\xd5\x82\xe8&amp;L$\x0f\xfe\xc8\xd5\x0e\x81\xc6j\xdf\xe7V\xc0\xdeD\x9aS\xffG\xd7\xdcG\xb0\x88\xbb\x8e/k&gt;\x07^x\x9d\xd5\x94\xa1\x19\xb2\xfd\xb7\xb8\x92wg\xe9:\x03W\x87\x94\x1e\xb8BCa\xea\xcc\xae{\xf1\x97\xa8ur3j\xa0\x17\xb3\xfa\x91T\xb0b*\xd2;\x12|\xd1 D\x18,\xa8\xbeQe \xd2~U\xeae\xf3\xf6\x8e\x9a\x12\xd6\x81\x9a\x9bm\xc8\xf3T\x15\xe8z2\x95\x00\xa7q\xb6&lt;u\xdd\xa5sB=\x85Z\x01\xd34w\x93\xeb\xd8\x0e\x07\x9bz\xa7j\xa7\x8d\xf9\xa1kjAu\xea\xdb\xaa\xa9VG}\x1f\xd2c\xe8,t_)\xce\xeb\x92\xaa\n\x1c\xc36\xed\xf7\xdc\x1dl\x04\x96\xd1[\xf7\xaa\xd6\xda\xb7\x7f\t&lt;I\x9a7\n\xf3b)w\xdf8\xe5\x93\x95K\xb0\x9cFb.2\xb9\x9cA\xdbp\x8f\xf7\x98\xfe+-\\\x94*K\xb7u\x820\x86\x04\xd8&amp;\x08T\x14s\xcd\xb6\x8c\x00,\x99\x92\xeeG\xf5A\nV)\xf5\x06\xd1\xf6H&amp;A\xd3\xe6\xaf\xd2\x8a\x02\x8d\xea\xd6\xe4\xff\xc8HTt\xae\x10\x8b5\xd2\xd8\xde\xe7M\x86\xfe&amp;\x89\x9c\xa6\x10\xea\x87\t\xe8Z\xa1\xb4b\xde}\xd3\xa0\x1f\xcd\x9f9Q\xdd)o\x99i\x8d\xdf\xc6\xfa\xa6Hk\xc0\xe5\x01\x95\x1b\xb8vK\xa27\x96\xeb\x0b\xba l\x95\xc2\xca\xe78\xdaLC^T\x8f~\n\x8a\x97\x9b\xccN\xa7\xefE\xaf\x12\xc4\x85jl\xcf\xe3\tMd\x0b\xfb\xf2\xa4#Wr}\xa7I\x8c\x04\xa6z\x15:WS\xe6}\x8cy\x16\xdd\xa1[\x1a\xc0r\xfcA^^\x99]p\x80=Q!\xaexwg\x0f\x10P\xf0\xf8\xdb\x12~r\xa1Y\r\x94\xa7\xce\xf9Ai\x8cge\xe9\x08\xf8\x0e%R\xe7\xff-\xb0?@L\xe0ji\xa3\r\x1e\xf7\xf1\x1e\x88\x8e\x9c}\xde\xcf\xb3\xa1"\xbe\x04\x04\x8eK\x1c|U\x8215h\xb6\xfaz\x97h\xa2\xbc\xdf\xe43\x7fY\x7fP\xfe\xda^\xa3n\xf9\xb5\xe0\x83-\x0f\x98\x1f]X\xf4l\xb8u]\x8d\x8e\xfb\xc4\xb89\xfeW\xe2e\x16\r\xae.*\xb7h8];\xd3*\x15\rZ\xa2\xd2\xa2\xe2\xe2\xc8\x87\xd4\xdb\xba\xd7\t\xb5\xe1\xba\x96l\xcf\xbd\xa8\x00=\x98\xd6zL_\x1b\xc7\xb6\x81\x10\xf6\xa4\xf2aVg6\t\x18\xf2\x8d\xe5\x18p\x13\xe0l\xdb\xa0\xfe\xe4\xcc\xd9\xe6$\x85a\x9d\xa1\xca\x0c/\xb0\xb3\x82Y(\'\x93O\x88z\xa9j\xd4E\xf2\x14\x95\x16-4Yd\x83\x8c\xae\x91\xbd$@_;|\x0b\x19\x97w\x80tI*\xa3\xa9\xec-\x1dZ\x87=\xfbB\x14\xde\xaeO\x90v~u@\x85\xdd\xa4\xee=\xba\xb0\xa0\xf1\xa7\x8a\xcaTq\xdb\xce\xb9\x86\x13\xe0\x8f4\xf4u\xe5\xe9\xdf\x00,\tuk\x0b\x8f\xae\xa4U\xb3\xde\xf8\xb5.\x84^h\xf0\x96O\xdb*\xc3\x0b\xd5\xdc\xf0P\xe3\xabO\xaeh\xfe\xc9\xd5-\tA\xd9\xf0&gt;\x93uM\xeb\x95\x97\xa8\xbe&lt;eV&amp;\x80RO\xce\x18(\x1a?\xcc#U\r \x1b?Hu\xd36|\x83\xea\xe5\xa97\x0b\x0c\x92\xcb\x0b\xec\xeaUC\xe0a\x05\xb5\x90\xc9\xc5t\xe8\xf7\xa3&lt;\xa4\x85\x96\xcc\x94\xa8/\x8f]\xac+\xdb\xda.}R\xcb\x14P\x9b\xeb2\xcc1%\xdc\xd4\xbf\xe3\xb6\xdf\xfa\xdd\'-s@9V\xb1:\x14-j\xe4\x10\xa45\xc3i\xb8?\x0f\xa4\xafX\x90b\xae^\xd4\x13\x07r\x9e\xdfX\x9f\x1a:@k\xd5\xc3A\xfc\x97\xfbF\xee\xca\x80\xb5\x1d\xbd\xac\x82\xbdi\x19\xbbd1\x83\x82\xcf=+D\xb1\x17\x03\xa0J{#9\x03*G\xddV\x9cn%\xa75\x15\x07u\x11\r0s\xa4\xcc[\x18N\xed\x0f\xfck\x891\x18\xac\xa84\x08)wh\xec\xe0$\xf8f\x90\n:\xaeD\xe2L\xf3\xb2\xfd\xa3\xdf\xa0z\xe3H\xb9WD\x04*HYl\xdf\x19\x0c\x83l\xbd\xc2IKz\x1eQW\xe2\xb6\xe15\x8b\xd5\xfb\xcf\xbb\xec0\x1c\xd3x\rl\xa6\x1a\x0cY\xdd\xb2j\xcc\t\xbb[P0]$&gt;\x1a3l\x88\xdb\xfbhs\x15\xe2u\xca\xff\xaa\xda\x99\x95\xe4S\xb7}\xa8C\xa5\x17\xd8\xf9\x8eH\x9b\xa1\x08\x17j1\x15\xeb\xec\xd2\xf3\xb2\x92\xf8R(q\xc6:\xa4e4\xd43\xe0g\xe8\xe0M!;*\x81T\xa3\xa6\xac\x1b\x12@\xadM\xf34\xc8\xf6\xe2\xb1\xe0w\xd5\x13\x89A\xd7\xf4\x05\xc0\x99\xf2g\xb7\'\xa4\x02-\x02\xaf\x83-aJ\xacT\x8d\xb4\xfa\x1f\x17%\xbd\xe9y\x17z \xeb,?\x0f\xed\x8f\x92\x0f-\x11e\xa1\x90\x02f.\xbe\xa4\x0e\xc2\xa5\xffO&lt;\xb6\xa2\xbb\x19g\xd0\xf5\x00[M\xa5\xf9\xbe"\xb1H\x18RW%\x9e\xef\xa8T\xf7|\xf26\x9c\x9e\x9d\xfe\\\xd7\xaf5\xa5c\x0e8QB\xfe\xf7\xd7d\xb1\x0c&amp;\x07u\xd0?\x8f\xa2L\xdc\x005\x81\xdeK&amp;\xbf\x87\xd2\xcaD`\x01n\x16&amp;?c\x91\x08\xfea\xe27\xed\x95\x89q\x9b\xf5\x88\xcdq\x1e\x90"p\xea\xb2:\xc7\xfa'</t>
  </si>
  <si>
    <t>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</t>
  </si>
  <si>
    <t>b'\xf4PE\x9ff\x92\xd1\xf1y\xd3\xb0\xfb/\x1b\x8f\xe9'</t>
  </si>
  <si>
    <t>found that it was rather like the one she had
slept in. It was not a child's room, but a grown-up person's room, with gloomy
old pictures on the walls and heavy old oak chairs. A table in the center was
set with a good substantial breakfast. But she had always had a very small
appetite, and she looked with something more than indifference at the first
plate Martha set before her.
"I don't want it," she said.
"Tha' doesn't want thy porridge!" Martha exclaimed incredulously.
"No."
"Tha' doesn't know how good it is. Put a bit o' treacle on it or a bit o'
sugar."
"I don't want it," repeated Mary.
"Eh!" said Martha. "I can't abide to see good victuals go to waste. If our
children was at this table they'd clean it bare in five minutes."
"Why?" said Mary coldly. "Why!" echoed Martha. "Because they scarce
ever had their stomachs full in their lives. They're as hungry as young hawks
an' foxes."
"I don't know what it is to be hungry," said Mary, with the indifference of
ignorance.
Martha looked indignant.
"Well, it would do thee good to try it. I can see that plain enough," she said
outspokenly. "I've no patience with folk as sits an' just stares at good bread an'
meat. My word! don't I wish Dickon and Phil an' Jane an' th' rest of 'em had
what's here under their pinafores."
"Why don't you take it to them?" suggested Mary.
"It's not mine," answered Martha stoutly. "An' this isn't my day out. I get
my day out once a month same as th' rest. Then I go home an' clean up for
mother an' give her a day's rest."
Mary drank some tea and ate a little toast and some marmalade.
"You wrap up warm an' run out an' play you," said Martha. "It'll do you
good and give you some stomach for your meat."
Mary went to the window. There were gardens and paths and big trees, but
everything looked dull and wintry.
"Out? Why should I go out on a day like this?" "Well, if tha' doesn't go out
tha'lt have to stay in, an' what has tha' got to do?"
Mary glanced about her. There was nothing to do. When Mrs. Medlock had
prepared the nursery she had not thought of amusement. Perhaps it would be
better to go and see what the gardens were like.
"Who will go with me?" she inquired.
Martha stared.
"You'll go by yourself," she answered. "You'll have to learn to play like
other children does when they haven't got sisters and brothers. Our Dickon
goes off on th' moor by himself an' plays for hours. That's how he made
friends with th' pony. He's got sheep on th' moor that knows him, an' birds as
comes an' eats out of his hand. However little there is to eat, he always saves a
bit o' his bread to coax his pets."
It was really this mention of Dickon which made Mary decide to go out,
though she was not aware of it. There would be, birds outside though there
would not be ponies or sheep. They would be different from the birds in India
and it might amuse her to look at them.
Martha found her coat and hat for her and a pair of stout little boots and
she showed her her way downstairs.
"If tha' goes round that way tha'll come to th' gardens," she said, pointing
to a gate in a wall of shrubbery. "There's lots o' flowers in summer-time, but
there's nothin' bloomin' now." She seemed to hesitate a second before she
added, "One of th' gardens is locked up. No one has been in it for ten years.</t>
  </si>
  <si>
    <t>b'\xc0H\x1a\xd7\xfc\x18\xdc]\xa6\xd0\x80\xd6\xeb\xd9\xf9\xd7\xf8JU\xc9\xfb5\x15{\xe9\x1a\xa7\x00\x9a\x17Ne\x87I@&amp;b\x1a\x05\xd8\xe3n\xd3\x07`\xb7\x16\x02\x1c\xd5\xadE\xeaXQ\xe9\x1fa\x87\x89J\xb4\x9c\x85\xdd\xd81\x9b\x1b\x8e\x18/\xa0\x1a+\xa0\xa3\xc33\x0b\xa3\xec\xc2$`\xacY\x8ac\xcf\x94\xae\x1f\xb9\x1c\xfa\x93NY\xe0%\xed\x9dr\x07\xd1\xa8[\xf1\xc0dF\xbf\x8c\xfb{\xd3n\xba(2\xff\x99[\x1aL1\xaf\xa9\xed\xb02\xa9\x0c\xeb\xb8C\xe5\xb0T\xc4\x9c\xc8\xf9\x1di\xff/\xdbC\x08-\xe5\x08\xf6\xb2\xd6\xb3\xf6\xd57\x1b\xc2\x1ad\xdc\xd3\x02\x0c\x17\xee=\xb1\x84\x8d\xd7A\xefF\x98!;s\xa8Y\xd2nm,\xbe\xad\xfbk\xef@s\x91S\xdd\xd5\xd8\x1anZ\x80F\xf6\x14\x1e&amp;\xd1-\xa1IF3*\x80m\xbd\xef\xf7S?\xeb~\xe9@\x99w\xb67\xf9\xae\xc0+\xa6\x97\xa1\xc2iW\x9b\xf5\x1en\x84\xfb\xec\xdf\t\xe0J=@#\xd6W\xf6:\x8c\x8a\x85\xb2D\xe3\x9e\n@\xe0\x88\x01S\x19\x13\x8ewGS\xa7\x8c\xe4\xe3.M\xdf\x16\x89\xa3AJSc9\x83\xdc\xc7(\xb99YU=H\xcf\xa8\x1f\xe8\xa3~\xcd\x17\x01/\xc8\xe8\x87\x18\x01\x87\xd2{\xd6\xb9\x8f\xb6#\xef\x81,2\x13\xbb\xb3,\x91\xd4\x97\xb9\x86\xc2%\x0e\xb5\x92)4\xe2\xd7\x0f\xa5w\x8e)Y&gt;}\xff\xc2\x87\xe2\xb6\xa0\xad\xab\xa4\xa4\xad\xe2qL\r\x02@W:o#\t.\xf4\x87F\x03\x16\xd9\xaf\xa6\xf7T6\xffMt\xee\x19\xbaTM&lt;\xfc\xb0;\x89\x00\xec\xc5\x00\x05\xf4\x1d\x02L\xce\xb6\xc4$\x180\x9c\x026\xfb\n\xeb\x15\xc5V\xc0w\xc0\x1a$\xd3\xf7\x19\xa5\xeb\x1aTa\x89=\xeb\xbf\x01\x81+_\xbc7\x8ekD!Mt\xdc\x8aVtM*\r\xf6o\xe5\x8ari\xb4r:\xf8\xab\xdc\xb0\x11\x850\x90AaPHl\x1e\xe4\xe0\x04I\xdf\x91\xa9&lt;1\xd5&lt;`\xb3j\x82\xf1\xc1\x9d\x98\xa6\xf0%\x01^9\xd5\x91\xaf.\xc9`y\xfa}\xe9\xf5\xa4+|\xa8P\x8bG\x12\xaa)\xda\\\x8f\xd0\x93\xaa\xb3\x85):\x93\xc2\xef\'i\x7f\x99\x8c\xdb\x8b\xa9\x9cW\x1ar\xc5\xa6\x88v\xac8\x81RO\x8c\xf4A\xdc&lt;\xf3qt\xb1}U\xack\x88\xe3\xa7\xca\xe0\xc3\xe6\xb6M\xa7\xd1\x14\xdd\xbe\x1a\xd4\xee\xd3i\x18\x04|\xcaIw\x07\xf0\x19Z\xdf\xb1\xf8\xc4\xca\x92\xc7?\x89\x17\xbd\x02\x81|\x96\xef\xa2W.\xa9\x86=B\xbf&gt;\x89\xe9\xdba\xef\xf7\xdc\x85\xb3\xc0\x95\xd9\x1bP6\xc1m\xc2\x9b\x1an\xe4\xa5\x88\xff\\\x1f\x8b\xdcT!pE\\\x99\xdd\x03\xa4\x8f\xd1\xbf\x06\xbda 4\xae\xd0\x1e\x8a\x1c\xf8\x97d.yC\xf9\xf1\x83\xc6\xb0{&lt;\x83\xc8w\x03X\xc4pBP\x1f\xa18\x12\xd7\x02\x1b\xbbP\xa9\xfa#\xe5\xe3\x99`\xe1 j\xb0\xf9\xd8\x1b\x80c\xf2K\xd9\xc9\xc7\xa1~\xe9:$h\x8bZ\x92\x8do\xad\xdaS\xab\xc4*?R\x17\x195\xce\\\xb2\xe9\x11\xc3\x08\x82z\x86\xb8\x1f\xaf$S,\x04U,\xb0\xa6Tz\xbb\x1f\xfd\xc8B\x9d6\xc2\xbf\xdd\x9f/\x87u\xee\x05\x00\xfa\xe9\xa3t\x84\x12Y\xaf$\xe0\xaa\xaa?\xdap7\xa3G\x91\xa7\xce\xb6 \xe6\xa9\xac\xef\x1f\xc9\xb5\xc7\xb4&lt;\xf4\x80\x92\xb3\x89\xaf\xdc\x14R7\xadh\xac\xeb\xac\xd2\xf4\xcf\xba\xe9{\xc3\x88\x95~\x07\xa4\xa9\x9croe\xeck1N\xeelo\xe3\xbd+b\x06\xceNVS\xc1z\x9b,\xfe\x04\xa1y\xedU\xd4\xe2\xff\x911\n\x9f\xd6\x13\xa6V\xf2\xa3\x93f\xcf\t9\xd7p\xf0\x8b\x9e\x7f7\x98&lt;_\x17\xda\xfa\xf4\xb7\xf5\xc7[\xf3\x89\xdb\xcd\xd0\xf1\'\xb6\x93\x91\x9a\x0b\xb8.\xd7\n\x95MG\x01\xfa\xcf\x82\xb2\x13\xe7\xc4u\xc1@\xaa\xe2k\x97\x8e0K0,\x8c\x14\xe0^Q\xc6\xfc\x7f\xcf\x9d\t\xee\x05\x9c\x1an\x045\xf5|jq.\xe7\xfb)\xe1\x07v_9\xc1u\xa8_\xbb\x1cGl\xa4EdT\x9f\xc4\x99\xdf\x05\xf8\xe1\xffI4s\x18\x06\xbbV\x81y\xb1\xab\xa4\x0c0|\xec\xf7\xc1\xa4\xe4V\x9c!J\xd3E\x00\x03RJ\x9fFl`,\xc1=\xcbt\x11ib\xa2\x9d\xebl\xeb\x19\xf3\xff\x1a\xb6o:\xf1\xf2\xf0\x908\xe6\x06\xa5\x80{\x1e\x16S8%f\xd2\xe8V\x07\xed\xdc+\xb4\xb8\x1f\x8c:\x8d\xf0\x97\x850\xf6\xbb(\x0fQZ\xa3&lt;V\x0cww\x13$|\xac\x85\xc6\xe6y\xec\xcb)\xaaIRE\x02\xf9a\xc7\xe3\x8d\x02\xbdhhvI\xefq\xc3\xad\xb9\xc0-$fG\x19s8\xf8,!\xde\xc4\xc6z\xbfx\x1d\x88,\x1c\x00\xf3\xd8\xe7V\xf35\x85\xb7#\x89\xaf!\xf8Q\x98 \xb2~SA\xb7\x90\xd6t\x02Q0\xfb\x18\xa0\xaf\x83=\xb1LUE\xca\xaf\x9b5z\xc8\xc7\xc7\x13\x02\xf7\rv.\x950o4\xadc\x1eX\xacG\xb2J\x083\x1a*q\xed\x16k\x07\x1b=\xab\xb0\xc8\xb1@\x1c;\xbfr\x1e"@\xd1\xb7\xc8\xf1\x1df\xber\xd4\xbf\x07\xa3\x15l\x06\xe8\x8f\xf1\xbd!\x0c\xdf&lt;i\x00M\xc5c#g\xafz\xa5A\xfc\xe0Y\xc8\x80\xf3\xe6\xc8q\x84\xda\xacI\x87\xf5.H\xeaV&gt;/3\xda\xc9\xa4\xda\xca`\xfb~\xe2]\xe4\x05I\xb5\x03g\xefm\xe8-\t3+\x07\x15\x06\xed\xa8+\x07\xab\xd0\x84.\xbf\x80m/\x85\xca\xcc\x13\xd4\xa2\xa0\x00\x97T\xc4\xc9o\xbe\xaf\xacGG\xf6\xc6\xf2\x9c}\xe8_\x10s\xec\x0b\xb5\xd6yI\xad\xe4\x17ux8?X\xc3\xb4Y]O8\xac\xe8nZL\x9e9d\x06\xc9\xc3c\xe0\x04\xe9\xd0\xd8\xd0\t\xfbvo\x8e\x0f\xe9\xce\xf8\xaeh)I\xc2\xb9@C\xc8\xf1\xbf\x185\x80\x0e\x08\xcc\xf3\x8f\x04\xfd\x84dd\x94\xf9n*\t\x8d\xb1uB\xe6\xc1M3\xb1~8\\\xa7\xbc\xaf\xbeYp\x8e\xbc\xdd~\x16N\xfaO\x8e\x81\x87\xbau\xa0\xb40H\x16\xeb\t5\xc0^\x8f\xf0}\x02\t\xc0\x1b\xe6\x8f\xa7h\n\xc2\xe1UU\xb4\x0e]@\x11P\x03\x827\xa4\xfd\xb3R/\xa5\x86\xf5\x97+z\xcb\x11\x81\xae\x8av\xf9\xd0\x96\x1a\xc0\xb9\xcc\xdf\x08\xd4s\xbbQ\xbd\xd0\xac\xa4\xdf\xae\x00\'\x91\xcc\x97\xba.\x02\x15\xbc\x0f\xb4#\xb9\xa4(\xdc\x97\x8c\xc4\'/\xa3W\xe5\xa5b\xae\x02\xe8\xdd\xf9\xa8\x91\x12\xe5\xdc\xdf\x0c\x18t\xa9\xed\xd5\x9d\x94&gt;\xb8\x9b_@\x9c\x86\x1a\xf0\xa1\x89\xfa\xb9\xbeu\xde &lt;\x1f\xf7q\xf1\xa5oAl\xf2\xb0\xb2\xbf\xce\xd3\x8f\xdd\x0f\'\xdc8\xd2\x9a\xae\xfc\xda\xb4"x`\xf0\x7f\xd3\xfa\x16rMj\xa5\x1c\xe5\xbb\x06\xa1\x85\xcc\xbc\x90S=d\x1a\xb6\x9a\x0e\xf0\x0cFr^g\x81p\xda"\xf5\xc4\xa1]\x02\xa0;8!E\x18\xc1&amp;F\xbcTg\x0chz7g\x10""U\xd1\xacj\xc8\xd1\xb67\x9a\xde\x16l\x91\xa5\xe1{\xf5\x8c+*m\xa4z\xf9\xbe\x1a\x9a\xe1K\xa9\x00t{(\xce!\xa0\xb1\xa9M\x90\xff\x97\x0c\xc52x\xa6\xd3\x0f\xb9\xdc\xba\x1d]"a\xe6\xabOVq~\x0f \xbdR6\x96\xc1\x14\x1f5\xb4\x9c\x07f\xee]\x1aE\xa8}\xd2w\xf0\xa1\xb9\xb00C\xfe\x98e\x96\xd2\x10u4\x10\xb6\x1ciwG8\xcf\xa2XA\xcb\x03\x93\xc3H"\xdf\xf0\xf8I\xd9\x88h\xcd\x19\xba\xe8\x02\n\x0f\x18J\x88\x95\xae\xd2ov\\Y(\xe3fB,h\x12\xb3\xda\x19\x91\xab\x8eV\x1c:_\xa8\xd5\xd7,\\q\x19\xde\x06\x83_?\n\x9b\xd9\x1d\xa3\x02\x05\x9bY\xbf\xedE&amp;\xf6\xe67\xb6\xe1fd\xe6\x19R\x98\x856~p\xec\x0b;\xfd\x83\xbb\xc8N\xdc\xed\xee\xa3}\xad\xfbq\x93\x898\xc8\xa0M9\x19\xaf\xfdI\x8a\xd4\x90{]e\x00\xaau\xc7#\x10h\xb6t\xc2\xae8d\xf8\xd2%9\x8a\xdaW|\xe3@\xc3\x82\xc1j1\xb1\x96\xf4\xdb\xd5\xca\rN\t\xfc\x9f\xd3I\xcd]=\x93A\x9c\xd2\xf6\xe0~\xd1\xdc\xa4\xe6\x971\x84\xa3W&amp;\xc3\x84\xc0H9\xdc\x81\xee\xea!/W/\x82\\\xb1\xd9a\x11$bJ\xdf\x07\xcf2\xd2\x8f\xb2*\xfe\xc3\xfb\x13\x9clK9\xc1\xdc&lt;\xbb5\x8d\xeb\xbb\xb2\x9c\xacl\x96\x81 x=\x85\x8a6\xe9v\x03\xd8\xf8\xd5\xfaa\x1c,fB\xdb\x89\xa5\xa1dZ;|\xe0X\xb9\r\ra\'\xb4%#\xbb\x14\xc4\x9a\xa0\n\x0b-\xea\x94\xb9\xc1My\xbb\xabw\x9fs\x11q\xea-\xb2\x12q\xef\xb4\'i\xd3_\xc9k;\xae=\x06bc\x99\xf9\x07\x87\xd0p\xb2\xe8\x1b\xe5n\x19g\x006E0"\x8a\xeb&amp;\x8ah\x0e\x00\xf1}\xc0\xe5\xb4^\xa6\r\xe0&gt;\xa3\x94\x1b4\x99\xb0\x80l\x93e\xf9\xfb\x0c\xd5\x8d&amp;[=8\x16\x86\x80\x86\x8c\x8ck\x13\xf9\\bn\xdb\x12\xf6F\x1d\x85)k\x0bK\x11\x81\xa5w\xaaV\x93\x9ew!0S\xa7\xc2\xfd\xbd\xec\x96\x9c\x15\x170\x8d\x1a\xbc\xf2A\x8b\xc7\x98=&amp;o\x9d\x80\xe7\xd7\x19=\xed\xe3\x95\x86.\xee\x8d\xde\xcd\xc1\xf7\xeb\x8d}\xff\xef/#\xde\xa8\x00\x17\xbb\xf1\xb2\xfd\x1f\xfb\xc9\n\xc7\x86i:\x03\xb9"\xa1x\x8fr\x1e*\x93\xcf\x89\xec[X\xd4|\xa98\xa1\xac\xa6\xebf\x8c\xc4\\P\x1fN\xee7\xd08A\xcc\x8f\xbc\xb3\xf00\xd4\x14[di\xd8x\xf4\xa6\x00h\x8c\x1e\x0bE\x18\xb8\xf1\xcd\x8e\xab\x8cn\xe7\x8c\x7fJa\x8e\xbd\x9f\x8c\x83\x90\xc00\x86\xf9G\xa2\x9eX\x15j\x01\x02\x18\xc7\xcb\xd5\xaf\xf1\x98\x0c\x88"\x9f\x0c\'\x18\xe0"\xc2\x18\xc4\xdf\xf3\xd3\x9c)d\xa1uc\x97\x96\x16\xdd\xae\x85o,[\xae\xe3\x87\xc6\x0f\x90\x13A\xf8 /F\\K\x16\xa9\x8e\xfaW\x0b\xb7\xb8Q\xf6\x8an\x92}\xa2\xee\x89"\xf0!\xd9\xf2\xf5\x9d\xd3\xf2\x95\xe0\xe7\x7f\x11[c\x134\xd8\xbc\xa96\xff\xdb\n\xd2q\xc4\x8a\xf3\xb1\xd7\xb6P$\xf5\x89L\xb2\x98\xfd\xcc\x11A\x1d\x8c\x8fu\xc8u\x9d\x11\xb6\xea\xe3!\xf05\x13\xcd\xf9\xca\tOTx\xb1_\xc7\xe0Z2\xbb\xb5\xbfTu\xd5\xddN\xaa|i\x87\x86\x1e\xfeLs\xbaU\xbd\xc1\xd3\x1as\x98\xe9j\xf4\x10W\x81y\xdca\x97\x04\xd7\x03i\x8b\xa9\x1f\x0f\xff\xc3_\xde\x16,\xb0G\xf1]=\xa3T\xaa\xe2OD\xf1\x1c\x92 w:\xff\x9b\x9b\xc5\x82\xd0\xf7\xb2\x10*\x98\x0ex\x89\xd8\x8eT\xabv=D\xde\xaa{\xf6\x81\xfev\xd2\xf4L\t\xc6\x07&lt;\xf5\xe4\xbai\xce\x01\x0e\x9b\xb2&amp;\x8b\xd9\x96\xb6U\x96&gt;\x1c\xd1\x8e\x04\x7f @\x17\xae\xb1}\xf2\x8e{\x8cJ\xb8\xb8PI\xb4\xfb\x8b\xf6T.\xeb\x8c\x95r\xf6\xcb\x18\\t\x18\xb7)\xb6\xd3]ru\x04\xe7\xbeCN.\x99A\x17\xb7\\7\xb1\x88|j.0+\xb2X\xb2]zkGQ\xec\x92c\xf3\xbf\xbc6+\xf6^\t\xd0~^\xeb&gt;+\xe0x~\x08z\xbc\xaa0\xe0\xd2\n\xbe\xd0\xed\x16V0\xe8\xa8\xb9\x95l\xc0ZC\x8d\xef +\xb0\x83\xf5\xd2a\x95.\xb8\x0e[\x0c\xa5\xc2\xcf==\xa7\x07\x0e\xa2\xcdp\xce\xe8\xb6B_\t\x1d\xb2\x91R\xd6\xd4\xb0\xfe\xa2\r\xea\xb3\xacN\\M=\xec\x04UG*\xc4\xcf\x80\'\xb9B\x1f\xee\xabZ\x9b[\xe6\x8e5\x00\xe7\xa5j\xce\x1d\xb6M@\xe9@\x9au\x8e\xe8\x11\'&gt;\xb5\xc9\x1e\xe1\x8c\xc5\x9f\x08w\xb7q=\xad\xfa\xd4\xa4;\x0e\xc9\x98\xda/q\x06\xd8\x850\x85W\xf7\x8f\rv\xd9O\xd2\xb7\xbaLfz\xcf@\x99\x08j)D\xa1\xee\x1aKig2\x80\xf5_!\xa7e\xc4\x8d\x95^\xb5ib\x1e\x92Aq\xbc\x85I|a\x15{_H\xc4W\xf1\x89\xa8\xe3\x9f\x97\xb9\xfeG\xf2H\\\xd6\x91\x87\xdf5]\x07^\x10\xd9\xc6\xfa4\xb7\xad\xb0\xcd\r\x80\xdb\xfco\xc8\xdd\xb8\xdb\xba\xbbx\x8f?o\x8b\xde\xeb\xc5\xfa\xfc\xcb\x06\xc7\xed\x87\xc4\xc0\xa5\xd0\x18&gt;\xc7\x14Lg\xdd\x06\xbbL\x10\xac\xf3\xceWmp;bl\'\x9e\xc5\xbaX\x9b\xdc\x13\x07\x98~\xd0Q\r[h\xb5D^\x0cr\xec\xc5\x92\xbb\xc8O\xbe\xb5\xa0\xc8\x94\x15\x80K!\x0b\x92\xab\x15\x81\xf0\xd0\x0c\xf4^f\x9d\xcb\xdfa\xb9\x8c\x8bK\x8f\xa6z\xcb.\x85\x07\x1c\x9fxe\xab\xee\xab\x8aB\xbco\x06R\xa7gO`\xfe\xb3Aa\x14\xd1\x8d%\x7f\x0c\x0fE\x88V\x87\x01\x97\x86Vv$\x14\xd2\xcd\x9e{\xc9VN\x9e\x05\x17\xc5\xe0\x13m\xe8\x19\xb7\x8b~\xf5\x81\xf0\xaa7\x9bS^f\x06\xa6k\xd1\x13(_2$iPm.F\x93\x12\xf5\x9b\xc0\x0b\xc0=\x97\xcdr\xbe\x90\x1a\x0b\xae\x8dB\x90\\\xc90\x9cnY\xb6y\x08\x1a\x1d\xf2\x11\xb0;\xbb?\xf8\xbb\'\xedKz\x95\x11\x7f\xba\xa0\xb0\xccj\xe4_U\x83U2\xa2\x1f}\x01\x98\x0bR%\xad\x15\xdc\xcd\xf1_\xe8\x96P\xc4B\x851\x93\xf3J-\xac\x8dy\xc8\x93\xf6\x04@\xfd\'\xd7\xc3F\x85\xb1\xf1J\x12Q\x06A\xd9\xdd\xe6\x88\xd00\x88\xdb\x89\xe8hE!\x9b\xe7-x6=+\xabb\xfb\xae\xf2\xbd2\r5=\xba.l,\xbev\x03\x8ad\xa7\xe2/\xb5\x12\xad\x94\xee\x18=\x81\xdanW\x89\xd7\x9a\xd2\xd7\x89\xe8\xbd\xf8\x0c\x95\x90\xa5\xff\x01\xb2\x13'</t>
  </si>
  <si>
    <t>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</t>
  </si>
  <si>
    <t>b'\xc0H\x1a\xd7\xfc\x18\xdc]\xa6\xd0\x80\xd6\xeb\xd9\xf9\xd7'</t>
  </si>
  <si>
    <t>might happen, for example, if the
 country is quickly losing foreign exchange reserves because of a big current account
 deficit that far exceeds private financial inflows. A devaluation occurs when the central
 bank raises the domestic currency price of foreign currency, E, and a revaluation occurs
 AA2 AA1 E0
 E2 Y2
 DD2
 CHAPTER 18 Fixed Exchange Rates and Foreign Exchange Intervention 475
 when the central bank lowers E. All the central bank has to do to devalue or revalue is
 announce its willingness to trade domestic against foreign currency, in unlimited amounts,
 at the new exchange rate.7
 Figure 18-4 shows how a devaluation affects the economy. A rise in the level of the
 fixed exchange rate, from to , makes domestic goods and services cheaper relative to
 foreign goods and services (given that P and P* are fixed in the short run). Output there_x0002_fore moves to the higher level , shown by point 2 on the DD schedule. Point 2, however,
 does not lie on the initial asset market equilibrium schedule . At point 2, there is ini_x0002_tially an excess demand for money due to the rise in transactions accompanying the output
 increase. This excess money demand would push the home interest rate above the world
 interest rate if the central bank did not intervene in the foreign exchange market. To main_x0002_tain the exchange rate at its new fixed level, , the central bank must therefore buy
 foreign assets and expand the money supply until the asset market curve reaches and
 passes through point 2. Devaluation therefore causes a rise in output, a rise in official
 reserves, and an expansion of the money supply.8
 The effects of devaluation illustrate the three main reasons why governments some_x0002_times choose to devalue their currencies. First, devaluation allows the government to fight
 AA2
 E1
 AA1
 Y2
 E1 E0
 7
 We usually observe a subtle distinction between the terms devaluation and depreciation (and between
 revaluation and appreciation). Depreciation (appreciation) is a rise in E (a fall in E) when the exchange rate
 floats, while devaluation (revaluation) is a rise in E (a fall in E) when the exchange rate is fixed. Depreciation
 (appreciation) thus involves the active voice (as in â€œthe currency appreciatedâ€), while devaluation (revaluation)
 involves the passive voice (as in â€œthe currency was devaluedâ€). Put another way, devaluation (revaluation) reflects
 a deliberate government decision, while depreciation (appreciation) is an outcome of government actions and
 market forces acting together.
 8
 After the home currency is devalued, market participants expect that the new, higher exchange rate, rather than
 the old rate, will prevail in the future. The change in expectations alone shifts the right, but without central
 bank intervention, this change by itself is insufficient to move all the way to . At point 2, as at point 1,
 if the foreign exchange market clears. Because output is higher at point 2 than at point 1, however, real
 money demand is also higher at the former point. With P fixed, an expansion of the money supply is therefore
 necessary to make point 2 a position of money market equilibrium, that is, a point on the new AA schedule.
 Central bank purchases of foreign assets are therefore a necessary part of the economyâ€™s shift to its new fixed
 exchange rate equilibrium.
 R = R*
 AA2 AA1
 AA1
 Exchange 
 rate, E
 E0
 Y1 Output, Y
 1
 DD
 E1
 Y 2
 2
 AA1
 AA2
 Figure 18-4
 Effect of a Currency Devaluation
 When a currency is devalued
 from to , the economyâ€™s
 equilibrium moves from point 1 
 to point 2 as both output and the
 money supply expand.
 E1 E0
 476 PART THREE Exchange Rates and Open-Economy Macroeconomics
 domestic unemployment despite the lack of effective monetary policy. If government
 spending and budget</t>
  </si>
  <si>
    <t>b'0E\x02 \x1b\x8a\xcb\x1f\x87\x08\xa8\xb3&lt;\x07\x88\xf9\x15\xa1\x9a\x02m{\xa5\xc3\xebgE\xc8a8\x00\xc7\xee\x00\xc3B\x02!\x00\xf2\xd5\x01\xb4\xda8d\xc3\xff\x99\xc2\x8b5\xcc\x12R\x88\x1f\x9c;[\xedZ\xa3\xea6\x1bv-sJ\x9b'</t>
  </si>
  <si>
    <t>304502201b8acb1f8708a8b33c0788f915a19a026d7ba5c3eb6745c8613800c7ee00c342022100f2d501b4da3864c3ff99c28b35cc1252881f9c3b5bed5aa3ea361b762d734a9b</t>
  </si>
  <si>
    <t>b'0E\x02 \x1b\x8a\xcb\x1f\x87\x08\xa8\xb3&lt;\x07\x88\xf9'</t>
  </si>
  <si>
    <t>out the formulas for u, S, g, andâ†”
  T in the presence of
  magnetic charge. [Hint: Start with the generalized Maxwell equations (7.44) and
  Lorentz force law (Eq. 8.44), and follow the derivations in Sections 8.1.2, 8.2.2,
  and 8.2.3.]
  17For an interesting discussion and references, see R. H. Romer, Am.J.Phys.63, 777 (1995).
  18See J. Higbie, Am.J.Phys.56, 378 (1988).
 380
  !
  Chapter 8 Conservation Laws
  Problem 8.1919 Suppose you had an electric charge qe and a magnetic monopole
  qm. The field of the electric charge is
  qe
  E = 1
  r2 
 Ë† r
  4Ï€ 0
  (of course), and the field of the magnetic monopole is
  B = Î¼0
  qm
  4Ï€
  r2 
 Ë† r.
  Find the total angular momentum stored in the fields, if the two charges are sepa
 rated by a distance d.[Answer: (Î¼0/4Ï€)qeqm.]20
  Problem 8.20 Consider an ideal stationary magnetic dipole m in a static electric
  f
  ield E. Show that the fields carry momentum
  p =âˆ’0Î¼0(mÃ—E).
  (8.45)
  [Hint: There are several ways to do this. The simplest method is to start with
  p = 0 (EÃ—B)dÏ„,writeE =âˆ’âˆ‡V,anduseintegration by parts to show that
  p = 0Î¼0 VJdÏ„.
  So far, this is valid for any localized static configuration. For a current confined
  to an infinitesimal neighborhood of the origin we can approximate V(r) â‰ˆ V(0) âˆ’
  E(0) Â· r. Treat the dipole as a current loop, and use Eqs. 5.82 and 1.108.]21
  Problem 8.21 Because the cylinders in Ex. 8.4 are left rotating (at angular veloci
 ties Ï‰a and Ï‰b, say), there is actually a residual magnetic field, and hence angular
  momentuminthefields,evenafter the current in the solenoid has been extinguished.
  If the cylinders are heavy, this correction will be negligible, but it is interesting to
  do the problem without making that assumption.22
  (a) Calculate (in terms of Ï‰a and Ï‰b) the final angular momentum in the fields.
  [Define Ï‰ = Ï‰Ë† z,soÏ‰a and Ï‰b could be positive or negative.]
  (b) As the cylinders begin to rotate, their changing magnetic field induces an extra
  azimuthal electric field, which, in turn, will make an additional contribution to
  19This system is known as Thomsonâ€™s dipole. See I. Adawi, Am.J.Phys.44, 762 (1976) and Phys.
  Rev. D31, 3301 (1985), and K. R. Brownstein, Am.J.Phys.57, 420 (1989), for discussion and refer
 ences.
  20Note that this result is independent of the separation distance d! It points from qe toward qm. In
  quantum mechanics, angular momentum comes in half</t>
  </si>
  <si>
    <t>b'\x83E\xa4q\ryt\xf0l\xc3\n&amp;`\xeb\xbb\xe55\xfa\xf1F\xf8*\x8fk\xb6\x9c\xe6\x11\x01\xb4\x95\xb0'</t>
  </si>
  <si>
    <t>8345a4710d7974f06cc30a2660ebbbe535faf146f82a8f6bb69ce61101b495b0</t>
  </si>
  <si>
    <t>b'\x83E\xa4q\ryt\xf0l\xc3\n&amp;`\xeb\xbb\xe5'</t>
  </si>
  <si>
    <t>heard you crying."
Colin started up on his sofa.
"A hundred rooms no one goes into," he said. "It sounds almost like a
secret garden. Suppose we go and look at them. Wheel me in my chair and
nobody would know we went."
"That's what I was thinking," said Mary. "No one would dare to follow us.
There are galleries where you could run. We could do our exercises. There is a
little Indian room where there is a cabinet full of ivory elephants. There are all
sorts of rooms."
"Ring the bell," said Colin.
When the nurse came in he gave his orders.
"I want my chair," he said. "Miss Mary and I are going to look at the part
of the house which is not used. John can push me as far as the picture-gallery
because there are some stairs. Then he must go away and leave us alone until I
send for him again."
Rainy days lost their terrors that morning. When the footman had wheeled
the chair into the picture-gallery and left the two together in obedience to
orders, Colin and Mary looked at each other delighted. As soon as Mary had
made sure that John was really on his way back to his own quarters below
stairs, Colin got out of his chair.
"I am going to run from one end of the gallery to the other," he said, "and
then I am going to jump and then we will do Bob Haworth's exercises."
And they did all these things and many others. They looked at the portraits
and found the plain little girl dressed in green brocade and holding the parrot
on her finger.
"All these," said Colin, "must be my relations. They lived a long time ago.
That parrot one, I believe, is one of my great, great, great, great aunts. She
looks rather like you, Maryâ€”not as you look now but as you looked when you
came here. Now you are a great deal fatter and better looking."
"So are you," said Mary, and they both laughed.
They went to the Indian room and amused themselves with the ivory
elephants. They found the rose-colored brocade boudoir and the hole in the
cushion the mouse had left, but the mice had grown up and run away and the
hole was empty. They saw more rooms and made more discoveries than Mary
had made on her first pilgrimage. They found new corridors and corners and
flights of steps and new old pictures they liked and weird old things they did
not know the use of. It was a curiously entertaining morning and the feeling of
wandering about in the same house with other people but at the same time
feeling as if one were miles away from them was a fascinating thing.
"I'm glad we came," Colin said. "I never knew I lived in such a big queer
old place. I like it. We will ramble about every rainy day. We shall always be
finding new queer corners and things."
That morning they had found among other things such good appetites that
when they returned to Colin's room it was not possible to send the luncheon
away untouched.
When the nurse carried the tray down-stairs she slapped it down on the
kitchen dresser so that Mrs. Loomis, the cook, could see the highly polished
dishes and plates.
"Look at that!" she said. "This is a house of mystery, and those two
children are the greatest mysteries in it."
"If they keep that up every day," said the strong young footman John,
"there'd be small wonder that he weighs twice as much to-day as he did a
month ago. I should have to give up my place in time, for fear of doing my
muscles an injury."
That afternoon Mary noticed that something new had happened in Colin's
room. She had noticed it the day before but had said nothing because she
thought the change might have been made by chance. She said nothing today
but she sat and looked fixedly at the picture over the mantel. She could look at
it because the curtain had been drawn aside. That was the change she noticed.
"I know what you want me to tell you," said Colin, after she had stared a
few minutes. "I always know when</t>
  </si>
  <si>
    <t>b'\xd5\x99\x98\r?\xf4M\x07\x11\xc4v)wq\xa8\xe4\xaff\xee\xb9f`m\x85Ezuf\x81\xb1\x89\xa6]\xd0\xe1\xb0\xe1l\xc1b\xda\x0ff\xfa\x1c\xcd\x0c\x96\xb5\xd6pl_\x89n\xd1ayem\t\xf5*|3:\x9b\x0f$\x01\xcau\x0c\xc1\x9ed\xde&lt;\xcf\xe6\x10\x82]\xc2\x915\x15\xe2\x81F\xbd\xd2h\xb8Pu]\xdb\x07\x10\xaf=\xfa\xd4\x97\xe1\xc7\xccU\x84\xd0l\xe0+\x8f\x84\xd7\x8d\xf2\xe2:m\xa1\x90_\x93\rrn\x12\xed\xb0}\xd1\x10P\xe8L\xa1\xe9\r%t\xf5\xc6\xcdt\x9c\xe22\xc6\x0f\xcf!Js\x19{\x97\xe2\xb7\xfd\xfb\xf3s\x82\x1bCE\x08b\x15A;\xb9\xfa\xdcv\xffb\xd6\xe9MuzR\xc0+l/h\x0e\xf6&lt;\x81!\xe2(\x8du\x99\x0e9\xb8\xbae\xab\xe4^\xfd\xbd\x1b\x86\xf1\x96\x95\xa4\x90\xd9\xb3\x0e\xaa\xbe_\xf1g\xe4\xa2`\xbf\xaa\xfd\xd3\xd9/\x17\xc2t\x8b\xfa\x07\xb1\xe3\x06P\xe0\xee\xeeTb\xe5Q\x9c+\xbb\xdaX\x9eG\x97\xd3\xe3i!\xa7\x94\xf0$M\x00\xd7\n=\x8dv\xf2f\x92t\xac)\xfd[;\xd2d\xa2\xc9\xc8Q\x83\x860\xeaE\xf9\xaauA\x9a`\xb9LV6\x04mR@\xb0\x0f\xee\x87\xa8e\xaa\xa7\xc08\x14s\x1a\xeb\xaac\xd9Ct\xb8\xa0\x1b\xd0a\xc4\xe6Dt\xb5K/\x1b$x\xed!\x04\xd5b\x81\xbf7\x90c_o\xa7u8\xe9\x06\xd5\xe6?\x7f\\\xebY0\xd9\xc2\xa1\xb5\xf6\xfc\xc9FIh\xfd\xee\xd7\xa8{\xe1\xe6\x14\xcaAq\xf4U\xbf\x86\xbb\xbb\x82\xe8\x0f\xee\xea;8\xe0\x87\xbc\x07\xa1\xa6p\xc2\xb4\xd9\xe2\xda\xa7\x87\xc1%\xe9\xe53\x19\xeb\xf2\x15\xd73\x81\x92\x95(\x1d\xf2!\xde\x93\x94Bh\x8dv+\x9c\xe5\xd2\'v\xc1B\xdc\xde\x91P\xe5\x071\xfd8\xf9\xe1c\xad5\xa6&lt;Ox_o\x00\x9c\xdd\xa1(\xb2\xf3D:\xaa\x99Z\x07\xf5VE6\xa8\xa4\xab\x96\xd8G\xf8\xaf\xe7zX\xd0\xe5\xa4m5\xf6.)O\xb2\xf9\xc7\x8f?\xbdm\xda{\xba\x83\xf2~c\xf8\xbf \xb9\xbbf\xb0\x83\xe2\x9d\x8b\xd8\xc3\x03[\xc2\x0e!\xee\x0b\xb9\x95\xcc\xaa\xcauTJ\xc8\x1f\xcay~\xf4\x9c\x1a\xffp3\xd1\xc0\xdc^\xaa\xc3\x91\tS\xb3\x08\x8cw\xc2 M\xbd-\x1f\xce\x96B\xa4\xa4h\x1d\xc9\xa7\x8c\x97Z\x01d\x96\x94\xf0\xd0\x95\x1c5"p\x8f\xc1\xfa-@Gx\xfc\xees\x9d\xc0\x8dOT&amp;^e\xd2\xee"\x9b\x18\xe5\xa5\x19s\x92\x15b}\xf7\xaa\xb24\xb3X\xe1\xfb+\x9bp\x92\xe6n\xfa|(\x82Jr\x8fSb\xad\x8e~B\xc4\xb3?\x96\x9b]\x8b\x88\xcf[\x16\xe6\x14\x0b\xa8\x8fC2a`\xc4\xaf\x1f\x8a\xe9\xa2\x0f\xa1R\x94&lt;\xa3bMi\x8ad\xa5\x0c\x9b\xa8v#\x10\xc8\xda\xbf)f\xbf8\xec/\xe0d\xcdk\x11\xd0\xbc\x85N\x17\xd9\xbfWG\x0b)\x14Z L\xc7{\xb2E\xc4\x9d\xedf3c@\x86`\xdc\n\x10&gt;\'\x8a[\xafw\x92\x99/Fo\x1dT\xa0\x9f\xd8=\xa8\xfc\x8d;\x176U\xe1Pc\xd1\xac\x13\xc8(\x02%\'uF\x0f\xa7\x03$eZ[HgDN\xc1\x02@\xe1\xb3\x08*b\x15\x91,$\xcf\xdb{\xd1\x11\xe7\x82D\x85\x19E\x9b\x06Q\x1a_k3%e\x7f8TpQ\\\x1e3i\xc8\xa7\xb4\xd0u\x1b\x9asK[\xbf\xb3\x8a.S\xa9\x0e\x00\xbazv\xe2\xe9\x9c\xdc\x88\x83\x17\x8f\xe9\x18\xcb\xbeGK\x06xx\xdb\xf9I\x0c7V\xf9\xb7:6\xbd\xd4\x97\xaf\x1f\x8a\xe9\xa2\x0f\xa1R\x94&lt;\xa3bMi\x8ad_\xc1\xf5\x14\xd6\xd2\x05\x93\xe9\xa9\'\xad\xd4\x06\n\x93\xb7\x07E\xd9\xec\xfcU\xa5n\t\x96\xaf(\x8a\xaeU\xaa+{=\x8bcv@\xf5\xaa\x15\xc6\xa5~\xfc\xf1\x19\xfe\x19\xbf9\'\xa3\x91({$\xfb{\x103\xaf\xa2\xc0\x8b:#Z\xbbug\xf8\xfe\xb7w\xb3\xf4\x88\x87\xdc\x83\xf7\xe0\x9cUB\x15\x85\xa9\xd1\xf1\x13\xeeJ`6\xc6\xd0\xec\xf3ME\xd1n\xf3\x00\xa4pR\xd3M\xfd\xda\xf9\xa5h\xc7Dw-\x1d\x162\\I,\xaf\x94\xb1\xe6\xa3~(bT\xb8\x85\x82\x17\xd4$\xf2Z\xef\x9ds\xaf\xcd\xc90\x04+f\xaa\xd2e\xe6\xca\xa8\x10\xb3\xc2O\x01\x90\xddr\xe8.\xfc\xbe\xe1\x93\x1a*\xda5V\xea\x98.\xd8\xccX\x8a+\x98\xf4\xb6\xbb\xa8Za\xc3\x81\xf0!\x07\x15:\xc6`(\xdd;\xb0\xd3\xf5y\xf7\xedJ\x0c\x1e,H@F\xcb\xe2Y\xe3\xa9&amp;[\xf8\xeb\x12d\xddM\x03\n\xb5\xfe#\xea\x13Z\xc8\xbc\xdf\xf1\xd9jv\xf8\xb66\xd4Vo\xe1\xc0\xe4\x17&amp;\x9dU\xe6&gt;B\xffqM\x16\x80\xec\x1dX6\xae\xc4\xca\xbd\tD\xd8\xf5\xff\x02\x13,\x9c\xae\x93\xd1\xf1\xdb\xa9)\xffS\xf3\x00\xda\x88E\x83\x05\x80\xc85\x7f50\xa9v\x13\xbcM\x03\n\xb5\xfe#\xea\x13gx,\x86\xfb\x92}\xca5\x12\x89!\x9b7T\x10#\xd9`\xe0\xc1\x80\xf9\x9d\\sV|\xc75\xd6\x93\xca\xea\x96iA\x1b\xac\x82\x8c\x19\x14\x07\x00\xc44n\xe1aTq/%|\x8f\xc8\xea\xd1\x90\xc3\xcd\xa0Z\xa8\x13\xe5\xfa)\xf2\x1eL\xafSk)\x0fIM\xb8[\xe6L\x11\x99\x80\xeb\x02/\x8f\x0bmn\xa2UD\xe0\x94J\x99\x14e\x00\xc4-\xa1P\xc3[@!\xa8\xdb\x01\x13%\xcd&gt;Oa\xc71\x8a\xc0\x957a\xcd\xd5\xeb\xbb4O@\xa8C\x98\xb7x\xdc\x9a\xae\x15\xef\x84`D(8v*q\x9coJl\x04\xf2Q\xffam\xb5%[\xf9\x9c\xc8XmKM\x81\xbf\xf3\x02\xa3\x17\xd5h\x92\xa2\xe6\xc6%0\xa0k\x1d\xf4!\xe8K\xcf\xe8\xfc\xaa\xf6\x80t\xb6.#\t\xd1d\xb6\x01\xb4\xf5d~\xa2\xb7\x1e\xe3\xebb\xb1\x91\x15\\x\x05\x1e\x97\xd4\xb6C\xb6\x96\x18D\xcf\x88C\xc9M\xba\xdd\x04O\rB\x84\x7f\x90%7a\xef\x0f\xb5p\xb5\xc9\xf0\x1d\xcf\xe99\x8e\xee\x89c\xe5\xec\xe0Q1t\xb0\xf4J\x9a\xa3\xc1\xe8\x10\xd0PdG|xL\x9c0\x1f\xab\xe0\xa2\x82\xdb)\xa6\xca\xca0\x1a&lt;Lvp2~\xbb\xc9b\xfc\x07\x0cG\xc2\xde\x9dZ\x07\xaf \t)g\xd4\xa6\x01\x8a\xdeX\xaf\x872wp\x04~\xc0\xe6\xbeq|\x16\x7f\xa4Gz\x1c\xbaB\x92@\xbf\xd1\xd2\xea\x11\x81\xff\xc8\x84\x18\x01`\xbe\xb7\xa1~H\xa1\x8d\x9a\x84\xc7\xb1\xa9\xba9E+\xee&gt;\xd6\xa4v\xcf\xec\xd1\x9b\xb3\xad\x16&amp;2\x0f\xa2%@5\xf3\x08&amp;Q\x83\xab\xf6\x9d\xbf\xa0u\xef5\tg\xed@-\xb7!T\xba\xdb\x8a\xa9\t\x85\x89L\xd0@\x02\x9a\xe5\xa5D\xfc\xc5\x1c).\x8b\x94\xc5\x9f!Td\xefA\xea\xeaZY\xb4\xb1\r\xd0{Y\xcb8:\xfa{\xa84g\t\xcc\x1f\xdfY\xc3\xd6C\x98\x13?\xb9\xad\x91dc"\xb6$M0\x9e\x97v\xfd\xe2\xc7:{\x12t\x91\xb84\xd6\x7f\x17\x95\x96"\x81\xe0V \xa04\xc9\xb6ll\xc8\xb5\x93\xa1\xfe\xf6g]\xef\x10J\xb4\x05n\x02EXW\xb2\xd2vf\x89:\x7f\xaat*\xdb;\xc1}\x1c*_\xe9\x80q0\xc6\xa6\x1a\xf4\x9a(h\xb5Bn\xfc\x12\x00e\xa7\xc6H\xe1[\xa8\x9dG\xa1\x17.\xab\xdeC\xceY\xf6\xde\xe5\x8e\xe3\xc6\x9f\xe4\xe9\xbf\xa3T}\xbe\xd5?\x8e{\xe0\x0b\xec\x80\xf6\xf9\x9e\x03\xbe\x8f\xed\x1e}\x19]\xdaZK)l\x9fM\x05\xd1B\xb9j\xd7\x0f\x07\x16\xbc\x08A\xa0\x83\xf0\x87P\xea\x11\r\r\x1caS\xdf\xc0-}\x8b_\x0bPw\x8b\x1e\xb2\x0fK\xe4\xaa\xfaf\x1f/\x93\x86\x9b\xd5\xfe\xd9h\xcd\xb8\xe0\x85\x8e\x8dS\x1e\x8d+\xcb\xfb`\x1c\x97c\xa0\x13,\xac\xd4\x1e\xebu\xb3\xc7\x1c\xbcU\xf4\xda\xa6\x8bu\xf4I)\xf5v\x81@w#\x07\xe5\x9cX\xb8#\xd3c\x1cQ\xa5/\xc9\xc1&lt;{\x8f\x81D]b]\xd8\x9eU\xb8\x9fr\x01\xf4\xc6\xc9c\xc4\xb1\xfdb\xbc\xe3f\xecs\xb4jn\xf3\xe9*e\x80\xd8\x83\x87\xe6\x00\x8aK\xf3Z/S\xf8\xf6LZ\x15\xce\xef~\x9b\xd4 |\x8a\xbd&amp;\x96\x10\r\xa4@$\xd1cC\xe2\n*r\xe7\x06\xb2\xdb8\x0f\xcb\x07\x87,Id\xc15\x15@F\x16K\x93\x1f\xe5h\x8d"1\x9f\x04\x0e\x95\x7f0\xe2\xdc\x91\x9ft\xa4iW\x7f7\xa3I\x0b\x919\xb5tV?\x9e$\xfc?\x1d\xc8bS\x99\xfa\xdfjD\xc6p\x8b\xd4t\xff\xd2\x0e2\xb0\x011j@\xda\xc8sc\x1e\x10o\xecf\x94\xd2\x8e$\xfa\xec\xdaU\x8e\x1e\xb77\x07a\xee\xd2\x83\xdf\xba~\xd2\x80z\x9eT\xf3\xb4\x1ef|\x19w\x88\xb5}.\x16.\xfe\x99\x96G\x84\xeb\x13\xc5\xe7\x80i)\xd4\xea\xcdP\x94\x81\xc5\xc5\x8e\xdc.\xd1\x95\xd0\xca\xe3\xc7\xe5)t\xc0e\xdb\xe0]\x97qh\x8f7\xe1F\x081r[7C\x98\'\x1b\xe5\xf3\x1bBO\x9e\xa9\xdfUl\x01\xb6\xf6Ce\x0c\x1fzP\xb0/\x19\xaa\xdca\xc8\x14\x11\xd5&amp;\xb9!\n\xc1\x06+\xd8\xe0"\x94\xa5\x1eV\xf1Fg$\xb6\x0bD#+\x03/\xb6\x9bWY\xeb\xde*\x12d\x0bD\xa4\x80Hw\xbc\\Z\xb0\x85\xd3\xcb\xfco\xb5gF\x99\x07\xa8P\xa7-\xdcD;w\xee\x99\xc2g\xcc&amp;\x7f6\x90\x8f\x05\xa0\x00\xe8\xe4\xac]\x17\x9a\xcbc\xdb\xf4\xc0\x93\xfc\x9d\xb7\x1e\xbe\xc7h\xc2\xcc[\x87\x0e\xa6\xbc\xa73OuIq\xac=;\x86\x05\xdc\x87\xdc\x83\xf7\xe0\x9cUB\x1by\x03o\xb1z0\xa5\xc5\xe9\x93m\xda\xfcq\xc2\xa7q\xfd\xa8\x1e\x86\xd2\\\xcc\xa3~U\x93%\xaf\x14\xfc\x89\xd6\xce\xbc\x1c[\xe2\x84\x04\xd0\x0e\xc3cr\xcbm\xd2\x92S\xcf\x8dw\x85\x17\xba\xc6w"\x1eB^2\x90\xdfe\xa4\x84\x8f\x92\x83\xb0\xd2\x0c\xdb-\x9fjnIi\x9b\xb1\xb9\x17\xed\x1ae\xa2rj\x1e\x01\x01\xf9T\xac\xc5Y#aF\x14$\x8b\xce\xa5\x14\xbb\x03\xf1\xad\xdb\xf5\xc5\xabkx\xb0!\xcd\xb8\x98\xb9B.\xfa\x01\x96\xcdQ\xb7\xca\xf4\xf3\x91\xe0/\xa4:C\x90\x82\x97k~\xe0^\xc7\xe6=\xefrV\x84\xe4\xa1n$h\xc9\xedl\x9c\x88\x0e\xb4\x87*\x8b\xeb\x17\x8b&lt;\x9cD\x17C\xf5s\x92@\x83\x10\x1d5;\x15Y\xeb\x86\xe1\xfa,F\xe5\x82\x81S\nE\xe2\x87\x14O\xd2\xae\xa0\xbeXU\xe71z\xd3R0|\x0bo\xcb\x9e\xea7\xd6;8H\xe4\xf8\xd7^\x10\xd9\xbb\xa2\x83\xdc\xfa`_{0\x99\xf6!\xb4\xc00gm!\x7f\xe0l})\x87f\xee4zQ\xf6b\x86\x0c\xf0\xf0c\x80\xe4\xc1\xcc\xaa\x19\xf3]4\xbb\x9e_\xc3\x8f\x02\x99\x91\x17\x9c&gt;\xf8\xb8\xaa\xe5|xY\x8eV\xbd\xd7\xa8A\xfe\x86XDQ\xad\x1f\xb6\xf2L\xc3|\x072\x9c11\xcc\xb1&amp;mL\xa5\x95\x95\xfc\xff\xf7\x94e\x8d:d\x0b\xa3sL\x86T\x86n\x88\x81\xd3K2\xb0}hxh\x80zd\xfbD\xc17\x00\xf3\xabd\xf4\x9e\x0e&amp;\xd0\x87\xd5\xfbA\x8c)\x8e\xf9N\xb1J\xae\xb8\x86\xa6\x0c\x05WER\n\x1d\x10\xbe\xa0\xce\xb5#\xafwCZ\xf7\xc2O\xdc&amp;\x81\x0e\xad\xc2e3\xfe\x0bV\xb78v\xdf\ri\x9a\xecL9\xac|\xe0\xe93\xc4\xdb\xab\x9c\x94\\\xf1\x90\x12\xae7\x9cM2\x1b\xe1\xa6?\\\xa6\xf8\xae\xba)O\xb2\xf9\xc7\x8f?\xbdf\xf4p\xce\xc1\xc2R\xff\xeaR\xba%\xae\x0434\x13r\xe6p\x9a\x0ff\xba\x7f\x16J/[\xea\xcf\x80\x17&amp;\xe6Q"\x18\xb0I23\x02\xdb\xe0\xd0\x1e\xbaz\xfe*\xe5\xfb\xd1\x14\xc5nT}\xd0g\x1a\n\xa7\xda6\xf1\xc0\x87\xeb\x9c\x16\xb8\xc2\xa3\xd23\xb6\x021\x87y\xd5w\x80\x12\x97\x00\x12\x9b\x85\xe8\x99\xcfe&lt;\xa0,\x80\xd9\x81\r\xc4\x9cp\x18\xf3\x16\xd1\x9c`\xfd\xaf\xa3)\x9d\xe3\x1b\x01\x8a|\n+\xc6\xe0\xfb\xda,*\xd9,\xb0y\x99(\x0b\x9db\xfb\x13\xb94\xef8\xf0\x08\x1b\x06\xce\xb2\xf6\x84\xd154\xdc~\xd9\x14z\xdc\xb7I\xb5A\x12\xc2\xb4\xe4\xa3\xc8\x1dn\xc1Hg\x14\xa1c\xdd\xa6\xad M\xcb\x15,jA\'8\xf7\xf9G\xb4\x08\xe6\xa6c/i\xe4\xfcL\xdc\x83\x83n\xe9\xd8\x1d}\x1c\xf6\xc1*\xb5\xd4Z&gt;\xad\xa8\x13\xbb\xe9\xc2\x9b\xef\xd3\x0fF\xb1\xf8\xe7\xb6\xf9`\x83+\x8c\x16\xad\xf8[\xa0\n\xd8~\xc0d\x071\xa8n\xaa\xc2jP\xf1\xc2\x92\xc37\xa5\x8bE\xe6\x8b\xf6\xf1$2\xcfu\x1e\xde\xb2k\x08\x1f\xc0/\x05}\x103\xbf\x16\xc3\x11\xaf"\xb7\xc9\x9e\xaf\x96Y\xb9"{\x1d\x87\xaf\xce|\x16\x17EO\xb0\x00\xd3Y\x92\xbf\xc8\xf4A\x88.\xc4M\xb0&gt;b\x1bz\xdd\x1b\x9eE\x0f\x0fQ:\x82\xb6\n\xe3\xfc\x08\xc0F\x84\xc0\xe8#\x077$\xbb\xd2\x13\x80c\xc7_\xdd\x9c\xc4\xb9\x9c\xb9}Qr\'\xb1:;\x92\xf5\x12wR\x92U\x8d\xc1h\x98G\xff\x8cf\xcc\x9d\xc8\xc4\xd1\xa5\xdf\x06\xe8K\\k\x1e\xf9\x8f\x8d\xc8\xb7T\xa5\x8a(\xf7\\,?\x9c\xeb\xc7\xc4\xde\xf5\x12O\xd8\xc7\xc7t\xccW\xa3\xec\xc5\xffS\x92\xa01\xcd&amp;\xd4\xbe\x05\x88Js#5\x0b\x91\xf6\xca4q\xdeR\xe6l4\xb0~\x0b\xcf\xaa3\xba\xef\x01\x941_\x84\xe0\xde\xab\xec\x17F\x14J&lt;P\xfb\xae\xe0\xc6R\xa5\xc5\n\x1d}\x17x\xb9\xa0\xa9\xab\xbbM\xce\xe3\xd2\xb4\xf8\xaa\xc5\x9b\xc2\x15\xfc\xcd\'`\xf2\xc2\xd2G/\xfbUp\x14\x0e\xbc\x04\x0ch,P\xf1x\xb6\xc6\xdf-\xa0\xbe\xa6\x16k\n\xb6\xc0\xc1\xb9\xec\xf0\xbdo\xea\x802\xe9\xe4E\xb1%?\xb4\xa0\xbc|QQ\tQ\xd527\x06\x8bY\x88\xf2\xb2gK\xef\x84WQ\x02\xa7#"\x7f\xfa\xe1\xa9=7\n\xb4\x85n\tO\xa7\x9fpw\xa0\x98\xc8\x91\x10\xdd\xda5\x1a^1\xb2\xa5\xfd\xf0\xf0\x00\xd7s\xd6\xda\x12:\x9a$Wn]\x1aJt\xbf\xf8@i\x07\xc4\xa1\x16\x1f \xc6\xfe7\xc5cfq\xd1\x15\x9a\xd5\xa9\x89\xe5hk\xa0\x0f\x8f]\xb3\x92\xde\xeb+Q\xaaQ\xa5\x83\x1c\xaf\x1c\x03\xa7ez\x99\x89\x19bt\xde`P\xedvF]a\x06o\xd3-\xaf\x98\xd4\x15\xf5P\xe5z\x84L~\nR\xc6b\xf2,\x81\x8f\x84\xf9\x1a\xa2\xbe1L\xcah\x161\x8c=\xfe\x84\xb1\x82\x80\xcf\x1b\x14\xcd\x8e\xf7\xc61)\xf4 \xaf\x9dk&gt;\x88\x8eeXj\xba\xf7}WPW\xd7\xceR\x10\xd3$@\xee\x12$\x0f\xbbNcnEn}\xbeU\x93T?\xf2\xca\xd6!\xe8\x9a\x9dF8\xf1\xe9\xdb\x0f\x8d{\xfb\xc8\x97\xe1\xb0\x9c\xe1a\x84\xb4\x9c\xbd\x95P\xb7\x92m\x95\xd6\xd9\xfe\xe4\xf9\xcf\xe6\\\xd1f\xbe\x04\xeb\x98\x1c\xd2a\xc1\x11t\x93Z}\xad*&lt;\x84~6\xb5_\xd8\xc0C\xcc)\xc1\xfa\xeb\xc9\xa9\x8dg\xd0\x9a\xd4(\x0b \xf5\xbd*5%/G\x85\xb68\xa1\xd8\x88\x87\x98\n\xf2\x8a\x168AR9\x80\xf8\xad\x86W\xd3M\x0bL:\xcf3\x01\x89\x1b7\x87\xedM#"\x94\xe8\xa5CB0\xa9o_\x9bBK\xbe\xe8\x1a\xfa\xaf\x11\x1cSB*\xc1\x1cA\xc5q\xa1\xae\xac\xb3\xf2\x89\xd0\xdd\x8d@\x08h\xc9\x85\x18\xb9\xb4N3\xa0m\xebJdr\x9dI2\t\xa5\xc5\x7f\xfdW\xcf\xbf;\x1d\x98\xd9[\x86\xe3d\x1cs@\xb0`6(\x80Y\x0e\xde\xcf\x9a\xb3F\x07'</t>
  </si>
  <si>
    <t>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</t>
  </si>
  <si>
    <t>b'\xd5\x99\x98\r?\xf4M\x07\x11\xc4v)wq\xa8\xe4'</t>
  </si>
  <si>
    <t>a million km
  apart, along a straight line. When the clock next to you reads 12 noon:
  (a) What time do you see on the 90th clock down the line?
  (b) What time do you observe on that clock?
  Problem 12.6 Every 2 years, more or less, The New York Times publishes an article
  in which some astronomer claims to have found an object traveling faster than the
  speed of light. Many of these reports result from a failure to distinguish what is
  seen from what is observedâ€”that is, from a failure to account for light travel time.
  Hereâ€™s an example: A star is traveling with speed v at an angle Î¸ to the line of sight
  (Fig. 12.6). What is its apparent speed across the sky? (Suppose the light signal from
  b reaches the earth at a time t after the signal from a, and the star has meanwhile
  advanced a distance s across the celestial sphere; by â€œapparent speed,â€ I mean
  s/ t.) What angle Î¸ gives the maximum apparent speed? Show that the apparent
  speed can be much greater than c,evenifv itself is less than c.
  a
  v
  b
  Î”s
  Î¸
  To earth
  FIGURE12.6
  (ii) Time dilation. Now letâ€™s consider a light ray that leaves the bulb and strikes
  the floor of the car directly below. Question: How long does it take the light to
  make this trip? From the point of view of an observer on the train, the answer is
  easy: If the height of the car is h, the time is
  Â¯
  t = h
  c .
  h
  vÎ”t
  FIGURE12.7
  (12.4)
 12.1 The Special Theory of Relativity
  511
  (Iâ€™ll use an overbar to denote measurements made on the train.) On the other hand,
  as observed from the ground, this same ray must travel farther, because the train
  itself is moving. From Fig. 12.7, I see that this distance is h2 + (v t)2,so
  t =
  Solving for t,wehave
  h2 +(v t)2
  c
  t = h
  c
  .
  1
  1 âˆ’v2/c2
  ,
  and therefore
  Â¯
  t =
  1 âˆ’v2/c2 t.
  (12.5)
  Evidently the time elapsed between the same two eventsâ€”(a) light leaves bulb,
  and (b) light strikes center of floorâ€”is different for the two observers. In fact, the
  interval recorded on the train clock, Â¯ t,isshorter by the factor
  Î³ â‰¡ 1
  1 âˆ’v2/c2
  .
  Conclusion:
  Moving clocks run slow.
  (12.6)
  This is called time dilation. It doesnâ€™t have anything to do with the mechanics
  of clocks; itâ€™s a statement about the nature of time, which applies to all properly
  functioning timepieces.
  Of all Einsteinâ€™s predictions, none has received more spectacular and persua
 sive confirmation than time dilation. Most elementary particles are unstable: they
  disintegrate after a characteristic lifetime6 that varies from one species to the next.
  The lifetime of a neutron is 15 min; of a muon, 2 Ã— 10âˆ’6 s; and of a neutral pion,
  9 Ã—10âˆ’17 s. But these are lifetimes of particles at rest. When particles are mov
 ing at speeds close to c they last much longer, for their internal clocks (whatever
  it is that tells them when their time is up) are running slow, in accordance with
  Einsteinâ€™s time dilation formula.
  Example 12.1. A muon is traveling through the laboratory at three-fifths the
  speed of light. How long does it last?
  6Actually, an individual particle may last longer or shorter than this. Particle disintegration is a random
  process, and I should really speak of the average lifetime for the species. But to avoid irrelevant
  complication, I shall pretend that every particle disintegrates after precisely the average lifetime.
 512
  Chapter 12 Electrodynamics and Relativity
  Solution
  In this case,
  Î³ =
  1
  1 âˆ’(3</t>
  </si>
  <si>
    <t>b'.w\xcc\xe4\xc8\xedyvNS-x\xec\x9e\xad\xbeW3kQu\xa21\x9b\x00$x9e\x85\x10\xfe'</t>
  </si>
  <si>
    <t>2e77cce4c8ed79764e532d78ec9eadbe57336b5175a2319b00247839658510fe</t>
  </si>
  <si>
    <t>b'.w\xcc\xe4\xc8\xedyvNS-x\xec\x9e\xad\xbe'</t>
  </si>
  <si>
    <t>ess in the first place. Middle age
was the healthiest time of life, provided one was neither overly fat nor overly thin;
children and adolescents enjoyed the best health in spring and were most free from
Roman Medicine 507
disease in early summer, but old people were better off in summer and early autumn
(Med. 2.1.1â€“23). Celsusâ€™ discussion of symptoms antecedent to illnesses was heavily
indebted to the Hippocratic treatise Prognostikon, including the facial signs of the
patient about to die (facies Hippocratis): nose pointed, temples sunken, eyes</t>
  </si>
  <si>
    <t>b'\xbd\xfb\xd2Q\x1b\x8f\x14H"\xb2\x91\x90\xd1\xa9\xc4z\xbbg\xb2\xecs|\xb8\xfc\n\x9f\xba\xfd\xd4md\xb8s\x11jn\xe4\x87\x1e&lt;%N\xda\x99^\xe8\x9f{f\xbc\xf8\xe41\xc7\x81\xd2\x04\x874s\xde\xc5R\x90\xc1I\xb6\xc3\xc2t\xb7\x82\xfa\x83\x025\xf7\xfb\xb7E\x13\xbc\xe8\x7f\xc9T\x1a\x98\xeb\x10\x14:/B\xe4os\x99\xf1;#R\xfb\x97\xd6h\xf0ji\xeb\x0b]\xa7\x0e2M\xe88K\xe9\x1d\xfc5L\xce\x86\x08rH\xfc\x92\xcc\xc0aT\x9d\xb3\r\xa3s\xa4\xa3}\x18\xee\xde\x1e\x89\xe2\t\x80\xbf\xc9\xda|\x972\xaf\xf9@=]\xd3\xe4]\xfdR}q\xd5\xb5gs\x0b\x88\x0e\xc2D\xae\xc9(\x81\x9e\xd8\x87\xe6\xd2\xb5Pa\xa1\x14\xdbO\x0e\x01\xd6o\xe8\xbb\xff\x18f!\xce\xb5\x0c\xb2\x1d\x1c\x08\x9b\x07\x94\xb8\xf7;\xe1\xa4\\f\xed\x1b\xa4w9B\x0b\xce\xa1\xb6\xf7\xe2\xf6\x01\x01\x021\xca\x15\xe3(\xe7\x04\x81\xae\x066\xb9\x8d\x16\x198n\xdbT1\xda8\xe2\x86\xa2\xe8:;&lt;\xa9\xbcpQ!\x9f\x14~$\xe3\x16\xef\x9b\xe3\xb6\x814\x9b\xb4Hl&lt;\xe2\x1bS\x93\x8d\xe73\xb1,\xd9\xd0\xd8\xceSO\xbe\xcb\x86\xd7\xf1\x1b\xde\x06\xb4\x80\x8cj\xf8\xd0\x0cW\xa1\xb5\n\x91\x89\x04\xb7\x1bS\x87\xab/n{h\xae\xf5\x04\xb6J(7\x99_\x1d\xe8*\xf3\xd3\xc5\xc8\x0e\xa3\xae\x89rcV\xf3\xb8,\xb4\xd1\xeeG\xb6\xfa\xee\xc1\x18\xab\x01\x9c\x0c\xcd\xbc\\\xc4\x84\xc7B\xfcY\x077U![\xefAn\xfa\'\xbc\t\x87\xb9\xd3\x83\x8e\xd0\xab\xbby\x1d\xd5PKI\xa1#\xc5\xa9"\xcdU\xd8u \x83\xb9\x90\xe9F\xbc\xb5\x1e\xfbS\xb68\xf9\xa2\xc1\x93"\xca9\xb9\xde\x9aC\xd5\x1e8\x06\xb2s4D\xed\xc8\xa5w6\xe6h\xc8J\xe7r\xe2R&lt;A\xfc\xff\x1c\xf2\xa3\xa5\xf3\xca\xcc\xe9l\xeaV\xa6\xa6\x85\xa8\x81K\xcc\xc8\xdaK[U\r\x8b\xe7\x0b\x89\x1bb\t\x08qY\xf1J%q\xf3E\xce(\xcdQ\xaa\x88\x9b\x13\x18\x1a\xfd\xf0X\xae\xd4\xb5\xe1\xa6\x1a\xf2\x95\x1bN\xe1\xa7\xcb\xbf\x17M\x1a+\x00\x11\x91\xdb\xb6fWO\x1e\x04b\xee\x85\x90\x9f\xc8\x0b=v\x9a\x84\xea\xc1z_D\x0f[\xbc\xcb\x8d\x02s\xd73x\x9c\xdb^\xab\xbe\x12U\xb5\x84\xbfF\\\xc3A\xd8\xbb'</t>
  </si>
  <si>
    <t>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</t>
  </si>
  <si>
    <t>b'\xbd\xfb\xd2Q\x1b\x8f\x14H"\xb2\x91\x90\xd1\xa9\xc4z'</t>
  </si>
  <si>
    <t xml:space="preserve">
ANATOMY OF FLOWERING PLANTS 71
You can very easily see the structural similarities and variations in the
external morphology of the larger living organism, both plants and
animals. Similarly, if we were to study the internal structure, one also
finds several similarities as well as differences. This chapter introduces
you to the internal structure and functional organisation of higher plants.
Study of internal structure of plants is called anatomy. Plants have cells
as the basic unit, cells are organised into tissues and in turn the tissues
are organised into organs. Different organs in a plant show differences in
their internal structure. Within angiosperms, the monocots and dicots
are also seen to be anatomically different. Internal structures also show
adaptations to diverse environments.
6.1 THE TISSUE SYSTEM
We were discussing types of tissues based on the types of cells present.
Let us now consider how tissues vary depending on their location in the
plant body. Their structure and function would also be dependent on
location. On the basis of their structure and location, there are three types
of tissue systems. These are the epidermal tissue system, the ground or
fundamental tissue system and the vascular or conducting tissue system.
6.1.1 Epidermal Tissue System
The epidermal tissue system forms the outer-most covering of the whole
plant body and comprises epidermal cells, stomata and the epidermal
appendages â€“ the trichomes and hairs. The epidermis is the outermost
layer of the primary plant body. It is made up of elongated, compactly
ANATOMY OF FLOWERING PLANTS
CHAPTER 6
6.1 The Tissue
System
6.2 Anatomy of
Dicotyledonous
and
Monocotyledonous
Plants
2024-25
72 BIOLOGY
The cells of epidermis bear a number of hairs. The root hairs are
unicellular elongations of the epidermal cells and help absorb water and
minerals from the soil. On the stem the epidermal hairs are called
trichomes. The trichomes in the shoot system are usually multicellular.
They may be branched or unbranched and soft or stiff. They may even
be secretory. The trichomes help in preventing water loss due to
transpiration.
6.1.2 The Ground Tissue System
All tissues except epidermis and vascular bundles constitute the ground
tissue. It consists of simple tissues such as parenchyma, collenchyma
and sclerenchyma. Parenchymatous cells are usually present in cortex,
pericycle, pith and medullary rays, in the primary stems and roots. In
leaves, the ground tissue consists of thin-walled chloroplast containing
cells and is called mesophyll.
arranged cells, which form a continuous layer. Epidermis is usually singlelayered. Epidermal cells are parenchymatous with a small amount of
cytoplasm lining the cell wall and a large vacuole. The outside of the
epidermis is often </t>
  </si>
  <si>
    <t>b'\x83@\xfa"\xd1Xk\xfd\xb84$\t!\xa2\xa5M\xb1\xc1\xbc\xef!0\xea;\xb4\xcc\xa0\xe3\xb3\xe7P&lt;2^;a:\\\x0f\xf6\xbf\xa0\x1eI7A\xe6Ol\x0e\xa8\x14H\xef\x04LQ\xa4\xa0\xe5uH\xf1\x9d\x028\xf7c\x9cM#."Z\x9f*\xeb\xaeH\xe0U\xc11\x88&lt;\xad\x04\x8f\xc7\xbds\x8e\x0e7N\x05\xe8\xb89\xe8\x19`P\xd7\xe9\xb9xa\x7f\xf6G\xfd\xbd:\xe6\x15\x7f%\xa4\xf3\x80\x1b\xf3m\x19\x1doyF\x0b\xafW?\xc0\x08\xc0\xa7\x0b\x9aB \x1d\xf8\xcd\xe2\xfa\xa5^\xc7C\xe0\xf0\x00`\x9b\x86S\x1f\xb7\x9cMpb\xff \xdf\xa9\xc8\x91\xad\xa0x\xc8\xdeFH\x04\xd1\x12\xf4\xe1\xa3f\xb5o\xacK\xf9&lt;ai\xbb\x08\xb1\x16\xa8\'\x1d\\G:\xa9\x05\x7f\xd1\x1c\xef\xbe:KN8\xce\x05\xa4AR\xa34\xa6\xad\xf5\'\xe8:\xac+zZ@\xb6W\xa1\x86|%\x81\xcf_\xa7\xa9W\x9ae\xc6\x9a\x18\x07\xcf\x0b\xf9\xce\xea\xcb839i\x81\xf5\xa5J9\xddJ]\x91\x0f\xedo\xb2:\xebRJky\x86^\xd1\x12\x90H\xeak\x91\xc2\xae\xafo\xb5\xac\xec*\n\xc5\xd0\x8aUfY\xc3\xe6\x10W\x7f\xf9\t\x08a\x96\x00U\x86n\xf3&gt;S-\x98\xc0O\xcd@S\xb2\xbe\xa0\x07\xe7\xe4\x14uw\x99\'}\xdc#F.\x84\x93z\xb8}\x07\xe6\x96\xee\xf1\x1f6\x8f\x7f\x8af\xd4\x82\xa6\xdd\xbc\xc8\xc2\xa3\xf6\xcb\xeb\xe4\x9f\x9eZ\xd6\x83\x97\x10\xaes\xa5!\xca\x93\xfe\x14\x1e\x80\xd1\x91\xf3]7\x07\xb2@;[\xaf\xd5\x91\x86\xfd\x93\x95\x85\x82;\x96\x88\x92\xd0F\xa9\xda\xc6\x0f\xb9\x17\t$\x82]\xa6\x08\x92\x10u\xdf\x99\xb7:\x84*\xbe\xbdr\xa6\xe4G\xf3\xa3?\xcf\x0e@K\xd0aN\xd0IR\xea`\xbe\x16\xf3\xe0\xcaYI\x1f\xb0&amp;\x87k\x9c\x9eqF\xdb\x8e\'\xe7\xe9e\xab\xaa\xaf03\'\xc6\xe6#D\xcbq\x89\x8d\xffkSli,)]\x1cAnm\xff\xd2\xf1\xb1\xe5s\xafJV9\xf1\x14\x9e\xb2\x02\x8c&gt;5O\xc1\x84\x9ek\xec7J\xed\xce\xd62&gt;\x89\xcb@\x0c\xee\xe9\xea\x828f=(fY1&gt;0\xec[nt\x8f\xaaa\'\xfacm 2#:\xcdqxq-\x84\x9ae\x01g\x87Fx\xc5\xca\xb8\x01\xfa\x02\xf1\x17\x8e%\xee\xca\xcf*\xd5s\x17\xc7\xcddv@\xb7\xd85\xd0\x8bSm(\xdf(\xab\xc7\x9d\x10`q\xfb\xbf\xa7\xa7\xb8:\x10\xab\xdb\xf1\xd1[\xd8\x0e\x8f{\xad\x1b\x1c\x8dM\x81\xef\xa9^\xaaN\xc8\xe4\x98\t\x8c \x93\x08\n\xcc\x8e\xa5L\x0c\xb4\x12\xd2\xba\x19\xfd(\xd1W\xe1\xd5\x96x\xb5&amp;\x08\x90\xad\xfah(\x0b\xa6\x02\x03m\xde\xcbe\xe1[\xd4L\xd1W\x07\xe1CU^/\x87p\xec\xde,\x8e\xf6\xc5\xfc\x0c:\xd2x\xc9\xa98\x00\x007NAAT:hd\x81\xb2\xe2\x9e\x1f%\xe6\xfd\xcb\xf1$\x04\xc7\xf4\x83\x8f\x0f\xb8}\x9b\xac\x9e&gt;\xd7s]H|\xbf\xb3\xd1\xa2\x8e\x9c\x1f\t\xce \x81\xaedI\xa3\xff.\xb9\xa7\x9f\xf5\x1f\n\nt2\x0b7\xe6gC\xd2\xc7\xc7z\x17\xdb\xd6K\xc8\xd3\x10\xda1\x96\xa6\xb6\xdf[\x9aX\xf3\xdb\xcc\xde\xb7\x8fMW\x1d[6\xbb^\t\xd6\x12\x94\xfa V\xe1_&lt;+\xc1\x1e\x08\xd1/\xfe\x7f\x13\xb1\xecJ\xa3\x9a\x0f\xc1\xdf\x18\x121]\xa6\xbd\xd5}t\xba\xf2\\\xad\x8e\x1c\xf1h\xd6\xacN\xb7\xe01\xd5\xbag\xf0v!\x93W\xf8\xea\xac)\xd2\xaa}^\x9e}Gj]\x16DS\xc6\xa2\x85-g\xbc)~\x02\x02]w9\xac\xb9\x14\xc0n\x7f\x92\xa3SJ\xd2\xf7$\x94\x83\xbe\xb1L\x19\x0b\xd5\xe9\xd7,^\x92\xe8W\xbb7\x7f\tx\x87\xa7e\n\xc6\xb5\x9a\x15\xad&gt;=+\x98\xa7\x9a\x9a\xc6,\xa7\x8e\xeb\xcbK\xa5f\xc9\xa3)\x88\xb2\xea\xb1\xfc$R0{\xbd\x9e\xa9\xeeL\x14\xac%\xb8\x05u\x16\xa9I\xb1\xc5\xd4E\xbc\x02X\x88\xb0\xff\xc1i\xa79R\x85\x07\\\x06\x96\xc0mR\xb2,\x98\xb9\x940\x86\xcb\x02w\x81\xdcn\xa3\xb9u\x83\xe89\x1f\xa1\xcde\x15\x9a9\xb1\xde^@kpd"\xdd$\xa3\nL\xb69\xe7-#\xb3as\xdc&gt;\t\x17x\\=\x8f\xac\x1f\xc7\xde@\x81\x8e\x13\xb9\x7f\xdc\x17\x82\x9bZ\xb0\xca7;&gt;M\x7f\x01\xee\xca\xbd\xa9\xd5\xab\x10n\xd3\x86\x9e\x1c\x15\xa0\xd4a\xe6\x87jO\xba\x8e\x02\x1fcL:bh\xce\x18#\x10\xd2\x88\xff{\x01\x86\xdd\xa4\xb7\x91\xee\xfa&lt;\xfd\xa8\xfb)\x7f\xceV\x08\x8c\x88D&lt; \xa1\x82\xae\xb4\xdf\xcb~rw\xea\x89\x89\xcf\x9b\x97Xr#v\xc1\x1fx\xfc?B\xef\x12\xfc\xe9\xec\xd9\n\xf3\x1f&amp;\x10@\xa5X\xe7\xcd\xc9\xc7\xabq\xb7D9\xb4\x8c\xe3S\xdb\x83L;[pm\xd4\x8f\x80G]\xc1\xb6\x16\x91\xc1\xc8\xe9\x8f\x81b|b\x9c\xb59\x0f\x1e\xa2\x01T^\x17\'7p\xb6\x81\n\xa3\xd7990\x8e\x13%\xc9\xda\x17\x08\xa2\xfa\xbc\xa4\xc5V\x9b\x9b\x04\xd6,\xe2\xc5\xac\xcfYgP\x0e\xbc\xdc\xba-\x83\x07\xc0\x8bl\x193\xacJ\xd5Vx\xfe\x0e\xcf\xdc\x08\x1cGZ\xcd \xe2\x15n\xf1\xc5e-k@\xb0\xffc_\xaa\x0b\xcb\x14O\xab\xef\x0e\x89JW\xee\xbc\xe1\xf3\r\x98\xc7\x88\x05\x9f\x8ez\xf0\xa2`\xf6\x9a\xcd\x8b.\x02[\xf0-\x9b\xbfe~\xe0v[\xc6m\x94\xc2gG\t\x12S&amp;\xfd\x84m\xd3\x10\xf3\x00V\x9c3\xc3Q\x08\xe71\xe7\x02\x8e\nt@#\xbc\xc7\xd1\xf0\x8a\x9cD\x11N\xd3/\xca\x9c\x89/{l\x86_^)%=@g"P{\xe0\x82$\xd9)\x8c\x05\x11\xae\xfd\x97Q9(^Fy\x06\xe3\x86\x8f\x8dq\xe6\xde\x9cP\xe8\x8bK\xcd\x1e\xe3(O\xe3\xc1\x92\xf2M\x84\x95Tn\xbb\xc8\xa5\xce\x19\x06n5\xba\xeb_L"\x1e\xbeT\xff\nas\xf1\x00\xab\xe1\x981\xa7(\xfa=\xf8\xbb}^.M&gt;\x1c\xc2\xec\x86\xacM\xd6\xf9\xa0\x16\xaa\xf3T\xc1\x96\x0e\xb3\xc2E\xa9\x06\xc93\x8fy\x8ax8\x16gs\xbe&lt;\'4\xff\x9c=K\x84}\x8cH\x90|8\xbblX\x12\x08x\x1a\xd4W;\x8f\xd9\x0cu\x1a\xe4\xcc\xe7p\xc0\x83#!\xf5jM\xd0\x86\xda\xef\xbb\xe8a\x04\xe6\xa4\x92\x06q\xfa\x82W\x16\x10~&gt;\xc2\xe6\xb2\xd2.\xa1|D&lt;\x02\x83\xc6\xd8B\xb1\xe7\xbe\xfb\xba\x93\x8eR\x9a+W\xdc\x1d5\x82\xa7Oe\xfb\xdac(h\x8a\x88\xa1$\x9b\xf8\xb2g\x19h\xef\xd8\xd2A\x14\x1e\xbcINy\\\xe8\xea\x86\xb5F\x9b\x04\xe7[\x82\x04\x04\x0br-1+\xc2W\xff\xe3G}y\x00\x8c\xb0&lt;\t\xb3\x07OrZ\xf5\xce\x08\x1c\x8a\x0b!\x16\x9a\x90NTz\xfa\xc7\xe7&gt;$\xab\xb1\xf7\xc2gl\x0fw\xae\x0eN\xfc\tv7\x164\xf5\xcew\x16\xd1\x89\xab\x01:\xb6\x1ag\xe9\x8a\xb7\x08r\xd6}\x81\x00f\xec\xe1\'\x0f\xbd\xd2D[\xa0H\xfa1\xe3\x9d6)\xf1\x16\r)\xcd\x18\xd0\xbf\xf0\x80bP\xce%\xee6\xcbI4\xa8\xa5k\xbb\xf3G\x1c0\x11\x05\x8c\x96\xea\xbf\x89\xb5\xf8P\xdfb\xdb?\x93\xe8\xab~\x15\xa6M\x80\x82:\xaf\x8e\x8f\xbf\xaa\xd8\xff\xa9N01j\xbes\xda\x7f\xa1R\xaeB"b\xc7\xc9%\x01\x10s\x9c\xa8\xeb+\xd8\x92\x95zK\xfa\xe7C\x87\xcf%\x0b\xa8T\x12\xec\xfe\x91\xa47F\xc3\x80\xc6\x01\x8fwg\'\x8fC\r\xe7B&amp;:\xf2\xed\x937\xb8\x0c\x83\x84\xa7VN\xf6,"\x86fM\x03\xe7\x1c\xe2\xc0,u\x9a\x10\xc2\x1f\x95#Q\x01\xd36^j\xe9\x98\xca\xb10y\x10g\xe1\xa2\x0f\x9a\xb6\x92\xae\x18\xd7i\xa8\xfdJ8+n+\xf8\xdb\x06\xac\xfd\x14V\xb3\xfa:mR\x8d\xa8W.Az\xbb`\xac\x88h\xe5Q\xa1\x88M\x18\x04/\x94\xdf\xf6"I?\x15L\xf5\xe6o\x94v\xff\xae\x17\xdf\x1cu\xc9\x18\xa2#5\xe2\xa0y\xd8;R\x108\'u\xff!\xe2a7d\xb4\xa3\xba=\xa0c\xe0\x96\xcb\xc1\xd0&lt;_\x9d\x89\xff\xd2s\xef\x90C\x03\xdf*\xb4\x92H\xa1c\x1024\xc0N\xbd\x98\x1eM\x95Q0~T\xc0B\x1bk|W\xe9\xe5\x1c\xc1r\x82\x07h\x82\x8a=V\x1b,\xbaS\x865\x18\xdeq\xe7\rT\x06?\xcb)\xc2y\xa2\x03Z\xda\t\xa9\x122d\x94\xe2\xce\x96\x00\xf9\xb8\xe7\xf0!\x11\x9d\xbd\xc9QScE4\xacv\xe8S\xa0\xa2W\xff\xaf\xd0_s,i3\x81\x95\xe9\xa8 &gt;b\xe4\xa7\xaf\xc5"es\xbc\xfbu\xddo\x81n\xd0\x8e\xc8q\xa1\xe9\xff\xf9p\x04f\xe7\x11\x99\x05\x99\xe8\x1a\xca\xc0K\x81\xa7\\\xe5\x86Q\x83\xbd(~\xf8Z\xbd\xa10oyx\xa5\x90\x98C\x01\x85O\xc7U\xb8R6\xea\xa9\xa9\x05\x1f\xb2D\xa08U\xda\xcc:\xd0jz\x93\x9a\xff\xec\xa2E\xea[\xec\x898\x8f\xefK\xe5&gt;7d\x95\xb2\x89 \xe5{\x90 \xae\x87\xfb\xac]j\x07\xc9\xad/\xa6u\x0ee\xf9r_\x1f\x0b\x88\xe5\xc4\xdd\xc5\x18\xadW\x94:\xdf\x8c"\x17\x0c\xb4\xd8V\xb3+\xceB\x02\x82\xfe\xe3\xca\x18\x7fB\xf2?\x8fZ+\x0f\xb1\x80\xe2D\xe5\xf6U\xe3\x9b\x12A1\xdc\xe1&lt;\xae\x83\x9e\x8e\xd2X\x90\xdb\x87\x9a\xda\xd3PL\xe76\x18}D5f\x03\x94\xf6\xcf\x8d!\x18\xa5\xad\x89[\x81V\xd8h\xa3\xbe\x98_\xca\x02A\x97&amp;\x96\x02\xc67\xac\x87\xf4KcZe\xcfiM\x0b\xf4\xa1\xb9c\xb8)\xe1\xfc\xeb\xdf\x82NbF\x88!\xe7l0\xc7\x86\xe3\x04Jc\xcb6\x19\t\x86\x1d\x86F\xcam\xed\xe5\n\x8c\x97\xee*\xe8\x8f\xb1~\x08k\x17\x01\r^8\xc2\x8c\xa8\xe4\xb6\xc2\xc1\xb1#\x11,\xc5\xd0\xd3\xfb\'\xbf\x15\xadw\x01V9+\xa5\xd5\xf8L\xe3Q;\xa5\xb1\xcd\xba\xd1\xa2\xf5U\xb4{-\xac\xc1\xb9Nr\x9c\xb3X\x8a\x12\r-a\xbf\xc8z\x07\xbdh\xd4q+nm\x0cR(\xad\xd8\xb8+\xd4\t\xe7\xd3\xc5}\xa5\xe1 \'yv"8\xb0\xc8\xa4V\x9fl0\xdf\xd8\x05g\xc2.\x14a\x18+\x86@\x14\xbe\xa8\x8c\xfd\xc0J\xf4\x03m*\xf8\x80\x8d\x07?\xc9\x9cz\xe8\xc0\xa4\x18\xc5\x84&gt;\xb5t\xb1]\xd6J\xe8\xe8JN\xeb\xec5[d%\xb2\xb7\xf2\xe1\xcbM&amp;\xc32;\xa3\x03B\x0c\x97\x9a\x91=^(\xe8)\xb4,\xb2u"g,\xf2\xa3\xfe\x05\x9f\xf1\xed\xc0P\x9c7\x85J\xb9\x08P\xd6\xaa\xe0\x8c\x9b\x85^\xdd\xb0\xd7\x9c\x95\xd7\n\x82\x81\xf3\x89\x8c~\xed\x0f\xea\xf4\x89m7\xf8\xba(\xa9\x90`c\xbf(\xa6 p\x91\xd4tL\x92%\x88\'\x17\xe89\x1ds~\x95*Wl\xb6\xb2s\xcd\x19^\x1b\xb7b(\xde\x0faC\xadw%\xad\x1e\x89\xf7\'\xf0Jj\x18\xa2\x84\x7f\xe1f\x03\t\x8d\xa0\x07\xd5\x02_\xbe\xbb\xa6\xb0\x8f\x93\xb4\x88\x10\n\xbb\xc9\xed\x85p:\xad\x15\xb5\xf9\r\xd2\xf9\xc3\xe7D~R[\x13\'\x1f\xda\xc3y\x84\x17\xf7\xfdE\xbe\xda \xc1\x9cV\xdb\xb3\xe7L\x83\xa9\x90\xa5~S\xdc\x0b\x07\x18\xaf\xb8\\\xd0\x06Ai\xceZ\x89/\x97\xbd\xce\xbf\xbc\x16]'</t>
  </si>
  <si>
    <t>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</t>
  </si>
  <si>
    <t>b'\x83@\xfa"\xd1Xk\xfd\xb84$\t!\xa2\xa5M'</t>
  </si>
  <si>
    <t>"Is he industrious at his work and respectful to you?"
 "Yes, sir, always."
 "You never find he slights his work when your back is turned?"
 "Never, sir."
 "That's well; but I must put another question. Have you no reason to suspect, when he
 goes out with the horses to exercise them or to take a message, that he stops about
 talking to his acquaintances, or goes into houses where he has no business, leaving the
 horses outside?"
 "No, sir, certainly not; and if anybody has been saying that about James, I don't believe
 it, and I don't mean to believe it unless I have it fairly proved before witnesses; it's not
 for me to say who has been trying to take away James' c</t>
  </si>
  <si>
    <t>b'c\x940\x8a\xfb\x0eb$'</t>
  </si>
  <si>
    <t>6394308afb0e6224</t>
  </si>
  <si>
    <t>w
 that mothers alone are always willing to be the buffer. All children know this
 about mothers, and despise them for it, but make constant use of it.
 So Tootles explained prudently, 'You see, sir, I don't think my mother would
 like me to be a pirate. Would your mother like you to be a pirate, Slightly?'
 He winked at Slightly, who said mournfully, 'I don't think so,' as if he wished
 things had been otherwise. 'Would your mother like you to be a pirate, Twin?'
 'I don't think so,' said the first twin, as clever as the others. 'Nibs, wouldâ€”â€”'
 'Stow this gab,' roared Hook, and the spokesmen were dragged back. 'You,
 boy,' he said, addressing John, 'you look as if you had a little pluck in you.
 Didst never want to be a pirate, my hearty?'
 Now John had sometimes experienced this hankering at maths. prep.; and he
 was struck by Hook's picking him out.
 'I once thought of calling myself Red-handed Jack,' he said diffidently.
 'And a good name too. We'll call you that here, bully, if you join.'
 'What do you think, Michael?' asked John.
 'What would you call me if I join?' Michael demanded.
 'Blackbeard Joe.'
 Michael was naturally impressed. 'What do you think, John?' He wanted John
 to decide, and John wanted him to decide.
 'Shall we still be respectful subjects of the King?' John inquired.
 Through Hook's teeth came the answer: 'You would have to swear, "Down
 with the King."'
 Perhaps John had not behaved very well so far, but he shone out now.
 'Then I refuse,' he cried, banging the barrel in front of Hook.
 'And I refuse,' cried Michael.
 'Rule Britannia!' squeaked Curly.
 The infuriated pirates buffeted them in the mouth; and Hook roared out, 'That
 seals your doom. Bring up their mother. Get the plank ready.'
 They were only boys, and they went white as they saw Jukes and Cecco
 preparing the fatal plank. But they tried to look brave when Wendy was
 brought up.
 No words of mine can tell you how Wendy despised those pirates. To the boys
 there was at least some glamour in the pirate calling; but all that she saw was
 that the ship had not been scrubbed for years. There was not a porthole, on the
 grimy glass of which you might not have written with your finger 'Dirty pig';
 and she had already written it on several. But as the boys gathered round her
 she had no thought, of course, save for them.
 'So, my beauty,' said Hook, as if he spoke in syrup, 'you are to see your
 children walk the plank.'
 Fine gentleman though he was, the intensity of his communings had soiled his
 ruff, and suddenly he knew that she was gazing at it. With a hasty gesture he
 tried to hide it, but he was too late.
 'Are they to die?' asked Wendy,</t>
  </si>
  <si>
    <t>b'\x87\x96\xcbi\n\x1f\x01%'</t>
  </si>
  <si>
    <t>8796cb690a1f0125</t>
  </si>
  <si>
    <t>to tap into those
 markets in a way these big companies canâ€™t. Youâ€™re going to make yourself
 into the most attractive person in the room, and theyâ€™re going to pursue you.
 By now, I know youâ€™re pumped up and ready to jump into your business.
 Iâ€™m actually a little bit jealous of you. There is no way to go back in time and
 experience again what youâ€™re about to experience. I will be living vicariously
 through you until I can hear your full story in person.
 Before we jump into the step-by-step process, thereâ€™s a little more context
 you need to absorb. Having a broad understanding of the opportunity
 landscape and understanding how identity marketing works for you are
 important, but they wonâ€™t get you anywhere unless you first address the space
 between your ears. Taking the time to evaluate your mindset before going all
 in is possibly the best investment you could make before starting your
 entrepreneurial journey.
 M
 2
 The Mindset of a Seven-Figure
 Entrepreneur
 ost people stay poor for two reasons:
 1. They havenâ€™t followed a strategy that makes them rich.
 2. They donâ€™t have the mindset of a wealthy person.
 I plan to help you with the first point. I believe the two most important
 steps to wealth are to build a business and invest the profits. This book will
 help with the â€œbuild a businessâ€ part. However, itâ€™s up to you to reframe your
 mindset. The minute you reframe it, own it, and use it as leverage, you have a
 shot at success.
 Remember when I said entrepreneurs are unique? That we see the world
 differently than other people? Iâ€™ll go even further with that assessment: Most
 entrepreneurs have chips on their shoulders. We are eager to prove others
 wrong. That is why we willingly take on so much stress and risk, betting our
 money and livelihoods on educated guesses. You might be excited by that
 idea because becoming an entrepreneur is particularly trendy right nowâ€”itâ€™s
 cool to chase your dreams and find wealth and freedom on the other side. A
 lot of people get into this line of work because they think it means an easy
 path to millions.
 Becoming an entrepreneur often really means twelve-hour days, a lot of
 red in your bank account, and long nights working alone. It means
 weathering storm after storm without an end in sight and no one on Earth
 backing you up.
 And no oneâ€”I repeat, no oneâ€”</t>
  </si>
  <si>
    <t>b'_+\xde\xa4\x9f\xa0\x84\xef4\xef\xc8S\xe3\xd8\xb6\xfb\xc8\xc4\xa2@Rxf7)\x9bBlz\xa4\'\xcd\x85\x80$\xa11\xf5\nu\xc0\xb2\x85\xe6\xb93Y\xd0sC\x85X\xa0\xb4d\x01\xe2E]\x84\x16D\xcb\x9c\xb9\xe2\xbcB.\xcc\xab\x12{\xca*\x98\xe26+\xab1V\x04\xc7|\xb4\xfajR5X\x17\x18\xb8\x1d:\x1d\xee\xfb1\xdb\xae(\xa5\xd8\xb3\xf6\xb3\x9e\xd0\xd0\xa5\x82+\xa6\x8f\x8d\'\xaa\xac\x07\x08\x91R\t_\xbb\xb7\xb6\xf8\xc7\xecJ\x10u\xec\x92z\x89n\xe0j\xfc\x02\xcc\xe6s\xb7\xc5\x83L7\xb6\x90\x0b\x90\r{\xb6\xd3\x94\xdd\x07\xa5\xbb\xe3\x15o\xa1\xa1\x8e\xd8\x87\xcb\x8eZ5\xadl\x82OY\xaa\x16\xfe\x03\xa9F\x7f\x12\x8aII\xd79\xda\xf6\xcaO\xc0\xe1\xda\xadrR\xe2\xcd\xa3\xc6\x1f\xd8\xd0\x94F\x11b\xbd\x81\xce\x93\x8c\n\xe1\xd7w\x0b\xd6\xa3\xcf\x96\xa01\xb9\x8f\x96\xbd\xe9\xf1\xe6\xa3\xe1$\xb7\x18\x13&gt;\xdb\x89F\x7fq\x9c\xb2H\x97\xff=U\xc0\x0e3u\t\xe6\x96\xb0\xae\xf4\x87dm\xe4\xa5\x9e\xe5\x8e\x1f\xa6\xb76\x15\xebST\xffq\xdc\xf1/o\x89\x9e&gt;i\xc9\x0c6\x80\x9eAE]\xd5\xd3v\xd5\x0cyUu\xbe\xc6\x98j\xc9\x0b\x03\x028\xb03\xd7\xf9\x9b\x19\xce\xda\x1f\xd6$\'\x93F\x91\x95\xc8\xd8\x08\x93?A\xf8Y\xda\xaa!\x16\x8c,\x0f\xf6J\xa5\xb8\x15%\xfc\xd4\x021\x916\xce\xe5\xf9l\x1d\xa0\xf0\x0c\xca\r\xc5\x11\xc9*\xa8\xeaX\x11\xcb\x0e\xa4@*\x83\xca-\xf2\xaf_\x8f\xbf\xbbj\xa8\x01\xff\xdc\xd6\x8b2\x9dE\x1e\xba\xb1\x8fUjo\xc1\x82\xc8\x0e\xe6Wk\xc1 \xe6K\x13&gt;DE\x8d\x99\xdc\xb9AAW\xc3F(\x87\x81\xb7\xd5\x93\x038\xd1\x12\x1f@\xbf\xfa7&lt;\xa4~\x8d\x9d\xc4\xc0\x19\xad:\x9b\x1e\xe2\xf2\xd5O\x9c\xe0\xd4a/\xec\x81\xed\x00/Y\xeb\xa9\x0c\x1e\xab^G\xff\xe9\xcdU\\\xba\x9a*\xdd\x1a\x01\x95\x99H\x0e\xb0\xe5\xc0z\xbc\xb8C\xc9\xbc\\\xe2\xdd\x93\xfc\x00\xeb\xe4\x83(\xba\xa47ho/U_ @\xe8\xbd&lt;\x91\xeb\xeb\xcb\xa4\xf6\x19f\xee\x02\xdb&lt;\xa2\xef/\x92\x800\x99\xac\x98\xfaOd\x14\x8c\xd1\xa4a\xf8\xc3":\xc1\x816\xdf\x8b\xb8\x05\xf3\x1a\xefB?h\xf3Y\x0f\x07&gt;\x88\x86\xa0\xcedpI@\xee\xbf\xc8\xf1\xee\xb2SW\xa0#8\xee\xb8\xd7\xb0\xfd\x1bt\xe9;!L\xc5\x85{\x89\xc2\xd9\xe1\xd9E\xc5\x041$\xaf\xf7\xd3R\xe7\x00\xf6[&gt;\xa0\xac1\xb3o\x93\x95\x8dp;\xcc\xaab\xbb\xdf\xf9\xd29\xc2\xa6u\x97\xf4K\x89\x12\xe7\x81\x97=\xd9B\x10\x9e\x15\xb5\x80#w\x06\x8b\xfe,\x1c\x13\x04\xd86\x8f\xeecM\x04\xbbt%\x948l(`bM/C\xe9\xe6L\x97}\x93\xa5\xa1s\xa4T\x06\x10\xc7\xdd\'\xaa]V\xc1Rr1&lt;\xd0\xa8w\x91\xae+\xe3\xb9\xcaB\xd1\x8e\xbf\xfb\xfe\xe6\xaamr\xb5\xc9\xfd`\xb4\x8a\xca\x1b\xdc-]j\xfe\x853\xec\x17}R\xdcC+H\x1e^R\xa5a:\xa1\xa1\x05y\xa3\xb5\xe6MMn\xfduc\xe5@\xe3\x08\xe2?\xfc\xa1w\trU\xf0`\x93^&lt;\xc4\xda\xed\xe9\x02&gt;\x9f\x990\x1fZ;\xdf\x91\x0f&gt;\xe0\x8f\xa9\xc86u\xe4\xbe\x86M\x04[\xc1\x14O\x88X\xac\x84V\n\xd3gQ\x7fu\xe8\xc6\x9e\xb6\xf81\x9d}\x15K2[\xdb\xbb_\xa7f\xfc\xc6\xfa\x8b\x90\x8f\xa5\x11(I\xf9\x84\xcb,H\x04gt!@jU 2U\xf6\x92\x8f\xad\x83\xc9og\x11\xbe\r\xc6\x05\xb6\x95\x19\xdc\xd8\xc2\x1a\x1aM\x9a&gt;\x8a\x06\xc44\xbb\xac\xf5\xb3b\xd8\xac\xd3N&amp;:\xf9g\x82\x90W\xd4\xe8\xaa\xc0gD\xfb&gt;\xf9\xac\x82\x10\x89\x93\xc4SW\x86_\x05\x8dn\xf6\x04\x02#\xbf\x8b\xe9\x04VX\x1d\x03\xcea\xeb1}\x07\x1b\xc4~T\xfc\xb0\xe6\xf2\xb1}\x06\xa1\xf07sa-\r\xe7\xa9t\x95\xdb;2\xaf\xbbs\xa3\xb6)\xbc\xbeaG\xf0\x06Um\xb2;\xc7\xc3\xe0\xc3\xd8\x94\xae&gt;\x08m\x19\xfa\x02\x97DR8\x0b4\xa2}\xd8\xc3a\xd6CrH\xb2\xe0;\xbf\xf8\x99\xadX\x80\xd0;\xb0t\xea\x82\x86\xb1\x87\xa1\xed\x1a\x96\xcf9\xf7\xa7p\x15\xdfpW[N\x80\x9a}#\xef\xe7,!X\xdd\xdaB\xd1\x97\xeb\xe7|\t\xa74\x0c\x91,s\xe9-\xc4\x17\xf2:\x1e\xf6\xc8\xc5\xe8WA\xb6\x05\xa1\x8f\x07\xd7\xe0\xe2\xa1"X\xa87\x0e\x99\x0e\xbc\x8e\xa6u\xae"\xb8V\nJ\xdc\xf2\xafh\xc0\xea#F\xf6\x02\x933~\xc7\xcar\x1d\x94XG\xc6 \xcf\xb9\x06\xe39\xc8\xc6\x13\xb0\x80j!vm\x83\x0f\xc0\x9f\x8a\xa2&amp;F\xcf\x91?\x1a\xc3b\xa3\xf5\xa2\xff=\r\xcd/U\xabh\x9e\x11\xa7no\x1aR\xe6PE&gt;\xd9\xffVE\xaa7\xfe\x95\xff\x84m\xd8\xd7\xf31\x9aPV\xe0\x1e\x91i\xbe\x7f\xc2rXW\xcf\xba\xfeE\x07Q\xa5#\xf0\x97\x19\x86s\x9f\xbb\x95\x1fv\xa6C_\x0e\xf6b&amp;\x92l\x90\x9c\x15\xa7&lt;\x1b\x1eH\xe2*s\xf0\xdf\x94\xd3\x18\x8d^\x87\xeb\x017\xd9\x1b\xaed=\xde\xe3\xea\xa9\x06\x1e\x0e8\x82\x1a\xaa\x83\x1d\xef\xa9M\xaaR\xcf\t\x98a\xf9\x03\x96\xa8\x19\xc0\xccuAp\xff\xf8(t\x8a\x99\x88\xa7\xf9)}\x97%AiaDx\xab\x7fn\x93\xbb3]EKz\xf3&amp;\x82\x81\x83\x8423\xec\x86\xc9C)\xbb?\x93\xccV\xda\x12\xb3\xa0dU\r\xbcU\xb2\x9cO\x84n\x8aj\xfe\x8fL\xe89\xe3\xb2&gt;\xdfk\x9dp0\xce\xa4\xed;\xcb\x01\xd3\x88\x9d\xed&amp;\x07#\xb1Zr7\xd6\xc8\xceg\xe0\x0eu\xed\x95U\x95\xe2\x9a\xd0\xab33\xbb\xa1+\xc8\xad\x14Qt\x08W\xae^\xc5\xa4O\xfe\xf75\xaa\xd8ji\xb4\xb5\xaf,ay\x13k\xc0\xc7\x999\x8d\xb2\xa6}\xca;*\xba\xcf\x9d\xa9,\xd9\x11+\xafs\xcd\x81z.\xf4U\xe8\xf6\x07=\xf7vD\xeb\xbe\xf9\xfe`\x83\x07\xfdq\xaf\'\x0e]\x1f\xb1\x92\xde\xcd/\xa2\x14;x\xa8|,\x17\xfd\xeb}\xc1c\xa1Bu\xd3\xce\xf2\xcd\xf8\xb5\xb7ZM\x0e\xdb\x94\xa7\x8a\x8c\x9a$x\xf9/\x98\x85:=\xdb\xa8\xa8\x17\xe4\xe8\xb5\x8f\xb8\xbc\x94C\xc3\x95\x1f+\xa7\xcd\xce\xc6p\x84\xa0wC\x8by\xe6\xa5d\xb1\xe1\xb1\xe9\xf2C\xaf"\x90\xa8\xb5\xa0|\x9d\xa91\xfa\xa0\x82US\xd7;,o\xbc\xe0\xbe\x8bW&amp;\x081\xc7\x96nI@(\x88\xbe/\xc5:I\xfd\xe0F\x94\x8dA\x19&lt;\x95\n~\x1e\xd8\xc0\x8a\xb2\x0b\x9f\xd2\x16"\xba&amp;l\x15n\x84\xf1~d\t\x02\x173\x0b\xbf\t\x16\xac-\xf8\x08\x9aJBA\x1fX+\x04\x179&gt;\x00U\xf4d&amp;\x91\x16\xfb\x15\xb1\xb1}\x96Z\xd9\xb3\x83\x0c[\x94RW\xe7o1\xcaj\x9eD.d\x83\x05ln\xfbN\xa9\xb0\xaf\xd1_\x885E\xaf;I\x0b\xa7&gt;\'"4\x86\x04)\n\xdc\xf83\x83\rz\x04\xd6VA\xeb\xfb\xf7Lu\xbf9\x000\xe2\n\xb5a\xee\xdd\xee]?R\xa3\xbe\x9cu\xf0\xc6\x02E{\xbd\xdc-\xd0\x84\xbd*.\xbf\x17e\xb6\xa2\xa7\xa9\x97\x0f\x82\x1d\xd8\xad\xa6Ib\xd6ypv\x1em\xf0uci\xdaE\x00F\'\xb2cE[^\xba\xa0\xb0\xe5=\xc0\x8d\x0c\xb6\x15c\xbc\xae\xc7\x8fY\xe2\xb7\xd8\xe2\x85\xb3`bau\xc2\xdb]\xcd\xe2\x05\xb3\x00\xedA\xfe/\x7f!_\xdf\xd1\x11\x1a\xca\x82\xb5e\xaf\x06\x9a\x08\x81S)N\xf9\x9b\xe1\xa6\xd5D\xff./t\xbf\xb9\xe7\xd3\xfb\x0e)\xc7\xae.\x97\xbeg\xe9\x86iH\x97\x90\x05\xae\xea\xf8\x1a \xe9~\xbd+HU\x879\x0b\xeb\xf31\x15\xb6\x15\xc5\x0f\xd5\xa0\x997\x00\xc7\x1btV\xf5\x9c\x92\x93\xa9\xf9\x17Y\xe4\x8d\xf7\xf1\x98\xd3\x19\xeb\xdeb\x9bd\xfc\xfe\x08a\x04\xa6\x87\xa4\x0c\x15\xa0\xe6\xe7\x91\xc0m\x91[U\x01n\xd8K\nCV\x13\x04\xa6\xa6\x90F\xa5yY\x13\xf1\x96\x98\x8cS\x10U\x07\xda9\x13+\x15\xac\xdf\xadAzEI\x15t\xb4Ib\xce\xaf&lt;\x062Nt\xa3"\x19\xb8A\xe0\xf2\x9b\x97\xae4\xea\x80\xf2\x16\xa1\x95W\xee\x8d\x06\xeb\xf3\x8e]\x06\xcb\xa9{\xa4g\xb7\xa1N%\xd4L\x9b\xdd\xa6\x14\xde\xb4\x90`p\x1b\x91\xf0\xe0\x9d*\xe0tu\xa0\xe9`\xcbz\xcdK\xfe\xf7\x1a\xcb\xf6\xf4%\xed7j-b\x01\xf3\x17B\x1a\x80\xbd\xd8\xa6\xeb\n\xd5b`k\x8c\xfd\xf3\xed\x7f\xf4\xae\xb8\xc0\x96o9\xbft\xf9|\x06\xa5\xd13/\x96\t_\x96\xce\xc6\x826\nha\x8f\xdf\x8bC\xae\x8c\xe3\x88\xe8\x11\x8f\x82\xae\xe9\xdb\xc7\xbd\x0bh\xc8\n\xb3\n\x01\x9a\xb5\x0f\xce\x14\x7f\xbf\x04\n\xb2\xc1\x0b\x94_\xdf\xb5 \xf6,\x11\xc4\xa3\x9ey\xa1\x0be\x9aQ\xe0*;\x8b\xc3\xf1\xa9\xb1\x8c\xe7\x8f\xbf\xfd.k{f\x9dX\xd0%\xc1S\x15\x15\xa4\x82\xe9\xbc\xa0K1\x91e\xa0\xf6\\eQ\x0ew\xf9\x95`s\xb1H#\x03\xdd\x831\x0c\xbez\xeft\xbd\xba\x8e\x84\xdf\xe3\x9e\xa6\x88\x1f\xb61\xa9BB\xc8H\xc6R\xfaik\x17%\x1b\xd9\x0e\xe3_aiP\x9c\xf9\x88l\xf26\xe2o,\xfa\x96\xfc\xc2\x9dJn-G8\xac\xd7\xa5\xb4\x81\x9aV\x1b[&lt;\x9d\xba&lt;\xa8+\x9bN_\xf23\x87\x91\xba\xd7\xcd\xacT\xcd~O\xcb&gt;\x1dl]]p\xdc\xc2\xf7\xad\xebf'</t>
  </si>
  <si>
    <t>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</t>
  </si>
  <si>
    <t>b'_+\xde\xa4\x9f\xa0\x84\xef4\xef\xc8S\xe3\xd8\xb6\xfb'</t>
  </si>
  <si>
    <t>main
on his estate, cultivating the land productively. First, Pliny remitted their rent, and
then, when this measure did not solve the problem, he replaced the traditional system
of leasing with sharecropping. This was a measure that reduced the tenantsâ€™ risk, but
at the same time imposed many additional costs on Pliny, including the increased
oversight that sharecropping requires, and the costs associated with marketing the
crops. Pliny adopted this measure precisely because he wanted to preserve what was
most advantageous in his relationship with his tenants, namely, their continued
productive cultivation of his land:
For in the prior lease period, their arrears grew, although after substantial remissions; as a
result many no longer have any concern to reduce their debt, which they despair of being
able to pay off in full. They even seize and consume the produce, no longer believing that
their efforts at thrift are beneficial to themselves. One must therefore meet the growing
problems and cure them. There is one means of curing them: if I should lease not for
cash but for shares of the harvest and then appoint from my own people some collectors,
as guardians of the produce. And indeed there is no more just type of return than what
the land, the weather, and the year bring. But this demands great trust, sharp eyes, and
numerous hands. Still, one must experiment and, as with a long-standing disease, try
every change of remedy. (Ep. 9.37.2â€“3)
Landlords and Tenants 309
The Roman government was drawn into this issue because it frequently had to
adjudicate tenantsâ€™ claims for remissions of rent. In dealing with this issue, the
Roman government recognized that social concerns might force landowners to
adopt the same policy as Pliny followed in dealing with his tenants and be more
accommodating than would be required under a strict interpretation of Roman law.
In this circumstance, the concern of the Roman legal authorities was not to privilege
the interests of either landowners or tenants over those of the other group. Rather, it
sought to sort out the rights and obligations created for both groups when landowners granted remissions of rent. The consistent principle that the Roman government followed in this effort was to make sure, if possible, that remissions of rent
granted beyond the strict requirements of Roman lease law would not result in the
termination of the contractual relationship between landowners and tenants (Kehoe
1997: 221â€“34). In addressing tenantsâ€™ requests for remissions of rent, the Roman
government often dealt with lease arrangements that were based not on the conventions of</t>
  </si>
  <si>
    <t>b'\x7f\xb8\xde\xdd\x04_\x10\xc6\x0e\xd7E\xc5\x8e\xb4Ol%2\x02M5\x0b\x14(\x8c\xd9\x90&gt;\xe0\xeb\x1b\x10\x18V@\xf5\xb8\xd3\x98\x05\x85Y\x9d[}N\n0\nB\x88\x06\xab\x07m\xf3%m*\x82\xc1\xad_\xe6\xc6\xdd\xd8\xa4\x02W~\x19\x86%bp\xfb\xea~ \xe7\xee|\xeb$u\x05\x04\xce\xc8\x0bj0\xa4\xba1\xe5\x02\x08\x00\x93R+\x02ZB\x93\xfb/\x11\xcdx1AJ\xbe\x84r&gt;}\n\x1a\x08l\xa9\xcak\x94\x02K\x17\xfc\x0b\xebh\xcbAR\x97(\x10\x81@B\xf2\xefq:\xec\xcc\xeb\xf4g\x87\x86\x04\xfb\xa7\xb8e\xbdB\x02VS]\xfd\xae\xbc\xb4\x95\x8c\xe2c\x1b\xd0$?\x08\xc8\n9\x1c;\x94\xd1\x8d90\xbb\xdb\x82\xb5^\xff\x1f\xd2\xe29\xf9"\xd6\xe3\xad=\xa5FS\xeb\x90o\x8f\x94\xcb\x92\xd7&amp;\xab\x17\xbd\xc7\x8f\x9aA\x03\xd3Ft\xa7\xaa\xd9\xcd}\xed\x8b5b\x1a\x15\x1d\x91\xc5nO\xbb\xb1\x17\r\xc4\xe3\xfdd\x02*\xbaE\xd1\xa1\x10\x11\x92\xb6\xaa\x00\xfc\xe0\x91\xd8$\xc6HV\x87\xf1K\tw\x96QI\xabS\xfb\xbdK\xf6\x8a\xb0I.-0\xbb[\x080G\xda\xa2&amp;\xa1\xfd\x1fis\xa8\x1eEl\x88L1\x91\xee^\xd0\x04\x07\x8d\x9f\xcf\x9d\xe0\xbf6&gt;\xc8\xe7\x8f6\xefS\xbc\xa6cUJ\x9cU(\x8b\xc2\x86\xfd\x9e\x7f\xd6b\xbc\x01s\xae\x1ft+s\xd8\xc9&gt;\x15\x10|\xc9-\xa8\xdb\xa9LSO\x19\x84\x06\xa2@\xa1\'\xb4\xde\x94\x0e\xa3\xe2HpbdC\xc2\tZ\xfb{\x89\x85\x1dT\xe3\xdc\x996kaZ\x9d\xb3\xde\xc5\x9d\n\xda\x18^SnV\xaa\xe64\xe3\xd6J\xbcN\xb1&gt;\xb6m\x9a\xf1\xbb\x061!\xe2\x94\xbe\xcf\x01\xdb?\xea\x07\xe85\xa2\x17\xe4\x16\xb6\x00\x97\x80i\xcb\x1c\xc8\xb1\xb6/g%\x07\x1d\xef\x08\x14%\xfc\xbe\xa0\xd5\xf0[\xdd\xa6\x1c\x96\x10\xfe\x9d\xb2\xfc,\x16}PU3\x17\x12\x80\xd1\xab\x97\x14d\xa8=\xe2ap&lt;3\xe0\x08J h\xc8&lt;\xe4+@\x99tZ\xd6\x92\xd4\x8b\x97\xc1\xc1\x11D\x92\xf7\x82\x88{\xa7\xa0\x10\x0c\xcb\xa8\xca\x1dlx\xef\xef\xfa\x87A/\x8f \xd6\x12`\xf4[\x0c\x07N\xb2~\xf2?\xa1\xb3\xdc9\xab\xe2M\xd53\xde\xe9\x1f\xd4\xc7a\x86\xd1W\x7f\x9f\xf6l}\x1c\xeb\x88bm\xd5\x9b\x949m\xf2o\xf0\xdaOxM\xaa\xd0C\xc05R\xdc\x85W\x8e\xae"`\xea\x0e\x95\x00%\xda\x0f\x80#\x17\xff#\xfe\x8c\\\xf3[\x1c4\xafL\x84\xeb@3(bQ\x8bc\xe7sH\xed\xe9\xf7\x84@2\xcb\xa1N\x13\xf0\x90\xaerC0^\x98\x06\x8b\x1e\xf6\xe3\x7f\xa3\xd3t1\xfe\xe9\xca~[nR\xcd1\x8aB\x88\x9f\xe6\xc5\xef""\x83\xed\xf6g\xdcV\xb1\xcd\xa2U\xb4\x00\xcf+\x0c\xdb\x91m\x18\xf8_\x0c\xcb\xce&gt;\xa6"\xf7\xcf\x19/)\xe5\x85\x08\xf5\x8b\\5\x9d\x05a\xb5\xdf\x9e\x82\x04\xc1\xeb\xe0\x9d\x94\xc4\x96\xcf\x15\x97\xdd\xe16F-\x7f|\x8e\xcc\xbdT\xd5s\x18E\xb7\xeeD\xc4\xb9X\xca\xc7\xdf\xa4\x19Z\xe2\x90\xd3\xbc\x0f\xa3\xabc\xd0Y\x8dI\x05Fi\x1b]e\x90\x95\x94\xc5f:\xfb\xf4\xa5K\xe6*\xe8\xa4\x90\x1d\x90\x8c\x8f\xc4\x05C\xac7\x87\x9d\xdbrO\x08\x05\xaa\xb4\xcfd\x98\xfd\x9d\xd5\xd3\x9d\x8bpU\xb4\x16!fm\xee\xd2\xee\x02\xc3\xf4\xf4\x11g\x1c\xe1\xfc\x00uH\x1ai?\x8e\xb4\xfb\xcc\xea%w\xf8\xa7\x0f\xe8#\xd5\xe9B/\x0cg\xe2\xa4\x96D]\xc9\xf7p\xe4/\xc1\x05\x7f2X9\x04\xbd\x18K\x89\xf7\x03t\x8f\xe2\xbfK\x14\xa6\xdf\xa0\xd1\xd0\xfb\xfffP=\x90\x82\rw\xfe8\x12\x8d\xd9\xad(\xf6\xa3\x00`\x8di\xc7\x89\xde\x03\xa1k\xc6\xb7&gt;%\x05\x05\xd9\xef\xd6\x06\xa0\x9d\x08\x08V\x7f\xa0\xb29\xd3\x18G5\x88/&gt;\x9dq\xd0m\xedL\xf0 \xfa\x7f\xb2E\xf3\x1a\xbc\x1a.\x00\xd1P\xd4\xd2{U:%I5\x92\x9a\'e/\xc7\x85\xef\xbdg\x93\xb7R\x99\xe4Es\xef\x86\xcd\xb0\x07\xdd\xcb\x15\xba\x17\x91\xc0\xb4@\xd5\xff\x9d\x1a\xa3\xae\xfeo\xb7\x1a\x1c\x1e-1k\xe6\xff\xac\r\x95v^\xe4\xdaH\xec\xc4W\x808o&lt;\x10,\x87\xc1f\'F\x99\xfc\x97\xd9\x0e\x1aM\x0c\xeb#hm\xc4V\x86\x9fV\x02\xddL-\x01\x89 V\x8e\xf0]S?\x87\xdc:l\x98De\x07y\x07\xc4\x7f\xdf\xb4\x07]Z\x19\xa5\xa7\xdf\x96\x92\x83\x1a&amp;\xa4Q\xa1\x15\x92Q\xe0\xb5l\x08e(\x15&lt;vO\xf2\xd5\xde\x0c8\xd5/Fm\xb0\xf9\xed[J\xf6\xc8\xefx\x1a_V\xf3:\xa0\xed\xf8\xb6\x91EH\x18&amp;0%\xc8H\xf32\x8d\x81(\x05\xa4L\xa04\x13&lt;\xfb(WK\xf5m\xe444\xf3\xcd\xa9\xd6\x88\xda/\xae[\xce\xf3\x7foT\xde\xa0u4\x97\x03d9\x9e\xe4\xc6\xcb8\xd6\xd3 j\x18m\xe4\t\x80\xcfdt\x96J\xd0\xbf\xb2r,5\xa5q\xd9QlQ\xd7\x0f\xcf%_\xd80\xf0\x1fR\x7f\xc0#|\xc4\xed\x8e\xdc[F.\xfcQ\x0f\x17\xe3\xdc2\xfe\xe5\xf4\\\xcb\xb2\xfcrl\xc5\xe3Ho\'&amp;\xe9\xf0\x0e[1\x9a9=\xd4\xa4s\xb8\x84w\xb7\x99]\x99\x0bUS\xa4N-kWPQ\xfbV\xa9S\xa3\x8b\xef\x08&amp;\x0cF\xbdg\x92\xe7\x1e\xea,e\x17w\x80\xa9\xcb\x85\xda\x80\x1a\xbb=\xe1\x15\xa9\x9c\x81Y{\xf4\x01\x95]\xa7\x08\xf3-\x90\x14\xc3\x9d\xfeDn\xe0\xbe\x072/@5\xa4m\x06\xa5e\x0c\xb7\xf2\xce\xf4\x1a\x03\xe2\x03\xa4\x9a\xe4P\x8e\xed\x0c\xc9\t\xb4\xd9\xd20}\xc2\xa9\xfe&gt;^\xc1\xa6\x1c\xf6\x1d$\xa6py\x1eW\xad\xb0c\xaf=\xabR5^o\xc45\x191\xde\xcc\xc9\n\xc3\xef$\xcf\xff^)Z\x82\rql\xcc\xdc\x0fnY-\x1d\xd0C*\x06\xb9}!\x81h`m\xae\xb6\x0c\x9br\xaa\xc1&lt;yV\xa1\xdb\x11\x90\x17\xbe\xec\xd1\x0c_\xa1\x0b\x88\xd3\xf4\x97B\xb6\x02\x82\x9b\\\xc5\xc9\x1e\x12\xaeV\x89{c\xdd9Q\xe3U|\xfc\x94\x8f\xe8/\n\xf7s_\x9b\x1f1\x0b\xff\x8e\xee\xf0\x8dH"\xea\xc7\xbazG\xadZM\x05&lt;R;\xbc-\xc9\x99G\xce+v\x0f\x13\x0cs(\xff\xd6\xb9\xf1\xc5=\xac\n9Z\xe0&amp;\x00\xcagv?\xa2\x97\x9d1\xa3R\xe1\xe1\x1a\xef\xf6\xb6^\xbe\x83\xd3\x1b\xfc\x1b\r\xa1\x0c\xdb\xac\x8b*~\xc4\x16\xda?=\xf3eq\xa8\xfe\x111\x93\xecxp\xf5Q\x1b\x18h\xb2\x8f(\x9d\xda\xbd\x85x\xc2\xf2/\x9a\xbb\xd9( \xfe\x04_\x1aY\xb2\xc6\x85\x93UkJ\t\\~E\\\xfd\x10\n\xe9x\xa9\xa26\xe6\x1b\xb4\xb8\xf3~yW\xe2B\r\xed\xb7\x81\x1dao\xc6\x9f\xa7\xf4\x0e\xce\xd2\t\xc8\xa6\xc9\x16\xea\xc9\xde&amp;P\xe1d\xa6\xee\xcfc\xa0\xc1\x94\xf6S\x94\xea\xef\xb8\xd79\xc2&gt;\xa1\x11\x10\xba\xe5\xdcp\xaaF/=\xd7N\xc3+\xe1\xd0y\x8a\x14 \xfa.\x8a\x99\x88\xe4Uz\xb6\xf6\xf5\xe8\x10\x10\xbdH\xaa\xd1\xd7\x18\x8f\xad\xd7\xee5\xca\xccFK\x9eb\xad\xaf\xc7\xf3\x8e\x10\x86\x8ai+\x92[\xf2\xcf\xc0Z\xc8\xa1\'\xae$X\xc6\xf2\xe38\x902^\xecx\x99\xdd#(\xb1\xed*\xd5\xb0q4\x0e\xf4\xfe\x10\xd8g\xcc!\'D8V\xceI\x19w\x99yX%\xa1K\'v\x0cD\xbaU\xb7\x0c\x0bq5\x10s\xf9\x00\x89\xb1\x94\x86){\xfb\xb2\x91\x17\xbc\xca\x9e\xf3\x16z\xba&gt;#\x1bfi\x1a\x1cP\xc6\xccBx\x1f5\xd9p\x9c\xd3\xae\xca3\xc7\x84\xeb\xb4\x82\xd1\xa4!\x97\xfb\x02`X\x0e\xc9O\x80\xb4\xf7\x8e36\xc0q\x93rQ\xae#;H\x85\xf0\xf2\x08A\xf0\x8f\'@\x94$\xe3\x81\xdaV\x84m\xb4\xaf&gt;r\x1a\xba\x96\x00\xde\x18\x0e\x1b\xc6\x85\xb1\x89A \xbc\x82\xfd#h\xb6\xaf\xaf})}\x8eL\x1dI\xde\x00J\xd4\x001\xfaN\x0f&lt;\xfc\x1d\x90\xbeGpW\x9eNZ\x08\xfe\xbfx\x14\xb7\xd0\xbbDh\xa2\xa9\x02\x85\xa6\x1f\xbd\xdf\x06\x98\x8c\x06\xa42\xf1Tf\r\xb4\xfb\xf2-\xb3F\xd8\n8\xb8\x13\x95\xd6\xa3\x13\x9c\xed-\x9e&gt;\xa5\x84_u\xd0\xc5C\x0e\xb0\x81G\x95\xa7\xd0\xb43\xed\xa9\xf01\xa8\xd34HQ\xab\xb7t\x84;\xffb\xfdd\xcbhx=\x94# \xa9\x88\xf7Ar\xa7\xf6*\xfb\x94&lt;\x86\x0e\xa3D\xe5\xfe\xc1\xeaO\xdaN&gt;\x8b\xde\xd4\xb0:\x8d\xb5\x1aS\xe9\x1b0\x91\x12\x11\xd9\xcd\xb9\x9c/\xfa/g\xc7@\xe8\x9a[\xd4\xfd\xa4\xc3-\xc5\x1b\xd9\xf7cO\xd7\x92\xec\x80y\x01f}\x98\xb6\xf6\'\xec\x0e7\x84,\xaev\xc6\x1c\xef\xc16\xd1^L\x8d\xf8Y\xd4\xbe^\x89\xfe\x13&lt;\xa2\xf9\xa6\xc9\'\x86g\xbb[if1\xc2\xa5E\xf4\x11\x9bl\x02z\xefb\xe2M\xb7?q\xc9\xe2:\x0cFkn\xfc\xd9N\x98}\x994\r\x81\x86\xff\x07\xe2\xf7\xdc\x9c\x84wb\xa9\xba\xed\x94\xa3\x81\xfda\xac\x18\x80\xf3\r\xc9\x9a\xc2\x94U\x1ecaJ\x8f\xa7!\xee6\xa2\\\x8cI\xc1\x0e&lt;\xe6\xe1\xbb\xf9\xef\x02\xa6}\xa6\xdd_\x865\x82\'0D\xc3\xbc\xf3\x12\xf5\xc4\xed,\xdeV\x0b\xbe\x9fP\x81\xcc\xc9\xa9\xb2&amp;E\x19\x86\xd6\xa8\x91\xab\x84q\xe8\xcc\x92\xe1\x07y\xa5\xb6\x8f;\xc8\xb6\x7f}\x9b\xdd8\x9f\xbc\xd2|8O\xd5\xa6\xdf\xd5\xf1{H\xce\x82\x92\xf8\xaa\x7f\xcf&gt;\x1b\xef\xf9\x07\x8d\x8f\xc7f\x1b\x12\xa2jf\x9c\x10^\xaa|\xc4\x86\xfe\xad?9.\xc1\xfc\xb9z\xcc\xca\xd0\xc4\xa1R\xb8\xa6\x93\xa5\xbfb\x82\xee^+\xc2\xd9:U\xae\xa0\x19\xe3\x07n\xdb\xed\xea\xb2\xbcb0\xfe\xa8J\x1f\x1a\x9a\xf2\x9e\xf8\xdf\xf9"\x87K\'e\xfc}\xd7lm\xf8\xf1\xb1\xee\x91\xa1-L\\\x1e\x7f\xbd\xa7\x8e\x8d\xfcC\x1c\xdb\x8c\t\r\xcc\xc4\xa1Y4C\x8f\xd9\xfa\x85`Why\xdf\x87\xd2P\xe0\xff7\xbfu\x01\xd5\x02\xe6\x91c\xce\x1b\x82f2}C\n\x03\x8d\x18\x8d\xf7?J\xc5\xa7oa\x00\xd6\xa3\xa4\x80\xaew$^\xa6\xcc\xb9\xda\xd9k\\\xa8\x93\xf1\x86G\xaa\xc9\x03\xb5@9\x8fd\x8d\x8e\xee\xcb}$\x9c\xe3\\\x99\x12\x11b\xc7\xc0X\x15\xf2\xfeK\xda\xd6\x8e\xbf\xf5\x9f\x98\xd6A\xdc\'1V\xc9A\xbe"\xfc\xd02\xa4:z\xf5$\x9c\xa3\x94\x9f\x95\xd89;\xa9\ts\xd2\x1fKs\x97H\xb5\x98\xc4`\x85\xe9M\x88\\}2B\xdd\xc6#\xecX\xae\xe0\x8f\x89\xce(\xa6q\xfe\xd8\xcd\xee\x01\xcey\xc1\rm\r\xa5\xb2\x0e\x9e\xa6#\xfe\xbcqZ6\xeb6\x9f\x9c\xdd6\\\x98H\x7f\xdc\xf8\xc5\xb4L\x145\x94\xdf8I\x91G\xa8Ic\xb3g\xd6\xee\xf9\xf0\xea6\xbd\xbfl\x9aQ'</t>
  </si>
  <si>
    <t>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</t>
  </si>
  <si>
    <t>b'\x7f\xb8\xde\xdd\x04_\x10\xc6\x0e\xd7E\xc5\x8e\xb4Ol'</t>
  </si>
  <si>
    <t>tly elated with my new command, and pleased with the bright, 
 sunshiny weather and these different prospects of the coast. I had n</t>
  </si>
  <si>
    <t>b"\xa1\xe3\x98\x87\x81\xc1\x8cnQ\xe7\xc7Oj\x80\x90_\xbc\x04\x17\x04\x9c\x92\x96\xe6.&gt;\xf9\xc3\xd3\xbb\x80\xd3\x9f\xd6T\t\x80\xec)\x05v\x02\r-\x92\n\x02\xa9\xc1 ;\xf9\xf0_`\xacSs\xe5\x0f\xc8\r\xb1\x16&amp;\xe4U\x11'UD\x91\x92\xdb\x00&lt;\xc0C@\n\x9c-\xa7\xefL8\x06\x06\xa7D\x9a\x91M*\x0f\nm\xb90:g\xfeiZ\x1b\x882\xb9)X\x89\xfa\x86%\x92\xb6\x0c\xf9\xa1T\xc8%\xbbi\xe8\x13\x1f\x90v\xc5\xdd\xa8!\x99\xc3\xaa\xee\xb0\xbb;\x0c`\xd3\xd0\xa3\xd2\xaa\xe7\xc7\x01\x96[\x9d\x04a=$\x9b\xba-\xd2\x13\x8aO\x03\x03\xcb\x99\x8d\xe6:\x91V#\xd6\xd0O\xd3J\xbf\xb2}Z.\x9fc\x8f\xf3\xcd{\xcf\xef\xd3\x83\xab7\x8bm\x11\xdc\x12&amp;\xe3\x04z\x88sF At2D\xc6\x97\xf3(HJX\x8d&gt;i\x1fUq\x8c\xdc\xe8/\t\x1a\xd3\x9b|\xa7_\xef\x06.e\x11\xa9G\x08\xfb\xb8\x8f\xb7\x84\xae\xab6^\x0c\x11"</t>
  </si>
  <si>
    <t>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</t>
  </si>
  <si>
    <t>b'\xa1\xe3\x98\x87\x81\xc1\x8cnQ\xe7\xc7Oj\x80\x90_'</t>
  </si>
  <si>
    <t>onable to assume that an individualâ€™s demand for
 interest-bearing domestic currency assets increases when the interest they offer (R) rises
 relative to the domestic currency return on foreign currency assets .
 Put another way, an individual will be willing to increase the riskiness of her portfolio by
 investing more heavily in domestic currency assets only if she is compensated by an
 increase in the relative expected return on those assets.
 We summarize this assumption by writing individual iâ€™s demand for domestic currency
 bonds, , as an increasing function of the rate-of-return difference between domestic and
 foreign bonds,
 Of course, also depends on other factors specific to individual i, such as her wealth and
 income. The demand for domestic currency bonds can be negative or positive, and in the
 former case, individual i is a net borrower in the home currency, that is, a supplier of
 domestic currency bonds.
 To find the aggregate private demand for domestic currency bonds, we need only add
 up individual demands for all individuals i in the world. This summation gives the
 aggregate demand for domestic currency bonds, , which is also an increasing function
 of the expected rate-of-return difference in favor of domestic currency assets. Therefore,
 Since some private individuals may be borrowing, and therefore supplying bonds, 
 should be interpreted as the private sectorâ€™s net demand for domestic currency bonds.
 Bd
 = sum for all i of Bi
 d
 [R - R* - (Ee - E)/E].
  Demand = Bd
 [R - R* - (Ee - E)/E]
 Bd
 Bi
 d
 Bi
 d
 Bi
 d = Bi
 d
 [R - R* - (Ee - E)/E].
 Bi
 d
 [R* + (Ee - E)/E]
 CHAPTER 18 Fixed Exchange Rates and Foreign Exchange Intervention 499
 Supply
 Since we are interpreting as the private sectorâ€™s net demand for domestic currency
 bonds, the appropriate supply variable to define market equilibrium is the net supply of
 domestic currency bonds to the private sector, that is, the supply of bonds that are not the
 liability of any private individual or firm. Net supply therefore equals the value of domes_x0002_tic currency government bonds held by the publ</t>
  </si>
  <si>
    <t>b'0F\x02!\x00\xe0Q\xf8\xa8\xd16\x16\xe5\xfe3C\xb0\x01\xb0S\xb1\xdc\xb3\xef\xfb\xe2\xe4\xd2\x95\xd8u8\x06k\xc5\x95\xa5\x02!\x00\xbdu&amp;#\xb8\x9cp&lt;\x0f\xabc\xd4\xc7\x19\xe0\xc0\x88\t,F\x08V\x9d\x0etU\xd0\x9d\xb5\xc3\xc5\x11'</t>
  </si>
  <si>
    <t>3046022100e051f8a8d13616e5fe3343b001b053b1dcb3effbe2e4d295d87538066bc595a5022100bd752623b89c703c0fab63d4c719e0c088092c4608569d0e7455d09db5c3c511</t>
  </si>
  <si>
    <t>b'0F\x02!\x00\xe0Q\xf8\xa8\xd16\x16\xe5\xfe3C'</t>
  </si>
  <si>
    <t>nâ€”being all that is left 
 faithful of the ship's companyâ€”with stores for ten 
 days at short rations, came ashore this day and flew 
 Br</t>
  </si>
  <si>
    <t>b'\xa7\x8c-lH\xfeul\xd9\x08v\x02\xacJ\xb8\xbe\xcdJ\xf8\xea\xef\xae\xe3\x89\xa2E\xdb\xba\xa9\xd6\x12\xf6\xac\xa2+\n\xa4S-\xf9~r\xb6\xa5\x94\x1eWM\x8c\x91\xa0\x17\x1e\xd3\x9e\xd0#&lt;\xee]\xa6s\xb6|;\x07\x17\xdf\xf9r\xe4\x1a\xcdbKw\xb8\x13\x8aP\xd1\x80W%zR\xc7\xf6\xa4\xce\xbc\x04\x9f\x8c\x99\xd2s\t\x9c\xae5D\xd6XmH=\x15\x1f\xdb\xeb\xd5\xe0\xb8\xd1\xce\xab-\xfb^Z\x9b/!\x87\xed\xc5\x02\xb6\xda\xdd\x07*,\xe4\x0cz\x0b\xc1*aT\x16\xf4\xd0,0\ncL~]k\x94w\x9f\x8e\x0e{R\xaa\xbe\xa3r\xd1!\xb8j\xb5\xe5\xff\xc2D\x941L\x80\xe2\xf0E\xc3b\xa4\x86\x9e\xcc\xe1\x02\xb1\xec\xab\x01t7+\xba\xf9I\x1a\x92m\x82\xc4\xdb\xc7\xcf\xbd\xaem\x8d\x14\xff\x93D\xca\x01\xd8w\x07\x07\x03%\xc8N\xdbS[\x15\x16M2\xa8}\xcc`@\xc2\xb1\x1d\x81\x97=\xbc\xd4C\x85\xa2\xf4yz\x9c?\xcf/\xb0*\xbc&lt;\'\x89]\xef\xcb\xb4]\x10_\xc2\xeel%\xd0\tH}l\xa9@TzEXG\xb0\x18\xa1\xcd0\x19P&gt;\xd8\xeb8\x12]\x08\x96b\x9b\xc2vv\xb9E\xfa\x0c)\xe9\x8e"\x17\xc5`\xc4\xbai(]\xc9\x14\xdb\x9b\xa5\xcb\xaa\xeer)\x9a\x00r\xbb\xcf\xc5o9Db\x12\xa1g\x14t\xdfDE\xce\xa4\xbb=\x12\xa6\xb9[v\x80\xe0\xb7\x0b\xdb\xc0\xb7\xa8o\xa8@\xa5dS\xf6\xe1\x8bS\xe3#\xc4`\xf1\x915s_J\xa9\x866\x9d\xfe\xdd\x8d.zMK\x13H\xdbl)\xad\xf3afZ\xe5)+\x84\x88\x90\xa9\xf0\x81fW:&lt;\xc9\xe2\x9c_\xa9\xa5\x16\xc3\x03\xc0\xb1-\xdd\x87\x17"\x02IP-BRF\x07\x1e\xf8\xad%\xb5"\x17N*V\xdd\xd3\x9a\xb7\xb0^\xda\x9e\xa3\x82A\xa3(\xfd\xa3w\xe4A\xe9\xffd\x97^x\xf9(\xc2\x05\x9cu\xfd\x08\x1f\xa1C\x8b\xd1K\xc1\x045\x99\x98J\xea\xfc\xefW\x9d\t\x02\xa5aG\xc2\x16\t\x12\xbd\x84'</t>
  </si>
  <si>
    <t>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</t>
  </si>
  <si>
    <t>b'\xa7\x8c-lH\xfeul\xd9\x08v\x02\xacJ\xb8\xbe'</t>
  </si>
  <si>
    <t>he x direction, and is (instantaneously)
  at rest at the retarded time. The electric field at (1) due to (2) is
  E1 = (q/2)
  4Ï€ 0
  (Eq. 10.72), where
  r
  (r Â· u)3
  (c2 +rÂ·a)uâˆ’(rÂ·u)a
  u =cË† r and r=l Ë†x+d Ë†y,
  so that
  r Â· u =cr, rÂ·a =la, and r=
  l2 +d2.
  (11.85)
  (11.86)
  (11.87)
  Actually, weâ€™re only interested in the x component of E1, since the y compo
 nents will cancel when we add the forces on the two ends (for the same reason,
  we donâ€™t need to worry about the magnetic forces). Now
  ux = cl
  r ,
  and hence
  E1x 
 = q
  8Ï€ 0c2
  (lc2 âˆ’ ad2)
  (l2 + d2)3/2
  .
  By symmetry, E2x 
 = E1x
  , so the net force on the dumbbell is
  Fself = q
  2 (E1 + E2) = q2
  8Ï€ 0c2
  (11.88)
  (11.89)
  (lc2 âˆ’ ad2)
  (l2 + d2)3/2 
 Ë† x.
  (11.90)
 494
  Chapter 11 Radiation
  So far everything is exact. The idea now is to expand in powers of d; when the
  size of the particle goes to zero, all positive powers will disappear. Using Taylorâ€™s
  theorem
  x(t) = x(tr) +Ë™
  x(tr)(t âˆ’ tr) + 1
  2 Â¨ x(tr)(t âˆ’ tr)2 + 1
  3!
  ... x(tr)(t âˆ’ tr)3 +Â·Â·Â· ,
  we have,
  l = x(t)âˆ’ x(tr) = 1
  2aT2 + 1
  6 Ë™ aT3 +Â·Â·Â· ,
  (11.91)
  where T â‰¡ t âˆ’tr, for short. Now T is determined by the retarded time condition
  (cT)2 = l2 +d2,
  so
  d=
  (cT)2âˆ’l2= cT
  1âˆ’ aT
  2c + Ë™ aT2
  6c +Â·Â·Â·
  (11.92)
  2
  =cTâˆ’ a2
  8cT3+( )T4+Â·Â·Â· .
  This equation tells us d, in terms of T; we need to â€œsolveâ€ it for T as a function
  of d. Thereâ€™s a systematic procedure for doing this, known as reversion of
  series,16 but we can get the first couple of terms more informally as follows:
  Ignoring all higher powers of T,
  d âˆ¼ = cT â‡’ T âˆ¼ = d
  c ;
  using this as an approximation for the cubic term,
  d âˆ¼ = cT âˆ’ a2
  8c 
 d3
  c3
  â‡’ Tâˆ¼ =d
  c +a2d3
  8c5 
 ,
  and so on. Thus
  T = 1
  cd + a2
  8c5
  d3 +( )d4 +Â·Â·Â· .
  (11.93)
  Returning to Eq. 11.91, we construct the power series for l in terms of d:
  l = a
  2c2
  d2 + Ë™ a
  6c3
  d3 +( )d4 +Â·Â·Â· .
  Putting this into Eq. 11.90, I conclude that
  Fself = q2
  4Ï€ 0
  âˆ’ a
  4c2d + Ë™ a
  12c3 
 +( )d +Â·Â·Â· Ë†x.
  (11.94)
  (11.95)
  16See, for example, the CRC Standard Mathematical Tables and Formulas, 32 ed. (Boca Raton, FL:
  CRCPress, 2011).
 11.2 PointCharges 495
  Hereaand Ë™ aareevaluatedat theretardedtime(tr),but itâ€™seasytorewritethe
  resultintermsofthepresenttimet:
  a(tr)=a(t)+Ë™ a(t)(trâˆ’t)+Â·Â·Â·=a(t)âˆ’Ë™ a(t)T+Â·Â·Â·=a(t)âˆ’Ë™ a(t) d
  c+Â·Â·Â· ,
  anditfollowsthat
  Fself= q2
  4Ï€ 0
  âˆ’a(t)
  4c2d+ Ë™ a(t)
  3c3
  +( )d+Â·Â·Â· Ë†x. (11.96)
  Thefirst termontheright isproportional totheaccelerationofthecharge; if
  wepull itover totheothersideofNewtonâ€™ssecondlaw, it simplyadds tothe
  dumbbellâ€™smass.Ineffect,thetotalinertiaofthechargeddumbbellis
  m=2m0+ 1
  4Ï€ 0
  q2
  4dc2
  , (11.97)
  wherem0 isthemassofeitherendalone. Inthecontextofspecial relativity, it
  isnot surprisingthat theelectrical repulsionof thechargesshouldenhancethe
  massofthedumbbell.Forthepotentialenergyofthisconfiguration(inthestatic
  case)is
  1
  4Ï€ 0
  (q/2)2
  d , (11.98)
  andaccordingtoEinsteinâ€™sformulaE=mc2,thisenergycontributestotheiner
 tiaoftheobject.17
  ThesecondterminEq.11.96istheradiationreaction:
  Fint
  rad=Î¼0q2Ë™ a
  12Ï€c . (11.99)
  Italone(apartfromthemasscorrection18)survivesintheâ€œpointdumbbellâ€limit
  dâ†’0.Unfortunately, itdiffersfromtheAbraham-Lorentzformulabyafactor
  of2.Butthen,thisisonlytheself-forceassociatedwiththeinteractionbetween1
  and2â€”hencethesuperscriptâ€œint.â€Thereremainstheforceo</t>
  </si>
  <si>
    <t>b'\x7f\x86k-qR.\xce\xfa\x19\xe8\n\xb6|\xf1VC&amp;m\xd9\xd3\x18\xfa\x9e\x9ax\x97\xbd\xd6\xf23\x9e'</t>
  </si>
  <si>
    <t>7f866b2d71522ecefa19e80ab67cf15643266dd9d318fa9e9a7897bdd6f2339e</t>
  </si>
  <si>
    <t>b'\x7f\x86k-qR.\xce\xfa\x19\xe8\n\xb6|\xf1V'</t>
  </si>
  <si>
    <t>nched and terrified, and fell instantly back into my old position, 
 whereupon the coracle seemed to find her head again and led me as 
 softly as</t>
  </si>
  <si>
    <t>b'2\xf3\xcd\xf2\x1fy\x15 \x0b&amp;\x8aT\xdb%w!B\'aQ\xe3\x86.\x93\xe1\xd1\x99\x94\x88t\xc7\xab\x10|\x08\xe1gS\x08\xd1\xa2\xc2\xcd\xa1\x17v8\x97\xc5I\n\xc47qGyK\x8dw\xba\r\xdbLP[\xea.\xd7\\Z\xe4\xca\x85z\xee\xaf\xe2\xbb\x040\xcdJ\xf8,\xd5\x17[\xecv n\xa4l\xef\xcfTa\xe7\xbe(\x0c\xad\x85\xba\x8a-\xb2\\\xb9\xc5A\xaa\x047\x81\xf7\xf2\xd4\x90\xa7\xe3\xe9"\xa4\xf3\xd3\xf4V)%\xa6\x0f\x8d\x8c\t_c_\xe8\xc4\x1dL|\xd6\xc2 \x8d\x1f^\xd7Aq\xbf\xc6\xcaz\xb8-\x07\x8b~\x18\xdc\x11e\xfdDwg558\x85!\x17U#\x1b\xf0\xa2\x990\xf8\xd0\xf2\xab\x13\xcdl\xc9\x16|\x9b~P\xb0\xa6\xd3\x98\xf8\x93P\x04\xcal\x91s)\xder(\xbfl\xbfZ\xfb\xf0\xf6\x8e\xd0b"\xac\xf5w\x1bSs]\xbf4\'\xa53\xef\xd0\xcd\x99!\xe5\xa7\xf0)\x9fPt\xa2,0grZb\xbc\x99\xfe\xe4\x86a\x18\x81^\xb8&lt;d\xd8\xfb\x10SO1\xc3\xe1Eb5d?[#\x87Xuxh\xce5\xab\xcfu\x90\xe2\xf2\xaf(uk][\x94\xe0\x10\x12\xd9c\xb1\xeeM\xdf\xf9\xc4\xc4b\xb1\xca!K|\xb4#\r?\xb2\xc5\xe0\xb99\x15ng?M\xe4\x18EE6\x93\xad\x8e\xe2\xd0yi\x8f\xe3\xe4,}\\\xd7\x06\xb9\x0f\xda\\w\xd8\r\xa7\xfc\xf3\x8e\x98]\xbf\x7f\xe4\x1a\x16\xb6\x05Q\x06\x02\xe9\xba0\xe8\x92\xa0F\x86\x88\x8f:\xae\x9b-;\xc1\xbe\xc8\xf7b\x9f\xf8W\x94\xac&gt;\xfb\xdfQvZp\xe5!\xf2\x9c\xbe\xeaW\xd5i\x81\x80\xc5\x89\x10\xae\xf1\x1eO\x83Z?9\xe1,z\x1d\xc9d\xe0k\x1c\xba\xeb\xfc\x99{\x07\x96\xc8\x8a\xb0A\xdd\x07\xcd\xe8\xddq?\x8e\xb7p\xa6\x1c\xed\xf0\x0b\xdap\x9cY\x98\xec\x01z\xc3\x1c\xf0\x15\xd8\xd2\xcd\xbc&lt;\\&lt;y8\x10\xa3=\xa9R\xb2\xb53p\'.\x0e\x1f\x03\xe1\xc3\xb2\x99\xef$\xa1\x1f\x08\x98Rs\xc8'</t>
  </si>
  <si>
    <t>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</t>
  </si>
  <si>
    <t>b'2\xf3\xcd\xf2\x1fy\x15 \x0b&amp;\x8aT\xdb%w!'</t>
  </si>
  <si>
    <t>epared for your exams.
 To see how it works, turn to page 9 and then go to
 www.myeconlab.com/krugman
 498
 appendix 1 to chapter 18
 Equilibrium in the Foreign Exchange Market 
 with Imperfect Asset Substitutability
 This appendix develops a model of the foreign exchange market in which risk factors may
 make domestic currency and foreign currency assets imperfect substitutes. The model
 gives rise to a risk premium that can separate the expected rates of return on domestic and
 foreign assets.
 Demand
 Because individuals dislike risky situations in which their wealth may vary greatly from
 day to day, they decide how to allocate wealth among different assets by looking at the
 riskiness of the resulting portfolio as well as at the expected return the portfolio offers.
 Someone who puts her wealth entirely into British pounds, for example, may expect a high
 return, but the wealth can be wiped out if the pound unexpectedly depreciates. A more
 sensible strategy is to invest in several currencies even if some have lower expected returns
 than the pound, and thus reduce the impact on wealth of bad luck with any one currency.
 By spreading risk among several currencies, an individual can reduce the variability of her
 wealth.
 Considerations of risk make it reas</t>
  </si>
  <si>
    <t>b'0F\x02!\x00\x83\xb3Fk\xcb\xb4\xb4\xaa\x83\xae\xae\xd8\xe3\x95\xe2\xd9u\x85n\'\xc31hf_\xa4\x11\xa3\x8f\xff\x8f\xa5\x02!\x00\xff\xb3\xe4\x8f\xee;\xb3\xc4\x91\xf6~\xcc\xc7\xb1\xcc\xd6\xeaxLA9\xc9\xbd\xcb\x12\x99\x9a[V"\xc3c'</t>
  </si>
  <si>
    <t>304602210083b3466bcbb4b4aa83aeaed8e395e2d975856e27c33168665fa411a38fff8fa5022100ffb3e48fee3bb3c491f67eccc7b1ccd6ea784c4139c9bdcb12999a5b5622c363</t>
  </si>
  <si>
    <t>b'0F\x02!\x00\x83\xb3Fk\xcb\xb4\xb4\xaa\x83\xae\xae'</t>
  </si>
  <si>
    <t>I can't have these colours, Mr. Hands; and by 
 your leave, I'll strike 'em. Better none than these." 
 And again dodging the boom, I ran to the</t>
  </si>
  <si>
    <t>b'\xa4W\x94.z\x96B:,\xdd\x1b\x90\x87\xfd\xbc\xc3i\xe4\x19\x97\xd6\xd9@\x19\x88\x8b[\xa2\xa6\x8e\x84\xd7\xb4\xfd\x1c\x9b\x00\xe8 \xb7r\xbc\x8c\xb4\x82A0\xa1\x16o\xa85\x9a\xe3\xd9\xc4\x139\x1en\x14_\x91\xa1w`\x92\xe2~pe\xda_\xd0\xd3R\xa12B\xa4\x9f\\d9\x95\x1a\x7fg\x11\xb76\x80I\xb3Y\xca\xf8\x1fw\xbe-\xcf\x9e\x9f\x98\xa2\xed\x97\n+\x1fn\x97\xc2\xb7(\x0b\xad\x15C\xdf\xb9`\x01\xa7\xeag~\xf83\x8eE\x1f\x97\xe3\xae\xbc\xe0y1\xe4\x99\x92m\xab\xaf*\xe1r\xd8\x07\x8e\x02sq?c\x0c\xd0\xec\xbcH\xaf\x1e\xc3\xe5%\x9e\x99\xb8\xdaO\xe5y\x11?\xd2\x85\x96\x03\xe8\xad\x82\x8a\x10\xaab\xd2\xb9AxQ\xc2\xc2\xe4\x07\x94\xe9\x8bR\t\x9b\x01b\x1c8\x81Q\x1dT\x84\x06I\xa7\x93^\x95\x8fj\xb8"(\xfd0\x15n\xbd\x16&lt;\x16\x04\x1e\xf5\x85t\x8d\xdc"?L\x87\xdf\xe1RuGw\xe1]a\xc5:\t\xe5#\x8e'</t>
  </si>
  <si>
    <t>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</t>
  </si>
  <si>
    <t>b'\xa4W\x94.z\x96B:,\xdd\x1b\x90\x87\xfd\xbc\xc3'</t>
  </si>
  <si>
    <t>ity
1.7 Potential Energy
1.8 Current and Current Density
1.9 Electric Field
1.10 Magnetic Field
1.11 Motion of Charged Particles in Electric Field
1.12 Cathode Ray Oscilloscope
Unit-2 Voltage &amp; Current
2.0 Unit Overview and Description
2.1 Current Flow Theories
2.2 Resistors
2.2.1 Fixed Resistors
2.2.2 Variable Resistors
2.3 Introduction to Capacitors
2.4 The Inductors
2.5 Voltage Source
2.6 Battery (Electricity)
Unit-3 Basics of Semiconductor
3.0 Unit Overview and Description
3.1 Semiconductor Materials
3.2 Energy Band
3.3 Material Structure
3.4 Energy Gap
3.5 Field and Photo Electric Emission
3.6 Intrinsic &amp; Extrinsic Semiconductor (n-type &amp; p-type Semiconductors)
3.7 Drift Current
3.8 Diffusion Current
... 1
... 2
... 4
... 4
... 5
... 7
... 7
... 7
... 8
... 9
... 9
... 10
... 10
... 18
... 19
... 23
... 23
... 29
... 30
... 38
... 40
... 45
... 52
... 54
... 54
... 55
... 56
... 56
... 57
... 58
... 58
                 3.9 3.10 3.11 3.12 3.13 3.14 3.15 3.16 3.17 3.18 3.19 3.20 3.21 3.22 3.23
Unit -4
4.0 4.1 4.2 4.3 4.4
4.5 4.6
Unit -5
5.0 5.1 5.2 5.3 5.4 5.5 5.6 5.7 5.8 5.9
Effects of Temperature on Conductivity of Semiconductor ... 59
PN Junction Diode (Semiconductor Diode) ... 60
Depletion Layer ... 60
Potential Barrier ... 61
Forward &amp; Reverse Biasing ... 61
V-I Characteristic of Semiconductor ... 62
Resistance Level ... 63
Breakdown in Junction Diode ... 63
Zener Diode ... 64
Photo Diode ... 65
LED (Light Emitting Diode) ... 66
Diode as a Rectifier ... 66
Voltage Multipliers ... 68
Zener Diode Regulator ... 68
Special Information - ... 69 (Introduction to Filters, Clippers, Clampers)
Bipolar Junction Transistor
Unit Overview and Description ... 74
Bipolar Junction Transistor (BJT) ... 75
BJT Biasing ... 78
CB, CE and CC Configuration ... 78
Characteristics and Transistor Parameters for CB, CE, CC, ... 80 Configuration
Introduction to FET, JFET, MOSFET, CMOS and VMOS ... 85 Characteristics of Various Transistors ... 91
Transistor Amplifier and Applications
Unit Overview and Description ... 93 Introduction to Amplifiers ... 95 Single and Multistage Amplifiers ... 96 Amplifier Characteristics ... 97 Feedbacks in Amplifiers ... 97 Introduction to Oscillators ... 98 Multivibrators (MVS) ... 99 Signal Generator ... 99 Thyristors ... 100 Light Activated SCR (LASCR) ... 102
                 UNIT 1
Overview of Atom, Sub-Atomic Particles &amp; CRO
 1.0 Unit Overview and Description
?Overview
?Knowledge and Skill Outcomes ?Assessment Plan ?Learning Outcomes ?Resource Material
?Topics Covered
Brief History of Electronics, Atoms and its Elements, Atomic Energy Level, Electron, Field Intensity, Potential Energy, Current and Current Density, E</t>
  </si>
  <si>
    <t>b'\x1a\xda\xa3\x01\xf2\xfc7g\x81?\xee\xe5\xe8\xc7\x92\xf8\x91\xc4\xce\xdfs\xc1\xb8\x0c\xb4\xdf\x88\xe8\xf1\xe0\xd5\xea\n\xd8\x05\x14\xec\xf3H\xcc\xd9\x0f\x85\x8b\xe6\xa3\x0f\x92E\xa72\xcdE\x18\x04\x93;c\x85\xb9\xad\xd3\xc2\x17L\xc3xW\\\x15x%\x0c\xb9\xd7\x959i.\x0b\x7f\x95\x07\xbe\xf9\xa7\xee\xbb\xfd\x9bF\x9d\x1c$\xa8\t\xae\xdd\xb2\xd7\xd4\x8dol0\xc0\x95v`\x81\x8dkc=\xb3y?\xe0\xf4mB!\x15\xdd\x07~\xeer\x11\xe1\x19\xac\xe8{\x0bL\xe5\xc1;T\xd0!\xc3\xa1\x8f&amp;\xd5x\x1c\x10\x05A\xcf\xcf\xfeD7\x80\x0fM\r\xd4\xcd\x85\x80\xa0\x8b\xa9\x86\x1e\x04\xf2\xe8\xb8\xd7/\xae\xb8\xb4\xbc\xa5\xa2\xdbkjP&amp;}d\xe2\x98\xd3\x80$_\r5\x07\xadh\xca\xc2U\x8c\xd2\xc5@\x80\x1ax9u\xd8n\xc2\xe1\xde{\xf86n\x04[|\xf3\x99\x160\x8d\xc0\xf7\x0f\xe3\x9f6\xb5f&gt;\x8a\x1c\x97\xe8\x1a\x00\x0b\x02\xf4\x15\x9a\xf6\xe1\xbe`J\xa7\xf5\x8d=\xc2\xa2\xa7\x0b\x1b\xf5\x907\x83u\x85\xb0\xe8\xc7}\x07\xce(\x9c\xd7k\x88\xf8\xe1\x16\x94{\xe9\xf2\x9c2H{r\xadf\xf6\xcc\x01K\'x"\xbcR\x9d&lt;\xca-\xe4\x05\xbb^\x833o\xb1\x95\xfd\xd7\x17n&gt;\xdc\x7fm\x1d\xca\xea\x7f\x02\x85,!\xf0H\xc9\x15\xc7\x81K\xde\x13\x01\x8c\xc8,\xb8\xbbJU\xc8\xe1\xf5\xe8Ai\xca\x85[\x9a\xa2\xb6%\xd5w=D\xaa\x98Ec\xfc\xa7/\xad\x98\x05\xe8\x1b\xd4a-\xf2\xa4|b\xb8\x84?4\xd3\x1e\n\xfc\xd0.\xf3V\xe9\xc3\xebO\xeeX\x03\x95\t\xf0|K\xa4\xfbb\x85H\xc2y\xdc\xdc\x10n\xe8=\xa7747W&gt;\x15\xc0?\x91\xc8j\x9dEt\xcf-(!\x8c\xcc\xb1\x8a&lt;\xd4\x06\x9b\x97\xb1\xf4Bn3L%\x07\x02O\xd7y\xc337\xb0\xde\x805Y\xd2 V\x1f\xe73j\xad\x0e"\xad\xd5\xe6\x1d\xea\xe5\x07\xa6\x93\xa1\xec&amp;c\xa6\xbc\x1a8,\xdf\x97\xb5\x9e\xb6Pi\xfb\xd0\xfb\x0b\xb4\xe7\xb8\x80B\x87\x991\xa8A\xf9a2\x9d\xb2 J\xea\xe2\x11\xac\xe9"*\xe2\x82\x1a\xe3:a\xbd\n\xf5\xe9V\xe2w\xa0\x0e\x8e\xfe\x88\xcc\x1d\x91\x04qk\xcb\x08\x80\xa9a\x9ej\xd0j\x98\xbfO8A\x1bqVq\xd7\xf0&amp;\x88n!\xb2$\xb2gg&gt;\xfbc\xf4!\x0f!\xff\x0bqa\xc8#o\xe5PX\xaf\xa3\x0c\xb0;\x06\xbd\xb4\x1f\xe2\xed\x89\x83&amp;!\xc9\xc9\x1dJE.\x95\x06\xed\x10\x0bV\xc4\t\xd3C~\xb0\xc0*\x8f&gt;\xc3y\x1c\x9c\xd7\xcb8\xef\xe3\x8d\x1dMN\xce\xd2\xdf^\xb7\xeeK\xb9\xb4\xf0\xe6%$nR\x99\xf0\x81&gt;\xfd\xa6\xbd\x86\xa5\xf1\x1dS\xbec.\xb5}e,%\xc1F\xe3\x9c\xca\xd2\x14\xf4\x15\x011t\x80Y$\x82)\x1e^[\xee\xb8\xd7\xc3\xc4#6\xcb\xdd\xb7\xc5\x15\xbe\x9f^\xeaNDo\xf2\xfe{\x91\x97\xe9\x0eZ\xc0\x9d\x13\x19*#\x858\x91V\xa9\xbf?p\n\x8c\xb0dycF`\xe2\x0c\xf2\xbf\x81?\xe4J\x9f\x04\xcf\xaf|\xb3\xa0\x0c\xd8A\x01\xdf!\xc5\x02T\x16\xa4\xd2\x1bQ\xeee\x1c\xc7.\\\x91\x9e\xea8 \xd3Oq\xe8xc\x00\xcf\x12\xae&lt;f\x19S\xbf\xb0u\x95\xae\xb4\x97Y\x16\xda\xf2&gt;\xea\x1f\xf8\x8ef\x13\xc9\x8cT\xd5-zj\xf7\xc8*nrQX\xe9\xd3i\xca0\xf7r)\x97\xa3\x08E\x02\x84![\xfa7;\x08M\x1c{\x16\xe6&lt;\x9d%\xbe{\x11`\xd3\xeb\xear\xa8\xf2{\x1f\xdd&gt;\xf7v\xd8\\n\x8dp\x16\x88\x12AA\x1cE`\xf3\xd0\xbf\xb5\xef\r\xe7\xc8k \xf1\xb1\x95\x99\xe7\x0e7\xebS\x92\x9aI\x11i\x9e\xf9\xdd\xc5\xd4\xda\xdb\xae\xd7\xbc&amp;\xb4z\xc6\xf7\xa1\xad\xb7t,I\xcb\x1b@\xdd6\xd59\x92\xc8\x93\x7f4\x0f\x95\r\xf8\x00Q$\xfb\xdf\xb9\xda\x90\xb7\xc2\x9e\xee\xce5\xde\xf6\xaf\xee\xb3n\xc75\xea9?\xeb\x89t\xdc\xc03\xafN\xc7\xabW\xfb$\x14)\xeb\x17\xe2,\xceT\x94\xf6u`\x87\xca\xbd\xb5Dvtf(!\xf4\xbfU\xbeH=\x01\xa5\xd2iT\xd9\xe3\xac\xd1*dH\x12\x91\xe1\xc0{\x11\xf4\xd5 \x17\'\x11\x11S\xa5Wn\x92\xe4\x9e6\x87\xf6pp\t\xdf-%\x10\x97~\x9c\xb4\xa1\x9br\xcf\xae\xeaP\xe3\xb2\x88\\\nj%\xbd\x00\x9a\x8e\xc7\x9c\xf7\xcb\xb4\x9b\xf4\xba\x7fO\x95\\\xaeq\xddd\xcfx\x93\xd5\xca\x02\xc5\x14\xb6\xbf\xc8\xdc\x1b?\x04!f\xdb\xdb\x80\x95\xf8+\x10\xd0\xd0\xf0\xf3\xd0\x0f\xbe\xba\xed\xb1&gt;7\xb4\x98/B\x96\xfc\xca\xd4\x80\x17\xb91\xf1\xcd\x81HCc\xdc\xa6\xa8\x81\xc1\xa7N\xc0K\xb4\xe7|&lt;\x90-\x19!Zyr0\xb6M)#\x1e \x11}\xbd&lt;\x14\xc59:\x84\x88\x03E\xc3\xb1hmf\x02\xcd\x1e\xcdc\xa2c.\xc3\x05\xcb_\xd4\x16&lt;\xc4\xf9{]\x1e\xc3\xc1H\xa4#z\xd2z\xdb\x81\x80\xffB\x01&gt;\xba\xbe\xab\x14\xde\xdf\xd8\xf9I\xd0\x8a\xa0=/k\xe9S&amp;vT\x9f7\xb2\x9b\xaf\xe5\x10E]\xc7\x95\xa6&lt;\xcf\xc4\xff\xa8\xa8\xdb\xd2F\xee  O\xcd\x03#\x07\n%\xc6,\x93\xab\x0f\xedm[@v\xaa4\x03?\xe5\xba\x923\x98\xe6\x15\xa2\xb6\xccE\xd2TLK\xfd\xec\xdbI\x89\xa2L\xa4\\=-\xdai\xc5\xd5!e\x1e\xcd\xce(?\x86\xc0L\xbeU\x99\x93\x8c\xb0I\x8d*\x86T:k\xa9\x10e\xf4R*z\x8e\x15\xab(\x89\x8c\x93\xd6\x8frQY\x93lt\xb3\xb6!\xb1/y\xb6\r\xc1Y\xf57\n\x10+\xd0\xd3-\xeb=\x82\xdd\x06.\\\x1af\xe5w\xe8&lt;\xee\xef\'\xff\x01\xa9\x9c\xc6\xbb\xa2;\x11\x97:\x82\xf0\x91\x8e\xf3\xd8\x1f\xc1\xff\x07~\xd48$\xd2\tsk}\xdb\xd5\x12\xe2\nOtVB\xaf\xa7\x0ei\xbc\xba\xb6%\xbe\xa0(\xd4\xcc\x1b\x190\x02\xc0\xde\x1e\x10$\x91\xef\x0c+\x80-\xc7\x15?}\xf8\x0f\xa3O\xd4\xc4m4`\x87\xa0|\x9d\x03\xd4\xd3\x80\xe3\x8e\xd5|\xc1y\x95\x1a\xbc\x1b\x96r\xea\xa9\x0eH\xbb\x8b\xd6\xef\xf9T\xd12\x01v\xc6M\x15\xf4\'h\xc1 \xc9\x10Hv\xcd\xb7\xa9\xe7\xc9}\xd9F\xb9w\x84u\xe9\xf7\xda/\xfd/\x8a\xb6\xc5\x18Vo\xde\xfb\x05\x16p\xa5]\xc25_\xd1r~)\xb2f\\A\xf18b\x1b0%\x9d\xe0\xb0\xe7\xd6\x90G\xd2\x06\x90Y\xdaX+\xd8\xe4},\x99"y,\xcc\xe5P\'\xa3$\x1c\xb5\xfc\x0e\xa2X\x1f\x98\x80\xcc7r\x87\n\xc5)\x96fB,l#\xa9\x02H\xe1C\x1f\xef\xa8m,T\xc7\xae\x14\xeb\x08\xfb\x9a\x94\x11\x9d\'\xf9k,\xc0S\xacY\xdd\x0fo?J1\xc1\x88d\xe1_\x82\x86\xa4\x06\x19\xc6f\xe1\xda.-M\xcdQ\x94\xfdt\xc89,\xb9\xd3X\x1c\tu\xc70Lif\x81H\xfb\xeb\x1c\xc9\xf2\x0b\x8c(\xc3\xbaQ\xfe\x93"\xe7\xb5\xc5?\xdd\xb3\xc7\\\xe7\xb3\xb8\xb7\x83\xdc[\x04\x834\xeb\xb6i\xbfx0h"N\x18\xcah~t,\xfc\x16\xbd/\xe9\x96\xa4\x91\x01\xc61{\x9b\xe3Z\xc4!\xd9\xb7*\xdfr\x0b\xda\xff\xbd\xc1\xf6\'\x00\'\x9b\xeb\xacl{i\xa7@8\xb6}wOSH\xd7\xfd\xaa\xff`\xb4\x84\xf8@D\xba\xc3\xd0\xca\xb2\xf3\xea\x0e\xb2.\xe6\xe7\xc4\xa7\xfb(\x80\x8b\xa0!jq\xd6\xbb\xdd\x90\t4\xd3{\x0e\x90o\xa5\x87vbk7}\xe0\x07_\xe3\xdf\x9d\xa6i\xa1\xf4\xaf\xc3g|k\x8d\x16\xf7\xb9\xf0/\xad0T\xde\xf9l\x80\xbf\'\xc1N\xc8\xc0\xe8\x9c\x8c\xe5\xae\xa2\xa5Q\x10\x9bl\x08\x1e\x0f\x11\x18\xf9\x10\x0b&lt;U#`\x92S\x05\x98\'\xa5\x80\x97Eh\xa8N\xf1#x\xaca\xe4\xd2\x8c\x929X\xe48\x00\xbaa\xaeS\'+4svh\xb4O\x1el\x95\xfc\xa8\xcd_\xd4\x8b\xab}\xa4\x9b\x04j7\xd1|\xb8\xcb\x8f\xda\\\xcd\\\xf8XTy\xa1\x08\x9f\xe2\x9dZ\xf0S\x8a\xb2\x9d\x1a\xbc=@\xd5Kkdj\x817\xbeu\x17\xb5\xa0!\xde\x9f\xac\x03atSWF~\xd8NX\xf2\x18\t\xe1\xbc\xdd\xcd\r\x87=r\xb3v"\xa4\x1d\xcah\x0c\x04=J\xe1s\xfb\x1b\x89vX\xb9\x06\xc3\xd5\xab,U\x9b\xfd\xb8\x1b\x90\xe3\xc1\x85\xf0\x879\xee\xf5\xd6\xce\xe9\x11\x1f\x03\x0f\xfa\xf1\xd2\x80\xb4r\xa4;QJ\x7f\x84\xe9\xc2r\x1fu{,\xf3\x86jC\x88\xad,\xe9\x83u\xf9\x12\xe9\xbd\xdd\xd1\xd7\xd1]\x86J&amp;\xb8\xef2^\xe0_\\6\xd6\x08)j\x92\x91e\x9dw\xed\xed\xf2\x047\xbb\\(\xb4\x12?qB{\xba[4p\x88\xb4\xd8M\x83"\x08\xb0A\x11y\xd8\\\xe7\x97\x04B\xb8d\xb4\xba\xa3z\x1b\x9e^\xbe\x05\x9c\xbb\xf9(\xf9\x84\xc7\xb9\xfb\xe1*\xed\x94\xdc*\xce\xb4\xf1\x9cC\x18?\xb4\xa5\xa2Im\xce\x11\x88 \xeb\xfd*\xbb\x91j\xe5\x85\x1d\xeb\xaa`\xe3gr\x1e`\x8d\xc9\x94 \xaei\x01&gt;\xbc@dL\xb5\xe2\xb0,Y \xa0Y\xd1\xe0r\x9d;\xe2\xf0!\xcb\x02\xf8\xf4@\xda\x0c\xd8\x1b\xc5\x90\x89M\x19\xae5C[\x8e\xe7\xecwq\xef\x19iA#\xa5\x95\xa8\xb2\x9f\xf1\x97md\x8cU\xfa\xe6\xd2\xc4\xc1=\x04\xbfH\xc6G\x01\x9dm\x13\xd9\x9f\xfa\xb94.\x07/\x9a\x97\xbc\xef\x1f~\xda&gt;c\xe2\xd6*%\x1f\xc3B\xf6\xcd\xafZ\xe7P\x8e\xe0\xa997rz\x7f\xb9\x1ch\xde7\x03[\xbb\x83\x9e\xc4\xab7S4\xc0\x95n\xb6\x02\xde\xf8\x0ef\xce\x82)\x04/\x17\x9c#\x9b\xea\xa1\x00K\xee\xab\x05\x9f\xa4\xa8B\x89\xaf\xafb\x8f\xaco.5\xb1\x87\x99Y]r\x0f%\xca\xf2\xf6w\x7f\x14\x1e\xf115\xdd\x99\xf9\x0c\\n\x1f\xeb\xfdl\x07 \xc62\x1c;I\x19\xf7\xc6y\x83\xecv\xf7\xb0\xed5Wa\xf1-h&amp;\xbf\x14\xd9\x02\xb7\xde\x03:&amp;\x0bL\xe0Y\x85\xaf\xaa\xfe\xffO\xf15\x1c[%\x97\x0ca\x82Uy\xc5\xb04T\xd0\x98?\x8c\xbf\x85\x14\xd5\x08\xd6\x8cM3\x84\xbd\xcb\xb3M\x93\x0c\xb8\xb4\x14\xfc\x9b\xd4\xbfR7\x0f\x938^\xff\xdb\x8b\xc2\xa8n-*\xd5\'\rH6\xef|\xbf\xfc\x9f\x0e\xb5/n&lt;(Un&amp;\x17\xbew\x901\x11\x9cf\x8c\xd4\x89\x7f\xef\xc2\xb9\xbf\xd8\xee\xdf\x18\x8c\x84*T\x8d;Vny|1\x8b\xf8\xbb \xa4@\xa4\xf3\xda\x8d\xb3\xa1\'\xed\x1b^\xc4\xd5\xd6?Y\x06\xf1\x80w\xde\xcd\x83\xc0q\xf1\xed\x14=V\x13\xf0\x10\x15\xc5k\tQ_\x15E\x95\x03T5_\xe6\xa7\x0b3\x0fF\x0e\xa6\xf1\n\xd0\x8b\xf3\xe0\xfa\xe8h\x1e\xacx\x92\xba\x85\x13\x08\xdb[pSi\x83f*\xf5x\xfc\xa9\x82\xb7\xe5\x87[F\xc1\x0b\x15\xea\x84\xbd\xc9|\x0e+\x1e&lt;'</t>
  </si>
  <si>
    <t>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</t>
  </si>
  <si>
    <t>b'\x1a\xda\xa3\x01\xf2\xfc7g\x81?\xee\xe5\xe8\xc7\x92\xf8'</t>
  </si>
  <si>
    <t>, we have
 Rin = 1
 gm
 (5.263)
 if VA = âˆž. The input impedance of the CB stage is therefore relatively low, e.g.,
 26 _x0002_ for IC = 1 mA (in sharp contrast to the corresponding value for a CE stage, Î²/gm).
 R in
 Q 1
 R C
 VCC
 (a) (b)
 ac
 Q 1
 R C
 VCC
 Vb
 X
 X
 V Î”V
 I
 Figure 5.64 (a) Input impedance of CB stage, (b) response to a small change in input.
 The input impedance of the CB stage can also be determined intuitively [Fig. 5.64(b)].
 Suppose a voltage source VX tied to the emitter ofQ1 changes by a small amount _x0004_V. The
 base-emitter voltage therefore changes by the same amount, leading to a change in the
 collector current equal to gm_x0004_V. Since the collector current flows through the input source,
 the current supplied by VX also changes by gm_x0004_V. Consequently, Rin = _x0004_VX/_x0004_IX = 1/gm.
 Does an amplifier with a low input impedance find any practical use? Yes, indeed.
 For example, many stand-alone high-frequency amplifiers are designed with an input re_x0002_sistance of 50 _x0002_ to provide â€œimpedance matchingâ€ between modules in a cascade and the
 transmission lines (traces on a printed-circuit board) connecting the modules (Fig. 5.65).11
 The output impedance of the CB stage is computed with the aid of Fig. 5.66, where
 the input voltage source is set to zero. We note that Rout = Rout1||RC , where Rout1 is the
 impedance seen at the collector with the emitter grounded. From the rules of Fig. 5.7,
 we have Rout1 = rO and hence
 Rout = rO||RC (5.264)
 or
 Rout = RC if VA = âˆž. (5.265)
 11If the input impedance of each stage is not matched to the characteristic impedance of the preceding
 transmission line, then â€œreflectionsâ€ occur, corrupting the signal or at least creating dependence on the
 length of the lines.
 5.3 Bipolar Amplifier Topologies 227
 50-Î©
 Transmission
 Line
  Î©
 50-Î©
 Transmission
 Line
 50 50 Î©
 Figure 5.65 System using transmission lines.
 Q 1
 ac
 r O
 R
 R out1 R
 C
 out
 Figure 5.66 Output impedance of CB stage.
 Example
 5.36
 A common-base amplifier is designed for an input impedance of Rin and an output
 impedance of Rout. Neglecting the Early effect, determine the voltage gain of the circuit.
 Solution Since Rin = 1/gm and Rout = RC , we have
 Av = Rout
 Rin
 . (5.266)
 Exercise Compare this value with that obtained for the CE stage.
 From Eqs. (5.256) and (5.266), we conclude that the CB stage exhibits a set of trade-offs
 similar t</t>
  </si>
  <si>
    <t>b'\xee\xe5|\xa4\xcc\\Z~\x1d\xee\x98\xc0U\xfe\xccn'</t>
  </si>
  <si>
    <t>eee57ca4cc5c5a7e1dee98c055fecc6e</t>
  </si>
  <si>
    <t>n of â€œindustrial
 districtsâ€â€”geographical concentrations of industry that could not be easily explained
 by natural resources. In Marshallâ€™s time, the most famous examples included such con_x0002_centrations of industry as the cluster of cutlery manufacturers in Sheffield and the clus_x0002_ter of hosiery firms in Northampton.
 There are many modern examples of industries where there seem to be powerful exter_x0002_nal economies. In the United States these examples include the semiconductor industry,
 concentrated in Californiaâ€™s famous Silicon Valley; the investment banking industry,
 concentrated in New York; and the entertainment industry, concentrated in Hollywood. In
 the rising manufacturing industries of developing countries such as China, external
 economies are pervasiveâ€”for example, one town in China accounts for a large share of
 the worldâ€™s underwear production; another produces nearly all of the worldâ€™s cigarette
 lighters; yet another produces a third of the worldâ€™s magnetic tape heads; and so on.
 External economies have also played a key role in Indiaâ€™s emergence as a major exporter
 of information services, with a large part of this industry still clustered in and around the
 city of Bangalore.
 Marshall argued that there are three main reasons why a cluster of firms may be more
 efficient than an individual firm in isolation: the ability of a cluster to support specialized
 suppliers; the way that a geographically concentrated industry allows labor market pool_x0002_ing; and the way that a geographically concentrated industry helps foster knowledge
 spillovers. These same factors continue to be valid today.
 Specialized Suppliers
 In many industries, the production of goods and servicesâ€”and to an even greater extent,
 the development of new productsâ€”requires the use of specialized equipment or support
 services; yet an individual company does not provide a large enough market for these serv_x0002_ices to keep the suppliers in business. A localized industrial cluster can solve this problem
 by bringing together many firms that collectively provide a large enough market to support
 a wide range of specialized suppliers. This phenomenon has been extensively documented
 in Silicon Valley: A 1994 study recounts how, as the local industry grew, â€œengi</t>
  </si>
  <si>
    <t>b'0E\x02!\x00\xac\x06\x95\xf00\xbd\xd01\x8a\xa4\xc19\xba\x02\x19g\x15\xa7Z\xa7\xccN\x94\x89\xe9*\xf4\xd0\xf6s\x0e&lt;\x02 D\xeeCv\xdcX\x94\xb3\xfd\x9f\xe7&amp;q\xdcQ\xd2R[\x18tRe\x01\xa9\xc0\x1a\xda\x7f\x976\xe8\xec'</t>
  </si>
  <si>
    <t>3045022100ac0695f030bdd0318aa4c139ba02196715a75aa7cc4e9489e92af4d0f6730e3c022044ee4376dc5894b3fd9fe72671dc51d2525b1874526501a9c01ada7f9736e8ec</t>
  </si>
  <si>
    <t>b'0E\x02!\x00\xac\x06\x95\xf00\xbd\xd01\x8a\xa4\xc1'</t>
  </si>
  <si>
    <t>RD
 V
 VDD
 RD
 1 2
 2
 V1
 V
 V2
 1
 (a) (b)
 Figure 13.5
 Solution As the input swing to the differential pair grows, the circuit begins to experience satura_x0002_tion [Fig. 13.5(b)]. (Recall the large-signal behavior of differential pairs in Chapter 10.)
 Thus, the gain of the differential pair (i.e., the slope of the input-output characteristic)
 drops and so does the loop gain. The oscillation amplitude growth ceases at some point.
 In fact, ifV1 is large enough, the tail current is steered completely to the left or to the right,
 allowing V2 to swing from âˆ’ISSRD to +ISSRD. This is the maximum oscillation amplitude.
 Exercise Repeat the above example for a bipolar differential pair.
 1But some oscillators can generate an output swing about twice the supply voltage.
 644 Chapter 13 Oscillators
 TABLE 13.1 Summary of various oscillator topologies and their applications.
 LC Oscillators
 Cross- Phase Wien_x0002_Oscillator Ring Coupled Colpitts Shift Bridge Crystal
 Topology Oscillator Oscillator Oscillator Oscillator Oscillator Oscillator
 Implementation Integrated Integrated Discrete Discrete Discrete Discrete
 or or
 Integrated Integrated
 Typical Up to Up to Up to Up to Up to Up to
 Frequency Several Hundreds Tens of a Few a Few About
 Range Gigahertz of Gigahertz Gigahertz Megahertz Megahertz 100 MHz
 Application Microprocessors Wireless Stand-Alone Prototype Prototype Precise
 and Memories Transceivers oscillators Design Design Reference
 Startup Condition From the first Barkhausen criterion, we may design the circuit for a
 unity loop gain at the desired oscillation frequency, Ï‰1. This is called the oscillation â€œstartup
 condition.â€ However, this choice places the circuit at the edge of failure: a slight change in
 the temperature, process, or supply voltage may drop the loop gain below 1. For this and
 other reasons, the loop gain is usually quite larger than unity. (In fact, the design typically
 begins with the required output voltage swing rather than the loop gain.)
 What aspects of an oscillator design are important? Depending on the application, the
 specifications include the frequency of oscillation, output amplitude, power consumption,
 and complexity. In some cases, the â€œnoiseâ€ in the output waveform is also critical.
 Oscillators can be realized as either integrated or discrete circuits. The topologies are
 quite different in the two cases but still rely on Barkhausenâ€™s criteri</t>
  </si>
  <si>
    <t>b'\xe9I\x0b\x0e"&amp;\xf1\xe5\x040R\xb6\xd7\x16\x915'</t>
  </si>
  <si>
    <t>e9490b0e2226f1e5043052b6d7169135</t>
  </si>
  <si>
    <t>the buildingâ€™s status as a
prestige project or a symbol of connection to Rome (Welch 1994). Specialized
structures to control wild animals appear only in North Africa and sites on the
shipping routes from North Africa to Rome, not in the rest of the empire. Thus,
the amphitheaters at Capua and Pozzuoli (south of Rome) have extensive subterranean passages and other features for handling animals, while the equally luxurious
amphitheaters at Arles and NÄ±Ë†mes do not (Bomgardner 2000: 73, 115). In the east,
there was less need for purpose-built gladiatorial structures since preexisting theaters
and stadia could be adapted to the same purpose. Once again, eastern and western
provinces show different forms of adaptation to Roman rule.
Public baths were another form of indulgence provided by emperors and members
of the elite in celebration of a political order that enabled even the common person to
enjoy the pleasures of otium (Fagan, this volume). The baths were about more than
getting clean â€“ a basin of water and a cloth would suffice for basic hygiene. Rather,
baths were a social institution that offered the inhabitants of a city the chance to
network and socialize in a spacious environment that might well be considerably
more opulent than their own. Every city possessed bath-houses on a multitude of
scales: smaller, less sumptuous structures with irregular layout known as balneae, and
much larger, axial structures referred to as thermae or imperial-style baths (see Fagan,
this volume).
Given that baths represented an extension of aristocratic pleasure, it is not surprising that their decoration â€“ marble veneers, mosaics, frescoes, and statues of all types â€“
likewise involved a public display of opulence in which all might participate. By and
Figure 4.3 The Colosseum at Rome, constructed 72â€“80 CE. Sestertius of Titus (RIC Titus
438n ANS 1954.203.170). Photo courtesy of the American Numismatic Society
82 Lea Stirling
large, statuary in baths emphasized divinities and other figures associated with
health, fitness, and water; baths were also a venue for honorific statuary of local
patrons, governors, or emperors. As an example, we may turn to a statuary collection
built up over time at the civic thermae in Gerasa (Jordan). Portraits dedicated by
prominent citizens stood just outside the entrance, while inside were two groups of
mythological sculpture, one equestrian statue, and a colossal portrait of Caracalla
(Friedland 2003). Such decorations would send many messages to the patrons of the
bath. The donors of the portraits emphasized their identification with the ruling
power by choosing togas rather than the Greek himation for their dress. Dedications
inside the building were made by the city, and in one case, by a governor. With figures
such as a satyr and a nude male portraying Apollo or Dionysus, the mythological
statuary emphasized the leisure and cultural pursuits of the baths. The portrait of
Caracalla reminds us that the imperial presence permeated public spaces. Ind</t>
  </si>
  <si>
    <t>b'\xcf\t-\x9a\xc9\xc8\xe43\xd0\xaa\xe0F\xbb\x8e\xed\xcf]\xb6\xeb#\x91R\xc7\xe7\xbe\x1e\x04z\x116e\xc4\x02\x18\x0c\xd3\xbchR\x08(\xc5%\xab\x06\xc6\x0f"\xae\xa9\xaa\xbc\xc9b\xc3\xef\n\xd6\xe4\xb2\xd6h\xf1\x9c\xef\x91\xdbV\x8d\xe0\xaagn\x052\xe4&amp;\x8b\xfe\xbfE"X\xc4\xe6\x86\xc3\xa5:\x191E[\xdb\xa7\xcc\xfe\x11&amp;\x0cm\xc6\xdfd\x10\xbeu\xd9^\x01\x8fx\xb3w7\x90\xa9\xa9\x9b/x\xd8\x97}7\xf4+\x16\xbd\x8ceG\x04\xf40\x06u"\xd0\x92\xfb\xa4\xa1\xcb\xca\xb3\xe7\xaaJ\xf2\x95oK*:\xd4\x81[\xc1\xaeZ\x1dd\xaa\x80\xee;\xe2 \xcfA\xa6$\x99ak#\xc2\xbc&gt;v\x13&lt;RB\xa7\x17\x13\xd4\xcf\xa2u\xbb\xec\x15\x88\x04/\xd1\xbd\xe6`\x07\xbc\x10\xeeG\x07$\xd2\xb6\xe3e\x84\xe9\xfc1\x05!\x0c\xc1i\xccPq\x01y\xa8&lt;\x04\xa90=\x9a:\xee2\xe6\x0e\xab6\xc2\xa2\xff\xab\'M\xd2R\x1a\x0b&amp;\xcex\xfeJC\xfd\xec1\xf9J\xd4\xb3\x07\'\xf4\x87(\x7f\x95\x1a[z\xecD/\xcel\xcc2\xda}\x1bTIr~\xbb\x12\xc7\x97T\x07\xfe&lt;\x08\xab\xa1\x04U\xe9\xb8\x13\xe6\xac\x8b_V\xf5\x01\xe9\xce\xae\xe0\x9a\xfe"\xf50\x11\xca\xe5\x1e0&gt;\x08#1*\x87\xe5\x12\xb4\x86\xe4\xc05\xce\xdc\xc1\xb1W\n\xa6&gt;\xe1\xbf\x92\xfc\xf6q\x90\x9e\xc8\xa0\xc9\xe7\xa87]$\xd2\n{\xd2\xc1\x1cI\xa2UGa\xd9jP\xd0{\xbf7\xc9O.\xe3\xd9\x8a\xc99g\x95$)x\xefS\xc7\xe1\x9eC\x06L\x81\xafh\xb2\xecR\xcf\x9d\x91\xe5\xa1t|\xcbz\xe9\x89j\x97\xa4p\xfe\xf6\n\xc3\xf5[\xcf*\x15^\xb9q\xec\x82\x16\x93(\x81\xd6\x9a\xba\xe0\x19s\x11"\x0e\x7f\xafu\xaclK\xf7E\x01kN\xd8\x08\x95o\xab\xf2\xc3\x03\xce\x12\x98Zux\xe3)\xddsq\xbc;\xdd\xe1\x8958\x7f\x18r\xb4\x0e\x11Q\xf52H\xb4\xa6:\xf0\xdf \xa1U\xa1\xe0n\xaaQ\xc5\x8d=(\xb4\x07W\xb9\xc4\xfbS\xef\xcb\xe6w{c\x82p\xde\xfbn\x93\x0b\xfc9{\x1c\xa0\x81\xc7\xed\xd4\xa4\x9b\x84\xc1\x19\xc9\x1d\xa7\xd8\x0e;\xd7\xb0\x81+_c\x05\xc6\xf9\xcdC\xb4\xb6\xe6\xe5\x96C\xc8trD\xc3\x8d\xe9[U\r\x15\x9a\x9d\xdcCrx\r;)\r\x94#\x97\x9b&gt;\xc7\x84\xc7\x131\xc7\x88)\xe9\xd6\xe7O=]\x86\x01d\x174\'N\xb4$-\xb9\xc6\xbf\xc9\xeb\x15\xebv\xe6,\xeb\xe0#\x99\xa8OH\\\xdd\x8c\xca\xf5\xeb\xbajx\xdd\xb0DI\xdd\xf1\xe4\xbc\x18\xd9ATAY\xd65\x0e\xc5-\x10\xca\x88\x06l\xd9_}m\xdfGv\xeeyx \xd5(B~+\xf1\x06\x02\xb5\xc6\x9am\n\xb7\x07\xf6y\xaaW\xb5\x9e\xba\xdc\xce\x95\xf9&gt;\xcb\x8b\xb0\xfd\x91&gt;:\x90\nf\xdc\x92]\xca\x0f\xc9\xce\xa1K\xbfV\t\x84\xed%\x8d\x0f"\n\xea\xae\x07\xbe;NDgm\x84\xc4\x9dK\xb3\xdcH\x89\xc8\xb1\xa7F\x085\xcc\x11\xad\x8e0i}\x16:\xe6\x96\xa2Y\x7f\xa6\x10F9\x82\xed\x83r\xea\xdf\t\x89MZB\xbf\xbc\xe5\x10\xf8\xadm\xc1=\xe1\x84\x1b\xdd\x88"q\x8d\xa8?p\x8d.\xf4W\x1b\xea\x89}\xbb\xef\xd9\n\x02;\xbcJ\x01=N\xfe\xcc\xb6*\xedl\xe3m\xf4o\xd0G\xbdh\x92e\xc4\x11\xc9.\xd25\x00\xaf\x8b[)\x03\x900\x91c_\xbe\xfc=g\r\x9b%\x8cz\xfa\xa8K\x99;\xf5e{\xa3&lt;\xf4\xfd"\x97\xfa\xf6\xdf\x9c\'Y\xb0m\xacY\xf4\x1b\xb7qE\xa5\x951\xf2\xeaE\xe2"3\x89\xba\x12\xa6\xf0\xd5=\xd6\xed\x83\xa7\xb8]\xcc\xe2\x16\xab\x9cz\xf8\xab\x84\r\xafC\xf4\xf4O\xe3\xb6\t\xfc\x9f)-\x93]\x06/J\xc5\xea\x00@r\xcen\'u\xcbv\x13d\xf1\x03\xa5\x12\x10a\'a\xcaj`\xb1\xa0\xa2\xf9\t\xdbwn\xa4\xe0\xc0Sm{\xdc\x8e\xdc\xf6\xd9\xac\x0b\xc9\x80S\xd2\xba\x1c]~J\x97\x13\xcd\x0bd\xc0J\x14\x8b\xaf\xc8}a&amp;\x13\xbarU\xf0\xd9\x19\xa1\x0f\xb4Z0TMW}\x0e5H\xf4\x1f(\xb4H\xca\xd4\'t\xe5\xf7D\x15\x14GQ\x8ev\x0eye\xf4.\xf2\xd56\x91\x84FP\x02S\x91\xa2vK\xf3\xc0?Z;*^\x14\xf9\xc9S#\x1a\x08Q\x9e*$\x16\xef\xa6\xc4C\xc1\xc7Q&amp;\xec\xc1\x05\xa6\xb6\xd8!\x19\xe8\xb9\xecG\xc7\x83\x0b\xb7F\xdc\xdf\x1a:\xfb\xc2\x1f\xf6\xc8\xc8\xce\\o~\xed\xfb\xeb#3\xd5&lt;\xbf\xe3\x98\x84\x06ny\xbb\xecu\x81\xee\xd4.#\xaf#\xef(n\xd5\x9d\xa0;\xa2^\x85\x12\xcf%\x06S\xd2\xcePAzP\x1c\xc9\x18\x08w\x10\xa4\xa7\xcawS\xd2\xcfC\x8e\xa0\xeb\xcf\xb1\x0e\xf2\n\x85\x94\x91,\'\xc7\r\xf9\xd5^y\xd5E\xd5\xf9\xd4\xd7]sq\x0f\xf8\x04,e]HQT\x97\xbfA\xac\xf1a\x99\xed1\xde\xf0\x10\xad\xb1\x8bZ\x17\xf3\x1eI\xbcX\x04^S;"\xa7l!\x1d\xe0\xb8\xcb\xff\xb3O{\x85\xb9\xf02\xec\xb4&lt;8pF+[\xbbO\xe5\x99\x92\x01\x08\x99\xfc\x97\x06\x0em0\x8fjHR{\xccb)O\xb3 \xde^3\xbc\x9a\xa1\xb5\x1b`\xbbq|,`\x98\xce\xdf\xf2\xfb~\xa7\xfdm\xa1]\xe6.*\x18\xba\x8a\xf3\xb1\xed \xfc\xcfXP\xbebr\x01\xa0r9&gt;\xe5\xf2\xfex\x95R\n\x08Af\xd4u\x10\xeb\xa7\x9d\xceN\xc5m^R\xe8\xd0\x85\xf4\x8c\x1e\xb2\xabv\xda\xea\x1eI~[\x97l\xfb\x96\xd9\xdc\x86\xbf\xd0\x05\t\xaaz\x9d\xfc\xc2\xe4\x9d\x04\xe0\xb1))\x9fw\x08\x0enq\x8c\\+z\xe6\xb3A\xac8\x93f&amp;\xf8xA\x87B\x03\xc6\x82\x91\x81\xb4\x12\x18?\xaf%Y\xe2\x8e\x0bhx\xd1 \xe5i\xea|\x93\xd0\x07\x1d2?{\xc7"\xb9\xd5o\xa3#\xc4q\xfa,B\xed\xe8\xe3\x04\xae\xfd\xb0\x88\xcd\n\\\xe8\xbc\xbc\x9e0\tdi\xe0\xd8\x84\xc9Vp\x93a\x82\x9a\xb5@|\xb6\x04;{\x1dG\xd6\xad\xac^\xa7C \x04\xba7\xb7\x15\x9d[gf\x8f\xa3Q\xc0\xe1\xcf\xb9\xf2\x9eP\xa5&amp;?\xeci"D\xd3v\xd9a0\xcf\x18p\xb8\x15,\x90\xd1\x14\xd2\xd4\n\x9b\x85\xda\x03\xb4\xef\x14F\x08\xce\xd7\x0e\xb9\xdaQRn\x0fB\x95f\x85\x86\xc6\xb7\x93\t\xda\xa9w\xa7gJ\x80\x7fj\xfc\xc1\xc0,y]\x98\x88kS&gt;\x13&amp;\r\x1f\xa5\x1a\x8c\xc7\xd8\xba!1\x1bsv\xe2B\xb0\xd1^V\x1c\x0f\xe4\xf5\x1b\x19\xe8\x15\x85v\xe4\xe7\xb8\x82y\x1a\x14\xa1\x9b\xb9\xbb\x167\xe8\x8b\x17\x82\x0f\xda\x1a\xb8\x1e\x0c\x94D\xb1\x12\xd6C\x0c\x85\x9bG\x1d\xf1\xe4t\xd6&gt;\x19\x81u\xe6\x86\x91{\xe1\xb81kx\xab\x95\xee\xa6\xc4G\xaf\xb6\xf3x\x9fMy\xfcb\xd8\xf2\xffW\xb4\xc9\xf4\xfe\xb2\xef\x1ey(\xaf\xbc7\xa9\xa5[)Z+\n\xf9~)/\xd6\x8d\xf1\xc1\xbaNe\xeaZ{\\2\x02\xea\x81Ly\xdfi\x88\xa2\xb9K\xae0\x9c\x13.\x1bV\x8e\xd2\xf23\x8f\xd3i\x18\xf5f\xdcI\xafP\x85\xcf\x1f\xa1\xf0S\x98T\x01}\xb1\xb9V\xe5\x0b\xf3\xac\x821h\xb6\xbdT\n\xa08+\x00\xdf\xee\x11c\xde\xd4\xf7\xc8)U\xf6j\x19\xcddU\xa4\xdc\xe3\x9cv\xcdF\x17j.\x8a\xd8\x8b\xe0\x10\xff8_j\xd98\xd9\x07\xca#|\x9e&lt;\xabT\x87%k\xe7K\x88+\x93r=\xaf\xaa\xd0\xd3\xd4\xfa\xcfVf\xcb\x85s\xf8q7\xd1\xf7wT|\xf3:I\xe8\xdd\xc7;\x801)T)\x88\xaa*\xcbja\xc3M7\x16gE\xb7~J\xb0cvP\xc9\xea\xe9\xb9\xd8~\\\x98\xb1s\xff\x87\xe4\r\x12\xb2\x18|a\x11\x07\x96\x0f\xd2\xca\xd1K\x19\\zr\x1b\x01\xe3\x03W\x15\xb3\xe5s\x84\x07d\xc3\x1ec\xcda\xf8\xf4\xfe\xae@{\x9f \xf6\xee\x8a-\xc2\xad\x91"&amp;\xbc\x1a\xfd\xb0\xb5\x915:\xfb\x89\xa7a\xda(\x8f\x88YL;\x00=\x07\xec\xed\xb9\xdc\x91\x8a\xe4\xcb%\xe0a3C:\x84$\'-\xa3\'\xa2\xda\x04\xa6\x08\xf2\xa4D\x01]\x15\xe1\xb0\xaa\x18\xd1F@\x8a\xa3\xf8\x8c\x9fE\xc0\xc4\xeb\xbb\x8e\x8cC\xac|\xde3\xce\\*\x16\xf39\xa9a\xd35$\x0f\xa9o\xaaJp),;\xc9\x08++f\x9e\x00o[\x04Z\x1b\xce\xd7\x03\xad}\x9fw\xdax\xdfi&gt;\xd0\x0c\x04\x99\xa0\x8c\xb6;\x04\x1c,\x0c\xba\x8b\x85\xf0.\x94\x0c\xb33\x83cuU\x96R\n\x8a\xa8\xbd\xa2\xbc\xe0\xa7\xd7G|\x9ce\xe9R\xd3xY\xf1\xf5\x16\x9d\xf4V\xb2Il\x98&gt;\x9b\xc34\xc6\x86\xbc3\xa8,,\x8a\xd4\xa8\xcf\xc1\xc4Gdx\xa2^\x0ez\xde\xef\xa1uG\x0f\xf8\xf1\x84\xf7~?\xb0\xa53\xcbQ\xa5\xfdq\x92\xfa\x93\x81[\xc8~\xe1\xf2J\x93\x8a\xf8e\x9f\xa8\x10ev\x19\x1d1\xf79;\x97\xc1Bk\xa1\xe3\x02\xcf\xbe\x1cS\xa9T\xb9\xc3\x10!\xbf\xb7\xf5\x9d\x14\xef{\xe5\xb5v\xbc\xf0\x0ewR!\x07\x12\x0b\xd8&amp;\x97\x97\x98\xed\'\x86\x15\xec$6n\x19\xbel \xa1\xbb\xc1\x91\xf5\xf8M\'\xd3@\xe3\x1c\x9c\x82n\x80\xee\x93*\xb99\xeb\xb1;\xb7"\xfd\xe0\xe8\x91\xba[\x07a\xecm+\xf0F\xec\xc8r\x07O\x87\x12\x12\x88\xa3Q-\xc5\x92p#\xc8\x00\xee\xcfi\x9e\xc4\x8c\xb1\x1c+P\x94F8\xc3Vo\xc2p\xf7\xea\xd8\x80\xfd\x81U\xc9\x1f\x97\xd9\xc0\x95T\xeb~8\xfes\xe7\xea1\xdf\xc6IQ\xc0\xb63\xb0 \xf0\xb5^\xae\x85\x9e3\xc3\x1d\xaf\t\xab\xb4a\x02?\xfa\x8f\xe4\xcbGP1\x14\x15\xbd|\x15\x19\x9f_6K\x1eM&gt;7\xe9y\x00|P\x00\xd4*\xa4\x9aEf\xaa\xba\xcaX\x05\x93`I&amp;\xb4&amp;Tm\xd7\x01\x9b\xbb\x1b\x8f\xda\xd7]\x0b\xc1\x15\r\x9fWoH#\x8c\xf1\x11\xc1\x0f\xd5\xef\x85\xec|dU\xccfZZ\x12q\xc9\xde\xcd\xea\xb8p\xe4\xe2\xe1\xb9\xab.\xbd\xf1\xd6cd\x03\x183+\xc9_\xe9\x1am\x06\xd6k\xad\xdfY\xd4\x0bD\x1dq\xb0g\xe1\xbc`\xdf\xd4\xcf\xd4m;\x11"\xff\x14\xf65\xc17\x91\xfe\x1bL\x94J=\x94k\x0f&amp;\x95\x93r\xe3\x9f\x81\x9a\xa0\x03\xf7\x99@.\x92\xa5\x16\xc9\xb5\xc3\x00\x94C?\xfa\xda\x92\x83\x0eo\x84Y\x1e\x7f\x96\x17\x9e\xa0G\x0f.\xfb\x1f\xa4\xb8&lt;\xd0\xd9\xc91"0\x9c\x90IY\xcaI\x8c\xd3\xe7\xb1\x8a\x92W\x13\xf1\x99\xecK+@\xbek\xaf\xaf\xed\xc1_\xa0)x\xe4\x84\xcf$Z\xc14S\x04S jf-\xc6\xeb]\x81\xe8\x124\xff\xeb\xc6j\xd7t\xf8\x9fM\xeb\x9e\x18\x9c\xf5\x19\x1e$\x82\xe8\x84\xf5\xad$ct\xab\xcb\xc08\xf5j\x08\x9ej\x00-{![\x1f)o\xfbw\xd4\x85\xd2k\x90\x8e\xf4\x0c\x10\x0fd3\xf1/E\x06\xce\xc8\xc3\xd2H\xde)\xca\xc9\xd6\x92\x10Q\xdft\x00\xcaZM\xd8\x8cld\x82o\xf4RI}\x02\x8cM\xb7\xc1\x13\x833\xb1\x08x\xeb\x12\xc2r\xa5\x15\xed\xae/\xba\x9dP\xe9G\x08\xb19h\xb3m&gt;\xaf\x19\xbb\'C\xf7\xef\x0f\x97\xd0\xbf\xdaN.\x06Rd\xb0\xe5\xe5U\x97\xd7\xa2\x18\x10\x9ft\xd0\x0c\xd37\xb0B\xa1\xddK\xfcz\x92\xaa\x81\x96\xfc\xea?o\x91\x08\xaa\x1a\xe4\xd9@\xcf\xde\x9f\xee\xf4\xa2\xd1\x06\xee\xdc[\xf9\xa5\xec\x03\xad\x84m\x8b2(\xb6\x87\x0b\x10\xe6X\x82i:\xe0\xdf\xfa\xf72\xa3\x83+\x02&amp;}J\x0b\x8b\x8a\x9a\tb\xaf\xec\x15\x83\xb3\xcc\x0eMG\x9d~\xd6\x1f\xb4(bM\xe60H:\r\xe8\x03\xf8\xf6\xbeC!\xc59\x98t\x1c\xb3\xd3\xbb\xffC\xcf\x0e\x06vN\xa6\x7f\xf6\x9b\xa7\x99\xdbJ\x13$\xe8\xb9\xce\xb5\xf7\x93:\x93\xeed\xaf&gt;[\x7fK\xff\xb2\x8cjB\x814 \x05\xb9\xb7f=\x99\xc4k\xe6\xd6\x93\x0f\xc2\x82\x80{\x91\xa5\xb6=\xbb\xd46\xdci\xbc\xc1\x10\x8c\xd2A\t\x10\x19\xbd/]\xeb\xc8}\x04H\x1d\x10a\xc3\x1b\xb76M\xc3\x02\xa2\x06\xb3\xe6\x1c\xe8Z\xb5RqS\xc8\x9a\x87\x88\xe4\x00\xdb\xce\x14\x1c\x94\x0eI,\xf2\xcd\xe0\xc4\xbar\x8e\xbf\t4\xbdI\xed0cW\xaeQA^.E\x85\xfb;\xd0\x94\xb9\x88\xa8DO\xe7'</t>
  </si>
  <si>
    <t>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</t>
  </si>
  <si>
    <t>b'\xcf\t-\x9a\xc9\xc8\xe43\xd0\xaa\xe0F\xbb\x8e\xed\xcf'</t>
  </si>
  <si>
    <t>be known, for of a sudden the song was
 stayed by a dreadful screech from the cabin. It wailed through the ship, and
 died away. Then was heard a crowing sound which was well understood by the
 boys, but to the pirates was almost more eerie than the screech.
 'What was that?' cried Hook.
 'Two,' said Slightly solemnly.
 The Italian Cecco hesitated for a moment and then swung into the cabin. He
 tottered out, haggard.
 'What's the matter with Bill Jukes, you dog?' hissed Hook, towering over him.
 'The matter wi' him is he's dead, stabbed,' replied Cecco in a hollow Voice.
 'Bill Jukes dead!' cried the startled pirates.
 'The cabin's as black as a pit,' Cecco said, almost gibbering, 'but there is
 something terrible in there: the thing you heard crowing.'
 The exultation of the boys, the lowering looks of the pirates, both were seen
 by Hook.
 'Cecco,' he said in his most steely voice, 'go back and fetch me out that
 doodle-doo.'
 Cecco, bravest of the brave, cowered before his captain, crying 'No, no'; but
 Hook was purring to his claw.
 'Did you say you would go, Cecco?' he said musingly.
 Cecco went, first flinging up his arms despairingly. There was no more
 singing, all listened now; and again came a death-screech and again a crow.
 No one spoke except Slightly. 'Three,' he said.
 Hook rallied his dogs with a gesture. ''Sdeath and odds fish,' he thundered,
 'who is to bring me that doodle-doo?'
 'Wait till Cecco comes out,' growled Starkey, and the others took up the cry.
 'I think I heard you volunteer, Starkey,' said Hook, purring again.
 'No, by thunder!' Starkey cried.
 'My hook thinks you did,' said Hook, crossing to him. 'I wonder if it would not
 be advisable, Starkey, to humour the hook?'
 'I'll swing before I go in there,' replied Starkey doggedly, and again he had the
 support of the crew.
 'Is it mutiny?' asked Hook more pleasantly than ever. 'Starkey's ringleader.'
 'Captain, mercy,' Starkey whimpered, all of a tremble now.
 'Shake hands, Starkey,' said Hook, proffering his claw.
 Starkey looked round for help, but all deserted him. As he backed Hook
 advanced, and now the red spark was in his eye. With a despairing scream the
 pirate leapt upon Long Tom and precipitated himself into the sea.
 'Four,' said Slightly.
 'And now,' Hook asked courteously, 'did any other gentleman say mutiny?'
 Seizing a lantern and raising his claw with a menacing gesture, 'I'll bring out
 that doodle-doo myself,' he said, and sped into the cabin.
 'Five.' How Slightly longed to say it. He wetted his lips to be ready, but Hook
 came staggering out, without his lantern.
 'Something blew out the light,' he said a little unsteadily.
 'Something!' echoed Mullins.
 'What of Cecco?' demanded Noodler.
 'He's as dead as Jukes,' said Hook shortly.
 His reluctance to return to the cabin impressed them all unfavourably, and the
 mutinous sounds again broke forth. All pirates are superstitious; and Cookson
 cried, 'They do say the surest sign a ship's accurst is when there's one on board
 more than can be accounted for.'
 'I've heard,' muttered Mullins, 'he always boards the pirate craft at last. Had he
 a tail, captain?'
 'They say,' said another, looking viciously at Hook, 'that when he comes it's in
 the likeness of the wickedest man aboard.'
 'Had he a hook, captain?' asked Cookson insolently; and one after another took
 up the cry, 'The ship's doomed.' At this the children could not resist</t>
  </si>
  <si>
    <t>b'\xb8r\x9d\xbb\xf9(\xe2\x91'</t>
  </si>
  <si>
    <t>b8729dbbf928e291</t>
  </si>
  <si>
    <t>he stood
and repeated it again and again. "In the garden!"
He had to make an effort to bring himself back to the place he was
standing in and when he felt he was on earth again he turned and went out of
the room. He took his way, as Mary had done, through the door in the
shrubbery and among the laurels and the fountain beds. The fountain was
playing now and was encircled by beds of brilliant autumn flowers. He
crossed the lawn and turned into the Long Walk by the ivied walls. He did not
walk quickly, but slowly, and his eyes were on the path. He felt as if he were
being drawn back to</t>
  </si>
  <si>
    <t>b'9\xca\x8d\xb2j\xf8\xfa,\xbd\x16\xd1\xb9\xe2\xd4h&gt;\xf5\x92\xc5p\xcf\xb8&gt;\xc8\xa3P\x08\xf7\x18\xa0\xed\x90\xfb\x19\xce\xf8\x01T%U?\xb9\xaf\xbd\xb2\xdf\x82i\xf1\xc8M\xab\xb2e\xe5\x94S\t\xd4\x0b\xcfq&gt;\x86\xb5\xe6\xf1\xf5\xd8\x86U=\xca\xc5\xdf\x11\x17\x0e\xc7"Q\x1d\x16\x9e\xc2\xe3\xf9O\x07\x08\xc8\xdf\xf2\xd9\xff9\xb1-\x86\x148\xb8v V\xba\xef\xd3\xe2k\x11F\xcbz\xddhn(\xccO\x1b\xfd\x1e1\xe9\xebXf\xd5\x9c\xaba29\xe2D\xf3\xb2\xba\xf5\xc9\xed\xfe\xce\xb5\xe7(\xc8\x93\x85\xd3\xef\x8b\x0e\xb7~\x85\x12L\xcar\xd3\x9e\x1d\x81Z\xa5\xba\x9d\x9dj(i\xfe\xcf\xb4\xf9J%S\xa6\x11-\n\xe5\xdc\xee\xc4G3\x02\xdb\xa4\xeai\x8d~\xdc\x99\xe5\xbc\xd2\x12\x1bL\xbd\x99\x80:\xd60\xbe\xce\xa06\x13\x81\xe8\x96S\xb3\x1c\x96\x17\xfc\x86h\xcf\xa5r\x17\xbd\xf7\xe5y\xc8\x1d\xcc,\x83y\x00\r\x9e:m\xc8\x96\xf7q\x9cB7\xd2\xb9\x85\xcf}T\xcbk\xcd@2\xb2oQs\xc3\x03\x1c\xe4t\xb2\xfb\x11\x1c\xf3\xcc\x02\xba@\x16\xcf5\xcb\xb2\x88\x9a\xc7/\x00\xcaa\x14\xb6\xb4\x9ca\xac{\x10\xf7\x7f\'\xa24\xea\x11\xd7\xf9\xd6\xb97}\x14w\xdb\xac\x07/\xe6\x94\x047\x8d|\xe7\xf2\x7f\xea\xfbf\xa3\xf4\xa0\x1d#_\xd48\xbe\xdfx\xc1\xf0rSu\'\xc6Da\x13Iw\xc30\xe3\x86\x17}\x9d\xcdO\xc6\x92\xf4\x01\xe8O]7&amp;\xffl\xc7\xd8\xc5\x08\xe6N\x04\xb1\xcb\x17\xfe\x8a[8\xc55\xecNR\x0fkD\x1dg\xc4B\x9d\x96\xfdnQ\x83&amp;hnX\x11oL\xaf\xb9\xc05:\x97\x05\t+T\xcdE\xb2\xd3\xe3\xd3\x9ef\x8b\xc6\xe3\xe6B\x88\xa1\xf38\xf2\xcecu5t\xc2\xe9\x82a\xe1}3\xf2\xb9\x90&lt;=`\xf2\xe9-\x96\x07\xa4\xd0mD\x94\xf3\xfazK*S\xd3\xee\x85\xe2\xc1\xe0\x8d\xb5\xd0\xe8uj\xca\x8d9\xdf\xb7N\xe6\xf7\xcb\xe9\x8aO_\x89\x8f\xf73\xad\x81l\x06\xa65ZN\x7f\xfc\xfdF\x18\xf9\x0fOvc\xe1/\xc7H&amp;K\x82t!3\xd8o\xa9{\xe3m\x02`\xff\xbfF\x8c\xce\xf7\xd6@\xbd\\\xf1\xb2J02\xc9\xfet@\xbcqd!\xd1z\xeb(\x02\xe0U\xfe.\xde\x92\x01\xd4^6I\xb1\x8e\xcd{\xe8\xcc\x8bI\xbc\xd0\xe2'</t>
  </si>
  <si>
    <t>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</t>
  </si>
  <si>
    <t>b'9\xca\x8d\xb2j\xf8\xfa,\xbd\x16\xd1\xb9\xe2\xd4h&gt;'</t>
  </si>
  <si>
    <t>uras.
 The anti-globalization movement grabbed world headlines in November 1999, when a
 major meeting of the World Trade Organization took place in Seattle. The purpose of the
 meeting was to start another trade round, following on the Uruguay Round described in
 Chapter 10. Thousands of activists converged on Seattle, motivated by the belief that the
 WTO was riding roughshod over national independence and imposing free trade ideas that
 hurt workers. Despite ample warnings, the police were ill prepared, and the demonstra_x0002_tions brought considerable disruption to the meetings. In any case, negotiations were not
 going well: Nations had failed to agree on an agenda in advance, and it soon became clear
 that there was not sufficient agreement on the direction of a new trade round to get one
 started.
 In the end the meeting was regarded as a failure. Most experts on trade policy believe
 that the meeting would have failed even in the absence of the demonstrations, but the anti_x0002_globalization movement had achieved at least the appearance of disrupting an important
 international conference. Over the next two years, large demonstrations also rocked meet_x0002_ings of the International Monetary Fund and the World Bank in Washington, as well as a
 summit meeting of major economic powers in Genoa; at the latter event Italian police
 killed one activist.
 In a relatively short period of time, in other words, the anti-globalization movement had
 become a highly visible presence. But what was the movementâ€™s goalâ€”and was it right?
 Trade and Wages Revisited
 One strand of the opposition to globalization is familiar from the analysis in Chapter 3.
 Activists pointed to the very low wages earned by many workers in developing-country
 export industries. These critics argued that the low wages (and the associated poor work_x0002_ing conditions) showed that, contrary to the claims of free trade advocates, globalization
 was not helping workers in developing countries.
 For example, some activists pointed to the example of Mexicoâ€™s maquiladoras, facto_x0002_ries near the U.S. border that had expanded rapidly, roughly doubling in employment, in
 CHAPTER 12 Controversies in Trade Policy 281
 the five years following the signing of the North American Free Trade Agreement. Wages
 in those factories were in some cases below $5 per day, and conditions were appalling by
 U.S. standards. Opponents of the free trade agreement argued that by making it easier for
 employers to replace high-wage workers in the United States with lower-paid workers in
 Mexico, the agreement had hurt labor on both sides of the border.
 The standard economistâ€™s answer to this argument goes back to our analysis in Chapter 3
 of the misconceptions about comparative advantage. We saw that it is a common misconcep_x0002_tion that trade must involve the exploitation of workers if they earn much lower wages than
 their counterparts in a richer country.
 Table 12-3 repeats that analysis briefly. In this case we assume that there are two countries,
 the United States and Mexico, and two industries, high-tech and low-tech. We also assume
 that labor is the only factor of production, and that U.S. labor is more productive than
 Mexican labor in all industries. Specifically, it takes only one hour of U.S. labor to produce a
 unit of output in either industry; it takes two hours of Mexican labor to produce a unit of low_x0002_tech output and eight hours to produce a unit of high-tech output. The upper part of the table
 shows the real wages of workers in each country in terms of each good in the absence of trade:
 The real wage</t>
  </si>
  <si>
    <t>b'0F\x02!\x00\xbcFS\xdc\xae"\x04\xfc$\tr\x14t\xc3\xa5W\xc6\xc6\x16\x8d\xf6gI\xac\x84yW1\r\xbb9\x8c\x02!\x00\x90\x88\x8a\x80\xc2~\xb9:w+6h7\x8c3\xc8h\xcd\xdbK\x1dW\x90r\xfc\x80l\x8fp\xe9\xf9l'</t>
  </si>
  <si>
    <t>3046022100bc4653dcae2204fc2409721474c3a557c6c6168df66749ac847957310dbb398c02210090888a80c27eb93a772b3668378c33c868cddb4b1d579072fc806c8f70e9f96c</t>
  </si>
  <si>
    <t>b'0F\x02!\x00\xbcFS\xdc\xae"\x04\xfc$\tr'</t>
  </si>
  <si>
    <t>ome than the row,â€™ said Amy, who had not the
remotest idea what the Row was and wouldnâ€™t have asked for
the world.
Frank, sitting just behind the little girls, heard what they were
saying, and pushed his crutch away from him with an impatient
gesture as he watched the active lads going through all sorts of
comical gymnastics. Beth, who was collecting the scattered
Author cards, looked up and said, in her shy yet friendly way,
â€˜Iâ€™m afraid you are tired. Can I do anything for you?â€™
â€˜Talk to me, please. Itâ€™s dull, sitting by myself,â€™ answered Frank,
who had evidently been used to being made much of at home.
If he asked her to deliver a Latin oration, it would not have
seemed a more impossible task to bashful Beth, but there was
no place to run to, no Jo to hide behind now, and the poor boy
looked so wistfully at her that she bravely resolved to try.
â€˜What do you like to talk about?â€™ she asked, fumbling over the
cards and dropping half as she tried to tie them up.
237
â€˜Well, I like to hear about cricket and boating and hunting,â€™ said
Frank, who had not yet learned to suit his amusements to his
strength.
My heart! What shall I do? I donâ€™t know anything about them,
thought Beth, and forgetting the boyâ€™s misfortune in her flurry,
she said, hoping to make him
talk, â€˜I never saw any hunting, but I suppose you know all about
it.â€™
â€˜I did once, but I can never hunt again, for I got hurt leaping a
confounded five-barred gate, so there are no more horses and
hounds for me,â€™ said Frank with a sigh that made Beth hate
herself for her innocent blunder.
â€˜Your deer are much prettier than our ugly buffaloes,â€™ she said,
turning to the prairies for help and feeling glad that she had
read one of the boysâ€™ books in which Jo delighted.
Buffaloes proved soothing and satisfactory, and in her
eagerness to amuse another, Beth forgot herself, and was quite
unconscious of her sistersâ€™ surprise and delight at the unusual
spectacle of Beth talking away to one of the dreadful boys,
against whom she had begged protection.
â€˜Bless her heart! She pities him, so she is good to him,â€™ aid Jo,
beaming at her from the croquet ground.
238
â€˜I always said she was a little saint,â€™ added Meg, as if there
could be no further doubt of it.
â€˜I havenâ€™t heard Frank laugh so much for ever so long,â€™ said
Grace to Amy, as they sat discussing dolls and making tea sets
out of the acorn cups.
â€˜My sister Beth is a very fastidious girl, when she likes to be,â€™
said Amy, well pleased at Bethâ€™s success. She meant
â€˜facinatingâ€™, but as Grace didnâ€™t know the exact meaning of
either word, fastidious sounded well and made a good
impression.
An impromptu circus, fox and geese, and an amicable game of
croquet finished the afternoon. At sunset the tent was struck,
hampers packed, wickets pulled up, boats loaded, and the
whole party floated down the river, singing at the tops of their
voices. Ned, getting sentimental, warbled a serenade with the
pensive refrain...
Alone, alone, ah! Woe, alone, and at the lines...
We each are young, we each have a heart, Oh, why should we
stand thus coldly apart?
239
He looked at Meg with such a lackadiasical expression that she
laughed outright and spoiled his song.
â€˜How can you be so cruel to me?â€™ he whispered, under cover of a
lively chorus. â€˜Youâ€™ve kept close to that starched-up
Englishwoman all day, and now you snub me.â€™
â€˜I didnâ€™t</t>
  </si>
  <si>
    <t>b'&gt;\xca\xbdDo\xab\xed\xbb\xca\x7f\xbeo@\x81s\x17t\xfc\x96wa\xf4R\x8e\xe2cN\xd1\xaeJ\xbc\x07\xdb\xcc\xa7\xa5\xd3\xed\xf1a\x95\xd3_~n\x99\xcea\xff\xf2\xa4|\xf3\xc1\xe9\xd56.\xd3\xeb+*\xc2G\x02!*\xfcN\xc3"\x1f\xc59$\xdb\xb7iN\xff\xb6\xb6\xd58\x82\xe334z\xa4=X\xb0pU\xbb\xd4\nz@\xf1,\xac\x9548\xfd\xecv\xcc\x08\xd1\xbb\xa0\x87\xa8J\x92AG|\xebB\xad\xef\xac\x88\x99\x1b\xfb\xde%W\xb4\xd2\xc1Fk\x90IU\x07X\xa4E\xd6\xfe\xd0\x1a\xcb\xb0\xe0\xd5\xa8\xe5XRFFl0\xb9Aeex/\xdft\xf1\xa6)\xefq]\xef\xaa\x8d\xa8"\x8f\xf3\x06\x1f\xe2\xcd\x10\xb8\xe4\x85\x0b\x85E\x8a^\xbc\xc7\xa6\x95Y\x0b\x04\xcf&amp;z\x1c\xb6\xab\x16IH\xceV\x9f\xb5]\x0f\xa4D\xb4\x8bJ\x82\xa1\xf6\x8eb!\xdb\x9d\xe7q\x08\x17B\x11\xee\x81\x98r\x19n\xea\xe6\xd63\xec\xf8\x0bPh\x81\x8a\x1aFj&amp;\xcdK0X\x9e\xe4\x0e\x135~\x87BZ\xb9\xe9\x84\xc9\x18_\x82\x1e\x14\x17\xa1\x85\x1f}?\xe0,Qr\xf8\xdf`l\x15\x86\x15~\x96q\xb3U\xba\x99Td\xaeQ\xd4\xcc,\xcbjx\xc06\xb7\x84aUo\xfc+\x12X\xaa\xe8\xf9JB\xa4\x16\x01W\xd8\xd5!\xb8\xfb %\xc8H\xde\x88]\xc1\xf8~#\x97\xe0\xef\xbc\x8a\xaa\xccc\xdeF\xb1\xb0\n\x828\x82\xe35\xd3\xf6A\xc1=(\t\xd2d\xd6[30\xb6\nsS\xe9u\xe5\x8d\xac\tGXF\x11 \xd8\xac\xbaZ\xf7S\x97.\xbb\x1d\xd8E\x8e\x02\xc63\xa2\xfch\xf4x\x87}\xef\xb3\xaa8\x00\x08\xa2\'\x0fP\xef\xf1"\xe7\xae\xa2mW}g7\xbf:a\xe5\xf8g\x1d\x81\x80\x7fH\x0c\xb3ee4\xc825\xd0\xb5p\xde\xa8\x1a\x8e\x07\xb9j\x08\x85R L\xdc\xf2g\x97\x95\x98\xfc[\xb4\xb3\xd0\xb4\x0f[\x05\xfc\xc1\xffF\xc9l\t\x89\x13L\x03r\xdc9\xfb\x19&lt;\n\x1c\x03\x17&amp;\x9e}\x95\x97\x80n\xe4Q\xd7"h?u\xda\xa1\x9a\xdc@\xc4\xce\xcd\xdc\xdc\x83"\x90\x859\\\xb8\xc95\x1f\xe7\xf1\xd7l!\xb9i\xdb\xe2b$\xfe\xe8\xa7C\xc8:\x1a\r&lt;\xc7\x0cF;\x8d\x15\x94\xbb\xbd\xe4\xe9\x03,\x8c\x96\x16?h4\xdf\x92\xb7\x9e\xf5m\xe0\xba\xa9\n}:L\xdd\xddC\xe0\xc4q\xbc`\x19\x8d4ky\xb6\x10\x8c\xbc"\xad\x10\xdeo\xa0\x8f\x06\xc5(\xfa\xb6\x1f\xb8!\x1d\x1b\xf1\xabR_\xbd&lt;$\n\x05d$\xef\'\x17\xba\x95K\xcaf\xec\xc6a\xde\xeb\xa0\xf4e\xabr\x82\xb9\x1d\xe4\xe5\xdbl\x82\xe5K*\xdc\x94\x8ed\x11\n\xdfT2\xb6\x015\x11\x97\xef\xa78\x85X-\xa1\x93wBc\xb2\xd2\xe8\x99\x14\xdf\xb5\x19\xe8\x89\xb8;\x8ex,\xe8\xcc\xfc0A\x8d\xd0\xbf\xb79\xe9g\xac\x85\xfd\xa9\xcdt\\\xd8$&gt;C\xbah\xa1\xb2\xbb#3\x9d\xdc\xaa( \xc7\xe6Y\xfe@\xf5e\xc76\xef\xf9\xe9:6,\xd3\xcbhR4\xe3\x0e\xb7\xec\'\x7f\xac`k\x0cQ|\x15\xd8\xd9iJ\xcb\xa3\xb2g4YG\xb3n-\xebb\xb7\xb8wx\xd0\xad\xc8\xabT*\x80\xea+N\xa3Nq\xb7\xb0\x7f\xa9-l\x10\xf7\xd04w3.\xc0\x08\xfd\x14\x06\xf9Z=\x05\xc8f\x8e7\x86\xa4r\x8bB\x18\x89\xca\xbe\xe9\xb6\xf95\xf4\xfbf\xec=\x0f&gt;\x1e\xc0L\x942\xf3\xf5\xafs\x16`\xb4\xa1\xa8\xf5?\xaf\xf9\xedDt\x92K\xdb\xedU\xddQa\xb5 \xe4V\xbe\x8c:\x11\xb1n#7T\xc5\xf2\xe2\xf7\x08\x8a\xda\xa1\xd2\nLq\xbe\x83\xe0\x9e\xadW\xbc8\xc6\xd5m:\xb2\xc2\xc0\xc8z\xa37\x83\xbds\x05\\a\x85\x18\x7fKD\xb6i"\xb3\xbbB2\x1b\xa6\x17\x1c\x92yt\x9f@G\xacw\xf6x\xac\x13*\nhG\xf4\xb7\xd7}\x97\x82\xe4Pcg\xaaa@\x1e\xe4\\\xdb\xc8\xbb\x02\x18\xac\x81\x07\x95?\x03]\xebU\xcd\xf02WR\x93\xb0\x1a\x04\xa2e\x8b\xc6t\xb0\x8f\xacA3\x0e\xd3\x07\xab\xb9e\xde\xac8\xdf\x8b\xc8\xa4\xc5E\x13\xf1\xccb|\'D\xf7\xaf\xdf|\xbc%}\xaa\xc3Kr\xed\xe0R\x86\xc7\xd7\xcc#\x07e0u\xe2\xb0\xf4+\x97\x0b\x148\x8b\xbd]\tqe\x85\xea\x0b\x92\x8f"Kq\xffLb\xbdZ\xa7\x8e\x9e\x88\xbf\xe0I(\x16\xc6\x85+|\x85\xeeZ\x08\xb6\xd6 \x01OdI\xb1\x03\xb8u4\x82\xa5a\xc5\xc5\xd0{\x05N\x8e\x10\xec]\xb70tnt\xab\xc1\xb3Ym\xe7p\x1a\xdb_7\xd6\x1d\xe6\xb5\x17@\xe9\xcc;\x9d\x0e\x1f\x0c\x93\x90a9\x17\\\xe3\\\x8fPy\xda\x02q?\xdc\x16\x1e\xcc{\x1b+\x043K\x87k\x89K\xa8\x15\xf9\xdc7\x94\x0e5\x98E\xde\x9a\x04\xa29v\xec*\xff\xb3$\xbd\xc4\x01\xf3e)N\xf1\xa05\x01o\xf3v\xb7m)d\x81\xda\xf4\x02w2\x99\xb4?\x94[U~1\xb4\xd9\x15!b^\x07_;\xe1K1\xb0\x104U\xca\xb0\xcb\xe1z]k\r\xcdGx\xf8\xbb\xf1\xd1\xd3\x19\x82\xed d\xbe8Qo\xab\xfe\xe7\xfeE\x92n\xe2\xa8\xbd\xf6\xb2\xbd\xcb&gt;"\x9b\x1dVb\xd6\x86Q\xadlTB|\xe98M\xe2\xef\xb4I\x0c\xed\xe3\x18Wt\xc8`S\x9c\x9cR&gt;\x0e_\xf2\xff\x17o\x07\xcb\x9f\x9b9%\xe5&gt;\xcd4\x85Q\xacyC\x94\xed\xc3\xaa\x8d\xef \xfa\x9e+\x83\xedB\xa7Z\x03\x04!X\xba\x1bAe\xef\xc7\xeb\xd0O\xaa\xf4Wz\xa3+^\xff\xaa\xd8\xea+_G\xea\xc8\xbcm\xee\xcd\xc4\x9c\xa2C\xef\xa7\xa8\x86Nji\x16\x88\x12\x93\xcay\xa2\xd2\t\xf4\xe1J\xa8\r}\xc9\x0fB*i\x94b\x05\xcah#b\x9c\x8d\x9f\xfdq\x08\x9e\xcd\x8a\x9ex\xd8}\x88q\x9eLO\xda\x9c\xb9\xeb\x89 \xcf&amp;95\xf5\xc3\xc0\x05\x03#\xff\x8f\x07\x0cHN\xd2\xd3m\xc9\xd1*\x92I\x1b\x83\x14EC\xa1\xf5\xfb,\\\xe6\xb7P$\xb4t\xf3\x15\xda\x8aq\xc6\x8cU\xd6\xc8\xb7\xa4s\x19\xa8\x86X\xbf\xb2\xf5_\xde\x1e\xad\x8c3%\xf9\xe6\ri\x85\xd3m\x99\xf7\xa7\xea#0&lt;\xa5w\xdfL\xf4"\xaa?p\xdf\xb4\x87\xd7\x80\x16DjJ\xa3E&lt;\xb3\xedH\xae\x9e\xe0V\xcf\'S\xf0$\xd5\xc2\xd6\xd8k\xb9\xb1\x96\x08h \x80`%\x7f\xeb\xe9\xec\xae\x89a\x91\xb18 \xdb\x9dG\x8a1\x00vI\xb4s\xdd\x18)\xee\xe6\x98a\x00\n\\z\xbf\x04\x9cR\x07\xb0w?=\xe1\xb6\x0676%\xbb\x00=\xe2\xcb\x93\xbb\xe2\xcd\xaaU\xf6\xef\xdb\xdfo\x9e\x97\xa1\xfe\xfaP5lP\x9f\xa1\x88S\xc4\x03\x82\xd5\xf0\x1a\xc5-\xb8,\xb8\x18\xacm\xe2\xd2]i\x16\xa4\xf4\x95\xed\x8b\xcb\xbf.\x0e\x9a:\x1a[\'\xdft\'\xd9\xac5tv\x05\xff2\t\n\xec\xab?#\xe4\x98\x85\xe4q[\x1d\xc3\x00{!g\x91\xd3\xe3\xd0\xe4\x0c\xd1o\xb8\x82\x14\xfdB}O\x83\xe9\xb5"Y)\xc5[\x8c\x8e\x16&amp;w\x96\xccm\xe1\xd0\xdb\x11\xf1\x82\xf4E+\r?\xc3\xcb\xd8\xc7\xcc\xca- \x06\x06\xdd\xd8H\x8f9O\xf4\x1b\x80\x8a\xa2\xc3C\xcd\xb9\xeeS\xfc6\xec\xa4\xb0\xdf\x8ep\xbe=\x82\xf5)?\xa7_\n\xd6\xc4\x9d\x9a&lt;\x08\xf7\xc5\x07\xc9\xa9\xbf\x83\xf6\x98\xa9\xaa\xb3\xa0{\xfa\xb1\xf1\x0c\xd5m\xf8RF\x82\xc4\x90\xe0\x95\xad^\xbc\x06\xffY\xda\x89\xc3]52_\xe4\xca\xc0L\xa7\xad*\xef\xec\xcf\xa0\xc5\xa1\x8e1t\x98\x83\xae\xd1\x83N\xb1\x04\xdc\x99\xd1)\x85\x0f\x05@\x11\xe0\xac{\xecoA\xb49\xdd\x0b4\x9d\xfa\x84\xee\x9e\x8d\xe0;\xf9\xc9L\xd1\x03K\xaa\x12"&amp;5\x189\xad&lt;\xb5\xb5\x88a\xb6\xaa\xaci\x98\xda\x0c\xe1\t\xc5\xb2C\x8e\x99\x98i\xcd\xbf\x06\xe8\x03\x96Ql\x0e\xa9\'\x88\x1b\xae^\x8dj\x10\xf3k$ \x0b@\x1f\x94T\x07hf\x91j\xdc=\x9fn\xb1a\x82:\xe1\xc1v\xae\xff\xbb\x18}\xd1\xc8\xce%\xbbOJ\xb2C\xc8)\xb1Ud\x90\x8aA\xb3j\xc3\xca\x94\xccN\xa6\xdc\x1a\xb6\x07\xec\xa4\x85 7\xecJ\xe6\x1f\xad?\x0b\x02\x06\xc3g\x0f\xb2\xa1\xfdC=~\xcd6\xb3c\xa61\x91\xa6\xaa`\xd6\x8f\x9a\xb3\x9db\x84d\x95d\x0bzik\x01\xe3;m\xcc\x15c\\\xd8k\xa4!\xa4\xfcDa\xa5\x07\x17\x15Q\x94\x86\xe3(\\\x80\x18\x15\xe8\xac\x0b\xc8\xf0\xae\x10\x8eA\xb4c\xcdy\x9a\xa5\xeb\xe1\x91W\xdb\x87\xd0\xe8\x00(du\xf5\xa2-`Up Nf\x8aJv\xe6\xec^3\xaa\x19H+\t?\x96\xff\xdb\xa0\xcdo\xbd\xceI\xbf\xc3\x17\x8c8\x87\xa6+\xa6.\x9f0\x17!\xde\xb1=\xfa\xac|NfU\xcb\x17\n\xe8G&lt;~\x90\xaaC\x87\xa7\xdc\x18;\x1e\xd0\xb1i\xab\xb1\xb3\x87\x9a\xe6\xec\xd6\n\xc5\xf7Ut\x0e\xe6_\x99\xc0a\x89\xd30\xf9\xf3t\t\x06\xfb\x96\xda\xe34.5k\xa6C\x03\xd4\xf7n\xe7\xceU\xc2[\xb2\x9aA\xa3\xa8\xbd\xdf\x14\xe10\xb5sA(\xcce\xccjz\xca\xe4\xecJ\x85\x93\nn\xf4^\x93\xc0\xdc\xd6\xa1p9\x1f\x8c42D\xc8\xdc\xaf\x1e\xa5_\x0b\x0c\xa5\x16!\xb2\xddY\xc1\xa8\xd4-\x86\xc4\xd6\x8eg\xce,#n\x14\x822A0v\x84R\xce\x88\xebZ\xc7\xa8p\xc0\x05\xe8\xb0\xa7\xc4\xbd\xc9#f\xd9\xa0-\x19}\x8f\xe8{o\xe6@|\x90\xfc\x9e\xd1Z\x92\x83\xa1\xf7\xef\x95868\xcd\x8e\x0f\xa8\x08\xfd\x19\x80\x9b\x874\x85\xfd.\xcaS\xb96s\x1e\x1c\']\xdaY\x7fm\xc8\xd1-\xae\x9a\xd9\x91[\xba\xd52`\x97L\xea\xfd\xa4\x90;(Cb\x1fw\xc7\xd3\xe3j\xd7\x02$\x93\x81\xc60KV\x98\xb8\xfc\x99\x1b\x9d\x82\x9f\x8d\x88\xd5\x87uQUW\xdf\xae\x05\xda\xcc\'\xff\xe8{\xd7\xaa\x11o\xdeu\x7f9\xa4-\xac[Zn\x8b&amp;a"y\xf8S\xf8\xee\xd4\x93\xbc\xd4A\xb3\x01\x91\xa8j\x1c\xfbe\xd1&gt;\xc5U cV\x1ad\xad\xf7\xae\xf1\xad"\xb3\x06\xe0\xefZ\x8eV\x90\xaf\x13\xd3\x17\x00\xd5%\xfa\xc5l\x9cj\xd3K\x08\xb5CN4m@W\xf5l\xd5\xd6\x07Kjv\n\x96\xf3\x91\x04\xe2k\xd4g\\s\xf0\xe5\xe5r!\x8de\x16\xb4\x91\x9f\xf3\xd3$\xef\'\xfd\xd0g\xb1\xc3\x16\xd06l\x82*@Qg``\xce\xc5\x0f\x05\xff\x18\xc1\x15\xd2\xbf]\x1a\x01\xa6\x0f(\x17\x1b\r\x11;\x87jm\xcd\xf2\xd0\xa8\xbb\xf2\xb5\\\xf8\x85\xd4\x87}=\x1dY\xc0\x08\x0e|c\xfcO2^\x0bS\x9e\xedN\xeaVj\xc7(*$P6\xa4\xce{\xf9\x06\x1df\x7f0eP\xe9\xe6\xef\n_\xe7\x16t\x010\xaa\xebd\xad?\xb0\xa02\x17\n\x98\xa9\x13a3Dxo\x98\xb8B\xe2\x17\x04&amp;\xae\xe6K$\xe1\xc3J[\xd9\xb4\xa5+\xc0\xa8~\xb7\x9aF\xbc\x98H&amp;\xa4\x8cG\xb2\xd6\x93\xc1p\xfe\x91W\x80\x18\xe4\xe3\xdc\xe0T\x98\xc6&amp;\xc8\x05\xf9[\xf8DL!SB\xdd\xf6\x82\xb1\xe9m\xb6W\xa59()\xd3\xf1s\x90\xe9\xcb\x1eT\xd5\xed\xd4X\x1e}\xcaK\xec\x0c\x92\x02O\x8e\xf1\xfb\x7f\xbcS\x8d\x03\x07\x05\xe1\xef\x91\xc5\r\x88gcr\x14E\xb4\x12 A\x0f\xf9S\x12\xdaj\x88\x0f\xb5\xc5\x0e\xe5\xde\x8bP\xbf\xfb\x99E\xa7~\x03z\x1f\xd3\x94\x82/\xfb?\xbbHP\x93#\xa4[|\x07\xd7\xea\x89s\xc1J,*\xb9\xddM\x19\xda+\x12\x16\x95=\xd2\x08-\x12\xb4|o\xe7\xa2\x05\xc1\x08\x95\x14\x81U\x91Z\x18\xe6\x0fu-\x15\xd546\xf5\x07!MH\xaf*\x1c\xc4\xa4\xba)\xd3 ~\xc3jr\x90\xa6\x88\x1cc\x0f\xa6)\x05\xc0q\xd5&amp;{\x99\x06\xf2\xe7\x8f\xd4\x92\x05\xfe4M\xa7\x0f+\xec\x17\x13d\xa9Bz\x19\xf7j\xf9\x1e\x935\xb9\xce\xc2\xa3t\xd49\xed\xdb\x81\x1b\x16\x988\x96v\xee\xe2\x00\xaaA\x8el\x96\xb3\x02\xe7\x03\xc3y\xd1)\x8e*\x87\xc9\x85\xe5Q1\xd3O,\xbd9\x10U\xe6\x16\x04\xe0\xdfHWj\xf7\xaa\xff\x91/\xef\xa1G\xbc\xa0\x97\x07\x1c\xdb,\xcf\xc6\xd4&lt; o\xb0\x97\xeb\x9b\xbf\xe2\xdeP};\x80DGz@Wo#\xfc5w\x16\xd7^\xf2(#\x9c\x87\xf0\xc8\xa3Ss*\xf8^\x91\x81s\xb6\xca\x19\xaaP,\x01}\xe0\x08\xdfw[\x07\xbe\xb1\xeb\xfb-\x03\xa2"e\xa0r\xa3p\xc5\xdap\x9e\xf3\x9f\x07[\x94}\x80\x06\xf09|Z\xa6\x84%\x1e\xe0\n2yh\xd8\xa2\xa8\x04\xff3G\x0f\xa1%Q5{$\xeeJ\xa2\xd76\xb9\xa7\xae\xac\xdc\x92L\x11\xdb\xd7O\xd0oUQs\xe2\xe1h\xed\x07E\x9b\xf7u\xd8\xd0\x0e\xa6\xe0\x92:\x9fN\xe9{\xe0o\xf72.\x01\x8bMp\x12\xbe\xe0\x87\xd8\xbd\x81\x95\xc8\x98_Or\x9d\xa6e\xd4\xe6{\x1f\xd8\xa5]"\xac\x92\xe9\xfa\x9a}z&lt;\xa8\x17\xc4A\xa0\x85\xa2{Q\xc8\x1e\xecO\xa1\x00sL\x87-l\x89\xba\xcd\\\xfa\xdf\x94\xa5\xd3\xbf\xad-v\x9e\xe3F\x93\xb4\x025\xdf&gt;+\xb1\x1f^\xfb;\'\xe1\xf51\n\x03\xf6\x99\x1f\xa7\xfc\x91\x1a\xb7o3H;97\xd1W\x03 \x9f\x89\x90\x84\x80\x87Y\x94\xe1\xe5a&lt;\xa7\xc2\xb2\xa3\x8d\xeb\x1c;\x1a,\xcb\xa9f\x06\xfc\x02\xe3N\x1d.\x8c`\xf3\x859\xd9z\xcc0\xad\x92\xeeW[B\x85\xb6\xee\x7f-\x1b\xa05\xdd\xe4\xc9l^\xe5K\x89\xbd\xd7 \xa0A\xba\x85\xc8JoG_\xd9\x99-\xacn\t\xbf\xf08W\x8cl\xf7\x9f\xf3&amp;\n\x7f\x9b BD\xad\xa2\xa1\x80\xfe\xf5\x02r\xab\xec\x8b*9+w\x91\xac\x8aR\xcd\xf2\xc8\x99iiA\xba\x0f\x05!\xb23\xa6\xe4\xca{p^b\xba\xf5\x17\x7f\xec4\x04\xcf}\xd7\xb7\xdf\xf7\x83\x9fW\xdd\xd9_\x9fe\xa3\xe7\x91\xa2\xa8'</t>
  </si>
  <si>
    <t>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</t>
  </si>
  <si>
    <t>b'&gt;\xca\xbdDo\xab\xed\xbb\xca\x7f\xbeo@\x81s\x17'</t>
  </si>
  <si>
    <t>â€™ alongside archaeologically
less-visible commodities.
The study of amphorae offers the greatest potential for understanding Roman
trade, since the containers are representative of commerce in their contents
(Amphores 1989; Peacock and Williams 1986). In many instances a particular commodity can be ascribed to a distinctive form of amphora (olive oil for the Dressel 20,
wine for the Dressel 1, and so on). Studies of regional pottery supply patterns are also
starting to demonstrate the local and long-range connections of a number of sites and
how these fluctuated over time (Fulford 1989; P. Reynolds 1995). The quantities of
amphorae known to have been shipped are impressive. Monte Testaccio, for instance,
is conservatively estimated to represent c.60â€“80 million oil amphorae. Several large
deposits of Italian wine amphorae dredged from the bed of the Rhone in the
nineteenth century are reckoned to have totaled more than 100,000 vessels (Tchernia
1983). Recent research has also emphasized a massive increase during the Roman
period in production and trade in fish products, including the celebrated rotted fish
sauces (Ben Lazreg et al. 1995; Curtis 1991a, b).
The overall volume of manufactures and their distribution patterns are extremely
impressive. Above all, one is struck by evidence of large-scale activities, well above the
subsistence needs of individuals or inward-looking communities. First-century CE
kilns at La Graufesenque in southwest France could apparently accommodate up to
30,000 high-quality pots in a single firing and millions of these vessels were evidently
distributed across the western empire during the operational period of the site
(Peacock 1982: 114â€“28). A pottery workshop lease in Egypt specifies the annual
production by the potter for the estate owner of 15,000 amphorae with a total
capacity of c.100,000 liters of wine (Cockle 1981)</t>
  </si>
  <si>
    <t>b'y\x9a\x9c[$6A\xa1#&gt;\x1e\xc1\xf5\xe4_}\xab\xbd\x01\xbd\x96\xb14\xc3; \xc8\xfa\xda\xbb[\x84\x14\xd3f\xd3\x1a\x9dG\xc0\xe9\x13)G\xa7\x9dYR\xc9\x97O\xff\xe5r\x9f\x96\xb6 \xe9T\x90_\xb7:\xa8\xb3\xc2y\xd5:\xeb6K\x8a\xeaP`kxbmF(F_\xda_w\x92TJ\x8e+\xeec$\r\x9c\x11\xc0\xf3e\x16K\xeb\xc7[w(\x9b\x0f~\xc0\x9d\xa3\x82+%\xe6\x88Y\xf8\x93\xbc\xf2\x98\x15\x0e\x1c\xe4@\xec\x97\xf1t\xb8?=2\xd0S\xa6\xf6`V\xc2\xb0\xf3n%7\xc8U\x8a\xf5\xb4\xef\xf0i\x1f\x03\x8f\xf5lL\x99x\xbe\x86\xab\x1a|\xad\x08ej\x08\xdaH\xac\xca\xf6|\xc8]"\x86\xd5\xc2\xae\x9f\xff\xd3\x99Z\xc35\x9a\xc9\x93&amp;\xbdLcqF9)\x90\xe0\xcd\xfe^\xd1ot?\xd1\xde\x13*\x19^iM\xb7\x93\x9b\x8ak\x9b\x9a\xfc-\xac1\x0f\xf1\n\xc6&gt;-\xe2]9\x85\xf2\xe7H\'\x89\xe3\xe7fI\xbdP\xa4\xdcL\xa0\x86\x15\x8beX\xb6fs\xc8\x11["\xc5\x91\xa7\xf0E\xe2\x87T\xc4\xffG\xec\xebp}\xaf\xd3\xb4\x88\xc3\x8e\xd7\xdf\xcejH,\x1e\xba\xbd\x00\xc2\x9c\xbf\xef\x9e\x16\x85q\xc8d\x08\xd42\xa8\xd4V\xba\x9dI\x9d\xc2_\x0f1N\xfa\xb6\x9b6\xe8\xcd\xd1\xbf\xd9\xd0I\x83\xec\xc3\xbb\x08\x19\x18g\x15\x8a\xf5\x14S\xcb\xca&lt;\xcc\x01\xc3)I\xda\x977Z\x8e&gt;\xc3\xca1\xecq\x01M\x87\xfb%\xe6\xc1\xc9\xf8\xcdI:Y\xcb\xf9\xf4\xdf\xec\r\x9d\x01]`@\xc8\xbf\x81\x82y7#&lt;\xa8\xd4\xd8\xa2D\xaa`\xcfL\x89\xda\xcb8px\x94\x89\xd0$\xf5\xae\xd9J\xa7w\xf1/\x1e\xa2b\x90\x9em\x0f \x7f\x93)H\xae\xc1\x92\xbb\x13g7\x08p\xe6d4\xf7\xc8\xd2\xcc4\xf8&lt;7\xb8\xa3x\x8d\xc8\x99+\n\xbb\x86\xf6|g\x11\xe6\x95\x13v\x026\x81\xcf\xe2\xe9\xafz\xce%)\xf0\xa3\x89D\xff\x00\xfaQ\xa0\'\x01R\xf3\x1b\x1c\x1a;\xdc=\xc2\xa3\x84\x99fK\xe0\xa3u\xbb=\x1e\xc6\xe8\xe3S;e\xa9 \'\xb4\xf6[7\xbe\x90\xa2.\xf1k \xc9\xa6\xe0\x01$\xed\x8af3&lt;\xf5F\xd5\xb4\x11\xd4&amp;\xaa\xb7R{\xaf;\xc0\x8b\x93\xb6e\x0fD\x9c\xfb\x84\x9d9\xea\xe89\x1c\xf00\xa2p\xa4E\x15y\xb9\xaa\xcdEo\xa4e\xa7(\xc6Y\xcd\xe5mU\t\x9e\x7fm\x91\x01n\xb0\xa7\xa9\xfd\xc0\xf1/l\xccz\x02\x97\xe0N\x83\xf2[\x13\xad\xf3\xb3z\xd1\x14\x8aJ?0E\x8c~]N\xaeP\xc6t\xe2\x15\xbf\xa5m\x90"\xda\xba\x15\xcb\xd9rw\xe4F\xa2\x18\xeei\xe7\x06\x98\xc1\x85\xa3\xcf\xd9\xfbN\xfb\x15\x10I:\x83\x93\xd1?`\xb4fabLB\x86\xce\xb9S\xa3\xf2\xce\x16`\x1a\xab \x83`\x8ar\xacuj=\x95\xa7\x8e5(\xd7\x9dg=\xa7@\x88\xf3V`\x1f\x98\xd8\xdd\xc3\xda[\x8a4:\x7fx\xe99Zq\xa7d\xba\rhD\xb3@D&lt;\t\x8fj\x9b\x84\x89(w\x0boe\xe9\xab\x02\xce\xde\xd7:\x8c\x00\x12c\xd5\xf4c:cP\'\xeb\xaa\xe5\n\xb7\xe5&gt;\xb2v\xc4\x18\xea\xdc\xb5?\xc7&lt;gj\x17{\xfbt\xfdW\xaeG+\x96(\x9e.I\xd5\xc3\xb2\x07\xc6\xc4$\xa8\rS\x009!\xa4\xa1k\x97\x91K \xf3E\xed=N\r\r\xe4\xf4\x07\x15\xa4$#\xd3\xd0U3f{\x00\x14\x86\x08\xcd\x8eC\xf9yG\xb1\xda\x15v\xf4\xdb%\xb0\xf2&amp;\xd2\xc3\xceA,"\xfeb\xb6\xf1E\xbcM*4\xf0\xb5\x02l\x1e\x89\x94\x1d\x90\x84\xea\xd06\x95\xb9\xc9\x81\x8cv\xdd:\xf9\xcb\xedX\xe9\xb1\x00\x0c\x91"x]\xf6\x92zN\xb6F\xf8\xc4W\xac\x9d[\xf2\xd6\xc2/\x9d\xb2\x1e\x1a\xdc\x91\x8dd\xfa\x1bn\xf6\xd9\xd3z\xe3m\xb9 \xabK\xb4\x15g\x15\xb9\xcc\xdeR\x87\x19\x1b\x195\x88m\xed\xb0\xae)1H\xdd\x8c=O&lt;\xb3F\xa0e\x1cWl#I\x8c\xaeS\'\xe6\x1e\x84\xdb\x0b\x10\x8b,\xdf\xe8\xb8\xa05\xc6\x15\xf3\xa7\x07h:\x1c\xe8\x01X\x8bu\xa2\xe8\xec\xd8\xac;\x9ad\xd60\xc1&amp;\xc0\xbf\xfc\xa5\x02\xb5$\xc9\x10\xf3^z\x14\xf7\x95e\x90\xc7\xd0F\xa2\xd9Mc\xf9\xbfe\xa3\xf2E\xd2)&gt;q\xa3N\xda\xb5)G\xcbJ\xb39db\xe4\x9c\x98\xab\xdf\xbd\xcc\xc7\x02\xd6|\xb6\xa1\xa58\xb4\xb4)\xcf\xfd\x05\x07i\xd8\xa3l\x9a\x81\xb7\xa0\xc3\x04i\xed,\xfa\x15\x8c\tS\xa6m"a\x1c\xd6\xca\xc2\xf2A\xe8D\xd0G}l\x85w6uNx\x1c\xd5:\xca\xa7&amp;\xdb7\xad-\x93\xfe\xe1[=\x1e\xc0\x99\xe9O\xd5aG\xd9*}$\x8a\xb1\xe3\xaaL&amp;\xc8\x7f\x9e\x92aZ9:\xa21\x81\xba"\xeb\x1b\xff@\xda\x88\xcd\xd3\x03i\xab\xccW\xd0\xf5\xf1b\x1fY\xab@eI6\xbbL\x17\x14\x9d\x11\x86\x17\x01\x88o\x971C6&lt;S\xa5\xfe\x11\xfc\xb7*\x912\x99%\x9e\x9c}\xd1\xfdI\xc2\x17Q\x1b\xe6\x83t\xba\x9a\x98u\x1e\xf9+}\xecGO_\xa7G\x82h\xd2\xe4\xbe\x86@\xc9\xa5\\\x9c%d\x14\xc5\x87\r\xabv\xbe\xc5 \x1d\n\x05\xb8@\xc20\x81\x9f\x1cP\xc73\xae\x13\xc7C\x1b7\xdb\xab;J\x92\x14\xc30]\xef:\x97#\xbc\x96[$\xc5\xcc\x80\xbe7Z21\x8d![\xf1te`\xd7\xac|\xcc\xe7\xd6u\xe7 \x8f\xe97&lt;,u\xe5Y\t\xcb\xe8\x19\x04H\xb5\xb3\x82# 3\x87\xb8nm\xe7\x13D\x8a\x05\xf5\xe4u\x84q\x12\xd7\x8f\xcfF\x17\xd9\xbf\xb3\xc7S\xd0h\x9c`\x05c*\x020\xf3\x9a\xcc\xde\xa6gU+ \xb2$\x0f\x95\xccN\xa8K\x0e1\xff\xa8\x08\xc7EW\xe2d\xa0\x9c\x9d\xd5\x83\xec-\x1e-!F\xe6V\x0f1-\xa1\xcay%\x85u\xc2\x85#\xb1~\x14(\xc5\xc6\x7f\x84b\xc9j\xee=Q\xfdV\x89S\x1c;\x8bB\x08\x92\xa3\x9f\xd0\xda\x9c\x8f\x82\xb9\xcc\x7f^Wy+\xb6\xe9B:o\xebo\x01\x1f\xc0\x01S\xd9\xd1\xa8.&amp;\xcbb\xb7\x93\x96\xceO\xc7Vt\xd0\x8e\xd0v\x85\x87\xd8\xed\x9a\xda\xdeA\x8c\xbf\xbd\xc5m\xc1\xff\xbf~m\xbf\xb4o| \xef\x1dgX\xc7\x1c\xe2\x014\xca\xe1m\xf8\xaa\xd6\xcc\xc9\xfa#\xc1\x8fB\xf9\xcb\x1d\xc1(ha\xafZ\t\xa8\'M\xc6s\xdaZ\xee\xc7yZ\x83\xe0\xb7y1\xba\xa5]\x91&lt;R\xe7\xe1\xdcO\xae)S-\xa0\x86\xe5\t\x9e\xe3\xc2Z\x06[\xcc\xb4a\xe80&gt;\x0fw4\xc9\xee1\xfc\x9b{\xe1\x8e\x00n\x87\x03)p\xa5 \xcd=\xba\xf3\xcbg\x8dGd\x17w\xd6\xad6\xfa\x10\xc6^\xe3\n\xbc\x80\xbe#\xc4\xa9\xce_\xf6\x92/i4\x92g] |\x01\x16\xd4c\x1dS\xbc)\x9e\x05T\xc6\x11M\xec\xa4\x7fUig\xb9\xad\xd3#Da\xae\xc0\xf9\xbbbX?\xb2~\xf80\xde\xb6\x0c\xeb\xd1UX\x97\xe1^/\xea^\x0b\xa2\x88p\x01KK=\xa8\x15B\xc5AF\x00\x14\xc5\x07^\xbf\xd7\x9d\x00uR\x80\x8f\xc6\x83\x14\t\xb2\x0b~\x1ekVR\xb9\xb9\xa6\xca\xd7\xa2A\xd5\xbaE\x95S\x80a\xec\x1br\xcf\xf8\t+Sv\xfd\xec\x03\x06\xec\x946\xb1\xbf\x8f\x13\x00\xffo\xfd\xfe\xe0\xf1%\r\x8b\n,\xd2i\x9b&amp;W\xdd\x9c\xa9-w\x05DR\xef\xef\x9f3%\x15W\xed\x044\xdb\xd2\nD\xbau\xaa\xd7\xe6\x07\xe2\x854\x9c9\xe8\xdf\xbdl&gt;$\xdb\xb7\x1bNO\xb1.m\x86z#\x8f_\x8bp\x8a\x9e*\x03\xca\x93\xa4\xf6\xbds\x04\x8d\xa7\xff\xb2j\x9f\xfb\xe0\xba\xa8\x1e\x0b]\xe8tfr\xbb! \x12\xce\x96*\xa8~\xe6\xdaB'</t>
  </si>
  <si>
    <t>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</t>
  </si>
  <si>
    <t>b'y\x9a\x9c[$6A\xa1#&gt;\x1e\xc1\xf5\xe4_}'</t>
  </si>
  <si>
    <t>diction that goods
 trade is substituting for factor trade, and hence that goods trade across countries should
 embody those factor differences. This is a very powerful prediction that can be tested empir_x0002_ically. However, we will see that the empirical successes of such tests are very limitedâ€”
 mainly due to the same reasons that undermine the prediction for factor-price equalization
 (especially the assumption of common technologies across countries). Does this mean that
 differences in factor abundance do not help explain the observed patterns of trade across
 countries? Not at all. We will see how the pattern of trade between developed and developing
 countries does fit quite well with the predictions of the Heckscher-Ohlin model.
 Trade in Goods as a Substitute for Trade in Factors
 Tests on U.S. Data Until recently, and to some extent even now, the United States has
 been a special case among countries. Until a few years ago, the United States was much
 wealthier than other countries, and U.S. workers visibly worked with more capital per
 person than their counterparts in other countries. Even now, although some Western
 European countries and Japan have caught up, the United States continues to be high on
 the scale of countries as ranked by capital-labor ratios.
 One would then expect the United States to be an exporter of capital-intensive goods and
 an importer of labor-intensive goods. Surprisingly, however, this was not the case in the
 25 years after World War II. In a famous study published in 1953, economist Wassily Leontief
 (winner of the Nobel Prize in 1973) found that U.S. exports were less capital-intensive than
 U.S. imports.11 This result is known as the Leontief paradox.
 11See Wassily Leontief, â€œDomestic Production and Foreign Trade: The American Capital Position Re-Examined,â€
 Proceedings of the American Philosophical Society 97 (September 1953), pp. 331â€“349.
 CHAPTER 5 Resources and Trade: The Heckscher-Ohlin Model 99
 Table 5-2 illustrates the Leontief paradox as well as other information about U.S. trade
 patterns. We compare the factors of production used to produce $1 million worth of 1962
 U.S. exports with those used to produce the same value of 1962 U.S. imports. As the first
 two lines in the table show, Leontiefâ€™s paradox was still present in that year: U.S. exports
 were produced with a lower ratio of capital to labor than U.S. imports. As the rest of the table
 shows, however, other comparisons of imports and exports are more in line with what one
 might expect. The United States exported products that were more skilled-labor-intensive
 than its imports, as measured by average years of education. We also tended to export prod_x0002_ucts that were â€œtechnology-intensive,â€ requiring more scientists and engineers per unit of
 sales. These observations are consistent with the position of the United States as a high-skill
 country, with a comparative advantage in sophisticated products.
 Why, then, do we observe the Leontief paradox? Some studies have argued that this
 paradox was specific to the time period considered.12 Others point to the needed
 assumption of common technologies used by the United States and its trading partners,
 which is likely to be violated. One such violation that would explain the paradox goes
 as follows: The United States has a special advantage in producing new products or
 goods made with innovative technologies, such as aircraft and sophisticated computer
 chips. Such products may well be less capital-intensive than products whose technol_x0002_ogy has had time to mature and become suitable for mass production techniqu</t>
  </si>
  <si>
    <t>b"0E\x02!\x00\x94&amp;\xbf\x1e\xe8\xb0O\xe8\xb5f\x10}D,U\xf9\x92\xb8\xcc\x1a\xfe\r\xb2\xa0\xf2\xc2\xf6\x87S\x02\xc33\x02 '\x99\xc5\x85\xa5\x12T\xf1\\\xa1\x9e\xf9?\x1dRN\x95-\xed\xb3\x1e\x1d\xfe9sW\x1dM2\x92\xb9\x94"</t>
  </si>
  <si>
    <t>30450221009426bf1ee8b04fe8b566107d442c55f992b8cc1afe0db2a0f2c2f6875302c33302202799c585a51254f15ca19ef93f1d524e952dedb31e1dfe3973571d4d3292b994</t>
  </si>
  <si>
    <t>b'0E\x02!\x00\x94&amp;\xbf\x1e\xe8\xb0O\xe8\xb5f\x10'</t>
  </si>
  <si>
    <t>t there was something friendly about Sara,
 and people always felt it.
 "What is your name?" she said.
 To explain Miss St. John's amazement one must recall that a new pupil
 is, for a short time, a somewhat uncertain thing; and of this new pupil
 the entire school had talked the night before until it fell asleep quite
 exhausted by excitement and contradictory stories. A new pupil with a
 carriage and a pony and a maid, and a voyage from India to discuss, was
 not an ordinary acquaintance.
 "My name's Ermengarde St. John," she answered.
 "Mine is Sara Crewe," said Sara. "Yours is very pretty. It sounds like a
 story book."
 18
 "Do you like it?" fluttered Ermengarde. "Iâ€”I like yours."
 Miss St. John's chief trouble in life was that she had a clever father.
 Sometimes this seemed to her a dreadful calamity. If you have a father
 who knows everything, who speaks seven or eight languages, and has
 thousands of volumes which he has apparently learned by heart, he
 frequently expects you to be familiar with the contents of your lesson
 books at least; and it is not improbable that he will feel you ought to be
 able to remember a few incidents of history and to write a French
 exercise. Ermengarde was a severe trial to Mr. St. John. He could not
 understand how a child of his could be a notably and unmistakably dull
 creature who never shone in anything.
 "Good heavens!" he had said more than once, as he stared at her, "there
 are times when I think she is as stupid as her Aunt Eliza!"
 If her Aunt Eliza had been slow to learn and quick to forget a thing
 entirely when she had learned it, Ermengarde was strikingly like her. She
 was the monumental dunce of the school, and it could not be denied.
 "She must be MADE to learn," her father said to Miss Minchin.
 Consequently Ermengarde spent the greater part of her life in disgrace or
 in tears. She learned things and forgot them; or, if she remembered
 them, she did not understand them. So it was natural that, having made
 Sara's acquaintance, she should sit and stare at her with profound
 admiration.
 "You can speak French, can't you?" she said respectfully.
 Sara got on to the window-seat, which was a big, deep one, and, tucking
 up her feet, sat with her hands clasped round her knees.
 "I can speak it because I have heard it all my life," she answered. "You
 could speak it if you had always heard it."
 "Oh, no, I couldn't," said Ermengarde. "I NEVER could speak it!"
 "Why?" inquired Sara, curiously.
 Ermengarde shook her head so that the pigtail wobbled.
 19
 "You heard me just now," she said. "I'm always like that. I can't SAY the
 words. They're so queer."
 She paused a moment, and then added with a touch of awe in her voice,
 "You are CLEVER, aren't you?"
 Sara looked out of the window into the dingy square, where the sparrows
 were hopping and twittering on the wet, iron railings and the sooty
 branches of the trees. She reflected a few moments. She had heard it said
 very often that she was "clever," and she wondered if she wasâ€”and IF
 she was, how it had happened.
 "I don't know," she s</t>
  </si>
  <si>
    <t>b'\xd6&lt;\xb8\xf2\x03-i\x9d'</t>
  </si>
  <si>
    <t>d63cb8f2032d699d</t>
  </si>
  <si>
    <t>will understand (except, of course, other
 entrepreneurs). Entrepreneurs tend to be very lonely people, and lonely
 people often make very good entrepreneurs. We share a particular
 psychology, and that psychology is weird.
 Over the years of being an entrepreneur myself, and working with
 hundreds of entrepreneurs, Iâ€™ve noticed some downright identical patterns in
 mindset and behavior that can literally predict success or failure. In sharing
 our personal stories, Iâ€™ve also noticed that a huge number of us share specific
 life experiences and have carried the incumbent baggage of those experiences
 into adulthood.
 Iâ€™d never claim that every entrepreneur thinks and acts the same, but there
 are distinct patterns that play a significant role in how we operate. This isnâ€™t a
 bad thing. In fact, itâ€™s usually the secret sauce that leads us to higher levels of
 financial and creative success than the majority of the population.
 Without an awareness of what youâ€™re working with, and therefore the
 ability to guide and harness your mindset to propel you forward, you run the
 risk that your psyche will hold you back. Any person who truly wants to
 make a go at a successful million-dollar business needs to do this work on
 themselves first, before they step into building a brand.
 Looking Back to Move Forward
 When I was eleven years old, my parents separated. I know a lot of kids go
 through stuff like that, but I took it especially hard. I was a late bloomer, and
 I already felt out of place at my new middle school. I changed schools, wore
 oversized hand-me-downs every day, and found solace in computers, where I
 learned to type 100 words a minute and build websites.
 My mom went back to work. My dad left the house and went off to
 rebuild his life. And me? I would come home from school to an empty house.
 There I was, my body changing, my world fractured, and I felt alone. Thatâ€™s a
 lot to figure out with no leadership and no strong role models. (By the way,
 shout-out to my mom, and all single parents: I never realized as a kid how
 much her world was shattered at the time. She had been a mom her whole
 adult life, and now she had to figure out her own life, make money, and give
 up her dreams. She worked so hard to take care of us. I could not appreciate
 how hard it was for her until now.)
 Searching for male leadership and direction, I clung to male friends and
 sought out mentors. There were a few men at church who supported and
 encouraged m</t>
  </si>
  <si>
    <t>b'\x9f\x0e&amp;\xea\xf39\x90G\xfd\xaeEQ\xfbO\xbe\x13\x86\x01)\x99P\xf50)\x03\xf1&lt;\xd1sG+\x16\xfe\x87\x82\xf3\x9fv\x08\xca\xb8i@\x91/\xd2D\xef\xa1\x91\xb8Bm\x17\xda\x83\x1e\\0\xc1\x15Z\xb3\xf59\xb6\x9fp\x11\xaeu4\x02\xd6j\x036\xf4j\xd0\x91\xf7\xf3\xa0s\xf9\x91\x12#\xd0\x97\x8b\xd1\xf5\xcb\xbai\xdb.\xf7\x86K{\r\xeb\xc1\xa1\xfdX\x03\xda\x13\xaa\xb7B\xef\xcf\xa7\xcbY\xf0\x9d\xbb?\x06\x95`\x94\x1d\x85"\xe3\xd76\xce\xd9\xf4\x14y\x8f\xa7.-[\x04^D\xf3_\xfb5d\xaf\x811\x8c9\xda\xeb3\x07pd\xbe{\x06\xb7d\x04\xa0y&lt;\x0c\x1dO\xda\xdd\xcf\xe4\xa0\x1a9\x8a\xadT\x13\x0eOrT3\xef\xa0\x9c\x17\xb7\xfd\xf81\xc0\x93\xbdY0\x13O\x11\xb2\xd8\x8bI\xd9\xaf\xd0\x02O*\x96\xa4\x9a\x14at.\x07\xfc\x89\x8d*Gjy\x1d\xc15\xd6p\xea\x8e\x11\xcceER%\xa3\x10B\xd0\xcbG\xb9\xcc1\xc5\x12\xec\xde\xcc\xf4&lt;\xb2\xbb`\x9a\xb8\x00\x1c\xfda\x0b\xdc"\xf4\xdb\xdf\x9c\x87.I:\x91\x1a\x90\x02\xcb\xf4\xe7\xafZ\xb0_\x15U7[\x9a\xd8\x03*\x9a\x81\x81~n\xe9p,\x86\x87g{\xdeA=_\x15~3\x8f\xa4\x1c\r@c\x9b.\xdf\x18\x13\x0e\xdb\xb0\x032\xd5\xbd1S\xd4SP\xf8\xe1\x1aM\x82\x07=\xbdl\x9f\rAigZ~\xd7z\xc0\xb7pT\xf9\xe0t\x96x\xfd\x96\xec\x9d\xcf\xa5/\xbf\xcd\xb2r\x9f\xd1\xbf\xf8\xb7;\xa1l\xa5\x06\x844\x1bx\x83IE\xf64\x02\xccq\xfb3\xfe\xb6jV\xb4\xa7|\x82\xd4\xca\xde\n\xb5&amp; \xa9\xa0\xf5\xffwz\xa0\x1c\xcby_A\xa9\\\x98=\xb8\x90s&lt;\xa7\xe3\x0cX\x12\x85!i\x0c:\x99\xf3l\x9d\\tbG\xaa\xfc\x91/\xa9\xb5\x84\x95\x9c\x9e&gt;\x05\xe3zj\xe2\x95z\xcb)-E\xef*?\xf4\xe8Z\xfd|\xc1\xef#\xeb\xd6\xbaZ\xce\x8a\xa1\xa1\xab\xc8\xd3}\xbb\xb2\x90\x94ku/\x10^\xbcU!\xa5K4\xe4F\x88\x1d\xadL\xa8Nku\x1a\x7fIQxVXB\xba\xab\xaf\x81\xba \xde[fS,\x19$C\x1c\xec^\xa0\x8f\xb7\xdf\x98\x809\xb6\xb1\xe7x\x8a\xe0\x86\xd2\xfd\x1e4\x1c\xff\xfc\xc2\xf7&lt;\xc0\xe2\xd7B\xd1u`\xda3,\xaf\x9e\xc6\xf7\xc2Gw\x81U\x08\x1f\x8b\xf5F\xb2\nK\x83?m,\xe0\x03&gt;\x16\x8f|\x1c\x06\xb6j\xbb%3\x94{3Xa\x01\xf6F\xb9\x8b\x97\xe7\xbc\x82\xf2\x0f\xef\x1f\xa9\x0eJ\x8d\xc6\x9a3aV\xf1UD\xeb\xc3W\x1duq\xa9\xc3-M\xb0E\xd6\xfe1\xff\xcf\xc3\xe7\x9e\xc4\xd4\xadw\x1d}7\xc1\x0e\xe2\\&lt;\xa4\xac\xd3QJX\xb4\x89@[\xea|-;\xb6\x91\xb8\x92\xd5%#=\xddoH\tu\x8fW\xf4TK\xbd\x8f\x90\xa9+\xf2\xb3`\xee\xa3-/\xedLi\xd9(\xacL\xd9_b\r\xe9\xe5\x1e\xbb\xf9\xcb\xb6\x93\x1f\xe1I\xddR\r\x86l\xc1Uz\x9d\x06\xa41\x14\xd6\xedX\xf7\x13\xd6\x84\xba\xf2\xd1\x02\x80\xd7s\x1el\xb9\xb1\x10\xb7\x91\xf8$\xa3z\xd8\x93xc\x81\x95\xc6\xab0\x11\xad\x84tY\xe3\x12\xbf\x10\x85\x08\xe3?\t\xd9\xc6~\xc6p\xe5\x08\xb9\xa1\xac\xee\xdb}ZT\x1f\xb2\xd0\xfc\xb4xs\x98\x89\xb9=\x17\xc4K\xaa\xbd\xb07~dN\r\xcc\xe4X\xd3\xed?\x96\xc1\xcd$I)\xc7|\xb2_\x19\x91I\xe0\xd9\xd8\x96\xcc\x9f\xf3\xd0\x17\xce(\x8d\xf6\xa5\x883\xae\xf7M\xea\xca\xa3,wjIkC\xd4\x16\xf0\x1d\t\x02\xf8f\xfe\xa8U\xcdx\x84}\xc9\x1af\x0e\x0b\x05J\x9cj\xc4?\x9f\xf2\x10\xca\xbeH&lt;\xe6\x9d\xdd\x8b\x8d.PA\xc8\x01\x1a^\x18B\xc8\xa4;\x9d\xe2\x96\x19\xdb\xd20e&gt;!o\x81z\xbe\xd5\xb9\xd4\xa0\xd7\x18\x16\x8e\x84\x01\x1f\xc4L\xd6\xa8\x94c\x15H\xeb\xf2\xe6n\xffdt\xcdY\x13A\xfb\xc3T\xd00\xa2\xa6_[\xf8\x85\xdaS\x93\xf7\x99\n\xb5\x10\x88\x84\x18:\xbfq#\x80U\x9f\x9b\xe3\xb8\xe3\x05\t\x8c\xad2\xf3\x93\x0b\xa3\xfc\x08\x8e\xdaB\x96d\xc9\xff\x138od=\xb0\xee"\xc7\xc0\x03c\xbe\x05\xaf$\xf5;\xea(l\x95\x80!\xa1o{{%\xfc\xde:&amp;\x02Y\xad\x97[\xdaj\xe2\xf8\xf1&gt;}\xde`\xa7\xe7\x1f(*\x06k\xda\xd5h\x95\xa9\xa57\x1b\xe0\xfbU\xa0\xf4\x8c\x80\xbbhv.\x14\xf6\xf8\xe3P\xa3\xc9\xa6UT\x05=\x17\xc4n\x05\xa1\xfdZP\x96:\xb5\xc4\x98O\x7f!VD\x98/8\xa1\xd4\xd3\xd7&amp;&lt;D|\xfea\x137\xb3\x12\xf0\xf9\xb9\xd6\x92\xd3\x04R\xb0\x89H\xa9(\x92Z\xb4\xdeK\xff\xd3\xca\x1e\xdd\xbe\x07\xcc\x11i\x04N\x9eN]\\Z\x93x_\x02\xd4#\x9aL\x0f\xa0\x97B[17\x15\xf7\xa9\x0e\x8cgW&lt;\x81\xd2_\xcf\xb5\x0b\x8e/\xbe\xb4\xcd\x18=\x01_\x9c\x16TH\x84\xba6\xf1\xff\x8a\x03\x91i\xe2_\xb7\xc3:\xaa,/\xae\x82\x00\x84\xfd\xc7\x8c\xf3F\xb0y\x9f\xbd\xd1^\xf6\xdc@\x89\n\xe4.\xa4\x16\xe7r\xa2\xfd\xb5\xbf\xf1\x8cq\x83\xe6\xb3O\xe3Q\x81\xb8A\xbb\xc5\xc9\x95\x10K\x1b8Y11d\xeat\xa8\xea\xa1\x1c,q\x86v\xa3\x97\x84\x85\xda\x1a\x97\xc6\x80\xcfM\xa2T\xf7\xe7j\xfa\xfa\x04K\x0ee\xc1\xccB\x95E\xec\xc9\xe9\x19\x0491\x89k\xdb&lt;0\x1c\xc7\xfb\x8e\x08\xa9\xac\xb9:M\xa5\x8c\xafYj\x9b\xb3~\xac\x9cr\x84Y\x14\r\x13\xb3\n\xa6\xe0B\x95\xfc\x08\xdc\xba\xe6S,\xb8|\xdb4\x04\x9bZ\xc1C\xcbv\x11\x9e&gt;\x16\xa5\x81z\x9cpNH\x91n,\x91\r\xf6$Z\xb1\x8d\x97\xb7z\x9a&gt;0}]\x86\xaf\xecW~\xbf\xebp\x0f\x99\xad\x10\xeby\x18\t\x92w\n\x85\x7f\x88\x0c!\x90\n\xa8\xbeg=\xa3\xddc\xc7\xdd\xb4\x94\x96\xab\x16_\xc0\xea\x83$\x1d\xe0\'w%2\x01\xc6\xe1\xa8\xce\xdag\x08`v\xcb\x8dj\xc4dv\xb7\xbd7\xea\x89\xcb&amp;\xc9\tD\xcb2\xeb:\xfc\xe28\xe2o\x81\xa7\xf8\xfb\xac8&amp;\x94c\x00\xea\xdf\xa6d\x05xh\x94\xce\x15\xc2\xa2*\x82\x8e\x95\xac&amp;\xd3\xde\x8d\xfc\x10\x99\xe53\xce+#\x84\xdf\x88e\x937\xf5\xabz\xbej\x19&amp;\xfe\x97\x83\xc6&amp;\xd1\x97\x1a\x8b\xac2\xb7\xdbY\x01\xc5vc\xb0#\xc8\xdf\x08H\xb9\x1f\xc9c\xc8\xad\x0b\xa4\xe2\x191\x1a\x1b6\xd5J4\xbd\x07\xad\x84\xd1v\xf2\x8e&amp;\x12\xdf3\x86J\x843\xc28\xe5c*b\xfey\xb1t\x8b\xc0dH\xab\xda\xd6\x10\xf6\xb7):\xd6U\xff\xf4\xef@\x98$\xb46/\x80\x16j\x85\x00\xce\xa1\xea,\xc6T\xc1\xa6E\xdc\x85\xfb\xc5\xa7d\xc5F\xd6\xe4f\xab`\x9b9\xc88O\xe9\xe2c#\x93f\xfa\x7f\xab\x9f\x81\xf5\xde\xe0y\x92I\x19y\xa0.\x86\xedl\xcc\xc0\x84&gt;^\xe7\xec\x8e(\x19\x15\xf4\x85\xf1\xe5\xc9\xdc\xad\xe6?\xb0\xa9Fh=\xeb\xbde\x82\x8a\xde\xce\xa9\xbc\x893\xc2:]o\xb5[?}\x8f\xe3\x93\xcdyA\xef7\xef\x90\x13\xefI\xa3\x99\x95l\x1a\x91\xc8\x0f\x99\xbc7\xa0\xaf\x97k|\xe3\x1fxu\x87\xda\xeep\x1d\xde\x0e\x8d\xc5\x88\x9d[\n\xb4\x07\xa3A/\x9c\xc7\x97\xe3*\xea\xa0\xaf\x02MdT&amp;N&lt;\x03{\xfe,\x9e\xc6;U\xfdtq\x81u?\xe5\xda\xa3\xce)0\xd6A\xdb(=\x8d\xab8\xaf\xb3\x1b*r\xb5\x0f\x15k}\xbey\x81a\xae\xcb\r\xf5~M\x96\xa8V\xcd\x90\x86\x8dCY\xb2\x8f)\xf6\xfd\x8d)2\xb6\x0e\xeaa\xaf\xab\xa2\x10\x1a\x8bJ\xc6*\x08NX\xd6\x98]\x92\xf2r-\x80s\xb8*\xf9\x94L\x0e|\x17h\x90"\xa13\x8f\x82\x04.\x05C$\x1f{D\x18\xf3&amp;3\xf1\xd1\\\x9ch\xa1\xe8\x828-Tb\xb2\xbb\xfdZK\xbe\xb5\x03\x08\xd7Ld\x9f`\xaa\xf8\x9e\r\x83\xcbQ\xc9\xb1\x83\xc9\xab\x00\xc4!\x85)\'\xbc\x1by\xf7KY\xb8\xd4#\xb3!u`P&gt;\x17\x8e\xdeH}\xe1\\\xbc-\x80K\xa7[\xfb\xd6\x1d\x85\xaa\xce\xfbUw\x00&amp;G\x80\xf2R\\\x96\x84\xc1\x9f\xc0|m\x1f*g\xb6\xb6\xd1\x87\xf2Q\xe8\xb7\x9fL\nN\xd2\xb5m\x0e\x7f\t\xc9f\n-\x91\xddNiKV\xa5\x1dR\x9c\xffU\xc9\xfaa\xfe\x8f\xb6Z\x06\xf8!\x16?c\xaco\x7fH\xa8\xd2r?\x93\xe4\xbf|+\x0bT\xd6\xcf"\xec\xf7&amp;\xcb\x9d\x8f\xa5qs9\xf5d~\xe2\xb7.hh\x93\xd9\x9b[\xd4\xd90.\x8e\xa5\xf0O\xa8[\x9a\xca\xa7\x1a\xbbTx\xb1|\x1e\xd7cU\xc9\xa6\xe5q\x99\x05\xd0sP\xda\x00\x11\xd2[y\x89\xd9!\xccz\x0e\xe2^\xb0&amp;\xe19\x03\xf2\x05\x9d5\xa5\xe7\x14\x80\x14-j\xdd\x8d\x04\xc8\x9a!\x98\x97\xec\xbdTi\xcdK@\x15B?H\xff\x9a\x8a\x96\x0e\xedh\x98\xe9\xb9\x96_\xee\xa3\xfc\xf2#\xc3D}\x88i\xfb\xc7\x88\x8f\x95\xe5\xdar\x95\xe3\xf1\x8fdhq*aj\xc7\xd4Dn\xe4\xaf\xea\x11\xb9\xb9I\xb7\xde\x85\xfaap\xda\x1a\xd5\xd2 \x9a\xc5\x9aL\xc9.\x1c\x1fW\xa1jP%\x8d]\x92\xb3%\x8a_\xcf\x84gx\xfa\xf3\xae(\x1c[v\xc1\x81/%Q)\xd7\x0f\x91w\xd6\x02\xf5,?Ii\x83\xe1\xf6\xca\x8a\x1f\xf2\xb1J\xb6D\x96\x9b\xcc\x7f#N^\xba\xf1:-\xe52\xb3Z\xc0\x92\xe8\xc6n\xef\x04/\xd5On-\xf3v]:\xec\xab\x87\xb5\xf2\x9d\xe0\xa3Ktne^\xd9\x87\x1a\x8b\x9a\xc0f\xce\xffP\xc6\xfc\x01=\xaf\x8a?\x95\xed\xee\xf9\xdd\xf7\x1fPz\x95q(\xa3\xccv&gt;X\xca&gt;\x00e\xdd\xc2\xc0W#=\xbd\xaa\x91\xec\xe2\xa4\x0cH0\x1d\xdd\xb1\xbfv_\xae?\xc4\x08\x05\x190/h\xab\x891\'\x8e\xe6\xfa\xed1\xd6*c;\x0f\xb75\x8a[\xeb\xd8r\x11'</t>
  </si>
  <si>
    <t>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</t>
  </si>
  <si>
    <t>b'\x9f\x0e&amp;\xea\xf39\x90G\xfd\xaeEQ\xfbO\xbe\x13'</t>
  </si>
  <si>
    <t>unction transistor.
Commercial production of transistor.
Kilby (Texas Instruments, USA) gave idea of monolithic.
Fairchild and Texas Instruments commercially produced Integrated Circuits(IC).
Evolution of ICs
1960: 1966: 1969: 1975:
Small Scale Integration (SSI) (&lt;100 components per chip).
Medium Scale Integration (MSI) (&gt;100 and &lt;1000 components per chip). Large Scale Integration (LSI) (&gt;1000 and &lt;10000 components per chip). Very Large Scale Integration (VLSI) (&gt;10000 components per chip).
 Basic Electronics
3
                 1.2 Atoms and its Elements
1.2.1 Definition of Atom
Atom is the smallest unit of matter that defines the chemical element. Every solid, liquid, gas and plasma is made up of atom. The atoms are very small: the size of atoms is measured in picometers â€“ trillionths (10â€“12) of a meter. Every atom is composed of a nucleus and one or more electrons that orbit the nucleus. Protons and neutrons are called nucleons. Over 99.94% of the atomâ€™s mass is in the nucleus. The protons have a positive electric charge, the electrons have a negative electric charge, and the neutrons have no electric charge. If the number of protons and electrons are equal, that atom is electrically neutral. If an atom has a surplus or deficit of electrons relative to protons, then it has an overall positive or negative charge, and is called an ion.
1.2.2 Elements of Atom
Elements consist of only one kind of atom and canâ€™t be decomposed into simpler substance. Therefore, atom is the most fundamental unit of matter which is capable of independent existence in the atom is defined as its element. An atom consists of a central unit called nucleus around which a number of smaller particles move around the nucleus. The nuclei of all the elements (except hydrogen which has only one proton in its nucleus) contains two types of particles called protons and neutrons. The protons and neutrons have same mass. Protons are positively charged particles whereas neutrons are electrically neutral. The mass of an atom is concentrated in its nucleus. The electrons revolving around the nucleus are very light in weight. An electron is 1850 times lighter than a proton or neutron. An electron has same amount of charge as proton. However, the charge on electron is negative. Since matter in its normal state is electrically neutral, therefore the atom should be neutral. In an atom, the number of orbiting electron must be the same as the number of protons in its nucleus.
1.3 Bohrâ€™s Atomic Model
By early 1900s, the scientists understood that matter is composed of atoms and that the atom of Hydrogen contained positive charge +e at its centre and â€“e outside at its centre. However, no one understood why the electrical attraction between the electron and positive charge did not cause the two to collapse. One clue came from the fact that a hydrogen atom cannot emit and absorb all wavelengths of visible light. Rather, it can emit a</t>
  </si>
  <si>
    <t>b'\x0f]Z\x13!\x98\xac1\xbe\x14\xf2D\xed\x0c\xc0\xd5y%\xa2\xd9\x0f[\xe0\x9d\x98&gt;\x0b\x85^Gl\xae\t\\\x1a\x11\x8fF\xe9\x05~Hp\x05\x82%\xb3.\xfd\xb6\xbd\xfc\xc4O-\xa9\x98K\xbaII\xc0!C\xa7R\x08\x95\x8c\x96\x93\xbc\xe2\xa8\xab\xd2\xa0\xb2;\xd2\xfav\xfc[\xa8"&lt;\xb1\xf2"~\x1f\xef\xe5!\xa6ut\x00\xca\x07H\xe8\xf3\x8am4j\xd5\x07\x98\x9fi\x0f \x17x\x8f\x98\x86\xda\xd3Z\xf2o0\xa6\x03d\x95\xeaq\xac\xa2\xf8\x1b\xee\xbb\xb8{\x95\xa1\x11\xaa\x7f9\xcd\x85\x90\xab\x1aD\x905\xb17!\xecl]2&amp;\x1f\x19;\x02\xa5\x9f\x9c\xc3\x0f\x88\x94\xe9\xf6\x15\x1a\x15\xd5\xfb\xfa\x8c\x07\xa9\xe5\t\xab\xa6\x1e\x14v6:$\xed\xfe\x0b\xa1\x05h\x1e\xb09\x17\xcb\x08\xfc\x1b\xdf\x12\x00F\xb3af\xd2V\x89\x85\xa3`\xf7\xba\xc8\xc4\x96\xc3\xa4\xfc\x9e\xeb\xcan\xe6\xc6$`\x8c+\xd8\xe7v\x99.\xf2\xf6\xfe+0o\xa6S\xfd.k\xc1\xc9v2\xf9\xf0\xc5o6\xf5\x1f\x88\x80n2\x17\x93\xae\x05(\xa6e\xee)}{\xd2\xb7\xae\xf4\xae\xe8\xa0-|w\xde\xc9\xae!\x00cH\x02\x9d\xb9;\xb8\xb7\xbdp\x82e\x9eQ\xca\x8f\xf6il\xeb\x87\x15"!\xa8\t4\xcbj\xc6\x004\xe4\xae\xa2\xe1\r\xd4K\xa1\xabfn\xe9\x84\x1c\x8f\xfe\xb4\xce\x84\xf7\xe3\x98\xe4j\xa82\xb4[\x8c\x82\xb2\t\x1b\xab\x92\xda&gt;\xec\x84]\x0ba.[EC\xcbb\xae\xf1\xdcL\x86\x10&gt;\x06j\xda\x01K^~\x08\xef\xaf\xac\xe8\xd7\x98Q\xcd/\xc1\x023\xc2\xa6\xde@\\+\x92\xd2\xd2\xe4\r\x16\xc4\xb8\xe9@r\xf1\xde\xdb\xbbi\x9f\x1dx2[\xd5=4l\x80\x14W^\x94!%\x8f+\xda\x8e^\x08\xf3{\xa4\xf0\xd94/\r\x10\x91\xab\xfe\xa0\xc3k\x7fq\x97\x7f\xdc\xf5=\xac\xcc\xdd\xc2\x7f\n\xfd\xf6c{\xb4\x12uZ9t\x98\xab\xe9\x00\x05M\xc7\xb6\xfai#x\xe4\n\xd3\xf4Wd0\x94\xb8\xd3G\t\x9b\xb8&gt;\xcf^h\x16\xc8%\xbf\n\x1a9\xa9Z\x1ck6b\x83\xad\x92n0\x06y;\xc0z\x7f\xc4K\xa95\xd1n[Nx\x1buLuXB\x92\xb7\xe9%8#/\x147&lt;\t^$\xa0\xd8\xb7\xbc\xe7\x86\x04\xc9?S\xacE0\xa1\xba\xdf[\xb7u\xce$\xbe\x97L\x15\xa1\x92\xfb\xb8\xebm\xd5\xb0\xdb\xd5Y\x88\x8b\xd1\xb0\xaclbO\xbb_B\x14\x01\x82m\xa6x\xf3\xf8\x07\x95\xaf\xfb\x1dK\x9b\xae\xbb~K\xc6\x00!-c\xfa\x85\x02/\xbfxF\xb8\xd5\xaf\x94\x0e\x0f\xd1\x95q2\x85/\xc2\x05(\xe66\xc8\xd4\x17\x8cN\xed\xc1/[|\xca]ss5\x80rt\xf1\x08\xd4\x17\x0f\xff2\x85\x0c\rW\xafA\xa52$4g\xad\x0e\xe9\xe0\xb6\xce\x80\x12&gt;,tO\xf5R:p\x0c\xd2h\xf8\xfd\xbc\\\'\xa6\xd4\xb5\xfa54o$\x9d\x8a\xf8\x9e3\x06\x8a\xed&lt;t\x8f\xaf\r\xad\x0f\xdb\xb1[\xc6\xc9\xcf\xe4V\x1bg1m2\xf7\xf8G\xad@=\xd6\xfbn\xb85\x03\x0b\xda:(\x8buh\xc4\x87&gt;[\xed\xf0Rw\xdf\x8e\xc5\xdfp.\xcf\xad\xaf:^\x91\x8c:P\x8d\x8b\x81\xb1\x08\x1c#\xf6M\x03\xa2T\xa8l\xc9#-Vx\xf0\x1d&lt;l\xaaD\x08\xf1\xef\xee\xa1\xab8E\x91\xd4\x14\rBu\xb1\x0b\xe4W\x07~\xaa\x16\xb5\xbe3\xa06r\xf3E\x98b\xb0\xa6W\xdaK\xf1\x9f)k\x05E\x88\xc5\xeb\xcf\xbcj?\x950\xfbU#t9w7H;u\xc0\x8a\xb5\x8c\xb7\x10\xd6?\xa8\xd0C\xcf\x85\xc6y\x08\xa1T\xbb\xc97\xbf5a\x88\xbb(\xb9w\x94{1\x9f_\xf4\x96\xeb\x05&gt;-\x96\x17N\xa5)O\x06\xf8\x84\xb1\x98j\xdct\xf2\x9ceM"\xd3\xabk1\xbam\xbe\xe6^\x14\xa9IS\xaf\xa2\x86\x1aT\xad\xdf\xcbt\xc8\x12fS\x1d\x95p\xd1\x0er\x15Uk\x04o\xbe\x10{H+x\xf1\xfc\x88\x11ZE\xb6z\x15y\x937\xdd\xb6\x003+\xf1\xe2\xddD\xced\xa5RjZ\xbd\'|\xbf\xa9\x89\xad\xff\xd2\x8cl,\xa8P\xbb\xec\xd3\xcf\x0c\xcf&lt;g\xa6\xfca\x1eh\xc0\x8a\x8f\'\x06\xaf\xce\xf1\xc7\x13\xabHGQ5\x02Ze_\x86\x1eF\xf1+\x16\xd6\xdf\xff}\xb0\x95\x05\xed\x06\x0eQ\xda\xedtE\x92&amp;j\x9b\x92\xd6K\xb2\x17pS\xb5\xd54\xce6\xccFzm\xc5\x8f\xd4\x84\x14qv\n\xa6\xf9\x9a\xc0\xd2\x9aE\xa4\xe2\xed\xdd/\xfd+\xfd\xeb\x8a\x9dH\rk\xbb,=\xd0b\x04\x9f\xfa{\x9c\x97i[9\xd4~J\xdc\x9f\x97\x99\x8f\xe3J\x9b&lt;\x06\x0fq)\xf9\t\x0c&lt;q\xd0ni\xe4\xb9\x95\x1f\xab\x94\x03\xb6\x16\x06a1z6\xc6\x91\xe8X\x93\xd8C\xe8\xe8D\xbd\xc2\x8e\xa8\x04\xde\xd4\x82\xb4\xaf\xa5m\x15\xd0\xa0\xacP:\xafSV\xdd{\x91rF\x7f~F\xfa\xd3\xd5\x8f\xb9@\x00\xce\xa3\xee%Z\'7\xc0\xc6\xf3O\x0c\x96#\xbe\t\xf2%\x15\xbe\xee\xfa\x0c\xcd\x11\x0c\x9e]%e\xedma\x0fC\\\xbeA\xd1\x10\xb64k\xff\xe2C\xae\x8d\xd4\x86\x19\x0bts\x81\xa1\xcd\xe0t\xc9\xeaS\xd2\x8bf8\x04\xb2\x18\xa4(I\x03}\x12.&amp;`\xdb\xc5\x85&gt;%\xb2\xde]\xc9\r\x1fL\x98\x05\xe6.\x82A\xa1\xa7\xc2\x7f\xc2\xf4\xff\xa5\xb6\xdc\xc1yz\xc9R\xf7g\xc2\xfelLJC?|\x8a\n\xa76\xcb|5\xcc\xf1\x86K:\'Y\xa0\x97\xa8\xc9\xc6\xa3\x16S\xbb&gt;\xc6\x9c\'$\x13\xdb\xd57\x1a\x95\x8c7*\x9c\x96\xec\xfc\xe8\x1e\x85@\xb0\x8c\xaehE\xa7\xbc\xeeO\xfe{b%\x86\x04\x87=$\x03x\xd1F#E\xeb3\xbd \x10\xe4-v\xbe\xf9rQ\x084L\xf9\x97l\x8bL\x17V1,V\xa8H\x8c\x9c\xf3\x01\xc8\xb0\n\x08\x9b\xff\xff\xb4\x11\x0e\x8e\n\xe2\xea\x9d\xb91\xb1\x8ff\xee\xaa\xbb\xe4\xdbT\xe7\xb2\xe3O\xdbM\x7f\x8f\xcc]\xec\xe5\x7f\xe1W\xf3v\xa5\xe2\xd0\xa8\xa4#;\xf1\x9d\xa6\x18?Us\xef8\xa1\xd6\x98^\x11\xcd\x902\xb4)uSY\xb5\x05\x06\xfaL \xbc\xb0H\xed!\xb0\xc9 \xe9,\t-sT\x85\x91\x81q\xd8\xbco\x98a\xc2\xc0\xa9\xb9\xfa[zr\xc7K\x93\xb9\xc0%\x9a\xf0\x99\x9dIWr\xec5\x97=\xbaCX\t\xdd\xf2V\xad\xfb\xef\x90\xf7\xf1\xa8\xf0\xac\xa4\xff\x98\xce\xd2\x14si\x05\xf2&lt;]/\xa3=\x13\x158\x98)cH\xaa\xe6\xbc\xad\x8f\x8dR\xf6\xfa\xaf\n\xc5\x98?h\xd1~\x04SV,\x82\x95\xed\xc6\xb7O\xaf\xd1\xd2\xb7;G\x0f\xcbRV\xbb=-\xa3uP?\x1d \x96\x11\xcaz\x06X\xf5jv\xdf)gt\xb3\xfbK\xbc\x882\x1a\x960W\x070FJ\xe3K\xf4\xf27u1\xb2\x8aH\xbd\x12X\x96\x93\xcb,\xcc=3o\xb6\n\xb1\x88y\xdc\x18?lA\x8d\xcf\x13\x9b\xd8\x00\x19\xfc\xf2a\x01\xc1V\xd70\xb7\x91\x00\x88\x8e\x11N\x1b\x1fy\xa4*.!\xce\xfc\x08MU\x03\x92\x9deNz_c\x16\'\x7f\xa4;N\x82\xc6\x99\x06\x86v\x1e\xa9h\x9c\x08\xba\x0b\xa6"\xd0&lt;=\xae\xe6|N:\x1a\xa3O\'\xaaO\x9d2\xdc\x9c\x86a\xb0\xe1&amp;\xea\xb6\x17\x81{\x86\x11\xba\xb6,\xee\xc5\xf5\x9c\x91\xc8nz\xaa\t\xab\xdcf\xac\xf6\x16\x990O\xbc_\x14\x18k\x8ao\xe6\xb7\xf0\xe2q\xc87\xe4\xbe\xd1\x9e\xf6\x99\'&gt;\'\xd8\xf0\xb5\xd53\x8e\xb9\x1a\x9fH\xd2\xe0V\x8c\x16+\xe5\xa8\x9f\xd3\x13\xd2l\x17\x8d#\x07\xdc&gt;\xed[\xfd\xee\x0cC\x89\x7f\x8e\x84\x0f\xde\x13j\xf6H\xbd\x92\xcc\xc3I\xeb\x19\xae\x86.v\xd3\x8a\xc2rM\xbd^\x1f\xd0\xb6\x94\xec~\xc8\x19\x12u\x89\xbf4N!u\xf4\x8e\x12\xd1\xdeT\\\xa1\x08\xca\xf9o\xa6Q\xcb\xdc\xd4NR\xfe\x0e\x89\xfc\xc8\x90\xe9\x11g\xfd\xa0\xba\xdb&lt;to\x07v\xa5~Z\xba9\xe4\xcc\x0c\xf4&lt;\x08(\xf6\xc8\xf2\x81\x83\xdf*\xdd\xb40\xcf:\x9b\xb2\xf1\xa3\xbf\'V\x93 \xee\xbe\xe6\x0fDS\x16G~r\xaf\xe1\xe7\xbe\x99u%05\x99\xb4\xda\xa79cKs\xd1\xdeMQ\xb1\x1a\xc8\xd6\xd0u\xb3&gt;:\xac\x89\xec\xe4\x85Z|\x92\xd4S\xce\xad6\xc51\xf3\x8d\x94`\xd6}\xbc/J\xb9\xa1\x9b\x93\xaa\xc3\xb2\xbb\xedq\xe5\xcf\x8cL\'dZ\x1fi\xee6\xec\xd1\xaf\xe1\t\xbc\xa9\x9f\x95\x02b\x16]K\xd0GP\xdd&amp;\xd1\x96\x02H\xe3\xe59{q\xb9.1|\xfdV\xcf\x12\xe4\r\x8f\xb0s\xa0\xfd&lt;\xff\xa0\xb3c\xabq\xcf\x9e\xd3:\xf6\x0cj\x0b\xf3\xd5\xc8?B\x1b\xec\x1f\xd0*\xecu\xd8A,H\xa0\x83`*\x03\xe8\x08\xc0\xac\x97\xae.!\xfbJ\x98\x1b\x16\x99w\xc3h\xc4\x048`\x12"\xd4\x0c\x9bz\xb2WC\x9dT\x8a\xd5Z\x85\x9a}\xa3\xfe}\xc0\xd8\x9d\xc8:%\xa8\xb2f\xbe\xb2\xbd/\x9b\x9d\x00Z\xfcZ\xae\xbc\xec\x03/\xf5\x87\xfa\x7fu\x9b\xe9\r\xf1\xcf%u\xda\xa9\xb7\xe6\xdbYJ\xcaN\xa0\x8a\x07\xa0\xea\x87\x8f\x85\xaa\xf1I&gt;\xc6\xb5Z\xa9\xd9\xc8\xd1\x06\xc3\x8b\x88\x999\x1d\x994\xccF\xdb\xad\x11\xf1{O\x04\xaa!\xca\xcdx\xea\xc4$\xc5\xbb\xe1\x0c\xbd|\xc6\xc5\x0e\xe0\xec"\x14\x15\xab\xf0\xd0\xf15\x96\xfe\xf4\xa1(?Lg\xf2`.]&amp;F\xb5`\xfe\xfdX\x02\xfc\xb3BT\x99\xd5\x88\x81\x0b\xc9\xc9\x88\x17\x9ar(&gt;\xd5W\xb3YL!_\x7f\xbcso\xf6\x06o\xf0\xcfn\xd5*\n\xf4\xaf\n\xb1t\x85\x7ft\xdf\x07\x1c\x08\xe7\x01\x1dw\xb4\xd6\xd8\x94\xc0\xfe\x034Y\x8ch\xdd\x1b6}\xa9\xf3\xa4N\xa0\xb5}\xeex\x82e\xb3\xe8\xdec\xec\xc5\x89L\x9a\xbf\x10s\xfe\x06\xa1\xa7\xbck\x928\xd2\xd1\xc8&lt;\x0cP\xf3]\x08\xcfi\x8f\x1a\xc07\xec$\xb55\xe1M=k\xe1\xe2?\n\xeb\x16\xcc\xa2\xb6\x90\xc4\xd1p\x9b]\xce\x13s\x80\x05d\xd6~\t\x8f\xc7#j\xaeN\x82N\xb5g\x8f\xa6)\x88\x91\x8c\x15P\x80}\xca\xbf\x9a\xaa\xab\xe4\xf6\x873\x19\xb0\x00\xd2d\xc4x;\\\x9aka\xeeA\xea\xf5\x03Bgw\x88\xbd\xe7\xfc\xbdlq\xa8"h\x86\x8dx\xf6k\x08\x8cB\xed\xdcUw\x86\x93\x1b\xfcv\xd7\x04\x83\xf0LR:\x0f\x1cJ\x97{\x97z3\xfb\xbfZ\xe7\xcdB\x01E~\xeb\xd7\xfb\xcf\xfcm\xca9\x9e\xa7\xc1\xcf\xf5OC\xa2\xda\\{\x0c5SK\xb0\xfd(l\x8c\xe9\xaf\xbea1?\x9f@\xb447y\xca9\xf8(]g\x1b\xa1\x18\xa6:to?\x1463\x07\xef\xad\xf0\x9dv\x8d)bx=\xd4\x8as7j\x1e\xc3"v|B\xb2\xf9\x9c\xe1|\xfa\x95\xc8l\xd7p\x90"\x80\xbb\xd0\x94\xd9&amp;z\xfb7\xa0g\xa8?\x140\xf8\xa6\xadw\xebx\xee\xfc\xce\x06\nR_\x80\n\x87a\x9c\xc20\x18\xf3&lt;\xcb\xbc\xdd%tI b\x07/\xc5\x90E\xae\xd6\xc9n\xafx\x00\xcb\x1de\xbd\x96:VOm\xb1\x96\xfa\xf2B\x04\xfdx\n\xd4\xa6I\xdc\x8f(\xe0"\xbf\x0c\x12\xab\x0cl$6E\x0c\'t\xfa\x1a6\xa0Vh\xec\x1a\x9e\x8d\xb7\xe4j\x81\xf8\xaa\x11p\xf0oT/&gt;L=Dzd\x9e\xffg\xb8DO\x13\x12\xe1\x9c\xd9Z\xd3\xff&amp;g\xc9 \xf5\xady\x82&gt;\xe5\x19W\xcb^B\x9e\x98TNo\xdaB\x0b\xfc\x9c\x14\r\xfa\xae\x0c\xd7\xa9\xdc\x12\xd6\x8a\x06M\xc4\xc5-\xf2\xfd\xd3\x16E\xdd\x81\x8c\xa8\x7fO\xb3\x9f.\xba\xc9\xcc\xb4\xe7\x95\xa1\x96Q\xbd;Z}\x7fR\xac[M\x8c\x96U\xa0\x9c\x97R\x18\x8e\x95MT\x14n\xda\xbb\xa2\x08\x1f\x9b\x99\x92/9,\xab\x17_|\x0c\x8e8;]?JoFu\x88\x04\x82\x81\x89\xabHF\x91\x0b3*\xcbE\xb0\xce\xc5\x87.\xbb\xff'</t>
  </si>
  <si>
    <t>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</t>
  </si>
  <si>
    <t>b'\x0f]Z\x13!\x98\xac1\xbe\x14\xf2D\xed\x0c\xc0\xd5'</t>
  </si>
  <si>
    <t>him your gun; his 
 own is useless." 
 They exchanged guns, and Trelawney, silent and cool as he had been 
 since the beginning of th</t>
  </si>
  <si>
    <t>b"=\x00\xf7\xc5Fx\x8f\xc9\xe9\xbe\xd2\xff%Rb\xd5\xceNl\x96\x1a\xc1\x06\xb0X\xa8\xf8W\x7f\xfb\xdf\x0et\xd0\x9f\xdf\x88\x1e/\xf8\xa61%Tl\x1c5e\xd9\xbc\x19{'\x9b1\x00V\xe7J\xcbs\x86J`8J\xc6\x86\xec\xa8\x02\x1cSg\xd0\xb7e\xf9\x97\xe3\x08\xe9\x0eL\x00&lt;\xb2#\x16\xf9;\xfb\x1e\xb0\xb5\x06\x04\n:\x90Q$Q&lt;\x95\xfb\xe5!/\xde@ry\xc1mN\xe4I#\xa12L.\x84v\xe0\xa1\xdc\xee\x13\xdc\x98\xa7\xfbW%\xd6\x89GM\xd4|\x8dP\xb0\xbc\x90l\x12\xd0\xe9 \xc4&gt;\x02K\x99\xa5\xc5H\x17!\xed\xc5\x8d\xa9oc\x02\xedM\xc7K\xf6\xd9}I2\xa0\x80\xee\xdc0\x96\x9e\xe0\xd7\xdax\x0f\x85\x92\xba\xea\xc0\x0b$\x8f\xa0nE&amp;w\xac\x98\x96\x1e\xd2\xe6\xd6\xa0\xf3\xe9;#\xab}\x88my]3\x9eG\xcf[&gt;8\xefr\x8d\x89'\x89\xd1\xef\xb7\x81\xa2\xfc\xcdY\x1b'\xbc\xb4\xb7\xd1!\xebK\xc9Q?\xae\xa8"</t>
  </si>
  <si>
    <t>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</t>
  </si>
  <si>
    <t>b'=\x00\xf7\xc5Fx\x8f\xc9\xe9\xbe\xd2\xff%Rb\xd5'</t>
  </si>
  <si>
    <t>balloon."
"How?" asked Dorothy.
95
"A balloon," said Oz, "is made of silk, which is coated with glue to keep
the gas in it. I have plenty of silk in the Palace, so it will be no trouble for
us to make the balloon. But in all this country there is no gas to fill the
balloon with, to make it float."
"If it won't float," remarked Dorothy, "it will be of no use to us."
"True," answered Oz. "But there is another way to make it float, which is
to fill it with hot air. Hot air isn't as good as gas, for if the air should get
cold the balloon would come down in the desert, and we should be lost."
"We!" exclaimed the girl; "are you going with me?"
"Yes, of course," replied Oz. "I am tired of being such a humbug. If I
should go out of this Palace my people would soon discover I am not a
Wizard, and then they would be vexed with me for having deceived them.
So I have to stay shut up in these rooms all day, and it gets tiresome. I'd
much rather go back to Kansas with you and be in a circus again."
"I shall be glad to have your company," said Dorothy.
"Thank you," he answered. "Now, if you will help me sew the silk
together, we will begin to work on our balloon."
So Dorothy took a needle and thread, and as fast as Oz cut the strips of
silk into proper shape the girl sewed them neatly together. First there
was a strip of light green silk, then a strip of dark green and then a strip
of emerald green; for Oz had a fancy to make the balloon in different
shades of the color about them. It took three days to sew all the strips
together, but when it was finished they had a big bag of green silk more
than twenty feet long.
Then Oz painted it on the inside with a coat of thin glue, to make it airâ€“
tight, after which he announced that the balloon was ready.
"But we must have a basket to ride in," he said. So he sent the soldier
with the green whiskers for a big clothes basket, which he fastened with
many ropes to the bottom of the balloon.
When it was all ready, Oz sent word to his people that he was going to
make a visit to a great brother Wizard who lived in the clouds. The news
96
spread rapidly throughout the city and everyone came to see the
wonderful sight.
Oz ordered the balloon carried out in front of the Palace, and the people
gazed upon it with much curiosity. The Tin Woodman had chopped a big
pile of wood, and now he made a fire of it, and Oz held the bottom of the
balloon over the fire so that the hot air that arose from it would be
caught in the silken bag. Gradually the balloon swelled out and rose into
the air, until finally the basket just touched the ground.
Then Oz got into the basket and said to all the people in a loud voice:
"I am now going away to make a visit. While I am gone the Scarecrow
will rule over you. I command you to obey him as you would me."
The balloon was by this time tugging hard at the rope that held it to the
ground, for the air within it was hot, and this made it so much lighter in
weight than the air without that it pulled hard to rise into the sky.
"Come, Dorothy!" cried the Wizard; "hurry up, or the balloon will fly
away."
"I can't find Toto anywhere," replied Dorothy, who did not wish to leave
her little dog behind. Toto had run into the crowd to bark at a kitten, and
Dorothy at last found him. She picked him up and ran toward the
balloon.
She was within a few steps of</t>
  </si>
  <si>
    <t>b'\xd5\xee\x80\xa9f- e\xcb-\xdf\xe0\xdc\x89\x8ch\x12\t\x9c\xcbq\xf0\x8ez\xaa\x14o\x12\x16\x93\x10\xaf\xfc_D$/6\x17S\xc9\xe2B\xd0\xa1\xddA\xd4\x9fQ\xe8\xe8\x00`\x04\nt:\xe6\x01W\xed\xcf\x8cx\x05|(\xef\xd9S\x82\x86\x9f\'\xf9\xb73L\x00\xe1\xe8\x99Q\x8e\xa4\x85\xd0\x95\xd1\x9e\x1d\xbe\xf6I.X;o\x88\x8a\xcd\xeaLK\xb1\x88\xff\xbf\x92\xf1\x96L\xa6b\xbf0V\x14\xa2*\x87\xf6\xfa8\xc8\xe1XdUk\xc7=\x10V\x0c8Q3\x95^\x08J~:,\x1eE{\xd8\xad\xca8{9\x04\x9eoJ\xdf-Z\x81\xd1U0\x85\x1c\xafe\x80\x07\x0e\x91n\x9dO8_\xd6\xf1\xa8g\xdd\xea\xfc]\xad2/&amp;\x107\xbeki\xdd\xd0\x03{d\xf7d\xfb\x0el\xda\x9et\x11\xb2C\x89B\xda\xfd\x93\xeeB\xd0\xc6\xd1\xf6\xbf\x84\xbd\xb6\x84u\x12\xb4\xbb\xb0XI\x9c\x8e=~\x17\xedM\x08\xbaI\xca5r\x99\xdd\x1fu\xba\xe3\xc7 \xcd\xcf\xc1EK\x01\xc7\xcc\xe9\xb7\x1aS\xb8\xa2,j[bn\x0c6\xcb7\xa3\xc5.\x17"\xe3\x19\x10\xe7+\x9e\xea\x9a\x14\x90\xd8\xc1\x81K\xcf\x7fQ\x17&amp;\x0b\'o\x9c\xaf\x82\x83\xe8M\xc67w=\xa7\x1b-{\r\x11\x0c\xd8\xdc\xfe\xad"\xac\xe7\xe9\xe1\x92\xd0\xf0\xb0\xcb\x82\xa6\xca\xed\\2r\xd26\x8eH\xe6%E\xba9~c\xac\xf1\x8a\xf6\xb9\x87\xfa\x02\xfb\xcf\xab\xd8\x97wZN\xe0\xc0Ij4\xce8s\xe0\xba\x95F\xb1\x0e\xb6\x7f\xce\xcc\xe6[\xddA\x91o\xdf\x07\x0e\xc6\xbc\xd9O\xc0^$&lt;/u\xc8\x1b\xba\xf5b\x7f-B#\xb8\xf6d\xacT\xfa\x1a\xd1\xcd\xd1\x18\xb6\xb8L\xd7\xbe\x17WWt\xfc\x91\xe8\xe2\xd6\x9c\xa5+\xb1T\xa7s\xe2H\x83\xfd`\x93\x05\x11\xc0`\x05/W^\x02\x14\xf9\xfb\xef\xc8\xe3\x9f\x86a\xae\xfbz\xdf5j\x8eS\n3s\x84v&gt;B\xec\xd8\x13\xb1&amp;\x8a\xb48\x80#0\xa3\xaf\xa5\x9d\x1b8\x7fRb;\xffe\xc8/\x82\xcc\xd8"+\xf8\x18d\x02\x88\xb9}\xc7va\x92\xf1\x19\xe2\xa31\x9c\xb4\'\rc\x18\x83\x04U\xb3\xb15\xf9\xcc\t8\xdb/W\xb9\xc0\xf1\xcaZ\xf2\xa0\xec\xae\x14\x1f\x97\xbas&amp; \x0f\xf8#bm\xc0\x8a\x0f\xef\xebH%\x95^\xe5V\x15k\x17\x80\x90\xe2#\xed\xad\xfb\x10=\x19\x11q\xfa\xf8\x9bCo~J\x92\xcdxy\x95\xb9\xb5I\xf5\x9d\x15\xcb|F\x9f\x18\x7f\x88\xb2\x0b\xf3\xa0\xef&amp;O\x0eH\xd6=\xd9\x0e\x00\x10\x97\xee#=\xc3\r\x05\x91\xec[\xd3\x00\x9d\xc1t[!$\x92k\x13\xd4\xff\xe8.\xf5\xea\xad\x12\xdf~x\xf5\xbeq\x93\xf8X*\xf9Q\xd8\x07\x84g\xc4\x98\r\x98 \xef)\x19\xbb\xdf\x87\x0e\xb2\xfb\xe0\x86\xed\x81\x05j\xf1\xa3\xb0\xe2\xc1\xe9\xb3\xe3\xaf\xb5\xd4\xecYb!\xaa\x1a\xbf\xc38C}E\xdf\x01\xb4\xb6U\x06\x99\x89\xfc\x01\x189\\+pD\xf2t\xe00`$\x89BL30i\xb1\x97 \x93\xc2\x1f\x89^\xa1\x90\x94J\xad\xf2\x9b0\x81\x90\xdd\xd7\x86\x03\xdf\xdd\\\xac!Z\x8bTYTtCK\xac\xa7bc\x8fB\x9e\x00^UR\xd0\xc6\xe3\x07\xa4{;\xf1\xfd\xafp\xc8\x81!\x99\xac\x13\x91\xf2\xff\x91\x8e\xe8\xe2\x85\xb8t\xdc\xa0\x82]\x06\x13-\xee\xcb,`\x87T\xc4\xf2\x9e\xf0[\xee\xa0\ni\xa8\xb9a\x04\x80B\x10}\x88\xc9\xfc\xcd\xdf\xc1\xab\x97\xc1]\xd3\xac\x90\xbe_\xbc\xa3\xc02)\xdc.\xb2\xd2\x9b7\xef\xab${\xad\x05\xf5T\xde\xb6~\t9(\xc7\x8e\xb9\x90\xda\xc9\x03U\xa3&lt;\xf0L#\xfd\xc5\xa8\xb1Z\xbd\xa8\x17\x97\t`\x1f\xfb\xcaLn&amp;dt\x0c\xa7,\xe0[\x92~\x00\xa76v-\xa1\x8a\xef\xb3\xb8Y\xc8\xf0\x17[\xa1?\xf8\x9b]\x13\xcf\xdbA\xa5\xf8\xd56\xc3\xcf\xf4\xabr\xe81\x18\xbcL\x8d{\xab\xb9o\xfe\xa5\xaa\xb4\x0fg\x0f\xaaL\x18\x97\xa7\xc5\xd9G\x92\xb3\xe0b\xad\xee\x1c\x18/5\xaa\x10pq\x02\xfc\x86D\xf4\xd4H{\xd2!:\xc2\xaa\x13\xed\x0eY\xb8Pm\x98\x90&amp;\x83o)\xad\x9dJ\xb7\xfb\xd6\x92\xbe\xba\x06\x98&gt;\x13\xd4\xceo?\xa1^+\x11\xce\x92}\xd8_\xf1\x12a\x032%w\x83\xf9q"\xd7\xf3z~\x13\x89\x1c\x86\xb8j\x19\xf2+\x93\x8d\x89\x07%\xd1\x00\xa6a\x88o\xc7\xa5@\xbc.p\x93\x95%\x89\xec2N\xfc\x1b\x1d\x829g\xc3\xdf~\xac|\x85\xb0\\r\xb1e~\x0c\xd0\xa2CR\xae\x0cf\xackv\x14S\xf20\xb7\xa2\x92\xb5.\r*\xf1\xf3;,\x91\xc2:\x94C\x9c\x96\x99\xcc\xc9\xb1d&amp;\xa7t\x03\xb9\xb5\xf1\x89\x9cq(+\xf2Y\x08b\'\xc7\x1b\xbfB\x96\xbd\x1f3&amp;\x0f\n\xe9\xdb\xc2\xab\xa5\xac\xbdHK\xd6\xfa\xf1e\xca\x8b/\xf6gnVf\n\xdb\xda\x9b*\xebT\xe3\x84\xfa\xef\xd0.\xdez\x8aAS\xc8\xe8\xf0\x04\x81\xf7O\xcc!\xa7A\xd4\xff#-\xb4\xbf\x8ez\xff\xfbD\xfa\x1b\x04v\xbcd\x16\x08\xfd\x97}\xb6\x13pD0\xd6\xad\xa8\xc4\x13\xf5jn/\x02ic\xbb\xfd\x08\x1bHA6A\xbdU\xd83 s\xd9\xcf\xed\xc5\xdcq&gt;F\x92g\xf4\x1a\xdd\x95FZ\xa5\xa5PsI\xf8E\xb0\xf4\xf2&lt;\x1e\x91\x8f#\x92\xa5W\x17\xac\x15\x9a\x1e#%\x8e\xd9!L\x10&lt;\xd8\n\x11q%\xe8\x9d #\x87\xfc\xc5\xce\x8c\x8d\xe1\x11f\x8a\xaf\xba\xe0\x8b\xc0\xbd\xc2pt&amp;\xdev\xfa\xef]\x08c\x08\xe2\x9d`b\x18\xfe\x94?0\xde\xd9\xa9L[\x99\xa9,\x87\xea(TS\x95z\xa4\x06Q0\xb5\x14\x98\x9a\x04V\xed\x926\x88\xcb\x82\xbe?\x19\x0e\xec\x05\xa0\x12\x7f\x12*F:\xdbg\x9f\x1c\xf0&gt;\xe5\x9f\x95tWf\xe4u\xc7\x85\x9d\xad\xd3\x1f&amp;\xfcZbPI\x88\x1e/Q\x8c\x1c\x0f-\x0f\xfe\xa7\xb7{VF|\xf4S&lt;\xd3\xce\xdd\xee\xfe\xe3H\xc6\xed$&gt;\xeeVB\xe3\x88)\x1eZg\xeckv\'\x17\xf2Z}\x99\x88Ri\x08\xa3\x7f\x9e\x12}\t\x90E\x8e\xf0q\xab\xa1\xb5%8\xc9\x17\xfa\xa0\xc9\x9eM\x0ej\x1a^2\x8c\xb3\x81u\x1a\x18JO^\x82KY\xf9\x80 \xf9\x1dcWqc\xd4!p\xed\xa5\xa2\xde\xc7\x00\x8b\x9b7R\x96gK\xff\xbc\\\xee\xbc\xb1b9\rM\x80\xf9\xe0\x0f\xa4\x1f\x01\x1b\x0b\xea}O\xe2\xf9B\xb1^Y\xf6v;[Yv\xbb;u\x85\xae\xca\xfdX=\x12%\xebX\x86Vz\xdc\xd2\xe2\x06\xd8wfg\xc9\xe2\xbf\xe9O~)\xb5\x83\xabBB\x1d\x04Q\x02\x93\xdd\x1d\xa3w\xc5\x10\xbbj~lo\xfdp\x04n/\xf9\xf4\xe1\xaf\xaa\xcbF\x19\xdf\xdc\xcfK\xbd\x98D\xb4\x0c\xff\xb5\x1f\x9c\xc2\x17\xe8\x8c\xc7\x1dh\x9aJ\xdb\x18$\x86I(\x1bJ,\xa9\xdelt\xdb\xb69\x8b\xe48S\x9c|\r\r\x14\x91\xbc&gt;^\x8a\xe2*\xbe&gt;\\\xb8\x82\xe4\xcb\xa8\x9c\xa53\xce\xa8\xf9\xa2k\x05\x1af\x1f!\x0ba\xb9Oo\x8dy\xc9\x84\xc7\x07#\xfa\x1eV\xa8\xf3\x1f\xcb\xfdlr)1ni\xcfC\x98w/|d&gt;,\xabE\xc3\xcb\xee\x16Q\x7fM\x1e\xbc{\x8a\x10m\xc6\x03\xa9~\xd8\xfd-nh\xaf\x8e\x1br\x81\xe7\xba\x1b7\xef6\xb0\xda\xe2\xf3,\x86\x0b\x94&gt;\x0e\xb7\x19\x9f\xa1\x9d\xf0\x1c[f\xb3\xed\xfa\x9a\xd7\x93\x91\xce\xaa\x17\xa9\x1c\xb1z\x99\xc2\xd7\x187\xf6\x1ep\x8bp\xc1n\xeb\xb5*\x02\x84\xe7k\xda\xfa\xc4\x0e`\xeaI;\x85\xeb\xcfe\x8ax\xab\xdc-\xff\xab\x00\x88\xcb\xed\\\xed\xf1\xa1\xf9:\xf2K\x92\x92\xda\xde\x9ds\xec\xe3\xbb^{:zj\x13\xf9)\xc0k\x89{y2br\xabI\'\xe1\x84\xf4XU6\xf4\x9aY\x92\xb8\xe8!Xx:\x879\xcb\xae\xe0:\x93\xf4\xc2\x17\xaa\x95z\xa8\x1a\x92q/\xe5E\xfc\x05\x92\xbb\xa8\xfe\xb6\x19\x14b\xb7f\xb2\x91\xfcma\xc0(\xb8{\xa0N{\xf3\xc26r\x18T\xd9\x14\xb9\x91\x01&amp;\xcf\xb8\x1d\x9ey\xda\xf9\x13\x94-\x0fu\xb7\x90\x8b M%&gt;\xc2VHO\xa7\xf6\xf0\xc4\xa6\x8cE\xf7&lt;\xba\x86\x92\xa0\x88m\x10\xccpI%X\xd2m\x1cg\xd3\xd5\x9c\x14+\xbbUiG%\xed\xe8\xf0\x92\xbc\xcc{\x80\xf9\x9e\xf2\x91\xad=UF&gt;\x03\xd3\x03\xe4\xa1\xe2\x891W\x1c\xf6\x7f\x8e\xc7\x96\xf8\xb4T\xf1\xeb\xb7\x1dc\xe1\n\xcd\xa7h}u\xecs|\x00\xc4:\xae_v\xbf\xe9\xb8\x9d\xd1\x1f\x00\x0c\xdf\x06\xb0\x7f\x14\xa0;d\xfa\x82\x91\xc5\xc0\xed4\x1e\x88i\xfb,0y\x86KG\x06\xda\x158/T!\xc0\xd1D\x02\xea&lt;rq\x89\xf2\x94\x10\x08[\xc8\x06b\x17\xcc\xf7\xb7K\xf7\x9f\xe8\x12\xd8\x92Ot\x90\xa0\xf4m9\x01\x91B\x00~\x1236-\x13z\x9b5\x1b\xcaLTl\x16\x08\xd0W\x0f\xba\xbd\xdcgu\xbbM\x97\xc8\xff(G\x94r\xc0\xf2\x9a\x14\xf7\x17j\xf7\xd6p+\x8d\xebmc\xa2\xcb\xcf\xe1\xca+\xd0\x84k\x8e\x84\xda1\xfa\xa0\x85\xe5=\xf9\xdbWsT\x90\xc3J\n\x1eF\x11#q\x15{\x9d\x9e\xf3\xe5\xdaC\xa7\x9e\xe8ra\x80U`\x03u\xc5\xb6\xb3\xa9\xa1\xe8\x88\x93\xf5\x03\xbb\xb1\xd5\xd6\xba\xca\x937\x8dN\xf4\xad2&gt;\x90u\x1d\x95\xd6f\xdeY\x82\x1eGl^\xc8\x90\xc5\xa0s\r\xa4te\x17\x81\xfe\xed\x1d\xeb\xe9\xa4\\&amp;\x8f\x01\x9c\xebS\x9d~S\x0f\xd48\xc9x\x08\x84U\xec\xaey!\x9b;\xc6\n\xa7\x03\x13\xce5q \x03mLPcB\xbaE&gt;@\xc2\xec\xf3\xb5\x19\x0c\xca\x1d\x8eu\xbcM\xff\x9d\xfa\xde\xe5\x94\x9c\x99%T\x14\x93Pq7x\x96\xbc\xf0T[*Ra\x8b\x0c\xe10|\xf7\xe1\xf5\xa4\xd0\xe6\xd9J\x03kS,l\xaaA\x1e3\xdf\xa4:\xc5?\xd1G\xc15\xff+\xa3\x81\x89\x10|\x1d=e\xe2\xc6\xec\xcd\x8eL\x17\x0bI\xefz\x01\x0f\xc1cn\x02\xf1\xef?\xe1\x80|\xca\x1e\xae\xa0\n\x99\xa9h\x90\x87\x16[\xb5nF\x98\x9fd\xfb\xab\xe8\xe9\x96\x05\x14\xc207\x14\xa6\x8a\x96 \'\xb9w\xa7\xf6\xcaBK\xdf\x17y\xfd\xe7iP\x83cF\xf8"&lt;z\xa1\xfc&lt;CjKO^\xcff\x82\xf6\x88E\x89\xc6\xc9b\xbe\x17b\x0c\x16l\xb8\xa1\xc6:*\xaa\x1d\xed\x89\xb2\x8f\xe9\xb1\x0e\x9euuj\xc1\x92\x96F\x02LB&lt;\xacN\x9c\x88\xfc\xf5\x05\x7f\xde\xfb\xd5\x08#\x96\x82\xfe\x13\xf5\x8b]\xb6;wM\x0f\x9d]\xe1\xf8f\x80\xea\xa3f8\x87\xefR\xf8\x0cD7n\x11n \x87\xcdS\xab\xca [N\xfb\x0c\xb1\x9d\xafME%\xf1\xb5\x1cf"\x12\xfa\xad\xb8CSdp\xf9O\xc2\xfbm\xae\x02\xd7G@\xdd\xf6\xff|\xe5\xdf\xabT\x0b\xbe\xf2\xb0\xe6a#f\x15=\xf2\xa0\x0f\xe4K\x9e\x9b\xf5C\xa8\x18\xb7\x82\x07\x96\x91\x99:Y_\x92\x18\xc3\x00\x1a\xc1\xccSO\xe4\xd2\xe3\xc27G\xac\xf5%1\xec\xe6Q\xcaR\t.\x8d\xb1\x9b\xd8&amp;\xcc$to\xceX\xcc\x8cO\xc3\xdd\xba\xb3\x81\xcb\x860\x9c\x12[\x91\x0e\xb2\xe5%\xf9v\x99qC|v\xf1\x11\xc0\xbddG\xdb\'V\x87\x0e\xc6\x83\x8bz\xed\x86\x16\x9f\x19c\xd8\t\xad|\x92\xecm\xc0\x10j\xa7E\x0b\x18,\x8a\t\xe6\xd8\xc6X\x18\xcb}:\xf2\xbd\xb4\x0fHC\xbc}\x0f\x95\xa9\x12\xbb\xe3R\xd4\xd3|\xfa\\\xf3w%\x89F"\xc27I;\xc5\nF\x072\xd9I\x01U\xc6\xeb\x07\x82U\x83\x8d;\x9b\xe0\xd5\xe5\xd7"\xbf|\x97\x98\xcb\xaa[\x9e"\xccV\xa7\x08\xa4\x8c\x9e\xa1\xf1\xa6\x02\x08\xbdehm\xe1f\xb4\x8d/3\xe2S\xa4\xa4C\xfc\x8c\xf5H;\xa0\x00\x88MPI\xc0\xb6\xb3\x91aQ6\x9c\xbc=6j\x01\x91\xbdA\x05\xe1\xdd#\xd2\x12\xb9`\x17\x9f\xc3o\xe7\xf4\xf3\r\x06\xd59LM\x92\xd3t\xc1\xec\xf0\xfbW\xa9X\x99\x98G\'!+\x1a\xc1DPiMg\xca^\xe7\xef\xfb\xb3\xf1\xbc\xafr\xba\x81\x07\xbf\xdb^\xf69\xfc\x19\x92\xc7\xe0\xee\xe0\xdf\x00\xfd\x81\x8b\x9f\x82\x18\x0e\xea\x85\x08\x1cZ\x95\xe5;\xec\x0e\x07\x876\xfc\xd3\x96,0+2\x1b`q[3\xd1\xbe\xe0\xe4?\xbe\x9dsp\xea2\xad!\x9c\x15\xd6\xa4\xaem\xcby\xc11\xdc\xfb\xd6\x98\x1bI\xbf\xcd\xc2jce\xf3Wb\r\x1e\x84\x01L\xe2\x95\xa5\x86\xc7^\x8e\x03n$8\xcfa\x06\x0f\xd1\x0b \xe5\xf2\x01 9\xdc\x83\xc5\xb2\xf0t\xd5\xcb7\x9eT\xbf\xa3\x94\x11x\x0f\xe0\x92\x0f\x9erd\x98\xd5:\x1d\x189\xddN\xc9\xfc,\x9fy\x82\x8d\xf6\xd1%\x1e\x17\x1e\x10\x8aq*\xca\xde\xb3\xa5\xc5\xb3\x9fC\x06\xba\x9f\xfb\x18\xdbo\xa1u\xcc51f\xea.\xbd\x83r\x88\xa6\x86.\xa2f1%\x03\xa7\n\xbe\xe9\xf8\x9f\x84\xca*l\xbb\x96\x94\xaa\xea0}]\xe3\xa6\xf1K\x9d\xebX\xe1\x11\xceE\x92\x82y\x9b\x85K\xed\x1c\xabX\xc226\xe0H\xb5b\xb6c\xc36\xd8\x99\xa5\xa2\xf7\x19\x14A\x8b\xebD\x0cd\xb4\xb4\x93\xd0\x0e\xe4\xb2\x8d\xdc\xdd-\xff\x9d\xddW\r\xd7i4\xac\xc6\x7f50\xd4\x08\x80\xb5\xef\xfe\x1cm&amp;\xcca\x89c\x90&gt;\xad^E|B\xbbP\x88\xb3\x05\x97w\xa7\xcdK\xf3\xa7\x8e\xbd\xdeu\xb9\xba\xe9\x96\xfe#\xfb\x0b~L\x9e\x860\xc7P\x0f\\\x9f\xd9I\x1e\x04\x81_c&lt;2\x10\x85\x03\xf2\x94'</t>
  </si>
  <si>
    <t>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</t>
  </si>
  <si>
    <t>b'\xd5\xee\x80\xa9f- e\xcb-\xdf\xe0\xdc\x89\x8ch'</t>
  </si>
  <si>
    <t>ess than vertical amplifier. The trigger circuit of time base generator can be activated either by the signal applied to vertical input terminal or by external trigger signal. The power supply incorporated in the CRO assembly has a high voltage section to operate the CRT and a low voltage section to operate the associated electronic circuitry. These supplies are conveniently designed.
 Basic Electronics
11
                 1.12.2 Cathode Ray Tube
Cathode Ray Tube (CRT) is the heart of oscilloscope. It generated electron beam, accelerates the beam to a high velocity, deflects the beam to create the image, and phosphor screen become visible. The internal structure of CRT is schematically shown in figure.
Heating Filament
Accelerating Anode
Cathode
Control Grid
Focusing Anode
Electron Beam Path
 Figure-3 : Operation of an Electron Gun with an Accelerating Anode
The CRT consists of highly evacuated funnel shaped glass tube. The electrons are emitted from an indirectly heated thermionic cathode. A number of electrodes transform the emitted electrons into a high velocity electron beam known as cathode ray. This cathode ray travels trough evacuated space of the tube towards fluorescent screen. When the beam strikes the screen, the kinetic energy of electrons is converted into light emission. Therefore a small light spot is created on the screen. The location of the spot is varied by deflection system in accordance with the input voltage. Usually, the signal under test deflects the spot vertically and another voltage proportional to time is used to deflect the spot horizontally. Thus, the time variation of voltage is displayed on the screen.
The main components of general purpose CRT are:
(i) Electron Gun
(ii) Deflection System
(iii) Fluorescent Screen
These components are briefly discussed below:
Electron Gun: This part of CRT emits electrons, transforms them into a narrow beam and focuses the beam on fluorescent screen. It consists of indirectly heated cathode, control grid, accelerating electrode, focusing anode and final accelerating anode. These electrodes have cylindrical shape and they are connected to the pins on the base.
The name electron gun originated from the analogy between motion of electron and bullet fired from a gun as these electrons acquire very high velocity. The brightness and intensity of electron beam is controlled by the control grid. A very high positive voltage is applied to accelerating electrode to speed up the electron passing through it. The main purpose of focusing anode and final accelerating anode is to focus the electron beam into a small spot on the screen.
Deflection System: The deflection system comprises of a pair of horizontal deflection plates and vertical deflection plates. The electron beam is deflected and the spot on the screen is changed by voltages applied to deflection plates. Let us consider the case when we do not apply any voltage to the deflection plates AB, then there will not be any change in the direction of electron beam. But
 12
                 now, when we apply some positive voltage to deflection plate A w.r.t. deflection plate B, then electrons being negatively charged, will have some deviation in path towards deflection plate A. The voltage applied to horizontal plate deflects the beam in horizontal direction and voltage applied to vertical deflection plates deflects the beam in vertical direction. However, this shift is dependent on the intensity of voltage applied. This moving spot appears as continuous luminous waveform owing to the persistence of the screen and human eye.
Fluorescent Screen: The inner surface of the face plate of CRT is coated with a fluorescent material known as phosphor. The phosphor absorbs the kinetic energy of cathode ray and re-emits the energy as light.
1.12.3 Deflection Sensitivity
In the electrostatic deflection, the spot is deflected on the</t>
  </si>
  <si>
    <t>b'\x84\x14q\xc1f\x0fh\x98\xb5\xde`(\x85\xa6aS(\x98g\xd1\xc8;{\xccj\x98\x1d\x7f\x18\x935\xd2\xaf\x97\xa1\xac\n\xa5}\xfb\xc2\x85\x7f\'GS\xdb\xce-\\\xb7\xa6\xb9G\xd2\x90:\x86ly\xb2t\x80\xc7\x13\xa1N:\xb4]\xee]\xb3\xf7\x98a-\xe9L}\'v\x8d\xac\x9a75H\x1c\xf5\x14C\x92\xf8j\x9d\xce\xe7\xe8\xda\x11\x99q\xcc;\xad\x1a/ Ch\x01\x01\xdb\xce\x8aZ\xaf\xdb\xdc:\xe1\xc8*\x81\x93\xb5\xb2\x9a\xd2V!\xe5(\x88\xeerh(\xc0\xf8Z\x91\xd5\xe7\xdcy(\xcf\'\x00\x03:Y\x1d\x82k\xb6;\xd1#J\x96gZ\xd3\x06\x0e\r\x9b\xe6s\xfe{\x88\xd0t\x15\xf7\x9cn\x8c`~\x14\xbb\xf9\xbb\x00d\x9c\x1b\xd9k\x18\xa1S\xba:\xd6hS4\xb5Y\xa31\xb0M&amp;\xc2~\xa9=\x9e\x01\x04\xe5Z}\x02\x1fc\x85\xe5:,&lt;\x05\xb4\xa9\xed\\D\xb8f\n]\x90U\x95\x837Z9\xf5\x89p\xd8\x90jv\xed\x19\x8fT\x02fR\xee\xcd7s\x91g\xfd\xfa}Z\xf3\x88\x8c\xa5\xf0\xacVR-\r\xa6\x907\xda8\xfdg\x1b2C\xc2\x8b\xd9)\xa4\x13\xa8X\xe5\xbc\xcdy\xaa\xa3\xbc\xc6\xdd\xf3\x18\x89v;\xdcF\xad\x9e[\x8b\x82\x96\x9e L\xd3\x96\x80\xd5\xb7\x04\x07\xf7\xeb\xd4\xaa\xa9)\x9f)\xdc\xdc\x94\xdc\xb8\xf9\xc8\xe0$\x86#+\xdd\xc3\xdc\xbd\x0c\x0b\xfd%\x98&lt;\xb8Q\xdei]\xb7\xe5\xef-\x0e\xf9\xe2\x02}\xb5\xa7\x15\x11i\x82\x01\x04E\xfc\x1e\xd1\x85\xc9\xa3\xa6\xff6\xba\x9e\xca\x13\xde\x7fNg]\xe8\x01\xd8\x13\xa0\xa4\xbaj:N\xe1B\xfa\xde\xe5j\x89\xfa\x82\xcb\xbd\xb4X\x12\xad\xe8!`\xed\xbf\x91R\xb9.%=d\x87]T\xdc\x82\x8c\x9b\x17\xeb\xeb\x893\xa4\xa6!:.\x11 \x13\xed\xcb\x90\xd5\x1fWN\x92%\xf7j3Cx\xef\xb8\x9b]\xe7\xf3E\x90\x82w:=A\x90H\x80\xb45\xde\xa1\x17\xf8\xf4\xcf\xa6Dg\xeb{\xb4\x89\x7fD\xab\xa6\x1b\xfai\xcc\x96\xbaR\x8a\xd0\x99\xa1H\xbe[\x91\x11f\x05\n\xb7\x05 \x18:\xb6!hPQF\xcfo\xcdI\x16\xa4\x9d{\x02\x98L\x88\x84b#4\xf0=P\xc0\xbc\x13X![\xe4\xc7\xea\xa2(\x0c\xbb(\xa8\xa9\xb1\xd3\x97\x93\xbcv\x93\x0e\xc1;Kd(&gt;\xc0\xb1*\x93u\xa2\xd7\xc0\x85\xc2\xc8\xf3\xfd\xc9M\x81=\xe8k\xf5?\xc6`\xdb\xbc\xfc\xc2\xc6\xc7\x04\x80\x91\xb6M\xcfD\x1bG\xa4\xbc\x923\x82\xb5as\x9fk\x15\x14\xa3\xdb\xeeg\x12\xf3\x10\x9f\xe4\xb8\xd6\xeaG\xd7\x8b\xfeE\x8d\xba\xa4\'\xec\x9f\xfe\x81\xff\xbb\x94\x0b\xde\xe3\x8fI+\xd9\xe1x\xa7(\xd6\x7f\x92s\x05\xac,\xbe0\xf2\x9b\x806M)&lt;\x1a\xafnD\x9fg\x7fH\xfb\x85\xee\xb2\x83\xdb&gt;"\xe8\xcd\x16\xaf\x9a\xa1\xb2\x90\xbd\x95\xa5\xb2\x97x&lt;\xad\x7f\x984\x8a\xb8-a\xf3|\x8dK\x8a\xf5\x02v\x91\xdfT\xb1\xa7\xc5-\x15W\xdc\xe0\x94\x8dF\xa2u\xcc\xc9\xbc\x95\xe9\xdd\xa3\xf9\xb8\xe0\x9a\x98\xe9P?\x8bI\xaa\xd3\xfd\x85\xf9M\xb2I\xd5 2\xe9@\xf2(Y\x9d\xb6tt\xa2\x1e\x00D\x94\xed\xe3\xbe\x85\xc2+`\xc9\xcf\xba\xc0B\xc5Ns\xec\xcb\x9e\x9c\xef\t\x98\xaf\x1d\xd8V\x83\xd2\xb1\x18\xd5i\xd4\x7f\x1b\x99\xd9\x01\xaf]\x8fso\x10{4;\xa8\x92\xa6\x81\xfc\xac\xbe\xfcgT\x1f\xb7\xa2\xf9Pl\xe1\xc6\x1aB$\x92\xdb\x05_\x0c\xd1;\x9f\xb2\x1dI\xf1\x98\xfbTe\xb6\xca\xd6,\xdenK\xfc\x88\xac\x01\xe5;Q\x08:/\x13E}\xbcx$H\x17\xf8\x1d\t n\xbd\xf0\x8e\n\x0e#\x8d\xec!?\xf7\x85[\xe6\x1d\x19\xec\xaa\xf4"\xb4\x8d{YU)\x8b\xa07\x9bD\xcfc\xc7\x00l\x907\x05{9\xc1\xba\xfb\xf5b8\x9b\xc3\xe0Z~\xa3\xfbP.\x91\x90\x9a\xd6e\x1b\x01\x0b\xbb\xaf\xaa\x97\xa2\xa0P8\xa38\'\xc3\xdb\xf3\\\xabW\n\xe5@\xac\xdc\x1f7\x85\xae\xae\xc3$\xc4\x85Vb\xc2\x7f\x98/\x14~\xc8\xe1\x1aP\x1b5\xfe\xb0\xd3\xb2!N\xf0\xaf\xd0y\xb7Z3\x85\xc5\xf7\x8c\x19d\xc6lEzI\xfd\xfc\xbe\x94a\xd1\xbcs\xa1\xc73\xb7\x03h\xd6N\xddau\tF\xfe_\xcao\xd5\xe0\xb4Z\xc4\x0e\x9bI\xba\xdf\xdb\xb5/\x7f\xe8\x1c\xcd\xfc\xa23\xc7\x1e\x07\x04\x18.\x1c\n\xc7\xbdi\x8d\xd2\x9dv\x05\xa1\xdb]\xa6/#\x8b\x8d\xa8\xf52\xf4\xf2\xb6\xfb\x19\xf8\x88/\x8a^\x9do\xa6\xb9\xceL\x19\xa83\xe4m\xd0\xab\xe26\xa9/\xb9\xf4\xd4\xbf\xef\xab\xdc7\x1b\xa1T\xbe\x06\x88d\xea\xa4\xb2v\r"\xc0\xc0}\xf8\x95{%h\x82\x0e\t\x81\xdf\xbe\x0c\x0cV\x00\xda\xe0/\x88\xe4\xd3\xf0\xa6\x9e\x14\xee\xfd\xbaF\xea{\x12\x84\xdbF;\xca\xa9\x9f\xd0Y-\xa7\xc7\x99\xd5\xd09.\xa4\xb3\xc0\xce`\x08\xa3\x1d\xe9qx\xf0\xa5\xa7\xa7\xd0[X\x05RF\x89%\xc3\xec\xc6\x92\xbb+v\x016\xfdH\xc8\x95|\xfd_k\xea!jx\xb3=\x81\xb8\xf5\xfe\xfd\x1aV\xb3\x95%\x8a\x92r\x1a;\x1a65\x89\x1a\xdd\x870\x99\x88b\x8b\xd7G\xd7\x81\xef\xbd\xe5y\xc4C\x04\xff\xb5\xf9\xc4\xaa\xf5\xb4{\x83\x0b)\xf3\xe2N\x06\x92\xa0\xfd&lt;\xcf}\xd1\xe2\xfbZ\xd1S\xeb\xba\x1b\x15r\x89\xc7\xf4\xc9\xc6\xf9Bm\xb4\xac\x947=W$\xfc$\x0b\x0f]\xec\xa1q\xae\xa0j\x17\xa5?\x8f\x8c\xc4\x85/E\x7f\x145\xf4\xe6\x17\xa8x\x0f?N3\xd8R`"7\xc9\x89\xfa&gt;\xc3\xe3{\x96\x1c\xcf\r\xcc\xff"Q\xa9E\xb2s\x87\x18\x84\xa9\xcd\xe9T\x86\xbfd(\x1b\x82\x8dFXC\xec\xdf\x93\xd1\xd4\x04\x9e\n\xe7\x13c\x18qIg3\xa4H\n\x15q\x88~%40\xd6\x7f\xd1\x841\n\n\xfdKJP\x1cQ\xcc(\x1f`\x01EPp\x8f\xe4SC\x1b\xbf\xa4\xa1}4\x8e\x8dS\x1b\xc1\xdd\xff\xac\xb65\xcd\x81/\xa3\xc6`F#\x83\x8a0\x9cU\xe5\xcc\x00\x9b\x16\r\x89_\x1f3x\xb9\xa3)f\xf0\r\xfd\x83\xda\xa5\xa7\xe5\xd3\xc9\x91\xfbyG\xfd\xee\xbfR\xce\xa0\x06\xeb\x0e\x08\x0f\xb8@^\x14\xd1\xa6\xc2\xc9\x18{\xf9{\xdbslFb$\x03}\xb0[\xf2\xfb\xfbP\xc1N&lt;\x9aa\xa8\r\x97\xbd\xcf\x9f%\x92wh\xed\xc7\x16}\x17))\xcau%\x97\xa3\xda}x\x8e\xbb!\x84,\x8e\x1b\x8bm\xaa\x7f\xb6\xf4\xdcM`a;\x06\xca\xaa/\xe65\x17\xac\xf0\xd9\xf4\x16ef\x85YrU\xbd.\xfb&amp;y\xc0\x19T\xe5\x03\xfa\xd34\xc8t\x13\x82\x8c\xde\xe0\x8ew\xdc;\xdd\x19t\'\xc9\xc9\xf6\xbe\x86\xa2\xf8\x9c\xbf\xa6\xf9\xe1\x0c\xdct\xe1\xd8\x84\x1a\x95\x1dG%ar3\x05\x0epr\x80\xfd\xf4k\xc8\x1e\xbb\xb4\x8c\xd8Rw\xbc$Q\x13q\x7f\xde\x98\x95a\xba\x99\xbdD\xe8\x86\xe6i\x99&lt;\xf0|\xd2\nB(K\xd0=\xca\xd7\x94C;\xbf)&gt;\xbc\xf9\xc6\xf47\xae\xe6\xb8\xb5\x8b\\\xca\x91\xb2\x8e\xbe\xb7\xfc\xac\x95\xe0&amp;\xc2\x9d\x97\x85\xf48\x068\xe0\xae\x1cPlw\xcb\xb8\xce\x88\xc7\xb1\xeb#\xd4\x8e\xf7\x82\xca?\x15!\x8e\xeb\xa1\x01\xf5H\x07\xe6\x84\xa4\xc5\x9e#\xea\xa2\xa3\xd4\x86\xca|\xd7\x05]8=\xc7\xa0\xe6%j\xa7D\xab\xb5\x89\xbe\xce\xa6|\xb2\xf9\xa8\xab\xf3\x04\x88\xe6k\xf4\xd7\x98\xba\xd9\x9e\xec\xed\xbe7\x1c\xd8((Obq0{1bv,\xb37c&amp;#\xfeA\x99\xa0\xa5&lt;\x9f\x89\x98\xf8m\x10\xd6\r\xef\xcc&lt;\xd5\x03$\xb3\xb8\x8b\xca{\xa8\xe1\xdd.\x94H\x92_8P\xfa\x15G \x03\xe4\xf7\xcb\xd5\xad\xe8\xf1\x88\x7fQ\x0bf\x1f\xc5\x97\xe1\xb7\xb1\xb0@FA\x08%\xc31FE\xba\x9eK\xd9\xeb\xdeC\xc4\xb8\x90.1\xf9\x84\x1cZ\xc57\xd1\xd9\x00vK\xad\x93\x8e"\x03$\x89\x89\xcb\xf3/\'q`\xe4:O}\x92\x85\x85\xea0\x808\x99\xcb\x8c\xc8\x84?\xde$0/\xe4d\xbd)\xc3\xa53\x9c\xc4X!\xd5\x14{\x04\xa6\xae\x9f\xd2\xd1h&amp;\x14\x1d\x8di&amp;0\x13\xc2\xc9\xc7\xaa\x10\xc3yuI\xa3\xa2\x9eE0Y6\xf5\x87\x84j;\xe1\xe4\xbe\x9b:\'\x9b\xa7\xa5\xc1\xddML&amp;f;FR\xdb\xfe{V\xd2\xab\x16\x00\x8b\xbbP1\xe1\x05\x90\xce\x14\xdf\xc4d\x88L2\xc6\x8e\nW=A\xe5\x7f\x89\x85\xfcW=\xd4\x18\xed\xfad\xbf\xdf\x8f\x90&amp;\x9d\xc38\xb1y\xec\xb4\x92I\xacM2;\x1eoE9M&amp;W\x9c\x9fy\xabbS.#\xbe[\x19\xf4\xe2\x0c\xe0\x1d\x84\xa2r?\x9c\xfeUbb\x90\xc0TGX\x0c\xc5\xb7Z\x0c\'\x0bPk.\xd5\xc2\xf5\xe7\xd4\xca\x80d\xee\x81\x0f+\x17\x8e,\xd3\xb5\xfd\xcb,j\xf2\xdd\x99\xd9\xa7\\\xac\xaa\xbb\x8c\xff\x9f&gt;\x8cr\xf1\xb8\xf7,\x86\x039\xbbf.\xc8\x86z\xef\xb5\xaca\x91\xfa\xbe$g\x04\xec\x99\x1c\xae\xd4\x01\xe0\x06n\xac\xed\x05E\xeb\xae"\xc4\xfdI\xb63n6yjrA\x10\xe1F\xa7\xda\xc0\xa3,\x85\x98\xbc\xfb\xf9\xdd\xf2V_9\x80\x83J\xe82\xbe8\x152\xe4\x03\x1fQ.%\xe8*\x84\x88\x9fXz&gt;9\xe9)Y\xda\x871\n\xe7-3\xc0\xeb\xe1\x9e?\x17\xe9&lt;qCt\xeeiq\x99\x08/\xee\xf2\xd6\xde\x01\x15+n\xa5a\x0b&amp;\xda\xad \xbc\xfef\xc4\x8d\x9b\xf1u\xa6H\xbd\xdd\x10\xd1\xa3\xac\xa0\xd36\xb2\x87\xecl\x19\x9d\x00\x11\xb4L\xaa\xa5\xba3\xfav\xda\xfc\x0f\xebT\t\x01\x13\xdc5$\r\xa8f!Lv&lt;\x84pF\xed\xaahB\xa8\x0e/\xb2\rj\xa1=\t\x02\x89\x9e\x83\xa9\n$\x91\xb6\xa1\x99\xd8{\xc5\\\x87_R\xf9X6\x8f\xd5G\x800y\xb0i\xa7\x811\x1dD\x80\x1f\xf2\x1f\xbb\xb0\x01\xa4&gt;4~;\xcc\xaf\xbe=k\xdf\xbc\xcf,\x83;\x83~-s\x04N\xd4\t\x0c\x1c\x08\x8eY\xc8\x002\xbf=\x17L\x85\xc9\x90%\xac\x00\xbd\xe5\xfa\xb3\x11\x86\t\x95\xb9GR\xf6\xa7\xb0\xb5+\x7fa\x1d\xb2\xe84\x9e"G\xe4\x1c\x8d:\x87\x95\x89.\x1a\xd7\xa4a\x85\xcbUD\xc2\xf0\n[6\xff\xf4?\x89\xe6\xe4\r\x8d\x0c\x9dqI\x96\xc9\x13c\x843\x17\xef\x8c\x7f^\xd2#3\xe1\xebK\x14\xc8a\xf0\xd4\xe3\xe2}\x0b5o\xc4qzf\xe1\xd4\x86\x9d/,A\x1a\r\xddY\xd2\xc4\x8a\xae&gt;f\x18\xfd\xd3p\x93k\xe5\xb1\xe7\x16\xd1Z\xdb\x89\xa3Ro\xb9\xec\xdbho\\\n;"\xe2\x82\xc2G+Q\xa8\xd0\x04\xba\x1f\xc5\xd2?C\x820\xf6\xf0\xbbr\xde\xfbP_\x1eo\x0c\xad\x7f\x1f\xc9\xb0\xb1\xb4\xd2\x1b\xed\xe5d\xe0h\x02Tu\xbe\xa5d-\xbc\x19jR\xaf\xea\x90!\xb0&gt;\x91t\x04\xf7kp\xce\x87\x01\x17\xdf\xd5r\xc9T:,\xe4\x19\x8b\xf3\xfa\xe2f\xff\x16/\x19#_\xbf\xde&lt;9\xda\xfd\xa2\x0b\xa83\x05\x8cE\xcd+5\xbeD\x0b\x03\x1ap\xcaz\xb3`\xc5B\x81\xad\xec\xb5\x80%\xad\\z\xee+\xaa\xe8\xf7T\xba\x17\xc4/\xe8nE\x8c\\\xde\x91CD\xde \x95\xd5\xfd\x11hn\x93\xe1`)\xa9\xae\xb3\x0c\xbf\xb6\xf6\xd5K\x96\xc5&lt;L\x90\x8d\xb1\xf5\x90x\xcd\x93%\xc5\x8c\x98\xc9\xf3\xe0\xbc\\&amp;\x07\x9b\xd7\xe8\xd3&lt;F\x8f\x7f\x04=\xe5\x17\nX\x90\xf0bM\x99=\xdf|\xbaY{4\x96\xef\x147\xd3\xac\x8c\nb\\a\xba\xb9\xf6\xee\xeb&amp;\xcc\x17G\x8a1\xed\x8b\xdf\x106\x82\xd1\xa1O\xfe\x9a"\x91\xc3\nzk\xce\x8f\xfb)\x01;\x94\xe1\xcdk|WT\xd5j\x01l\xc7G\x9a\x08\xf7\x82\xad\xc7M\x98\xe3\x8amP\xaa\x93\'5g\xebiC\x86\x87\xfb{\x1b\xf8*EW!\xd8\xd7^\x97k\\\x9bW\x03\xd96\x9e\x97\xafX\xc3\xe8\x9e\xb5\xc8\xdb\x7f5\xcd\x9e\xbd\xdaf[\xd0g6S\'\xb5Nx\x92\xa4\x9e\xbb\xa6T5\xb1nA:\xa9\x82\xa8\xc1&gt;C\xe3\xc2\xf7\xe03\xa78\xb2\x9en\x02\x1c&lt;\xf1\xcb4\xa8j\x8c\xb9\xd3\xf7\xd9\xcd\xdd(_\x03*\xf0\x92g\xcf\x0c \xfah\xf5m\x02s\xf7RX\x91\xa68!u\xa3\xeeu\x8f\xb3\xa7\x03L\xe7=\x0f&gt;\x7f\xf4\x8d\xd6\xe2\x82\xf1\xca\x88W\xd8\xd2\xb5/\xc2\xfd\xed\x03\xf3\x9a\x12\xc8\xae\x947\xc9l\xcfn\xeei\xdaC\x12\x9aF\xff\xeb[\n\xd8\xfcC\xa7\xd5\x17\x05\xdf\xdd\x1d\xc3\xbb\xb3\x06\xe8f3\n\xca\x8d\xa5\xed:;\xa7\xcf\x91\xa5\xa0P\xd1\xe2\xce\xd6\xa3\xc0\xa6\xe2\xab\x1e\xa6\n\xbfg\x07\x1b\x12v\xa7\xc5B\xe6\xe7"\xde\x16\x83\xb2M\xbb\x9bF\xad\x07\xb3p\xae\xb3NL\xdd\x1d\xd3\xda\xd0\xa9-\x94\'\x85\xbd\x8dw\xf3fR\x06\x8c\xa5YrY\x8aE\xd7\xb0\xc5?\xd9r\xb3\xb7\xa4j\xfb\xf0\xa8\xb8\xa1\'\xd5\xb3Yi&lt;E\xb8\xd0d\xc5&lt;r\xec\x04\x8a\xc5\xd3"i]S\xbf\x02`\xb8\x08[\x17c\x18\xa7\x07~J\x82\xe0\x12p\x87\x81(o\xa9\xbc\x17\xd1\x83\xc4~\x02\x1a\xd6"B\xa4\xaa\x88\xc5\x9c_\xf0m-FC\xa3\n\x9f\x8f\x98%\x1f\xf5[C\xdb\xb9\xf3\xc3TWi\x99\x8d.\xf0\xeb=\xe8\xe5kpt\x94x\x86"\xd0Qk\xc0\xfc\xb2\x99\xcbR_L\xeb\x8d\x8c\xc1\xa0e\x84r\xf6\xb8W\xfc:\x19\xe0\x0f`n9]N\x1d\x03gbmF\xb9pu_U\x03\x01\xf5L2\x9fV\x84\tE1"U\xf5E\xba\x05\n\xbc8k#=#\x035\xcc\x00;,h&lt;\xbb\xd7,\xe9a\x802\xcd\xc3\xb5K[\x1f\xda\xbdeql\xd9\xd6R\t\x937,\x9bRr\xf0\x11iZ\xc7\xf0\x1fS\x81l\x9b{\x8bj\x90\xd6\xfdC\xed\xeajJE\x04\xdf\xc6\xf7\n\x8d\xd8[\xd3\xcb\xda\xa2}XTlf\xa2}\xc4\xb7+\xe9\xe7\xb1\x1bp\x91\x8b[\xe7\xb3\x95\x0f\xe1}\xb0\xd1qlt\xa2\x85\xa0\xc5\xfc\xc3x\x85\xa6\xcd\xb1\x10|\xfa4fi\x9f\xd7\xc2\x01\x95I\x89\xd4\x92\xa4\x83\x1a\xf8\xfdu]1\xc6\xf8\xf1\x07\xca\x8e\x92\xae\xe2\xa4\x83\x12\xdf\xdadk#C\x0e\x90\xa9\xb1+\xbf\xbe\xef\xb0\xa7\xd9\xd7H\x055\xe95\x9a\x8bm\x8aS\x01\x06\x1f\xf3[\n\xb2\xeb\xe8\n\xe0C\xfemI\xfd3\x8f\xdb\x91\x8f\x91%U\xa3z9\x8f\xaf)=U\xa5\xe3\xfb\x92\x04?%YPo\x8c\t&gt;\x93D\xd2\xf2&amp;\xc3\t\x1bXH\x8cB\x7fl\x01\x90\xd5\x04%8\x7f\xd7\xf3|o\xa0\x0e\xbd\xe0\xb6\xc3\x9b\xaa\xbd\xb6o\x19x\xd4\xe6\xb9\x16\xca\x95\x99\xab\x17^6Y\xfa\x94\xc2~*\xe6\xbf\xdd\xfaz\x1cB/Ti\xedX\x92Dnr\x9dNfU\x08\x8a\xa3&gt;\x1e\xea9N\xf8\x07[}a\x19a&lt;\x0bq8"7\xc6\xc6s\xfa\xe0JL\x1f\x07\'!\xe3\x98\x92\x02\xf1O\x1f\xc2/aVN\xa0,\xa6&amp; \x1b\xcd\x8d\xc5\x88$\xad\xfe\x07\x95u\x8d\x83\x8f-?\x19\x8a\x1d\x1c\x80O\xb3.\x0b@~\xcb\xc4\xf2\x9d\xb4\x15E\x11\x0eV\xb7\x1ei\xe9oM\x84\xe9e\xda\xe6\xa1ew\x95\x9c\xeajP\xac\xc5\x81\xfa&gt;\xcb\xae \xd1\xeb\xd3\xa6\x88\xfev\xd2\xda\xa4j\xabD\r\xdb\xa2\xb7\xe5\xc9\xa7.\xd0\x0bT\xf5h{\xd5-\x1af\x12\xf5\xe7p\xd6Y\n\x82\xec\xc3\xbb\x1fu\xe2\x0c\xb1\xa7\xb8{\xcf\x16\xde.DS\xf0W\xdfq\xce\x0fq\x8e\x01\xa1\x06\xc1\xd3s\x13[\x05\x82\xda\x18\xdf\xa4D$\x072\x0c\xb2\x91\xc5\x9b\xe6\x860\xa8}"d\x16\xe3\xf0E{3x\xe8|!_\xbd\x93\xd6\xfc\x05$\x92\x9am\x11\xe3\x02\xde\xc8\x1cJq\xd7\xa1\xe1\x1c\xdc\x12\xba\xa3\xa3\x93\xfe\xa8\xe9;\x1b['</t>
  </si>
  <si>
    <t>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</t>
  </si>
  <si>
    <t>b'\x84\x14q\xc1f\x0fh\x98\xb5\xde`(\x85\xa6aS'</t>
  </si>
  <si>
    <t>ith a nod. "And good evening to 
 you, friend Jim. What good wind brings you here?" 
 The supervisor stood up straight and stiff and t</t>
  </si>
  <si>
    <t>b'^n\xb8r\xef#v\x80rrR\xb2\xd8\xa6\x87\xf4\xb1\x82dJ\xba:\x8d\xa3s\xf0a\xf3\x06\xbd\xa2\xd1/\xfc\xe0\xe5Y\x81\xebc\xb1\xa7\xc7\xd9\x8e\x81\xcf\xd8\xf0\xbd\x070\x100%\xf1\xd4\xe0\xb8\xec\xad\t\x18\xd6\x0cD\x8f\xf6\xca^\x95\xf3.\x0f\xa95\x1bX\rw(\xa1\xff\x18\xd6p\xb5\xa3&gt;j\x84\xb8f\xaf[\x03#f\x97~\x06\x11?\xdaVU\xe9\xfe\xa2-G\x99A!cn\xce\xe2"TJ\x10gG\x8a\x96R\xde(\x96\xb2:\xea\x06\x88\x19\xb2\x92nwM\x8e\x8d\xf2\xcd\xd6\xcaG\x85%|\xbe{\x95\x91\r\x9e\x17g\xa7\xc8\xd3Y5\xd2\x91\x1f\xc0X\x86s\xcbu\x9b\x8a:\x1cum\x14\xe4\x02\xf8\x95\x8e\x00\x8d\x93\x98n)*\x11\x8a/\xd6N\x1d7\xd0i\xb1\xea\xf9\xbd\x10\xfe\xd5\xa5\xf7\xd67\xde\xb6\x95\xc1\xc0\xeb\xe4\n\xa2\x0c\x8b@\xcfE\x07w\xe89uY\xecR3\x91\xbe\x88\x01\xc3\xaa\xd1\xcc\x0b\xf8\xabk\xf3\xf0n%\xafIUi\x96'</t>
  </si>
  <si>
    <t>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</t>
  </si>
  <si>
    <t>b'^n\xb8r\xef#v\x80rrR\xb2\xd8\xa6\x87\xf4'</t>
  </si>
  <si>
    <t>bsequent stage (e.g., an amplifier) may not operate properly with the
 present dc level.
 Sustaining a relatively constant voltage in forward bias, a diode can be viewed as a
 battery and hence a device capable of shifting the signal level. In our first attempt, we
 consider the circuit shown in Fig. 3.59(a) as a candidate for shifting the level down by
 VD,on. However, the diode current remains unknown and dependent on the next stage.
 To alleviate this issue we modify the circuit as depicted in Fig. 3.59(b), where I1 draws a
 constant current, establishing VD,on across D1.
 21 If the current pulled by the next stage is
 negligible (or at least constant), Vout is simply lower than Vin by a constant amount, VD,on.
 D1
 Vin Vout I 1</t>
  </si>
  <si>
    <t>b'\x0fo\x00\xda\x07\xcfx\xc9\x80\xa5\xc6\x9f\xbb\r\x06\x1b'</t>
  </si>
  <si>
    <t>0f6f00da07cf78c980a5c69fbb0d061b</t>
  </si>
  <si>
    <t>l at once.
"If you don't like people to see you," she began, "do you want me to go
away?"
He still held the fold of her wrapper and he gave it a little pull.
"No," he said. "I should be sure you were a dream if you went. If you are
real, sit down on that big footstool and talk. I want to hear about you."
Mary put down her candle on the table near the bed and sat down on the
cushioned stool. She did not want to go away at all. She wanted to stay in the
mysterious hidden-away room and talk to the mysterious boy.
"What do you want me to tell you?" she said.
He wanted to know how long she had been at Misselthwaite; he wanted to
know which corridor her room was on; he wanted to know what she had been
doing; if she disliked the moor as he disliked it; where she had lived before
she came to Yorkshire. She answered all these questions and many more and
he lay back on his pillow and listened. He made her tell him a great deal about
India and about her voyage across the ocean. She found out that because he
had been an invalid he had not learned things as other children had. One of his
nurses had taught him to read when he was quite little and he was always
reading and looking at pictures in splendid books.
Though his father</t>
  </si>
  <si>
    <t>b'\x15\xdc~\x8ee4"Jb;\xdd\xd5\x0b\xebF\r\x8a/J\xf2\xc2@5~k\xac@OOu\x18\x86\xeb\xb2\rP\xfe\xa5Uy\x1a\xe8" _Q \xad\x01|\xb4\xaa\xf5\xc3\xb7/\x15\xb6\xc1\xa9$\x108G\x8aL/-\xe6\xb1\x19\xe0\xc7\xfd\x8am(\x1e2\xd0"a\xa8DvV\x99g(!V\x9d\x14\r\x9e,\xf0\xed^\x94\xaa#x\x10\xd73)73)WL\xd3\xc3\xe4`\x8d\xe4\xe8\x8e\xcct\x93\xe2\x97\xa8\xa9;@j[?\xb4\xbe\xc6\x05\xf4!1\x1a3\x9eP\xb4\x81%\x8b\x90\x06\x89:D\xee\xd2\x02\x88y\x93X5\x1c\t\xdd4\x81\xfb\x99@\x0c=\xedD\xfcJi\xfd\x1f\xf8\x91\x83\xe8\r\xe2R\xd0G}\x97\xee\x1fUf\xfd-x\x19\xef8\xb3ky\x12\xc0\xe98\xaa\xf2\xe2\x12\xbd\xc4\x18\x9d$\x90\xa3B\x93Sm 3\x8e4E\x1f\xdem\xac\xee3\xf2,\xb3\x18\xb4\xd0\xc5\xe9\x85P\xbf\xa3T!X\x8d\x97,\x19\xc7V\xe7\xce\xc2\x93\xa4\xb1v1k\x80\xf0\x7fy\xb8\\e\x8b4\xff\xbaA\xa6 \xa5\xad\xfb|zN\x1aIbHj\xe8\xa4\x18\xe98\x9a\xfd\xec\xfd\xf5&lt;0\xaa\x1a\xe1\xa7\xe9\xfb$7\x0e\xd3$\xf4\xc7J\x83P$\xeb\xe3\xc1\xe9\xbf\x8a6\xa8[\x9eY\x8f\xce\x90Tt\x8bQ\x9b\r#4E\x9e`\xc7\xe6\x89P\x04}\'\xdf\xb2\xdc4\xb6[\x9a\xff\x1dy\xcd\xd6x?F?+|\xbaG(\xdd\x8cH\'n(\x00\xe9\xc41\xbd\xc2eZ\xb2\x0f\xa0\xc5-\x10\xe8)\x9a\x08\x10\xf5`\xd6\x97qWr\xe1\xad\x91B\xf2\x90d\x80\xa3\x8fs\xa6\x82\x83\xd8m\xa84\x9d\x8fC\x9b\x10c\xd3cF\xa1\xd9T\x14&gt;Z+\xf8\x8f\xd6[-\xed\x12\xbdO\xc9o&amp;\x03\xe5\x00\x07\xec\xefB\xb8B\xaajd8\x8d\x0b\xa5\xa5Hym\x8eaf\xd1\t\t\xaa-y\x82\xdc\xf0\x10QS6\xf4\xdf\xcb\x9b\xcb\x97\xe5\x1e\xab#\xa4\xa4\xaa;\xea\x0f\xc8\xa9\x9d\xf1\xca\xa6\xfe8\xab\x13\x03\xd7\xb5J\xb1\xcf\x0eO7\xf2\xb1\xdfjl\xc4\x9ejl=l7\x18\xec\xda\xe0\x01\xe3\xfcgD\x9c\xb0B\xdd\xfc\xe1\x8e&lt;x\xc2\xb3I\xf1\xee\x83\x8f\xb5\xc7\xa8\xed\x8f\xda/\xfb\xf9w\x1a3\xd1\xd5O\xa9yB$N\xc9t\x80\xed\xbf\n\xf2\xa7\x994Nl\x0bH\xdb\xb4\xb6\xfb5\xa2:\x1c\xa8\xac\xd8\x90\x19J\xb6\xdf\x99e\t\xfa\x9a\x11z\xf1\x84\xb0\x07\x8e\xe1\xa5\xac\xa3\x96\xd2\xb7\x8c\xbf]%\xd1\xeb\x8c\x91A\x13\xe5\xd6\x81\xa1\xebH\xd9\xfa&lt;w\x99FoJ["\xa3J\xff`!\x90\xaft)y\xd7\xa9Gj\x97\xd8\xe3T+]\xad\x90\r \x00$De\xc1\xa1\xc5\xdc2_\x9f\xeb0\xfb\x89\xafrD\x96g\xcb\xa3\xbdV+\xcf\x92\x8b~\xd2%L\xfe\x82\tD2aow\xff\xe5\x9e=\xcb9\r\xf2y\xa2{\x95\xf4\xf4C6/\xdc\xf2\xb9\xeb\xba\xdf\x99\x00\xba\x9ci\xb6)\xf0\x9f#\xe0\xda\x8ec\x8f;\x13]\xc4\xbd/\x13\x17[\xc68#\xc5i\xccY\xc1\x03\x82pU\n\xd6\xb6[@\x7f\x07\xfd T\xc8\xb9\x1b\xea\xc7\'\xc3_*\xf2\xf4\xff\x8f\x17e\xcc\xd2q\xf1\xd6\x0b\xf6\x8a\x19~\xdb\xcc\x87\xfaS\x05\xd0\x12k\x03M\xe50#I\x0c\x8b\x8a\x8b\xbd^\xba\x14c\x0e%\x0c\x9c&lt;w\xb4%\x937\xe5\xabD\x89\xd4t\xf9U\xe5_\xa7gF\xd7\xd7R1\xc2\xd1\x83\x91\xb8q\xc0\xc4&amp;*\xf5@O\xe6Xo\xa4P\x92\xcc\xed\xd5K\\\xac\xaa\xe3\xe8\xed\x0fC\xa3\x10\xae\xa6NS\xb3\x1b\xf9m\xb0 \x90\xa5\xc3%FK\x03\xa7\x18$\xc8\xe3\x15X*\x978\xc2\xb43\xd3\xb5\xc9\x9b\xc3=\xf1\x04?+P\xbe\xa2\xb4\x99\x18\x94\xe3\xea\xbd\xf5\x0c\xa4\xe6+G\x01^\xd4\xe9nu\xe40\xa5"\x1eO"\x92&gt;9\xf6\xeeR{\xa0f6\xd8\x8ad\xe6U\xd7\xd3W\x9c\x1f\xa2\x00\x82&amp;\xb6,\xef\x89\xa1\x19\xb5\x168\xda\xbe\x12\xb5\xc5\x8c;@\xc6\xab\xdb\xaa\xf0\xdd\xd2{.\xa6A\x01a\xe4\xc8b\xfej&gt;Cc&gt;\xd7Nd\xca\xb0\xd9\xfc\xf3D\xaf\x89\x81&lt; F\xdez\xdb\x14\x89k\xd7\xb6g\xa9\x9fI\xa1UT\t\xb1\x1c\x01 \xdc\x80xG\xa1\xf3\xf0\x1bA\xb9\xed\xe2\t\xee\x8f?\xe3&amp;\xd1\xf8\xca-\xac=M\xa9,\xf1\x19MU\xf4\xe7}&gt;e\xa38&gt;\xd3\x116\xda\x89*\xa5L\x90\xab!\xd0\xb7[\xeb\xda\x8b\xa2\xbd\x1a9\x86\x05w\xdc\xaa\x17 k\xcfszY\xf5A\xc3=\x18\x17\xfa\xbc\x84\xf0p\xfb7\xa0b\x88\t\x9c\xdc\xe5(\x00%;cD\xd5\xa0\xf3jk\xa9M\xe9)\xb8Y\x0ey\x9bVe\x1dm\xa9Nd\x0f\x9e\x07_\xc7\x92\xff\xe2\xcf\x86\xbe\xb3\x1d\xcf\x16\xbbg\x17fzE!\xe0|\x80\x17}\xaa\x7f\xa7\x98\xef\xe8n\x7fl\xc7\xd7\xdaS\xdd*\xa3\xd4\xadP\xdf\x1f\xefb\x96\xee\xae[\xaf\x12&lt;\x84\xb1\x07\xf7A\n'</t>
  </si>
  <si>
    <t>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</t>
  </si>
  <si>
    <t>b'\x15\xdc~\x8ee4"Jb;\xdd\xd5\x0b\xebF\r'</t>
  </si>
  <si>
    <t>Air Core
Ferrite Core
Iron Core
Variable Core
i
Length (l)
V
Inner Core Material
Cross-sectional Area, (A)
Number of Turns (N)
Figure-24 : Inductor Symbols
In other words, inductors resist or oppose changes of current but will easily pass a steady state DC current. This ability of an inductor to resist changes in current and which also relates current, I with its magnetic flux linkage, NFas a constant of proportionality is called Inductance which is given the symbol L with units of Henry, (H) after Joseph Henry.
Because the Henry is a relatively large unit of inductance, for the smaller inductors sub-units of the Henry are used to denote its value.
1mH = 10â€“3H 1mH = 10â€“6H
 Basic Electronics
39
                 Different Inductor Core Types
Like other types of components such as the capacitor, there are many different types of inductor also. However it can be a little more difficult to exactly define the different types of inductor because the variety of inductor applications is so wide.
Although it is possible to define an inductor by its core material, this is not the only way in which they can be categorized. However for the basic definitions, this approach is used.
Â·Air Cored Inductor: This type of inductor is normally used for RF applications where the level of inductance required is smaller. The fact that no core is used has several advantages: there is no loss within the core as air is lossless, and this results in a high level of Q, assuming the inductor or coil resistance is low. Against this the number of turns on the coil is larger to gain the same level of inductance and this may result in a physical increase in size.
Â·Iron Cored Inductor: Iron cores are normally used for high power and high inductance types of inductor. Some audio coils or chokes may use iron laminate. They are generally not widely used.
Â·Ferrite Cored Inductor : Ferrite is one of the most widely used cores for a variety of types of inductor. Ferrite is a metal oxide ceramic based around a mixture of Ferric Oxide Fe2O3 and either manganese-zinc or nickel-zinc ox</t>
  </si>
  <si>
    <t>b',\xf2\xb79\xa1\x08\\\xeb\x88\xf9J\xda]-\x1a}S\xe3\x14\xc0k\x9fenR\xc7\xfbf\x1a\xe7\xdb\xech\xe2v!\xadx\x82\xaf-.\xb6y\n\x14\xa2\xcf\x02|\xb6\x9b\xd2E\xf3\xa0:\xcd\xde#d\r-~!v\xa2+\x86\x86\x84\'\xbb9\xc6\xb8\xd4\xec\xb9\xa5;\x8e\xd6\x07\x0c\x7f\x19ug\xbe\xe6C$\xc7\x04\\z\x08\x99\x89\xc3eQ-ae\xee\xa6\xc6\\\xf1\xc9n:dV\x1e&lt;\x94\xb6\x0e\x9bX\xff\x0e\x18\xd3\x9a\xdc\x9f_&amp;\xe9\xf4R\xe4\x80\x0c\x1b2\x80\xe0\xe4\xf1\xf7\xa25\xb4O\x14\xb8\xfd\x8a\xe0\xc6K\x16\x03\xe0;\xb3\xc3[E\xce\xb9\xf4\x0b\x01pN\xe2\xe1:\x87M\xb8\xb4\x94\xeeojM1\xbeWeN;4\xe5\xb0d\x1ez6s\n;\xaf)\xe7\x18\xfd\xa1\xe7\xa2\x90.\x16\x81%\x8dT\xf8oT\xc2\xd0IT=S"\xad\x06,\xbf/\xb7\xa8\x86\xefM\xec\xd5\xa2\x85\xd4\xd5\xb7\xe3\xcb\x15H\xefiZer\x0f\xdd\xc3\x8f`\x03\\g\xa6\x98f\xaf-\xa5?[x\x05i\xef\xa4\x91\xa8\xcc\x90H\x12\xb2;\x15lo4\xea}W\x16\x1f\x85\xa6\xbc\xebw\xb7\xd5\xfb\xb7}m\xa4\xc4)\x00\x88\xb7\xcd)\xb4\xeb\x10\xd9\xfd\xd4[\xeeS\x8a\x93\xf5\xa0\xd3\x83&lt;\xc6\xbe\xc7R\xce\xd7s\x05\x1dF\xc3\x07\xb8r#\xd7\xb4:v\xc5\xbb\x000\x9a\xc5\x8f\x0e+\xa1\xe2\xb3\xc5x\xdcl+\xde\xa5g\xc54/?\xdd!\xcb\x8f\x9c?\tM6\xbf\xd7;\r\xcb{\xf3\xeaO)\xa8\xe3\xaf\x8d\x88GTduu\xfdC\x92M\xba\xb5\xb3LA\x90\xd67$3K\x16{_\xc1y\xb8\x0f\xea73\xe6\x16\xc1k\x12\xfe\x84X\x9eM\x85\xed\xf3DO)d\x12\xc4\x1a\x10\xcb\xa1\xf82w\x0c9\xca\x97\x11\x11\x07D\x96\xd6j\xd0\xbb\xee\xc7e{q\x17WR\xa8\xc1\x94W\xdd\xe9\xe7`p\xfd\x02\xa5e\x82\x07\x05\xc0\xd2\xf7Y\x9f\x85\x15\x9d\xa7\x92\xf2\xe4\x1cbu,\xcc\x810\x9by\x1f"!\xa2\xde\x83^\xbc*c\x10sf\r\xb9\t\xbel8V\xe5%\x8b\xe7\xfb\x91\x85b\xb2l\xc7Z\xdd\\\x9b\xe5J\x96q\xc7\xc1+C\xb3\x98\x0c\xf7aEg~\xd5\x83\xaf\x06\xec\xfb*\\\x86z\xf4q\xa8\xd5\xc6s\xd0"\xe2\xe9\x9c@\x05\xe9o\xf5+\xed\\\x84\xfd\x96\xad\xe6\xe0\xab\x85\t(\x13\xed\r\n\x81\xc9\xbb\xb8\xd5\x91\xaa1_d\xa89}0\x11\x97~\xfa5\x8a\x80\x8c\xac\xb0\x1b$\xf6V\x8f\xde\nmh\x9e\x80\x93\x9er\x8c\x1a\x10\xaf\x87g\x1d\t!\xa0\xc0\x85ip\xf7/Q\xdd\xa7\xd0\x92\xf4~\xf1oHT\xfcI\xa2\x85\x0b\xdf?\'\xd5\xd0\xde_;j\xb7\x1bHF\xe6\xe8\xa2\xdf\xb8\xcc\'\x82\'B\x97\xb3I\xdaE\xe9vx\xff\x9c+\x11\'\xf9\x1c\xdd\xf0\x18\xd8f}H\x81!\xa5\x95\xd3F\xf5\x11N\xdf\x07\x82D\xbbc\xb6=\x9b\xf8\xe6  e\xd3_\x0eO\xd38\xd78\x97\xa0~\xf4\xe4\xd8@\x90?\xc9Z_]Pj\t9H\xf7\xd48w3\x8a\xf7"2\xc9,\xbb9\x0e\x10m4\x97\xb8e\xe3\x92\x95\xec\r\xe8\x08\xce\xc0\x1d\x95\xfcu\x0c\xe2gFU\x88\xfe\xbe\x1di:\xa3\xd2\xba\xd2\x88\x0e!\n\xe3!&gt;\xb1\xa3I\xf1\xed\xca\x10\xbf\x16\x1b\x9fP\xe6\xb7\x8c\xb8L\xad\xb7\x9d\xce\xa3\xd3\x13Y\xa1\'\xe4\xf8\xeap(\x08;\x0bl\xf9=&lt;\x99\x14h\xe27`\x0bY\x0b\xdd\xba\x0c@\xc9\xb4SW}Ipx\xce\x96\t\xfdW`tlf\xceJ?\xab^&amp;N\xa1550\xb8#\xca\x165\xd2\xbe\x7f\xc0\xde\x16\x1c\xaar\x920\xa6\xa9Q\xa6\xb1\xa8\x87{\x98\xe5\xcd\x12\x9f\xd6\xb9\xc7\x1c\x1ey!\xa3`g\x00\x86\xd2t\xf63\x8f\x9d\x19\xb7\xc9\xd0k\x0f\x1a\x17\x80\xf9:{\\\xf5\xa3\xe498\xe4\xcdO\xab\xe3\xf6\x8b\xbf/N*\xde\x97\xfe\x9e\x918"\x0c\xad\'\xe1%\xa9\xfb+\xeb:\x922\xd5\x86\xc5\x18\xaf\xe8\x82\xa3\xd7\xdc\xef61\xc5\xb9\x86\xc7BB\xaf\xf2i\r\x0eM\xd0\x13\xda\xf8\xb0/\xb1\xaaT\x83\t\x9c\x06U\xcd\xdf\xc3\xb3\xe0H\xfd2\x0b\xf1z\x0bO\xab\xcf\rW.\x93\xb4\x1d\xe4\xf6!\x8e-h\xccb\x94\xd3Z\xe3\x99\x04\x9a\t\xb5\x99)&gt;V\\\xb9\x97@\xbc\x9b\x1b\x8aH\xb7R\x0b\xb8\xd4s\x15\x91\xa4\xbc1+\xf2\x82D\x9a4\xe1x\xe6\xe2\xa1!\xbcKz5\xa9\xf6\x91N0\x1ayJ;\xfe\x12\x00\xa2\xac:\xce\xae\xb0\xf4\xb2\xe9q\xeaZ&lt;o\xb0\x9a*\xd1\xacH\xb3&lt;\xb7\x87MlR\xca\t\xbf\x81\x1a\xfd\x83L\xd6\xb8\x98M\xf1:E\n\x1a\xec\xa6\r\xc4\x0ci\xf0\x08\x01\x08\x81\xa1$3\x9a\x9aQ\x07s\xf7\xc3T\xc4\xeb\x901\x96\x1a\x1bK\xbc\xc0:\x96\x89\xea\xbc\xdc\xf5\xd9{\x02\xfb\xe1\x13\xef\xb1H\x9f\xd5\xf8\xd7\x15\xeb\xd6@^3\x1a\xac\xcf=-s[\x08e\xc9O\x12SF\x8f\x84Jk\x83/h\xd4FmE\x83v\x98\x8a\xa1dm\x9e\x12 h\xbb\xc1\xd8\x1c\xab\x91\xef\x13a\x98\xa9}v9\x91\xf9+\xe3\x08mi\x13\xc1\xe1wU\xf1\xf6\x1f\xbf\t(b}\x96\xb0N\\(\xd6r+I\xd5\t\xe4Q\x95E\xe3UY\x89p\xdeEo\x10=I\x05\xf6\xbf\xf2\x85\x0b\xb9x\xa9J\xa0\xfe\x17\xfa\xd7\n\xd8\x1e\x05/B\xbbo\x92\x8dV\x00\x85\xe1e\x89\x99w\x06\x02\xecC#\x83\x81\xc0*p\xef\xb3\'\x1cS\xe1\xb1\xefJ\x93{\xb6\xca"\xe3\xab\xf2o\x931o\x82\xf9*\xf0\xad\x0c9\xe59v\xb6\xb7\xf0\xabH\xb0\xdfD\xe6d\xf0\xc6CW\xf3\xbee\xe09\x87\x81\xa8N0L\x0f\x95\x1d\xa3[fRX\x14\xd5\xa5\xc2\x17\xa6H\xa9\x0e\xc6\x9fZ\xa8p\xa3^I[NO\x84\\\x9am\x86\x7f\xb8iOU\xc7\x95\xc9\x1a&gt;\x9dZ\xc0\x9f\xd4"\xd4\xd6\xfa\xe9\n\xb7\xe1\xe6Q\x11\xf6K&gt;\xe5\xfd#\x816\x16\xe7\x84\xb4 \x81\xb4\xcb\xc9w\x16\xa8I\xcb\x18\xe9\xcbvB\xb9\x89N\xc1C\xf4F\x19\xd2s\xf3\xbbP\x88\xedt\x8d\x02\xe0\xdf\xb3\x06dSR\x11\xb4\xcb\x07C&amp;\x16\x13\xee\x1d\xc4,\x87\x18|\xdb7\x02X\xfcZ\xff\'\t`\x00\x86\x04~|.\\B\xf5\xf9\x08F\xafW\x94\xcb\x8e\xfb\x90\xd8\x81\xfb\xc3\xb2\x8d\xc9\xc7\x81\xb4\rg\x91?L\xe4\x98\xdeA\xd3\x1a\xa37\xe4E\xfe\xca\x99\x0fS\xe3\xf0;\x1e}3\xc4\xed\xd3\xc5g%]\x89n\x81\xb1\x1c\x05\x14\xa9\xb7v\xc5\xf79\xe9&lt;Y\xd1\xe5\xaeyI\xa1\xf7Y9pEQ\x99,~\xa9\x9c\xb3\xf2d\xfcq\x9d\xf3cf\x86q\xe1R\xf8\x84L#\xa8Q\xe4\x901L\xa0\xe9op&amp;\xa1\xaf\xbe\xbb\xcej.\x01\xfe\x84\xbf\xd3\x9d[g\xd2\x1f6\xd3\'\xdb\xaa"\xf8P\xc4\x1a\xb8d\xa7\x15\x8f$\xb6\xd5\xee\'1\xcb4\x87\xf1\xe4\xe6\xc7\xd1rK\xc1WG\xbb\xd9\xd9?\x17\x8e\\\xcbw\x96\xe1\x9f&gt;kM\xda}b\xb0D\xd8\'dE\xdcK\xcbe\xa9Bm\x04=a\x84_?\xa4\x91\xa3\xadQ\xf0\xe9H\x8d\x08\x9e\x115\x8f\xc2M(\'\xf0\x99aX\xf3\x82\xd2\xfa\xaf=\x87\xd6\xbc\xbc\x84\xc1\xfc\x13\xc1\xa3\x83\xb3\x9c+\x86\xd5\xac\xab \x1d\xc4\x91|\xbf\x9c\x14\xf8\xca\xd8\x14qC\x02\xf2\x02\xdcQ\x026o\xaf\xcf\xf0T\xd9\xc4^u\xb8\xbc\x808\x86t\x008{\xcayj^{\xcf0\xaf\x15\xd2\xe9/{5\x0ef\x93E\xa3vl1\xfb\n\x80\xc8\xe9\xc1:\xb2\x84\x99\xc3\xa18\xd6+\xe5\xd2\xe9"V+\r\x99]M%\xf0\xf3w9F\x80I\xcf\xb5\xdb\x8d&amp;\xfd\x8b\xc7\xa1`\xf1\x1c\x168\xa9\x80\xdb\xd6&amp;\xf3\x8d\xc5\xd2y\x13?\xfd\xb8\xaf\x1b\x82+cykb\xccC\x88\x9e\x05\xbc\xe6d\xc0\xab\x7f\xdd\xa3&gt;a\xc5\xffBCxF7\x84\xa3\xa9\xe0\xfcW\xe6\x10\xe3\xe9\xf4\xd284\x92\xd38\x08\xc5\xad\xc7\xedP,\t\xa6\xb2\xdf\x89\xa4),dY\x12\x81"\x95j\xea\x06\r6\xdc\xb7\xd9~\x89\xec\xc7`y\x8f\xcbh\xdc\x0c\x8c\xe9.C\x0f\xce\xe3HjL\xdc+\xc1\x12\xe6\xc9\xfc\x00\xab\x9313\x10).\xe9\xf4\xe5z1?\xa3v\x13\xc8\x1aih\x9f\xd4\xd6\x9d\x12\xf5\x93G\xca\x90\xb7\x1awo\xd5\x8a\x8c1\xa2\x98$\tn)Ov'</t>
  </si>
  <si>
    <t>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</t>
  </si>
  <si>
    <t>b',\xf2\xb79\xa1\x08\\\xeb\x88\xf9J\xda]-\x1a}'</t>
  </si>
  <si>
    <t>ain, he had carried his over his shoulder by a 
 bandoleer, and like a wise man, lock uppermost. The other three had 
 gone down with the b</t>
  </si>
  <si>
    <t>b'\xa7\xef\xcf\xaf\x7f\xf8\xb8\xe4\x96\xc5\xd9\x91\x1e\xe9\xde\x98\x16_n\x9a \x11\x06\xdd\xc3\xad\x98m\xf4(#7r\x87\x90n\xf25m\x1e\xc6\x97\xeb\xa1`\xdc\xbb\xe6\x88H\x0eD\xb8\xb1\xd7+\xdb\n\x0f)\xa8\x04b\x911SR\x975[`)c\xe6\xb7,|oU{\xbe(7\x90:i-bu\x95^\x95\xf7i/\x89I\xdd\xfds&amp;\xe6v\xe7\x0c\xa7\xd4\xa9G\x19-\x81^4\x97\n6^\x00K\xde\xbc\xb1\xa8\x9f\x88\x023\xcfI\x19h\x95\xe2\x11W\x92\x9b\x8c1\x81\x05%\x83^\x1e\x9cm\x9a\xd8\xe5\x95\r\xaaYl\xbb\xd2\x97\x11R\xe1v\xec\xac0y\xe1\xcbO\xddiF\x9f\rA\xddf\xb5\xbd\xef\xf3\xb8\x1e\xca\xd0\n\xa8\x8a,\xe4\xe6\x84\xe8\xd1\x0f5\x9e\xab\xc0\x1d\x97n\x08\xd2\xec\x81\xd4\t\r@|\x98J$P\xbb\x02t\xfaks\x96UjRR\x00P\x07\xe2\x17\xe1\x8e\xcb\xb0UHxk\xd5\xbf\x93\xcb\xb3\x8f\xa9\x99\xc1AW\xfcj\xe5\xa0D\xbct\xaaD\x0f\xd2w\x94\xcb\xa8\xa3\xa2\xff\xb4r\xa7\x8c\xe8+8\xb1\xbd\xf2E\t}\xb5{\x9dmq\xaf\xb5*|\xdf\x89\xa1\x03\x15"D\xa0\xbf-\xd0\xa3{mY\xcdZ\xff\xb0\xa5\xbc"L\xf8\x0c\xc4\x1a\x8e\xe2\xcc\xd1T\xca\x1e\x1c\xc7\xd2?\xb0\xcb)\x10\x03\xc9}*\xa5l\xe9\xfd\xbb\\\x00.A\x16\xf9Z\x82\xad\x91\nn\xb2\xea\xd7\xe7k\xa3\x11\x15\xe6M\x85\xd9\xe8\x98"}co\xa0m\x16\xc2\x01\xb6\x7f$\xadY\xafh\x86`gD\xf8\x80-\r\xf7\x10&gt;\x9aRP\xa6AD\x0f4\x8apg\x86\x12\xda\x1a\x81&gt;\xc7`*6\x15}P\xb5-\x07$\xc2\xc0u\xfdl\x96\x89Fq\xbe\x05\x8b\xab&lt;\x17{\xb7T\xf0\xfa\x1b\x17\xc3[s\xbc\x03\xd3\xca\x1e\xf8\xa1\xfc\xfe\xb1\xba\xd9=d\x02-\xb56Q&amp;\xa3\xa9\x03\x1d\xea\x83\x91;\x83:\xabf&amp;\x0c\xf3\xaa\x83\x83\xda\xb8sk#h\xb2\xdf6#\xe9\xb8O\xab\x0fn\x978e\xf8un;\x9dKb'</t>
  </si>
  <si>
    <t>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</t>
  </si>
  <si>
    <t>b'\xa7\xef\xcf\xaf\x7f\xf8\xb8\xe4\x96\xc5\xd9\x91\x1e\xe9\xde\x98'</t>
  </si>
  <si>
    <t>an indefinite future ruled by
 randomness, youâ€™ll give up on trying to master it.
 Indefinite attitudes to the future explain whatâ€™s most dysfunctional in our world
 today. Process trumps substance: when people lack concrete plans to carry out, they
 use formal rules to assemble a portfolio of various options. This describes Americans
 today. In middle school, weâ€™re encouraged to start hoarding â€œextracurricular
 activities.â€ In high school, ambitious students compete even harder to appear
 omnicompetent. By the time a student gets to college, heâ€™s spent a decade curating a
 bewilderingly diverse rÃ©sumÃ© to prepare for a completely unknowable future. Come
 what may, heâ€™s readyâ€”for nothing in particular.
 A definite view, by contrast, favors firm convictions. Instead of pursuing manysided mediocrity and calling it â€œwell-roundedness,â€ a definite person determines the
 one best thing to do and then does it. Instead of working tirelessly to make herself
 indistinguishable, she strives to be great at something substantiveâ€”to be a
 monopoly of one. This is not what young people do today, because everyone around
 them has long since lost faith in a definite world. No one gets into Stanford by
 excelling at just one thing, unless that thing happens to involve throwing or catching
 a leather ball.
 You can also expect the future to be either better or worse than the present.
 Optimists welcome the future; pessimists fear it. Combining these possibilities yields
 four views:
 Indefinite Pessimism
 Every culture has a myth of decline from some golden age, and almost all peoples
 throughout history have been pessimists. Even today pessimism still dominates huge
 parts of the world. An indefinite pessimist looks out onto a bleak future, but he has no
 idea what to do about it. This describes Europe since the early 1970s, when the
 continent succumbed to undirected bureaucratic drift. Today the whole Eurozone is
 in slow-motion crisis, and nobody is in charge. The European Central Bank doesnâ€™t
 stand for anything but improvisation: the U.S. Treasury prints â€œIn God We Trustâ€
 on the dollar; the ECB might as well print â€œKick the Can Down the Roadâ€ on the
 euro. Europeans just react to events as they happen and hope things donâ€™t get worse.
 The indefinite pessimist canâ€™t know whether the inevitable decline will be fast or
 slow, catastrophic or gradual. All he can do is wait for it to happen, so he might as
 well eat, drink, and be merry in the meantime: hence Europeâ€™s famous vacation
 mania.
 Definite Pessimism
 A definite pessimist believes the future can be known, but since it will be bleak, he
 must prepare for it. Perhaps surprisingly, China is probably the most definitely
 pessimistic place in the world today. When Americans see the Chinese economy
 grow ferociously fast (10% per year since 2000), we imagine a confident country
 mastering its future. But thatâ€™s because Americans are still optimists, and we project
 our optimism onto China. From Chinaâ€™s viewpoint, economic growth cannot come
 fast enough. Every other country is afraid that China is going to take over the world;
 China is the only country afraid that it wonâ€™t.
 China can grow so fast only because its starting base is</t>
  </si>
  <si>
    <t>b'\xd2S\xec\x18[\xa9\xa5\x8d\xd8t#\x11&lt;k+\x8c\xa7y\xed\xe0\xf4\xb4&gt;\x81;V=ea\xa5\xdb\\\xd1\x83}\xa5\xdb\x059\xa1\x11\xfa\xa3\x85d\x8b\xfe4S.\xb1\x1aB\xf8\xed\xce\xe6\xdc\xae\xc5CB\xa4\xf9j\xa5\xde%Q;\xaa.\xfd\xdb\x9d\x03`\x06\x16\x82\xfd\xf6;=\xa4`\x1b&lt;\x80-\xa4\xc1P\x04\xe8\xbf\x1f!*\xf9)\xa8\x90&amp;re\x86\x08$\xc0F\x14x\xc9\xa7K@o\xd6Z1D\xfc\x0c\xf6\x11\xf2\xd1\xbf\xcc\x14M\x17\x8e\x87\x0e?\x82\xe7\x1dJ\r\x8f\xa5[\xd8\xb3\xaf+Q\x13\xc6\xde\xc8\xe4\xa7\x115z\xaaP\xb3\x1d\xc9\xf1[\x95%\xc0\xac\x00M\x04\xe7\x8dj4\xe10\xc9\xae\x91\x07\x02B\xec\xa5\x17\xe5\xe2\xb6F5\xfc\xe2E\xf1\x82*\x8d\xc8\xcf\x0eB\x1c\xa0\xd0\x9fi\x1c\x8d\x82l&lt;\xa8\x9cWs=jL\xb0\xa6\x06&lt;3r\x14\x87\xf8x\xda5\n\xd5\x07\x8b\xa3A\xf7\x9dn@\x81\xdf\xdf&amp;\xc3/\xab:QP\xad\xbd\x8d|1\xd0\xda\xddC\x00\xf0\x88\x08{8&gt;UE\xf0/k#Z\xcb\x04\x91\xe9\x07\xc3e\xa2B\xbe\xe10P\xed\xcak{\xc4\x8e\x92\x8dg\xcb\x01\xc8\xa3\x9d\x02\x90Pt u\xc7&lt;\xff\x90\xe9\xf9\xb5\x98\xa4*\xd2v\xc4-1J%vP\xf5_\x81\x13&lt;\x83\xbd\x9a\x07\x0cE\xe8DJ\xb1\xd0l\xe5\xab\xeb\xd1\x9f\xd9\x0eEHphY\xb7p\'\xeb\xf7t~\xd6o\xcb \xe0\x8b\x04~\x962\x07\xba\xab\xc3\t\xeb\xe0\xc7\xa4\xaf\xc7\x8d\xbe\xfb\x85y\xae\xcd@\xa8\x97Y\x89Jw\x9e\xfcm\xc2@\xb7\xf7\x0e0\xf3N-0\x13\xd0\xfeQ\\3\xab\x90\x82\xa0l\x0e\x17\xf7\x0c\x80\x01\x8a\x8d\xa4\xc6\x84\xeb\x0b\x95\xb3ol$\xads/x\x00\x9f~=;dv@\x83\x81\x94\xce\tu4Ka\x9fG\xdd\xbc\x02\xe23\x19=|~&amp;\x8f-\xe9)\xc3f\xbd(\x03\x8a\xaa\xeaW\x83:\\`{BmQ\xf5\x13\xae\x81\x1b=\xde?\x15*q\x83\xca\xb6\']\xb3\xe0\xe2Tx\xf7\x80\x0b\x84\x8d\xd9\xbfG(4\x0fx\'\x03\x7f\xc31h\xc2\xc8\xff\xcf\x055\x86^\x90\x07\xf9\xe2UA\xc9|hR,\x11H\xa6kT~Q\xe0\xcf\xe3\xb6\xe1\xe1\x83\xbdw-&gt;A\xbbUo=\xfc\xec^+\x1dU\xdd\xca\xdf\xf9{\xb7\xa1\xf6\xa8\x16\xf3\xbdJ\x12\xf4\xf6\xf2\x80QM^%\xb9\xeb\x89\x8c\xf2\xc2i\xe4\xe9k\xc7\xfb\x0bo$\x99og\xe1\xd4f\xeb\xcb\xad\xca"2\x08&lt;\r\xe5\xd5\x824\x82a[\x90\xc6\x99CNL9lb)\xb7\xabR\x0f\xe2\xc9\xc9\xd3\xaf"\x17\x05 \x11\xef\x8eX\xd1\x869)&gt;\x82\xd9\x7f\x91\xfeA\x8c\xd3\xc8c\xcc\x97\xaey\xf84`\xd3\xc6L\xcd \xa8\xabL\xa3\xd5\xb16\x16\xe7 \x98\x01\x04\xa1"{\xf0\x88\xa4\xc3\x0ct\xe2\xf7\xd3\xc8\xa4\xe6\x1e\x90\x16\'\xebUp?\xf1\xe5|1_t\xdf\xec\xbe\xa2\xdd\xac\xff\x8a\'v\xae\xbaq\x81\xa8\xda\x9c8\xf8u\xcc\xbf\xf4\x8fJ\xfdJ\n|\xb6\x97\x94\xbc\x04\x1b\xe2\xa4\x7f\xab\xc6\xbe\xe4\xa1=\xe7s\xa6wW\xc3&lt;\xe2\xb9\x82\xf2\x81\x7fLu\xd5\xa2\xbb\xfe\xc9\x18\xd6\x1b#ROmH2\x11\x83.d#\x91.\x8e~\xeb@\xfdp\xee\xc3\x15=jK\xeb\r\x10\xd9a\xc8\xea\xcb\xa4\x9al\xed\x00\xc5\xc0\xc1\x87\xc0c\x810}\xa6ed\x97\x19z\xce\xa8N\xdc\x1b\xb0\xf6\x126\xf2b\x8f\x98\x93M\x90\xaa\x053\xae?\x11 \x86p\xd4\xfa \xe0\xf2\xca\xf7{\xb3\x10#\x91\xd4\xf5\xb4f\x1cL\xeacK\xd9\x0c\x15\x99#\xf9\x9c\x0e\\NQ\xb8-fy\xdf#\\\x07\xc5_\xdb\xf1\xcd\x18&amp;*:LK]\x06D*\x18\x11\xe4\x0b\xb4n\x97p\xb7\xad\xccp\xdd\xdc\x05L(\xd2\x12\t\xd8k\x8b"\x0f\x03@\x04\xbf\x1cKw\xc6\xe3\xbc,%.\xa9\xea\xee`\xd2\xc3\xef\xac3\x96\x0bJ\x94\x1fJ\xb1\xf8!\xbc_\xaaj\x03 \xa0\x9d#\x01\x8d\xadc\xb3V\x1b\xab\x99rzZ:\x14\xd3C\xd2Z\xc3e\x00\x99\xce\xc8\xebg\xc4$\xd2\xb8\xf8\xc4\xbd\xde\xcc\xebDC\xd12\xdc\xebZ[6\x1do\x07&gt;\x7f\x01\xab\x08*\xb9\x8af\x9f\x1d\xc6\xa1\x13\x86\x1b\xfb5}\xdb\x12xqi\xd7\xbc1G,\xf2\x1f\x0c\xff\x10\x8c^\xa2 *\x16t\xf3c\xb5a9\xf3\xc6\x07n\x16pX)\xf9\xbb\xfe9\x85q\x9a `3\xc2\xb2\xf8\x08\xd9L\xe7\xb5\xc75\xd7\xee\xb9z\x0by\x12\x999\xd7\xb60\x10\x0f\xeci5\xebB\xdf\xbfXZ\xefl\xb4n\xb0\xe9\x0c\xa2\xe1\x96\xfc\x0b\xdb\xc0\xaf\xc7\x81f\xb6\x8e*4I\xb7\x90@\xa7\xfe\x03\x19\x99\x1aP\xa8I7-3\x04\xdf\xc0m\xab/=\xf47\xa8\xe6I,\xb4\x1f\x85\xb0\xa8\x08\\J\x86m\x04\x86\x7f\xca#fL\x17\xfa\xcf\xb4\xdeJj\xbb\xe55)\xb7~\x9f\xff\x0f\xa7\xa2\x9f\xaf\xe9d#\xf0\xef\x95\xa5\xb2\xe1\xef2\xcb\xf5\x01\x02c\xc0u\x9b\x150I\xbc\x97\xf6(\x92\xd0C\x1a\xcc4\xec\x106\xbas\x93\x99\xc4\x01\xac\xc9a\x8anlP\xd7\x03+l\x07\xf6\x90\x10\x13\\\xbf\xba2\x97\x9e\xe5\x9b\x18\xe3W\xf5\xf4\xaa{X\xca"\xe2\xcf/\xf5\x01%G\x06\x9c\xd5\x02\x88\xff`\xe4R\xf2\x11\xfey\xca\xa9s\xcc\xd2\xd2\x1c\xe2\xaa\xda\xdb\xd0\xcd(&amp;Df\xa0\x85\xc7\xac\x81bJ\x1c\x1c\xb5\xb3\x95\x80\xb2\x1e\xacP\xacO\x84[\xa0\xab\xa3o\x11\x0b\njA6\xd8g\xfa\t~\xf0.\xaei\xf26\x9d\xdc\xf3\xe89\xd3\'\x17\xa5i\x84\x90\xd4\x9bn\x10\x19\x82\xbb\x9ciN\xff\x12\xbe\x8c\x0b\xc9\x1b\x08\'\xbf\xc22Y\xfa\xb8\xff!\xd0z\xc2\x82\xc5\xbdLDI:\xc9&gt;`#\x8ct\xf4\xb7\xaa\x9a2\x93#\xf3\xe2\xd0\xf1~$\xe6\xc0\x82\xf5\x074B\xc5\x1a7cJ/~\x12\xb89\xf1ebS\xf2y\xbfp\xa9kC8e\xab`D\xc5\xf6\xd2\x9a\x9f&gt;\xed\xa63\xee\xfcrB\xb1o#Bl1\x93Q\x15\x8f\xf1\xc2\x83l\xab\n\xba\xd3L\xcbNZJi\x08\x19\xd3\xed\x9f\xf6\'\xb3wc\x1f\x12\x062\xd7w\x06V\xba;P\xf3r\x8a\xa9n\x80u\xf1\xdf;\xff\xd9\x7f\x18\\\xa9kV\x8b\xb2\xae\xf3R4\xder\xfa\xc4\xcb\xc3/&gt;XP\x0e5\x95BU\x114\xfc\x8a\xbdI\x16*\xd4\x99\xd5%\x08\xbaXU\xbb\t:\xe7NMh\xb7\x077W\xed#u\x91\x7fVR\xd9\xa2\xa1\x89\x95e\x1d\x14\xc9@:\xe6\xd0\x1e\xe2\x16:5A(\xce\xc0\xb0\n\x91\xa1\x93\xdb\xef\xdb\x931\xe4\xbd\xbb\xe1]\x8a=\x00\x00\xbf\x89\xca*\xf4&lt;S\x9e\xc2\xb0\xa2X\xa8h\xcfv\x1fu\x8b=\x8b\xaa\t\x12\xd69\x95\xe3U\x84e}\x89E$\x0e\x18:[\x0eI\xc5\xda\xe9\xf4\x87\xff\xb5\xed\x05/\x8b\xa0H\xd9.b\xf6\xb0B;oA\xfd\x00B\xe6z\x94\xca\xfd\xb1\xc5`&lt;\x90\x06\nM&lt;\x02\x85\x95\xcax\xf1\xe9\x8f\x1b\xdb\xc5\xb5\xa1\x16\xb9"\x07w\x98*D\xc6\xd3\x11\x7f\x0f\xf79\xd6{\x9e\xe7\xde\x1a\xb4\x17\xcc,\xd7Xw\xe4@b\xd4H\\\x94\x9c\xcb&amp;\xce\x1aFD\xc9\xf1\xd9\xbb\x93z&lt;1fI&gt;\xe7u[9^5\x82\n?g\x8aiDL\xfa\xd70\xf5@\x94P\xe0\xa4)\xb6/\x81\xd0_\xa1A\x9f\x8c\x11g\x00o\xcf\x05\x9f\x89\xcc{\xde\x93\xbbY&amp;\x13\x15\x81+\xc8\xef\xc4[\x1fhBo\x05\x1b(\x1e\xae\xdb5\xc0n\xf9M\x12\xde\xa7E\xfd\xa2\x88\xc8;\x91\xf9W3\x10\xec\xddB\xd2=\xadK\x83\xc4\xa1\x07\xcf\x11b\xea\x80\x0e\r2:\xf6\xdb\xb6\x98\xb3\xc3h\xaat\'93\x97\xad\xa5i\x14\xffY\x00\xf5\xae_m\\\x0be\x0c\xeb\x8cM\xdc\xa8\xb2\x965\xeb9\xa1\xbd\xaf\xea\xe8\xf0\xec/lu\xd0\xa2r\x90\xea\x81$c7\xb4]\xf1\xc1\xf2\xfa\xdc\x0e\xf1\xce\x94\xcb\xa6*\xdd\x9b^\x84*\xf0\x02\xcb\xf1E\xcc~\x86)\xebJ\xcb5\xf5B\x81j\xc2\x93\x84\x1e\x95\xbf\xa7\x9bq\xf8\xa9d!\xf0`\xb9i@U&amp;\xe0\xfe\xbe\x01B\xb2_D6\xe02\xf2\x08*\x7f\xc5\xc0LOP\xe42&gt;\xc6{\xfd&lt;\x82p\xc8)w\x8c\x13\xb7\x06\xe06\xbd\xb5\xa5\xad6\xe8^\x93\x89\x0c\x88\xa3\xde\x7f\xb45\xe0)C\x1fV\x16\x93\xf0\xfb\x1co\x9d6[\xc8*G]\xfd\x87\xcc\x8ahL\x85X%-\xf6\xe6\x02~C\x04\'\x0c\x1e\x10XAXqO\xb5\xaf\xa9\rr\xaaD$\x17\x88\x07]s\xef\xe2\xc5LN\x86\x1f\x18\x93\xefQ0\x98C\x19\x11&amp;n\xcf+\xae\xfcD$Y%N\xcb\xc4&lt;\xc9\x92\x1eP4w\x1dp\xd1\xfa\x14\x1e\xc2\x880\x88\t\xd5\xe0$\n\xef\xa3\x7f0\xd0N\xdb\xf4\x95\x11\x02X\x12\xe0\xcb\x18N\xf3\x8e\xd3||kZ\xcc\r\xa5\x89\x19\xb6\x08\x84\xf6\xab\xe3sC&lt;\xefNh-ohn\x9e\xce\xb0_`\x8fC\xb5E\x01\xdc!\x7f\xbd\n\xd1\xbe[\xf0LB\xaaK\xb4&gt;\xb0rvg\x84\xf6s\xc2Oc\xc9\xec\xfd.Q\xad`\x84\x8b$\\Q\x12L\xfa\x8c\x97\xbc+\x9eh\xb2\x04njSG\x03\xf3\x12D\xd2\x96"\x83\x8e\x80\xea!\xc8\xe5\x11F\xd6p;\x90\xbbLX3\xd0\x8b1ahm5\x87\x06vES\x96g*\x14@N^\x05\nnE\xc9{\x90\xfe\x99\xe4-\x83\x10\xeaz\x97x\xb5\xdc\xb9\xb5R\x98\x1e\xa7;7\x15\x1b\x039Y\xc0\x86\x0c\x8a\xfb\xa1\xf9\xc5\xe1\xa9\xd5\x11%\xd5\xd2\x05 \xc0\x93\xdek\x08\r\xa7\x18\x05_\x96&lt;\x0en\xa6*\xed9HB\xf5\x81\x8dC\x06\xc6\xf3+&gt;\xdf\x80\xd1\x89(\xe6\x90Nu\x08_/\x01\xee;\xc7\x87[*Q\x9fE\x9c\xfcsp.\xfd]+\x02\x00ds\x9a_\x1csh\x03!`\xf2Ps\xf1\xb6\x87&gt;\xd2\x0c\xe3\n\xe6!M\x98Q\xf5\xfc\x184\xdb\xde\xd4RM\x08\xad\xdf\xc6\x9c\x16\xa0\xb4\xd3/Kv\xcf\xe5\x96\xca\xf0E&amp;#\xf1B\x0f\xf0!@jO~\xef\x8ag\x0b\x14\x8f\xa2\x12\xccJ\x1fx9\xd0\xffGx\x9bS~\x11\xc1\xc9\x10o\x86\xe6\xdf\xcd(\x98M\x7f\xcb"\xaf\x10\xb2@\x91\x1du\xa3\xc6\xa2\xe6\x0f\xcfl\x81\xa3n\xc9\xadg\xad\x1e\xdb\xbcs\'/\x89\xb2\t1\xa7\xf7\xa0\x01\x07\xe6B\x05F\x7f\x91T2\x99(\xaa`\x87z\xb8V\x126\xfc\x93\xb7{\xa3\x8aO\x05m\xc9\xcd\x15\xe4}\xb1F0\x1bX\xd0Hu`\x15\xee~\xd9\xb1\xe1\xc9fY\x9c\x0b\xbdV\x06\x88\xea\xc0\x1fw\x1b\x87\xf6.!\xcd\x0bg\xb3\xf4\xc5\x1f\xf6:\x99\x017\xbe\xf5\x18\xa52dXR&gt;a\xdeo \xd8\x0bTOC\xcd*\xe0?\x1f\x16E\x1a\x8b\'k\xb97&gt;\xd2b0lF\x86]a\x1a^D\xbex\x08\xa6\x1a\xaeuyh&lt;Q\x80\xd3^\x8b\x8f\xd0\xec\xfcq\x8d\xd7\xb5#Y\xee2\x15\x99\x8d\x81\x95/\xc7\xc3\xe14\xd1\xe1\x10S~\xee(\x0f\x9dw\xc7z]{M-V\x14\xfdH\xa5\x90\xb5\x1e8\x06\xe6\xbb\x84r@;s\x84\x00\xe3\x92\xcde\xb6(\x00h8\xc37\xeb\xa7\xaf\xa0\xe7\x08.\x82\xc7J\x01\xf5\x97]\x9d_\x12r&amp;\n\x9d\xed\x9aL\x02\xa2\r\xdaz\xde\xf3\x8a\x8b\xfe\xc5\xd8$\x89U\xa1o\xc9\xef~\x01\xa2\x94\xa8S\xe0u?-\xd9\xc0%=\xa8\x0ec-\xce\xb9\x94V\x1c\xcb\xa9}Ls\xa8\xc6\xc6(\x95\xc2\t\x85\xc3\x17H\xe2\xc5).\xf6\xc5^\xc0+\x97\x03ziB\xd5\t\xfd\x9e\x95yC\x1d\x0b\xdd]\x801\xac,\x1b\xf7\xed\x16\xb1.\xa2\x8cv\x81\xd9Vd9\x944\xcfT\x03\xaa:\xc2abJk\xc0\x19O\xbb\x16\xf8y\xfe\xd2b_\xca\xeb!/\xc5\xfb\xaf\x16\x03\xd3\x91\xfdv\xc9\x892\x94\x81xVdl\xd2;\x13\xd9q\xf0^\xb5w\x9c\xe1\xf8\xca:\xa4\xd0\x19\x7fW\xbdx&gt;*\x9e\x15\x18O \xf7a\xb1\xec\\I\x0c~\xa0\xffG\xa4\x96(\x10U\xc1\xeb\x1f\xbcr\x95\xaa\x0c!O\xca~n\xd3s0\x1f\xd8\x9113y\x91\x04\xc0\xe8\x7f\xba\xb2%\x8a\xed\x9a\x94\x0c\t\xc6\xa0\x82\xb1\xf2\xdc{\xac#\x97\xb0]\xbbK\x82}J\x14\xf8\x1f\x9fG\x1e\xcc\x9de\xcb\x04\x03\xa6\xaa{\x91\x1f\x8f\x03\xc6\x12\xa8\x0c\xe6\xad\xbc\xf6nV\xec\x9f2\xdfJ\xe1\x12S\x0b\x80\x81&gt;\xa5\xdc\xf0\xac[\x92\xe0\xd5}g\x93_I\xa4;\xca+\x80~Y\xa1G\xe6\xe0j]v8\x8d\x07[\xd5\x9b\x94\xe4\xfb.\x08[\x87{\xc6\xf5d8\xb8\xb0\x8bR\r*w\x18\xd7#h\xb3z\xbf]\xd7v\xf9\xc5\n\xf9\xa7\xcc\x9d&lt;ew\x15\xb6\xed\xd3\xcc\xb1\x8f&amp;\xd2P\x126\xdb\x95\xc4\x8aA\x89q\xe8\xa3\x9e\xdcqyJ+\xa8\xa3\xa6z\xf1\xed#eC\x8eS\xdd#.\x1aYia.q\x19U\xc0\xebb\xaa\xcd*ds\xf5z\x82\xc6\x8c\x0c\xe1\x92n'</t>
  </si>
  <si>
    <t>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</t>
  </si>
  <si>
    <t>b'\xd2S\xec\x18[\xa9\xa5\x8d\xd8t#\x11&lt;k+\x8c'</t>
  </si>
  <si>
    <t>(a) Augustus (RIC Augustus 208; editorâ€™s collection, photo by Ivory Photo, Ann Arbor MI); (b) Tiberius (RIC 30; ANS 1935.117.357)
(courtesy of the American Numismatic Society); (c) Caligula (RIC Gaius 33; courtesy of Yale
University); (d) Claudius (RIC Claudius 116; editorâ€™s collection); (e) Nero (RIC Nero 47;
editorâ€™s collection)
The Emergence of Monarchy, 44 BCEâ€“96 CE 119
violating the bonds of friendship, was trampled down with all his race by the might of
the Roman Peopleâ€™â€™ (Val. Max. 9.11, ext. 4).
Tiberius was succeeded by Germanicusâ€™ son Gaius (Caligula), who was 24 at his
accession. Different emperors had different ruling styles. The older emperors of the
period (Augustus, Tiberius, Vespasian) all partially retired, shared power with
younger men, and died naturally; the younger emperors (Gaius, Nero, Domitian)
tested the limits of autocracy, humiliated senators, and died early. Gaius, for example,
murdered his co-heir Gemellus, built a palace stretching from the Capitol through
the Roman Forum to the Palatine that used the Temple of Castor as an entrance, and
tried to have his cult-image installed in the Temple in Jerusalem, setting off a Jewish
revolt. But all emperors ruled in the context of the republic. This included participating in rites of the state religion. Thus, on May 29, 38 CE, â€˜â€˜Gaius Caesar Augustus,
president of the college of Arval Brothers, sacrificed in the company of the flamen
Appius Silanus a fat ewe to dea Dia and gave the starting signal for the chariot-racers
and acrobatic riders,â€™â€™ according to recently-discovered portions of the Arval Brothersâ€™ Acts (Scheid 1998: no. 12). Yet the landscape and calendar in which the Arval
Brothers operated were conspicuously imperial. The same year, the Arvals performed
sacrifices on behalf of the Roman people at the emperorâ€™s home, the New Temple of
Divus Augustus, the Theater of Marcellus before the statue of Divus Augustus, and
the Ara Providentiae Augustae in the Campus Agrippae. They marked the birthdays
of Julia Augusta, Antonia Augusta, Germanicus, and Gaius, and the days when Gaius
entered Rome and was named imperator by the Senate and pater patriae by the
Roman people. And on May 24, 38 CE, they co-opted a new Brother â€˜â€˜in place of
Tiberius Caesar, son of Drususâ€™â€™ â€“ that is, Gemellus, Gaiusâ€™ murdered co-heir.
But real power remained with the armies. The praetorian guard assassinated Gaius
and installed his uncle Claudius. Between the assassination and the installation was an
interregnum during which the republic was briefly restored. According to the eyewitness Cluvius Rufus, as transmitted by Josephus, while the Senate was decreeing
honors to the assassin, and the people were â€˜â€˜proud to have regained their sovereignty,â€™â€™ the soldiers seized the initiative. The guard considered whether a republic
would be workable and in their interest, proclaimed Claudius, and conveyed their
choice to the Senate and the people (Jos. AJ 19.157â€“89). Thus the principate
continued on the military basis on which it had been founded, surrounded by the
same republican apparatus.
Under Claudius Roman expansionism was renewed (Levick 1990: 137â€“61). Rome
conquered Britain and annexed the two Mauretanias, Lycia, and Thrace, encircling
the Mediterranean completely. The Roman Empire grew, Roman citizenship spread,
yet Roman institutions â€“ both old republican and new imperial ones â€“ remained tied
to the capital. One example was subsidized grain underwritten by the emperors,
which seems to have been a privilege for all Roman citizens, not just the capitalâ€™s
denizens â€“ at least that is the implication of an epitaph from Interpromium, across the
Apennines from Rome, that links a Roman citizen residing locally with the Roman
â€˜â€˜corps</t>
  </si>
  <si>
    <t>b'\xb5\xe3\xf3\x04X\x96\x86\xb0/\xceD\xee\x0eD\xef\xee\'\x14\xf9\xde"\x8c\r/\x1c,\xea\xfc\xf3=\xd02\x8f\xdf\xcf\x8c\xb3\xe5\x99o4\xe3_\xcf\x951?H\xb4O\x85\xd5\xf8pO\x078\xdaYE\xfb\xa5\x96xOvY\xde]\x91\xee.X\xb2j\xa6\xe6\x8b4NE\xc3\xa3q\xff\xb1\xbbG\'\xb7\x0bh\xa0\xa7\xfc7\x1e\xe9\xa9\x87R\xf3\xf3J\xacB\xcbV\xc3\x8c\xa8\x9b*F4\xe1\x05}\x90\x8b\xaa\xa3\x9d\x01\xd27\')\xd0\r\xbcBM\xc7\x9a%\xbaPF\x0fZ\xa0"\x1b#\x9b\x0c=\xf4\x04\x94\xf3dD\xc9\'\xa6\xb9\xcbPr\x7f\xe0\x91bQ-\x99u\x8c\xfa(\x16^\x96\x15-\xdc\xcb\xb4\x8b\x13\xa0t\xd4\x0fs\xd4\xb1\xc9\x91\xec\xb2\xdd\xbcJ\xce\x00\xd0\x06\xeb]\x88#\x9ad"\xd5Z\x8e\xce\x1c@\xd5\x9c6\x00\x15\x08\xb2\xd5\x9f\xa4\xbd\x1f\xb2\xf7\x15\x8b \xaf\xdc\x0foZ;\xec\xf0\n[\xfa\x8b=gj\xb0\xb1D\xdb\xa7D\xf80o\xeef\xb3s\xdb\xa4\'\x05\x08]_\x9e\x14\x0b\xa14\'D\x1a*DD\x02\xcd\x96b\xa6]L9\xa2\xd7K\xf8^\x8bC\\\x7f\xa7\x02\xfd\xf6\xff|ZD\xea\x9cZ\x94\xea5\x83u^c5S\xc3+N\xb1\xab\xcf&lt;"\x04\x93\x9b\xb3\x08\xb3r\xd4-4x\xf94\x9a+\xa0)\x84\xe6\xe0\xb1"\x168\xf5\x10*\xa14me\xf7o\xb1\xdb?$\xc3\x97@n\xf6\xfe\xb9\x99\x1b+\x9e\xa1&amp;\xae\x11\x0c\x17\xad\xd2\xe3\x82\xf5\xd2+\xf3\xe2\x9f+\xe64\x03u\x85\xc7b"\x9b\xc9\xc8\np\xcb\xa3\xd3\x16\x97\xe93)\x89\xb7\x83\x82\xe0\xf8g\xeee[\x1e\n\x0b\x81A\xa0\xc4\xa3S\xfe\xb5W\x98p\xb2{\xd6\xd1&amp;y(+\xe4o\x1b\xf4\x83SmQ\x9c\xa5z\x05R\xbc\xc0\x06\x03\x0c\x0e\xd8\x8b\x8eA\xb53\x99\xa2\xcft\xa6\xf1S\xd3 X\xfeQ\xd4\x17[\x0ei\xb1N\x17\xd1\x7fu\xab\x819D&lt;e\x12\xdbN\xee\xef\x85\xdb\x969\xbf\x82\x99\xe7\xdc\xc1~\xcc\xbf\xf9\x1e\x11$\xa8\x07\xb3\xd9\xd2\x1d\x92I\xbdJ`\x07?`\xb2\x17w26Z\xd07\xecV\xae\xb9\x1f\x13S4\xa9e\x03\xcc\xe7$+\x9b\x88LM\x84!\x03\xf4U\xdd4P8JN\x8c\xa0\xb6T\xe8\xd5|\xc2\xe4\x92\xfe\\@O\xa6\xf6\xfe\xf7\xe6moq\x84\xd1Q7q_\xd5l\xfe\xb0@\x06\x10\xf5x\xd9\x0cbd\xd9\x0ejq{z\xe0\x1b\x11\xec\xda\x1f\x13\x00\xa7E\xc2\xf4\xa2\'\xd2\xcd&amp;\xe5\x9f\x93\x9b\x12;\xed\xa5u\xf8\xd6\x80\xe3\tl(y\xac;\x1e\xdc\xae\xf6\x0b`\xeaA\x0f\xa3\x10\x8d^)\xbb\x95\t\xa6\x03p\xfe\xd1f\xb7RZ\xfctb\x1b\xfdM\xc9\xc5*$\x04\xb3\x16\xdd,\xa3\xdc\xb0a\x91\xc3\x10\xe4\x88\xe9~\x90\xe2c\x90\xef\xf2\xd3\xbem\xc9\x86^\xe5\xe8H\xf3@\xa1\xf6g\x85\xdb\xd1eYg\xebd\xb4`C\xec\x1b\xe3\xcc\xe5\x8c\xa9D\x94\xb1\xe7W\x9ce\xcd\xdc\xfe\xdfJ\xecz\x9cpz\xdd\xadmx\xb4\xe3\xef\x8a"\xb6Df\xeb\x93{\xb0\x17go&amp;\xce\xb8\x16-h\xcdJ0\xffJ\xda\x04d\\\xdd\xee\xff\xef\xa6\xe1ZbR\xdd\xdax\xc0\xbf\xdew\xb2`\x0e\xe8\xa8]#Q\xe4rc\x8f\xa2\x82\xfa$\xac\xde\x8f\xa55d`l\xc8\x0b\x8b\xb4\xbb\xff\xa7eU\xc6\x1d2\xac\xac\xf0@\x8b\xe3\xba}\x9dKL\xda\x88\x0f\xf0\x11H\xae\x0b\x95/\xa3\x8c\xf1c\x98\xe3\x846r53Z!\xfd\xe5\xca\xc6a\xee\xdc\xd9x\xe9\x87\x0f01\x8cs`b\xb0\x12\t\x0f\x8c\xedFW\x9b\x87d\xefi\x9ay\xbe\xccQ2\x99v[\xe9\xab\xea@\x95\xac|W\xaf\xb1\xfde\xf9Q~\xdc\xf0\xa3\xe3\xff\x8b\x9b~\xbcf\xa8t\x0e\xd2\x03\xb1v[aE\xc7\xbc\x10\r~R\xbe6\xd9\x9f\x0e\xc4\xf4\xd1\xe7Z\xee\x1e\xa4\xcb\xda0qL7\x97\xd3s\xba\xd0N7\xa6_-p\xe8@\xc8\xab\xc6nT\xa0P\x03D\xd8W\x91/1\xbfZ\xb3io*\x99\x88\xac\x10\xb5q;\x91\x11\x02\x17\x8dX\xd1\x05\x0c\xcb\xf5\x9f\xcc\t\xc5\x88\x7f\xb0{D\xcb\x82\xe7F\xa2\xe0\x1f]\xfb4\xb7\xa6\xb5\x01\x02\xfaFI\xcb9\xd8H\x16`\x16\xb2/\xda$\x8cz*G\xf9\x00\x00f3\x89\xc5r9a\xf6\xabk\xb4@d\xf7\x1a\xc2\xf7#\x8bx\x8e\xaf\xb9W\x00k\xd1\xa5\xd6\x1e\xc5\xe9\xe5\xf3\x83\xfd\xeb\x14\xd4}\x94\x98g$\xc6yF\xe7\x91\xc4\xb9w&lt;\x92\xa6,.N|\xea\x1f\xa9h\xbb\xc56\x95Y\x85\\G$\xc7\x86twq\x91w\x97\xdd\x82RP\x81\xded\x8d\xc9\xd1H\x89z i\xcb\xb6w\xc4,\xc9;\x8f\x84\xd2j\xd5\x83\x9al\x05\xfdt~\x97on{aS8\xdc\xc2\xd7\xad\xe2}\x95O&lt;L\xd83@l\x8d&gt;[\xd6\xa8\x81y\xc2x{\x0b0\x9bZI/\xac\x91\x8c\x81-C$A\x07?L\x0c!B\xb2\x10\x16&amp;\x85\x15z\xdbm\x1f\xd8g\xcbzzH\xa9\x7fh\xd9\xc1\x16\t\xd6J\xa1\x13\xc1\xde\x9a\xfb\x99\xb3\x95\xda\x08hG\x14k\xea\x9c"b\r\x05\x0b\xe2\x0e\xf8E\t\r5\xee\xbe\x07!0\x04\x7f\x9c\x9d}\x95\x9f\xea\x9fxr\xcd\xd5\xcf\xbc\xe1\xb8y\xf9\x0c\xfc\xb1\xa7:s\x8e\xf6\x13:kG\x83\xe0\x94\xcc\'l\xe2\x1a\x93\x95X\xd6"\xfc\xdel\xb9\xfe\xe2\x97\xcf\xd1\x1d\x93\xea\xd2FJ\x82v\xcc\xb8r(\t\xec\xf9\xa26\xc8\xf0%.\x90\xe8\x19\x03\xdew\xf0\xe6_m.\xe4\xa5\x07M\xdf\x12\xa6\xc7p;U\x03Y1\x83\x0e\xf6\x17)\x10\xb3\xb0e+\xbb\xf6\xcf\xde\xbb1~-\x9fkL\tN\x1c\x8d&amp;t\xed\xe8-j\x81H\xbf]r]\xdfG\x91"\xe9\xaf\xccn\xb2\x96\xf6\xf9\xae\x03\xfcp\x02}\x1e\xecA\xa21\xdd\xef}\xa2\x83z\x8b\x13\x1b0wU\x9c\xdc2\x81d\xb9\xd7\x1c\xf1\xc4r\x91):\xe11\x94\x89Qb\xf4\x87\xc2@u@\xb7k\xf2N\x812\xb4\xc0\xc0y\x12N\x96\xd4\xe42\xb8\xc3a\x8a\xcf\t$g\x98\x06{y\xb3O\xc0\x15\x01\'\xcc\xc4k1\xc0\xc7\x9bj|\xb5\x891g\xc5\xbb\x92\xc3\x14=S\xb8\x96\x96\xe7p\x82f\x94\xed\xd7c=RM\xf0f!\x1f\xb5~\xf2\xa7\xa8/S\x13_\x0b\x8c\xf9?\xbco\x07_\xf4\xa1{\xd2\x0cF\xad\x14Op\xb6^,r@\xd5\xb8\xcb\xe3v\xdb$\x92\x1e\x9d\x14\x93\xdc\xf7\xd9\xa6\x84c\xd6\x9d\x13L\xbf\xe7\x83\xb4/\x99\xfe*\x94\x17\x1e\xc2LvP\xd3\x897x\x18\x81\xa5\x9f\x93G\xa9\xc5^b`\x91\xd0\xfc\x8d\x17\xcd\x12\x1b\xfa\xba\x14s\xa3\x00\x19\x98H}\xd0\xfc\x1c+1\xac\xdb\xc8\xd2/\xa8\x98MZ\xe8\xb9\xc4\xc8\xefo\xf8T\xcf\xc8\xfd\xff&lt;\xf0\x17\x93y\x81\xfc\xc7\xec&amp;\x8b7\x8f\x81I8\xe2\x0e\xee\x8b\x8b\xf8\x92\x08-#-/\x8d\xbd\xe7\x8c\xcc\x87`\x12L\x92i\xe9\x82{#\xb9\x19\xa5]\xab\xaa\x98\x18\x93.]\x10\xc3o\x15\x0e\x87K{\xa3U\xfaE\xc0\x8f\xa7YV{E9\xfd\x06\x90\\Hx\xe1bys?\xe8\xf0\xba\xab\xd7\xb51w\xf82A\xb6&lt;}\xea^\xd8h\xff\xf7U\xaa2\xe9\xc4\x8e\x98Y-\x14\xc1\x8f\xb23\xabV\xb4\xecZM\x12\xaf\x8d\xd8V\xea\xfaxe\xa4\xfc\xf7~&lt;\xa1\t\x0c\x0b\x97Z\x17\x14o\xd1\xf9(5~\x01R\x07\xa35\xaaV\xe9*[\nB\xbb\xa6H\x16\x1c\x13\xf4\xb1\xaa\xa8\xc4\xaf\xcc\xa2\x96\xf6\xfc0J/E)\x87\x96\x17\xbc\x8a\xa7\x82\xb2\xc7~\xba\xed\xa3|\xf0\x91\xceE\xfe\xf9\xbc\x04\x90\xcc\xe8\x0f\xd0\x0f\xf5\xbc\x1d\xa3\xf6\x16\x8b@\x81\xed\xba\x9f\xce\xd1\xfa\xd4Y\x0b\xe6nQ\xec,Rd\x87IJ\xed\xc0\xb4\xbf\xefn\xe9\x1e=&amp;\xba&gt;M\xb8\xbby\r\xb6\xa7\x14\xa5\xcd\x06_&lt;JP\\\x816\xb1\xfe\xb2t\x01q\xc3\xe0\xe9\xf0\xf8/1\xceU@G\x0b\x9cb\xf1.m\xf8\x923q-\xc9\xdf\xc4,\xeb#3\xf5Z\\|9\xec\x0f9\x10\xbd\xc5-\\\xb2\xec\xc8\x9e\x10\xa1\xf0"\n\x08W\xb8\xcb\xbb#\x00`R\x0e\xbb\xe5w\xfb\xe0 T\x93\xae\x04X\xda\x955i\\\xb2\x07\xae\xd2fb\x0c\x18\xd6en\xab\xf9/?\xd1\x9aP\xd5\xda\xb2 \x17=Bv\x81\x96Y*\xd8\x96)\x11l\xf2\xc6hT\xa6\xad\xc9\x9a\x95d6&amp;V\xec\xcf\xa7l\x030w\xb1\xcf\x15\xa9\xf3%z-\xb0\xd8\x7f\x9e\xb4\xb3\x064\xda\x18\x9d\xa5\xe9\x049\xeb\\&gt;\xf8\xfd\x82\x01\\CG"\xdb\xb6\x9f\xb77\xde\x80\x04\xa5\xdc\xb6\xaa\x96\x1a\xf5\xd3\xcaye\t\xcd\x0cf\xf0\x90\x80\xed\x13\xc9\xcc\xf0\xac\xa3\xce-\xaaU\x8c\x02O\xe4|&amp;L\xeaf\t\x9e\x9e\x16\xb9\x89\x9dO\xcb\x0fh\xe7\xfb&lt;\x86\xb1\xfeJ\xab\xd36)\x8fZP\xc6J\x7f1zGN=D\x9f$\x9bu&amp;\xef\x93yy^\xd5\xd179\xa1!N\x96\xeay\xa2\xdf\x1b\x08\x1byH\xee/\x11^\x0b\xa4,p\xdeW\xcf\x1d\xb70\t\xf3\xc9\xb5&lt;\xbb\xedGH\xc0\xe9m\r\x12R\x17?N\xeby\xcc\xe4\xe5\x85\xcam\x87\x9d\xd4-\xd9DU\x07\x9ad\xfaO\xbc\x1e\xbaq\xda\xa5\xe1\xcc\xdf\xf0\x9e0\xa5\x17\xfa\x10[\xaa\xe9 ^_\xb9\xe1\x07\xe6\xf0T\xb5\x9bP\xff\x08\xf1\xde\xdc\x8e\x86P\xbcE2\xac\xc6@1\xfcz\xc4M-\xb5\xf0\xda\xcf3y-\x00\xe2p\\;\xbc\xfa\x8e\x95\xf1\xea/[:l\xee\xa5=U\x03J\xc1\xe5\x9bO{/Q@\xad\xea\x1c\xc7\xbd:7\x86\xf6\x8cO\x90\x82\xc8\xbam\xb1\x89!\xec\xbf%*\xd1\x99I\x9bO\x18\x9d.I\xde\xdf\x8e\xe67%"xO\xeb!\xc0\x07\xc7\xa9\x862\xa6\x94\x85\xff`\xc9\x88\xb4\xe6E Y\xdepW\xbd_\x13v\xd6\xe5r\xe8\x8dx\xa7\xfa\xf7\xebb\xb1E\xdd(\xb62\x80\n\xc5\xfc\\\xd4\xda\xfdi\xcd\x01\xdbjnoI\xb0E\xe2e6\x9f\x05Kaz\xde&lt;\x96\x88\xd1\xeeU\x9a\x8f\xfc%\x14\x91\xcc\x8a\x07\x88\xdb#\x02\xf5\xd25\xb7\xd2I\x06o\xa0\xf2^\x9dc\x81\x8c|\xba\r\x12\xdfs\x0b\xa1s\x1d\xfbb.\xefX\xc7\xb0z\x02\xcd\xe7KM\xd0\xb4~\x14wc\xc9\xd9\x99e#\xe0\xdfW+\x82".Q\xe9 \xd6\x0b\xe6\xd1\xb5:A{\x91\r\xff\x10h\x17\x8fZ\x9a\xa7\xb5n\x9d\x89\x86\xee%t\xd9\xd26\xc9.\xb0\x15\x91s\xd3v8ui\x06\xdd\x85\xd8\xad\xf8D\x02=\xc8\xd1\xd0\xb3aJ\xb3\xb9z9d\x1d6\xe4\xc6hmi&lt;\xeaG\xb9\xfb\x84d\xa76Rm\x04\xd4a{\x11\x88\x81\x14Z\t\x9crA\x9b\xa1\xe50rZ\x05b\x0b\x05J\x03W\x04\x10\xb2\xb7\x0ee\xf9m\x7f\x93\xe9\xb2\xc8\x94\x9f\xcbK;5\x12S\x9e\x19\xe9\x80\xd4\xcd?$\xdf\x85\xe3\xda\xe1a\x99Wa%N\x9f\xa6\xdc\x0f\xa1\xc9:\xf4\x80a\x84\t3\xad\x96p\xf8\x1c\xe3\xee\x8b\x81\x03\xa7\xf9\xed\xfa!\xda2\x97\xb3\xf1{\x19\xc5\x1co\x8b\xf2\xa3\x82\x92nD\x95\xb3\xdaxe6tw\x9bth)f\xd6\x84N\xae\xb5H\xa5\x8e\xe7:\xd6X$\xcb4^\xe5\xd0\x96EV\xf2\xce\xe2\x83\x95\xe1\x813\x8e\xba\r\xf6\xf0\x88\xdd\xa6\x077\x8e\x07\xfd$\xa9d\xf9\x93\xc0"V\x15\x03\xf3\xea\xbd\xbe\xad\xc6\xb8\x94G\xfe\xdfC#F\xfal\xb2\xc6L\xe3\xce\xf0\x9e8@\xc5R\xa0\xab\x89\xe1\x83N:\x94\xc6~\xe8*W\xf3QD\x86.kP\x1d\x84\x95\xcb\x8fx\x95\x947?\xce7\xfa[4\xe3\t\x07\xd8\x1d\x9f\x9aL\x05\xdd\xa9j\x1dz}\xd1\x9a;\x92{\x83\x8c2\xbf\x96\x0b\xf5\xdf{\x18\xc7\xabV\t\x03f\ttu\xf1U\xd3\x1a\xd9\xbf\xf9\xbcC\xecN\xeb\xedj\x93b\x9ek:\x88\x16z\xadmC\xc6F\xcdlr\xe5\x80\xc3\xbbz\xc6&lt;+}\x18\x87\x95\xdaO\x05Zr;B\x85\x08 \xb2D\xd2\x8d[\x95\xf7p\x8dT\x05\x82\x07\xad\xd3\xf5\xeb0\x8d@Sh\t\xa8\x84\xe4Y\x0c\x99\x9f\xb07I\xb6\x91\xf6\xc5u\xe2\xad\xc3\xa5])\x1d\x8f\x1a\x86\x93\x88\xf5uwa\xf53\x9d\x94\x85\xc6\xd1\x16\xee)\xb2\xb7\x8dC\xbbG\x92\xd1\xd1\xf2\xf4/\xe9\xc4\xacl\xbd$w\xf8\xe4\x8a\x84\xf9\x19\x8d\xe6^.\xc5\xe7\x14\xc1\x0c\x9bJ\xed-\x82\x03^\x80*6\xb5\xba\xa5\xa30\x01\x08I\xca/\x88\xeb\xeb\xb9\x9a\xdb\xbc\xbb\x9a\x99\xec\x01\xeax|\x0f@\xbb,g2\xc3\xad;\xe7\xe3\xd3\xa6\x8e*GN\xb8z\xbdTa\xa2\t\x0f\xba,\xf3P+\xfc=\xa7\xd7\xcd\x1e5yq\x9cM&amp;\xc3\x02\\pE4\xfbn(\x1eI\xae\xbbK\xc8\xe4\xad\xb1v\xa4\xfb\xfe\x9c`\xb6\xeb\x97\xc5\x95`Y\x0e\x0c\xb5\xdd\xbe\xcaQ3\xbd?\xd3\x91\xe6]\xfc\x1f\x12\r\xb3\xcc\xe8\x99\xf8\t\x0c\x8a\xc0Q\t\xb6"\x91\xe3\xff\x18\x14Ro\xc3\xd8|\xb0&lt;&gt;\xd6\x0f\x81\x7f\xc8j\x11^\xe33jM\xd39]\xff\xaez\x8fy\xb0h\x81\xfb\xa1f\xe2\xfc\x88\xa0Z\xeb_\xe6\xaa\xd2;\xc2\xf2\xd3&lt;\x8c\x060h\x152\xe9\xc9`-G\x86\xb7\x01\xd4\xd0L\xc6Z\xc7\xcd\xec\x89*:L\x0bF\xde&lt;\xfbq\x013e&amp;,Z\x1a\xbd\xea\xed\x8ac\x08\n\x9cv\xc9\xc7A\xfc\xf4\xff\xd3r\xf6&gt;\x90\x94\xf4\xd7\xcc\x80~\x8d\xed}c\xa0{@\xae\xfc\xc58b\x7f\xa8\x11M\xa8m\x7f:\xef\xc8\xcfy\x93\xe58vG\x90\x87@i\x14\xce/\xe0\x87\xa6\xbf\x000\x8d\xcd\xb7\xea\xfb\xf0ma=\t}H\xb9\xcb7\'r\xef\xd8\xe3D\x94\x02\xd2/=\x9esg\x0ew\xf4U\x0f\x8d\x972\xc8\xc88#I\xfb\x8e\x12\xdeuk\x06\x9f\xc3K\xd7\xc3Tj\xee\xf0\xeb:{\xf1\xf6`B\xa6\t\xbe\xaf\x9d\x10;Nn\xa7d\xc9D\x91\x8d~\x86N\xcb]\xd6kW\xdd\xc5\xb4c\xc9\xb0\x18?\xb3\x9a\xabk\x04zT\xbf\xb1\xf1H-\x83\x12_\xf4\x06\x1e\x86\xe8\xa3r\xff\xdf\x8d\xc0\xdd9v\x85\x9e\x84\x94\xc4=\x154&amp;bV5\xc6j/\xe2\xe5(\x96\xb0\xb0\xf8\x8ej\xc8\xd5hMh\xa0:\x11?@\xd3\xfa1\r\xf3r\xd5\x19\xb2#/_\x87-gEG\xf83lF\x98\xd0\xf5\x13\x9aT\xa7\x92+a&amp;\x06\x81\x87\x04\xaa\x0c\x14\xf7\xebC\x12\xfb\x8c~\r\xf8j\x14\xc0\xa9,\xccz\xb5cHfQ(\xc0&gt;\xad\xab\xeaV\xf5V\xb0\xf0^yF\x8dDk\xa3N\xce\xfc\xa7,\xb1S\x8a\x99@\xacH.x\\\x15\xefW \xa6\x05\xa9:\xc9\xf1\xa6\xb5\x87.\xd1\x02\x9a%\xf4\xfe\xeb\xbeW\x0bn\x11y\x8aA@\xc8\xabE\xb4/\xf0G\x83\xed\xe6\xec\xd7\xd8\x8cs\xd4\x0eI\x87\x04\x10J\t\xa9LY\xb4q\xff-\x8bh5\x1f\x8cx\xdb\x94\x1bC\xe0,\xdbV=\x95g\xady\x8a\x992z\xf9\xa8\t:&amp;-%ph\xb0\xb7A\xf8\xd7\x17\xc9\x18\xc2\xf9\x9d\x90\xf4)\x86\x98G\x1c\xa0\xfa\xea\r\x81uF\x8c\xd7mT? \x1f\xd7\xf5\xe37le({\xa9\x0f\x1a\xf7B\xf6\x0c\xcfG8YX\xa1\xf3\\\x99=z\x8e[`k\x07%yS\xe9\xfb=~\x87\x1d\xc0\x1c\xdc\xe0\x13\xef\xe1\x13&gt;\xe79&amp;\xbb\x1f@\xd3\x8f\xe0\xb7\xf0\xe5I\x94uK\x9d\xfa\xf0'</t>
  </si>
  <si>
    <t>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</t>
  </si>
  <si>
    <t>b'\xb5\xe3\xf3\x04X\x96\x86\xb0/\xceD\xee\x0eD\xef\xee'</t>
  </si>
  <si>
    <t>duct. Emily, at this time, wished only
 to remain at La Vallee, in the scenes of her early happiness, now
 rendered infinitely dear to her, as the late residence of those, whom she
 had lost for ever, where she could weep unobserved, retrace their steps,
 and remember each minute particular of their manners. But she was
 equally anxious to avoid the displeasure of Madame Cheron.
 Though her affection would not suffer her to question, even a moment,
 the propriety of St. Aubert's conduct in appointing Madame Cheron for
 her guardian, she was sensible, that this step had made her happiness
 depend, in a great degree, on the humour of her aunt. In her reply, she
 begged permission to remain, at present, at La Vallee, mentioning the
 extreme dejection of her spirits, and the necessity she felt for quiet and
 retirement to restore them. These she knew were not to be found at
 Madame Cheron's, whose inclinations led her into a life of dissipation,
 which her ample fortune encouraged; and, having given her answer, she
 felt somewhat more at ease.
 115
 In the first days of her affliction, she was visited by Monsieur Barreaux, a
 sincere mourner for St. Aubert. 'I may well lament my friend,' said he,
 'for I shall never meet with his resemblance. If I could have found such a
 man in what is called society, I should not have left it.'
 M. Barreaux's admiration of her father endeared him extremely to Emily,
 whose heart found almost its first relief in conversing of her parents,
 with a man, whom she so much revered, and who, though with such an
 ungracious appearance, possessed to much goodness of heart and
 delicacy of mind.
 Several weeks passed away in quiet retirement, and Emily's affliction
 began to soften into melancholy. She could bear to read the books she
 had before read with her father; to sit in his chair in the libraryâ€”to watch
 the flowers his hand had plantedâ€”to awaken the tones of that
 instrument his fingers had pressed, and sometimes even to play his
 favourite air.
 When her mind had recovered from the first shock of affliction,
 perceiving the danger of yielding to indolence, and that activity alone
 could restore its tone, she scrupulously endeavoured to pass all her
 hours in employment. And it was now that she understood the full value
 of the education she had received from St. Aubert, for in cul</t>
  </si>
  <si>
    <t>b'\xf3\xd6(i\x0e\xd4\x85\xd8\nx\xf1\x97#\x08\xb3Py\x89\x16,xBl\xecx\x99\xab\x1a(8\xaaSv\x00!\xbe7W\x9f\xa9\x14\xc3D\x0e\xdb\xd7\x13\x83\xaeV\xd9}\xaf\x1bH\xd7\x16\xb6\x97g6\xc2&amp;\x0c'</t>
  </si>
  <si>
    <t>f3d628690ed485d80a78f1972308b3507989162c78426cec7899ab1a2838aa53760021be37579fa914c3440edbd71383ae56d97daf1b48d716b6976736c2260c</t>
  </si>
  <si>
    <t>b'\xf3\xd6(i\x0e\xd4\x85\xd8\nx\xf1\x97#\x08\xb3P'</t>
  </si>
  <si>
    <t>xample, formation of meristems â€“ interfascicular
cambium and cork cambium from fully differentiated parenchyma cells.
While doing so, such meristems/tissues are able to divide and produce
cells that once again lose the capacity to divide but mature to perform
specific functions, i.e., get redifferentiated. List some of the tissues in a
woody dicotyledenous plant that are the products of redifferentiation.
How would you describe a tumour? What would you call the parenchyma
cells that are made to divide under controlled laboratory conditions during
plant tissue culture?
Recall, in Section 13.1.1, we have mentioned that the growth in plants
is open, i.e., it can be indeterminate or determinate. Now, we may say that
even differentiation in plants is open, because cells/tissues arising out of
the same meristem have different structures at maturity. The final
structure at maturity of a cell/tissue is also determined by the location of
the cell within. For example, cells positioned away from root apical
meristems differentiate as root-cap cells, while those pushed to the
periphery mature as epidermis. Can you add a few more examples of
open differentiation correlating the position of a cell to its position in an
organ?
13.3 DEVELOPMENT
Development is a term that includes all changes that an organism goes
through during its life cycle from germination of the seed to senescence.
Diagrammatic representation of the sequence of processes which
constitute the development of a cell of a higher plant is given in Figure
13.8. It is also applicable to tissues/organs.
2024-25
PLANT GROWTH AND DEVELOPMENT 173
Plants follow different pathways in response to environment or phases
of life to form different kinds of structures. This ability is called plasticity,
e.g., heterophylly in cotton, coriander and larkspur. In such plants, the
leaves of the juvenile plant are different in shape from those in matur</t>
  </si>
  <si>
    <t>b'\xe8\x07\x10\xfbz6Z:\xcf\x16\x05\xac\x15\x9c\x85F\xb1\x1aT\xb9\xe9\xa1v\xd0L\xe2\x88\xc8E\x14\xab\x10ih4~t\xd71\xf7\x8aK3\xd8`3\x1b)\xca\x8b\x9a\x07%\x83\x92\xb9\x960#[\xdf6\xb6\xb4SX{0\xd0\xcbJ)\xe7\x8bdh\xe8d!\x82~\xc8:-\xc2\xc8qK7\xbd\xacqy\xc8\xdd\xecy\xb5\xa7\x15\x05\x87\xcb\xbbC\xf5\x12\'\x92\xa7\x9f\x84\x83\xb0\xc6g\xb9g\x04Yx\xd5b\xfe\x81\xb0\xbd\xa9\x13\x03\x94U\xa0\x81#\x9d\xe4\xeb\xf9\xb4s\x9e@\x14G\x82\xb7\xff&lt;\x1c\xd3\x01\xc33Q\xd6^\xf7C\x1a}\xd9^\x11\x11drS*L\xeeH\xc1g\x1c\x961\xf0\xc8\x94\x12\xc6p\xf0\x9b\x8b(;:2g\xb1\xa9\xb1\x96[&amp;\x94\xb1\xdc:Qk\xd1\xf2\xa8\xc3:\x0c\x02\xdb\x87\xed\xe1\x1f\x13\xac\nV\x82\xb7\xc2c\xa3\x91%\x80{0\xb3\x8c\x8a2b\x9dw\x18\x08\xafW|g\x93^&lt;Q1\xd9\x0fE\xd3\x17\x05j\xc0J;\x88Xh\xd0\xc9\xed\x86\xfb\x1e\x91\x08\x1a~\x89\xa4X\x0bgK\xefK\xd5\x13\x85\xc2\xaekr&lt;\x9fG\x9b\xbbv\x03C\x1d\x026j\x91\x90\xf9\x9ed\xecXe9\xb2\x06\x92\xeair\x1b\xc2\xa8o\xe2&gt;\xe0\xa3i\x9f4@@\xfa\x1c\xfb\xb4\xae"\x7f\xab]\x0c\xa8$\xe3}\x85\xee\xafn\xfcp\xbfS\x1d\x1fUS\xd6\xee`\xcbdRA\x01\xd4\xb5\xad\xb0\x83\xc0\x97]\\w\xd23C\xed+u\xaf~W\x17,LJX#\x03\xa8\x84\x03C\n\x06M\xd0\x8d\x9c\x03\x11\xd0\n\x16S^#\xc7\xb5x\xf3\xd3\xda\xe1\x0fa\x1b@\x01B0\x19\xa14Q\xf1\xfb\xeb\x13\x13\xa1\xbd\xa5 \xe9\xeb=\xcb\x8b\x99\x9fB\x19c\\\x13\xd3]\x14\x12\x8f\x87-\x7f\x1bV\x1f(\xc4\xb5\x1bk\x01T\xa8\xba\xc6!Z\\\xa4\x1c\xadh\xde\x86\xce_\x1eK\xb1\xaa\x9f\xc8\x02\xc4\x811O\x9e\xe0b\x8f\xbaj\xc4\x9d\xdf\xef\xee\x8c\x11\xe2L&gt;1.8\xd6^\x9c\xa7oYhC\xa0\x86\xcf\xe6\x11\xa9f\t\xf8;\xf0\x14\xb8\xff\xb2\xc1W\xac\x97~\x0e$\x8dU~\xf3D\xfc\xae\x94\xca\x1d\x1f\xa3\xf8\xbb\xc6\x04\xc7\x8f\xfb\x9f$&amp;\xf5(\x11#D\xf1\xda7\xb6LC\xc4\xd5zk,\xac&lt;\xe7\xc0\xd1\x06\xea\x03\xe4\xc3\xa9\xd3\xef\xa3\x97\x80X\xebN`a\x10\x7f\xfa\x98\xd5q\xfcb\xfd\xdc\xe9\\v\xb3v\xfe\x99!Ik\xdb+\x18X\x0f\xad\x04Bqd\x05\xa9\xfb\x80\x84z\xbdx\x87h8\xcaV\xca\xea\xc2\xb7\xdb\xf4\xdc~\xc4q\xe7t\x8b\x16m\xd0V\x1a}q\xbc\xd4\xc9U\xe0M!^P\xackH8v\x1f;\xb1\x01\x01\x89\xeb1\x0c\xbb\xba&amp; \xe1\x8c\xde\xe0(\xde\xf6\xc9\xee\xd0\xff\xba\xc0\x970\x1e\x0bV*\x17l\x98lQm\x06S\xa8\x11\xb2?\xea\rU9&amp;\xc6&amp;\x9f\xcc\x17}\xff\x7f\n\xf0\xbaM\xd3\x1b\xe2\xef9\xb5\xbdE\xaaN\x1d5\xbc\x9c7&amp;\xa6C\xd1\x19\xf3\xb59\xbd\x8a\xf2\xc3b{\x04\x00\x8esi\xbb\xf35@\xee\'\x1e\x19\xe8\x9b\x92\x90f\xdf\xd6\x03\xaa\x03\xbb\xe3\xf9\xfe\x8d\xa7\xd1\xbb\x87\xb7\x02;C\xf6\xbe\xa1V\xf8)V\x1aDXEv\xbc2a%:v\xf8\xbd\x91)&gt;H\x81\x9f\x11\x16\x84\x1dPk\xd1\x81\x0f~\x06\x1e\xe8\x1dQd\xba\xce$\x0f\xa2!\xdbMs\xad&lt;\x11\xe2\xfc\x97\xfe\x95\x05\xeaHK\xc6n\x80\x06\xce\x96\xa0\xe2;\x9f\xef\xd3\xe0\n\xb5\xed;\x90\x91\xd8\x90\xe6"\xd7\xf4\x03&lt;\x08f|\x94\x9a\xc6V\r\xc5\'7]ck5\x1b\xec\xf5U\xa2\x8a\x1d\'M\xf1{N@\xac\xdbY\xd4\xe9i8)\xd4i\x12X\xe2\xad\xb8\x0b\x07\xe26\xcc\xca\x80\xce\x9e?\xc2.\x1f\xe0XS=\';@\xdc\x8aO\r\xa3\x9fx\xdb(\xdd*B\xb3(\xa0\x89\xb3\xd8H\x92\xf9*j\xe9\xfe\xe1\x890\xee\x91*C\xfeQG\xc3P\x08c\xa2\x10c\xbb\x1aT\x00\x98\xc5\x8c+\xb0\x9c\x8b\xe1\xb7\x8b\xd4\xfek\xeb \xfc\x81}D\x13!\x1dI\x8eZ\xbf\xe8\xdc\xb3\xca\x9f&lt;\xf1Cg\xb9\xd4vL\x91\x8e\xe0\x02:$0\xcb\x87k\x9b\x16\xe7\x90A\xd5\x98\xbdx\xbe8-!\x89\xfa\x9b\x90\xb3p#\x13S[\x14\ti\x924\xf5\x19t\xd36w\xf6\x1bhe&lt;\xacc\r\n!\x8bF\xfbm\xda\x04\xd8\x93\x17h\x18\xa7\xc7\xb0!\x838\xf0PQ/\xa2c\xc0\xca/\xe2N\x1b\xc7\x03E&lt;\xe2\xb1\'\x1f+\x92`W\xbeF\xf08\xf8\xb7\xea\xa5\xf2\x15\xc0Um\xdb\xe1W\xaf\xbc\x06\xff\x86(c\x02\xca}fu\xb7\xb4\xa6f\xf9\xf5\xf1(\xec\x7f\x81hM y\x02e=M\xd1\xd7+\x15\x17\xcf\x98JT\x10\x90\xdc\xb9H\xc7\xb9\xb7f\xd8\xe1*q5\xff`\x9c\x801\xc4+{\x82~\xf8L\xdc\xf1\xc5\x19\xdbU\xb0\xdb\xfbH/\xffa)\xb8\t\xa2\x06N\xcc\xe9\xaa(\x98\x83\xcf\x86\x12\xdc\x99\xe1\x94\xa2I\x83\x88\xfe\x88\x83\xdfe\xed{\x82\x95Y\x14\xdc8\xf5\x145\xbfa~6*i?\xc0\x92\xf6m\x1cx\x1a\xc1MH+}p\xd0de\xa6\xcaK\xd6_.\xd5\x08\x93\x8b]\xbc\xc90\x90\x15\xe7[\x1cb\x8bbr/\xbb]\xd8\xf9\xd0\xc9\xd9|Y\x14\xe8J\xde\r\x13\xcfb\x10\xcdn\x1fm\xb8\xf8Sx\xf1\xe1\x0f\x941\x8b\xe8\x89\xa9\x9f\xef\x1b\x7ffG\xea\x1a\xc0\x82\x81\xe4\x17\xdfS\x12\x1ayBt\x04\x88H2\x9a2\xbe\xe6\xe9\xa2\xc1m\xe8\xdd\xb6L]\xc4\x14wW|\x90\x982\xf3\xeeJ!\xaaIl\xcf)\xb6\xb0\'(\x95XI\xee\t\xc9\xe1hN\xbc\x17\x9f\xc4\x19\xecR\xb5L\x1b=c74XP\x96\xa5\x8f\xe3\x19QL\xdf\x82w\x05\x1f\x1a\xb5\x10\xc4\xd6\xcck\xdd+@\n\x14\xe7i\xe4\x82\x97J\xeek\x7f\x99\x85\xafhW\xc7\xd7\xb0;\x06@\xca\xd8\xe4m92\xdf\x86h&amp;1Ly\xcd\xbd\xa5\x9f\xdf\xfd\xa8\xc7\xb8\xdfzvY\xc1\xc5\xf3Z\x03\x1c\r\xb7\xde\xe5\xb4\xf8\t\x82\x9d\xdc\xde\x9e\xcf\xca`\xfaQQ\x08\xfe.V\n\x81\x0bH[\x0eL[7Y\xcb[\xb6\xd7\x81X\xd6L\'u\x83lZ\x82Z\x85,\xdc\xad\x7f\x90\'\x85EZH\x12\xf6\x81I$\xb7\xdc\xb4P`D"{Y\xb5\xb2[D\xc7f\xaf\x0c3y\x89\xd9\xdc\xace\x8d\xa5\r\xb1\x14\xeeuuv[\x14$\xb7\xe5Aj\x1d\x81\xbcO\xce\\vw\x86\xdb"\xbf\xce\x15\x10\xa2d\x96\xf2&gt;\xfd\x03r_Q\x11\xa3\x7f\r$V\xe0\xbf\xad\xf8\x1d\xbc\x88\xafFC\xc5\x9c3\xd5\x80\x94\xbe&lt;\xd6\x0fv\xf8\xab)\xc2\x18\x8d\xeeC\xaa\xdc$\xc4\xa1$+&lt;\x80\x9c\xe4\xba\x95\xef\xac\xd5x\t\xa4\xab\xb2?`\xe3\x9f\x8cVF\xf2\xb8\xb1\xa0\x91\xb3\x97\xd0\xb8g\xb06?\x1dvv\xe8\xe0\xc6\x85\xf2\x04\xe2\xb6\xc9\xd2\xbc\xbe44\xd9&lt;\xd4n\xa4\x94\x02\xb02\x8f#\\`\x06\x1f\xe2\x13\x84\xfe6(\x80N\x08\xc0\x05m\x8f\xd1\xcas\x80G\x19{i\x83\x8ct\x19\xb3mg[\xe3epAx\x1d\xb5\xde\xbf\x8c\xe8gG\xbcZD\x19\x97?\x99\x90\x99\xb5\x08lu\xa6\x0f|\x9d\x8e\x0c\x1e\xd9\xe6q\x8e\x9f&lt;\tF\t$\x04,G\xa5I\xad(\x1b/E\xf2q\xcb#&lt;)2\xad\x8a&gt;P\xbe5\xefH,\xbc\xc3\xfdl\x855\xe9\xa6\x88\x0c{\xe8\xa0a\xf9.\xb8f:\x16\xa0\x9d\x81^\xa8\x8at\x9c\xb56^\xf8\xa9\x8d\x1f\xfb\x8b\x90\xaf\xdf\xa5\xcf\x11g\xb3\xde\xdf\xdc\xa62p\x15\x86\xcaoH\x12\xce.\xd8\x93\xdf\x9d$r\x12\xa8\xac\xbb\xf7\xb7\xc6\xfc7\xbfp\x98E,'</t>
  </si>
  <si>
    <t>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</t>
  </si>
  <si>
    <t>b'\xe8\x07\x10\xfbz6Z:\xcf\x16\x05\xac\x15\x9c\x85F'</t>
  </si>
  <si>
    <t>o, we'll get him to come out an' tha' shall push him in his
chair an' we'll bring him here an' show him everything."
When she stopped she was quite proud of herself. She had never made a
long speech in Yorkshire before and she had remembered very well.
"Tha' mun talk a bit o' Yorkshire like that to Mester Colin," Dickon
chuckled. "Tha'll make him laugh an' there's nowt as good for ill folk as
laughin' is. Mother says she believes as half a hour's good laugh every mornin'
'ud cure a chap as was makin' ready for typhus fever."
"I'm going to talk Yorkshire to him this very day," said Mary, chuckling
herself.
The garden had reached the time when every day and every night it seemed
as if Magicians were passing through it dr</t>
  </si>
  <si>
    <t>b"\xff2\xce\xe4\xabw\x97\x97^\xa7\xf1OI]\x99\xec\xb2\x14\xcf\xe1\xf8\xa1`\xfb`\x0b\xad\xfd5\xff\x7fN\x7f \xd2\xed\xfa1\x93\x0e\x0b\xd4\xf4\x887G\x98\x04)S\x9c\x8b\xf4\xe3X!~\x96\xcb\xa2\x1a\x8a\xf3\x0e\x81G8E\x8c\xbc\xac;u\xba\xbb\xd1\xaf~\xd4\xf9ZP\xd8jA\x181&amp;\x95\xd4\x17\x11tb\xf7GRobJ\xf9\xb3\xa0\x97\xb0\xd8\x9f\xc9\xfe03\x89d\xbe\xa6d!q[\xab\x89\\\r6\xe30\x06\xeff\x9d\x8c9\xb7\xd8\x96\x82\xff\xe3\xd2]\x7fE\x07\xbe\xf3\x9f\x87\xeb\xee3\xddSV@[q\x8d\xc2\x04\xc3\xe4 \x89\xd8\xb2\xe1u\x99y\x9d\x07\xc1g\x8b\x1b\xed\xcf\xcf\xb1D\xcf\xe1xR\xe8t\xde\x96CxY2\x85[\xdeZ*f@a\x96\x8f\xb48b#\xa2\x1a;\x19\xd4WR\xc6D\xe4\xa0\x0c)!\x93\xd0\x8cD\x81Ah\x0e\xfb\xe9\xfc\xf9\x0bv\xf7\x95u\x90\xcc\x8e\xe4\xc2b\x95O_\xbc\xdd\r\xe5J\xbe(;i\x89\xc0R\xf4\t$\xab\x9d-;\xee\x1foy\xabpp\x06\xd4\xe4B\xe8\xf5\xc7,\xd3-\xb1}\x98\x99aa\xf2\x01\xcc\xd6\x8c2\xc9\xde+\xe5\xe3%\x0c\xd9\x0e'\x9f\xf1\x9a\x8d\xd1k\xf5\xfc\xdf\xe5\x8b\xc3\xdc\xdd\x8f\\\xfd\\\x97\xc8D\xdc\xc4\x95@\x1c\xca\xf5x\xe4\x01;P\xdf_ox,\x08\x82yg\x88i\xda\xe6*%\x80\n\x07\x87S\xac]oI\xba\xdc\x96zv\x90\xeck\xa9\xd02\x84\xc9\x88\xd6h\xac0\x19S [\xf2\x07\r\x17\xcbY\xd1\xa6\xfc\x1a\x18\xdf\x8b\x03|\xb4N|\xfc\x90\xb5\xa0\xc4\xc0\xe0\xf5\xa0w+\xa9\xee\xadH^\x82\xa3\xf0\x93!\xe7 p\xcf\x8c\x12m)s\n:\xa59g\xe7\xdbA\x8e:\xa4\x80\xbbA\xe4\x95\xb74i3\xdf\xd1P\xbe\x0f\xea\xd1\x97\xf1\xf7n\xc3\xbd\x874\xa9\xdcX\x1bF\x88\x80\x818\xb7GH\x92\xeb'4\x9c\xc0\xb1\xc3\xea4{\x8e\xc8ZW\xd2\xa5\xeb\x1cP\xed\xac\xd4\xd9\xcd\xfbP\xe82\xe9\x90\xd0\x91\xec\x10s\xd2\xb3\xb8Z\x1c&amp;\x85F\xd1\x1d\x93L8\x03|\xaa\xdf\x007r_(\x07\xbaP\xfb9.4\xb2\xff\xa3\x87\x8dl\x02\x8a\x05\xb7!725a\x99I\x11\xd5\xc6\xb95\x1e\x84\x15y\x0b\xff\x03x=f\xe8\x8fC\xfb\xb0\x1b\xed\xde\x1d\xf0\x88O{rG7\xb7\xdcRf5\x00\xb8O\xa4\xc6R\x00\xe1\xa5\xc5\x1c\xf1\xb0\xd5\x8f_jM\xb0\xbaL\xf2-\x1e\x9b8[\x1e\xff\xcd\xf3\xfd\xc3F!\x00\xf4\x82\xe0I\xb9\xf4\xd6A\x9fQ\xba\x01~J\xdc4\xbeLXJ\x15\xb6\xe1\x8bt\x15\xf6\xbdC\x05\xd0?\xab\xf5\xc5\r\xa7\xaf\xce\xfbf\x8b\x02H\x07\xe2zu\x06Mj\x97\xe7`#\x07\xf8w\x9a \x1eD\x1er\xc99C\t ,\xff\xd6\xeb\x93s\x8e\x95\r\x08{\xdb}\xfe/aJ\xde\x9a7H)\xcd2S\xf9J9\x1c\xf2V.\xf7\xbe\xd4"</t>
  </si>
  <si>
    <t>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</t>
  </si>
  <si>
    <t>b'\xff2\xce\xe4\xabw\x97\x97^\xa7\xf1OI]\x99\xec'</t>
  </si>
  <si>
    <t>o sea, bound for an unknown 
 island, and to seek for buried treasure!While I was still in this delightful 
 dream, we came suddenly in f</t>
  </si>
  <si>
    <t>b'\x1f;\x07\xc5\xd4\xd5n =\xea\xf8\xc1X\x04\xad\xed\x18\x19\x16\xa3\xe0\x0ee,\xd5\x97C\xa2\x7fI\xca\xcf\xd2]\xd3\xff\xd3z\x8b\xa6H-b\xb2bx\'\xa2\xb2\x94=1\xb7\xfe\xd0@\x7f\x94H\x9a\xbbR\x0b\xd1\xd7[\xebB\xa9\t\xa6BL\xd2\xd0\x16\xd8\x90z}\x9b9\xb7\xde\x05\x97\x013!\xf1\xad?C0\xfbQ|\x94\xd5\xba{\xf1\x1ea\xa4Q\xa0\xa4[\x9b\xffU\x12\x0b\xefy,\xb3\xf7\xfd\xe1\xd8\x95$\xcb\x83\x15\xec\xc2\xf5\x13R\x14\xd8\xd8~\xc5\xd6\xe9\x15\xfa\x07\xfd\xecrp\x8a?\x1f6,dQ\x0ch^(\x08\xff\xf2C\xa6\xec\x11\xe2\xc2\xc8lU\xe5}%\x07\x8d\xb5\xb6\xe5H\x1f\xfa/\x11\x90v\xe3\x17\xa0\xc6b(\x1e\x16\xea\xe0\x07\xe7\x06Up\x84\xa2\xbc\xea\xb4~\x93T\xe4\x06\xd0\xad\x8b6\xef+7\xb2\xa4\r\xd2\x1b\\\xce\xce\xf2a\xc4\xe8\x91K\x15\xdbLoQM\xfd\xcbaX@\xb4\x1d^\xe4\x05\xb1\x1b\x1e\xe2x\xc2]]\x8a\xa7\xd8/\xb4B\x94\xfbM\x1b\xb7\xee\xa3\x0f\xb9\xe2\xff\x07#I\x96!j\x86a6:\xe8\x7f\xb6\xbbi\xf5\xecb\x8c\x00\xb9\xa9\xe9T\xe1u\xee\xf6\xc4\xcb\x18\xad\xe4\xfd^\xa7\xb49\x04\xbb"\xd2\x9b\x88\x88\xb5\xcaIy5\xf0/O;\xf5F\xa19\x97\xb7\xb6\x9f\x84\xe9k\xd9\xd7\x12\xdf\xce\xa4\xa9s\x1d\x96\xaa\x05\x89]"\xdd\x03&gt;\xe05HE\\\x91G\x12\x974\xe18\x0b\x9ftE\x92\xd2My\xca\xeb\xf8\x94\x8e\x80\xe8\x91\xed\xbe\xbe\xaa7\xff\xd5j\xf7:\x0b\x0b_\xcf%\xcb\xa0\xae\xf3\x8ebn\xd9\x16\xe2\x0f\x18f_\xb0M\x1a\x17\xe3\xda\x7f\xadW&amp;\xe7O\xff&gt;\xed\xd3\x1c\xfbH\xe8\xfd\xdd\xd0\x9d\xe3\x999\xb2"\xacj\xf31\xa1\x12\xcfh\xb7\xe7)\xda\xd0\xe3j|\x06\xd7\x13\n\x9a\xaf\x8c\xf6n\xcf\x94\x1d\x176lf9V\xd3\xfeEJ\x7f\xa5"\x7f,\xc3\xa3\xe0\xd3n\x8d\x8d\xec\x1dC\xc6\x83\x864\xa0\xca\xda\x90\xf1\xc6g\x12$\xa8\xf2T\xc6/^'</t>
  </si>
  <si>
    <t>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</t>
  </si>
  <si>
    <t>b'\x1f;\x07\xc5\xd4\xd5n =\xea\xf8\xc1X\x04\xad\xed'</t>
  </si>
  <si>
    <t>aving passed through the green-house, her courage for a moment
 forsook her, when she opened the door of the library; and, perhaps, the
 shade, which evening and the foliage of the trees near the windows threw
 across the room, heightened the solemnity of her feelings on entering
 110
 that apartment, where every thing spoke of her father. There was an arm
 chair, in which he used to sit; she shrunk when she observed it, for she
 had so often seen him seated there, and the idea of him rose so distinctly
 to her mind, that she almost fancied she saw him before her. But she
 checked the illusions of a distempered imagination, though she could not
 subdue a certain degree of awe, which now mingled with her emotions.
 She walked slowly to the chair, and seated herself in it; there was a
 reading-desk before it, on which lay a book open, as it had been left by
 her father. It was some moments before she recovered courage enough to
 examine it; and, when she looked at the open page, she immediately
 recollected, that St. Aubert, on the evening before his departure from the
 chateau, had read to her some passages from this his favourite author.
 The circumstance now affected</t>
  </si>
  <si>
    <t>b'\xb3\x0b\x016\xf7\xd6/\x1d\x1es\x1b+v\x192J\xd3\x16\xdaD\xeb&lt;\x19\xac\xb6`\xb5\xe8Pc\xb7K\x80\xf1Y/\xa63K\xcc@\x9b\xfaaq\x96\x19\xe0=\x9f\xbet#g]\xd4\x89\xf1\x9a\xff\x81\x03\xca\x93'</t>
  </si>
  <si>
    <t>b30b0136f7d62f1d1e731b2b7619324ad316da44eb3c19acb660b5e85063b74b80f1592fa6334bcc409bfa61719619e03d9fbe7423675dd489f19aff8103ca93</t>
  </si>
  <si>
    <t>b'\xb3\x0b\x016\xf7\xd6/\x1d\x1es\x1b+v\x192J'</t>
  </si>
  <si>
    <t>as touched. Crowds
 followed the cab, cheering it lustily; charming girls scaled it to get his
 autograph; interviews appeared in the better class of papers, and society
 invited him to dinner and added, 'Do come in the kennel.'
 On that eventful Thursday week Mrs. Darling was in the night-nursery
 awaiting George's return home: a very sad-eyed woman. Now that we look at
 her closely and remember the gaiety of her in the old days, all gone now just
 because she has lost her babes, I find I won't be able to say nasty things about
 her after all. If she was too fond of her rubbishy children she couldn't help it.
 Look at her in her chair, where she has fallen asleep. The corner of her mouth,
 where one looks first, is almost withered up. Her hand moves restlessly on her
 breast as if she had a pain there. Some like Peter best and some like Wendy
 best,</t>
  </si>
  <si>
    <t>b'\xd90\xfb\x04\x89$!('</t>
  </si>
  <si>
    <t>d930fb0489242128</t>
  </si>
  <si>
    <t>l
 policy, for example. Fiscal expansion (a rise in or a fall in ) stimulates aggregate demand
 and causes output to rise, even though a fraction of the additional spending goes toward import
 purchases. Similarly, a devaluation of the currency (a rise in ) makes domestic goods and
 services cheaper relative to those sold abroad and thereby increases demand and output. The
 policy maker can hold output steady at its full employment level, , through fiscal policy or
 exchange rate changes.
 Notice that monetary policy is not a policy tool under fixed exchange rates. This is
 because, as shown in Chapter 18, an attempt by the central bank to alter the money supply
 by buying or selling domestic assets will cause an offsetting change in foreign reserves,
 leaving the domestic money supply unchanged. If we were interpreting the diagram to
 apply to a situation of floating exchange rates, however, we would think of monetary
 policy as potentially bringing about exchange rate changes consistent with a position of
 internal and external balance.
 The II schedule in Figure 19-2 shows combinations of exchange rates and domestic
 spending that hold output constant at and thus maintain internal balance. The sched_x0002_ule is downward sloping because currency devaluation (a rise in ) and higher domestic E
 Yf
 Yf
 E
 G T
 A
 Yf = C + I + G + CA(EP*/P, A) = A + CA(EP*/P, A).
 CA(EP*/P, A)</t>
  </si>
  <si>
    <t>b'0E\x02!\x00\xd3\xb3\x07\xb5\xd8\xe3\x81t\xbd$\xc7O4r\xc5\x12QEt3\xe4Y7\x19\xccI\xf4\xec\xeb@.b\x02 C\x02\xce\x8aF\x17\xae\x1c~\xdf\nr\x16\xe2\x07m\xc8u\xe8(\x1e\xcc\xd4\xe3\xf0\x90 \x8fb}\xd1\x8e'</t>
  </si>
  <si>
    <t>3045022100d3b307b5d8e38174bd24c74f3472c51251457433e4593719cc49f4eceb402e6202204302ce8a4617ae1c7edf0a7216e2076dc875e8281eccd4e3f090208f627dd18e</t>
  </si>
  <si>
    <t>b'0E\x02!\x00\xd3\xb3\x07\xb5\xd8\xe3\x81t\xbd$\xc7'</t>
  </si>
  <si>
    <t>tched below, whose tops appeared
 as numerous almost, as the waves of the sea, and whose feet were
 concealed by the forestsâ€”extended the campagna of Italy, where cities
 and rivers, and woods and all the glow of cultivation were mingled in gay
 confusion. The Adriatic bounded the horizon, into which the Po and the
 262
 Brenta, after winding through the whole extent of the landscape, poured
 their fruitful waves. Emily gazed long on the splendours of the world she
 was quitting, of which the whole magnificence seemed thus given to her
 sight only to increase her regret on leaving it; for her, Valancourt alone
 was in that world; to him alone her heart turned, and for him alone fell
 her bitter tears.
 From this sublime scene the travellers continued to ascend among the
 pines, till they entered a narrow pass of the mountains, which shut out
 every feature of the distant country, and, in its stead, exhibited only
 tremendous crags, impending over the road, where no vestige of
 humanity, or even of vegetation, appeared, except here and there the
 trunk and scathed branches of an oak, that hung nearly headlong from
 the rock, into which its strong roots had fas</t>
  </si>
  <si>
    <t>b'\x05\x88\x00\xbe~\xae\xd4\x197\x1f\xd7\x86\xcaf\xa1s\x9an\xe9\xd0\x97*\x1c\xe6\x14j\xbc~\x0buC\x0c\xad\x1a^\xa3W\xbeS\x06\x15;&lt;\xdf\xce\x96\xb7Xp\xef?\x91\x8a\xa6\x9e\xb3\xa4&lt;\xab\xb6\xe8\xde\xde\xe5'</t>
  </si>
  <si>
    <t>058800be7eaed419371fd786ca66a1739a6ee9d0972a1ce6146abc7e0b75430cad1a5ea357be5306153b3cdfce96b75870ef3f918aa69eb3a43cabb6e8dedee5</t>
  </si>
  <si>
    <t>b'\x05\x88\x00\xbe~\xae\xd4\x197\x1f\xd7\x86\xcaf\xa1s'</t>
  </si>
  <si>
    <t>ruders. 
 Crawling on all fours, I made steadily but slowly towards them, till at 
 last, raising my head to an aperture among the leaves, I could see clear 
 down</t>
  </si>
  <si>
    <t>b'j\xc3\xd5\xac\x8f\xeb\x9b\x18]\r\xd5\nmJ\xaa\x8a\xf4\xd7\xbf\xf39\x1a\x99\xfd\xc8s\xba\xa5*%l\xec\x19\xadi\x9c\x87\xc9\x9e*\xf9\x8fJ=$\xa5\xd0\xa0w3%\xfcD*cN\xfc?m\xc7V\x93FL\rSG\xff\xe3\x11]\x02\xd0\xb4\xbf\x03t\x07\xf9\t/\x19\xaf\x7f\x8buw5&gt;\xa4|\x86\x19\xfd\xd6\xeb \xcb\xdd\xa9\xfa\x0c%/Y\'p,\xd3\x8d\xd5\xbe\x03\x05\x04\x15~\xd6\x12\xf0\x0b9.\x03\xa0X\xf3\x1d\xc3\xd7\xe6\xa9\xf1\xda\xa2\x8a\xa8o\'\x10o"\x8c\xf1.S\xe1`\xcd3\x11\xb02\x84\x0f\xfe$\xa9\x07\x99\x94\xbd\xd9:),\xba\xa9P5P0"\x02a\xd5i\r\x1d\xde]\x94tXQ\xf3\x1c\x15&gt;)G\xafo\xe5\xcb\x1c\'\xbb\xf7\x05`\x82\x0cA\xfb\x88(\x0f\r\xe4\xaf\x8b\xa0{\x87_i\xdd{~&amp;\x7f\xa4\xadn\':!\xd2\xbc\xf3P\xfe7\x84\xea\x86\x1d\xc9w\xe3M\xb0\xfaS3\xc1\xa1&lt;}\x9f\xc3\x19\x1ci""\xec\x84)p\xc3\t \xa3\x9b\xf5Jzb\xc5o\xc4\xec\x18d\x08\x99\xcf\x11\xdf{\xea1#\xca\x14&lt;\xfb\xe0\xeb\xbc\xe1\x97/\xb0\xc5\x1a\x93\x16\x91\xc0\xb6\xb8\x81\x8d\xfb\xe8\xa2\xef\xf6\x19\xa4\xe0\x05\x02\xce\x87\xc8\x0baB\x8e\xb8\x9b\x1a\\\x13G\xb3K\x82\xad\xc8&amp;\x03y\xba\xc1\xf2,/\xa7#\xd9E\x00\x85\x8a\xdfKm\x01\xb6\xd3\xde)\x8bw*_K\xc6{ \xc0\xa8\x1a\xa4/\xba\x1e\x12\x08\xc4s\x8f:\x081\xc6;\n\x9f]\xbc\xcb\x0e\xcc\xd9\xe1\xc8\xd9\xfc\x0b-|{\xdd"\x95\xcd\x13\xac\xe2\xeb\xb4\x0e\xad\x0fq\xddCW#,H&gt;\xb6\xec\xc6\xbb\xba\xd2\xb2\x889\x81\xe4,\xecQ\xb0\xa3\xc3\xdc\x0bf\xe6\xb8\xbe{\xedm\t\x93\x84=5\xf1)\xc7M\x1eh\xe8\x13\x9fu\xe5\xca\x91\xf4\x03\x0b\xaf\xf5\x89\x8f\x9e\x9f\x16\x8d\xe6\x08\xc8\x8d\x9b\x17\x8a,27\x1c\xd9D\x8e\xdf\xf71\xefgxm\xe3\xe3 s\xbfJ\x9b\xc4\x0b\xf6y\xe5|\xcf\x84t\xca]'</t>
  </si>
  <si>
    <t>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</t>
  </si>
  <si>
    <t>b'j\xc3\xd5\xac\x8f\xeb\x9b\x18]\r\xd5\nmJ\xaa\x8a'</t>
  </si>
  <si>
    <t>eat patron, whether Maecenas, with whom, like Vergil, he was
closely associated, or with the emperor (Oliensis 1998). We see Horace developing
444 K. Sara Myers
strategies for preserving aesthetic and personal independence within the new social
and political structure, in which there were new demands on the poetâ€™s voice. These
strategies for dealing with the ever-changing conditions of speech in the empire will
prove useful also for later imperial authors. His Epistles 2.1, a poem addressed to
Augustus, articulates both a â€˜â€˜didactics and a poetics for the Principateâ€™â€™ (Barchiesi
2001b: 82), which reveals the central place of the emperor in the construction of
imperial poetics (see Feeney 2002).
There had already developed in Rome other more personal forms of poetry, such as
epigram and elegy. Catullus and the â€˜â€˜new poetsâ€™â€™ of the early and mid-first century
had written on varied personal themes, especially the erotic, and perfected a learned
refinement of style and content which greatly influenced Vergil and later poets. Erotic
elegy (so called because it was love poetry composed in the meter known as the
elegiac couplet) was practiced in the Augustan period by the poets Propertius (c.50â€“
16/2? BCE), Tibullus (55?â€“19), and Ovid (43 BCEâ€“19 CE). In these collections the
poet writes in the persona of a lover â€˜â€˜autobiographicalâ€™â€™ poems about his erotic
experiences, which follow a set of predictable rules and literary conventions. As
with Catullusâ€™ Lesbia, significant poetic pseudonyms are used for the mistresses
(Tibullusâ€™ Delia and Propertiusâ€™ Cynthia both refer to Apolline inspiration; Ovidâ€™s
Corinna, like Lesbia, is th</t>
  </si>
  <si>
    <t>b'\x8c\xfa\x07\x91\xaa[\x03\xe5Y\xa7\xec\x92t$\x14\xb8\x13\x86\xf0\x97J&amp;\xf2m\xb6\xf8u\xb7=\xfd\r\xf9\x07\x96\xdbd\xcd\x7fvJi\x95\x04fZ=D\x80`\xb4\x7f\xf0\xea\x04)=#\x95\x8d\xd3c[\xe6\xda\xb0\x19P\x93\xb5\xf0\xb1\xc7\xd6\x8c\xa1\x11_\xda\xed\x9e*\x1a(y\xcf\xf17G\xc1!M\xf8-M8G\x024\xb9\x11\xb8\xb6at\xa1Z\\\xd5\xba{\xe8zLp\xc2Q\xf0A\xb6\xd9\xd9#m\'Y\xf4\x9b\xa1\x94\xfa:\xf7]\x90\xe4\xc0r_e%\xdf8O\xf7\xe1;\xe9v\x9e\x12\nl\x9f\x8a\xcdlc\x89\x01\x11\xc4\x01x\xbb\xecw\x86\xfe\xc0y\x8d\xad\x86\xc1k2\xbb\x8bO\xda\x00\xc8\x06h\xae\xbb\\\x7fn\x95B\r\xae\x0b7\xb6\xa2\xbe\xb1A\x02d\xe5-K\xb0\x81KGZ\xd7O\xa1\xad\x1b\xe7e\t)\xee\xea\x18_+\xbc\xc0\xf9\x8eJ\xfb\xbc&amp;\xbe\xaf\xc3\x9aaRccRQ\xe1\xa8\x07\xfb\x9b\xeb\x88\xd0Hv\xccN\xd9!ZC\x91y\x07f\xcd-\xf9?m\x97\xfc&lt;@d\xa60\x95\x13\x05^\x0f\'\xa6\xd4=\xe2\x8d\xa8\xeb+\x85\x1du\xd3&amp;\xa8\x1d\xe7\x01\x11o\xab`\x0fFm\x16\xb3\xb0xF\x01\x8c\xc4\x87.\xd0\xc5x\x88`\xb5\xfb8\x08[f\x8a\xd833\xda\x7fb\xef]w\x7f\xed[\'\xe7p\xe0\x90o\xcc\x07\xc5\xd8\x84$H#\x1e\xa1\xf5!y\xaa\xfb\xc9\xfc8\x97\xa1\xdc\xf2F\xdb]\xf0dd\xd6\xa8azT\xea\xe9y\xd3f3\xb95g\xba\x12\x99\xd4.q\xff\x0c\xd1#\xb8\x83\xaa\xa7\x0b\x89Y\xa7\xee&amp;\xb3{\x92\x8e\x8b7\xee\x94o\xbd\xb2P\x1a/\x81L]YgU\x0c\x9dq\xee\r\'\x1eMX:\x0cK0\xd1.\xcf\x8c\xdbd\x1a\xf7y\xc5d\xfa\x90g\xea-\x9e\xae\xe2/I\xec\x90\xbf\xd7\x05\xbdA\xa6\xe7i\x96\x88W?\xef\xcb\x86S\xd0\xde\xabW7!k%\x06\x96\xdeb|\x94\n\x8c\x19\x97\x07\xa6Jj\xf5\xdd\x94\xc3\xf2\x99\x0c\xb8\xd77?\x8a"\x03**\x91:+Y\xc3t\xe7\xe2c\xb1pq\x14\x8f\xc0\xf9\xd4\xf2\x11\x95"\xad\xb0\x19\x8e\x82Z\xea\x80\x84D_\xa7\xce\xfe\x83o\x1e\xa7\x16\x8ea\xed1\x01&gt;\xc7\x97H\x83\xe3\xdfy\xe8\xcb\xa5\xf3\xeaS\xa2\xb6\xcf\xea\xc5{\xefI\xa5\xb05\\\x81\xf2r*\xab\xa3\x1d\xfe\xbf\xbe\x0eG@\xb0\xcb\x1f\xd2\xbb\xed\xca\x90\xc8\xeb_b\xfd\x03U,\xf6\xac:\xaa\xdb.\xa7z\x81\xa2B!t\xaa)\x95J\xd1 \xfb\xd17zh3\x86\xe6\x1a\r\x88\xbe8\x9cy7\xe3\xffu\x06\xac\xf8\xa3x\xf6\x91\xd4\xf8\xde\x19\xfd\x08C{\xa5\xb0\xde\x12\xa8\xef\x0f\xd5\xaco=r9\xad\x8d&lt;\xd56p\xb8\x86\x97g\x8b\x9c)\xed\xd0}\xbdC\xd2\xea\xb9\xebq\xd2\xd7 \xe0\x94\x8e:\xd5\xf2\x7fo\xdb\xf1\x8b\xcb\x1b\xd7\x13\x83=)p&lt;\x99R\xbd\xeb\x1a\x01\x0fE\xcd\xa3\xed\'\xd7\xe1\xee\x1f\xa2\xec-}s-P\xdc.\x8a\xf3\x0e\xba\xdea\x95\rz\xf7\xd1\xa9\xd9\xd6?L/\xc6\x98Ed\x94p\xb6\xe9k\xe2O\xf8j\xe2%"\xab~\xd4\xbb\x86\x1e\x8fT\xe6\xc8x\xea\xd8\x98\x1a\xbb\xe3\x91\xaf\x95\xc46\x92\x03\x97\x9a\x0e\x88x\x04U\xcb={\x1a\x05\xae\xcca\xd4d\x1d\xae\x05&gt;\x88\x84\x85.\xb3\xd816\xa7\x0cR\x08\x87b\xcb}\x0f\x8b\x8bu8\x94fY\xb1af`\xff\rq\x1eK4N\xf7"\xb7v,\x87\xaa\x7f\xc5\xa3\x90\xe5\xd6\xfc\xe5M5MX\xf0I\xf2]\x9c\x12F\x01\xe5\xb3\xdc\xa0\xeb\xeb\xf0J\x18Q]g\t\xf3\x89"Ez3\x18\x1d\x9b\x8c\x9c\x9cE\x91\xd3\x07z\xba\xf9\xf1\xd4\x06v\xda\xbbRB\x96\x02\xcb+\x11zP\xde\xa8L\x7f\xcd\x990\x1f\x80)\xaaU\xfcq\xc0\xb2}\xb1\x1bU\x08\xeb\xd2%s4\xbch\xf1\x99\x03v\x8a\xb4 \xe3\xa0\x07\xa8\xd2\xb0.\xa9x\x08\xbaq,i/#\x8b\x1fWX\x8d\xa33\xcb\x03E\xe8\xad:\x12\xcc\x83P\xc3%\x94\xe0(W^\xb3\x1f\x918m\xe6\xb9\xb3\xf9\xc7^\xaa\xae\x9c\x92\xdc\xb4\xbcu\x00\x93o\x1f\xb6H\x91+tC\x87\xb0\x08\xb8\xdf~\xee\xe0\x9c0\x19I@\rR$|,m0D\x87\xb6&lt;\xba\xe4\xf5\xae\x10&amp;\xd9\xf2G\n\xdd\xd5\xf8\x9d-/\x8b\xacm\x85\x8b-2\xde2{\xbbWR\x05\xdaPTr\xc3On%\x9dc@\xa5\x194`X\x9c\xd3r\xa4w\x91v\xe2\x80\x92R7\xf7\xfd\xde\xc7\x04\x84\nv\xa8\xfb\xfc\x9cn?\x88%\xc5\xaf\xee\xdb\x8adX;\x87Y\x14p\xbb\x1b\xc0\xe8\xf5\x1a\x1c3\x13\xa4\xac\xf6\xe1\x80\xfc\xd3\x8e\x7f\xd0\xbc\xba\x01bX\xc6\x96\x18\xdc\x8e\xd6H\xb7-\xdeQ\xe16\x95\xea+\x17{(\x91.q\x1a\xec\xc1B\xb5\xf6D\xe4\xfe+\xc7\x19\xfcwD\x0cu\xff\xb2\xb6\x8e} _\xe4CrG\xdaR\x9e\r7}\x189c\x04\xd4\x96\xa8\x1bF!\x82\x88\xac\xdd\xefz\xba\x8d\x14\xcf\xf1\xb6\x1c\x850\x0e\x05/\xb0\xf4to\xe2\x11\x8d\xbe\xf2\xdd`u(R\xaa\xbd*\xe1^/\xe7\xa5R\x8f\x87mZ\x9d\xfc\x89\x13\x7f\r/jkn\xd4[;\xd8\x029\xaey\xf1\xc6g\xba\xdb\x0e\xe6&gt;\x90dF\xfeq\x1ajg\xf2\x96\xff\xd2\xf0\r\x95\xee\xcb\xa3M\xd4\x95*\xc1\xbf!\x86\xb4Ni\xd0,\x18\xef\x02*\xf7W\x00@9\x08iI_#6%\r\x12I\x1d,\x90@#\x15\x03g\xc9z&amp;O;\x88(\x8f4\xae\xec\xa9\x7f $\'\x01&gt;!\x14c\x03\xf8\xc2\xef\x16\x9f\xcd\xbf\xa5\xc2\x16Y\x08\xf45\xd3e\xab\x8b\x01\xe1\xc974moe\x83@22\x87\x17\xd1\xac\xa2\x9cf\x92I\xb3\x0b\xd1\xb2\x84:\xabG\x92X\xcfp\x0e\xd5ay\xa6ia\xf8h\xe7\xd0\xb0\xcd?\xb9\xa5\xdfL\x17\xc5"\xecv\rm\xfe9\xdah\xf9L\x18\xf4yz\xdb\xd1\x84z\x0f\x07\xab\xec1\xd2Y\x1b\xfc\x8b;\x1c\xad7\xb5\x1f\xad\x7fK\xb9\rh\xb2\x14I~w\x9c\xae\xba\xed\xdd\xf2\rfy\xa4\x9c0\x1f\xd9\xf2\x17j\xbe\xcf\xd8\x86\x83\xa5\xff\xe8\xbfG\xa4\xab\xaa\x05\x1e0f\xa0\x82\x99\x1f(\x87\x85\xaeP\x18L\x8b\xce\x11\xfd\xeaC\x04\xef \xb7\x9a\xdf\xab7\xbd-\xf0$\x0b\xf3\xac\x97lV*\xbds\xff\xe3\xf6\x0c\xf8z\xf4\x9d\x82\xbf\t\xb1p\x04Ah\xd7Y9p\\\x17*\x13x\xe1\x8eM\xc9\x13\xbaw\x0e\x9d\x9f\xaeef\x1e\xadM\xd9;\xdd\x8d\xf3\x83lW\xce\xb5\xa6E\xca?\x83D.\xa8vZ\x145\x98FH\xdfZR\xdc+\xa2\xc9\xedR\x8d\xf0\xbdY\x1d&lt;\xc6\x02C\xf9 _\x8e=\xa9\xd3\xda\xba5J\xc8\xe8m\x8e\x10\x10EZlmg\xfa\xe96\xa6@L2\x9b\xe3\x8e\x99\xea&amp;\xfb\xb7+\xc2\xa5\xd7\xcc%\xa6'</t>
  </si>
  <si>
    <t>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</t>
  </si>
  <si>
    <t>b'\x8c\xfa\x07\x91\xaa[\x03\xe5Y\xa7\xec\x92t$\x14\xb8'</t>
  </si>
  <si>
    <t>hen xylem and phloem within a
vascular bundle are arranged in an alternate
manner along the different radii, the
arrangement is called radial such as in roots.
In conjoint type of vascular bundles, the xylem
and phloem are jointly situated along the same
radius of vascular bundles. Such vascular
bundles are common in stems and leaves. The
conjoint vascular bundles usually have the
phloem located only on the outer side of xylem.
6.2 ANATOMY OF DICOTYLEDONOUS AND
MONOCOTYLEDONOUS PLANTS
For a better understanding of tissue
organisation of roots, stems and leaves, it is
convenient to study the transverse sections of
the mature zones of these organs.
6.2.1 Dicotyledonous Root
Look at Figure 6.3 (a), it shows the transverse
section of the sunflower root. The internal tissue
organisation is as follows:
The outermost layer is epiblema. Many of
the cells of epiblema protrude in the form of
unicellular root hairs. The cortex consists of
several layers of thin-walled parenchyma cells
Figure 6.2 Various types of vascular bundles :
(a) radial (b) conjoint closed
(c) conjoint open
2024-25
74 BIOLOGY
with intercellular spaces. The innermost
layer of the cortex is called endodermis.
It comprises a single layer of barrelshaped cells without any intercellular
spaces. The tangential as well as radial
walls of the endodermal cells have a
deposition of water-impermeable, waxy
material suberin in the form of casparian
strips. Next to endodermis lies a few layers
of thick-walled parenchyomatous cells
referred to as pericycle. Initiation of lateral
roots and vascular cambium during the
secondary growth takes place in these
cells. The pith is small or inconspicuous.
The parenchymatous cells which lie
between the xylem and the phloem are
called conjuctive tissue. There are
usually two to four xylem and phloem
patches. Later, a cambium ring develops
between the xylem and phloem. All tissues
on the innerside of the endodermis such
as pericycle, vascular bundles and pith
constitute the stele.
6.2.2 Monocotyledonous Root
The anatomy of the monocot root is similar
to the dicot root in many respects (Figure
6.3 b).Ithas epidermis, cortex, endodermis,
pericycle, v</t>
  </si>
  <si>
    <t>b'\xf6\x90\x11\x87z\x1b\x1e\xfc\xfc$\xde\x81\x0b`\x83X/\x8fV\x084V+(\x00\xf5\x06\xa8T\x99\x1c\xb0\x19\x9db5\xfdS\xfc\xf7\xa9\xd0,\x82\x0f\x14\x8d\x9d\xfePu\xff\xef\xaf\x1ep\xe7\x03/\x1b\xe6\x92W\xac\r\xb2\nw\xc4#oI\x00\xbe\rU\xf2R\xbf\xdb\x13\xe9z\x80\xec\x1a\xea\xbc%&amp;g\xefI\x99\x01\xba\xe6%\xb5%\xfa\xd3S\xc9\x02\xb2\x07\x14yU\x10#]\xcb\x01\x7f\xd3dlX\xf8K\x93\xb71I[\xb3\x90\xc0\xa3\xd4\x84er\xf6R\xee\xdcH4i\xa2\xac\x13\x02\x99\xe6s\xfdz,\x1fH\xd5\xea\xd8\x9a7\xc6\xe45_\xb6\xfd\xa2\xba\xac\xc9+G\xe6\xa38\x81Ra0=%\xf0uU\x1d$9\t5\xed-\xf8tO\xb6\xa5\xde\x9c\x06\xa3\xe4\xbe_#\x13\xd1Y\xc9\xa2\xb4\x83,\xc1\xec2\xack\x86\xce\x94h\xaax\xf6\t\xcb\x8e7\x8a\xb1\xd1\x1aE\xa8D\xae\x13$0\xbd\xf6\xe1&amp;(\x94\xe3\xcf\x8d40\xa7+\x8c\x11\xb6\xb2\xf2\x05\x91\xa4\xe3r\x84\x96\xba\xeb\xbc^\x80\xd4l\x96\x91\xc3\xbd}\xed&amp;{\xf5/\xfcBG\xe1\xe5\x1f \xfa:\xb2i?@f.\xbd\xc0\xc7t\xb9?\xe7.Q\x80)\xe32=\t\x1e9\n\xbe\r\x00\xacEO\x0f\xd7\xd2\xe3-!vL\x0c\x0f\x1c\x16}%^\x08I\x15u\xa8\xeea\x16\xd9?\xb8t\xb3\xe8\x8b\xbf\xa3b`\x1b\xaf3\x8b#&gt;\x12\xb0 \xfa\xe75{\xeaW\x98{\xd6\xd5#\xdfG\xb1#\xdc\x1d\x8b0\x8e\xa8=\x86\x19\xb0\xb7:M\xa1\n\x1eG0j\xcb\xd4F#E&gt;\xfa9\x1adt@\xa8\xc3\r~\xaf\xa2\x94)]\xd82\x85\\\xbav\xe2M\x90%ZDf\xcfp\xc0\xb5\xf8]\xdb\xc0\x81\xfe\x8d\xa6O78zG\xafDW\n\x0e\xeaY\x1bO\xe5I\xf2\xca^\x1c\xe2\x8e\x8cTg\xedytM\x8c\xfc\x8d\xa8\x89\xef\xf6\xc0R\xe3\xc1:3`\xcaWc,|hO\x85\xff\x05;\xcb\xe8\xc8N\\/g:\x112\xdfz\x11\xd8\x8a}\xd7\xe5\'\xdfh\xde\xe2\xee\xfc\x81\xcfG\xa7\x8f\xb4F\xb8?\x1d"m\x98\xef\xa6\x08\x85EU\xfcgD\xdcv\x1bd.\x94\xdce8\x9fU|\xf1Tl\xc6j\xbd\xea\xfc\xa8\xbb7\xba\x8b\x9a\x1f\xe9\xe8\xefj&gt;\xc3\xa9\xf9\xfd1!\xac\x12\xf2v\x97\xa9\x835\xb48\xfa\x9c\xdeL\xcc\xa9\x1c\xcd~\xc6*C/\xdf\xd4\x93\x05\xd6sh\xf2!\xf9\xedc\xdf5\xae\x11\xd0N\x95\xfe\x90\xf4\xaa\xa4\xbb&lt;\x89\x7f\xcf?\x1b\xc3\xcb\x9f\xb0\xa8\xe5\xf4\xf1\xb9\xa7\xf7an/\xdd\x1a\x08\t\x92e\x06\x95C~\x0c[\x98\x17_\xf8\xf5n\xc4\xf9\x96\xc6\xc1WA\x8a\xa0"V\xc2x\xbd\xff\x03\x83\xec\xb6\x94\xfc\xf2^\x84\xf8\xb1zR *\xc9\xa7\xedI/\xc9\xd5\n\'Yc\xfe\xa6\xa7Y\\p\xcb\x1b`\xcax\xd6S`\xc7a\xab\x12\tcA\xf4\x84\x9aj\xbc\x9a\x05\xfb\x9b+\xf5e\xe9\xe7\xd1k\xae\'wC\x02\x02\x8b\xd6\xd3r(\xd9?`2\\DZ\x00\x1du\x9fS\xee\xe0\xd5\xf2\x87\x18\xdb\xe0\'\x8aA?\xc1\xaf\x90Uj\x80\x8d\xd1\xd6\xb4G\xeb\xb9\xfc\xc8\xfa\x9ao\x89\x98mq\xd2\xd5\x07`\x1f\xbf\xc5\x18r-\x80F\x07\xa9\xb0\x9b\x9c\xa9\xe4w\x91\xe9\xf4\xa2r%\x8e\xe2\xa7\x83)nf\x14F\xd8+\xe7\xc0\xa0\xe1p\x8dk\xb4\x02\xecY\xdd^\xdc\x85\xb4z[\xc4\xaf\'@\xd8AE\xbe\x99\x8d\xbe\xe6\xf9\x8fX\xd0\xd2\xf4=V\xea\xe7\xad\x95;\x02$\xa6\xbb\x902\x19\xacT\xae\x8f\x94T\xf0\xb1\x81|"\xe6I\x14\xe1\xcbv\x96\xba`+\xf1\xdd\xd0L\n9Qa\xee\x80\xee\xa7\xebp\xbbc\xee\xc9\xd5\xa5Mn\x19\xd4\x03\xd0M\xe9D\x86\x89\x82\xf7Z\x85ES\x14\x18\xe4\xc4\xd6s\xd0\xfe\xd9y\x08\x96\x16\xd7\xa3\x06\x98\xe3\x1d\xc8W8(2&amp;\xe2\xdf\x1a\xfa\xb8)\xc8\xc4\xa8\xfcn\xdd\xd2\x807\x95\xa4\xb3":\xdc\x98(\xefq\xf68lS\x14\x0e\xadRPf\xf6\x93\xaf\xd3\xf4\xbc\x9c\xdb\x87\x8b\xea\xbatgZ\xc3\xf7)\xa3K\xeeCF\x12\x00\xe4\x8cL\xbf3\xad1D^\xe3\xc1$\x95\x9e\xeb\xf8\xddBU\xb2\xf3\xe6\x13\x95\x926\x13\x83Z.\xdb\x18\x8eE\xa7\xbd%\x08\xf2\xb5&gt;p@\x02\x9e%\xfc\xd9\x81\x11\xa8\xed\\b\xd1\xd3lO\xeb!B\x9e\xa3\xe0\xeaD\xc1+\xa9\xa5\xacy+\xc5Ru\xea\xf5#X\xc8\x9b\xd9\x08\xb6y?\x10\xf0\xb6\x15`\xee9\xe0i\xf73f\xfa\xcf\x03lei\x0c\x1d\xc9M\x0f\x03\xccf\x18m*}\x88;\x127\x80\xae\x1c\x01U\xa9\xf3\x8em&lt;\\\x1fR"B\x9eV\xdf\x0b\x19\xb4kz\x11\xb2\xd8^\xd7|\xfaC\xaa\x143\xaf(\xb9\x05\x7f\xfd\xa6\x84X\x91v\x8c\x8a\xde\x1b\xe3\xfd\x1bWFk\x00\xd0\x19+\xf6N\xcep-\xc6\xb4\xfd\x1bY\xdbC\x95\x03\xfdjQL\x90\xdb\x8d&gt;V\xfe\xf8\xfdl\xe6\x16\xacyc0\xf2\xa8\xc1\xd5P\xe9\x88{\xfd\x04\xb7Ye\x13\x1f\xa2\xe9\xe4\x1c&lt;e\xd5\x7f\x1bY\xf3_\xb6w\xd8&amp;\x0b^z\x86\xdb-\xe5 \xf5\x05\xe8)\xa09\x99\x13(\xac\xf49Z\x02\xf1ib3\xfaK\x88\xa5\xe6\x80\t[\xeaK\xda\xadv\xdd\x03\n\x93\x99\xd3!\x99\xb6\xc5z\xa6\xc4\xd6\xceV\xc5?\xf8\xc5\x7f\xc6i\x98%*%\x16\x84\xcb\xdf\xb5\xd0\xf8\x18$P#\xed\x8eY\xdc\xb5\xc2\xb3&lt;\xeb35\xd3\xe1\xf2\'\xa0g\xe2\x97\xa5\x10*/ \xd1\xd0E#\x99IR\x1b\x01\x9d\x01VS\x84\xdas\xf1\n\xcad\ns\x8e\xa3Q5\xc0\x02W\r\xa8~bL\x94\x93\xf8\x1a"\x19\xbd\xa7#\xe8\x82\xc8\xb6\xf5Q\x8a\xc8\xecP\x8e\xca\xcd\xf8\x860\xa6{\xdd.\xdc\xf6\xbc\x7f\x84\xa6T\xcef\xf1\x8a\x9f)\xa5(Sz\x10S9\x81\x0c\n\xff;\xfd~#\x81w\x0c\x16\xb1N\xe9\xba\xaf"\xa7\xa6\x12s\x92\xaf!\x97\xca3A\xcae\xd7\x1e\xd2z\xd8e\x9b\\+\x96\xa8\x0c%$\x8f\x84\x1b\x06\xa6\xb5\xc9c\r\x9c\xbbC\xf4\xe6blVE\xfc\xa8+[]~\xc2\xa5V\xef\x87`\x86\xdf\xc9z\x95M\xb6;\xb8\xd3\x9d(\xff\xd4]\xbd"\x97\x1e%L\xa3\xeel&lt;4BF\xacv\xea\x99\xe5\x81&amp;\x85onY\xe5\x04O\x0e\x0e\x14\xb9\x8a\x9a\xcb\xf7\x08\xde\x93C&lt;*\xb9mb\xc1\x89\x07\xed\xee*v\x84F\xdf\x1f\x04\x11A\xb2\xbd\xbc.\xef\x18&amp;\x82\xfc\x94\xb1\xfb\xda= {\xae\x91q\xa1\x88R\xa1\xbf\xe5\xdft\xee\xe4c\xd9\x0b\x84\xe7q\xec2\xed\x88\xd1U\r\xeaf\xcby\x85z\x14\xc3\xe3\x19\xa8\x92\x95{\n\xc4\xcd\x8edX}\xc4\x1a\xaa\xcf\x1cs\x94=\xd5e#J]\xce\nz\x06\x84\xe9R\x1c\xadSg\xf0\xcc\xbc\xad\x91={\x02\xd8H\xa2\xc5\xd6dd\xe8\xb8*\x17\x14\xed(\x89\xb2ch\xce[g\xb5\xa7A\x98q&amp;\xe9}`\xcb\xe0+\xb69\xfb\xeb\x99\xf5\x12X\x05^\xaa\x8d\x02H\x95\n\xc0\x9b\xeei\xdeAV\xe6\x8e\xafY4\x17\x81\\\xcfH{\xb4\x97uc\xa5\x91&lt;B9P\x95+K{\xd89\x99]\xa69\xb3u"\x064pr9\xd6&lt;\xb5Z:?!\x10O\x9f\x80\x8f\xa7\xcb,F\x88\x80L\x1dl\x18\x9eQ\xc5jE@\'\xce#\x18&lt;\xa1\x85\xfa4k\xe1\xcb\xc8\xeb\xdf}F\xa7fwR\xb5\xefLZXJmn23n\x19m\x00GO\x9c\x0c\x9c\x8a\xea\x9e!@\x1a.Cd\x8c\x1ex\xb38\xf3\x0fV\xb0A\xefO\\n\x0b\xa7c\x07D0\x12\xe5\xb3\xe0\xee\xbdZ\xf6\xee$\xd4"\x183\x1d\xc1b\x00\x86-\xc6\x85&lt;\xe1\x05\xe3\x95)\xd2\xe7\x06\x99\x1f\xec\x14\xca\xab9`\x11g^\x06\x15\xdb\x98G\x00&amp;f\xe7\xa1\xe2\x80T\x82\x1cj:\x94\xf6\x9b\xb8^\x86\xacpmi6\xbd\x86\xedX)\x9b\xf6\xe9]\xb0n\xee\xfb6\xdc\xba?6\xaf\x0c\x8a=\xf4l\x18\xb7\x1e\xb0\xfd\xc3\x19\x14\x07\xef\xc7\xef\xfe9\xa8\x8e!8\xdbdn\xd3\x7f\xcei\xc1\x9d\x8b\x01\xbfq\x9ea\x8cQ0\xe2e\x19\x97\xfd\x10H\xf0\x1d\x8er\xbci\xe1\xb8Bk\x9c\xcc]\x9a\xd8f\xe5\xeb\xdc\x8eSe\xde\x19\xa66\xfbmv\x93\x07\xea\xe1O@_o2\xe9m\xda S,0\x00?\x07\xa5Z\xa9\r\x01=V\xcf\xca\xb5\xb1\n\xaa!\xec\xd5\x19\xb1\x17\x92\x7f\xf6W\x99\xa8\x01(\xff\n\xee)$\xf89,\xfc\x0f\xd0\nsd\xb7\xea\xa5X1\xa6\x1f\xf2c\x14\xe9\xaa\xf2u\xbf\xa2\xb9K\xfb\x19\xc1#\x85\xe5\x99\xb7Xx\x89\x8d\x0b.\x84\xfc\x95\x08\xe9vI\xceq\xcf\xd5\xff4o\x9d\xc3\x8e'</t>
  </si>
  <si>
    <t>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</t>
  </si>
  <si>
    <t>b'\xf6\x90\x11\x87z\x1b\x1e\xfc\xfc$\xde\x81\x0b`\x83X'</t>
  </si>
  <si>
    <t>in; 'I remember it was on a fine summer's night,
 much like this, but later, that I was walking in the woods, and alone. I
 remember, too, that my spirits were very low, for one of my boys was ill,
 and we feared we should lose him. I had been watching at his bed-side all
 the evening while his mother slept; for she had sat up with him the night
 before. I had been watching, and went out for a little fresh air, the day
 had been very sultry. As I walked under the shades and mused, I heard
 music at a distance, and thought it was Claude playing upon his flute, as
 he often did of a fine evening, at the cottage door. But, when I came to a
 place where the trees opened, (I shall never forget it!) and stood looking
 up at the north-lights, which shot up the heaven to a great height, I heard
 all of a sudden such sounds!â€”they came so as I cannot describe. It was
 like the music of angels, and I looked up again almost expecting to see
 them in the sky. When I came home, I told what I had heard, but they
 laughed at me, and said it must be some of the shepherds playing on
 their pipes, and I could not persuade them to the contrary. A few nights
 after, however, my wife herself heard the same sounds, and was as much
 surprised as I was, and Father Denis frightened her sadly by saying, that
 82
 it was music come to warn her of her child's death, and that music often
 came to houses where there was a dying person.'
 Emily, on hearing this, shrunk with a superstitious dread entirely new to
 her, and could scarcely conceal her agitation from St. Aubert.
 'But the boy lived, monsieur, in spite of Father Denis.'
 'Father Denis!' said St. Aubert, who had listened to 'narrative old age'
 with patient attention, 'are we near a convent, then?'
 'Yes, sir; the convent of St. Clair stands at no great distance, on the sea
 shore yonder.'
 'Ah!' said St. Aubert, as if struck with some sudden remembrance, 'the
 convent of St. Clair!' Emily observed the clouds of grief, mingled with a
 faint expression of horror, gathering on his brow; his countenance
 became fixed, and, touched as it now was by the silver whitenes</t>
  </si>
  <si>
    <t>b'Nd\x9c\x92\xde@\x05\xcf\xc2\xfd$&lt;9]\xe2.&gt;(/\xd9\x01t1\xa3\xac\xcf\xe3Jx\xe7\xad\xea\xc18\x82\xe3\xeb\xff\xea\x9e\x0f\xdb\xac&lt;\xba\x81\xb3L\x040A\xa3\x85m-\xa2$\x0ee\xf93!u\xf6'</t>
  </si>
  <si>
    <t>4e649c92de4005cfc2fd243c395de22e3e282fd9017431a3accfe34a78e7adeac13882e3ebffea9e0fdbac3cba81b34c043041a3856d2da2240e65f9332175f6</t>
  </si>
  <si>
    <t>b'Nd\x9c\x92\xde@\x05\xcf\xc2\xfd$&lt;9]\xe2.'</t>
  </si>
  <si>
    <t>bined with boxing is best), or Apollo as a
boxer (Imag. 1.6.4; 2.32.2, 19.3). He is less interested in other sports, though he can
provide a portrait of a discus thrower in great detail (Imag. 1.24.2). His interests
seem to reflect those of contemporaries who honored pancratiasts, boxers, and
wrestlers more highly than those who competed in the less violent track and field
events.
Man and beast
Delight in displays of skill as one human pummeled another was matched by delight
in the demonstration of skill in defeating savage beasts. Public beast hunts were
initiated at Rome after the Second Punic War (218â€“201 BCE) and, by the lifetime
of Cicero (106â€“ 43 BCE), had become a crucial component of games that an aspiring
politician hoped to offer â€“ hence the extensive correspondence in 51 BCE between
Cicero and M. Caelius Rufus, who hoped that Cicero would provide him with some
Cilician panthers for his games (Ville 1981: 88â€“93). Here, as in chariot racing, the
beasts could be stars in their own right. Just as mosaics depicting chariot races might
include the names of the horses, so too might mosaics and other monuments
depicting beast hunts give the names of well-known animals. Not all â€˜â€˜fierceâ€™â€™ animals
contended with humans. Some popular events involved staging fights between the
animals themsel</t>
  </si>
  <si>
    <t>b'p\x98\x86\x06\xf4K#\xbdb\x10\x7f\xb2\xab&amp;\xfcs\xd1\xbe\x14\x15\x80\x06\xd2?v\xa3n\x95\xbd&amp;\x01\xb8[\x1f\xc7\x0by6`~`\xc6\xaaYFN_2%\x15\xca\xde\xdd\x1d?\x9d+m\x07\xe8\xbfB\xd5\x07k\xd4\x86&gt;\xa8\x0c\x83\x8cA\xfc\xc0\t\x90\xf6N\x80\xcfx\x9c\x8f\xee\x02\x8c83\xd4+\x80Q@3\x9aK:\x9c\x88\xc2C\x9ax\x92U\x94"[\xc5\x10_\xb6\xce=\x8b\xe7\x98\xb90\xbd\xa5\xd0M\xf7\xa8Z!&amp;\xb4M\x1c\xd525\x86)\xa6^\x8e\x91\x1f\x89E/\xd8,\x14\xbf\x84y\xf2\xba&amp;\xb42\xd8fG\xba\xfd5]{\xa8X\x8c\xd0f\xed\xe9|W\x08\xee\xe2FG\xa1rE\r\xbe\xd4\xa5nc?\xa5\xbd\x93\xa7\xb8\xc3\xbcI\xfc\xaer\xa0\xa5 R\x10\xa4\x85?\xa1\xd8h9\x07z\x1c\xcc\x1b\xe6\xdbt\x9ax\x10\x0e$\xbc\x04\xccC\x1e^d\x99\xf2\x93\xb6\x010G\\\xa7\x05\xc2\xac\xb7[\x05\x9a\x04\x9b2w)O8\x01\x83\xf8\xcbjP\x1d\x8d\xa1\x96n\xbb$\x1f+\xe2\xb4\x929\xc2~\xf8\t\x8f\x89Y\x8d\tE\n\x12\xc6\x0f{\x1c\xa6\xbd\xae\xb4\xbe\x12\xda\xa0\xa6\x85\x152\x850\x0e\x0b#\xeb\\\x19\xd2\x1dWe\x95v,\xbf\xdb\xb8\xc1\xe1`\x1bb\xf5\x02\x16\x94\xe7\x96X\xf2\xbc\xc64\xa8%\x02]:g\x18p\x82\x1e\xc7\xd0\xac[\xdd\xcc`\xd2\xa3\x02\x02+\xb6\xe2\x97\xd0:&gt;7\xd5\x89\xbb\xadb!b\xda\x16\x0c\xab&amp;w\xdaG\x8b\xa1\xf9\xbe\xba\x14q0\x0c\xfbm\xac \xe7O\xf07\xb8v\xf2\xf0\xabEQ \xbfkh\x973UN;\xcdKH$\x05\x14W\x16ga\'/\x87[)^\xd1Qq\xb6/\xf1\xb4\xeaN\xdc\xd7\x99\xb4X\xf4\x91\xcen\xcd#\x02\x19\xa6\xeaM\xd39\x80b\xea\xf2\x81\xae\xaa\x05NKcoq#\xbcq\xd9f\x16\xe67\x10^cO\x84\x16D\xa7\xd7\xb1{\xc6\xa1~\xb7bF\x91\xc1\'z\xa2A\xfcP\x82%P\'w\x19\xa7\xad]\xf3\x18\x00\xe1aw\x9c\x9b\xdc64}z[I\xd7\x02;\x01\xaa\xbc&gt;\x7f\xae#M0\xcd%\tkx\x9e!\xb6\\\xec\xd4\xf8\r\xe4(}\xa4\x08\x99m&gt;\x0f99\xf9Y\xea\x03\xdb\xd1\x9ccK\t\x8f\xa1.C\x1alZ\x1a\x91U\xe4\x8dQ9\x96\x02\x14\xd4\xa8M\xc3W\x08\xe4\x1f\xbc)3\xd4\x02|,\xad"\xe2P\xe2\xec\x95\x92\x9b_r\x1f\xdb\xa7\xee\x1d\xa8e\x8b\xd7\xbd\xf6Z\xddq\xb9Ln;,\xdc\x18\x82\x87h:\xe8 #\x8f`kI\xe9\xdeH\xee2]m\xf8\x91U\xcc\xd6\x12\x9dZ{\x9f\xfb6\xa3\x136Fc\xdb\xf0;\r\xc8\rg\xbb\xfe\xdbF\xe6\xab\xe6\x19\t\x8d\xd1&lt;\x97\xe9Y\xd2\x97\x8c\x0e\xe1\xd6\xcc\xde\xf5IQl\xd8\xe5\n\x9cb\xa9\xb0\xd5\xae\xe8\xb6\x1f\nX\x8d\x07R\xf9\x9e\xf3\xfd\t1\xdf\xe4\x87J\xffy\xdd5\x85A\xc5\x7fr\x0fz\xbb\\\x7f\xb4w\xd6d*\x99\xee\x18\xbe`\xff\xca\x83\x97[\xa1\xc7CE\xb3\xfd\xc8Ks\x8fl\x14A\xfd\xc4"i\x8d\xe33\xaf\xb1\x89\xab\x08\xedv2\xde!\xea\xb8lC\x07v@\x1f\x19\xbf{oE&lt;\xc6\x8c\x1bp7s\x14i\x02\xb3\xdei\xf9\xff&lt;]\x99A\x05\xc6\xc8\xef\x93\xf5n\xee\xc2\xc2\xef\x9c\xad\xce\xd0\x8f&amp;\xcf[\xc8\xe2\x88\x89\x80\x86$a\xd5\xbe\xd5\x10\x17R\xea&amp;\xb7\x7fmw*}PW\xd8T=@)\x9b\r\xcc\xfa\xdb\xe0I\xeb\x1c\xbe\x8cX~Q\xc0\xbc:&lt;\xaf\x08\x18\x1d\xa6\xf6\xbaV\x8d:\t\x15\x97J|\x94x\xf9\x17\xc0\x8cfl\xf8f\x8e\xf8\x85\x95\x00\xdc:^\xf1xY\xe5^\xa8]\xb6\x97\xee9\xaf\xd3S\xde\xdar\x07\x90|\xed\xe6\xd0 \x8b\x17z#\x19C\xa5\xe4\x0ed;\x85\xec6\xfa\x00\x87\xfb\x95\xef\xf9\xc6\xd7\xbd\xf5g`\xf8\xfb\xb5{\xd9\xd1\xbb\xdd!\x07\xdch3\xc8\xecG\x030\xa4\xf1\x13\x12\xb9\xddK\xcfGx7s\xfc\x0eA\x1c5\xda\xab\x7f\x7f\xf6\x0c\xed\xbf\xfb\x11\x16\xf89\x86\x8br\xb3Mn1\x0c\x18Pr\x8a+\xea\x19r9V\xc6\x82\xfe\xdbQ3q\x06e\x0b\xed\xf7\x18R=\xeb\xc0l\x9eI~\x004\xf85J\x08\xea\xed\x02\xa5\xa4\x7f\xc1w\xa8\x0f\xbb|Q\xbb*q\x9f&gt;y\xe4H{\x7f\xa7^m\x8c\x8e\xd8\x1c/w\xc0v\x8e~\xcc\xb5\x01h\xa0\x19v\xe9\x1c\xdd\xa6\x13\xcd;h&amp;%\x98\x1d\xf1\xf4\xbc\xf3\x9b\x1f\xc7\xea\x9c\x10\xed\x04\x05A\xf3\xffx\xa2\xa7\xf2\x80H\xc5\xfd\xac\xfc\xcc\x81\xac3=\x15\xd3\x9d\x11\xce\xa0\xd1\x89\xec\xa2o\x98k\xe7\x92\x8f\xec\xea_\xbe7\xfaF\x9bO\x1d\xe6\xe7\xe6\xf5\xbd\xc3\xec\xa1\x92Q$C\xf7\x1e\x96\x88\xfaL[k`a\x1e\x17\xdc\xf1\x01\x81D\xc6\xdd{N\xf1\x0b\x9c\xc5s:)DZ\xfd/v\xd3\xaf\x98TF\xb5F\x1d3\x02\x8f$\xf5\x80\xfe\xebpc\xedy\xfb\xf6;\xebS \x1aYk\t\xd8\x81\x95\xb5@\x8a\xbe\xfc\xbc\xa7\xf2,re\x8aE?\xe9&amp;QE\t\x1a\xa7C\x85_\xb3\xfd;\xf5PH6\x8bsv\x04f/$\xdc^\xe6\xc8j"@\xcfI\x8d8q\x89\x7f\xb8\xd3\x9f\x0b\x8e\x86.v\xdfR\x08{\xc25\xc7%\xe4Sd2\x7f\x95o\xbe@\xd1\xdar\xaf\xaf\xbe\xfb&amp;\x1f+\xaa\xb2=\xf9\x96a@\x02\x04\xacq\xa0\xefW#VJx'</t>
  </si>
  <si>
    <t>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</t>
  </si>
  <si>
    <t>b'p\x98\x86\x06\xf4K#\xbdb\x10\x7f\xb2\xab&amp;\xfcs'</t>
  </si>
  <si>
    <t>m, why?)
 I gave this feedback to my contact at the company, and, instead of
 listening, he told me why I was wrong. He gave me a rational, intellectual
 breakdown of why Iâ€”the customerâ€”just didnâ€™t understand the product.
 â€œDude,â€ he said emphatically, as though if he just said it another way I
 would finally grasp the concept. â€œIt replaces fruit!â€
 I still canâ€™t figure out why Iâ€™d want that.
 Someday, heâ€™ll get it. Heâ€™ll have a great launch because heâ€™s got a big
 audience. The product will sell. People will be excited to try it, and then itâ€™s
 going to head to the back of their cupboard, where theyâ€™ll never touch it
 again.
 If your product fails to gain traction, despite your steps to do everything
 right, then itâ€™s likely that something went wrong in the initial stages.
 Entrepreneurs are big thinkers, but they often think too big at this stage in the
 process. Go back to the customer, to the following. Focus on the micro.
 Maybe you didnâ€™t get enough people in one spot. Weâ€™ve talked about
 needing to create a place that has at least 1,000 followers talking about the
 product. Maybe you tried one thing on Instagram, and something else on
 Reddit, and then a third thing on your YouTube channel. Now you have a lot
 going on, and it may seem like everyone is talking about your product, but
 you still donâ€™t have 1,000 people in one place.
 I have a student named Michael who sells products for gardeners. During
 the</t>
  </si>
  <si>
    <t>b'.Jd\xe4\x9c\x0e\xf9!\xc9\xbaw\x114\xc4\x98[\xec\xadX\xb0)\xfd\x99\xd3G\xd1\x8bd\xb1P4\xd9_\xef\x97w\xc9\x8c\xe1s\xa0\xfb\x9c\xec\xf5\xd83?nu\xf6V+|z]!\xc5I\xe7/\xee,l\x1eo\x90\x97{\xb8\x10\xd7\xf2}~\x14\xd2\x08\xb5\xa5\x0eq\xbf52n\x8d\xa0i\xdbL\x00\xb4T\x9c\xf1\xe0\xd9\xc8\xe9\xc2A\x15B kFX\xf1Xr\xf51\xda\x18\x8b\x1a\x14e"8\xbbc\x9b\x1b\xa48\x8d\xe7x\xde\xd5\x8eA\xd5v_+\xf9\xe0\xc4\xd6\xae\x94AVK\xafK\xa2\xe1\x9e-\xb6\xc9\xa6P\x80@\xe4P\x9b\x90\x0bL0v\xf1\xddBj\x12\xf9\x9a\xdf\xcb\x0e=;\x16\xa6\x86\xd4\x85\xb75M\x9e\x07\x9cY\xac\xfe\x13&amp;\xf9O\xc25\xa4\x8eU\x9d=\x80Y\xf3\xe8\xc0\xde\xe8\x00\x13}e;\x0f\xcb\xa5\xb31\xcd o\xacu+\xb9\xb2\x8b!\x18\xe3\x11!\x9a\xdfMTh\xc0\xe5%\xf0\x99}1\x8d\xbfd\x1f\xfa\xbe\xf5\xcb\x8e\xd06`X\x01\x95\x1c\xeb$A\xa9\xf2\x04\xc8y\x16\x14\x80\x00\x8c\x06\x86Di\xe1i\xfb\x07C \xfc\xfb\xed\xa5\\\x13\x9fhTO0\x12IG\xbd\xf6T\x90\xec\x88+1v]*\xcev\x1fY\xfd&lt;\x99\xfa\xb2hhK\xea\xdax\xd3B\x15\xa4\xca\x16\xf2\xcau\xac\x83;\x96&amp;T\x86n7\'\xfd4\x88\xfb\xc3\xdd\xdbYA\x9aF\x0e)d\x13\xed\xd9\xbe[e\x8b\xfb_j\xadb2\xa3Y\xdb!\xffD\xa3\xce\xecE\xc6\x03`\xc9C)V\xbc\xb6W\xfdU\xbdj\x04\xa1\x0cq\xb9\xb4_o\rp\xf6\x02\x93\xac\xcd\xa2\xa2bN (\x0c\xcfU\xf5:*\x9c#\x03\xeb\xda\xd7\xe2\xdb\xda\x01\xe5|&lt;\x92\x94\xb6\xdf\x8b \xf8\x06\x16\xcb\x01z|\x1c\xc2\x92P\x95\xc6\xe7\xb69=\x10Y\xb8\xb0\x9e(\xd9\xc3[8\xe4H\xee\x81\x07$\t+\x13jH\xea\xc2\x98_&lt;\xdd\xc6\xf7\xd3\xe3\xdaZtC\rz\xf5\xd5\ta\xfa\x81\xcd\xc9\xb0\x19\xb6%\xb2\xd0\xf2\xab\\\x19e\'\x85\xb9qq\xfd_H\x8a\x84\xa6\xce${|e\xfc\xf8\xfd\x89j\x01\x07\xc0\xd3o\xa7\x83,\x1f5\x91\xce\x17\xdb\x104\xbfTc\x8fk\n\xf3\xa1\x0c\x86W\x8c3\x15[\t\xf9\x9f(\xc69\xd6 }\x8a\xc7\xb6\x10Sr^t\xf1Yl\x8a\xdd\xda\x1c\x87&amp;4SzO\x1b\xf3\x13\xbb$\xeb\xfd\x0c\x18\x8cSS0oh\xb9V\xe12\x118P\xa2\x9b\xe2\x01\xa3b\x83#\x8ee\x989\x8d+\xd0\xe6\x0f\r:\xa8\xb4?\xa1\x92\xeeA\x8e\xc7\x8b\xdf\xc7\xb0\xb7vR\xe0\x84\n\x113\xce\xcc\x96\xc9\xea\x9a\x8eK\xf2\x869\xd6S.L/Bh\xd7i\xab2C\xc27\xf6`\xe4\xa9\xc7\xd0\xde\xddL\x0701\x12\xe9\x82#B8\xce-\x1d\xc9\xd7\xce\x13\xc4\x956\xee?O\xf5\x96\xfah+\xa9\xda\xdaA$\xa2\xf4\x87\xb3#-\xbcz\xa8~#?\xae\x92\xd1\xb5\x05=\x88\xcf.m\xc0\x98O\xe5\xbal*\xd9\x8a\xb2\xc5\xbbL\xfaxP\xf7\xfe\xb0v\x12J\x0elR&lt;\x84\x05\xf2\xfe\xd4\x186x7\'\x98\x8fa\x1e\xf7\xc4\xa0\x9cD\xe68^\xc4K\xb3\xe9@\x7f\x00&gt;\x858\xa9\r\x7f\x0b\x87\xb7\x97^H=\x03\xb8\xb2L\x1e\xf9\xc4|\x1aK\xa0P\x00\x127N&amp;\x00\x81\x88\xe7\x92\xe8\xd9\xbc\x97?h\x81z\xdc\x1b\x84B\xea\x07\x95\xef\x8cs\xbe\xb9NS]_\xb1\x0c\x97\x0e\xb4h\x87x\x9c\x15\x9d\x9eo1\x05\xceg\xbc/\xc8\x99\xc2u\x10\x00\x81\xfc\x90\xb61%\xf6q\xbdr}\x16\xdc\x87\x942\xe7\xe3\x9eWh\xbf\xfb\x97`\xee\x9ad}\x8fN\x1e\x9f=\xf7\xad)\x9b\xed5\xe0\t\xe5\xe2?\xa5\xb8\xdf\x06\xc3\x97\x85\xf1\x7f0\xa7d\x9d\xe0\n\x12\x16 d\xab\xfaLV\xa0\xf9\x83\x07\xb75\xe2\xd3\x1b&lt;\xd4\xe0d\x0e\xd7\xb5\x11sc\xb9\x8c\x12:@\xec\x17\xdf\x86bw\xba_g\xed\xb9\x0e\xac\x82C\xa4q\x06\x0b\xd8Y\xd7\x82\xba\xd20\xc0\xda\xa3E\xbc\xe2\x0f%\xba\xf5\xf6\x07\xab\xad\xa3\t\xd8c\xae\x88\xb6\xa1v}\xaf \xba\xd80\xac$\xc3e\xc9\xd5\x08\xed0"\xe6&amp;\xfaN\xc4J.\x1d\xda^L;v\x95OOb\xfd|j\x05\x95\xd5\x19\xb5\x94\xee\x16Fg)\x9e\xd19\xa5\x907\xf2w\xff18&lt;\xda\x97\xaf\x7f\xb0\x01w\xec\xf4\x10\xfd9\xaab\xd4[\xb9\x92\x8c\x94#{\x89\x07K\xfa\xcd\xb1\x01\xb2\x8a\xa17\xc2\x14i\xd1\x8b\xeb\xa7E\x1d\xcf\xee\x1fSgE\x07\xbdv\x89\xb5_\nw\ruo:\xf4\xf4\xbdx\x9dM\x0cW\xb6\xf2\x8f\x19\xe8\xd6\xee:1\xb1H\xfb\xb5y\xc6\xf1\x16\xfa\xce\xda\x18\xd8\xb5mw\x17\x9c\xb3E\xa3z(\x12\xfb\xbd\x02\xee\xcd\x12\x16[\x81l\x1b\xe7.\xbdy\xaf\x8a~\xf5\xfd\xda\x06\xdbNb\x91T\x1b\xfeB\x82\x952G\x84\xdb\xbc\xc0Qq\xe0\xc9\x8f\xd2\\Y\xec\xc8u\x1b\xe00@:\x18\x1d\x93\xa6H\xb0`\x96\x00\xfb\xa8\x0bF\xe5^\x91\t\x10\xb9\xb8\xf2\xd6\x13U\xc4&gt;\xff`\xd3\xf9v\x04\xcar\xd9+\xc9\x05\x18u\tf\x7f\xda~.\xa5\x01\xfb\xe4\xecP\xf4o\xb4yc\xe7&gt;\x191\xb6\x98\xe3\xc0\xe6c\xcc\x89\x96\xc4\xa3\xb2S\xc2UL\xae\xc3\xbd\xd0c\x12"Vb\xf6\x8ac\tw:\x12D\x0e)\x14\xd6E\xab(\xfe\xf6S4\xe3\x8bFDx\xa5\xe0\x1a\xe7\xb5\x95\xe1\xbb\xaa:z\x01\xed\xc5\x9f\x0b\x1a\xd3f\xeb\xd9\xa0\x1eV\x00\x07\x8c\xa0\xa0u\x17\x1b\xec\xd9\xe2\x95\xb2#\x0e\xc4B\xd2\x84]v&lt;O|\xdf\r\xb9G\x04\xa3\xe7\xe8\xac\xc0\xb6\x07\xeb\xd2N\xdf\xfe\xf4\'=\x9bf\x12py\xe0\x10.Wk1L\x0bu\t\xf5\xf2\x92\xecd`\xbe\x92\xc3I\xac\xfdq\x19\x12j\x82/'</t>
  </si>
  <si>
    <t>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</t>
  </si>
  <si>
    <t>b'.Jd\xe4\x9c\x0e\xf9!\xc9\xbaw\x114\xc4\x98['</t>
  </si>
  <si>
    <t>ternational trade for two basic reasons, each of which
 contributes to their gains from trade. First, countries trade because they are
 different from each other. Nations, like individuals, can benefit from their
 differences by reaching an arrangement in which each does the things it does
 relatively well. Second, countries trade to achieve economies of scale in
 production. That is, if each country produces only a limited range of goods, it can
 produce each of these goods at a larger scale and hence more efficiently than if
 it tried to produce everything. In the real world, patterns of international trade
 reflect the interaction of both these motives. As a first step toward understanding
 the causes and effects of trade, however, it is useful to look at simplified models
 in which only one of these motives is present.
 The next four chapters develop tools to help us to understand how differences
 between countries give rise to trade between them and why this trade is mutually
 beneficial. The essential concept in this analysis is that of comparative advantage.
 Although comparative advantage is a simple concept, experience shows that it
 is a surprisingly hard concept for many people to understand (or accept). Indeed,
 the late Paul Samuelsonâ€”the Nobel laureate economist who did much to develop
 the models of international trade discussed in Chapters 4 and 5â€”once described
 comparative advantage as the best example he knows of an economic principle
 that is undeniably true yet not obvious to intelligent people.
 In this chapter we begin</t>
  </si>
  <si>
    <t>b'0E\x02 cZ:\xd4J\x85cV\xaf9)O#\x16\xbdW\x8f\xbb0)\xa3\xc3\xbd|\x07$#\x99u\xb9\xb2q\x02!\x00\x8e\xcb\xbd\x0f\xdfb\x84s\x8b\xdend\xfb\x08\x81Z\xea5\xd0\r\nz\x8cQ\xd8\xec\xe3,\xfb.Ei'</t>
  </si>
  <si>
    <t>30450220635a3ad44a856356af39294f2316bd578fbb3029a3c3bd7c0724239975b9b2710221008ecbbd0fdf6284738bde6e64fb08815aea35d00d0a7a8c51d8ece32cfb2e4569</t>
  </si>
  <si>
    <t>b'0E\x02 cZ:\xd4J\x85cV\xaf9)O'</t>
  </si>
  <si>
    <t>sues: (1) the relationship between marginal and total product within
 each sector; (2) the income distribution effects of relative price changes.
 Marginal and Total Product
 In the text we illustrated the production function of cloth in two different ways. In Figure 4-1
 we showed total output as a function of labor input, holding capital constant. We then
 observed that the slope of that curve is the marginal product of labor and illustrated that mar_x0002_ginal product in Figure 4-2. We now want to demonstrate that the total output is measured by
 the area under the marginal product curve. (Students who are familiar with calculus will find
 this obvious: Marginal product is the derivative of total, so total is the integral of marginal.
 Even for these students, however, an intuitive approach can be helpful.)
 In Figure 4A-1 we show once again the marginal product curve in cloth production.
 Suppose that we employ person-hours. How can we show the total output of cloth?
 Letâ€™s approximate this using the marginal product curve. First, letâ€™s ask what would hap_x0002_pen if we used slightly fewer person-hours, say fewer. Then output would be less. The
 fall in output would be approximately
 that is, the reduction in the work force times the marginal product of labor at the initial
 level of employment. This reduction in output is represented by the area of the colored
 dLC * MPLC,
 dLC
 LC
 Marginal product
 of labor, MPLC
 Labor
 input, LC
 dLC
 MPLC
 Figure 4A-1
 Showing that Output Is Equal to
 the Area Under the Marginal
 Product Curve
 By approximating the marginal
 product curve with a series of thin
 rectangles, one can show that the
 total output of cloth is equal to
 the area under the curve.
 rectangle in Figure 4A-1. Now subtract another few person-hours; the output loss will be
 another rectangle. This time the rectangle will be taller, because the marginal product of
 labor rises as the quantity of labor falls. If we continue this process until all the labor is
 gone, our approximation of the total output loss will be the sum of all the rectangles shown
 in the figure. When no labor is employed, however, output will fall to zero. So we can
 approximate the total output of the cloth sector by the sum of the areas of all the rectangles
 under the marginal product curve.
 This is, however, only an approximation, because we used the marginal product of only
 the first person-hour in each batch of labor removed. We can get a better approximation if
 we take smaller groupsâ€”the smaller the better. As the groups of labor removed get infini_x0002_tesimally small, however, the rectangles get thinner and thinner, and we approximate ever
 more closely the total area under the marginal product curve. In the end, then, we find that
 the total output of cloth produced with labor , , is equal to the area under the mar_x0002_ginal product of labor curve up to .
 Relative Prices and the Distribution of Income
 Figure 4A-2 uses the result we just found to show the distribution of income within the
 cloth sector. We saw that cloth employers hire labor until the value of the workersâ€™
 marginal product, , is equal to the wage w. We can rewrite this in terms of the
 real wage of cloth as . Thus, at a given real wage, say , the marginal
 product curve in Figure 4A-2 tells us that worker-hours will be employed. The total
 output produced with those workers is given by the area under the marginal product curve
 up to . This output is divided into the real income (in terms of cloth) of workers and
 capital owners. The portion paid to workers is the real wage times the employment
 level , which is the area of the rectangle shown. The remainder is the real income of the
 capital owners. We can determine the distribution of food production between labor and
 landowners in the same way, as a function of the real wage in terms of food, .
 Suppose t</t>
  </si>
  <si>
    <t>b'0E\x02!\x00\xe4\xf2\x93\xc3\xed;\x92\xd7\xad\x8e\xe44N\xe4x\xe6\xa7.\xab\x9d\xf5[e\xbb\xdeY3\xe98ihg\x02 \x7f\x0e\x9fs\x81\xca\xba\x8b\t\xbfm\xee\x9dq\x13\xeb\xed\xff\x8b\xd5\x07^?\x96\x16\xaa\x0e\xd6\x16\xd7\xcd\xdd'</t>
  </si>
  <si>
    <t>3045022100e4f293c3ed3b92d7ad8ee4344ee478e6a72eab9df55b65bbde5933e93869686702207f0e9f7381caba8b09bf6dee9d7113ebedff8bd5075e3f9616aa0ed616d7cddd</t>
  </si>
  <si>
    <t>b'0E\x02!\x00\xe4\xf2\x93\xc3\xed;\x92\xd7\xad\x8e\xe4'</t>
  </si>
  <si>
    <t>migration of an
alkyl or aryl group takes place from carbonyl carbon of the amide
to the nitrogen atom. The amine so formed contains one carbon less
than that present in the amide.
Write chemical equations for the following conversions:
(i) CH3
â€“CH2
â€“Cl into CH3
â€“CH2
â€“CH2
â€“NH2
(ii) C6H5
â€“CH2
â€“Cl into C6H5
â€“CH2
â€“CH2
â€“NH2
Example 13.2
Solution SolutionSolution
2015-16
387 Amines
The lower aliphatic amines are gases with fishy odour. Primary amines
with three or more carbon atoms are liquid and still higher ones are
solid. Aniline and other arylamines are usually colourless but get
coloured on storage due to atmospheric oxidation.
Lower aliphatic amines are soluble in water because they can form
hydrogen bonds with water molecules. However, solubility decreases
with increase in molar mass of amines due to increase in size of the
hydrophobic alkyl part. Higher amines are essentially insoluble in water.
Considering the electronegativity of nitrogen of amine and oxygen of
alcohol as 3.0 and 3.5 respectively, you can predict the pattern of
solubility of amines and alcohols in water. Out of butan-1-ol and
butan-1-amine, which will be more soluble in water and why? Amines
are soluble in organic solvents like alcohol, ether and benzene. You
may remember that alcohols are more polar than amines and form
stronger intermolecular hydrogen bonds than amines.
Primary and secondary amines are engaged in intermolecular
association due to hydrogen bonding between nitrogen of one and
hydrogen of another molecule. This intermolecular association is more
in primary amines than in secondary amines as there are two hydrogen
atoms available for hydrogen bond formation in it. Tertiary amines do
not have intermolecular association due to the absence of hydrogen
atom available for hydrogen bond formation. Therefore, the order of
boiling points of isomeric amines is as follows:
13.5 Physical PhysicalPhysical
Properties PropertiesProperties
13.3 How will you convert
(i) Benzene into aniline (ii) Benzene into N, N-dimethylaniline
(iii) Clâ€“(CH2
)
4
â€“Cl into hexan-1,6-diamine?
Intext Question
Write structures and IUPAC names of
(i) the amide which gives propanamine by Hoffmann bromamide
reaction.
(ii) the amine produced by the Hoffmann degradation of benzamide.
(i) Propanamine contains three carbons. Hence, the amide molecule must
contain four carbon atoms. Structure and IUPAC name of the starting
amide with four carbon atoms are given below:
Butanamide
(ii) Benzamide is an aromatic amide containing seven carbon atoms.
Hence, the amine formed from benzamide is aromatic primary amine
containing six carbon atoms.
Aniline or benzenamine
Example 13.3
Solution SolutionSolution
2015-16
Chemistry 388
Primary &gt; Secondary &gt; Tertiary
Intermolecular hydrogen bonding in primary amines is shown in
Fig. 13.2.
Boiling points of amines, alcohols and alkanes of almost the same
molar mass are shown in Table 13.2.
Fig. 13.2 Intermolecular hydrogen bonding in primary amines
Table 13.2: Comparison of Boiling Points of Amines, Alcohols and
Alkanes of Similar Molecular Masses
Sl. No. Compound Molar mass b.p./K
1. n-C4H9NH2
73 350.8
2. (C2H5
)
2NH 73 329.3
3. C2H5N(CH3
)
2
73 310.5
4. C2
H5
CH(CH3
)
2
72 300.8
5. n-C4H9OH 74 390.3
Difference in electronegativity between nitrogen and hydrogen atoms and
the presence of unshared pair of electrons over the nitrogen atom makes
amines reactive. The number of hydrogen atoms attached to nitrogen
atom also decides the course of reaction of</t>
  </si>
  <si>
    <t>b'\x9e\xbc\x0c"@\xb7\x1d \xad\xa5\x93\xf4\xa7\xb6&gt;r\x01\x16\xbbYKn\x86\x96\nD\x8at\xb0\xce\x80\xb9\xa6B\x1b b2\x871\xc6\xe1J\xf2\xd6\x83}~\xe2\xc6\xc2\xd8\xc3z\xfdv;\xc5\xef\xe1\xd4.2W\xc3\xe6\xd7\x92\x8c\xd2\xee\xa5D\xf7\x7f1\xddpo`j\x19\xf1\x9e\x0e\xd3\xbbT\xa3\xffS\xba\x85h\x9b\t?\xa0f\x97\xe5H\\,m\xb9\x12\xc8\x0e`_ \x12I\xf7\x85q\n\xad~&amp;$\xf2=\xbf\x89\x8d\xbe\xff\xff6\xb3V(,O_\x06\x07:\xc7\x0c\x19\x7f9{W\x0f:\x028\xeb\xfc\xb2z\x964k{\x89\xf2\xdd\x1b9\x82/U\r\xd2MD|!h\xcc\x8f\xf3\xf0\xac\xb7\xc8\x94\xfd]h- \x9e\xda\x18y\x81\xcf)Vaf4\x83\x83\x987\x8c\xebUd\x1f\xfe|q\x9e\xab\x0f\x84\xdb\xdc`\xf5\x86\xaa\xbb\xa4\xac\xc2}{\x10;.\x18\xef\xfa\x14\xc4\x1e\x9ddqP\xdd\xa6\x1e\xa1D=\xd4\\\x1e\xc6\x1e\x10\xb8\xd2r\xeb&gt;\x87\xa5\xdf\x01\x9aI\x8a\xed\xe7\xb3\x00\xe9\xe9T\x05\xed\xb3]_\xac\x1fxd\xc1\xb3\xc7g\xb8\xfe\x95:\x89\x95\xf9n\xb7+\xb0Q\xb6\xf8xH.\x1cT}\xb4\xf5\xa8rF\xf3#\xc0\xe3\x90?\x9e1H7,\xfd(ksO\xb2\xce\xb9\x1b\xc9\x19\xd0\x1d_\xd2eXdMq\x7fg}&gt;\xde\xfa\xf2{I\x16\xf3 \xc5;\xb1vU"\'\x07tt\xc3u-8Q\xe7\xb12IT\xb8\xc1Z\x15h\x15\xe3\xed_XE\xcc{\x08\xef6\xc6Y\x8e*\x88\xbaLr\xf2L\xe6\x02,\xe5`\xb9T\xfe\xb8\xe0^P\x84\x072\x9dI\x02\xccQi\xf62\x05\xbcMj\xde\xda\x8fP\x1e\x90\x9c\xcf\xdeZ\xfa\x1b\x82\xce\xa5\xf9a\x16j\xd1x\x86\x89\xbf\rz\x11\x88\x10F:\xfa\xf0\x9f\n\x14E9l\xf0\xde\x94U\xe4\x90ubf\xed0\xac\xd2XP\xc6\xaf\xdb\xf9f\xb4\xaemk\x0b\xc7\xf0d\xb1\xcfu@g{\x8c8\xf4/\xd1%\x08\x1f/P[\r\xf9c\xd0r*\xdc7\xda\xe415\x81\xeb\xea\xdfC\xc3\x8d(\xebG\xde\n\xa6\x12\x02\x98,\x95 e\xc3\xc2K)M:*\x91C\xa4\xa2\xf1\x99\xeb\xef\xc3!\xa2=9\x1fK\xf7\xf6\xea\xc1d\xf7-\xad]\xa6\xa2\x8d\xb96\x9f\x82\xa6O\x04\xe4s_M\x0e\xea\xf2\xc7\x8c\xfb\x06\xd6&amp;\xdf\xd0\x0c\x8cs\x80\x85c_\xcblo\xb3y\xec\xc6gP\x14z\x841l\x18fMZ\x16%\xb6\x95\x8f\xd9\xe1\x9fC\x8d)\xe4g[\xd6-\xc8L\xe6\x06XN\x14\x13\x8aP\xfbUU\xfa\xf5\xad\x84\x88n\xed\x92\x88\x9c_p\xf3v&lt;\xd1\xd1\xb2t\xf0\xe9\x8b\x8c\xf3\xf3\x81\xdcQ\x83.z\x03\x1d\xd1\xa6\xdc?N\x9f\xec3\x87\x16z\xde\xec\x9b#\x15\xc1-\x86M#\x06\x9c)L\xbfl\x9b\xae\xa9K\xe7\xfa\xc4H\xf3U\xfbvW#\xcdQ\x1a\xa9\xe2\xc7&amp;/\xd1\xc4LDg\xd0.\xfa\xf59\x08\xef\xb9\xe7\xfb\xc7T\xb7\xdd\x05\x07\xe9\x1d\xd3\x94\x95L\xa9\xf3\xfe\x07\x07KP\xd7\xd3\xbd\xbd\xf0\x0b\x08\t\x12\xf7%b\xd0y\x89&gt;\xaf\xd5x\x1f\xfd\xb6\x92I\x8360?lC_@s\xec\xa1\xc7\xc9\x88\xbfE\x8b\x89:|\x87\x00\xd3\xf1:a&gt;GeV\xa8\x7f\x8e\xec\x99\xe1\x11k6}X+\xa3\x06L\xa5\xc7;UdY\xb9\xae\xdb$\xe7l\x1b\xa5\x8f\x90\xf3\x87]\x9fe\xf3m\xd2B\xcb\xb9(\x95O(\x9bN\xf7\xfc\xf6#%\xa0?\xb8\x81S\xfe\xc6\x8b\x9c\xe8\x9d\xe7\xea\x00\xb0[\xee\xa4\x93\xd2\xe5s\xa6{\x88\\m}\xdd\x05\xff\x99\xadl\xedq3\x02Y.\xf4!\xf6\x05\x08\x9aa\xc3\x08\xa4\xba"5\xe1|Mr\xa0=F\x8e\xeb\xcfwP\xea\x83{(#\xb5\x9f\x12\x02\xa2x_\x8at\xbc\xea\x08\x06T\xf7\xb6`\xa8?\xd5Y&gt;P\x0f\x9c~,:\xbe#\xd4\xfc\x8d&amp;#RM\xe2@\xb0\x93\x12S\x1a:)\xc7L\xf6\xc4\xf5\xd1\xcaK\xd3\x1d\xb80\x87\x0f\xa1h\xb1\x965\xcf7\xc3q\xc0\xfe\xfd\xd0\xe5N\x8c\xe3\xca/\x9ay&gt;\x9c\xd4Sgs&amp;\rw\'@\xd8[;\x9a\x82j\x0c\xe4f_u\x94\x06C\xf1\xad\xa2\x8e\x9b\t\n\x0e\xbe\xf7\x98\xa9Z\xcd\x06\xa1r\x9fb\xd5]#\xbck\x0b\xdf\x94S\xe6\xde\\\x8c\xfb4\xcdY&amp;\xe0\xcd\xd0y\xe0!\x9e\xeb\xce\\\x0fd,\x7f[\xa7\xc2\xd0\x82\xae\xbcQk\xb1\x91\xe5\xe3wA\xae\xed\xba\xe3\x05\xa5-\xe4,\x06\xe9\x9b\xa6VH\x00\xa0\x03\xe5\xc1\xc3:\xc0\xc8dit\x02\x88\x7f\xab,\x89\'\r2\xacS^\x91\x99\xbe\xcf2\x10|n\xf3z\tM\x8ea\xf16~\xcf\xa1\x0c\x12\xa8\xaa\x8e\xe9zL\xaaD\xaaD\xd1\xd9\xee\xf3\x04y\xfd!e\x0e\xaf!\xb0\x9a%\xcc\xdb%\xc3\xb5\xd63\xf4\xfez\xd5S\xc0\xc8\xd1Yr\x91k\xb7\xfan\xb8D8\x9bB\xaa\xb5\xa9|.\xf5\xf0S\xba\x9fJ\x9c8\x02N\x11\xf7\x93Q\xe70\xc1\'\x91\xbd\x19&gt;\xbf\x84K}\xcf\x93~\x87\xa3\xef\xe7\xa9\xaf\xcae\x85r\x80\xf0K\x83\xb0\xf1CY\x96\xbahs\x0f\x15\xf4\xac|\xc7\x12\xa0_{\x81\x7f\x08E\x10\xef\xa3\xf7\xbd\x0b+\xf2\x84\xed\xac(\x00\x10\x1bUU\xe9\xc9\xe8\xe5\x93\x8f\xe0K \xbci\xe5\n\xb2\x1a\xf2]\xb0\x97\xb9I\xbc\xa9\xfa?\xd3\xddg\x82\xfd\xf4\x91\xc3s\x08&amp;\xdd^,r\xd0\xfc\x8e\xea\x07\x83\x0e\xe0\xf4\xf2\x01n\xf8\x15\x7f\xce\x97\x93\x81\x87b\xf6\xe0\xbc4\x85b\xc9\x7f \xfa\x07\x80\x92\xc7l\x9c\x80\x08\xb6\x0e\xcc\x82\x98\xfb\xce\x9b\x08\xf9\xb5\xe4Ho\xcb\x10/\x05RK\xb84\xfe\xccwT_\x92\x11\xb8\x16Hn\xfc\x8a\x15\x8f\xb2\xfc\xc0\xc2\xcbS\xb8%\xbfM\n\xda\x93\x9d\x0f\xbca\x81\x95\xd7\xaf\xb3\x8a\x17\x94\xd5\t4\xe4+\xdb{U\x9c\x85\x101\xe9\xa0_\xd4\xf4\xacm.\xf7\x9c\xad\xe1\xcf:[c\xc1\xeel+\xac\t\xe7S\x9d\xc5\x86nW\xb7u\xc8\xd3\xa4\x12\x9f\xe4\xcc;\xb3\\s"\xd1A.%\xc6V\xb0\xa4\xc9?;p\xd2Wn$\xb0\xfa\xd2\x8c\x06\x1a\xc0\xd7\xe8-k\xf1k\x8a\xc5|T\x1fX^[\xd2)F\x8e\xf5(c\x9e$\x80\xe8\x07\x01\xb2\x9a\xcc\x84:\xce\xe6\xb1\x99\x91]wN\x17\xb5\xbau\xc3\x93\xe1\xaa0\xccYS\x8d\x0f\xf6F\x8a\x00\xee\xee?\xedb\xe5\xe9\xda\xbf\x08\xaa\xbe\xb9\xb3~o\x08\xbc\xea\xff\x81B"\xb4\x832\xcc\x88\xadK\xc4l\xb9\xce\x8d\xdbJ\xd2\x13\x92\x1e:n+\x82\xca\xe4\xb2\x85\x05\x8a\x9b\xac\xe0\x11z\x92\x13\xb4m\x84\xd6=\xc4\xcc\xbbS\xc0\xc8\x16\xc1\xe1ME\x08\x93\xe6\x9a\x83\x90rY\xad\x8d\xc34\xf3[H\xef\xff\t{\xca\x84V^\xe5`\xe1\xf3\xcc\xa3a\n,\xfe\xc5\xb8\x9cw\xb0n\x07\xe8YC\xec\xfe\xb0\xc7\xd4\xe2n,V\xc7L\x12\x86\xfe\x99@af\x1ch\xaf\xddv\x963\x83\x06\xb1A\x019\xf0#\xe7u6v\x89\xaaX\xea\xf5\\\xa0Cy2V\xba\x94\xc6\xc4\x1f\n\x84\x0e\x99\x1b\xfd1&lt;4Q\xa2\x89o\x05X\x8e\xcc\xcc\xb3\x8c}\xd1\xcaW\xcf4\xd6\xa0\xe5o\xc3\xf0\xfb:\xc9u$/\x1a\xe4$\xbcr|4\xb0Z\x11\xaeb\xff+\x12\xc2\x17m*L\x13\xd8\xbam\xa7\xf9\x17&amp;^_ J\x86t\x8f?\xb02~b\x82\xef\xe5G\x88\x90\x82\x82|\x8b\x07\xa2\x82\x87\x94\xb5\xf3\xe1\xb86*\xff\x93\xf2\xe5\x85c\xbf\xb7\x14(\xa1\xd9\xa3\xccI\x85%k+\x0e\xd3:\xce\xab\xf3:\xd9]2kL}/\xb4\n+\xd0\x0e\xa4\x16\xd9\\\xbb\x9f\xaeQ\xbfd\xd1P\x02\x0ffj\x0f\x0b#X#\xdeT\xf5\x81\xbf\x85\t\xf2!\xcc\x14\x87\xc4r\xa8\x89\x8b\x9b\xb8(JJg\x98\xf8{^\x08\r\x8b\xc7\xb6Y\xaa\xdd\x07\x08&amp;\xa9t\xc0x\n\x1e\xbe\xa5G\x1a\x18\xce\x99&amp;\xe5\xbe\x0b3\x86\xa1z\xc9\x99\xc1\xcc6F*\xd1\xd5\xb3^\xa9\xe3\r\xd0lS\xba\x14\x82\xa5R.\xe5Gi\xbe\x81\xa1\xcc\xa9\xe1\xd76i}a\xca\x10I\x04\xdc`[\x8f\xd3\x88(\xb4\xc6\xcaR(\xaa\xd8\xd4K\x1a\x95\xc0\xbd\x8dj\xc1\xf02k\xde)\xd3t\x95ke7\x7fe\x99\x1e\xf8:\x94\xff\xa7b;7\xa8Dm]\xa0\n\xbc\xb9\x9c\x19\x90%\x14\x81\x0ck\xae\xb8\x0f\xf3*\xfap\x07K\xfa\xda+Jw\xc3\xe7y1.\x18P\x02\x94\x18\xac\xfe\xbd\xfcd\x12.\xe2\x13\xf5[\xdaW@\x97Rq\xc7.RM\xf4nZRo\xfc\xaa@\xc4P\xff\xbaP\x16y\x99\xe4\xdf\x8f#\xc2\x87\x01{K\xf7J\xc4W\xaa\xa3?.\xcb6\rK*\xd0$\x02=\xc2.C\x02\x08\xb8\x0b\xc4\xe1\xd56\x9b\x99/\x90\x95\xac\x0f\xe1\xa3\x16\xa0\x94\x16\xc7\xb9^\x8e\xd6\xe2\x12c\xce\x03H\xedeO!\xe3\xd6\x15/8\x86\x846\xb2Y\x92\x7f\xad1\xf5\x15\x06.\xc6A\xbb\xfa\xb7\x93\x0b\x82\x90\xa3\xb8\xcd\x14y\xb0^\x81\xdb\xd9\xba\xe6r\x99\xd1H\xec{\xd2\xe2LBw(}\xe5\xec@\xfcg@#5~\'\xc3\xc6\xa8;\x16\xc4\xe7\x16\xec\xe8&gt;\x8a\xf7\x92\x8f\xea\x19\x1fS,}\xbdD\x973\xeeL2ok-\xe8M\x86\x05\r\x15O\xb0b\x15\xd4\x88rzf\xf2{\x81\x0bi\xc6\x08\xabR&lt; \xb4\x1b\xc0C\xe8\x05?\x81\xfec\xa7\x9cm\xd5\x12\xfe\xa1\x01q\x8b\xb5\xbc\xc0\'\\\xd4\x91\x1c\xe2\xc6)7\xed\x7f\xad\xe4@\xe7\x04\x86Lo[\xc8\xf9q\xec\xc9J\xbctV\x93\x1bn\xbd7\xc4\x7fh\x12\xb9\xb4\xfe\x03\xcd\xe0\x16(OGev\x9f\xef\xf4\xf7[#ih\xa8&gt;oT\xf9\xb84\xdbw2\x1e\x11\x9eR{\xb3\x0f\x1f&amp;\xc6lL\xda\x7f\x875\xe3\xa8\xfd\xe3$\xe5\xc3\x17)\xf0\x85\xc0\'\x13}NQ\xc0\x07\x82\x1b\xe4\xd33s\xb3fa\t^\r\xd7-\r\xf4i\xba^\xf7\xdee\x95\xd3x\xb6a\xcaA\xb5\xd1\xdb/1\x9eO8\x97\xc1R\xaa\x16\xec\xc3\x07\xb3\xae\xd3{\xf7\xf2X\xf54V;\xc0\x0bZD\xd0\xf9\x1a\xdb\x82r\xec`\x05\xd4\xa1\x0eWM\xdc\x9bp\xc0&amp;\xf7@\xd9\x01j\xbb\x90 \xf3\x0f3jHx,\xa4Vc4\xbf\xa9\xa2\xa3\x952\xc2d\x9b\x8fO\xfd\xbd\xba\xf8k\x19\xc0a\x88\x18\xda\xd3\xc77\xa4\x99\xc9cJ\xd7p\xe3\xd0\xbdx\xd2\xc5\xee\xadp\xac\xf8\x91\x0b\xde\xf1\xbd\xfc\xa6\x0b3_\x13\x07&gt;\xb0\x07\xc8~\xce\xa8L3PB5\x9a`\xd7\x06v\x8f\xbb5\x99\xfb\xc4\',\x15\'d\x18\xbb\xb3\x93\x1f\xf1&gt;@\xee9\xf0\xc2\xa1\xe4\x8fT\xd5^\x84\xa5\xe3\x82\xb0\xe4r\xcb|3B\x05o\x9f]\x7f-\xb5\xbdM\xd8\x82\x083S\xd7lN\x06\xce\x04y\xbf\xdd1\xb6\xb1\xe1#\xbbd\x18\x9bjU\xf11H\xff\x16\xf9L\x88)\x80\x17-\xb2\xa2j\x03\x00\x82\xa7\x9c\xfe2He\xf8\xc6A\xbc\xd7N^\x99\xa4\xaa\x9a\xd2\xbc\xe2 \x19\x0b\x16m+\xc7\x8bP\xff9]\x9c\xdaK\xde\x93\xc9\xaf\xda\x9d_\xd5\xf3P\x02\xd2\xa9y\xf1\xea\xa4\x97\r\xf3\x92?!\x1f\x071h[%j\x9f\xef\xce`t\t\xc2\xb8\xd2^?B\x14\xd7\xcfX\x90\x87\xccn\xc7\xd7\x9f\xff\x12o@w\xa7,\x92F\xff|\\^\x04\x8a\x0f\x95|\x0b\x00v;H\xa1\xba\x02\xe0\xacd\x8c\xbe\xb6:\xd8\xef\xe4W\xb9\x8e\x87t\x14R\xdbv\xae&amp;n\x0f\xd4\x0c\xecS?\x891\xdf&lt;\xc0\x17\xf5\xa3\x1bL:\xa2j\x8c\xc9\x82-Z\xccMd\xbe)E\xd9\xfb\x8e\xc1\xb3i&lt;`\x0e6\xa1\x8f\x874\xce\t\xb7\xc0\xc9\x9c\xaeD\x1c\x12\xb4\xdce[1\x80\x15g\x82\xa6o\x8as\x92;\x91\xf1d\xfb\x9d\xef\xa6\x8f\xbf\xadt~`\x01\x04\xb9\x14\xacv\xbb\x13\x00#/\xe2\x10\xd65q\xfbZ\x1a5\xab\x1bc\x95\xeaC^\xe5F&gt;XL\x1d\x18\xcc\xa0@\xb1\x8a\xf9\x1f*Y\xfa\xc8\xcb\xfd~\xd3\xb1\xc3\xcbf\xdcr\xa7\xbd&lt;\x19XfZ\x12\x96\xb7\x84}\xe8\x8c\xc1\xf8&amp;P\x8cU\x18\xdf_\x19l\xfa{\x84\xa6&gt;\xd8-G\x104\x8cfCP\xd2\x9a\x84\xecL\xb3\xc2k\xd5~\xc1w\x8b\xb0\xfeeJ\x8bR\xe2_\x9b-@\x85\xba \xf5U\xaeCW\x9a\x1f\\\xac\x86\x11\xda\xd2X[\xc7\x88\x16\xc6.lF\xbd\xbf`\xe4\xd4\t\xfd\x92\x80\xb5n\xd3\x0e\xd9d\x90\xed\xae\xc8\x822~\x8b\r\x10\xbd9\\hz&gt;\xaa\xebO\x17\x1a\xaf\x90\t&lt;+jGjs&lt;}\x8a\xba\xd8p\xd3a\x8c\xdf\x14p\xf4\xd4Kc\xa0\xa9H\x9e\xe1\x93\x95\xda\xcf&lt;9\xda2?0\x14\xdc\xbd#\xfe\r\xbe\xeb.+n\x16W.gD\xba\xaaUAq-\x17\xc0e\xfe\xfe\xf0Wl\x95GW\r@e\x9df\xc5\xca}\x84^\xf8\xce\x9d\x05\xe6\xbf^V\xcf\xff\x8b\xd1q\xf9bl\x00\xd7@\x04\xab\x0b!\'o\xa1\xdbA\xe8&amp;\xc2\x17O\xb0S}FD\xb7?\x1e\xf4\x11\xde\x1ekP\x85z\xc7cb\x8fQ\xa9`Hb&amp;\xf3\xd4\n\xaa\x94N^\xae\x96@\xa4\xdbB\xef\xec\xa4kh\x07P(%\xfd\xddC\x06"*~t\x8e\x86\xdf\xbc\x13u&lt;"4\xbd.\x9e\x10r\xe0\xf0\xd4H\x1f\x8cC\x8a\x16\x98\xba\xfb\xb73d\xb7\x80`\xa4\xc1\x86\\&lt;\x07o\x9euW?\xbb#\xa4\x9f\xa1\x8c\xb0\xfb\x83\x83\x8c\xcdk\xdc\xcc\xbf\xfe\x0f\x87\xdd\xb2Xa\x00\x16o\x88(\x0c\xbe\t\x0e\xdc\xd6z\xae\xa3\xcd\xc7\x82\xb4$\x08\xd7\x91\xa0&amp;2NRKk\x9b\xf0A\x94\xd8\xad\xdd\x13\xc4\xbc\x1d \xfe\x9d\x8dm\xbd\x05\xa0D\x89Hd%=\xe8\xad\xea\xaeN\xde\xa2f!^\x926x\x1f,~\x02"\x98#\xadb=]\xaa\xc6p\xe6\xd2\xac\xee\'\xbb\xba\xdc\x94]\xe8\x1b\xdd)c^\xc4\xe8\xfb8\x1a\x8dZw\xa4{jn\x89iN\xf5U\x98\xf2t\x1c\xf6\x89}\xbe\xfd}\xc4{\x7f\xdas\xcb\x96\xe7\xf4jy\\GZ\xce\x9f\xa7\xacL\xb1`\xb3]7\xa0\xb7\x92T%\xd3y2\x84\x9c\xd7\xb3\x95\x95G'</t>
  </si>
  <si>
    <t>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</t>
  </si>
  <si>
    <t>b'\x9e\xbc\x0c"@\xb7\x1d \xad\xa5\x93\xf4\xa7\xb6&gt;r'</t>
  </si>
  <si>
    <t>deficits are politically unpopular, for example, or if the legislative
 process is slow, a government may opt for devaluation as the most convenient way of
 boosting aggregate demand. A second reason for devaluing is the resulting improvement
 in the current account, a development the government may believe to be desirable. The
 third motive behind devaluations, one we mentioned at the start of this subsection, is their
 effect on the central bankâ€™s foreign reserves. If the central bank is running low on reserves,
 a sudden, one-time devaluation (one that nobody expects to be repeated) can be used to
 draw in more reserves.
 Adjustment to Fiscal Policy and Exchange Rate Changes
 If fiscal and exchange rate changes occur when there is full employment and the policy
 changes are maintained indefinitely, they will ultimately cause the domestic price level to
 move in such a way that full employment is restored. To understand this dynamic process,
 we discuss the economyâ€™s adjustment to fiscal expansion and devaluation in turn.
 If the economy is initially at full employment, fiscal expansion raises output, and this
 rise in output above its full-employment level causes the domestic price level, P, to
 begin rising. As P rises, home output becomes more expensive, so aggregate demand
 gradually falls, returning output to the initial, full-employment level. Once this point is
 reached, the upward pressure on the price level comes to an end. There is no real appre_x0002_ciation in the short run, as there is with a floating exchange rate, but regardless of
 whether the exchange rate is floating or fixed, the real exchange rate appreciates in the
 long run by the same amount.9 In the present case, real appreciation (a fall in )
 takes the form of a rise in P rather than a fall in E.
 At first glance, the long-run price level increase caused by a fiscal expansion under fixed
 rates seems inconsistent with Chapter 15â€™s conclusion that for a given output level and
 interest rate, the price level and the money supply move proportionally in the long run. In
 fact, there is no inconsistency, because fiscal expansion does cause a money supply increase
 by forcing the central bank to intervene in the foreign exchange market. To fix the exchange
 rate throughout the adjustment process, the central bank ultimately must increase the
 money supply by intervention purchases in proportion to the long-run increase in P.
 The adjustment to a devaluation is similar. In fact, since a devaluation does not change
 long-run demand or supply conditions in the output market, the increase in the long-run price
 level caused by a devaluation is proportional to the increase in the exchange rate. A devalua_x0002_tion under a fixed rate has the same long-run effect as a proportional increase in the money
 supply under a floating rate. Like the latter policy, devaluation is neutral in the long run, in the
 sense that its only effect on the economyâ€™s long-run equilibrium is a proportional rise in all
 nominal prices and in the domestic money supply.
 Balance of Payments Crises and Capital Flight
 Until now we have assumed that participants in the foreign exchange market believe that a
 fixed exchange rate will be maintained at its current level forever. In many practical situa_x0002_tions, however, the central bank may find it undesirable or infeasible to maintain the current
 fixed exchange rate. The central bank may be running short on foreign reserves, for exam_x0002_ple, or it may face high domestic unemployment. Because market participants know the
 EP*/P
 9
 To see this, observe that the long-run equilibrium real exchange rate, , must in either case satisfy the
 sa</t>
  </si>
  <si>
    <t>b'0E\x02 %\xd3"\xc2\xb8\x9f\xed\x82yo\x99\x8b\xf03w9X3}F\x89\xe2\xa0z\x91)\xef\x107\xe2?T\x02!\x00\x98\xde\x1dGs\x9f\x9f,\xf5n\xe3\xd7\xaf\xbd\xce1\xa4%p\x8b\x1d\x9eo\xd6\xfd\x07\xd7@\xafX\xd5\xd7'</t>
  </si>
  <si>
    <t>3045022025d322c2b89fed82796f998bf033773958337d4689e2a07a9129ef1037e23f5402210098de1d47739f9f2cf56ee3d7afbdce31a425708b1d9e6fd6fd07d740af58d5d7</t>
  </si>
  <si>
    <t>b'0E\x02 %\xd3"\xc2\xb8\x9f\xed\x82yo\x99\x8b'</t>
  </si>
  <si>
    <t>led melatonin.
Melatonin plays a very important role in the regulation
of a 24-hour (diurnal) rhythm of our body. For
example, it helps in maintaining the normal rhythms
of sleep-wake cycle, body temperature. In addition,
melatonin also influences metabolism, pigmentation,
the menstrual cycle as well as our defense capability.
19.2.4 Thyroid Gland
The thyroid gland is composed of two lobes which are
located on either side of the trachea (Figure 19.3 a). Both
the lobes are interconnected with a thin flap of connective
tissue called isthmus. The thyroid gland is composed of
follicles and stromal tissues. Each thyroid follicle is
composed of follicular cells, enclosing a cavity. These
follicular cells synthesise two hormones,
tetraiodothyronine or thyroxine (T4) and
triiodothyronine (T3). Iodine is essential for the normal
rate of hormone synthesis in the thyroid. Deficiency of
iodine in our diet results in hypothyroidism and
enlargement of the thyroid gland, commonly called
goitre. Hypothyroidism during pregnancy causes
defective development and maturation of the growing
baby leading to stunted growth (cretinism), mental
Figure 19.3 Diagrammatic view of the
position of Thyroid and
Parathyroid
(a) Ventral side
(b) Dorsal side
2024-25
CHEMICAL COORDINATION AND INTEGRATION 243
retardation, low intelligence quotient, abnormal skin, deaf-mutism, etc. In
adult women, hypothyroidism may cause menstrual cycle to become
irregular. Due to cancer of the thyroid gland or due to development of
nodules of the thyroid glands, the rate of synthesis and secretion of the
thyroid hormones is increased to abnormal high levels leading to a condition
called hyperthyroidism which adversely affects the body physiology.
Exopthalmic goitre is a form of hyperthyroidism, characterised by
enlargement of the thyroid gland, protrusion of the eyeballs, increased
basal metabolic rate, and weight loss, also called Gravesâ€™ disease.
Thyroid hormones play an important role in the regulation of the basal
metabolic rate. These hormones also support the process of red blood cell
formation. Thyroid hormones control the metabolism of carbohydrates, proteins
and fats. Maintenance of water and electrolyte balance is also influenced by
thyroid hormones. Thyroid gland also secretes a protein hormone called
thyrocalcitonin (TCT) which regulates the blood calcium levels.
19.2.5 Parathyroid Gland
In humans, four parathyroid glands are present on the back side of the
thyroid gland, one pair each in the two lobes of the thyroid gland (Figure
19.3 b). The parathyroid glands secrete a peptide hormone called
parathyroid hormone (PTH). The secretion of PTH is regulated by the
circulating levels of calcium ions.
Parathyroid hormone (PTH) increases the Ca2+ levels in the blood. PTH
acts on bones and stimulates the process of bone resorption (dissolution/
demineralisation). PTH also stimulates reabsorption of Ca2+ by the renal
tubules and increases Ca2+ absorption from the digested food. It is, thus,
clear that PTH is a hypercalcemic hormone, i.e., it increases the blood
Ca2+ levels. Along with TCT, it plays a significant role in calcium balance
in the body.
19.2.6 Thymus
The thymus gland is a lobular structure located between lungs behind
sternum on the ventral side of aorta. The thymus plays a major role in
the development of the immune system. This gland secretes the peptide
hormones called thymosins. Thymosins play a major role in the
differentiation of T-lymphocytes, which provide cell-mediated
immunity. In addition, thymosins also promote production of antibodies
to provide humoral immunity. Thymus is degenerated in old individuals
resulting in a decreased production of thymosins. As a re</t>
  </si>
  <si>
    <t>b'\x8f\xfc\xfb\x8b\x8f\xf9\xa2K\t\xf9ye\xaa\x99^\xca\x9c=\x160r\xb7\x8c#\xd3\xb9\xee[\xf6YSC\x14*\x04\x8f\x97\x8a\xb6\x10\xd4k\x00t\xb4\xffV\xcb\xa3\x89\xa0\x10:~~c\xa6\xbbJf\xf4Q\xd2\xdc3\x87\x17\x13\xc4~^\xb8\xdfx*\xc74[\x8a\xcf\xb6\x10;\xa2\xb6\x1e\x9855P\xdd@\xc3\x10\x84\xa2\\\xbeZ\x94\xef\x13\x86@\xcf\x97\xc4\x7f&lt;\x86s\x07\x9f\xb2[\xb8\xc4\x11\x81D\xc1\xd9J\xa2\x8c~Xq{\xdf\x84\xdf!\xd9\x18\xc0\x10j\xcd .h\x84vP$V\xa3\x9bx\xba\xed\xde\xee${\x94Z9\x05e\xb0\xc0cdKU:n\xfb}\xfbGs5\xd9\x7f\x84\xae\\\xe9e&gt;\xe8x`\xac\xe0~\xc04\xbb\'\xfb\xca\xce6u?\xe6\xba\x865\x83\x9fLw\xd3\x82\xcd\xe1}\xe2\x96\x13\x1c\xe9K\xe1\xb0:\xb0\xba3\xf3\xdaZ\x8b\xe5&lt;\xd4\xc37&amp;-\x80\xf2\x0c\x1e\xb6\xed\xb1\xc0\xe3\x8e.\xe2\xff\xf5ax\x07\xd0\x14F\xc6RB\xa8\x88\xb40\xae\x1b\x9e\x1c[\xd2\x07\x19\xf0\x7f\xf0\xa5\xb9\xe6\x80n\xc0\xb5Beu\xbb@\xe4\xfa\xb2\x90\xb5\x9f\xce\xc8;\x024\xbd\xe2U\x9b\xb1R\xdb\xaeG\xf8\xe1\xa5\xc0\xae\xe1\xc4\x9b\xb7\xc4!\x1f\xb3X3\x1e\xd9\xb0C\xad\xffJYYI(\x01\xe0L\xae\xd3\xad!\xa9UtO\x98\xfd\xaf4\x81\xe3\xb0\xa1c;\x80\xf1C\xe5\xcb\xb5!#\x1c\x97\xbeuR\xbbdT\x0c\xab\xebmL\x86\x0f\xd3\xf9\xbf9|V\x1f\x14\x928SS(\x0b\xd2*\x1b\th\xb0&gt;XZ1\x93U3\xcc\xdb\x83\xfa\x81\xb7\x13\x98\x918\xe8-\xa1\'\xc1y\xd8\xac\xff!%\xfd\xb2\x002\xd3 vThVe;\x8bS\x93c\xf3\x89\xce:]\xf8X\x1bQ\xd1%\xb4\xd2\x8f_\xca\xc3Eo\x1b&amp;\xb2\x9a"\xd9I\x04bc\x19\xb2&lt;\x1c\xc6\xa7\xbc\xe7\xf7\xb0\x99\xeb\xe8\x7fPJ\x7f\x83\x88\x06\xef0j\x06F\x0b\x1b\x9e\xc7\x98\x17D\xd8!\xfb\x85s\x95\xf7%Oj\x11i\xd1\xe8i\xf2E\x94\xde&amp;\x12\x97\xa66\xcf[\xc7\x85\x06\xfe+L\xf7\x90\xfa\xd6\xd6*/\x18\x88\xfe\x1b\xd5\xc9\xec|\xc2\x8f\xca\\\xcb\xee@\xcb?\nT+.\xbc\xd91\xf6u\xba\xbe\x9e\xa2\xa1\x81\xa0\xa9\xfe|e\x83\x072\xfex\xfdu\xba\x98Fs_^^\xdc-[\x14\xfaG)\xa3w\xea\xfd\xcf\x08\x19\xc9\xb7\xacZ\xf7\x80.\x18\xa3C\xba*~\xa1\xe2%\xe6\xb82\x07\xa7(\xb7p\xff\xa9ZI\xb7\xba\xd0\xcf\xd9-US\x8bk\xf8g&gt;/\x8b\xb5#k\xdbY\x15\xca-N&lt;\xac\xb8\xd2k\x88\xdc\xbd\x9a\x9aK\x17\xde\xe2{F\xf7\xe3\x8az\xcb\xc8F\x12\x9b\xeb.&gt;\x95\xd5\xbd\x08\xb4\xdd\x8f\xde\xfb@\xc0\xd8\x11 \xfd\x12\x07\x8b\xd6F\xd6\xc7^\x9c`\xd5#\xefK\xae7\xd9\xa5Y\xb2\x85\x9c&lt;:\xa1\xf4\xc1\xddc[\xf8r6lL\x85\x18\xc7\xb8\x94$\xd21\x18\x1b\x17\xe8N\x10\xe5E\xdb\xba\xc3\xe1\x91\x0f\xa2\xe99W\xd6\xff\x8c\xf3\xe4:u\xddd\x13\xf1g\xf2K\xcf\xf1A:SV#H\xfb\x10\xdd\x0e-\xf33\t_\xef\xc3\x87\xef\x80\xae\xb5\x91\xa5\x1c\x84\x9c[\r\x04\xf6\x8d\x93\xfc3\x834\xc7C\x81F\xc2&gt;\xd4bS\x85\xbf\xfe\x9eb\x9e\xdf3\xadFv\xa0\xa47\x9eR\xe0\xf1=\xfb\\&lt;\xa6\x18-N\xe9\xbf\x85\xce\xefm\xc9\x06\x84@\xfe\xe0\xee\x98\xe2\xc7\xc5\xa0\xbc.\'M\xf1pr&gt;3q\xe20\xb2Jp\xc3\x1f\x99\xbc\xbeQ\xa9\x95\x8dH\xaf\xb9\xed\x81\xd6\x98\t\xf1\x08\xb0j\x8e\x08.\xf7\xbe\xc5\xad\xa1\x1bC\xc7\xd9\x8ed\x17\x9b"\xfekaH\x91\x91\x06,\x14F\x84@R\xb3\xbe^U\xb4\x99\xe3\xe3R\x88\x94\x9e\xad\xadt\x9c\x16\xae\xb4\xe3\xe4\xf0$\xea\xde/k\\\x9f\xcb\x8e\x85\xdbR\xd52V\xc9:\xdf\xfb\xf9~\xd6\x11\xae\xb5\xd7\xa5\xe3a\xb7\xe4`\xb8T\xd2\xb1 \xa5d\x0c.3\x0f\xc0\x9f;p\xeb\x0b\xc5\x97\x88\x985\x1e\xa3\xcc\x19fS\x0fRW\r\x07D\xada\xb7\x8d\xb9\xbe\'v\x17N!\x17\xed\'(\xd5\xad\x12\x1b\xb9N\xc4\xe8HB\xa4\xfa#(\xbc\x06\xe9_X\x94\xc6[\xcf\xfb\xa8\x8a$\x0e\xad\xba\xed\xdd\x02\x82\xb8\x8c\x07\xc3y\x01\x06&gt;t\x927\xb4\xce#ray\x7fIz\xd9\xff\x1d\x85\xd3:\x99\xc6\xbaGG_WC\xbf|0\xd4o\xa0\x8f\xe7\x99I\xcf\xa7\xe7\x88n~\xe46F\x87\x8b\xa4\x8f\xe6c\xa2\xc2\x84\xf6O!\x0f\xb0\x0f\xd4WsG\x7f\xae\xecEL!B\xc8K\xda\x93C\x1c\xf13\x05T\x98\x80%pl\xcbY\x85\x8e\xe47D\xc2g\xb5\xd6\xac\x80\xf6\xc4\xea1$\xb8\x16S\xe0\xfd}\xc6Rj^\x92h\x83\x9c\x17\x00\xb8\xbb_S\x10h\x1f]\xaa6\x10\xc9\xe8k\xcdSIK\x8a\xd4&gt;\xfb|\x1c!\x17\xd9Y\x86G\x8f7q`\x1fN\x90\xdd\x12\xf1\x1d\x98:&amp;\x92\xdc\xbdF+Dl\x05\x05\xb5\xad\x03vr\x02r\x0c}\x7f;U\xcaNS\xb1#c\x90qAx\xf2\x99\x03gO\xa7\xcb$\x01\xa76\x05]X\xb6\x14Q9\x89\xd3p\xc9i\x0e4\xce\xbap\x06\xbb\xf7j&lt;yTQ\x86,o\x83\xe3\xff\x08&lt;\x1aC\x9c)[\x1bG-\x80+\x0e"m\xcd\xf1\xa8\xe6\x1b\xec`\xa4\xef\xce&gt;\x9f\xa6\xba\xc1#\xac\xcal\x18\x1a\xce\x8bX\xe9\xdd9\xc5\x8f]n\xfb\xba\xf2\xbba\x04"l`\xdb\xb9\x05Wj\xdb$\xfa\x8f\x90\x9fZ\x08F\xc1\x0e\xc1\xc9\x0f\x1e6\x95\x19kt\xa4^\xbc\x9e\xcb\x0c\x86\xdcFh\x89\x96\xd8H\x9d\x97\x1d\x08\xf1\x85\xa9\xd2e\x01\x83\x8dZ\xba\xf6\xacgf\xa9\xee\xb4,xK\x90\xd5\xf3\x7f\x9a\xe6\x10\xc1\n\xb7X!"\x1c}\x9a\xfd\xacM\xd6C\xf2\xf2"\xe0fx\x96*\xa7\x89\xcb\xb9\x17\xa2BRM\xfa\xa8w\x92\x93\x82\x04\x10So\xf2\xe2\xa9\xc4\xa1II\xf8\x84X\xb7Z\xd2\xa5\x0e\xf6\xee\r\\\xaek\xec\xecVb\xa24+Y\xc1Am|\xf3\xf6@c\xedK\x89\xfd\xc4\xb2RR1\x08_\xbb\xce#\x90\xaf\xdd\xa2\xbc\xfa\x95\xf1\xb0\x9dWI\x8d\xa6&lt;-l\x00f\xbd\xc4s\x9c\xf8\x9ek\x06\'\xcc\xf1\xfa\x04m\xd0\xf2\xfd\xa1`~\x1b\xde\xea\xaf\xd3&lt;\xb4\x9b\xaa\xfe\xa5\xe0|\xd6\x16H\x02\xec\x17\x82\xeaJFVTk\xcd\xe9i|ru\xc9\n\xb4"\xe5\xeb\xac\xff\xaa\x98\t\xd1P\xac\xaa\x0b{\xe1\xc9@[\x89)Ze\xe4\n\x96&gt;\x0b\xd2\xa9\xf3\\\x98\xf7\xcaby.\x8bM\x9d\xff\x1e\xc3\xebt\x8a.O\x97\xfbVQ\xbcf\x81\xc1\x10\x99T\x87:\xc8\\h\xd4[D\'\x90\xc1\xbbH8L\xc0\xb4Kx\xa2\xa9&amp;\xc2\xda\xbe\xc5\x10\x16\xbdg\xe894.\x95\xca\x0c\xd7g\r\x1a\xef\x18\x91\xa7\xdf\xe0H\x0b7\xbb\x9b\x04\xf9\x90m\xa6!\x86\x9dR\xd2QF\xab\xd0\x0f:%\xf9v\xcb\xa0\x1a\xed6\xea\xde\xc8rXT\xce\x00\xf6xM\xd6\xb3\xb2r\n\x19\xdf\x9c\x19\xd0\x89\xb9\x1c\x8a#E\xcb\x0f\xb4F4\x15y\x83+YM\xb2{\xe3\x04\n\x81\xa0\x8f@\x0bFn\x00\xb5:\xc6G\xd0\xd9$\xf8\x18\xed\x02 PI5\x8b\xc1)Ge]\xcb\xd9\x1c\xc0\xdd,\x97\x13\xa3\xbbn\x07\xf1\xbe\xb5a\xe6\xec\x07\xa3\x95f\xac\xac\xf5jl@\xa0\xcf\xaa\xe0\xa6\xca\x1dm\xed\xc5\xc7i\x96\xe7k\xfa\xd3\x0e\x92\xdcE)S/\xb8\xee\x94Ee%\x105\tW\xef\xee9\x01\x17\xda\xa8\x08\xfb\xe1\\\x86]\x844\xe8\xed\xd3Q\xb2\xfa\xcc\xd4\x94d8\x06\x88\xb3\x8d\x1aeY\xf8\x8dW\xfc\x9fC\x18\x91\x8a\xbd\xdc\xa1S\x97q\xb8k\xd1\xc0\xb2\xb1kp\x8d\x11\xc5\x0b#\xfd\x90\xbcP\x10\x80\xd2b\xdb\xd5}\xb4\x1c\x0cP5r\xd1\xd5\xb4\xba\x12w\x95$\xc6\x9f\xe7\xcf5\xf2\xf2\xf3\xd2B\xc6\xae\xa4\x12C\xf0g\xeb5\xc9=r\xd7)\x9d\xf6\x95y\xa2\x10)1(\x03\xbcf\x91\xa1\xcf{UMo\xdf\xa9\xb3.\xca\x84\xacx\xc1\x7f,\xe1\x97\x91\x0e\xdd\xb1\x15\xa5\xc82G\xb6\xa4{\xb3\x08\xc7h`W~\xc7\x19\x1c5\xdd\xaa\x94\xb7iNk\x97\rz\x85`\x193\xfc\xa9\x93\x0b\xc4\xe8\xbfc9\xbd.\x11\x14B\xa8\xc3\xc52\xb7\x8f\x13\x83\x1f8\xe5\xc8\xb1U\x05T\xd2&amp;\xe2\xe7\xee\xa2\xc4\x02\xbfsINZ\xd7\x81\x974\x86\xb4\xe3\x96\xe4\x89%\x8c@O**\xc5.\xb7\x97,\x82|\xd3-\x0b\x05\xa5#\x13\r~9T\x8b\xd3d\xde\x16\x9c\xb1\xe7\x9e\x9aSe\x1d\x1aDm]\xb6\x11\xa2\xc3\xa3|\xd2\xde@~\x0f\xe0\x11\xcbH\xfeC\x889\x88\xab\xc0\x1b\x9c\xaaU\xb0\xa3\x9csa\xc2\\_\x16\xaa\xdb\xa9\xde\x15k%\x16\x8cuH\xfe\xc4Z\x9cX\xd0\xd7\x8a\x05^-\x13n\xd3\xc5\x91#\xea\tKpNO\xf4L\x17#\xe7\xb6\x06\x01\xe4Zl\x17fR\x17\xc7\xc9g\x86\x9dy~D\x99\xb4\xce;\xb62\xd7:/K\xb3\xfc6\x8aS\x86\x94\xd4\xe7\x16\xdd\xac\xfd\x04i\x85\x9c\xedQ\x1bB\xab \x1e\x9b\xa7U\xa0\x04\x0f\xf8C\xe3w\xbe\x96\xad\x14V\x86b\xd7\x96\xcc\xb1\xe1\xd4\x8e\x9e\xde\x16\x9c\x8cX^\xc7Q\xd4\x92\xf0\xd0\xb1\x99\xba\x99\xc4\x87\xa9\xe9*v\xcf\xf9ez\xa86\xa8\xc1o\xf4\xcf\xa6u\x0c\xa8~\xd6\\\xd9\xc0i\'N\x86X\xe7A\x1b\xf1aE~Z\xf9\xebg\x9ci\xc8L\xd1D\xea\xae\x03\xabv\x0cY\xe6\x04\xb0f\xa0\xf1\x1e\xfa\xe6|\xb2\xd4\xa2th*\xa5Etu\x0f\xe3\xb3W\x0c\xae\x8a*0\x00&gt;$}1\x82)\xa9=pDD$\x97\xe9~\xd9)m\xc64\x9e\x1dp\x91\x8dQQ\xe4\x87\xac\xf3)5\\\xb4\xed\xd6\x85\xf3\x18F\xc1k*p`h\xe2:ee\xfa\xe0\xb5\xd6\xcc\x9f\x19\xaf\x7f\xf2&gt;g\xe7\xfb\xf9{"\xb6x\xcc\xe9?=(\xae~r\x94d6\xa0\xae\xc3\xd6\x0b\xff\x8e\xa3\x8f\xca\xc7\xa2\'qI=\xd4\xca\x00\xbb\x92U\xaaM\x8f\xba\xfe\xdf\x83\x9e\x18\xf8U\xd4\xdd\xff\x98\x1e\xa2\xe6e&amp;o@\x1f\x8d\x13\xdfm\xadg\x8aj\xa6\x8f\xf6}\x9c\x9e\x94\xb3\xea\x9d\xae^\xab-\xbc\xf7\xd1\xb4vd\xf2\x87\xaf\xe9U\xfd\x18R\xc2\xb5)\xb7/uE\xc9u\th\x85]\xdd\xfe\xf7\xd5\xec\xf3\x94\xe8\x1e\xf6\xa0e\xa8{%\x84\xdb\xdd\xd4\xb8\x1df\x08\x9aY\xbcE\x15\x86\xa1\xa9-g\xdfx\xb8\xb2\xf9\xb1\xc3\xc7\x9d\x92_\x0b\xaf4!\x9bNF=m\xe0\xddGHKL\x9e\xffY\xb7@\xc8\xf9\xa9\xfe\x18\x9by\xb8Qe\xb6J\xb9\x1b\xcc\x82\x11\x8d\xeeZ#\xd2\xe4m~\xa4\xef\xb1\xef\xefE\x81\x05~YH\xf8\x94\xff*\x136\'\xf6\xf7\x99?S\xe4\x99\x83\x06\x94\xb5=xfg\xa5i\x8e\xdcL4\xa9%\xba\xbf\xd9\x89\x97R\x07\xb1\xe2\xacs?1\x86Z"S\xde\x99\xc9\x14\x9cT\xc5\xe3\xa3\x9b\xf6\x00\xfb\x8bcfb+\x0e\xf2\x07\x96\xf3S\x93qLm\x0b.\x9a\xc5X\xe7\x97\x87F\xeaGf\xd6,a\x00\x01)R\xf1q\x18\x8c\xb30H&lt;\xd6\xbcg&gt;\x07\xbd\xda\x14\x9c\xbd\xa5\x02da\xcb\x99F=\x0b\xc5*\x87U\x88/\x18\xde\x13\x12\xee!\xf1\x0f\x085\x16\xf5&amp;WrJ\xf5n3\xa5K \x90\x01c\xbd\xcf\x9e\xfc\xf3H\xa1*\x7f\xdc\x12\x03\xce\x08C/\x13\xa2\xc3\x9eL\xb0\x00\xe6t\xaa\x88C\x90\xd0\xef\x01\xa8\xf7\xad\x80\n^\xe4\xe8\x08R\xd7\xda\xe5\x0fMTh%\x9d.\xe5\xe0TK\xaaI\xffRe\xb1\xffV\x19\xa0\xf9\xe9\xaa\xa2D8&lt;\xfb\x1d\xf4\xda\x1b\x14\xc1\xe1Hu\x98\xf6\xdf\xc2\xfb\xa7\xacL\n\x7f\x8e\xe4=\x89\xb5\xc9\xd6\xb5\xcd\x7fv\xea\xf8\x9b\xf9\x18\xe4\x13\xee\xa0\xd7\xa4c\xa6\x04H\x19\x83\xfd{\xe4N&lt;\xbah\x8a\xbai\xa5\xfeL\x86$k\x0bd\x15\xbe\x80wh#2\xf3p\xc5\x04\xd0_q(4z\xc1h\x14\xa7\xed\xd4\xd4\x94AV\xc62*}\xe5| V\x8f\xda\x0e\xf0Ek\xc5=~t=\xf4\x81\xa5\x9a\x7f~\x84\x1do\xe7\x05\xda\xbf\xaf\x14\xc9\xb3\xe3\x8d\xb1v\xe6!\xee\xc9C\xe1\x02\x81\x85\xba\xf9\x1f\xeaA\xc2o\x9c\x9f\xa4\x9c\x8f\xb5\x01\xbe\x83\xef\xf9v\xd6\x0b$T\xf6\x13\xf9/\x90\x14\xd2\xba%_\xd2q\x9d\x8f\xdb\xcczvN!\xc1\xc4\xf2]\xda\xbd\'|\xafeM,p%e\x1f\xa4\xe1O* \xcf\x88\xb1\xbfU\x86\xd1\xbe\xb6\xa3\xd4\xba\x1c\x9b,\xd4\x86N\xb7hRWc\xd11i\x18\xe3\xd5\xbaG\xc8Y\x01\xdb\x18\x1a-\xc1\xdcgR\xd2\xc4\xa7\x04p\xac5P\x8d\xab\xe6\xb1\xc8e"p\xcbS\xf5gj\x87\xa9s;\xc6\xb8+\xa2\xce\x98t]\x9b\xc7\xad\x10\xb7\x82\xfc6\x89T\xa3\x93u\n@\xcd\x8a%\xc5\xdeY\xe3\xde%\'\xbc\xf3\xfe\xfe\x18&gt;\x91\x07S\xc65\x1fk\xa49\xf28\x14A\x97\x10\xf2T-\x90L\xa0K\xd2J\x96\xff\x13\x9au\xe0x\xee\x0f\x97\xf1MK\x0eLx\xf7-\xbdp\x98Q\n\x90\xb8A\x0eu7\xcdAr\x9f\xd7S\x87\xb2\xc1?g\xb2\xc3.\x15M\xc0\x0eV_\xcd\x93\xd7\x00\xfa\xf3\x8e\x10\x03z\xa4\xa2\xcf&lt;\'\'"e\x11l\xcc|npi\xebF\xd9h\xe8\xeb\xb59\x90\xa3\x10.)rx\xb7^\xa5\x8c\xf8\xf6\x05\xa2\x1f\xda{\xac\xb2\x90\xb3\x83\xb2%\xbc\xc6\x81\xa4fak\xd55\x0eGL\xe8\xc2\xf6\xb5\xc9\xa4\xcd\xdbBzT\x80\xb9\xc4\xc5\xc3Q.\n-\xd61/b-\xc2\xecJ\xb8\x07T\xa0\xa0\xee\\%+\xae\xea X`\xf0\xf3\x15\x92\xf0\x80p\xe6\xdf\xfe\x19c\xa5B\x82\xb3\t\x8e]\xdem\xa8\xec\xf0\xd1\xef\xee\x80:\x82\x00\xd1T\xb6\xf22\xcbe\x85\x86\x8f}\x81\x18A\xbf\x89x\x01\xe9\xf5E\xb7\x92\xea\xf1\x9d\x1fB\x97\x99e\xea\x88\xd0\x10\x15s\\\xe9\xd5\xbf\x92\xae$*\xb3\xed\x13\xdd\x8e\xd5&gt;\x83,\xcd\xb0\xac\xd7\x88\x8c\nq0y~}\xac\xcb\xad\xb0k*\x99\xaee\xaf\x8a\x84u&lt;\x12#\x05A\xf5\xd1\xd2q\xbe \x00\x84v\xbe\t\xaa\x9e\x17\x80\xe8T!j\x01?8\xa2\x1b\xd1\xb0\xa0g\xe0\xaa/G}Y}\xb1B\xb0\x18\x0b\xa2\xa8rh\x93\x82\xdf3}\xe1\xd6\xde\xdf\x82\xd5b\\\x1f\xd5z?\xa1\xb9\x00\xc9\x124\xeb~AB\xb7:\x18j\x90\x07JO\xe5\x18\x95\xe0\xacCk\x82\x04k\x0cK\xf8\'3\xbb&amp;\xae\x0b\x15\x02\x14\x19\x1e\x80S\xf41`\xb8\xc40,\xbf\x92&amp;\x14\xbd\x18\x07\xb9\x8f\x88,+\x11#\x16\xa6\xe0\x13Y\xfa\x00\xe7\xf2\x10\xd5\xde\xa5\\\x95\x89\x10\xfe\x81\xed\x97\x91{\xee\x93`V\xe7\xca\x90\x05`&amp;K!\xf4\xa9\xf3\xd5\xdc\x85\x90\x80\x96\x86.\xed=\x93\x8eh\xccr|cLx\xe2\xb5k\x08\xae\x8a\xcdun\n,'</t>
  </si>
  <si>
    <t>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</t>
  </si>
  <si>
    <t>b'\x8f\xfc\xfb\x8b\x8f\xf9\xa2K\t\xf9ye\xaa\x99^\xca'</t>
  </si>
  <si>
    <t>hange two different currencies at an
 agreed rate on a future date. The currencies of many
 developing countries are, however, not fully
 convertible, meaning that they cannot be freely
 traded on international foreign exchange markets.
 An important example of an inconvertible currency
 is Chinaâ€™s renminbi, which can be traded within
 Chinaâ€™s borders (by residents) but not freely outside
 of them (because Chinaâ€™s government does not
 allow nonresidents unrestricted ownership of ren_x0002_minbi deposits in China). Thus, for currencies such
 as the renminbi, the customary way of trading for_x0002_ward exchange is not possible.
 Developing countries with inconvertible currencies
 such as Chinaâ€™s have entered the ranks of the worldâ€™s
 largest participants in international trade and invest_x0002_ment. Usually, traders use the forward exchange mar_x0002_ket to hedge their currency risks, but in cases such as
 Chinaâ€™s, as we have seen, a standard forward market
 cannot exist. Is there no way for foreigners to hedge
 the currency risk they may take on when they trade
 with inconvertible-currency countries?
 Since the early 1990s, markets in nondeliverable
 forward exchange have sprung up in centers such as
 Hong Kong and Singapore to facilitate hedging in in_x0002_convertible Asian currencies. Among the currencies
 traded in offshore nondeliverable forward markets
 are the Chinese renminbi, the Taiwan dollar, and the
 Indian rupee. By using nondeliverable forward con_x0002_tracts, traders can hedge currency risks without ever
 actually having to trade inconvertible currencies.
 Letâ€™s look at a hypothetical exampl</t>
  </si>
  <si>
    <t>b'0E\x02 HHS\xcc\x9d=\x07\xef.\xeb^\xfdbt\xd4\xc65\xd3\xa3\xad*8\xfd\xa9j\x18\xb7\xbcv\x81\x90o\x02!\x00\xc0\xf8\xe6\xb5\xb5\x1cM\xec\x16\x93\xbc\xfd\xb8\xe1\x89\x86\\\xc9\xb7Xx`\x84\xde\x0e\x84\x03\xb3\x14\x12a\x07'</t>
  </si>
  <si>
    <t>30450220484853cc9d3d07ef2eeb5efd6274d4c635d3a3ad2a38fda96a18b7bc7681906f022100c0f8e6b5b51c4dec1693bcfdb8e189865cc9b758786084de0e8403b314126107</t>
  </si>
  <si>
    <t>b'0E\x02 HHS\xcc\x9d=\x07\xef.\xeb^\xfd'</t>
  </si>
  <si>
    <t>w that is the way boys is always
 thinking, but he was the first one I ever heard come out and say it.
 So then he set to work to get up a plan to make him celebrated; and
 pretty soon he struck it, and offered to take me and Jim in. Tom Sawyer
 was always free and generous that way. There's a-plenty of boys that's
 mighty good and friendly when YOU'VE got a good thing, but when a good
 thing happens to come their way they don't say a word to you, and try to
 hog it all. That warn't ever Tom Sawyer's way, I can say that for him.
 There's plenty of boys that will come hankering and groveling around you
 when you've got an apple and beg the core off of you; but when they've
 got one, and you beg for the core and remind them how you give them
 a core one time, they say thank you 'most to death, but there ain't
 a-going to be no core. But I notice they always git come up with; all
 you got to do is to wait.
 Well, we went out in the woods on the hill, and Tom told us what it was.
 It was a crusade.
 "What's a crusade?" I says.
 He looked scornful, the way he's always done when he was ashamed of a
 person, and says:
 "Huck Finn, do you mean to tell me you don't know what a crusade is?"
 9
 "No," says I, "I don't. And I don't care to, nuther. I've lived till now
 and done without it, and had my health, too. But as soon as you tell me,
 I'll know, and that's soon enough. I don't see any use in finding out
 things and clogging up my head with them when I mayn't ever have any
 occasion to use 'em. There was Lance Williams, he learned how to talk
 Choctaw here till one come and dug his grave for him. Now, then, what's
 a crusade? But I can tell you one thing before you begin; if it's a
 patent-right, there's no money in it. Bill Thompson he--"
 "Patent-right!" says he. "I never see such an idiot. Why, a crusade is a
 kind of war."
 I thought he must be losing his mind. But no, he was in real earnest,
 and went right on, perfectly ca'm.
 "A crusade is a war to recover the Holy Land from the paynim."
 "Which Holy Land?"
 "Why, the Holy Land--there ain't but one."
 "What do we want of it?"
 "Why, can't you understand? It's in the hands of the paynim, and it's
 our duty to take it away from them."
 10
 "How did we come to let them git hold of it?"
 "We didn't come to let them git hold of it. They always had it."
 "Why, Tom, then it must belong to them, don't it?"
 "Why of course it does. Who said it didn't?"
 I studied over it, but couldn't seem to git at the right of it, no way.
 I says:
 "It's too many for me,</t>
  </si>
  <si>
    <t>b"\xdf_C\xa8\x9cp\xc6\xf9'\x16\x14HNE\x9d\x8b\xf0\xd3\xc9\xe7\xd7\xc6\x1d\x1fd\x8b\xd8N\xd9\xa8\xb0E"</t>
  </si>
  <si>
    <t>df5f43a89c70c6f9271614484e459d8bf0d3c9e7d7c61d1f648bd84ed9a8b045</t>
  </si>
  <si>
    <t>b"\xdf_C\xa8\x9cp\xc6\xf9'\x16\x14HNE\x9d\x8b"</t>
  </si>
  <si>
    <t>is the momentum of the marble. In the case of the coaxial cable,
  no actual object is in motion (well, the electrons are, but there are just as many of
  them going one way as the other, and their net momentum is zero), but energy is
  f
  lowing from one end to the other, and in relativity all forms of energy in motion,
  not just rest energy (mass), constitute momentum. The â€œmarbleâ€ (in this analogy)
  is the electromagnetic field, which transports energy, and therefore contributes
  momentum ...even though the fields themselves are perfectly static!20
  In the following example, the center of energy is at rest, so the total momentum
  must be zero (Eq. 12.72). But the (static) electromagnetic fields do carry momen
 tum, and the problem is to locate the compensating mechanical momentum.
  Example 12.13. As a model for a magnetic dipole m, consider a rectangular
  loop of wire carrying a steady current I. Picture the current as a stream of non
 interacting positive charges that move freely within the wire. When a uniform
  electric field E is applied (Fig. 12.33), the charges accelerate in the left segment
  and decelerate in the right one.21 Find the total momentum of all the charges in
  the loop.
  Solution
  The momenta of the left and right segments cancel, so we need only consider the
  top and the bottom. Say there are N+ charges in the top segment, going at speed
  20This problem was incorrectly analyzed in the third editionâ€”see T. H. Boyer, Am.J.Phys.76,190
  (2008).
  21This is not a very realistic model for a current-carrying wire, obviousl</t>
  </si>
  <si>
    <t>b'\xee=V\xe2E\xdc\xa1Etw~\xe5\x12\np\xd9\xea\xec|\x7f9\xb2\xb6.\xcd\xba\x02\xd0\xb2\x9f\xfb\xbf'</t>
  </si>
  <si>
    <t>ee3d56e245dca14574777ee5120a70d9eaec7c7f39b2b62ecdba02d0b29ffbbf</t>
  </si>
  <si>
    <t>b'\xee=V\xe2E\xdc\xa1Etw~\xe5\x12\np\xd9'</t>
  </si>
  <si>
    <t>ifferent kinds of
inhibitors: inhibitor-B, abscission II and dormin. Later all the three were
proved to be chemically identical. It was named abscisic acid (ABA).
H.H. Cousins (1910) confirmed the release of a volatile substance from
ripened oranges that hastened the ripening of stored unripened bananas.
Later this volatile substance was identified as ethylene, a gaseous PGR.
Let us study some of the physiological effects of these five categories
of PGRs in the next section.
13.4.3 Physiological Effects of Plant Growth Regulators
13.4.3.1 Auxins
Auxins (from Greek â€˜auxeinâ€™ : to grow) was first isolated from human urine.
The term â€˜auxinâ€™ is applied to the indole-3-acetic acid (IAA), and to other
natural and synthetic compounds having certain growth regulating
properties. They are generally produced by the growing apices of the stems
and roots, from where they migrate to the regions of their action. Auxins
like IAA and indole butyric acid (IBA) have been isolated from plants.
NAA (naphthalene acetic acid) and 2, 4-D (2, 4-dichlorophenoxyacetic)
are synthetic auxins. All these auxins have been used extensively in
agricultural and horticultural practices.
They help to initiate rooting in stem cuttings, an application widely
used for plant propagation. Auxins promote flowering e.g. in pineapples.
They help to prevent fruit and leaf drop at early stages but promote the
abscission of older mature leaves and fruits.
In most higher plants, the growing apical bud inhibits the growth of
the lateral (axillary) buds, a phenomenon called apical dominance.
Removal of shoot tips (decapitation) usually results in the growth of lateral
buds (Figure 13.11). It is widely applied in tea plantations, hedge-making.
Can you explain why?
2024-25
176 BIOLOGY
Auxins also induce</t>
  </si>
  <si>
    <t>b'\xb4HK\x7f\x91I\xee\xaeR\xe7\r\xadF|\xd5\xc4\xe6\xc1\x86\xcb\x08u\xea\x8b\xebH\x0e\xd6\xb8\x08\xd9xZ\xcecE\xb9&gt;\xa2$/;\xd9\xd4&amp;\xdd\xf2\xd7\xe6\xfa\x08\x93\x08\xdd\t\x1e\xef(\xe5\xfb\xa7\x96 jV\x17\xf8\xfa\x8e\x82\xe6\x13~\x03d\xd0\xb3\xeb8F\xb4\xcc\xd6\x83i\x07.\x17 \xd2\xd4\x14ty9B\x9d\x87J\xa3\x08\x07\x001\x9a7\xbd\x86\xdd\xc90\xb5my\n\xaf\'\xc7\x8es\xb2\xe7H\x97w\xcf\'T\xe8\xe9\x95[Z\x81H\x17\xf9\xae\xe4\\k\xca\x8e\xb8g\xe3\x98\x00&lt;,a\x1d\xf7\x8aC,\xfdNCWs\x1c\xa7\xe2\x99p\r\x1aq\xa29%\x8e\xb23\x984+\xd3\xb5\xf0\xdf\xcf\xb9\xab\xde*\xf0\xe2\xbe4m\xb0-\xd1\x1c6|\x02\xde&amp;\xc6\x1e&amp;\x07\xc4@\x8fL\xe5\xa8\xa3\xd0\xc5\x7f\xdc@T\xa1aJ\xba\xb2\xbdQ\xfc\x9d\x82\x1beU2F\x1fc\xfa\\\xaay\xe14\xe5)\xec\x8bd"M\xc1\x85\n\x8a\xa5i\x8e9s\x95\x1f\xf9\xc5\xd3\x95\xbcO6V \x89\x8b\xc0\xa1C\x9d\xd0C,\xf0\xa3\x0fP\x9d\x17U;\xe6\xa5\xe9\x10\x1e\xa4\x18\x9e\x06(\xf5\x80\x99\x00Y~\xb49C\xf2X\x1a;E\x10\x1c:\xfdl\x80)\x1f}\x1dSU(\x95\xaer\xcdv\xe0\xb8\xd9\xea\x0em\xc5\x1fO\xfd\xb6\xe63\xf2+\xa7\x92!\xa1H\xae\x91P\xd9`\xb7\xb8\xa3y\xb9d\xaa\xf3\x91\xa3\x0cm\xfe_\xe05P\x8e2\xb4\xc8\x8cZ/\xa9\xdc\x8cO\x13\x7f\xca\xf2\t\xe3\xe2\xde\xf4|\xce^\xf6\x8d\t\x8cb\xb7\xa1)\xbc\xc9\x80\xe8\x0f\xac\xa9)\xe1[\xfb\xb1[\x18\x0b\xaa\x0f\x15\xa0\x1a.\x10f\x87i\xde\xcc\x17\xebPy\x19\xdb\xd0\x0b\x86N\xc4\x03\x82\xc4\x0cLRqhx)\x88\'~:\xd3\xaf\x08\x9a\x8d\xe8\x1f\x0e\x1c\x8b\xea\x87\x8b[&amp;\x98"\xe7\xaa\xf5l\x9c\x9cY\xc1\xd4\x92\x9dCS\x8b\x89\\\xee\xb6\xb3\x9c\x90\xcbaCF:\xc3C\x8f\xad\x8e\xf8\x01\x86H&gt;\xbb\xff\xb3\xda.1q\x84$ \xd2\xf8$h\xacr\x1d\x82\xc6k\x84x\x83\xb1]$6\x0b\xf8B\x8dY\xe40\xc8\x804q\xcf\xe35\xd1\x9e\xa8~gq\x1e_\xb3\xac\xb8\x04\x8c.AB\xda\t/Cd\x81\xba\xb2\x80\x08J\xd4\xe3\xd6\xb6\xecF\xf5I\xbb\xff\xd6\xc6\'\'\x07\x0fX\xb3\xd8\xb6\xb4\xb5\xf0e\xd33\xff\xb2\xf9\x17\x1caL\xb4\r\xffl\xf4\x89\x916\x9c\x1f\xc1\x1c\xa3/\xddI\xfd\xa6\xbed\xcfA\xb9\xb2`E&amp;\xbcG\xd0$\xb5o\x91\x98p\x01\x8f@\x17\r\xc8\xe7\x8a*\x10\xcf\xdfIe.\xaa\x9f\xb1\x18\x1b}z\xbe&gt;1\x8b\x1dGS\xebf\xa1h\x9c\xe5;YD\xa5)\x88L$\xb2n\t\xb1\x7f\xb6\x1d\x9e3:\xfb\x03R\x15@\x11\xd2\xb2{\xe8\xa6\xc9\x0e\xb7aP\xb6\x18\xae\x84t&gt;\xfa\xc4\xd1\xdb\xba\x8fZ!\x02\x90\n\x1d\xb0\xd3X!\xa6b;\xc9\xbe=\xae\xd3\xe1\xfb\x9e\n\xff\xc9\xaeA\xcc\x1d\xa7p\x10wZ\xf0\xffi\xc0\xfb!|W8]=\xbf\xc7?\xa3\xd3`\xbc\x8f\xf7\x10P\x10\xfaM\xe4k\x87;ZHl\x08\x00\xff\xd1\x89\xb7,Y\x1e\xb7 \xd8\xd0\x89\xe8"\x13\xf2\xe1\xef?\x1a\x84\x1d\x95\xc9\xfd\xcf\x7fe\x15\xf8\xdc\xb4\xc0\xe0\xf1\x04*W\\\xb6M\xbbn!\xda\xfa\xe7G\xe4=\xcc~\xd5X\x84\x7f\x85!=\xd4f\xa6E\x93G\xa4i\x03\xeb\xc5\x01\xbdf\xa7\x00Y\xeaa\x01\x85\xd7\x81\x99\xd2"0\x9c\x04|y\x01&gt;;\x94\xb6\xd7\xa9\x19\xb3\xf9\xc0K\xc6\xf6\xac\x9a\xd12^\x9d\x8c\xdb@\x90\xa5Z\x19\x89i\x85%\x04\x8d\n\xbd\x9a\xe3\xc2\xd6\xae\xb1#\x92\x90\xc4\xf9\x04i\xb6]\xcc\xe2\x06Q\xbc\x0e\xb6\x9f\x12\xe7j\xf8\'j(\xec\x07a\tY\xcf\xa4\xffQ\xc9P\xc2 \x9d^,*fc\xee7w:9\xa4g~\xb9?\x9c\xa0\x87qw\xff&gt;\xe5\x1a\x94b9\xa3R\x82;~\xf2\xd9\xa0]\xb2\x81\x89\xed\x8c\rav\x84[\xdb\xb3\xcc\x9c\xb5\xbe&amp;\xde\x8a\xd78p\xce\xf7\x86C\xa8\x19\x01\xbfV\xach\x1b&amp;=P7\x06\xf4A\xfa\xfd\xbc\xa7+\xd9\xa3\x1a\x1b\x05\x03\x9fQ\xa9?\xa9p%o:\xffy\xc3\xac\xc7\x90\xb92\xa4y\x98m\xf5\xf2\xac\xeby\xf4m\x93\xa4O\xc3\xecr\x8d\x8e\x12\xf3V\x97\x11\x017G\xcct8\x9eX\xdfZ\xe9\x9aZ4\x00\xd3\x8c\xf77(\xdac\xe1Z\n\x17p\xe5\xafbCz|\x96boo\x8aR\xa1\xbcu\xf3\xc4\xa7v\xae\xe6\xdf\x01c\xee#2\x8eU\x85\xa62_\xd1\x9eG\x16+y\x8c(\x16q\xe9?&amp;\x969\x17\xe1\xba\x8b*p\x06\xd0\xdcV\xea\x7fxi\xdawV\xbd\xd6\x0ex{\x7fA\x06?\xb1W~\xc4\xa2$\x9f\xaf\xa2E@\x1a\'\xc9~\xb4\x07\xab*\x91\rW\xb5\xf4\xae\x88\x93F\xac\x87\x02\xdb\xffPj\xd5\xc58\x1f\x8f\xf9\x84\x01\xb7\xe6\xfcb\x1cu\xf9\xba\x9dI_\x94\xa9\x8a\xa1}mq\x0eQ\xbd\xb0\xac\x98b\xd0C\x1a\xff\x1fu\xad3\x81E{\xc3c\xa3\x93\xc2 \x0e]-\x97\xa8\x9f\xd9\xcee\x95i\x1a\xfe[\xee\x10t\x0ev\x83\x06\xfa\x9a\xc4\xdd\x83\x0c\x0e\xc4\x89\x83R\xa6\xf9O\xfb\x9f\x06k\xa4\x94}\xeb:\x1b\x92\x03\xc4\x92\x7f\xa33\xe9S\xd1\x99*\xd8\x83(\xaeB\xffB\x1a\xc5\xaa\xf2B\x97=8\xd6-\xb3\x10Z\x16\xb4\xdb:\xc0w@\xa36\xde\x85\xfb\xdfh(\x82E\xd9\x91\xfej\xb7\x9ap;_\x9a\xc4d\xbe\x15\x19\'\xed\x9b\xfaH\x03\x07\xbbr\r\x91\xae\\r^\xb3Y\xeb\x88H\x89\xb3!4\x02\xfd8fy\x85P0\xca\xbc%\xb87t\xd1\x83:\x7f\x0e\xcb\x14R\xaf\x8eZ;\xa7\x91\x05\xac\x9b^H\xf8\xa83Z\x9f}3\x95\x12AU\xd8\xd0/w\xaa/rn\x9c\x91\x8d\xfe\xeb\x94f\x939\x07\x1e\xa8Q\x81H\xad{\x8b\xa7\x83\x03\x1f\x9a\xe5\xe5*L\xae\xaf\xdb\x1e\xad\x9e_@\x8a\xbb\x1ay\xc5\xa9\xf2\x1e\xcbV\x06!E\xf2\xef\xb5R\xef\xe8\xa6\xcc?A\x08\xc0\xc7\xe1\xc8\xf8g[w\xd3\x11\xa5\xdf&amp;;\xd1\x046w!_!RG`\xe2\x90\x06\x10\x17\x9bSx\x07p\xe5\xa7\x19\xb3?2\xe1\xe5\xc5\x9f\xf3)\x08\xb0\x87\x9d:\xf5\x9f$\xd5,\xf4\xfb\xf6\xf7&lt;E\r\xb3\x9b\xc1\xcf\x98\x9c@\xda\xda\xe3R\x8f\xea\x12`\x85\x9a\x8e\x1dcK\xf9R\x0c\x02|\xe6\xa9\x1cY\xe9q\xab#}\xd8\x0e\xd0\xc9\x0f\xd7_\xce\xb5#\xc0\x7f\xc7U5a[\x02\xf7/\xaf)\xe7\xe1\xd9\x89!\xa6\xf3\xaa{\xd2a\x0cB\x1bZ#\xf7\x1e\xfa\xc4\x9d\xec\n\x04\xa2G\xae\xc0\x97\xbf\x1e$\xebz\xef\x87\x17l\xbe\xd4\x0eI\xeaL-\xfb\x1d\xee\xe0\xb3\x98\xc0\x0b\x16(n\t\x982b\xcc\xb5DT*C\xd1\xe3W&lt;\x05^p\x90#\xb5\x9c\xab\xa5\xc8v\xd2\xa3\xd6\x90@G\xb0\xbbr\xea@\x84\x1b\x7f\x067\xde,\xb5\x17\x8e&amp;t\xdf\xcc\xc1\x1fd4NJ\n\xe2J\x00\xd7\x178\x19\xc7\xf9`lk\xf2?\x87\x04)|)F\xe6B\xb6\xd4\x94tZv\x87\xc3\xe5\xdb\xcd|F\x7f@\xeb'</t>
  </si>
  <si>
    <t>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</t>
  </si>
  <si>
    <t>b'\xb4HK\x7f\x91I\xee\xaeR\xe7\r\xadF|\xd5\xc4'</t>
  </si>
  <si>
    <t>the children are coming back, that indeed they will be here
 on Thursday week. This would spoil so completely the surprise to which
 Wendy and John and Michael are looking forward. They have been planning it
 out on the ship: mother's rapture, father's shout of joy, Nana's leap through the
 air to embrace them first, when what they ought to be preparing for is a good
 hiding. How delicious to spoil it all by breaking the news in advance; so that
 when they enter grandly Mrs. Darling may not even offer Wendy her mouth,
 and Mr. Darling may exclaim pettishly, 'Dash it all, here are those boys again.'
 However, we should get no thanks even for this. We are beginning to know
 Mrs. Darling by this time, and may be sure that she would upbraid us for
 depriving the children of their little pleasure.
 'But, my dear madam, it is ten days till Thursday week; so that by telling you
 what's what, we can save you ten days of unhappiness.'
 'Yes, but at what a cost! By depriving the children of ten minutes of delight.'
 'Oh, if you look at it in that way.'
 'What other way is there in which to look at it?'
 You see, the woman had no proper spirit. I had meant to say extraordinarily
 nice things about her; but I despise her, and not one of them will I say now.
 She does not really need to be told to have things ready, for they are ready. All
 the beds are aired, and she never leaves the house, and observe, the window is
 open. For all the use we are to her, we might go back to the ship. However, as
 we are here we may as well stay and look on. That is all we are, lookers-on.
 Nobody really wants us. So let us watch and say jaggy things, in the hope that
 some of them will hurt.
 The only change to be seen in the night-nursery is that between nine and six
 the kennel is no longer there. When the children flew away, Mr. Darling felt in
 his bones that all the blame was his for having chained Nana up, and that from
 first to last she had been wiser than he. Of course, as we have seen, he was
 quite a simple man; indeed he might have passed for a boy again if he had
 been able to take his baldness off; but he had also a noble sense of justice and
 a lion courage to do what seemed right to him; and having thought the matter
 out with anxious care after the flight of the children, he went down on all fours
 and crawled into the kennel. To all Mrs. Darling's dear invitations to him to
 come out he replied sadly but firmly:
 'No, my own one, this is the place for me.'
 In the bitterness of his remorse he swore that he would never leave the kennel
 until his children came back. Of course this was a pity; but whatever Mr.
 Darling did he had to do in excess; otherwise he soon gave up doing it. And
 there never was a more humble man than the once proud George Darling, as
 he sat in the kennel of an evening talking with his wife of their children and all
 their pretty ways.
 Very touching was his deference to Nana. He would not let her come into the
 kennel, but on all other matters he followed her wishes implicitly.
 Every morning the kennel was carried with Mr. Darling in it to a cab, which
 conveyed him to his office, and he returned home in the same way at six.
 Something of the strength of character of the man will be seen if we remember
 how sensitive he was to the opinion of neighbours: this man whose every
 movement now attracted surprised attention. Inwardly he must have suffered
 torture; but he preserved a calm exterior even when the young criticised his
 little home, and he always lifted his hat courteously to any lady who looked
 inside.
 It may have been quixotic, but it was magnificent. Soon the inward meaning
 of it leaked out, and the great heart of the public w</t>
  </si>
  <si>
    <t>b'\x05O:xV\x0b9E'</t>
  </si>
  <si>
    <t>054f3a78560b3945</t>
  </si>
  <si>
    <t>should not mind fresh air in a secret garden."
Mary began to recover her breath and feel safer because the idea of
keeping the secret seemed to please him. She felt almost sure that if she kept
on talking and could make him see the garden in his mind as she had seen it he
would like it so much that he could not bear to think that everybody might
tramp in to it when they chose.
"I'll tell you what I think it would be like, if we could go into it," she said.
"It has been shut up so long things have grown into a tangle perhaps."
He lay quite still and listened while she went on talking about the roses
which might have clambered from tree to tree and hung downâ€”about the
many birds which might have built their nests there because it was so safe.
And then she told him about the robin and Ben Weatherstaff, and there was so
much to tell about the robin and it was so easy and safe to talk about it that she
ceased to be afraid. The robin pleased him so much that he smiled until he
looked almost beautiful, and at first Mary had thought that he was even plainer
than herself, with his big eyes and heavy locks of hair.
"I did not know birds could be like that," he said. "But if you stay in a
room you never see things. What a lot of things you know. I feel as if you had
been inside that garden."
She did not know what to say, so she did not say anything. He evidently
did not expect an answer and the next moment he gave her a surprise.
"I am going to let you look at something," he said. "Do you see that rosecolored silk curtain hanging on the wall over the mantel-piece?"
Mary had not noticed it before, but she looked up and saw it. It was a
curtain of soft silk hanging over what seemed to be some picture.
"Yes," she answered.
"There is a cord hanging from it," said Colin. "Go and pull it."
Mary got up, much mystified, and found the cord. When she pulled it the
silk curtain ran back on rings and when it ran back it uncovered a picture. It
was the picture of a girl with a laughing face. She had bright hair tied up with
a blue ribbon and her gay, lovely eyes were exactly like Colin's unhappy ones,
agate gray and looking twice as big as they really were because of the black
lashes all round them.
"She is my mother," said Colin complainingly. "I don't see why she died.
Sometimes I hate her for doing it."
"How queer!" said Mary.
"If she had lived I believe I should not have been ill always," he grumbled.
"I dare say I should have lived, too. And my father would not have hated to
look at me. I dare say I should have had a strong back. Draw the curtain
again."
Mary did as she was told and returned to her footstool.
"She is much prettier than you," she said, "but her eyes are just like yours
â€”at least they are the same shape and color. Why is the curtain drawn over
her?"
He moved uncomfortably.
"I made them do it," he said. "Sometimes I don't like to see her looking at
me. She smiles too much when I am ill and miserable. Besides, she is mine
and I don't want everyone to see her." There were a few moments of silence
and then Mary spoke.
"What would Mrs. Medlock do if she found out that I had been here?" she
inquired.
"She would do as I told her to do," he answered. "And I should tell her that
I wanted you to come here and talk to me every day. I am glad you came."
"So am I," said Mary. "I will come as often as</t>
  </si>
  <si>
    <t>b'\x0b\xe4\xa8\x99\x93:UL&lt;\x1dk\t\xf1$\x19{l\xfd!%Zrp\xbf\xa3_\xee&amp;\n\xfe#\xe8I\x80\xe2\xfe]a\xc1qX\x04\xb5\x7fv\xeb\xd8\xba\xec\t\xa7u\xe4Z\x02\x97\xb5\xb1\x9d-B\xaf(/\xf4\x18\x98\x9c\xe0\x03y\x0ck\xd9C\x8c\xcfE\x94\xd6\xe9\xb8]\xf6\xc5\x9f\xea\xef\x9b~\xdas3\xc6\x15R(\x9f&amp;\xe3\xdd\x1a\xf4&gt;&lt;\x83!j\x1d\x04?\x88\x03z\xb4\xd4\xb4\x0f\xf6\\\xa1\x84\xd8\x97\x1d\x92\xe7i\x97A\x05B\xb0\\\x0f\x14\x15\x90\xac\xb7"\xf8TW\x87\xbb\xf6\xbbqF\xfb\x04hNz\xbc\xbe\xb5\xabAr\x8e\r\xfc}\xb0\x8e\xf9"\xb9\xa1\x0ew\x14\xf9a,\x06-_\x82\xd3\xc3iO\xef\x98\x91_\x10l\xe1\x110s\xa9\x13/t\xd9)\x1a(\xe2u\xb9\xcd\xc2\x1a7\xd7\xd5M\xf7\x8dji\x8a\xd5\xa7\xe5@\xd0&amp;\xaa\x95\x00\xb12\r\xb5\xcf\xfdb\x19!\x9bW5e\xe1,&lt;\xd0\xd7g\x981\x16\xb0\xb3\xd73W\xdd\xfd\xc7\xfa=\xdb01\x91\xf7c\xc5\x06\x0b\xf8\xfdU\xffh\x9d"(O\xa1\x1e/6g`R\xb7\xcb[\xd3\xe0\xb5\x8ag\xed\xd5\x1c\x02\xb9U\x99\x0c\xec\xce\xc3\xb6\xc8X\xe3X\x9b\xcb\xde\xa0\x90\xc5\xdc#\x9b\xf3\x84\xef\xbc\xa7b\xb5\x89\xa5A|\x00\xfc\xc6\xa7b\xe5\xa4\xb2\xa8@\xa01 \xd6pj/\xee\xfd\xf9\xe7Y\xa4\x99\x0b\xbe\xd5W\\\x1e\x9fO\xa9`\x93\x142\xb1\xc0\x1a\xbcg\x15}g\xa6\x90\xf0\xbb\x1e\x87\x10\xd4\x9e\x95B\xe9\xb6\xa6\x12\xf8\x99\xcc\xa4\xcfD~y\x08J\xa0\xf4\x15\xa7Z\x16\xdb9/\x9dQ\x8ch~\x08t\x83z\xd4\x91\x94\xe0\xder\x85\xa4\x02yg\xd0\xc8\xfe\xcb\xd2c\x9dlg\xb9jc\xbe\xb0\x9c6\xb4\xcd\x01|@,\x12y\xfa?!\xf1&lt;ugg`\xc5\x1ba\x02+\xf1\xa3\xf7\xd3\x06gO1\xd6\x084\x16:\x8a&lt;(\xe1\x9b\xa26\xcd\xb8\xf8A4\xaf\xb2\x82\x02\xc6\xb7\xe2\xbb\xa2\xe2\x87poi\x18y\xbe\x96\x15`J\xd3\xf7l\xfd\xd1\xd1\xe3=\xe5@o\x83b\xd1\x12\xc6\xf9\xe3$\xf0\xe8\xb6\x10F\x8c5g\x82\xc5\xff\x11\x94\x17~\x01\x9c\xd8\xb2\xa8j05\xe5\x1ev\xc0-\xba\xadO\xed\xf1\xb0\x90\xf0\xbe\xaf/\xd5\xcf\xf2\xf6Q\xf9\x01\xc7+\xb1+\xc0wd\x15e\x98gbz\xf2\x96\xeb\xbdY\x97\xd91L\xc1]\xd4\xa7V|j\xa7\xe8\xaa\xcar\x98\x93\xfa\xd7\xd3\x16\x07t\xd5\x97\xc1n\xcf\x9f\xc2S3\xff&gt;\xb6&gt;w\xb8\xf1En\xd3\xd0%(\xb2I\x0c\xb9A\x16\xb7\x96%E\xc4\xf6\xb1"\xe0\x9a\xcc\x7f\x02\xcfm#!r\xd8\x89\xa0n\xb0\xd4\xcd}s\x1c 50e\xe64\xde\xd4\xa56\xc2E\x997,\xe9`\x12-A`\xa6\x89N\xb2y\xc6\x94a\xbes\x8c\x89\xe8k\x84\n\xf7\xa3\x17\xd6\xc2m\x86O\xc9\x82\x9f\x13|\xb0O\xb0\xc7\x98\x89+\xf2\xd3O0\x92l!\xfaAR\x12`(\xa0\x08\xa3\xd7\x8a\x93\xec\x06\x08X&gt;\xdd\x98\xc0\x10h\x06\xc9\x05\x93\x00\xe2\x80\x96&lt;\x12\xe0\x1f;\x1e\xd3\x86\xd9\x1e$\x15\x80/\xc5T\x92W8\x0c\xa1\x84Q\xf6\x8d\xe2T\xd6Z=\x054&amp;\xbcE\x8b\xa0\x9ay\xbb\x9d\xae\xe0\xaa\xf1\x13p\xb5\x9c3\xf8s-9\x8dP\xe1\xc5\x01\xcd\xcb\xb1\x12\x97\xd9\x10\x89F~\xc54\xd0\xae\x0c\x056-\x8d|\xe3-PV\xf9L\x02\x91\xd1Ou\x13&amp;\\.y&gt;\xb9\xa4B*yn\xea\x0c\x14\xe1\xb5\x12\xcf^.\x971\xc0uHL\xdc\xe7\xe2\xb8o\xc7\x14\xa0\x01&gt;2\x13W\x9b\xb3\x88\x97\x83\x10\x1d\xba\xf4\x9e\xb6\xd3\xe1\xe1\x9c\x93\x07!7\x93\xde\x80\xa7yR\x90"\xc1\xa0{\x01\xf8\x9b\xed\x92\x10\xf1\xb4h\x10\t\xa6S\x0bFSg\x86\xd1RAl\xc8&gt;\xf5\x0ea\xee\x92\xb5\xce\xa6aP\xaa\x93\x9e\x8djR|\x9d\xc0\x0c\x0b\xc1\x99\xd8\xbbz1.\x86\xd0\xe6\xbe\xa3\xf2*eK\x15\xb3\x8b\xa8n\xf7wr~\x89Qv\tt\x83\x155\xecC\xb5_\x058\x97\x8b\x9bu\x15#\xec\xd3\xa1\x7f\x00XY\xd5\xc8\x8c\xcf\xddzu\xe2D\xe6\xa6\t\xc3\xfdl\x0c\x06\xc11\x86\xc2\xa8lP\x0c\x06\xe2Z\xd8\x90\xea\x12\xeeY\xd4A\x99`\xe1\'\xaf\xcdO\x17h\x89qh\xa2\xba\rE\xcduqx\xabhh[\xe0"\xdf\xe9\x8bcE\x17+\x15Y\xe5\x18|\xfa\x9f\xb7)\xe4\x0cSv\x9e\xef\xbd\xd9k\xd0|\x11v\x81zW$\'\x16=a@\xc5\xe6\x06c\xb6\xd4C\xbd\xcb\x08\xd0\x8e\xbf*\xa5\x02_9\xeeV\xf5[\xef\xe7\x7f\xe1f\xf7\xb37\x9eU\xadKkaU\x7ff\x0fl+ \xec\xeb\xb0I\x02\xa8\x08\x9aNv\x85\x89\x17\xb1&amp;\'\x88\x9f\x10&amp;\xdb\x85\x82\xa4\xfc\xb6y\x1e\xfd\x88\x1d\xe6X\xc4\x97=\r\xf94$wu\x05\xac\xdeU&amp;\x99yy\x17\xb6\xf2\xe3\xd3\xb2\xdfj\x05\x15*\xeb\xef\x978\xa68\xe4\x156\xaf\xa7\xc3q\xea\xf7\x99\x96\x14\x82\xb2m\x1c\xe7\xb3\xeaACd\xefL\x8c\xaa \x8f\x93\x89\x01\x9ef\xac\x86\x87\xf8\x9b,^\x015\xcd\xbc\xf8\xfc8\xee\xfd9NK\x05\xe5\x01A\x0b\xb3\x0e\x17\xea&lt;"\x88\x1a\x90rL0\xe11\x90\xa6E\xce\x1d\x9d\xed]\xa7\xc2\xdc\x93\xe6\x04\x8ex\x1bIJ5\x1f\xee\xc9Uc\xe1\xce#\x9c&lt;\xe2\xf1\xbbqe\x83\xbe\x9c0\xb18.\xd9\xcc\xe1\xa8\xfc\xd9;e\x14\x92\x81\xdf\xb7\x8d\xcd#\x11\xc5~\xc7\xd5\xd2\xeb\xe9\xb9\x97\xf8\x0b@;\x90\x16$\xa6\xc8\xb4EO\xdcd\x18\xb1Y\x1eK\xb7\xbe9W\xc0\xa7\xf0\xc9\x85\x08\xb5\x11\xa8\x10t\xafI\\I\x01\xb2-z\x19i8\xce\x02M\x89\xc2\x93\x0b\x1eQ\x80\xd23"\x95\x95~\xf9\x8eJGDm\xd8\xb3\xd75\x86\x88&amp;r\x17\xa6e6\x8ez\xd7\x8dJ\x0e\x8a\xf1\xea\xa7\x0c\xfd\x1f\xab\x15^\x0bj\x1e\xf6\x18\xd6{\x9c/\xca\xbf\n\x8d\xf1\x9e\xa99\xach\xee\xd9\xf1o\xf2&amp;)c\x8b\xb7[~\n\xbfi\xe3)\t\x8e\xc1\x92w9D\x07\xec\xdc\xf4\rTn7\xc4\x1ezh\x93\xafv\xaf\x0b\xfe\x08n77\x0fC\xb0\xa3\xbc\xc8\t\x13\xa7\xfe\x8c*\xa6\x8e+\xf9w\x97\xc55\xfd\xee4\x92{\xe9*\xc626)\xe6\xaa\xe8\xe4T\xb3KK\xabw\x03\x19h\xda\x14\x81\n\xe3d\xb0\xf2\xa1^\x82\xba\xdf,\xf4e\x85p\xcd\xc5\x83\xed\xd8\xcb\xdc\xb3\xd1\x9a\xd0\xfa\xb0\xda]\x02^\xa81^0\xf3%\x91}\xe4X\x1eq\xcfg\xe7w\xd0\x14\xe1\xcf\x83Q2\xcf@\xa4p\x03+\x12?\x99\x11J\xfd\xfd\xd3\xf8\x005@S-\x0f5\x04\xd4\xdc|\xec\xb2\xf8\x12\x8a"k\xea=\x0e\xcc+\xc7J\xbe\xd9\x90\xb2\x84\x0b\x91\x8a\x9b\r\t\xccE\xf7\xb4\xc4\xad\x88x\x13\xb0\x01\xdf#\xcdy\x05\xee\xcf\x98\xc9H\xf7\x9c\xac\xbe\xc3\x90B\x98\xc6q\x11\x93X\x05x|\x15\x04\xe0\xaf\x94\xebF"\xd0\xd4\xa5P\xca\xc5\xe13\xf4X\xa9A;\xdc?\xfa\xda(#\xbf\tV\xc3\xe1\xdbb\xe6\xaf\xa3\x9c~4u\x04\xdeV\xfd\xde\xbbO\x9eAO\xe8C\xa7\x81o\xfa\x0ca\xb4\xb2\n=\x03\xfeY-&lt;\xd0JH\x98\x9ef|\x8dZ\x83y\x16\xab/\x82\xb3p\x86\x9d\x945\x16Ez\x84\xa5\x0b}\xa9\xf6\xa2a2;\xc1\xb7\x9f\x82\xaaG\x8e\x0b\x0c\xd2\xd8\x81A\x85c\x92\xc1\xa8Hw\xb6y\x0f\x9bY`Om\xed\xba\xbdbK\x0c&amp;*\xee9\xb2 \xfa\x96\x86 {\x04v\x82\xf4(=\x95\xf5\xe3\x96n\x96r6_k?Y\xdf\xd5e/\xa7\x80\x88s%\xe4Ao.\xfa\r\xd91\r\x18j&amp;\xfb6\xf4P\xd8V\x00]b!\xd9\x85"#\x91y\xc4.\xd8e\xef\xa8\xb6\xc3g\x0f\xc8\xd3R\xb7&lt;G\x11\xa4\xfcVKwa\xb0\x9f\x8d\xb6\xd5\xc8\x97\x8a\xe2\xe3\xbb\xd8\xc8\r\x9f\x1bu&gt;\xa6\xfc\x19\xeas\xf6\xfbD\xe6mG] \xda\xb7\xf9\x8e\xa4"\xf7\x9fU\xb2\xe3\x9a\xc3\xc0INa\xd6\x9ajP\xd7\xc4T+\x8eT\x86\xc8\x90\x04\x1f\x16\x12(\x8al\x83\xa6\x876Y\x99\x1f\xa5(]H\xca\xc00/\x9e\x87b\xa4\xccZ\xf3\x12\x8a\xdd\xf4N\xfe\x8c\xb3\xea\xd2\x1a\xe9V\x03\xc4}\x14\x1f=&lt;X\x92\x98t\xe2\x89\xed\x99\xd3K\xa0\xd7\x0b\xac\x95\xc5\xe7"\xba\xb3\x9cq\x9e\xf8Ys{\xad\xa5\xc0\x90\xe5\x86\xe4\x0e\x81g\x0eG(\xbfb\x9c\x1d\x88\x85&amp;\xe2\x8c\xfb8&amp;c\x07\x05H\xf6\xee\xd2\x13N\xf0\x15\xd0\x12\x87oy\x1c8\xb6mf\xcfG\x0c\x12\x05\x0e\x91a\x88\x03(l7\xb0\x15\xe8a\xd3\x1c\xe0\x12b\xcd\n\xdf1N\xdc\xf5\xbfW\x80h\x94\xa4n\xa2w\x9e\xfb\xd4\xaa!a(\x7f&lt;j\xf9\x02B\x9c\xe7\xca4cB\xe5\xd8\xc9\x0f\xdf\x10\x1agv\x18\xe0\x81\xc9\xc27\xa6n\x8e\xea?w\x95\x1c\x1a\xca\x82\xe9\xaf*Q\xe0\xe7S\xfe\xfc4\xd6\xb7o\x9bhF\xffHY\x0e\x80\x04\x15\xacJ\xde[\x9e\xff*\x1e\xb0=`5v\xe2\x96\x11&lt;4Pn\x81{\x087\x06\xebV\xf4r3\xdc\xb1\xeb\x8eKT\\\x0cS\x11\xed\xb0^f\xd8\xc8\x11\x83\xa1\x03~9\xa0\x98\xffH\x9b\x9c_ouO\x1b\\\xe8q\xfdm1\xf7oA\x92\xef\x8fH\x94\xe9\n_\xc2\x9e\xd8\x1dE\x02\x17\'\xa8h\xb6\xdc\\\x0b\xa5\xc2\xbc\xf1\x95\xb6\xdeK\xf2\x08\x08\x94p\x91\x1d}"4\x82\xed&gt;\n\x96,\x00\x8aB\xd3h\xfa\xcb\x96h\xb4\xc2\xdd\xbdg:\x08\x03\x01\xb3O\x01\x84\xd4d\nF\x87\x04\x0e\xdcf\xaa\xa4v\xaa)\xb1\xdd\x85}\x8d\xfa\xa19B\xc29\xd3PJ\xdbD~b\xees\xb4j\x1b\x16e\xcd%v1\xdc\xb0w\xb1\x86\xb5\x8d4\xc8\x9d\xa5\xdb\xb8\xdd?\xd2\xea\xf8\xc4I\x04\n&lt;\xfe\xa0\xe4r\xd4s\xd7\x85\xaf@\x053\xd9a\xa7\xef\x8b\xddS\x1d\xad\xc22\xb5\x89G\x0b\xbf.\xd4\xb0\x1b\xe7\x82\xcc\xdc1J^\x1do{\xbf\xc2\x15w\\\xaf\xd8Q\xf8\x8a\xd3\xa6$\xe2}\x0c\xdd\x9d\x07\x9d\x98\xc8\x92\xf9/\xbc]\x1fuJ5\xb2\xbb\xa6v\xc8c\xeeCe\xaa\x9ej+\xc6-\x99\xd6!\xd9i\x19\xc8\xe7kAx\x13X\xe2\xa6\xf3\x82\xdf\xc6\x0c\xba\xf7U\xb8g\xe9\x04H\xbe\x9b\xc3\xfe\xd9\xc03#`1\xd4r\x7f\xd0Zm\xfb\x86\x89\x10\xf8\xed\xffQ\x96\xf3\x02\xa8\xf6v\x92gm\xbd\x9bOS\x80L\xe4\x13\xbe\xe8X\x19\x1b\xa0\xa9\xbb\xec\xd3\x85\x10\xfa\xf5\x89\x9f$4\xe0\x00\xba\x0f\xd3HA\x12\xcbF\xf7\x9e\x0b\xbb\xde\xd3P\xeeq\xa0\x08\x19\x85\x81\xecK\x06\xd8\x92\x86u;p(\x84\xf8\xdcK&gt;\xbb\x1d\x82}}e\xe6/j\xe2,\xf9\xfc\xf8M\xc3\xfeF\xcaF\x95\xa9x63\xf2Z\xeb\xac\xb2\x195\xec\xeay\xbdE O2\xac\r\x93\x02\x07I\x9cc\xbe\xc4qy=\x9d\x1d[\xc3\xb3X&gt;yu6A\x1d\x99&amp;\xf2\x8f\xb5QvA\x874\xaa\xeb\xfd\xe0.\x19\x93\x0e\x05\xa9\xf6\xbaQ!\xebgZ\xe1\xa3\x0cH\x1c\xd0\xa0\xa7)\x9a\xf53\x19\xa0\xa2\x8f\x0b\n\xec4\x0f\x9e\x8c\xa9\xdc\xca;\x93\x9e\x88\xe2\x91%o\xf9\xef\xd7\x9e\xbf\xdeb*\xee\x98!\xb2\xfd52\x9c\xdf\xdf\xfb\x14\x93\xde{\x84|\xed\xb4\xcc\xc6}!\xc3N\xc7\xb6_\xff\xa0A\x05\xcd\xe3/\xf7\xcd\x91=\xa3k\x9e\xb69\x04\x83\x8c\xf2o5\xe9\xfe\x10H=\xad[Q\xa2\r\x03\nmn\xcd|\xfco\x9f\x9b1*=Fm\x80"\x07\xedZx\xed]\xa8\xf8\x1b\xa3ug\xb9\xc2\xb8\x00\xae\x15D\xa0q\x97\x1e\xebk\xfca\xb1\x15b\xed?4\x83\xb0b\x02x\x80\xe2\xdfUl\x92\xf6\xce\xb6d\x7fY\xabjl\x11Y\xc6\x84$\xb6\x16\t\x05p\t)\xb2\xac"\x12D\xa2@\xd3\xbbw\xec\x05\x84\x9b\x85\x10r+X\xa4\x08\xb37\xc2zJ\r\xd62\xb01_\xdd\xb6\x86\x9ai\xf7\xa8\x84\xc2\xa1\xf1\xa3\x96\x8fY`RpCY^?96yw\x1a\x8d\x83~\xdf\xa6\xbc\xc5\x8d\x97\xb8N\xde\x9c\xe4A\xf0&lt;\x17\x9f\x92\xd4\x8c^,\x9a\n\xee\xdf\x903\xa5-\xfc\xb3\xfd-+\xa9\x8az\x90r\x0b\xef\xc1\x8c\r\xb8U\xdb\x15\xf0\xd7\x86\x06\x82E\xb8\xa3\xa3\x04\xdb`kB#H\xadn\xe1\x8c\x1d&gt;\xdb \xdc\x9fw5n&lt;\x8e\x94\xb3}\xc9;\x0c\xfe\x9a\x06\xa2\xe2\xbb\xf9\x94\xc7\x95\r\xae\xd5\xb5\xb9\x02\xdb\xe7Rh\x94\xe4\x93\x85\xa3\x80B\xfb&amp;?\xde\xaf\x0fPaF\xf4\xa7F\xb1\xe1\xe9\xab\xd3\x18\xffB\xb0&amp;\xf6\xb9\xa4\xff\xa7\xdd\x17\xd1[Yo\x14\xddh\xfd\xda\x8f+\x1b\xe2B"\xc1M\xb3\xcd\\nW\x9c\x01\x1aY&lt;\xd2@H\x85s\xd7\xbaB~\x80#;\x1dL\xe2k|@\x16K\x82\xfb\xe09\x10\xd7\xffJ\xfb0r9j\xe72\xed\xd2\xc2\x11Z^k&gt;T\\v)\xb4\xdc\xa05I\xba\xb8\xd5j)F~\xe2\xca\xbf\x1c\r\x88\x9dj]\xf1\'l\xcf\xa0S}]\x15%\x7f\x0c\xaaj\xfd\x10\x1a\xf2y\xe3\x06[~\xbcT\x7fa\xcf\x90A\xb0\xa9\xe2\xc0\xb75\x0e6[\xb7\x90\x06\x826\xaa\xa7\x05\x00\xc1\n\x142[Q9G\x8e,\x11\xa2\xc4\xf0R\x92\x98]\x99J\xcf\\\xf5\xa2&lt;\xb7&gt;,/x_\xd7d\xba\x07Mz\xd1[\xd6\x12s\x14\xcb\xda\xc31\xa9"\xdc\xe5\xea\xca\x1bF;\x8aff\xff\xf9\xb2i:\xad\xaa\x92\xefh\xa1\xbe'</t>
  </si>
  <si>
    <t>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</t>
  </si>
  <si>
    <t>b'\x0b\xe4\xa8\x99\x93:UL&lt;\x1dk\t\xf1$\x19{'</t>
  </si>
  <si>
    <t>m the on'y one as knows the place. He gave it me 
 at Savannah, when he lay a-dying, like as if I was to now, you see. But 
 you won't pe</t>
  </si>
  <si>
    <t>b'oK;\x9b6"\xd0\xebq)\x01i \x8b\xe8\xe8\x12.\xa7H\x07\xaa\xe3\x11\x90\xe1\xec\x96~R\xd4\xe9.;a\xe6\xfa\x96\xa4\x90w3kX\xe8/\x8dk\xc3\xec\x19\xc2^\xa8\xcc\xce5\xf4\xe0\x7f=\x9c\xcc\x00\xc1`h\xaa\xd7\x94\xf9\xc4\xbf\xf1z\x84\x9d\x17\xa6\x12\xecv\x1bM\x07\xdc\xe2\x00\xea\x1a\x0b\x89\xad\x8e\xcd)c\xd0\x8b\xb4\xdc,j\xa2R\x90:\x9e\x89\x9c)\x87\x99n\xe9mq\xcf\x95\x02?\x06W3\xb5M8l\x8c`x"H\xcb(^\xffR\xf0\xd9PO\x8eB\xb4\xbds~\xe6\x9b\x0c\xbb1\xc6\x16\x17\xee\x1f\xfa^\xcf${y\x80~9VuIf\x80\x9ap&lt;\xf5J\xce4\xef\xb3\xc2f,\x91\xb3\xd5pk\xe6\x05\xaeA\xba/5\x9b1\xce}]\xd0\x0b\x07j\xe9M=q\xbc\xb8\x0e\x98@\xdc+\xb0\x8d\xce\xa0\x02qJ\xcb\x18.\x85\x1a\xc1mL\x18\xbf\x88\x9a\xb0\xc0\tu\xf6z\xc0\xca\xa5\xf8\x12(\xe3t\x92k\xf6\xb2\xd7\x97t;\xdb\x94\xe2\x86\x15_\n\xc0\xfd\x9e\xd3\xe8L\xffv\x0b\x8f\x87\x1e\x11\xd5\xe5\x13K\xb0\xe2\xe9\xa0t\x98@\xe3\xb8\xe2v\xc6kJ]\xc6\xf5\x05\xd3\x0f\xf7\'\xf6\xd2\x93C\x82\x8a\x90\xa8\xd4\x81\xde]\x83\x8c&lt;\xe5\x00\xd9H\xd8\xc4{]\x92\xc3\x1b"\x81\xb4\x14\n\xa5\xd4\xfc\xd4\xda1\xd0\x99\xac\x99\xfdg\xfd\xe0b{\x1dj\xf4\x96=\x8a\x86\xaa\xaa=\n\xbb\xb6p\xcb\xe4q\x8b\xc9\xf7\x06\x91\x941\xbc\xc5\xbf\x8cS\xe9\x82\x96\xe9\xac\x9c\xd0$\x83\xbfI\xc0\xf5\xfb\xaf\xe3\xfc\xe4[\x14\x9c\xff\xba\xd9~K\x8af\xf6`/R\x9c\xe3\xc0\x8e\xc6\x9c\xa5\x90-\xde\x85p\xf3\x1e\xd0{\xd6\xc1)\x89\x95[qY$\xabB4\xbd\\OVG\x1e\xa2\xba\xd0\x8a\x93i\xce\x80!!/\xf6,\xde1F\xef\x8b&amp;$\x88\xff\xb7\x0b\xbd\xce\xad\xf7uv\x01\x97\xafu+Qd\x96\x16\xeb\x04:\xa76\xfcT\x9a\\AS\x01\xe4\x84Y:\x90\xed\xcf\xa8\xfb\xd6FDu\xae\xa4%'</t>
  </si>
  <si>
    <t>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</t>
  </si>
  <si>
    <t>b'oK;\x9b6"\xd0\xebq)\x01i \x8b\xe8\xe8'</t>
  </si>
  <si>
    <t>of his thoughts; hers too had, for some time,
 been occupied by the remembrance of her mother. He seemed by an
 effort to rouse himself. 'Yes,' said he, with an half-suppressed sigh, 'the
 memory of those we loveâ€”of times for ever past! in such an hour as this
 steals upon the mind, like a strain of distant music in the stillness of
 night;â€”all tender and harmonious as this landscape, sleeping in the
 53
 mellow moon-light.' After the pause of a moment, St. Aubert added, 'I
 have always fancied, that I thought with more clearness, and precision,
 at such an hour than at any other, and that heart must be insensible in a
 great degree, that does not soften to its influence. But many such there
 are.'
 Valancourt sighed.
 'Are there, indeed, many such?' said Emily.
 'A few years hence, my Emily,' replied St. Aubert, 'and you may smile at
 the recollection of that questionâ€”if you do not weep to it. But come, I am
 somewhat refreshed, let us proceed.'
 Having emerged from the woods, they saw, upon a turfy hillock above,
 the convent of which they were in search. A high wall, that surrounded it,
 led them to an ancient gate, at which they knocked; and the poor monk,
 who opened it, conducted them into a small adjoining room, where he
 desired they would wait while he informed the superior of their request.
 In this interval, several friars came in separately to look at them; and at
 length the first monk returned, and they followed him to a room, where
 the superior was sitting in an arm-chair, with a large folio volume,
 printed in black letter, open on a desk before him. He received them with
 courtesy, though he did not rise from his seat; and, having asked them a
 few questions, granted their request. After a short conversation, formal
 and solemn on the part of the superior, they withdrew t</t>
  </si>
  <si>
    <t>b"\xb5?Vj3\xc0\x959\t\x970\xeesT\xa5\xa4\xe3M.\x9e\xaejA\x12\x12\x02v'V\xc6%i\xab\x9d\xba\xe7\x18\x14\x01\x84\xc0|\x00\xd7\x83y\xdd\t\xfd\x10\xa2\x14\n\xee\xd6j$7{}\xa0i\x1d\xee"</t>
  </si>
  <si>
    <t>b53f566a33c09539099730ee7354a5a4e34d2e9eae6a41121202762756c62569ab9dbae718140184c07c00d78379dd09fd10a2140aeed66a24377b7da0691dee</t>
  </si>
  <si>
    <t>b'\xb5?Vj3\xc0\x959\t\x970\xeesT\xa5\xa4'</t>
  </si>
  <si>
    <t>d shoot apical meristems sometimes alongwith intercalary meristem,
contribute to the elongation growth of plant axes. Growth is indeterminate
in higher plants. Following cell division in root and shoot apical meristem
cells, the growth could be arithmetic or geometrical. Growth may not be
and generally is not sustained at a high rate throughout the life of cell/
tissue/organ/organism. One can define three principle phases of growth
â€“ the lag, the log and the senescent phase. When a cell loses the capacity
to divide, it leads to differentiation. Differentiation results in development
of structures that is commensurate with the function the cells finally has
to perform. General principles for differentiation for cell, tissues and organs
are similar. A differentiated cell may dedifferentiate and then redifferentiate.
Since differentiation in plants is open, the development could also be
flexible, i.e., the development is the sum of growth and differentiation.
Plant exhibit plasticity in development.
2024-25
PLANT GROWTH AND DEVELOPMENT 179
Plant growth and development are under the control of both intrinsic
and extrinsic factors. Intercellular intrinsic factors are the chemical
substances, called plant growth regulators (PGR). There are diverse groups
of PGRs in plants, principally belonging to five groups: auxins, gibberellins,
cytokinins, abscisic acid and ethylene. These PGRs are synthesised in
various parts of the plant; they control different differentiation and
developmental events. Any PGR has diverse physiological effects on plants.
Diverse PGRs also manifest similar effects. PGRs may act synergistically
or antagonistically. Plant growth and development is also affected by light,
temperature, nutrition, oxygen status, gravity and such external factors.
EXERCISES
1. Define growth, differentiation, development, dedifferentiation,
redifferentiation, determinate growth, meristem and growth rate.
2. Why is not any one parameter good enough to demonstrate growth
throughout the life of a flowering plant?
3. Describe briefly:
(a) Arithmetic growth
(b) Geometric growth
(c) Sigmoid growth curve
(d) Absolute and relative growth rates
4. List five main groups of natural plant growth regulators. Write a note
on discovery, physiological functions and agricultural/horticultural
applications of a</t>
  </si>
  <si>
    <t>b'\xbc\x15\xbbT\xce\xa45\xbbA\xd8y\xca6\x8d\x03:\x84\xce}\xd9\x8e\x96\x00&gt;\xb8\xf7\x9aFF\xf1\x1f\xdc\xe5\\\xe6\xd4\xa6\xc1&amp;\x10\x1c\x9b\xb94\xbey\x0c\xf0\x12\xc1\xd0\xae\xeb\xe7r\xaf\xa3^]U\'&gt;\x05\xde\xfe\xee\xc7I\xe2\xdd\xd6T\x88\x8c(\xb2mr\xcc\xc1\x81\x85\x85\x1e\x88\x8c\xa1Z\xed}\xaa\xb2\xa8\xf5\xcb\r\xcbdxU\xf6\x83B\xb7\xe9%3\x04\x8d\x19\xfe\x02\xcfqv\x9et\x83\x17\\\xc9\x1d\x1cf\xaa\r\xda\xd9Y\x91r#M\xfe\x83E\x07\xcf\x83\xa8Y\x80\x8e45\x93\x86T`\\qA\x13\xa6\xfb\x0f\xdbJ\x03.a\xb4{\xd1g}\xe6\xf9vX\x90\xce\xc2\xb7\xb4D\x9b\xfd@\x99?Jy\xa2\x15C_L\\\xac\x94\xaa\xeaECfIk\xf6\xe0\xa4\xb7\x08t\x83\x07\xb7&lt;\xbcS\xd8\xba^^W4G\xbb\x07_\xf6\xd8\xc2\xba\x17\xde\xcfiY\xd5@\xf9\x8d\xc2\xa8;:\xf6sv\x07\xcen\xd7\x0f\x83l\xb5\x85xh\x98\xd6_(\xd5\x1d\xf5\xa9\xfd\xcd\xc6{3\xa6\xadzo\x97h\xe8\x08\xdc\x9f\x8b\xefn`c\x12\x0fX\x86\xa2M\x96\xf1\xf5\x87\xa9\xc0w\x00\x85x\x88\xb6,tlF\x89\x18\xe4-QI\xe1[=\x8f\xec\x8c\xc3ctP\xb6V\xad\xd23\x06\xbe\tA\xf3\x01\x8d\xe4\x07\xe3\xa71(\x88\x94h\x0f\xc0\xe2\xb4n\xf7X\xbb+5\xbce\x14p\xd4\x1a\x9fP\x1a\x8d#\xfae\xf1q\x13\x0e\xd1\xfap\x14\xb6\x19f\x0b^\x11\xa1.\x8e\x8f\xa4\xd3\x15=\xdfn\x01\xe1\x19\x0bl\xd6\x9d\x1c\xc5\xd2X\x13j?\xe0\x88\xd6\xa9\xd1@!\xc5b+\xc1\x17\x14\\\x8d\xb2\x9d\xf4i\\S\xb8x\xa5\xac\x1fv\x84*\xcd\xa5(\x19\x02?\x19`\x10b\xd8\x83\x0e44\xfbV\xab\xa8\xc4\r\xa9\xdd\xbe4W\xe2\x89\x8c\xbc\x0cj\x00\x91\x0b\'`tF\x07\x8eUk\xe5\xc8h\xf9\xdf\xcb\xb9\xa3\x17\x8e Z\xaf\xea"x\x0b(\xe0\x88K\xd7gY\xb1\xf4i4\xd3\xb4\xc9m~\xe9\xf7tS\xd6\xee\xd4\x04\x9b\xf3\xa7H\xeew\x98\x1dgn\xf0q\x01\xbfhd/X\x94\xa2K\xd2\xcaT\x96\xcc6\x06V\x11\xc7Z\xdf\xdc\xeb\x04\xed\xe8\x82D\xe2um\n\xa5\xc3~\xf2n\xe4\xf1\x86md\xb27\xebK\x94\x85k\xf1\xf6\xce1f\xcb\xd4\xa5\xf5\xe5w\x12Jc\x02\x90\x02\x96.\x89!\'tW\n\x18\x80\x836\xc3\x0f\x8f\xbcI\xc1)\xb1\xf8p\x87\x81\x03\x93\xde\x9f\xe4\x86\xcf\xb9\xb9\x1a\xf0\x18\x1c\x86\x1b\x9f\xbb=&amp;,!;\xd4\x81\xb6k\xe9\xc4\xbbJ\xd8\xb7\x01\t"k\xe3-\xf4+\xa4\xd5\xca\xa4\xcad\xad\x0cSa\x9c$~\x9c\xa0\xe6\x80\xfa\x1fTk5&gt;4"\xa2&amp;\x93\xd6D\\U\x9ch\xc4\xc5\x89\xec\x1d#G\x87E\xcfdA\x92)\xb7\x1b\xd1\xd75qX\x9d\x93\xdc"\xb1\xee3\x18\xb2\xd2\xabG\x88\x84\x1am\x1cW?s\xbe\xc1\xce%\xb2bS\x9f\xd7\x8b\xfe\x14\xfa\xcf\'J\x0b\xa9\xb5\xeb\'\xfc\xd7\xdc\x11 \xa2x}GV\n\xd3\xf2\xbai\xa5\x1e\x0b\xe4O\xab\x04h*\xec\xdc\x9f\xf423\x15\x1f3\x0b\xa9#\x87\xe56\x9c\xb2i\xa2p\x86Z\xd4\xf3\xe2\x7f\x1b\r\x1d*"\xdbd\xbd{=E\x96^\xa2\x1e\xd4\xb0\x852@]\xe3M\xe2\x02\xbb\xf8\x7f\x83+\xe1\xd3\xa2\x05Qc\x8a\r\xf0\xafZnA:,\x97\xd1\xb9o\xb4\xc1\x04&lt;\xfd\xde\xa2my\x880`O!X\xea.\xf9\x97W\xcd|\xd6\x07\xdf\xcd\xd9]\x994\xf5\x83\x82\x8eb\x87\xbb\xec_\xc3\xdc\xbb\x14j\x82\xb4\xdb\xe1O\x0f-\x1f\xa3\x9b\x92-\x85\xcf\xdf\tGi\x1c9\x8e\xc1\xb1P\x88ra\x95\xa0\xcd\xe6\xce&lt;\xb5\xe4\x9d"sm\'R\x05UWH\x93}\xac\x02\xe2\x99\xde\x92\x97\x89\x0c&gt;"\xe0\x8e\xaa\xf1\xcc\x8aR\xfd+\xb1\xc2\xf7\xf2\x98\xd9\xa5\x00\r\xa5Ez\xb5\x18aC\xd7\xe9a; \xcb\xdak\x1c\xee|DB\xda^l\xd1|\x02;PI\xc4\xc1\xc2\xda\xab]\\\xba^u2\x08\xb1\xea\x86\x8a\xb2\xd6\xb7\xa8\xbas\x137\xa8\t+Z\xc6\xa2\x0c\x85\x88\x9e\xae\x80\xdc\x1ad\xd4Th\x16\x13H,l\r\x8fnZR\xd4t\xb6\x9d\x90\xca\t\xa0lN7\xb4\xff\xcd\xe6\xc9\x1a\xd4\x95\xad\xf9c\x1c8\x15u\x0ca\x92|\xcb\xe3\x05\x98\xf0\x12\xac&lt;\x8f\xfc\\\xc2\x8e&lt;\x16\xfdS6\xa5\xd2\xf6L\xb4B|\xc9U\xf5\xa7\xcf\x17\xef\x0e\x95-\xea\x1aV\xa1\xd1zG\x980\x1d\xd8\x80\x85\x99\xf8|\x05\xfd\xd6N\xdb\xfc\xe6\x08\x9d\xc8\xc4E}\xdb\xdd\x8e\x7fd\x92p+\xffb\x81\xa8\x06\x05\\\xdc\xe7g\x97&amp;\xd3\xa9\x87\x12.\x9f\xd8\xc6\xe2\x9c(\xe0B\xdf\xf8\xdd\xff~\x94;\xe7\xc8\x04\xf0\xd8:\x05V\xff\x95\x9aR\x8e\xf9\xe1\'K0=\x88\xe5R\t\xa5\rm\xcdTI\x96\t6U\xb0\x88Z\xaf\xb4\x86\x0e\x1b\xc5\xa2\x10j\xc6\x9dZ\x1e=\xd2\xe4\xc1\xca{\xd1!\x7f#\xa8\x16*\xc2a\xfd\xdb\xce\t\xc0E\x10kXwK_0\x0fyw\xde\x073\xbd\xd5\xca\xcb=\x80:\x1e\xca+\x92?J\xa9\x88\xbc\x1f\xe3\x900S\x13\x877|C\xceOj\x1c\x00\xb6\x8b\x8a\xb2XK&gt;\xcf!0(\x17\x81\xf5\x8ev\x0e\xb6E\xf70Or\x16\xbb\x02W=d\xc2j\x1d\'\x00Y\xf2\xe1"T\xcf\xef\xc2?\xae\x02\x98\xac\x0eI\xb1\xca\\:\xde\x121\xd4sP\xd7\x8f\xe7\xaafn\xae\xe7\x96\xd5\x92\x87\x15\x99\x0c\xaf\xea\x833\xf1&amp;&lt;\x12Q\xb7\x8dMY\xfd|&gt;\x02\xba\x14\xb0|\x02\xd8\x1b\xe82\xdc7_F\x93\xfeKjG\xe1\x00j\xcd8\x88c/6\xc43\x90Sf\xf5\xcc}\xa0S|\x10#\x1bu\x199\xfb\x00\xc8\xf1\xbf\xdcg\xa26\xb3\x94\x10\x8a\x91e~\xce\x1b\x07\xe4=\xfdX\'\x89oa\xaa\xb8\xfbW\xd4\x02\xa5\xa2\xd9Y_\xcdL\xb1?\xa1\xed\x9e\x98\xb3\x92\x903\xae\xdbh:0m4\xca\xc2\x8a\x08r5\'&gt;\x84\xdc}\xbb\x97I\x83\xe7S\xf4\x1e\x07\xd4R\xd4\xc1\xff\x8d\xf6\r\x83\xa1r\xd9\x1a!Zp-|\x92\xbe\xe8\xc0\xe3\xad\xd0\x83\xdf^Jd;\x84\x80;\x9b\x90\x96\xa2rLy\xe7\xcd\xf0\x08\x8d\xe0\xe6\xdc\x06\xd9&amp;\x14Sr\xb5\xdd\x1aS\x87Z{\x95\x8f\xb42\xb8\xc0V\xa4-\x02\xab\xd9\xf7\xfdg\xceZb\xe2;\xf3\xfc^\xcc\x9b\xca\xef\xed\xc4\x90G\xdc\x1b\x11\x88\x83\x8c\n\xde\xff\xea\x98\xbc\xf7\xc3\x81\xcf1\xb1\xa6/\x9e\xe8\xb6\x99\xc9-\xd0\xbd\xcc\xa9y\xa7&gt;\xa5w\xaf_\x91\x03]K\xb6\x1dl\xdc\xde"@\xa9\xcf7m\x19\x98~8?\xfb\xc87\xb58\xec\xdby \x8d/Q&gt;\x94\x97\xe2\x91\xf9\xf0\x9b:\xb0\xc4\x02\xed\x92\r4\xd5Q\x1b\x0bj\xecRj\xb3\x0b\xfd\xde\xf6K\x9d\x11\xb5.\x97\x8e\x8ew,\x13lT\x07j\xf1\xaa~g\x87\xce\x1aR\x90\x99o\xf5\xd4\xe6\xe6X\xbc\x8a\x17j@l\x1d\xba\x8b\x10\x7fJ\x89[)[Y\xc1\xf8\xb6\xcc\x91\xa5^\x0efW\xeab\x16-\xadX\xeb\xab\x9d\xcf&lt;\xf5\xf6_\xb5\xaca\x90u\xbd}\xe4\xe3\xb4\xbc-\xd6\x17\x882\x1d#\xe8\xf7\xc1\x0e\xfe\x84M**lX\xe6\x13LD\xd2Y\x02\xb3J\xa7\x03\xe9\xa5\xe9\xdb\xf7T\xd5\x18&lt;\xb1\xafrz_\xf0\x10L\t\xc4\xde%]\\\xce$\x96Nc\xec/\x1f\xbe\x826\xb5\xaf(\xc7\xd0\x07\x93L\xd5\xd9\xeeq\xd6\x82.\xf8\xf7\x07\x99$\x00\x10z\xb4\xb8dLj\xd7\x9f\x02:K\xd0Er_\x04;S\x9c\xa3\x14%\x83q\x9d\x04\x01)\xea8b\xda\xad\x1bu\x9f\xc5\x01e\x87\xc0u\x87\xaa\xf9\xa7\x1c\xcc\xe8\xdd\x9d\x91\xc9A\xdb1\xfb\xfbR\xfd\x1c\xff\x98\xcf\xd2\xd17\x93\x12\x86\'R@\xbc\x1d\xbb\x1f\x7fN\xb6\x15\xa5\x02(\xac|\xd0D\xac\xda\xfb\xcf{\x97I\x8c\x8c\x8d6\xed^\x0e\x12[v-\xb14\xc2l\xc7F\x87\xae\xd5\xbb\xf1u\xa9\xbf\xf3e\x11\x9d\xfd\xc2\xf1Mu\xe6\x0f\xb8+#b\x1e\xd7\xfc=G\x7f\xda\x8fP\x01Y\x91J\xfe\xb1\x08W\x17Z\x1b\x90\x8b\x90\xf4\x8ck\xc7\xb3\xea\t\xb5k\x8c&lt;\x03\xbc\x8f\xb9e\x94\x8a\xacMnF\xcf\xbc\x1f\\\xed\xcfS\x84\xb9\xdc\x17\xc1_B\xba\xf3\x82\xd3\xb2\xee\x16\xfa\x8c\xbe\xe3\xe5|\x89|o@/q\xf4W\xc4\x13\x8d\x16\x14\xcf\xf3\x8ay\xe8\xa1\x9b\xd8C;\xaf&amp;{\xaf\xea\x1d\xdb\xb0\xd7\x85\xb1\xf9\x80\x80\xd4\x16\x0fJ\x0b\x8el\x9d\xabg\xc1j\xf3aEx\x16\x1c.+\xf4\xfb*Pi\xae\xe5\x1eY\r\xa9\xbc\xd9\xe4\x19\x1d\xa9\x9a*\xf8\xc6\x90\xa1\xa3\xb0\x86\x9cZ&gt;C\x18\xd54\x05\xe8\x0ec"4\xf5\xe4y\x00\x11\xe9NH\xf2=\xa5\xc3z\x9e\xdfEr\x9dO&lt;\xa07H~\x07\xfb\x7f\x14l\xae\x99\xa5\xf2}nM\x9d\xb5\xb4\x80\x8e\x9c\xd3\x90JG\xe9\xf75\xb1S\x8d\r\x97P,*\x16\xcf\xcc\x86\x14\x90\x87\x8e\x11\r\x13\n\x01\xe3V\xabI\rO\xb8\x1c\xe0\x1fo\xc6\x9d\xf4\x94z\x01\x02\x8c7z\xabe\xd4\xa8g\xdd\x8c\x0f\xbd\x8b\x05rB\xa6\xcc\xc3YaG\x7f[\xfb\xf5{V\xe5\xee\xaea\xf61G\x95iV\x19\xe2T\x14L\x1a\xe1\x84k\xabr\xde&lt;\xce\xf6~\xac\xb1\xe9\xbc\xdf&gt;\n\xdd(\x12Y\x89\x05\xbf'</t>
  </si>
  <si>
    <t>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</t>
  </si>
  <si>
    <t>b'\xbc\x15\xbbT\xce\xa45\xbbA\xd8y\xca6\x8d\x03:'</t>
  </si>
  <si>
    <t>ct, but the more eyeballs, the
 better. If you only have 500 followers (or no following at all), but you still
 have personal friends and an influencer, launch. Go as hard as you can with
 the resources that you have.
 Remember, most people get stuck here. They put their product up for sale
 and then they wait. They expect the internet gods to rain favor upon them in
 the form of sales. Do not follow their lead. Use whatever you have, whether
 that be a YouTube channel, a friend with a blog, or your own personal
 Facebook page, to start the fire.
 My student Sophie, who Iâ€™ve mentioned before, followed this process
 with amazing success, even though she didnâ€™t have a big following or a lot of
 connections. When she ran her successful Kickstarter campaign, she
 documented the process on her personal Facebook page. She had no ad
 budgetâ€”her entire marketing plan just consisted of lining up a few hundred
 people, a few personal contacts, and a Facebook groupâ€”and sheâ€™s been
 stoking the fire ever since. She recently emailed me to tell me that she had
 made $1 million in a month selling her reusable lunchboxes and other
 products.
 Thatâ€™s one hell of a fire!
 How Should I Build My Audience?
 Social media whims can change from minute to minute. One second, a new
 Facebook feature is hot; the next, itâ€™s Instagram, Snapchat, LinkedIn, or
 whatever the cool new thing is (and it seems like you have to be twenty-two
 or younger to stay ahead). All of them are centered on what gets attention and
 what gets engagement. For the purposes of promoting your product on launch
 day, you can ignore the latest social media buzzâ€”you donâ€™t need to become
 an expert on any specific platform. You just need to choose a way to get in
 front of your ideal â€œpersonâ€ in a way that gets their attention and encourages
 them to follow your journey. Your best bet is to discover where your
 audience already lives and combine it with how you are comfortable
 communicating with them.
 One of my students, for example, has an organization company. His
 audience is mostly women who are obsessed with perfectly organized closets,
 drawers, and the like. His audience already hangs out on Pinterest, so he puts
 his attention there. I, on the other hand, have never used Pinterest and would
 have a really hard time building an audience there. Since I like to talk about
 business, and itâ€™s natural for me to talk into a microphone, podcasting is my
 preferred method for building an audience. I canâ€™t get feedback from a
 podcast, so I send my audience to an email list so that I can communicate
 with my followers.
 The process in this book will work with any platform as long as you share
 content, run ads, and actively engage with your community. If youâ€™re
 building up a brand youâ€™re personally excited about, then creating content on
 a blog, a podcast, or a video channel is your best bet. Itâ€™ll enable you to
 attract long-term followers. If youâ€™re not a subject-ma</t>
  </si>
  <si>
    <t>b'\xd5\x8cK\xf7X\xd0\xe2\x0f_p\xe8\x0c\x81D\x14\x19\xb4\x92\x1e\xf6;\xd6.\xaf\xe7`o\x97\x8c:\xc6\x0e\x8b\x8d\x93%Bh\x86\xa4\xe3[\xb0\x02W\x96Q\xc6G5\xbe\x88\x93\x91\xc3\xc87R\x82\xc0\xbc\xcf\xd8gy\xbb\xe9\x03\xa2h\xd6\xe5As\xa5\xbf\xd9\xe0QC|\xa9z\xa1Zkd\xf5\x86c\x81\xc7\xddx\xa8\x85%\xf8\x8b\xe0\xd8\x9d\xd6\x14\x0e\xc5\x81c\xbeG\xe9\xf1R\xe5\xda\x99\x839\xc0\x89\x07\xcdgg\x13\xa66&lt;Y\xb2\x99\xdc\x95`\xddb\x07\x82K\x9d\xb5\x0f\xdb\x87\xc7\x16\xa6Gr\x9c\xd3\x9dl\x05\xeb\x07\x8f\x0c\xdd?;C\xfaU\x80\x0c=A\x01p\xb8\x06z\xea\x8bB\x9d8\x17\xbf\x95S8\xb9\x8e\xff\xfeo[\xa9\x8e\xe2\x8e\xd5\xb4?\x0c8\xfd\xa50\x07\xd5\x03\xc8\x7fX\xbf\xdcZA\x83(\x8aP\x9c\xcd\x17\xab\xd9"\xe1\x90\x1eqz\xbfT\xb0u_0v\x1b\xba99\x9d\xcd\x8c\\\xdc\x8b\x92\x12\x16\xf8|\xcc^:\x9c\x8cH\x81\xa2i\x92\xff\xcfb\xe1S\x82\xfdRD\x89c\xa6\xe8d\xeab\x92\x08T\x1d\x8d\\\xb5\x91c\xcbQ\xdb\x91\xc6\xebu\x15\xc3\xcf\xf23Dc \xf3\xe6\xa7\xd1$\xcd\xc6\x07k&gt;\x88\x86p\xb6\x84%\x94mQ(\xf7\x1b\xc3\xd5n\xa2o\\\xf6\xa0\x11\xf6\x0e\xc3X\xdf\xcb!\xaeo\xeaKo\xb90\x0e\x1b\xc8n;w[\xdf\x04\xe0\xbc\x91U\xb8y\x12\x94\xfa\x1c\xcc\x93\'8\x11U\xb0\xaf\xeb\x16%KU\xe6\xe0\x13m\xb6\x03\xe1\x06\x84\x1b\xb7j\xdb\xb5\x7f*[cW\xc7Hk\xc4\xe1n*K\x87\xa5\xc44\xe9D\xb4\x92jo\xab\xfe\xcc\xf9\xfd\t\x98N\xc2\x8d\x80\xef\xba\xa4@\x11\x84\x7f@\xa5u\x82\xf4\xca\xbf\x81\x96\xe7\xde{\x8f\xf7\x9f\xda\x9f\xbd\xb6\xc0\xb6\x17i\x85P\x8dt]\xc2\xfe\xb6\x80\xf39\xe1\xb7Y\xf8\xae\xed\x88\xf8q(\xb5Eg\xc6\xd2\xcd\xecc\xddqB_\x0c\xd6\xea\xffc\x9bO\t+\r\xde*{nn\x94\x86\x88\xa1\x9f\xfbX\x88v\xf8yS\xf0DLf\xfa\xd7$\x0fT\x80\x9e#\x9c4\xf7.\x01\x1c\xe4\x01\xbe%\x9dm\xc1\xfe) \xc0eR=\x08\xde)#\xe3\xab\x83\xf7\x97ekt\x18\xac\x1d\xda\xd0x\xaf\xf0\x17\xbb{\x84\x90c\x88\xd1&gt;\xaf\xe2~K\x01(\xe3}j$\x81\x14\x8bG[\xec\x89\xae\x03\x8a\xe3\x16\xc5\x80\x84T8=~\xdcN\xb7\xe1\xc8\x8cm\xb2\xee,#\x10\x0f\x80\x17\xa88\xbc\xb5\x0c\xc2\x9e\xa3\\\x8cB\xba\x82j\xb3\xde\xb8dW\x1a\x18\'\x17\xef\xc3\xe8;\xd6\xb9\xbd\tNj\x08\xd3\x93\xfd\x1f\xcb\xf8\x94|&amp;)r\x12;\xb0ulN\x06\x0b"\x80\xad\xa1\xd5U\x81.\xd4\x8b\xd2A9\xf5J\xfa\xd3Z,9\x00TlBV\x00\x17\x8f\'(\xb5\xe7x\x12|\xc6\x0e\xb6\x8c5\xf6_\xce\xb6\x89\xde\x1eb2q4\x97\xe9i\xf2\x13\x05\x84\xad\x8d+\x1f\xb4\xc8\xebLV\'7of\xc81\xb9\xd1P\x81&amp;\x96$\xbc\x9bj\x8c\xc8\xa7\xd5d\xcd&lt;\xd9G\xc4\xc4@\xb45y\xa0\x9c\x13F\x0eK\xa8jA\xb0%\x01e\xf7\xa99j\xd4\x06y\x80\xbe\x8f\x0c\x08$6\xc4H\xe0]f\xeb\xaa-\xfe\xbf"\xa9{u0\x97\xb3\xde\x12YE\xfc@\x9em^\xc8\xdf\x19\x10\xecf\x90\xee_\xee\xfd\xe2\xfdX\x8esCkH\xb3\x07\xd8\xe2\xb8\x9a\xe8\xaa\x93e\x15\xbei\xea\xeb^_\x9d;\xde\xe9&amp;\x85\xa3\xf5\xcdR\xab\xe9\x8d\\*;\xf7\x08\x92T\xfb)\xa27!\xd9\x9e/`:\x02D\x9a\xb3fe\xe6\xd8y\xd7Mj\xafg\x8e\x1aW\x1d\x1a\x07\x07\x16\xce\xben\xba\x1a\x97\x10q\xe0x\x95z\x1c#\xda~\xc9\xc7\xaf\x97\xeal\xfcw&gt;\xa7\x1c\xac\x90\x15uA\xa6\xb2\xf7\xe1/\xba\x11\x8c\xc4\xffAsR\xfe\x9ftn|\xceRo\x87\x02\xa2\x15\xfa\xb6H\xad\xb2h\xf3\xc2\x90\xbb\xf1\xfe\xf9\xf6\x94\x89L\xed\xfb\xf1\x86\x7f0\xc2&amp;\x8b\xd2#\xa1\xa7\xa9\xd1R\xe3|\xd9\x95\xfe\xc2\xack[E\x07WiJ8\xb6\xbcF\xeb*fx\xe5E\x12\xb7S+\xcc\xec9T\xcc\x16\xb2\x94\xe1\x803p\x87\x17\xa9\xfcuXl]-|\xbe\x9e=\xb4G\xf6\xd0\xd0\xfd\x11&gt;\xae\x9f\x00\xac\x07*M\xbav\xff6_\x8c\xb9\xd5\x8d!\x9d\xedi\xac\x12\xcdL\xaf\x8e\x152\x8a\xc9\x96\xc3\x9b\xc7\x84\xf0\xab\xadb\xe0\xc7f\xfe\xb8\x0eW0\x816]\x91\xf2\xb66\xec\xe7\xa0_\n0\xf9$?\x7f&gt;x\xa1G\xd3\xc9%r\xe1\xdc\x94Z\xcd\x96H\xa6R\xdd@\x12;\xaaw\xd7T\xb0\xe5\xba\x1b\xc5\xbc\xda\n\xaa\xe7\xb3^\xfb\xb4?\x80w\xec|UZ\xaa\x9a\xbf\xbb\xff\xad\xa6\x88\x95\xa3C;\xf4\xcfE\xcbz\x1b?\xf3+\xfe\x86\x18\xeb\xdc`HmI\x9e\xaf:*\x93\xa7:\xf1;l\x9d\x80\xda\xa7\xb6 u\xa1\xa1`\x1d\xe6\xcc]\x0c\x91m\x0c\xc7\xce\x88\xfc&gt;\xda@\xf1y\xad\xf0p\xe6\xf2\xa6(5\xe0\xa1N\x05\x1a\x80\xa3\x9ck\xf4k\xe2X\x01\x94\xe9\xfcQ\xb13\xbb1r\x17`\xb8\x87\x81\xd2u\xccK51c\xf7c\xedL@\xa7\xd2\x91v\x9c\x0b{\xc1E\xf4\x9b\xf7D\x04R\xf5\x1a\xb8\xa8\xa2\x1dYk\xa2pF\xea\x8d\xa8\x86\x06\xa9\xce\xc33X\x14\x9ap\xa8h\x0e:\x99\xa5\x80\xc1\xa8\xef\x90/vg\xa5S\x91AT8\xec\x19\xec\xfe\xc5s*1\xeaK\x03\x85\x07\xaa\xae\xfe\xc1\xf1f\xe1\x90\x05cYj4\x82\x92\xcc\x99\x98\xd4&gt;|.$\x13}2\xd5\x9b\x8fT\xe3w\x8f%\x89y\xd9\xd3=\x9a\x90\xb4\xc5\xc3\xff\xcb\x98\xd9c\xf2\xd2\xf3\x88(\xbb,\xfd\xde\xe3M\x11\xe7\x18\xaa\xa7^@5\xe0tL=\xbe\xbd^X#K\xa8\x1b/\xdc\xbeU\xf2E^7\xf9\x18\x00\xcc\x16\x88\xac\x8e=\x19;0\x15\x13\x00\x18\xd6`@\x87"u\x01X\xd0\xf8x\xdb\xe0l$\t&amp;\x1d\xf95\xcc\xe8V\x95\x98\x13\x1f\xc1jz\x02\x7f[!\xfa\x97\xa29\xd2\x8c\x88\xc5\xa0\xb7Xa\xf6bx7Y\xedr\xb9|\xe2$\x91.q\xc7q\xd7\xa9\xdd\xf2h\xd9\x9cd\xdcd\xd8\xfb\xd3i\x8b\xe9\x1e\xc1\x1a\x9c\xb7\x9a\x0bA\xdd\xde\xc3\x1c\xb6\xaf\xc6\x8c\x03&amp;\xf6\x1euO\x95\xdb\xac\xed?\xa4\xf3\xcd:\xa2p\xd7\n(&lt;\xc0Vu\x05b\x93\x92\xd8o\xb1x]E\xa5\xe5\xff\'\x1f9\xd8\xcd0\xe29r\x93\x81w\r\x06\xe8\xe48\xf5\xb2\x98`\xd4 x[\xa3?\xb3\xed\xcbrz/\xaef\xe9U\xedJ\xe3d\xdf\x8f6\x9f/\xc0\xd9\xc0R\xc2kml\xb3\x11\xd7\xc8\x12^s\xcf\xb5\xff\xf64\xc8gD\xd4\xd7%\x908k*m\x1b\x84hP\xfcTi\xda\x03\xb7\xcf\xf1\xb2\x14\xb1\x19L\xb7\x12\xd4\x1f\xc6\x9a\x0bB0\x12\xd5\x96\xc1s\xc0\xf1\xbe\x0f?6\xb0cUb\xe5\xba\xc0F\xdd`\x1b\xef\x00\xd2_\xc5+\x7f\xa4\x1a\xde\x12\xaf\x0f\xec\xb8\xaei\x1c\xf5\xd2\x92&gt;\xa7\xddt\xf8\xeb\xc8\x97V\xd3@\x0fkb\xea7^\xd0\x96\t\xd8\xfdl\xc1\xdc\xf2F\xbd\x8f\x912\xe4\xab\x97\x9b\xef\x16\xcb@\x15\x15\x89\xabU\xf3+\x006\xaau\xb7P*Y\x852\xe2\x01\xeaY;\xbd!I\xa9\xc9\xc5\xb9\xda8}CP\x06\x83w\xbf4d\x07\xf4\xc2\x7f&lt;8\xbfEk\xb0\x86\xf1_\xbb\xaf\xfbGuyq\xa0\x83:\xf8&amp;\xda;"\x14\xc6\x0f\x94\xa3Pi\xc4V\xec;55\x85\xd4\xf9\x9a\xcb\xda\xab?~\xcc\xc1\x8a\x98\x08X\'ri.\xca\xea\xbf\xfbE\x12\x80\'\x07\x00\xa5\xe7\xdc\x1f\xf0\x0b\x11S\x9a\xf1(\xf4\x84:\xdb\x8b\x88\xa1/\x8c\x0bsJ{L\xe4\xb3\xf0a}\x9cp\x87T\xd1+\xc0Y\xd0\xbcS/2\x0c\xda\xe68\xfb\x85\xfd\xd5\x82F(\xa08"\xe4\x1e:\xbbTj_\xe5\x1e\x01\x90Z&gt;\xf277\xf5\x1d\xb2\x07\xec\xcem\xc8\x85\xf5\xb5spb\xad\xe9\x9c\x1a\xbc\x8d\x10q\x9a\xadP\xdcs"[\xd2\xae\xe5\x94\x96\xcf\x0bDU&amp;\xe3\xfe\xf31\xe4\xb9\xd3\xddq\x9c\xdb\x18\x01\x9bc\x10\xae\xa81\xc5\xd6{/\x07\x95\xae\xdb\x01{\x1dqlw\xbf\\\xc7\xc2\x8f\xe6\x0f\xb2\xe9\xc6\x81U\x08\t\xf2!\xb1\xb2\xad8]\xb7\xc8\x8a\x90\r\xeaQ\xfbT\x00^\x1cWe2~M\xabr\x8c@\xc8[\xe2x\xa6\xc2\xf6v\xfd\x1dP\x99\x9d\x81\xf9y\x99\xaag6\xa5\x10q\xd06\xac{\xd3\xfaZ8\x9dy\\\x7f\xb7_~\xc5\xfdF&amp;\xad\x11\xc0\x85\x15)\t\x97\xfa\xd4\xef\xd1\xca\xbb\xb6\xcaOi\x8f\x16\x1dh\x14\xeby\xb2I\x9f\xfd5Nj\xeb*\xf3Da\xf9\x07z\x99\xdf\x94\xac\x814$\x06\xfag\xd7{\xee\xf4\x08\xa0x\xb4\xc5\xd9,1\xe4\x94&gt;\xab.(\x92:\x11\xac\xfby\x8d$\x11T\xec9\xcc&gt;\x8d\x86\x18\x08H\xef3\xcdwg\xf8\xa7\xb8,\x9bO\xd5\xd8\xc1R\xb8\x9e\x7f\xb3Q#iH\xcc\x0ft \xcfxu\r\x05\xe4!*\x17gq\x14d\xdb\xe7\xf0hn\xa8\xac\x8b\xc5\x8a\xab\x95\x020\xf7\xae3m\xf8\x19\x99\x95rr\xa87\xd7\x03\xae\xdc]!\xb5\xe8\x15\x8b*\xe6\xa4U\xa1\xb0e\x9a\x93h:yK\x17B\xa3(\x1d\xe4\xf3\xcc\x13\xe3\xcfp\x10\xd1\x7f\xe9\xf9\xf3\xbf\xbefv)#\xf4s 2x\x16\xde\x86w\x15s\x9bvZ\x1a](\n\xeauy\xd5\x0b\xf5\x9f{\xa5\xf3\xe9\xc0\\\xb3=\xfa\xb5\x05\xda@\xc4;\r\x1f\x1aC\x1fV\xb7\x82j\xbc\xc3\xb9~\xdf)K\xe7\xcc\xb8\xaf&gt;\x1f:nA\xa8\xa0\xd5\x0c\x1c\xd1\x06\xdd\xf1\x05\xf4\x9d\x19\xb0\x08\x8c\x14\x13\x90?\xa3\x89zJ\x16\xa3\x91!\x08\xd0\x8d\x9f1\xa8\x07\xc7\x1e(\xde\x1f&lt;3\xd5\xa7\x97-\xaa)\xaa\x92\x07]\xce\xbd@\x7f,\xb8$\xd6\x9e$\xb1^\x8f\xc4\xb9\x88\xc9\xbb\xcdj2\x93\x1ett\x92\xa8DW\xb9H\xb3}\xf4\x0fMJ\xd6{\xc2\xad\xc8\xbb\xfb)x\x80p\xb2\xb9\xa9LB0\xe8\xe3\xf4i\xeb\x1b\x1fU\xe5\x02\xe8a\x8a\x96[\x11\xf1\x97\x98&gt;\xbf\xe0&amp;\xb9b\xda\x10\x1c)\xccC\xff\xeb\xa4\xf4:\xcf\x7fvrAD\xd2\xd6x^\xf6\xb8\xc8|*ih\x8b+\xaeq\xd2A\x13\xde\xe8\nb\x0f\xf8\xa2\x1e\xd9\xe1y\xb2\xd4\xdex\xfc\xc29\xe9?8\x9dTf\xac\x86\xba:\xa5\xc9\xaa\xc2z\xb5.\xd2\xe7\xa1\xef\xc5\xc9\x17=$r\x9a\xe0\xb1\x9c\rS\xd4`\xaa\xa8\x8e\x08K\xe6\xd5\x95-Q\xaa\xac\xdfg`Z\xf6;\xfc\xc3"\xea\xaa\x0e"\t\n\x14\xe4c\x1bj\x90\\\xc3q\x8c5H\x82\x8b\\\xa3Pl\xe8\xc58\xfeX\xee\x8fw\xd7:\xd4\xae\xfc\xf4\x879\x1d\xf0\x9f\xcc{\x82%\x926\x1f\xd7d\xa9\x9a\xca\xf2D\x03\x9e:\xa3V\xf8T\x8d#\x181e\x1e\xc2\x02\x8d\x8a=\x1b\x89RV\xef4\xbe\x85 \xean96`T\x81\xc6\xe35\x00@\x1c@\x9d\x8b0&amp;$\x97\x96L\xa26Z\xcaCT\xac\x0cs=\xd8\xf2\xdc\x93p\x01\xf7\x15\xe4\xe4\x1eS\xa0\xcc\xd8\x1d"\x15p\r\x0f\x1e\xce\x84\x1c&amp;\xec&gt;\x1e\xc5\x0c\x8e\xd8q\x8e\xef\xd1\xa8&amp;\t\xe1%\x9fk\xf3\xe9\xa8\x87Y\xee~\xb7j\x9d\xf0K\x97~\xbf(d\x7f\x8e!\xffk\x9a\xf1\xda\xdcY\xb6\xa4wP\x8b\xde\x99\xe5\xb1^\xc0o80F7}\xc6\x1c\xa4\xdd\xcc\xceZ(\rR\x08.\xb3\x11\xf6I\xe2V|$\xff\xd9\xef\xb9\x9a-\x94v\x01kI\x9eJ\xc6%\'%\xc8\x8a\x19\xd6[v\x85\x03)\xcf\x95\r\xcf\x0b\xfbF\x0c\x1a\x1fVg\x0b6\x172M9}\xea\xdd\x17\xde\xf7=\x8d\xc5\x8e1d\xe2o9c\r\xfd\n+\xc26g\xc1\x13\xfc\x0bK\xa9Q\xc5-76!\x87\xe2\xf3\xbb\xf7\xcfp\xb7\xf9M|\\RorQv\x81v\r\x10\xcd\x86Aj\x95|\xcb\x1a\xabD\xd1'</t>
  </si>
  <si>
    <t>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</t>
  </si>
  <si>
    <t>b'\xd5\x8cK\xf7X\xd0\xe2\x0f_p\xe8\x0c\x81D\x14\x19'</t>
  </si>
  <si>
    <t>t hungry, and
 I'm one of them. I've never had one of them on me in my life."
 "Mars Tom!"
 "It's so; I ain't joking."
 "Well, sah, I hain't ever heard de likes o' dat befo'." Jim couldn't
 believe it, and I couldn't; so we had to drop down to the sand and git a
 supply and see. Tom was right. They went for me and Jim by the thousand,
 but not a one of them lit on Tom. There warn't no explaining it, but
 there it was and there warn't no getting around it. He said it had
 always been just so, and he'd just as soon be where there was a million
 of them as not; they'd never touch him nor bother him.
 We went up to the cold weather to freeze 'em out, and stayed a little
 spell, and then come back to the comfortable weather and went lazying
 along twenty or twenty-five miles an hour, the way we'd been doing
 for the last few hours. The reason was, that the longer we was in that
 solemn, peaceful desert, the more the hurry and fuss got kind of soothed
 65
 down in us, and the more happier and contented and satisfied we got to
 feeling, and the more we got to liking the desert, and then loving it.
 So we had cramped the speed down, as I was saying, and was having a most
 noble good lazy time, sometimes watching through the glasses, sometimes
 stretched out on the lockers reading, sometimes taking a nap.
 It didn't seem like we was the same lot that was in such a state to find
 land and git ashore, but it was. But we had got over that--clean over
 it. We was used to the balloon now and not afraid any more, and didn't
 want to be anywheres else. Why, it seemed just like home; it 'most
 seemed as if I had been born and raised in it, and Jim and Tom said the
 same. And always I had had hateful people around me, a-nagging at me,
 and pestering of me, and scolding, and finding fault, and fussing and
 bothering, and sticking to me, and keeping after me, and making me do
 this, and making me do that and t'other, and always selecting out
 the things I didn't want to do, and then giving me Sam Hill because I
 shirked and done something else, and just aggravating the life out of a
 body all the time; but up here in the sky it was so still and sunshiny
 and lovely, and p</t>
  </si>
  <si>
    <t>b'L}\x8bw\xc2U\x85^\xb3\xdb\xc2\x1c\xbeq\xf8\t\x1a\xff\xeb\x9a\x80\x1e4;,\xbc\x0f\xdf\xeaU\x9aw'</t>
  </si>
  <si>
    <t>4c7d8b77c255855eb3dbc21cbe71f8091affeb9a801e343b2cbc0fdfea559a77</t>
  </si>
  <si>
    <t>b'L}\x8bw\xc2U\x85^\xb3\xdb\xc2\x1c\xbeq\xf8\t'</t>
  </si>
  <si>
    <t>ierarchical relationships. The basilica was a
simple but effective design for providing fairly open interior spaces suitable to
tribunals, meetings, civil administration, and the like. Its associations with power
explain why aristocrats of late antiquity sometimes incorporated a large basilicashaped hall into their most public suites (Ellis 1988). This building form, eminently
suitable for indoor assemblies, and not directly associated with pagan religion, was
later adopted for early churches.
Art, Architecture, and Archaeology 79
The advent of Roman power often meant the addition of a capitolium, a temple to
the tutelary deities of the city of Rome: Jupiter, Juno, and Minerva, as worshipped on
the Capitoline hill. Provincial capitolia were modeled on the one in Rome, using an
imposing podium to elevate the temple and emphasize its frontal aspect over all
others. Three cult chambers or niches housed the three divinities. In the forum of
Gorsium in Pannonia, created under Trajan, a head of Jupiter was found in the central
chamber (Fitz and Fedak 1993).
In addition to supporting administrative functions, the insertion of a planned
Roman forum into an existing native city also sent a political message. Even in the
east, where the traditional forms of urban culture could more easily absorb Roman
structures, the Roman forum was sometimes placed in a different location from the
preceding agora, as at Athens. Carthage and Simitthu in North Africa provide striking
examples of the erasure of indigenous structures as part of the advertisement of the
connection to Rome.
In 29 BCE Octavian sent colonists to reoccupy Carthage, which had been largely
unoccupied since its sacking in 146 BCE at the end of the Third Punic War. For the
forum of the new Carthage, Roman town planners chose the citadel of the city, the
Byrsa hill. Not content simply to build over the rubble of the Carthaginian buildings
there, including the temple of Eschmoun, Roman town planners â€˜â€˜bulldozedâ€™â€™ an
estimated 4â€“5 meters off the apex of the hill, pushing the earth over ruined buildings
at the sides to create a new wider plateau at the top (with far-reaching archaeological
implications: the buildings from the top of the</t>
  </si>
  <si>
    <t>b'\xcbkC\'\xcf\x08i\xc2\xf6\x00\x19\x08\xc3p5\xb2\x02\x08\xeb\x81\xe4S\x0f\x1c\xefa$\xc1\x8e\xe7tEOi*\x82\n\xe7\xd4\xf0oa\xfa\xbbm\xed\x15\x88\x12\x04\x17fw\xfb\xec\xf06i0}\x18/\t\x9a\xcazI\x14 \xa5\x1c\x00\x89s\xa6\xe5q9H\x81\xd7\xa2\x84i"\xf8?n\xb5q\xc01\xe3\x00\x95\x01\xe9\xa2\xf6$\x97\xd2\x12~k-\x1d\xd9=z\x9dU\xdb \x16Rg\xbb\x02n\xcb\xc5*\x15\xf4#\xf9\xe49\xe2[\xd9\xcf-rv\xe6\xa33\xe7\x89\x05\x0e\xd2\xb9[\xd2\xfet\xd5\xaa\x88\xe3\xbb\x8a\xaa&gt;\x9f\x94\xe2\x85\xdek&lt;\x14\xccC\x12\x17\xc4\x85\x90\x9d\xbf\xba\x18L}0D\xc8\x82\xa6\x8f\xe00)y\x0c\x00\xee\xca\xb1Z&lt;p\x82`\x8bb\xb0\x05\xd6J\xe1v"\xbe\x9fZn\x03{\xc0&lt;\x0e8\xdbNJ@\xd6\xd6\x92\xe7\x95\xc6\x0e\xd0P\xc4\xbe\xfd(\x02\x9b\x93\xe9A[\xbe\x16\xec\x8e\xf4\xe5cI8\xe5~+\x95CJ&amp;\x15\xe3O\xe0BJf\xd7C%g\xbcBy\x13\x852y|\xfa\xd2\x9dV\xea\xcb\xb7\xf6N\xcc9\xd9\xe6\x9fD\xc3\x91\xb2g\xe9GT\x03\xc62\x83\xaf\xd8\xe9\xc0\r2\x89\xa3\xa9\x9e\x07A\xb6\xeb\xef\xe1\xddA\x9e\xc7\x91H]:\xa3\xef\xbc\rE\xf9tDq\x0e\xeaY}\x85[\x929\x88w,\xfb\x7f\xfdI&amp;\x95sdL&gt;\x02Y\xd4su\x0e\xf0\xde\x00\xd0)J\xad\xe6H+\x84\xaf\xf4V\xec\xf6\x99O\x00\x1b\xd8\xc0\x08\xa5\xc2\xd5\x08\xa6&gt;(f,\x07y\xf0\xd1\xf6\x8b\x84\x9e|\x85\x83L\xbe7\xf7\xe7S\xa8&amp;&lt;&lt;\xe1\x0b\x9a\xa6\xbe_r\xf7\x90\xb1\x98\xbe}\xe74\x92\xbe\xfd\xde\xf97\x9c\xf4C\xf3\xd9\xc0\xb6z\xa6/\xc2\xfe=\x8a\x8dB\xd0y\x98 \xa8$j,sq\xed&amp;c\xfc\x8dU?{K\x8e\xc2\x05\x0e\xc2\xac7\xc7\x89\x0bo\xc8\xa7,p\xde|C\x98\xb6^#\x03\xd8\xd9\xeb\xac8\xb4odA\x81D\'A\xd2\xda\x95m\xa5Y\xed]\xecK\xba|s\xe5-Z\x13\x86(\xfcB~r\xa3\x97Mf\xd0\xfc\xc0\xbbu\xb4Y\xb2;j\xd3\x9cl`\xccv\xff\xf8\x7f\xa8\x1c\x03\xf45-\x02\x01K\x87\xd4)\x8c\x8e 9\x16q\xdcK\x912\xdc\xca\x1b\xe0\x0e\x19\xc5\xebMtc:\xc0\xec\xcb\xd2r\xcfh\'e\xbdn\x813\xaei\x90\xf5\xabi\xcdv6\x9c\xae`\xbd*\xe2x\xf5\xf1\x96o\xfd\xbe\nX\xc1j(\xce\x11\xd9\xd87\x8d\xbb\x9am\xe6U4\xb2]\xc0\x07\xdf_7v\x97\xc3\xaaI\xcbp\xb9\x87c\x08\x9d\xdbV\xbb\xf2A\x10\x0bs\xdfI(\x02\x01\xc7:\xe6?\xfb\x07=\xdf\xac\xc8\xa3\xba\xf6\xbc\xa5\xf0\x173\xcf}|\xde\x08\xc3\r\x8d\xc1e\x0fjJJET\x88\x14}\x843n\x84|=\xb4D\x9b\xb28\xdd\x19[\xb1\x84a\xd0w\x8a\xf2\xde\xa5\x1e[q\xcd\xb7\xb1\x0c\xde\xe5^\xa4\xf8\xe4\xd9\xb8n\xe5\xe8tg\x12l*\xfe\xfb\x97\x83\xaf\x1f;\xac"\x8b:\x1f\xfb\xa3\xe0\x9e\xc6\x8a\xa2)\x8f\xd16\x8dq\x8f\xe9C\xc0h6\x89\xcf!\x177\xad&lt;&gt;*\xa9g\xbe\xdd\x04\xea\xbbX\x0cqaebX\xe1a\xc1&lt;\xea\x98\x14\xd0\'\x04\xdat\xe8\xfa33\x91H\xb4;|M\xf2\x94\xc0\x8f\xa1\xcc\x18\xef3\xf0\xf9\x18G\xba\xaf\x92\xd9\xbbV\xd0\xd3\x99\xd3\xf7\x88\xfe\'\xc0\xe4\t\xfcu4\x93\xacv\xa5\x85\xb3c\xf4\xfe\xc4WlmYK\xbf=i\xc81-&gt;\xaaHYP\x01v\xaa6\xd4\xd1\xa1H\x94\xac\xd7\x96_\x13h\xa9\x13\x06\x81-\xeeo\xff\xce\x0c1\x182\xbd\xdaS:\xcd\xf0t(\xe8\r\xf9\x86!\x83\xf1f\xac\x0bL\xa3_\xe6\x9dx\xfet\xf8\xfcX\xa6u\xa33E.mC\x00\xbb\xe8\x9a@\x7f\x91\xbbV[$\xb8i\xf47\x95\x8b\xe85\xd0\n\xf4\xbcz\xd9\x1a&amp;\xcb\x87 ;y\xc8\xec\x1f\xba\x8f\xa0\x1c9\x9b:k\x99_\x8aU\x8a\xa6\xbf\x91\xd9x\x99gE\x16\x86t\xa4m-&amp;L.\xbd\\6\xe0\x15\xe5\xf42..\x1d\xf8/o\xe1\xcb\xc2\xd1s\xd1\xa0\xd6\\g\xf3tLh\xa26\x96Vc|\xae\xccy\x8f\xc6&amp;X&gt;,8.\x1f\xc1q \xdb\xcb:e0NrY\x0fGy\xbaZ\\&gt;Jbv\x8c\xd1H"I\xa4\xcf:\x9fg\xf0\x83\x87\x83\x8ea.96\x19s!1\xb9=\xbaz\xff\xe4\x88\x82\x12cS3\x98.\xf9D{W\xec\xe9?&amp;\x8fj5Y#\x93\xb8\x17e\x01/\xcd\xe5\xb0\x8dk\xb8\xf3 \x96\xde4HH\xee/\x93IQ\xb0A\xfcz@u\xed\xc3\xfe\xa6y\xd5\xa3\xbf\x80\xf79\xa0\xe9`u\xdb\xf6\xf9\xfa\xd1\x0b\x0e)\x95\x92\xb4\xa0\xfb\xee\xb4\xddI\x1d\x10\xa3}\x1cJ\xef$yB\xc9\x8f\xd4\xc6\xc1\xb4\x90\xbdb\xe3.u\xa9\xcd\xf5\x90*oD\xef\xdd\xfc\xd2hL&amp;4T\xe9hS\xae\xb3*d\xefR\xa7:\xc5\xc9\xe5\xce\x13\xbf\x7f?\x1a\xd9}\x17\xee\xb6\n\x00=\xdb,\xb5\x16\xbe\x9b\xdc\xaf\x95\xc8\xa46|\xc13\x89\x055\xed=\xf5V#\x8a\xa03\xcc\x02W\x03h\xb1\x0e1&lt;\t\x94+\xdd\x98\xec\x9a\x13\xcc\x8f\xbd\xcc\xaa\xa7\x0eS\x92\xde\x16\x82\xbbSa+4g\xcc\x15\x07Q\xa4|=J?\xa21\x8eS\r\xffm\xfc\x03\xfep\xca`G\xd9\x12\x19\\oH\xd2\x06\xa8k\x9e\xd3\x99l4\xa5!\xa2\xe3\x89\x909\x03\xa0Z\xea\xe9)\xb0yT\xbe\x8c)\\\xae\xd4\xd2J\x8a\xe5\xd9Y3DR\x88\xad\xe1\xb6\x12;\x0bOX\xf5\xbd\x02\xca\xb5T\xf9\xf1@&amp;\x8b\x1a,\x0ciD\x88\xea\x04\x10&amp;\xe8\x9bxW;`\x11\x84\x9d\x10\xbe\xbc\xa5\x9a\x83\xac\xa3\xd1\x87\x15\x0f\x0610\xb7\xcc\xd0\xd2\xaa\xe8:1\xfap\xb5\x0e\x1f\x1b\xad\x81\x11\xce\xbf-\x13T\xa1R\x1c\xc4~Ad\x92$7`\xac\xa4\xb3\x12\xe7\xb4\xd7=[\x96\xdc\x1d\x04%\xea\x9f\xff\x98M;i\x08\xb9\xcc\xa5\xc9\xa3{1gE\x99\x0bp\xb9&lt;5:YH\xfa\x80\x0c\xa9\xd1\x12\x87\xb0\xe4\x0f\xd0\x86\xf8\x19\xa5\x925\x0c/D\xd2\xa1\x9adF\x03\xf3a\xc8\xb7\xbb\xb3G\xf7\xb6\xbf\x83D\x08RX\xf7rZF\xc4\xd00\x97\x159--@\xea/\xd8\xc5\xc6\x84\xa7\x80\xa8OEpg\x95\xe4\xcd\xbd\xe0H\x01x\x10\xc3\xf99\xec %\xf2\xc7\xe7\x9a\x89zSssE\xd2\xe5\x833\xd3t\x11z\x93O}**x\xbc0QH\x1eK\xe4\x9f\xf1\xe0\xd69\x85D%"\xe1;\xe4\xde\x17\xac\xb8];\xbb~i\x16\xeae\xb12!\xd9:\x00\x80\x7f\xde\xfb\xdc#\x84+9\x01]I\x17\x90\xed10\xe3h\xf7\xe6\xc2!\xb6\xa2xI\xcc3\x13\x19qLg\xfa\x1fw\x17^\x08om\xca\xd4\xa9}\x95b\xee\x86T}\x18\x17;\xa3\xa4J\xea\rb\x80%\x8e{\xa1\xbb`\xa7f\xadP\x8e\x94\xc2B\x898.QNJ2\x1c\x15\xb0\x04?\x9d{\\\xcfb\xf3\x8b\xe9\x06`QXQ\x93{\xb8A\xaf\xa2\xb4`\xe2\xb3j\xa0T\xa2ycf6\xc9\xc7\x02\xd6_B\x02\xdc\xdf\x048\x1f\x1e3\x8a\x83\x0b\xbc\x8c\xbb\x18\x05[\x14q\xb3\x14D1j\x94\xf8\xf0\xbc\x91\x83\x0c&gt;\x94~{\x9bBe\x10\xdd\x0b\xb0P\x1eXi\xf7\x9f\xb9\x7f\x91O\xfdT\x9d\xd1\x1a\xad\xb1@Ct\xf2\x85\x9c\x80&gt;\xf1\x00\xba\xb3\x80_\xf4\x8c\xd9MB\xcc&amp;]\xcd~&lt;R2-P}\xdb\x17\x94_\xf9\x1e`\xafXJ\xe89hN\xf7\xc8\xe1\xcei:\x02|d!\xc9\xb9\xde\xc3\xfa1\x06f\xc8&gt;^\xb5dL\xa5\xf1\xd8\r\xbd\xf2\x93\xccu\xb3\xcb\x10\\\x9b\xb4\x95\xbb\x9c\xe0\x03\xa7h\xf3\x89\xde\xcb\xe2\x01\xbdm\x04\x04\xe0\xea\xc2\x0f\xe7Qc\xbb\x0c\x85\xdcRB\x86q_A\'\xb6\xf98&lt;\xaa\xf5_\xe7O{`\x83p\xa6\xd0y\xe6\xf2\t\xb3f\xfe\x02\x07\x9c\xef\x84s\x1cG\r\xb8\x9f\xab\xafg\\\xa3\xf7Ej\xc2\xc0\xda\xa1\xc6\x08\x8c\x17\x1f\x85\xe2\xb2F\xe8\x81\xcf\xf8\xdbe\xca\xbc\x80\xbe\x15\xd7\xea\x99C\xc5\xdc\xfdS(\xfbu\xe1\xff[1\xf6\x01S\x14\xef\x0e\xdc;\x04\x1e*\x91\xf3\x1f\x0b0\x9a\x12\t\xf5\xee-\xe5O\xaa&lt;&amp;\x136W\xcd\x1c\x97\x9a2\xf6\xd79\xc6j\xa8\x90o*\xb3\xb8|\xa2\xdd\x03\xacu\x13p\x99\xaf\xf2G\xb2\x19\x0f\x0fA\xfd\xa2\xc302\xc1\xa0m\xe5\x07\xdc\xf8\xa6\x18#M\xf5\x7f\xfc\xce\xcf\x8d\xae\x82\x03Dqi\x87Q\xe9\xdb\x19"L\xd3V\xa8%I9\xc7\xbf\xcf\xa1\x84N\x03\'\x9er+)\xf2\x14m\xa5\x15\x13\xa8\xd9\x9a\x83{X\xe1\x0e\x10\xad\xf5\x16\xe7\x0eNP4h\xe0\xacXl\xe8\xc2Q0\x02\x80\xaf\xf3_(W\x9d\xfev\xd5lJ\xc4\xfc+\xd3i\'\x8e\xc6\xf2%\x84u\x11\x9a\xa1\x86\x96d{\xa1\xc4#\xcc\x91\x9f\xf8\xc1\\\x11\x03Z\x1b5(7K!\xdc\xf0\xe33-px\xe2]\r\x9d\x17\xab'</t>
  </si>
  <si>
    <t>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</t>
  </si>
  <si>
    <t>b"\xcbkC'\xcf\x08i\xc2\xf6\x00\x19\x08\xc3p5\xb2"</t>
  </si>
  <si>
    <t>s not really Saturday night, at least it may have been, for they had long
 lost count of the days; but always if they wanted to do anything special they
 said this was Saturday night, and then they did it.
 'Of course it is Saturday night, Peter,' Wendy said, relenting.
 'People of our figure, Wendy.'
 'But it is only among our own progeny.'
 'True, true.'
 So they were told they could dance, but they must put on their nighties first.
 'Ah, old lady,' Peter said aside to Wendy, warming himself by the fire and
 looking down at her as she sat turning a heel, 'there is nothing more pleasant,
 of an evening for you and me when the day's toil is over than to rest by the fire
 with the little ones near by.'
 'It is sweet, Peter, isn't it?' Wendy said, frightfully gratified. 'Peter, I think
 Curly has your nose.'
 'Michael takes after you.'
 She went to him and put her hand on his shoulder.
 'Dear Peter,' she said, 'with such a large family, of course, I have now passed
 my best, but you don't want to change me, do you?'
 'No, Wendy.'
 Certainly he did not want a change, but he looked at her uncomfortably;
 blinking, you know, like one not sure whether he was awake or asleep.
 'Peter, what is it?'
 'I was just thinking,' he said, a little scared. 'It is only make-believe, isn't it,
 that I am their father?'
 'Oh yes,' Wendy said primly.
 'You see,' he continued apologetically, 'it would make me seem so old to be
 their real father.'
 'But they are ours, Peter, yours and mine.'
 'But not really, Wendy?' he asked anxiously.
 'Not if you don't wish it,' she replied; and she distinctly heard his sigh of relief.
 'Peter,' she asked, trying to speak firmly, 'what are your exact feelings for me?'
 'Those of a devoted son, Wendy.'
 'I thought so,' she said, and went and sat by herself at the extreme end of the
 room.
 'You are so queer,' he said, frankly puzzled, 'and Tiger Lily is just the same.
 There is something she wants to be to me, but she says it is not my mother.'
 'No, indeed, it is not,' Wendy replied with frightful emphasis. Now we know
 why she was prejudiced against the redskins.
 'Then what is it?'
 'It isn't for a lady to tell.'
 'Oh, very well,' Peter said, a little nettled. 'Perhaps Tinker Bell will tell me.'
 'Oh yes, Tinker Bell will tell you,' Wendy retorted scornfully. 'She is an
 abandoned little creature.'
 Here Tink, who was in her boudoir, eavesdropping, squeaked out something
 impudent.
 'She says she glories in being abandoned,' Peter interpreted.
 He had a sudden idea. 'Perhaps Tink wants to be my mother?'
 'You silly ass!' cried Tinker Bell in a passion.
 She had said it so often that Wendy needed no translation.
 'I almost agree with her,' Wendy snapped. Fancy Wendy snapping. But she had
 been much tried, and she little knew what was to happen before the night was
 out. If she had known she would not have snapped.
 None of them knew. Perhaps it was best not to know. Their ignorance gave
 them one more glad hour; and as it was to be their last hour on the island, let
 us rejoice that there were sixty glad minutes in it. They sang and danced in
 their night-gowns. Such a deliciously creepy song it was, in which they
 pretended to be frightened at their own shadows; little witting that so soon
 shadows would close in upon them, from whom they would shrink in real fear.
 So uproariously gay was the dance, and how they buffeted each other on the
 bed and out of it! It was a pillow fight rather than a dance, and when it was
 finished, the pillows insisted on one bout more, like partners who know that
 they may never meet again. The stories t</t>
  </si>
  <si>
    <t>b'\xd9\xdd\xb7Hd\xd2Y\xf6'</t>
  </si>
  <si>
    <t>d9ddb74864d259f6</t>
  </si>
  <si>
    <t>and height h, which carries
  a total of N tightly-wound turns and current I.
  (a) Find the electromagnetic momentum p of this configuration, assuming that w
  and h are both much less than a (so you can ignore the variation of the fields
  over the cross section).
  (b) Nowthe current in the toroid is turned off, quickly enough that the point charge
  does not move appreciably as the magnetic field drops to zero. Show that the
  impulse imparted to q is equal to the momentum originally stored in the elec
 tromagnetic fi</t>
  </si>
  <si>
    <t>b'm\x10o\x06O\xc9\xe6\xca\x9b?\xf2GjW\xd4:\x85(3\x92\xaeH\x00\xd7\xc0*\xf5\xfd\xcf:Wx'</t>
  </si>
  <si>
    <t>6d106f064fc9e6ca9b3ff2476a57d43a85283392ae4800d7c02af5fdcf3a5778</t>
  </si>
  <si>
    <t>b'm\x10o\x06O\xc9\xe6\xca\x9b?\xf2GjW\xd4:'</t>
  </si>
  <si>
    <t>most
 enthusiastic advocates of market failure arguments for protection find rates of effective
 protection that high difficult to defend.
 TABLE 11-2 Effective Protection of Manufacturing 
 in Some Developing Countries (percent)
 Mexico (1960) 26
 Philippines (1965) 61
 Brazil (1966) 113
 Chile (1961) 182
 Pakistan (1963) 271
 Source: Bela Balassa, The Structure of Protection in Developing
 Countries (Baltimore: Johns Hopkins Press, 1971), p. 82.
 CHAPTER 11 Trade Policy in Developing Countries 263
 A further cost that has received considerable attention is the tendency of import
 restrictions to promote production at an inefficiently small scale. The domestic markets
 of even the largest developing countries are only a small fraction of the size of that
 of the United States or the European Union. Often, the whole domestic market is not
 large enough to allow an efficient-scale production facility. Yet when this small market
 is protected, say, by an import quota, if only a single firm were to enter the market, it
 could earn monopoly profits. The competition for these profits typically leads several
 firms to enter a market that does not really have enough room even for one, and
 production is carried out at a highly inefficient scale. The answer to the problem of
 scale for small countries is, as noted in Chapter 8, to specialize in the production and
 export of a limited range of products and to import other goods. Import-substituting
 industrialization eliminates this option by focusing industrial production on the domes_x0002_tic market.
 Those who criticize import-substituting industrialization also argue that it has aggravated
 other problems, such as income inequality and unemployment.
 By the late 1980s, the critique of import-substituting industrialization had been widely
 accepted, not only by economists but also by international organizations like the World
 Bankâ€”and even by policy makers in the developing countries themselves. Statistical
 evidence appeared to suggest that developing countries that followed relatively free trade
 policies had, on average, grown more rapidly than those that followed protectionist policies
 (although this statistical evidence has been challenged by some economists).2 This intellec_x0002_tual sea change led to a considerable shift in actual policies, as many developing countries
 removed import quotas and lowered tariff rates.
 Trade Liberalization Since 1985
 Beginning in the mid-1980s, a number of developing countries moved to lower tariff
 rates and removed import quotas and other restrictions on trade. The shift of developing
 countries toward freer trade is the big trade policy story of the past two and a half
 decades.
 After 1985 many developing countries reduced tariffs, removed import quotas, and
 in general opened their economies to import competition. Figure 11-1 shows trends in
 tariff rates for an average of all developing countries and for two important developing
 countries, India and Brazil, which once relied heavily on import substitution as a devel_x0002_opment strategy. As you can see, there has been a dramatic fall in tariff rates in those
 two countries. Similar if less drastic changes in trade policy took place in many other
 developing countries.
 Trade liberalization in developing countries had two clear effects. One was a
 dramatic increase in the volume of trade. Figure 11-2 plots exports</t>
  </si>
  <si>
    <t>b'0E\x02 \r\xf4Z(\xe9\x11\x1dD\xe5\x96\x06{@\xb4\xf2\xaa\xbf\xf3\xc3\x9c\xcbD\xa5\x90\x99\x11\x9e\xb8\\\x9e\x91\xb8\x02!\x00\x81\xf4(\x0f\xffV\x94\x8f\xd0g\x9bS\xbf\xd2XW\x8e\xdb\x0e!\xc9B*\x0c\x15\t\xb7\xcf\x90\x97\xbf&lt;'</t>
  </si>
  <si>
    <t>304502200df45a28e9111d44e596067b40b4f2aabff3c39ccb44a59099119eb85c9e91b802210081f4280fff56948fd0679b53bfd258578edb0e21c9422a0c1509b7cf9097bf3c</t>
  </si>
  <si>
    <t>b'0E\x02 \r\xf4Z(\xe9\x11\x1dD\xe5\x96\x06{'</t>
  </si>
  <si>
    <t>y of the Winkies she will find you, and make you all her slaves."
"Perhaps not," said the Scarecrow, "for we mean to destroy her."
"Oh, that is different," said the Guardian of the Gates. "No one has ever
destroyed her before, so I naturally thought she would make slaves of
you, as she has of all the rest. But take care; for she is wicked and fierce,
and may not allow you to destroy her. Keep to the West, where the sun
sets, and you cannot fail to find her."
They thanked him and bade him goodâ€“bye, and turned toward the West,
walking over fields of soft grass dotted here and there with daisies and
buttercups. Dorothy still wore the pretty silk dress she had put on in the
palace, but now, to her surprise, she found it was no longer green, but
pure white. The ribbon around Toto's neck had also lost its green color
and was as white as Dorothy's dress.
The Emerald City was soon left far behind. As they advanced the ground
became rougher and hillier, for there were no farms nor houses in this
country of the West, and the ground was untilled.
In the afternoon the sun shone hot in their faces, for there were no trees
to offer them shade; so that before night Dorothy and Toto and the Lion
64
were tired, and lay down upon the grass and fell asleep, with the
Woodman and the Scarecrow keeping watch.
Now the Wicked Witch of the West had but one eye, yet that was as
powerful as a telescope, and could see everywhere. So, as she sat in the
door of her castle, she happened to look around and saw Dorothy lying
asleep, with her friends all about her. They were a long distance off, but
the Wicked Witch was angry to find them in her country; so she blew
upon a silver whistle that hung around her neck.
At once there came running to her from all directions a pack of great
wolves. They had long legs and fierce eyes and sharp teeth.
"Go to those people," said the Witch, "and tear them to pieces."
"Are you not going to make them your slaves?" asked the leader of the
wolves.
"No," she answered, "one is of tin, and one of straw; one is a girl and
another a Lion. None of them is fit to work, so you may tear them into
small pieces."
"Very well," said the wolf, and he dashed away at full speed, followed by
the others.
It was lucky the Scarecrow and the Woodman were wide awake and
heard the wolves coming.
"This is my fight," said the Woodman; "so get behind me and I will meet
them as they come."
He seized his axe, which he had made very sharp, and as the leader of the
wolves came on the Tin Woodman swung his arm and chopped the wolf's
head from its body, so that it immediately died. As soon as he could raise
his axe another wolf came up, and he also fell under the sharp edge of
the Tin Woodman's weapon. There were forty wolves, and forty times a
wolf was killed; so that at last they all lay dead in a heap before the
Woodman.
Then he put down his axe and sat beside the Scarecrow, who said,
"It was a good fight, friend."
65
They waited until Dorothy awoke the next morning. The little girl was
quite frightened when she saw the great pile of shaggy wolves, but the
Tin Woodman told her all. She thanked him for saving them and sat
down to breakfast, after which they started again upon their journey.
Now this same morning the Wicked Witch came to the door of her castle
and looked out with her one eye that could see afar off. She saw all her
wolves lying dead, and the strangers still travelling through her country.
This made her angrier than before, and she blew her silver whistle twice.
Straig</t>
  </si>
  <si>
    <t>b'\x8c\x14\xef\x91\xb7,\x98\x1c\x87\xf1;\xf1\x90\xae\xd9Su\xeb\xcaSK\xd0hp\xde\xcc8\xb5.\xa2rb[y\xeb\xf2\xd6C\x8a\x02\xa6\xf6=\xd3\xdf\xd7\xb9\xe0\xc9Q\x98]\x12\x0bp\x82\x19\x16-| \xe8\xae\nk\x8e\xf1r\xba\x08l\xa3\xd8\xdf\x12Zi\xe5{4\x9c\x9f\xc3M\x14%\xe7\xad\xa2\xcb\xc5\xd6\x8dJ\x80\xa1\x81\x87\x06(\x85\xcc\t[\xc9i\x18\xa7\x8f|\xcb\xe5\xe7HS:\xc8:\x077\xe9\xaa\x1dg\x84d\xe9(\x11\x03V\xc5\xae\xffXN^_@\x00\x90\xf2\xcc&lt;\x88L&lt;\xa4\xad\xf1oc\x1c\x9a]\xe1\n%\xa5U\xcf%\xbd\xf5u7w\xda\x90Zj~\xba\x15i\x1a\xf2\xba\xcew&amp;\n\xdfU\x13\xb4s\x0fx\x08\x9cz\xfa\x07\x1b2\xf5\xbe\xefR^\xdb6\x83\xb5\x06\xc3E/\x8a\x1c\xe3\xb9x\x83\xe7\xfd\x1b\xcb\x0bh\xcda\xbbcG\xd7ff5"5]\xdc\xc9\xb4\xe03bt$=\x05\x17\x83T&amp;\xbd\x7f\xc8r\xf4\x1d\xd4\x0c\xccM\x17]\xe6\x8f\xa4\xf5@\x8b\xdc\xdb\x03\x7f"\xd1L\xc7\xddP\xf2J \xfeU,\x87\xf5_\x16W\x95\x98|#\x8b\xd4N\xe7\xe8\xe2%\xa4\xe2\xfcNbb\xde\xb1B\xbf\xdf\x97)trk\xcf\x90\xe6\xb8\xc9,`\x1c\x0f\xea\xef(\xb9\x05\xe4\xd3\xef]\x94\xe8\xbe\xbd\x8d\xd3\xe82\x11\x7f\xe4e\x8a@\xe7T\xfc\xaf\xc7\x05\xdbU=(\x0f\x7f\xaff\xd3@5\xfe\xd7\x9a9\x1a\xeeE3\x16\xbb\xc3s\x9e\xb7\x96\xe1Gz\x92\xaa\xb7\xf9\x8b\x9dG4\xe2\xe8\x80\x9f\xd6$\xaa\x14\x8cj\xbd\x0fF4\x85Zi3U\x1aG\x05\xd5\xbf\xf0\x89\xc8E\xb8!x\xa8vx\xce\xd8}=\xafb\x80\xfa\tM\xd7\xad\x0c\xa3\x98R\x8b\x97\xed\xd4\\\xc9\x1c7\x86\xa3x-X\x89R"&gt;\xce\xc6\xa0\x05\xf9\xea{w|T\x1c\xed\xb4*v\xe2nI\x05\x0f\x07!4\x8a\x8d\xf4\xa3xjw\x91\x12\x02\xa0E:\x9d\xb5\x84\x1d+2\x1a\x8bO\xb3\'Y&lt;\x7f}6\xba\xbf\x00\x0f\xdd\x11\'\xea\xecti\xa8\xe6\xb3I\x17\xa2h\x85\xc1HJ\x0b\xb8\xd2\xaa\xf8\xeb\x11\x16%.\x99}\x8f\xa7\x93\xa5\x8e\x19\xdf\xcbSW\t\xe2\xc5\xe0!\xb4\x913\x82\xd2\x18\xc8pF\xfe\x18\xc7\xaf-\x83\xbe\xe0\xfd\x1d\xb8r\xcc\x9d%\xf6D%\x9fmA\xe7\x8b\xd5\xdd\x03X\xbc\x15l\xcdX#\xe3\x99\r\xb7a\x8b\x8f\x98\x02E@\xe3\x084\x7f&gt;\xa7\xf8\\\x82\x13Ym\x89^\xad\xbd\xf2\x13\xbfP\x1d\x89\x9b]\xdc\xb8@\xf3\xedk\xc1\xc9\xed&gt;\x8d\x9eJ|\xf8\xa6\x84T\xadU\x86\x13\xac\x16\xb1i1\x13]+9l0\xeb\xd3r\xce[\xa3\xcfu,\xf6?*\xa69\t@\x04X]\xdf\x96\x99\x1e\xf4&gt;\xe3\x81\x02\xfa\xc8\xf3\x03\xe7\x14\xb9*\xbf\xc4\xfa\xa1\xa8T\x06Rl/~\xaf\x0e\x02v\xab\xed(\xcfV\xfbo}\xc2\xb5KPy\xf8\x89h\x9f\x9bv\xf7\xa5\xb0\xf7\x96\x93\xdb1\xfa\xb7{tu\x00\x00\x7f\xd7&lt;\xc5\xd6h-)\x8do\xd6D\x12|\x12\xe2\x11\xda\xa0C\xabcY\xda8\x957\xb3\x9c\x8d\xf0y\xbd]luY\xd6\x19 \x9e\x03\xa2M\xad\x8e)\xcea\xa50\xcfK\xd9\xcb&lt;\xf7\xce\xe3C\xa6\x89\xb0d\xd9\xb9\x12\xd4\xe7V\xfd\xce\xad\x87\xc7\x13A\x88\xd8Y=\x19\xcf\x8c\xc4\xb7tRb\xc7\xaf\xd4\x03\xd7\xd6\x93\xd9\x83G\xb9\xf7\x83\xd2g\xf3\x03\x07\xc7\xde\xda\xba\xea\x91^t\x97\xc80Y{L\xbf\xd1`\xe8U\xf0\xf9D\xae\x89\x9fG#\x7fl$\xb00\xa6\xe4\xc8\xdc\x97OX0\xf0\xb4\xa3\xcfyn\xa60\xad?\xe8\x86\xa3\x02\xb1\xf0\x87\xae1S\xb2\x1b\x9brb\x96B\x18\x86\xc1\x020Yj;\xaf\x9b\xc2x\xe5\x9c\xfc\x8eTx\x9e\x9b.\x98\xdbK\xd0Z\xbc+\xeb\x18\x14\x92/Sa\x1d\xe96}\xca(\x82\xba5\x88k\x9d\xf6\xf1\x81\x1b\x18F\xf7:\xb6\t\xbfM\xb5\\\x02\x86\xef\xe2\xb8@\xc1m\xb7\xf5\x8e\r\xcb\xb1\x95\x85\x18\x9f\xf2\x16k\xa6\x92R\x8fQ\x01\xd8\x15\xf6F4\x85Zi3U\x1a\x87/\xcbd\xcb)m\x9f?\xdc\x9dW\xcd\x86\x84A\x17\x99\xf6u\xb5\xd5\xb6\xdd\x9b1\xd6W\xdf\xfb\x8a\x80\xe7d\x15\x8a\xc6\x9bg\x9f\x1a\x93\x9e\xff\x9c\x8a\x16Qa/\xb6\xb5\xc6d/\xdf\x1f\x8e\xbb\xa0\xffBV(\xf1\xa6\x14\xa6F\xeeo\x88\x83\xe2SA-\xb1\xec\xb0\x1d\xe96}\xca(\x82\xba5\x88k\x9d\xf6\xf1\x81\x1be|T\xf0\x84{\xe9wo\x80^\x1b\x0f^\xdc\xd0\x08m\x8a\xd2\xfe\xeed*\xe43\x8c\xbf\x87\xddL\tv\t{\xd5\xdc\xd1\xd3F\xc9N)r\x8e\r(\x04\xc3cW/KK\xa6\x0e\x94\x83M\x06\x9f!\xe2!\xbei\x9e\x9a\x94\xed2B\xe4rw\xab{\x03^%\x03\xb5\xd4\xa9\xa1nD\x95\xa90\xf6nG\x80^y\x9a\xda\xe3\x02-Y7kf\xe5\xc3\xeb7U\x1a\x10OI\x8e.D\xf3\xd37\x94\xf44]E\xeaS\xfa\xe2a;O\x94)\xc1\x05R@\x805\x1a\x9ai\x9f\n\x1e\xd4\x9f\xdd\xe0\x16\x05\xbf\x8a\x12&gt;|\x0b\xf1Z\xe4\xc67L\x97\xd5L_pk-\xd0X\xc7\xd2T\xa1JCB\x8b\x88\x0c\x00D\x83\xc4\x04\x16\x0f\xd80\x03\x83\xa3F\xe4\xeb\x10^\xa3Z\rquq\xd8/\x84\xd1\xfe\xdd\x8a\n\x93\xd6D\xa4\xae\xdc\xac\x1aU\x17d\xb4\x19\x1b\xe8?\xd2=7\x16\xffARI\x1f\xe5\xefh\xa8\x8e2\xeb\xc0R\xe2\xfe\xa0\x8bxx6\xfe\x7f\x81o\x8f\xdc\xc9"\xbe\x8b\xfdFZlo\xa3_\x92\xc5S\x92L\x19k]h\xc9\x97\xbb\x05\'\t\xb1\xa3J\x8d\x92\xa8`\xf2\xd4\xe3^!\x88\xd0hF#^\xf1Iyh\x83\x11y\x04\x11Z;\xe0bw\xeco\xdf?^\xe7\xc2\xd8!\x97\x9d\x0e\xf6i\x03S:d\x87\xf2\x10\x8c\x85e^\xb7u\xa5\xfdZ\x07vY\xb2\x07\x97\x05\x19{\xe8\xf8\xec\xf8_\x94\xc0\x86\xd2W\xb4\x12\x08\xe7Q\x958o3\xa7\x9eM\x8f\xd6\x16b\xb2|\xfe\xb1\xf8\xf3\x8cP;\xdc\xad\xaf\x8f\x13\xa9\xee\xf6\xcc\r\xb4\xc0. h?\xb8\xbc\x87*\x0f$\xae\xe8\xc2\xb1\xe3\nE\x94o\x91\x12\x01\xce\x90\xff\t\x95"\x0c\x15\x02\xd3\xc7S2\xf1\xf9\xb6\x86\xcc\xa5H\x97\n\x92\\\xf52\xc7H\x17\xe1\xf4789\x1cH\x04\xb5\xe5\x19\x1cp\x9f\x9d\xf2\xf4\xde\xef\xbe\x85\x9b}\xd3\xa3Z\rquq\xd8/\xb5z\x86\x85J\x9f\xebW\xa89\x01Zk\xf0\xf9v\xe4B\xb0W\xc7\xfc\xf6\x11\xb3\x11;\xd6T\xf8\xa4\x8c(\xbb\x94\x9d\x1d\xf8R\xcaM\xe8\xd60I\xef[U\xb5\xe1W\xae\x0e\x1eg\xb0\xe8^\x19\xf1\xe7C=\xf0\x94\x9d\xe6\xac\xe3\x7fN\xcb\xd2\x16\x87\xe9\xcb\xf7?\xff\x14\xa4\xd73\xfc\xe2a\xb6\x17Qx\xe1\x0cA\xa9\xe9\xb9\xf1\xdf\x13t\xb2\x126\xf5\x8d\xfd\x8d\x1eEf\x13\xf2\xd0\x82\xaf\xd9N\x89D\x816J\xf9\x82\x85q~d]P\xc4\x8fT@DFj\x8b\x15\n\x0bsxrq\x87L\xaf\xaa+\xbb\xb2\xef\xd7\x0b\x80\xaf\xb4\xf4Dl1`v\xb8\x1a\xd5\x1e\xf6\x94Q\xfa\x04FE\xd83(rd=D@\x8ah\\4\xc7\n\x84\xde\xe2I\xce`\x16\xaf\xa79\xd3\x8b\xf4X\xb1\xe4\xa4\x15\'\x89k\xc2te\x93\xf4\xc1Q\xce\xb5\x8b\xb4\x01K\xf6S\xb7\x0b\xe8\r\x8c\t\xba\x00V\x1d\xed\x1d\x9aND]\x88\x8d\xcd\xae\x18q%\xe4iU\\\x85~\xab\x19\x952]\x1a7\xb4\'\xff\xa1\xa7\x9c\xabzg\xf1\xeb\t\xc4\x14SO7k\x0f\xafo\x07&amp;_\xe3w1\xa7i\x83\xa5\xee\xfc%\xdc\xe5\xb6\xff\xb2\xe5\x82Bh\xe9S\xe5\xb3\x0f.\xf7\xafX\'e\x9cP\xb0\xb91=\xccx\xb1\xd2H+\xb3+\xb9x\xc8\xd2\xfbG\xcc"\x908\xe9W\x84\x0c\xa4LU\xf4`\xf2UY,#\xd4\x08\x17g\t\x8d\x0c,\xb4\x06\x8c)\r\xdb\xe9i\x1d\x8e\xca\xd9\x1f\xc2\xfa\x81\xc3\x97\xe8\xdaU\xbbR\xfc\xd5#P\xbaEw\x86`:\x18.3\x9f\xf2\x00\xf3\xe6\xdb\xb3Q\xad\x07\x82\x1f\xc1n\t\xdbKi\xbcv\xa8C\xd7G\xa3\xfb\xd9j\xd5P\xbe\xa8%J\xcdWM\xe9)\xfeYDa\xad\xfb\x17DVm\xb8~\xd4A\xf8//Fv\xd5f\x82v\xd9\xd7\xe0if\x80\xf7\xad\xc8\xbd\x86O\x02\xce\xe0\x9a\xe3?\xe8 \x13\xbck[Wt\x98\x9ca\xfd\xda/\xac\xa5\xb3)\x16Q[\xcb\xfc.\x83:\x1elF\x1d\xdb\x04l\xd7\xcc\xbb\x9eC\x0c\xe2\xfb\n}\x83\t\xd4\x13\x93N\x8b+\xdb&gt;"_\x9b\x08\x84\x12f\\\xe2\xad\xf1K\x88\xb7+R\xc8J \xc0\xa3\xc0\xe7\xcd5D\x83\xb8\xc9\xc6\xbaJ&gt;A*\x98\x0c&gt;\x9b\xa3\xb4\xa7\xe5\x9b]\xa4\xf1\xe9\xf0Q\xcf\x01fm)F:\xd3\xe9|\xbd\xcdA^N1\xe5\xbb\xcd\x1d\x9a\xd3s\xa2\x8f\xc9-\xa0\xb9P\xdb\xf3U}i\xdb` \x05\xdc\xa0\x1a\xe9\xa9\x83\x99A\xca\xf7\xc2\xe1\x0e\xd3\x14&amp;S:D\xe0pk-\xd0X\xc7\xd2TQ\x14\xb1K\xae\x9d#\x9cp\x83\xf3s\xc6,[\xacN\x14\x10NoAk^\xb6\xaf\x920\xfe\xd7B\xef\xe6\xc0C\x98\x9b\xb0r\x82\xa8\xc8\xc1\x88\x17\xa9\xa9I\xc4j\xc2\x9a\x08\xe0\x95b\x17`{\x86\x1e\xe2\xac\x9d\xb4\xdd-\xb9\xda\xeb\x18\xa7#\x12\xc8\xf3,H\xe3X\x9c\x9f\xc3M\x14%\xe7\xad\x05\xd1\xf6]\xeft\x96hV7N\xda\xa8\x83I\x13\xdd3\xfdou\xe7R$\x97\x87F\xad\xb3\xe0\x17\xc6\xbd4\xd9\xf9F\xa3\xec\xbc\x8b3Rn\xac"\xdb\xe2z\x83\xe5X\xb1S$\xbc\x92\xbc8n\xc8!\xf3G\xa6~\x81u\xc0!\x14\xd2\xa9\x18\x0e?\xf7 m\x16M!\xa1(@\xc1\x92K\xfd\xa3#K#\xfc3PJ\xa5\xa5C\xd7\xdb\x98\xc4\x99f\\ML:\xfeEV\x8e\xd4\x83O\x0c\xc8\xf9J\x9f\x0b\xdfV\x13\x9f\x8c`7eal?\xe6\xcd:c\xcd\xdeH\xb1}\xa4\rq\xd8\xd6\x07\xc2\xe1\xa88\xa2\xd3\xb2\xe5\x86\xae\xe8b\x9dF%\xac\x8c\xba&lt;\xa0\xe8\xbf\xe0\x93\x7f\x84;3\xdfu&gt;\xdeX\xc9\xf2=\r\x06\xbf\xf5+O\xbd\xc8\xfbu\x82\xee\xff\xee\x8e\x10\x83\xb6\xd5\x0b\xed\t\tk\xf4\x8c\'&gt;\xc7\xab\xa7i\x19\x0fuU\x17\xb0p-\xb4\xe0\x85&amp;/\x9f~\x9b\xd8T|b\xedw\xc2\x19\xc0K4\x1e\xdaw\x00\xcb\xf2\xea\x94&amp;fQ\xb5P\x91\xcd\xc8V\xaf\x9e\xe9\xa7\x7f4-h\xbcPD\x8dH7\xf1\xdb2\xc0\x0b\x06\xea\n\xaa`:&amp;\x8e6\xeb\x92\x1f\r\xc9\xdb\xaa\xfb4\xf8\xef\x8f*^:{_\x16(\x7fN\x81|\x8b\x96\x81\xd7\x18\xc8\xa3\x87\x84\xf7\x90A\x96\xeb\ri6`\x7fiZ\xf3\xa1*k\xb2GJ\x1a\x82\xe1\x81\xc0\xa5\x0f\xf4\xa3\xcd\x82\xd2(b\x8d\xd0S!\x00qe\xbaC/\x14%\xf2\x00\xd2\x90\xc2\x0b\x03\xbc\xe6N0\xde+\t\xd0\xe9S\x85\x93\xd2\xb5\xf8\xd5j&amp;\xa3BY\x86\xd5\xac\xf3\xca\'KKE4\xb0\x1b\x99M\xd8\xccXo\xc2q\x19\xd5\xdaU\x866\xde\xf5\x13\xca\x10\x7f\xcfy\xbe\xcfm\x06\x82\x92\x8a\x03\xc2\xdfL\x82\x10\x12RG\x9c\xf8_2\xcbi\xcd.\x1b9;\xe7\x9bM]\xdb\xb5\xe2\xf6|0\x9a\xa1~\x87x\xdb\x9e\xcc\xbe\x8d\xb2\x9e\xb7\xfaf\xf4\x84\xf3/\xb4\x7f\xef\xd5\x88U\xe4\xa8\x84\xa2z\xb3\x81\xca\x7fl\xa6\xc8g\x9f\x06\x0b=\xac\x8c\xf9L\x10\xcc\x04\x1e\xc2\xa9\xaet\xaaO\x90\xa8\x18\x065\x89Y4X\xe2\x08\x0bg\x0c\xdf\xf5L\xe9\xdcn\x04I\x8d\xeb"Y\x85#\x1c\xf6\x00\xb8\xa9t\xa3\x83\xb7y_b2\xc8\xb2\xdc{F8\xefQ\x86\x01\x1e*\x80\xc2\xa6\x1a\xc9q\xf8s\xe7\x15\xa8tk\'&gt;KL\x1c\xa8\xa4\x18T\x90t\n4A|Z\x8a\xa7\xd3\xef|\x9a\xe3z[\xa5\x96\xe0T\xb6Q\xd79\xb8\x1fqM\xb1H\xe151\xd1\x84SF3\x13\xaeM~\x8e\xfe\x10h\x01\xadw"\xef\xca\x8eR\xf2\xe5\xf4\xd7b\xf0\xe0\xd3\x84h\x19SN,~\xb7\x8d\x9em1\t\xd3\xda\xc3\x02\xb5\xf1\xcb/\xb7\xfd\xca\x90e\x03\xd6\xc5A=B\x05\xaf8\xd9\x93\xb8\x99\x16\xfc\x88DUE\x0eU\x92\xb1\x96+\n\xfc\x8f\xf9\xc9\x1f\xc7\xe4\n\x1f{x\xf5Y\xa8\x8e\xb8\xd6U\x0e6\xbd\xd2\xb6\\\xafr\xcaY\xae~\x8c\xec\xecH\xdb\x94\xb2\xa3\x14S}\xd5}\x0e\x1f()s\xe1\xffI\xe0\x12Z\x81E\xff\xc9\xa2\xd96\xf9\x9a\riB\xa7\xd0i\xdc\x85\x1fv\xa6h\xdfo\x0c\xb2M\x87=\xaa\xeds\x0e\xda\xf8\xcb\x92\xce\x15\x0f\xd4:\xdb\x84\xc5e&lt;\xbe\xe7\xd5\xe3\xc33\xba\xe3\x91\x84b\x0c\xf5\xfa\x83s\xac\xf6\x99\x1d2\x05\xdf\x11\xf6\x03&amp;.\xfc\xa2\xe6\x87\x83\xac\xd4\xf4!\x8c\xdbm \xfb\x18FI\xedI~\xac\x95poI=\xccz\x86;}\xdc\xfd\xbe\xb0ak\xce\x88[b%\x95\xc2\x98\xc6)\xb4k\xad\x92\x870\x9a\xda,A\xce/\x97\x8c\xc4q\xefM\xb37\xdb0\xd9[S4Nn\xe4\xe7I~A\x90\xd9\x80r\xb7\x0b&amp;/z\xe8\xc4\x1e\x9d\r\x18\xc3\xb3\xd8d\x87\xf2\x10\x8c\x85e^c\xdb\xe2\xb7\x0b\xa3\x05\xf9\xf4o=\x84\xd4^\x1c\x19J\xe0N\xce\x96\xb1\xf2\x89G\xf5\xe1b\xe3+\xea\x88b;\x07\xdc\rT\x04\xaf\']\xdb&gt;\xc2\x93\xce\x96\x1eco\x0b\xf8h\x9c\xdb\xb6z\xa0\xa1X*N\xb7\x87\xb0\xf7\xca\xd3e\xdde\xc7\xdd\x04\x1f\x9f\xe5j\xfd\x9e\x8d7n\xae\x81\x90&gt;$\x81\xa9\x16PN@\xaa\x87/\xcbd\xcb)m\x9fkn\xca\xca\xcf}\xa2#\x92&amp;\xdb\x86\x84M\xc8\x86\x8f\x9b\xd5W\xd8\xe4\xc5\xd9\xe9xT_\xad\x81e\xa8\xb05\xdb\xe3\xa6-\xbaJ[\xd8G\xf4\xe4\xcfZ\x89\xf8\xb6!\xad\xf9?\xe3\xd9PJ\x03\x1c\xef\rUb&amp;l\x08\xdckqm8\x1b\x84o#\xdc\x00e4\xb9\x04\x109\x89^\xb9\xd0\x05rZ\xd3;O!\xa9t;\x0c\x83\xacO\xe9f\xe3\xb3*\xcb\xe9-\xb6\xac#\xb5\xe8\xd07\xe8dVw\x04N\x89\x05&amp;\xb1\xaf\x88\x81\xd6l\xc3\xa3\xf3\xbe'</t>
  </si>
  <si>
    <t>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</t>
  </si>
  <si>
    <t>b'\x8c\x14\xef\x91\xb7,\x98\x1c\x87\xf1;\xf1\x90\xae\xd9S'</t>
  </si>
  <si>
    <t>listen.
The Fish-Footman began by producing from under his arm a great letter,
nearly as large as himself, and this he handed over to the other, saying, in
a solemn tone, â€œFor the Duchess. An invitation from the Queen to play
croquet.â€ The Frog-Footman repeated, in the same solemn tone, only
changing the order of the words a little, â€œFrom the Queen. An invitation
for the Duchess to play croquet.â€
Then they both bowed low, and their curls got entangled together.
Alice laughed so much at this, that she had to run back into the wood for
fear of their hearing her; and when she next peeped out the Fish-Footman
was gone, and the other was sitting on the ground near the door, staring
stupidly up into the sky.
Alice went timidly up to the door, and knocked.
â€œThereâ€™s no sort of use in knocking,â€ said the Footman, â€œand that for
two reasons. First, because Iâ€™m on the same side of the door as you are;
secondly, because theyâ€™re making such a noise inside, no one could
possibly hear you.â€ And certainly there was a most extraordinary noise
going on withinâ€”a constant howling and sneezing, and every now and
then a great crash, as if a dish or kettle had been broken to pieces.
â€œPlease, then,â€ said Alice, â€œhow am I to get in?â€
â€œThere might be some sense in your knocking,â€ the Footman went on
without attending to her, â€œif we had the door between us. For instance, if
you were inside, you might knock, and I could let you out, you know.â€ He
was looking up into the sky all the time he was speaking, and this Alice
thought decidedly uncivil. â€œBut perhaps he canâ€™t help it,â€ she said to
herself; â€œhis eyes are so very nearly at the top of his head. But at any rate
he might answer questions.â€”How am I to get in?â€ she repeated, aloud.
â€œI shall sit here,â€ the Footman remarked, â€œtill tomorrowâ€”â€
At this moment the door of the house opened, and a large plate came
skimming out, straight at the Footmanâ€™s head: it just grazed his nose, and
broke to pieces against one of the trees behind him.
â€œâ€”or next day, maybe,â€ the Footman continued in the same tone,
exactly as if nothing had happened.
â€œHow am I to get in?â€ asked Alice again, in a louder tone.
â€œAre you to get in at all?â€ said the Footman. â€œThatâ€™s the first question,
you know.â€
It was, no doubt: only Alice did not like to be told so. â€œItâ€™s really
dreadful,â€ she muttered to herself, â€œthe way all the creatures argue. Itâ€™s
enough to drive one crazy!â€
The Footman seemed to think this a good opportunity for repeating his
remark, with variations. â€œI shall sit here,â€ he said, â€œon and off, for days
and days.â€
â€œBut what am I to do?â€ said Alice.
â€œAnything you like,â€ said the Footman, and began whistling.
â€œOh, thereâ€™s no use in talking to him,â€ said Alice desperately: â€œheâ€™s
perfectly idiotic!â€ And she opened the door and went in.
The door led right into a large kitchen, which was full of smoke from
one end to the other: the Duchess was sitting on a three-legged stool in the
middle, nursing a baby; the cook was leaning over the fire, stirring a large
cauldron which seemed to be full of soup.
â€œThereâ€™s certainly too much pepper in that soup!â€ Alice said to herself,
as well as she could for sneezing.
There was certainly too much of it in the air. Even the Du</t>
  </si>
  <si>
    <t>b'/\x84q\xe8\xb1\xcf\xba$\xc9\xc1C\xc4\xf1\xea\nL\x1aW\xed\x7f$\x0c\x9c*Yo\x96\xb0#\x11\xafD\xed\x9f\xcf\x10)\xa6\x1d\x7fmw\xa2\xe2&amp;f\xe8\x90.7\tE\xc1\x12\x8e\x97g\x19uV\x9d\xeb\'\x116\x99X\xb0M\xda\x94\xe2+!!\x92\xec\xa9\x18\xa7r\xb7ud^)\xd7O@\x81\xb9\x0c]\xfc@?+Y\x18\x07w\xa2\x19\xbc\xe1\xe0\xbf\x8e\x1b\xa9Y\xfe\xe7,5 \xb2X\xf6\x1b"\xf7HNE\xfa\x14}\xafv\x9b\x18\xb3\xa0\xe9\xd5\xb0^-\xba\xc4\xf61\xde\xe9\xe1\xfe\xa7nd^&lt;2v[`\x9b%\xf2V8\xcdQ7%o\xf5\x88\x0c_\x80\xd5\xfa\xa3y\x0c\x1d2\xd3V\xc9\xe0\x0c\xe87\xb5\xfb\x8d\x85Py\xa4}HR\xf8\x14\xd3\xa2\x91\xfb\x00[\xf3Q\xf1\x9d\xb9f\x1e\x9c\xa8o\x83~\xf57\xc5%\x08\xcdG\r\xbd\xc2I$\x91\x16\x99\xd6a\x96\x05\x05F\xee\xdbZ4\x08\x7f\xe6e\x13Xi\n\xaf\xaa\xad\xfe\xfc\xbcr\xed\xbe=[;\x85\x04\xb9\xea\xc1H\x9c\x9d\x04:1\t\x10\x95Y\x7f6\xbc~\xb1\xaf\xb1gye\xe33OlD\xed"`\xaey\xffc\xb7\x9f\x81\tel%"]z:E\x1a\xe7\xf3\x1a\x9a\r\x153l\x9c~\xe2\x89\xa9\xc9\xbfVx\xdeN\x8a\xd3\xaa~\x07p]\xfdO&gt;\x93m \xed,\xd5}\xfd#\xb4\xee\x93\x03\x85*D1B\xb9b\xcb\xc3\x07;\x1fI\x91\xd9\x1e\xe6\xf1\x93\xdb\xfe\xd2i\x8a\xbbc\x05\xc81\n\xfby\xb7L\xcd&amp;\xf1F*\x0b\x92\xd2;\x83\xc7\xa3F\x11\xaeNKG\x80\x82\\\xe1\xeeC\xe0aD\x01\xffA\xae\xe5\xcb\x96\xaeXm\x85*\x82\xe8\x06\xd7\xff\xe2k\x1c\xfd\xdd\xadk$\xdd\r_\xcd,\xcaS\xd8/X\x06\xff\xb5\xaf%|\xd6\x8dD\xfa\x08-;\xfb\t\xba\xed?\xd5\xd9\xd2\xe1\x88\xfc\xf1\x90)\xfc\x93\xe7u\x8cUI\xd1l\xa6p\xace\'~7\xdb\xab\xc2\x93\xc8\xee\x1f\x0e\xd05\xab1x\xf5\x9df\xa1\xbe\xd0L\xf7 z\xb6\xf8J@\x8a\xbd\x0e\xefBr\xfc\xe40\xeeN\xda\x9f\x00\x18I\xe1\x8f\xb6fH\xc7"\xa5N\x9c\x19\xa3\x95\x08\xf7\xe1\x86\xe6u9\x00\xd5\xe5\x1b\xdd\x9e\x18im\x0bM\xd1@Y@\xc5\xbe\xf2:\x7f\xcd\xed\xa9\xbe\xf8n\xf4\xfff3l@\xaae\xd7\x8a_\xe7!#8S/\xaa\xfd\x16\x10\xca\x93\x97\xcc\xbe\xdbn\xd5\x0c\x84\xd3\x9e\x1b\xfd9\x18\xb2;\xa9ubw\x00\x19\x85\x08\xc2c\t\xb6C\xb9\x9f=)\x02fi\xe8\xd0|i\xe1\xde J2\t\xec\xe4\xd8\xd52\xcf\n|\x84\xc7\xdeS\xb8=\xee"\x02\x11\x93\xcegl\xea\xaf\x12 \xe0\\\xb3\x8d\x86\xb7\x96\x85b\xd0\xdf[p\xed\x90\xe4\xd7:\x91rj,\xa0\x18A\xc0\x8f\xc4\xbf\xafV\'\xb7T\x08n5\x18\xb6d\x97l\xdd\xa5\x00\xb9\xb9\xd9?\x1e\x17\x8b!T\xfb\x16+_*N\xa5\xb6\x0b\xd4c\x95\xba\xca\x86m3\xfb\xbbQ\x931\x0b\xd5S\xf1\x11p\xf6\x8d\x99\xec\xfai\xe6\xfa\x17s\x96\xd9\r\xd9&lt;\xf0!Ml]h\xc5\n\xcd\x0e\x08\xe4\xcf\x9b\xf8\x93H\xd4\x9bD\xf2L\x15\xcd\x86\xc0\x82\xd3\xe6|\xe1\xfb\xc4\x0e\xa2}\x1d\x99\xa6)\x1a\x9e\xde\xca\x8e{\xd0X\xbduMo\x1cjA\x05\xbe\xfc$\x01\xc9vw\xcc\x00\xa3\x9a"\xd4\x96\x18Q\x8e1\xef\xac,\x0f\x171\xeb\xd9\xf3&amp;\x0e\xff\xffO\xbe\xdc^\x03{\xe2\x0f\xf3\xd5S*1\xd9I\x01Xb/\x05\x88\x8c\xf4&gt;\xc7&lt;\x1eq\xa7;\xfb;\x81\xc6O\xee_\x1a\xf8\xb8\xa9\xfcyw\xf5X\x01\xacgF\xc1\xa2!\x93\x88\xc4NK\xa6\x8b\xb4\xf6\xae\xce&lt;n\xb8\xea\xaa*"\xb0YP\x867\x94\xdf\x81;\xc9+u)+\xc1\xb3\xa3t\x8e\xde`\x7f\xde\x95p4\x98\xe09\x83\xe9\x95\x82\x88\xe0b\xdf\xfa7\x16/\xc3\xe8\x84,\x05\xe0\xe7\xc5\xe1\x1b\xd3\x90\x9f(\xc77X\x17\x97#%\x87\x1e\x0f:9y\xfb\x99\x94#\x10\x91\xf4zrf\xd3y\xa3\x92h\xa1@\xf0]\x16I\xe1\xe8\xdd*\x96\x9f\xb7h(\xa3C\x03\x9b&amp;4a\x15\xd0\x82?\xb7)\xf6\xd9\xed\x07\xd8\xa0\x10m]\x97\nu\x81\x96p8q\xd7G\xe8[\xa6#\xe4[k\xbe\x04W\xd6` \xba\xa6\x0f+\xd6\xb9\x81*\x9amc&lt;\xec~|\x1fVVA\xb1\xa87\xc7\xb74\xe4\xac\xe4\xcd\xf3\x87\x93\'*\x95\x942\xcd\xa8EG\x83O\x87\r\x87\xa3hjv&lt;\x0b\xdc#D\x0fc\xbf\x0bme\xea\xe2\x15NT\xd69I\x85\r\xe2#\x9b\xd3\x8eH\x97\xbf\x1c\xc8\xc40[\xa9\xefx\xfd\\\x97\x9e\x02\xbf:D=7\xea\x0c\xd3\xc9\x0b\xe1#\x8f\xa7\t\xcc\xf00\x82\xb8\x00hK\x16\xae\xf8*l)\xc4\x81\xca\xb3\xca\x9e\x87s\n\x87\x99\xa6\x81\xaa\xadg&gt;\xfcO8\x91\xf7\x81\x15Rbw\x83\xf9\xaaa\xcc^\xf3\xfa&lt;\xe6E\xa8\xb0\xfa\xbc\xe8It\xce&amp;$\x91P\xe6\x7fhZ\xa3\xa8\xc8\xd0\x18l\xad\x9f\x98\xcc\xfd\x99as\xd46\xdf\x96\x91!i\x1f\xcc\xd7!\xd5\x9aoG\x118H\x81,\x93y!\x8d\xa3\xb3\xcd\xec(du*Z\x9a8\xeb&gt;\x132){:Q\xcf+S\xf4,\xbb\xea.\xf7\xbc\xf9\xce\xdcZM\xe1\xd2\xa8\x879\xe7.\xce#`\x01q\xb4\xe1!\x8d(\x17\xf8\xf2\x7f\x9fs\x8e\xd0B\n+\xfe\xd5\\x\x9eYY\xc6F\x16\xaa\xab1\xedL\x8bj+9\xa6J\xa7(,\xef\xdb\xc8 \xbeJC\xedD\x90\xe8*V6\xbb\xaf\xf0\xc8\x91*\xdb1\xe7\x855\\o\x9c\x85\xddx\xb0\xd3\x041\x0bK6\x8b\xa3W\x84\xc9U\xab\x86]\xdd\x07\xf7\xb2\xeb\xee\xb9\x85\xe8\xd4\xeeN\x8a\x1d\x06\x11\xc3\xd1o9\t\x0f\x10\xed\x10\xea\x9b\x08\t,\x1aT\xb1\x1b6\xafTu\xc1\r\xbc\x82\xa2?\xfb\x04\\m\x19\xe3\x0f\xe9\xb2C\xc4\xdf\xd1\xfe]\xed\x9f\xa7]\x10\x98+\xa0\xca\x1e\x96\xac\x03\xad{\xb0#\xb17`\x95j\xcf\x95\xaf\xe7\xa3\\\xf5`\x10\xf3\xc6\xea\x14q\x16\x0e,\xf8M\x119\xca\xa9#r\xa1_\x9d!C\x9b\x8b&lt;X! \xe4\x81\xeb\x166\x10\xa6NQ\x18\xff\x89\xbf\xad\x1fU\x04\x80D\x00\xbb_a\xc3\xbb\x9ec\xf5]D\xd2\x9b\xaf\xb1\xee`\x12\xb7\x13\x8f\xe0\x90\xa9\xe2\xb5\xa6\xb6`\xe4\x8c\xb53NWn\x1e\xaf\xe6T4\x98\xf8\xad\xe7dg\x87\x8c0Qoq\xf8\x03\xe2\xb1\x0f \xec\x08a\x7f36P\xf6\xa0\xf4\xee\x8b\x0b 6?\x88\xd1\x0cV\x86\xfb\x12\xe9\x8b\xcc@\xa7\xe8\xa9\x91x\xb9i\x86v\xc4\xe9)\x9c\xad\xcf\xf7Q\xec\xef\xea1\xe6\xea43\xa4\x19\xa6\x16\xd5\xedF\xfd\xb4\x05\xbd\xe4c\xba\xea\xd9\x0b\x91\x04\xbc\x01\xc4y\xf5\xa6\xad\x93\x16\xbd\xff\xad\xcf\x106n\x0f\xc2|\xf3/\xd7\xfcW\xbb\xa9+ZR\xcc].\xdb\t\x1az\xb3\x08\xdb\xc5\xd3\xf7\xf6\xbf\x85\xff\x89\x0b\x92\x19\xf5\xf6\x03+!q\x11\x86\x9b\x8c{;\xb7\xf5\xde~a\x90\xe9\x1cH\xfa\x9eQ4\x1e\xb5\x90\x8d|\xe7h\xaa\xbfZwQ\xb8?\x82\xc6\xabs\x10\xba\xf3\x98\xbd\x96\xea\xa3Vd~\xc4\xe7\\\xc8\x1b\x9bLg\x97)Q\xa3XxOev\xbb\xee\x95U\xec\x1b\xf3\x96\xc7W\xa5\x9fq\x03\x0fUEr\x15\x8d\xdc|DeW@~\x18Z\x06g\x08\x80\x1bz\t\x97\xb8\xe90FC\x85m\xcdZ\x02\xf3\x8b\xaaY,k\xe2U\xe2\xa8\x914=3a\xe1ys\xadFV\xaak\xc1o\xde\xdc\x03q\xdf\xb79EJ\xbc\xbe\xed\x1b\x8c\x858\xad\x15y\xd15\x95\xc8\t\x95Jh\xf2\'\x8eU\xcc\xf9&lt;y2\xf3#\xa1\xb1\x12\x97e\x1d6\xb8\x9a\x8e\x06\xd0\xd8w\xf3\xcd\x1cf\x89\x9e\x7f&amp;\x83\xe4,\xbbF\x92\xc5\xe6\x97\xa5\r\x14\xe9Z7%P{Lm\x95#\xb8\x8cn\x1f|\xcdJ\xb9KM\xdb\r\xc80\xb5\x9fX\xcd\xad\xd6\x89e|\xf4\xd2wx\xc8\x8a\tZ\xca\x9f\xd9\x91\xf0\xad\xb31e#%\xf1\r\t\x97\x9e\xd1\x1d!\x19\x17\xccP\xf8\xcf\xc0=3\x15\xa3\x16\x83\x17M\x10\x9c\x97\xdb2\xa5\xd76\xbfg\xe1l\x0bx\xb2\x95\x0e\xde\xb0!yL\x02`b\x82\xbf\xad\xd9\xa4\x02\x07\xa7n\x0c\xd3\x7f\xc4r.9`S0\xe5\x15\x93[Y\x126\xf7\x04\xf5\x18\xc8\xa2X\xb4.\xc3\xd1\xd5\xac\xa4O\xb6+\xfdNI\xddg3\xf1d\x16\x8bm\xca\xad\xe9\xc6\xbd\x830\n\xa1\xa6L\xe8u\xfe\xa4\x05J-z\x12\xcc3Y+N(\xf6\xfa?t,E\xf3\x83\xab\xeaK\xf4\xea=\x15\xd0\xb2\xf1\x83\x86\\j\xef\x86}c\xc9F\xf5{_d:\xf7\x85\x84\xe9\xf5r\x08Gx\xc2\xc3\xd9\xf5\x9d7\xb7^y#\x14\x13\x91\x87WZ^\xcevp\x00\xaf\x9f\x81\xbfF\x89\x9d1\xf8\xc8\x92\x0eH\xf8?^\x95\x04\xef\n\xd8\x8f\x19?v\xae\xfeq\x07\xa9&amp;\xd0\xf3}\xd2\xe5\x9ff\x16\xeb\x97e\xe0\xc8\xb6l\x8b\xef\x87\x19\x140\xa7\xddC\x9a\xef\x04\x97\x19&gt;\xe5Sw]\x86@\x15\xab\x07\x04&lt;\xea\\\xd9tZ\xa1\xd6lU\xab5\xc7S\xa5\xdfo\x9b5\xe3\xca\xf9\x8bFS\x8b\xabw\xc8\xec\xed\xf9\xc3\xfb\x08\x0e.\x88i\x06\x08n\x98Z\x1c11&gt;\x0f\xd9;\x1bj\xe2x_E-\xc1\xf2\x07YW\xd2\xe2\xea1\xeb\x87\x84E\'\xda\x19F\xd8F\x9f\x0e\x8e/\x11\xe1\x1f\xa5$\x87"m2\x7f\xc2\xde\x99\x89\xe9Mv]G\n\x1e\x1bZ\x10J(Y\xea\xc2\x9c.\x82\x8b\xe4i\x94G\xa4}R?\x13\xd1\x84\x06\xd5\xabjU\xaa\xf4A\xd0\xfc?\xdb\xf7\xcd\xf6J\xd6f\xe5aeI\xb2\x8b\x07&gt;K\xa7I\xb6\xba*\x13g\x16\x10F\r\x87&lt;\xd4\x92qR\x9e\xb3\xc4[$\x97\x15\xd8\xf6Wd)\xd9\xfaw\xa6do\x8c\x13\x88\x0f\xa3\xbf\xee\xb6n\xfb\xfe\xf2w\xb0\xcd\x97k\xb9r\xad\xb6l\x07\x1b\xef\x0c\xffA\xff\n\x8b\xb2{\xe5\xd3\xcaK\xe8\x18\xa8j\xb2\xe7\xa8\xdf\xccS\xca\xc9\xcf\xe5b\xf2\x87Q\x8c\x06\x9b)\x95\xfd\x0b!\xc1\x9b\x853\xdb\xd3Un$\xe3\x14\x98\xc9^\xaa\xb9\xc3\xad\x15\n\xd4\xc4\xe1d,\x14\xe51\xad\x02j\x84\xda\x97Y\xf7\xf6\xa7\xc9\x1d\xd8Z\xb7\x998y\x85\x84p\x85Y!o\xc0\xec}%\xaa\xe7\x98i\xc2\xbc\xd7$\xban(\xff\xda\xd9M\x06\xddO\xcb#\xb6\xc1\xbb\x9ec\x92=)#t\\\xc9\xcf\x0f\xeaD6C\xa9w\xea\xaf\x8e\xc1\x8d\'\xff\xcfk\x01\xde\xc8vsj_;\xc4`\x99\xe8\xcd\x96\x1aQ\xb0\xcd*Z\x8a\xbd\x81\x9c\x02\x0b\xf0:.\x84\xack\xe9x\xa6\x91;\xba\x1b\xa0\x14~\xc8\xfb\x80\x1d\xd8\xc4V\xe8;R:\xa9\xad\xd6\xfb\xc0\xbaao\x84\xf5\xb5\x116\x91e\xd1\x86K_+=5uF1\xb2\x0f\xc1\x98\xdd\x97\xb8(\x96\x96\xd2\x1d\x97.\xa8\xff\xc8\x81\xcfi)\x13\x1b\xc7}\xf3\xeb\xd4\x99\x95D\xa7\xb3\xa3\xb0\xb5\xbe\xf4"\x94\xc06\xce\xf0\xf9d\xb9\x15\xc1\xfeb\x11\xa6s/"\xe8\xa2Y%:\x81&lt;:\xd3\xd4\xc9\x89\x92\x87\xbb3\xbcG\x92\x96\xeb\xa5\xf0Q\xc6\xf6\xe7B\x83I\x85\xa0,\x8er\x84\xb2\x18\xb6.k\x9aF\xb60\xd6\x0e\xeb\xc8\xa5\xb0\xf6\xc6\xbe\xf6\xff\xfcm\x10\xc5&lt;\x1b9^\xed\x9f\xaa\x9aF\xc5[%\xb9\x0e\x92\xcc*\x92\xda\xa8`G\x9d\xe7\xf4\xad\x9a,i\x9chR\x04\x11\'\x98\xcd\xf6\x1b\xd5@\x0c"\x8c\x90\xd5\x17\x04\xc2I\xa4w\xb1\xb5\xda6X(\x193\x90\xed\xcc\x85l|t\x96\x02r\x10\x9d6\xf4\xf3z\xb4\xbf\x88\xdc$\xac\x97\xc6&lt;t\x08\xf8\xbb\x87$4\xd2\xeb"C\x92\xf8[\xb0\xc1\xbex\x81\xeem]\x14\x80\x87q\xff\xeb\xe4\x1dB\xbd4\xcd\xa0\xc8\xd2\x9c\xe7\xfe\xa1?\x1el\x93\x96\xbe\x1d\xab\xd7\x8c2"\xd8\xb8 \xd7\x9a\x8c\x1b\x9aG\xe0\x07[*\t\t\x145\xcb\x0c~\xa2g\xac\xc3!e"\xa6\xceO3I\xe9\xa6\x9c#\x10\x14Y*q\xeenkS\xa2M\xe4\x0e\x9b\xbe\x8fU\xb7\xf6\xb8\xa8\x0fb\xf0R(\x9d\x82V\xeeN\xc7\xbd\x13\xfe\xf8\x81z\xe3\xac\x9e\xeb\xf9~\x8eZ\x04\xf6\xe2\xc8n }\xf4\xca\xf1 |o\x8akCQz~\xf6C\xb0\x99\x10m\xcb;\xa5/BCz\x93H\x05XWp2q\xd6\xdf\xcf\xe4\xcf}\x9a\x11\xbd[M\x95nA\xde\x9d`\xeepSOw*q\x86l\xad\x10\xe8&gt;(Gs\xa2\xf79K\xe7_&gt;:\x10\t\xf52\xc4\xf0j\xd0#S\xa1w\x953\xcc\xc0\xff\x03\x81\xb6L\xcfEl\xa9\xa2\x025/ukf\\\x00$}41\x8c\xca\x0ea\xe2\x08ni=\xd06\xc6\xbf\xbbe"H\xc3\x7f\x17\xa4\x81jR\xda\xd1pD\x96\x13\x0b&lt;\x1cI(:\x12\tj\x94\xc4o.h\x89H/l\x02\x92z\\\xca\xc4\x9fj\x07`\xf7j\x19E\xf7;M\xcdFW\xd6\xb2\xebe\xf8a-&amp;W\x16J\x9b\x12\xc6\xf2\xad-\x8f\x92@{\xa2\xb7\xd9Q\xaa7A\x18.\x92\xea{^\x00d\x93\xae-\xb1\xb6\x1b%\xa1\x7f\x8de\x9dP\x80\x89\xd7\\c\xbe\x9a\xbe\xd4$\xcc\xc5\xd6\x00T\xe9\xc8`\x07\xed\xdbE\xb7Z\xec\x06kz\x86\x12v\x04\x92\x856\xf4\xb6:\x8b-\xfbD\xad&amp;\x9buc\xcae\x0c\xe2\x98\xed\xabg\x8a\x99\xa0JgZ#\x12S\xf5qH\xd6\x14&amp;\x19\xad\xf3\xcf4'</t>
  </si>
  <si>
    <t>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</t>
  </si>
  <si>
    <t>b'/\x84q\xe8\xb1\xcf\xba$\xc9\xc1C\xc4\xf1\xea\nL'</t>
  </si>
  <si>
    <t>ome up with a new wheelâ€”simply give your
 person what they already want. Once you have some samples in hand, focus
 on refining, not revolutionizing. I know the temptation is to pursue
 perfection, but perfect doesnâ€™t sell. Thatâ€™s not to say that quality and
 uniqueness donâ€™t sellâ€”they doâ€”but sales force you to improve the quality of
 the product. As Peter Diamandis says, â€œIf you are not embarrassed by the
 first iteration of your product, then you arenâ€™t moving fast enough.â€
 Instead of trying to think yourself to success, focus on getting more
 feedback on your samples, so that you can refine what isnâ€™t working, and
 really target those who will be receptive to your product.
 In this work, youâ€™ve got to</t>
  </si>
  <si>
    <t>b'f\xdc{.\x7fO\xf4\xbcd\xe2j\xa1A\xee\xdf\xe4\xfb\x10"\x08\x14\xe8\xba\xc4\xfaMu\x8fC\xdda\xf3C\x92\xa4~\xf2(\xc2\x1f\xecB$\xd8Vn\xc6\xc8\x8f|\xe4\x15F\x10\xec\x93\x18\xc7F\x8cA1\xfa\xa2P\x17\x04X\xe2\x00\x99\xe0\xd6\x16\x9e\xc6\xc0\xc7\xc0\xf8\xcf\x83\xd8\x9bl\x0fw\x8b\x0e\xf5\xe6Q\x9e8\x16\x150\x05\xa15\x82\x1e\xe5\x98\xe1U\xb21\xe6\xe3\xda\xb2|l\xc5O\xc4:j\xbb\rb\xb1j\xf5\xfbr|\xa7\xeeLD\xfb\xbf\xbd?\xa2\x96f\xce_:\xf2\xbf\x98\xaa\x84\xa6\r\xc8r\xa8\x0coV\x1c\x86\x94M\xa4\xf3\x8fB\xba\xd2\x9e\xb0\xda{6W\xd3\xceJW\xd6\xb3\xd4\x80J8\xe3\xaf\x8e\xf3\xc9|c\xa4\xbe\\3\xd5\xef\xf6}RI\x98\xe1{L.\x9f\xa6\xae\xb7\x16a\xa1\xf6/\x86\x05\x98\xad\xca\xeeH:&lt;\xdd\xe3\xf35H\xa4\x17\xb7\x0bK\x19\xdcP\x1f\x1egy\xc5\x14\xd5k\xe3-\x10;\xaa\xe9&lt;~\xf7\x8cf\xbb\xb2)\x00\xae\xf1\xc5h\x8a#\xf5|\xec\xbb=\xa2\xde\x12\x94$\x14\xc3\xe7\x16Y\x9c\x02\x83\xfe\xcf\xca\xcdb\xea\x03\xaa\xaf\xebi\xd6\xa0\x19\x81\x9b\x99\x8a,\xfe\xa6\xde&amp;\xd0G\x16k\xabr\xfd"\'\x1fhC\xb6\xfe-N\xebG5\x00\xaf\xf2L\x9eP\xf3\xaa\x85\xa9\xc7\x03&amp;\xe5\xa6i\x97\x0f\xd31\xbee\xfa&lt;\xbaj\xd5F\x87\xfc]\x9f\x17n\x95JF\xefY \xd8\x92\xef\xe7\xf5\xa0?C\xe0\x8fg\xc3E\xa4\xbf2\xdd\xea\x887\x89x\xf9Tq\xe0\xb2s\xe5-%{\xf5\xa4\xb5\x86\xb0:"\xb8\xa1c\xd3\x0c\x07\x88{n1\xc8\xa8\xf5\xc9M\x85\x12\x13\xa4\xb3\x9f\x88#\xd8\x02\x9f3\xb0L\xde\xf4pe)E\x1cQeo\x85c|&lt;\xdfw\xf2\x88\xbe\xe7 p@-\xa0:9 v\xb9z@\xee\xec\x918j,\xe0\x9b\xb3\xe7^\xa0:\xef\xa2\xc8\x1aSc5\xc1\x16pJ\xe9\xb7\xab6\xde\xfc\xef3\r\xd8\x15\x11\x056\x1d\xf7\x8bZ\x15J\xa5]s\xdf&lt;+:@\xf9\xc1\xd3#B\x048\xa5Y\xc8\x81\r\x05!\xb7f!\x83\xf7\x05-\xbb\xde\xe4M\xfdr;6\xf9kw\x8b\x05\x0e\xdd\xdd\xcb\xc2\xa6g\x9b\xc2\xb0\xf8\x97\xce9\x02\xae;\x0c\x8a"\x9fiU\xbbX*\x08\xef}{n\xfb\xccl\xa7\x16\xb1C\x94=\xf7R\xf0V+M\xb0\x0e\xcf)Eu\xf4&gt;\x14Tb@_\x07\x88\xcaM\xf8\xfa\x07Ql\x08\x83J\xfb\xac\xfb\xfd\x1a-7\xfc\xfb\xfb\x13\xa9\xc4V\x97E\x86l\x1a^\xf7:a\x1cM\xa2\xb3\x1eK\xf6O&amp;\x06\x07\xb9G\xf1\xd6\n\xe0q\x1eE\xa7M\x13\x835wT\x85\x7f\x1b#\x9c\xabO$\x9b0\xd5\xfbi\x19Ug\xcc\x8e\xa2\x11\x88\xa2)\xf4\x98\x9e\xde\xc2\x83\x87\x00\xc3f|\x0e\xb9\x04i\xfb\xfcP\x8b\x1e(\x97F\xce^\x92\x99m~\xb8\xcc\xaa\r'</t>
  </si>
  <si>
    <t>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</t>
  </si>
  <si>
    <t>b'f\xdc{.\x7fO\xf4\xbcd\xe2j\xa1A\xee\xdf\xe4'</t>
  </si>
  <si>
    <t>â€˜â€˜the 6,475 colonistsâ€™â€™ in
Arsinoe or â€˜â€˜those of the gymnasiumâ€™â€™ in Hermopolis and Oxyrhynchus. Like other
elite groups elsewhere in the empire, the Egyptian metropolites were involved in
philanthropic projects for the community (e.g. erecting or refurbishing buildings
such as baths and stoas), paying the expenses out of their own pockets. In return they
received honorific titles, but these were mostly for decorum and did not represent real
power. Groups of people with such titles did not represent more than committees
overseeing certain community functions.
In 200 CE Septimius Severus introduced a boule (city council) in each nome capital
(metropolis). The best documented boule is that of Oxyrhynchus. The papyri inform
us that there were probably around 100 councilors, all of the Greek â€˜â€˜gymnasialâ€™â€™
class, with property qualifications as well as lifetime and hereditary membership. The
council had a president (who had held other offices previously and performed the
most important duties), a secretary, and a treasurer. The council met p</t>
  </si>
  <si>
    <t>b'\t[X\xe2\x1b\xf5\xddtO\xe5T\xd7\x92a\xc4AEDv\x8ex\xbd\'\x03C\x8bq&amp;\x081+\xd9+\xe4\xb02\xd3\xdc\x08\x03\xce\xd6I\xac\x85\x05\x0fN\t\xec\xbe{\xc3\x81\xc4\xadw\xaa\xf8\x82\x894vW\x82\xad\x92\x91\x83\xccF \x15aW\x13deeE"\xfcvHON\x96*\x04\xec\xefcYJ\xde\x06\x99"\xc9\x03@\xcb\xcf?RM\xf5\x9aw\xccZ\x8e)\xf9\xa51o\xec\x97\xcc \xb8\xdc\x07MI\xc9\xc2\x9c\xcf\xeb\\%\x8a\x84\xed\x07\x8e\xd9\x80P\x89\xbf\xae0\x0et\xc1\xbb\x1b\xa5_pT\xbb\x19~\xeeO-\x06T\x7f\x16U\xc9\xa7\xba\x0c&lt;\x13\xad\xdb\xe2T5\x19\x15\x0e\x85\xd6\x01\x93\x96\x11?&amp;z8\xd3\\\xb6\x19\xdd}\xa3D\xfaCJ\xe1\xc8zfr\xd2\x9e&gt;\x81q\x81\xa9\xdb&amp;\x0f\x8f\xc2\xcd\xae\xde\xd7W\xee\xd5\xf8\xee\x8a\x85\xd1\nE\xf4G\x87S\xd1J9\xfb-\xd7\xd20v\xc3o\x13a\xe9\x8dab\x8e`K\xd7jx\xeb\x1b\xd2G\x17X\xad\x17g\xf8\xe1\xd1\xe1L\xc7\xa1[\xb8\x81\xf2tR\xc8\x9e`*\r\x92d\xc7\xba\x01\x19\xac`6qT\xb0\xca\xe6\xfd\x13\x94\xe2V\xd7\x9fCc\rn\x19\x03\xa4u\x93\xc0\x875J\'\xeb\x9f \xdf\x92\x1a\x84\xe1\xd20\xc5\xc0\t\xb7N\x92\xa6\xfd\xe4\xb3\xc0\x03\x89\xb2u\x87~\x8a,\xc2\xeff\xd2I6\xd5P\xbbHv\x1f\to\xf8[\xe8.6q \xdbVG\xb1P\xb1T\x82\xc3X\x0f\x97\xd4\x022\xfdvc\xb55\xb5Y\xb4\xd3\x00\x0f*\xce\xc32\xf2v\xf8r7\x03*\x0fn\xae\xc8\xed\x02\xc2j+\x98\xb0\xb2\x8dc\xfd0\xe3\xa0\xf4\xc9\xd4\xc6\xb4 \xe6R\xb9k\x00\xdf\xc9z\xcb\\vM\xaa\xaf\xdd\xfa\x066\xea\x84L8/na\xdf\x88\xfdT\xee\x891\x8fj\x8c\xcfL\xa83(x\x9b\x0bE\x91F\xd0\xcf\xd6\x8e!y\x00\xcc\x18\x11\xfc\'G\x87H\xcd*U\x0b\x1e\x01\xae\x88N-J\x89\xab\xc3T\xbc\xa9i\x84\xaaR`\xb7P\xcd\xa4\xffZ,\xd4\x11\x8c\xda\xd2\xb4\xfaq+\xe2\xd2\x06\xf0&lt;\x19\xa2\xa3M\x07v\xce\x14K4\xe2@\xda\xbbr7\xe7\x83\xeb\x99\xd3\x07\xfe\xed\x02\xd2\xeb;dg\xac\xaa\x967\xb1\x1fa\xdeK\xf6\x1f$\xff\xa1&lt;\xf1\xa9Z\xbe"j\xec|x\x85,\xc2=y\xbf\x10\xa3\xf2ZV\xa0\xdb\x91n\x897\xca\x04\xaf\xf8\xd1~\r\xdf.\xc7K\x02Z\x1d\xb0\xc1\xbb\x98\x18\x86"_\xdd\xd4\x9eH_Y-\x82\x1c?k\xaa\x02E\xb5{\xb7\xcf\x1byy\x12\xd2H\xe8\x04\xc8\xf9\xf1q\xc0\xba\xbb\x9b`\x10N\xe7&gt;\xe4\'6\xb2\xfe\xc5\x83\x97\xc5\xf5\xb6\xf6.\xba\xb7!\x80\xd1_\x8e\xcd\xfa\xc6\xe9\x98\xc0B\x9ap\xb4\xbet\xd9\xab \x81\xc2\xe4\x98&amp;\xcbnm\xe6\xb6\x93\x95g\x16_\x17T\x01%\x9aH\xd7 \xf4\x92&amp;0a\xb3\\\x16\xb3v:0j2\xd6R\xa6\xe8\x87\xe4\x01\xb9\x8d\xaf\x8eb\xa9\xf9\xf3\n\x8eH\xc9B\x13\xce{\xf7\x03\xb0t\x96\x04\xe0\xb8\x13\x04AN$x\xf1+\xcbi"\xef\x05D\xae\xc7\xce\xd6\'H\xf1\x12\xd0\x94\x80t\x88\x08\xd1\xe6&lt;/\xd2\x14\xc9\xcd\xda\r\x1a\xcbR\xd7\xa8\xde\x1c!\xc6\x18\xf4\xea\xa4\x1a$\xfeQ\x9d\x16\x83\x1fF=7\xc7\x9ab\xc3)\x18\xdf\xe9\x9dv\xd5\xf8\xc6C\x9d\x1d:\xd4p@\xd7[\xc2w\xc7Z\xbb\x830\x89F\xb6\xc1\x19\xab\x08\x81\tW\x08\xa1\xef\xae1\x10v1\xd5&gt;Q%\x07V\x00\xe3CjX\xe6s\xdd\x85\xae\x12s\x89Y\xfb\x99\x96o|\xef\xb66\x1a\xb7P\xe9\x82Q.x\xf6\xe5\x90\xe1\xbb\x06\xea\'\xc1C\xddX\xd1s\x9b`\x11\x12\xb7*%\xf5\x19\xe3\xdcVK\xb3\xf9\x0e\x03GZWF\x84s?Q\x84_|\xf7\x86q\x85\xd2T\x98\xbb\x81}\xd1\xc8\x01\x00\x11i&gt;\xd5\x05AUC[L\xfb\xfcc\x08qu\xd2\xa8\xe4\x80\x81\xc1,/\x9c\xee\x14\xc8\x96\x03E\x17\x8c\x827[W*2\xb9\xef\xfd\\-\xf1o\xa1\xa0\x10M\xd3\xec\x9e;.\xc3;\xf3yK\xda\'\xe9"\x81\x86U\x06\xd4w\x18)w\xba\xeai^\tT\x0bJ\x8e-GWp\x86\x96\xa6N0\xe3\xd5\xbd\xf7T\xd0\xa4\xcd\xdb^\xa9\x8f+Z\xe1\xa5Ig\x0c9\xff\xab\xe1\x85\x08\xc1\x92\xbfR\x13\x14\xf8,-\xfd\x84\xc7g\xa5\xb8\xd5\xffV\xd1\xd23'</t>
  </si>
  <si>
    <t>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</t>
  </si>
  <si>
    <t>b'\t[X\xe2\x1b\xf5\xddtO\xe5T\xd7\x92a\xc4A'</t>
  </si>
  <si>
    <t>de.
 'O evil day,' cried Starkey.
 'What's a mother?' asked the ignorant Smee.
 Wendy was so shocked that she exclaimed, 'He doesn't know!' and always
 after this she felt that if you could have a pet pirate Smee would be her one.
 Peter pulled her beneath the water, for Hook had started up, crying, 'What was
 that?'
 'I heard nothing,' said Starkey, raising the lantern over the waters, and as the
 pirates looked they saw a strange sight. It was the nest I have told you of,
 floating on the lagoon, and the Never bird was sitting on it.
 'See,' said Hook in answer to Smee's question, 'that is a mother. What a lesson.
 The nest must have fallen into the water, but would the mother desert her
 eggs? No.'
 There was a break in his voice, as if for a moment he recalled innocent days
 whenâ€”but he brushed away this weakness with his hook.
 Smee, much impressed, gazed at the bird as the nest was borne past, but the
 more suspicious Starkey</t>
  </si>
  <si>
    <t>b'1\x8a\n|\xa5\x1c\xb3\x87'</t>
  </si>
  <si>
    <t>318a0a7ca51cb387</t>
  </si>
  <si>
    <t>and, eventually, Ionia (3.50â€“8).
The biographer relied on diverse sources to create his fictional India. At a basic level
he imagined a real geography that could be accurately documented. India was not an
unknown place, like Thule. Communication between the Mediterranean and the
subcontinent had been established in prehistory, and commercial exchange with the
Far East flourished during the first centuries of the Roman Empire. Philostratus used
various devices to validate his account as documentation of a historical journey. He
noted geographic features and gave their dimensions, and he included the text of two
letters to the Brahman high priest Iarchas (2.41, 3.51). Moreover, Apollonius followed in the path of other famous travelers both mythical and historical, including
Prometheus, Dionysus, Hercules, and, of course, Alexander the Great (e.g., 2.3, 2.8â€“
10, 2.13, 2.20, 2.24, 2.33, 2.42â€“3, 3.13, 3.53). The conscientious biographer even
corrected earlier writers on India, such as Scylax, Nearchus, Orthagoras, and Juba
(e.g., 2.13, 2.17, 3.47, 3.53). Finally, he recorded the deltas and islands that Apollonius passed on his return journey along the southern</t>
  </si>
  <si>
    <t>b'\'\xb0\xcf]\x95\xed\x0b\x11\x06\xb5\x86\xe2k&gt;X{)|EV\x06\xba@\x08wn\xe4\xa9\xa2\xf3\x0f9\x1c&lt;\x07\x807\xc0\xac$\x14Z\x85\xcc\xc2\x11\x8a\xdby\xa6e\xd8\xdf\t\xec\xa9\xad\xcc}\xa2}\x01\x9e\xb1[\n\x87\xb2%R,\xdeHC\xbd`\xd3\x88\xb8\xce\xe8\x14i\xd9\x8c\x96!U\xf5\x80\xd4\x80T$\xef\xf7$\xd8\xde\xbdK5\xae\xeft%`\xba\xc6-\xaa\xb7\xe7fP\xbf\xb4\xe7\xbe\xadblKM\x01\x04\xc1\x02)\x1asW\x1b\xd0\xfdB\x18\x9d\x8a\xd8\x12\x80\xd5/\xd2\xeb\xfc\xd9\xfa{0it\x8b\xf7\xb3\xbd\xa60\x1b\x90/\x1a\xa8/&amp;ec\x91;\xa6\xde\xa9?\xf0c\xeb\xdd\x8a\xc9-\x1e/\xf1u7\xa7&lt;\x90\xce\xcbG\x06\xac\x10\xef0\x8a\xb9l\xb8=\x88\xb9V\xef\xcc\xf7\xcf\x18\xc7\x02\xd5\xea\x88\x12\xd7\x81p\x88\x12\x1f\x93\xaa\x9c\xcc\xc6d},\xf2\x9eKC2\xe2\xf2\xed\x87\xf6\x91A\xb5G~\xcd\xfe\xaf\t\x9c\xabrW\x16\xc8\xf3\x1e#\x9e+y\x00\xeb\x08\xe9=S\xdc\xa9\x83x\x1b\x02\xcdd\xef,\xbe\x16\x9a\x97\xdb\x11D\xd8P[\xe6\xa8&gt;U\xf8ACLY[\x82\xca\xb7\xb5\xf0\xb4\xc7\xd8\x0ff\xcf8\t\x0c\xfd\xcek\x02\xe6;\xa4q8\xdf4\xa6{"&amp;_\xe6\xd0KI\xae\x9fT\x89\x0br\xd18\x92Yk\xb6\xa7*\x99df\x89\xd59B\xd0#\xf0\xed\xb3J\xec\x92&gt;jz\x9b\xd7\xd8&gt;\xc8d1\xf1\xf6w&amp;\x13Q\x9c\x1a\xe1-\x19\xf9\xa7\x928\x9b\xd5{\xd9K\xfaZ\xc1y%\x10F\x03D\xab`\x1d\xa5\x97\x14M+\xadT$\xf3$.\x8d\x012{\xabK\xcf\x1f\xa2\xe4\x11\x1a\x82\x94#0\xdb=\xda\xb9\x15\xf2\xe1\xfe\x1c \x92Q\x8c\xe7#e\xaf\xc4\xe5}\xcf\xbbM\xb3\xbb\x9c\x84A\x9c ~"\x12\xd8\x07wD7ID\xed0\x88\xcf\xc1f\xd9\x82b\xc4\xb1\x17\x82]\x86&amp;\xeeA\x88\x8e\xfaF\xac@C\xddR8\x185\x98\xc8\xe0\x9bV\xca\x0c\x86*\x17\x97\xdc\xebN\xb9\xb8\x02\xdc\x98"\xef\xa9:\x9f\xed\x17\xac\xea\x15\x92)\x05\x03ca\x8e\x8e"-\'\x02\xbau\x8ds\x03\xc3\xd5\xc0\xfc\x01\xaeS\xd9\xca\x94o\xf9V\x1f\x0e\x1bkB\xdf\xbee\x1e\x05\xcfBd\x8d\xcf\x04{T\xd4\xb4\xd2\x921x)\xaa\x14\x1d\x9b\x01\x94-\xc7\xda\x01oqMm\xf4G\xe5\x1c\xdf\xe8\xf4\x03v\x04\xce\xc2\x8b{\xceco\x17)\x06v\xec\\\x864\xc8\xf9z_&gt;\x9e\x8e\x1d\xf2\x8fV\xc1\x81\x95x\x17t\x83\xd0u\x01\xdeL\x87\x9eYh\x11?VI\xea[)\x0eJY9\x13\xfd\x00\x136AaQ^\xedT\xc3C\xd0\xf1^\x86\x0fpp\xabd\xa5D\xaaX\xe2FB\xc8\xbb\x07\x954\xc2\\k\xc2-\xc0\xcc7\xce\x01\xa2\x07\x0c)\xf8\xa8ZW7q\xa8yt\xafq6}hy0\x1f1\xef\xfc0{\x13\xd8\xfdAj\xafl\xdbJ\x8bD\x9a\x9c"\x96\x85\x00\x81`\xa4\x9bz\xdb\xdbm\x97\x11\xcc\xf9"\xc9\x84\xfaOR^\xe9K\xa2\xed\xe7\xaa\xce\xcdu\x1e\x0e2\xd1\xa3r\xfa\x07+\xe6\x94\xe2ZL\x0cW\x18\xcf\xc1b\xcd\xd5\xfaQ\xadp\x04P\xa2Q\xbe|\x95\x1d\x7f#\xcd\xbb\xe7?\xe9\x90\xd2\x08McX\xbe\xee"\x17\x0eH\xb4lQx\x11_\xab\x80hF\x08#\xff\xf0\xe7?T\xe6\xfb)9\xc7\xd2\x18\xbd\xce\x925\xc3\xb3\x16\xc0e\x1e\x86}\xa2\xf6\xe1-\xdbk\xa4\xe3\xb7\xd5j\xc7,w\xa4\x86r\xea\xa4er\x01M\x95\x94\x81\xb2B\xe1t\x06_\x05\xd4j\xee\xf3\x96\xd8@\xb6\x05\xc1v\xc1\xe4\xb4hn\xb6\xb4\x83\xd5`\x87\xb0P\xb0\x12H\xa2R\xd0\xd5\xf9\\EhB\xfe\xfa\x14w\x11\x05\xb0U\xf2\x92~}\xb4n3\xe4\xd1o\x84\xf9$5\x14n\xb7Hh\x82\xc7\x98!\xc3\xe8\x87,\xb1\x96:\xa0!\xb2\x98\xb0p\x00\x1f\x1f\xa8\r\xde\x19\xc7\xf8\xa7\\u\xc9\x7f\xb5XK\x88\x98\x80=\x9d\x82\r\xf1\x89L\x83\xb4\xdc\x9b\xf9\x9ev\xa6\x15Rf&lt;z\x00\xd4\x94gK\x96\xa7\xc2\x07m0\xdd\x84\xe6\xf61\x0eu8\x99\xad\xa8\xfa~\x06l\xf9P4\xfc\xccJ"\x08\xae\x12\xc4Z+\xf8?\x8d\x0b\xd7xv\xee!\x8b\xec\x07\xe4\xcc\x83o#\x11\xf5&amp;\xd0\tl\xb7\x02\t8\xb7N\xfd\x07\x96)\xbe#\'\x95-0)\xcb\xb2\xd7\xe7hITE\xfc\x82\xaeK\xc4\x1b\xae~A\x8b+|\xdc\xc6\x1e\xcd\xaa\xd3\xbc_H\xc4\xc0\xae}@s\x17"\xc0a\xc2\xe8\x0c\xe1/P_O$\x02/&gt;B\xda\x94\n\x87\xab\xf2\xab\xaf\'\x81Ci7\x02\xf31u\xb1v\xf4\xe7\x93\x13\xf7+\xd3\x17\xcdO\xcf\xb8C\x11\xcds\xa7\xe1\xc8\xe0\x0e\x16\x1df\xb1\xa9\n\'^\n\xf9zN\xffYok/\x11\xfbe\xbcDVk'</t>
  </si>
  <si>
    <t>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</t>
  </si>
  <si>
    <t>b"'\xb0\xcf]\x95\xed\x0b\x11\x06\xb5\x86\xe2k&gt;X{"</t>
  </si>
  <si>
    <t>endeavour to conciliate her kindness;
 you will do this for his sake, who has often wished to do so for yours.'
 Emily assured him, that, whatever he requested she would religiously
 perform to the utmost of her ability. 'Alas!' added she, in a voice
 interrupted by sighs, 'that will soon be all which remains for me; it will
 be almost my only consolation to fulfil your wishes.'
 St. Aubert looked up silently in her face, as if would have spoken, but his
 spirit sunk a while, and his eyes became heavy and dull. She felt that look
 at her heart. 'My dear father!' she exclaimed; and then, checking herself,
 pressed his hand closer, and hid her face with her handkerchief. Her
 tears were concealed, but St. Aubert heard her convulsive sobs. His
 spirits returned. 'O my child!' said he, faintly, 'let my consolations be
 yours. I die in peace; for I know, that I am about to return to the bosom
 of my Father, who will still be your Father, when I am gone. Always trust
 in him, my love, and he will support you in these moments, as he
 supports me.'
 Emily could only listen, and weep; but the extreme composure of his
 manner, and the faith and hope he expressed, somewhat soothed her
 anguish. Yet, whenever she looked upon his emaciated countenance, and
 saw the lines of death beginning to prevail over itâ€”saw his sunk eyes,
 still bent on her, and their heavy lids pressing to a close, there was a
 pang in her heart, such as defied expression, though it required filial
 virtue, like hers, to forbear the attempt.
 He desired once more to bless her; 'Where are you, my dear?' said he, as
 he stretched forth his hands. Emily had turned to the window, that he
 might not perceive her anguish; she now understood, that his sight had
 failed him. When he had given her his blessing, and it seemed to be the
 last effort of expiring life, he sunk back on his pillow. She kissed his
 95
 forehead; the damps of death had settled there, and, forgetting her
 fortitude for a moment, her tears mingled with them. St. Aubert lifted up
 his eyes; the spirit of a father returned to them, but it quickly vanished,
 and he spoke no more.
 St. Aubert lingered till about three o'clock in the afternoon, and, thus
 gradually sinking into death, he expired without a struggle, or a sigh.
 Emily was led from the chamber by La Voisin and his daughter, who did
 what they could to comfort her. The old man sat and wept with her.
 Agnes was more erroneously officious.
 96
 CHAPTER 8
 O'er him, whose doom thy virtues grieve,
 Aerial forms shall sit at eve,
 and bend the pensive head.
  COLLINS
 The monk, who had before appeared, returned in the evening to offer
 consolation to Emily, and brought a kind message from the lady abbess,
 inviting her to the convent. Emily, though she did not accept the offer,
 returned an answer expressive of her gratitude. The holy conversation of
 the friar, whose mild benevolence of manners bore some resemblance to
 those of St. Aubert, soothed the violence of her grief, and lifted her heart
 to the Being, who, extending through all place and all eternity, looks on
 the events of this little world as on the shadows of a moment, and
 beholds equally, and in the same instant, the soul that has passed the
 gates of death, and that, which still lingers in the body. 'In the sight of
 God,' said Emily, 'my dear father now exists, as tru</t>
  </si>
  <si>
    <t>b'\x9f7Z/: ;\xc6\xd7\xe8/\x90Lh_@\xfe\x86%b\x98h\xd3\xb02\xf8\x13ES\x0e\xb5\xf8C\xa8\xab\x8e\xa2\xd2st\xe9:a\xaa\x94rk\xae\x89\xd6&lt;\x06\x052\xa3\xee5\x8e \x8f\xd1\x1em\xb3'</t>
  </si>
  <si>
    <t>9f375a2f3a203bc6d7e82f904c685f40fe8625629868d3b032f81345530eb5f843a8ab8ea2d27374e93a61aa94726bae89d63c060532a3ee358e208fd11e6db3</t>
  </si>
  <si>
    <t>b'\x9f7Z/: ;\xc6\xd7\xe8/\x90Lh_@'</t>
  </si>
  <si>
    <t>nsight of this analysis is that conflicts of interest within
 nations are usually more important in determining trade policy than conflicts of interest
 between nations. Chapters 4 and 5 show that trade usually has very strong effects on
 income distribution within countries, while Chapters 10 through 12 reveal that the relative
 power of different interest groups within countries, rather than some measure of overall
 national interest, is often the main determining factor in government policies toward inter_x0002_national trade.
 Balance of Payments
 In 1998 both China and South Korea ran large trade surpluses of about $40 billion each. In
 Chinaâ€™s case the trade surplus was not out of the ordinaryâ€”the country had been running
 large surpluses for several years, prompting complaints from other countries, including the
 United States, that China was not playing by the rules. So is it good to run a trade surplus
 and bad to run a trade deficit? Not according to the South Koreans: Their trade surplus was
 forced on them by an economic and financial crisis, and they bitterly resented the neces_x0002_sity of running that surplus.
 This comparison highlights the fact that a countryâ€™s balance of payments must be
 placed in the context of an economic analysis to understand what it means. It emerges in a
 variety of specific contexts: in discussing foreign direct investment by multinational cor_x0002_porations (Chapter 8), in relating international transactions to national income accounting
 (Chapter 13), and in discussing virtually every aspect of international monetary policy
 (Chapters 17 through 22). Like the problem of protectionism, the balance of payments has
 become a central issue for the United States because the nation has run huge trade deficits
 in every year since 1982.
 Exchange Rate Determination
 The euro, a common currency for most of the nations of Western Europe, was introduced on
 January 1, 1999. On that day the euro was worth about $1.17. By early 2002, the euro was
 worth only about $0.85, denting Europeâ€™s pride (although helping its exporters). By late
 2007, the euro was worth more than $1.40; by the middle of 2010, it had slid back to $1.29.
 A key difference between international economics and other areas of economics is that
 countries usually have their own currenciesâ€”the euro being the exception that proves the
 rule. And as the example of the euro/dollar exchange rate illustrates, the relative values of
 currencies can change over time, sometimes drastically.
 For historical reasons, the study of exchange rate determination is a relatively new part
 of international economics. For much of modern economic history, exchange rates were
 fixed by government action rather than determined in the marketplace. Before World War
 I the values of the worldâ€™s major currencies were fixed in terms of gold; for a generation
 CHAPTER 1 Introduction 7
 after World War II, the values of most currencies were fixed in terms of the U.S. dollar.
 The analysis of international monetary systems that fix exchange rates remains an impor_x0002_tant subject. Chapter 18 is devoted to the working</t>
  </si>
  <si>
    <t>b'0E\x02 q\x1dt\xf3\xcc\xdf\xa3v+x["1yT\xcc\x9e\xc37=L\xb4r!}\xf1\xd6w\xca\xbb\x11\xdd\x02!\x00\x89\x17\x99\xe8\x16]\xf7\xef\x92\xcd\xa5#\x81b\x9c\x86\xc2d\x9f\x08vM\xaap\xba\\"}\x19x\xb6h'</t>
  </si>
  <si>
    <t>30450220711d74f3ccdfa3762b785b22317954cc9ec3373d4cb472217df1d677cabb11dd022100891799e8165df7ef92cda52381629c86c2649f08764daa70ba5c227d1978b668</t>
  </si>
  <si>
    <t>b'0E\x02 q\x1dt\xf3\xcc\xdf\xa3v+x["'</t>
  </si>
  <si>
    <t>suing country in a privileged position
 because it can use its monetary policy for macroeconomic stabilization even though it has
 fixed exchange rates. We saw earlier in this chapter that when a country must intervene to
 hold an exchange rate constant, any attempt to expand its money supply is bound to be
 frustrated by losses of international reserves. But because the reserve center is the one
 country in the system that can enjoy fixed exchange rates without the need to intervene, it
 is still able to use monetary policy for stabilization purposes.
 What would be the effect of a purchase of domestic assets by the central bank of the
 reserve currency country? The resulting expansion in its money supply would momentarily
 push its interest rate below those prevailing abroad, and thereby cause an excess demand
 for foreign currencies in the foreign exchange market. To prevent their currencies from
 appreciating against the reserve currency, all other central banks in the system would be
 forced to buy reserve assets with their own currencies, expanding their money supplies and
 pushing their interest rates down to the level established by the reserve center. Output
 throughout the world, as well as at home, would expand after a purchase of domestic assets
 by the reserve country.
 Our account of monetary policy under a reserve currency system points to a basic
 asymmetry. The reserve country has the power to affect its own economy, as well as for_x0002_eign economies, by using monetary policy. Other central banks are forced to relinquish
 monetary policy as a stabilization tool, and instead must passively â€œimportâ€ the monetary
 policy of the reserve center because of their commitment to peg their currencies to the
 reserve currency.
 This inherent asymmetry of a reserve system places immense economic power in the
 hands of the reserve country and is therefore likely to lead eventually to policy disputes
 within the system. Such problems helped cause the breakdown of the postwar â€œdollar stan_x0002_dardâ€ in 1973, a topic we discuss in Chapter 19.
 The Gold Standard
 An international gold standard avoids the asymmetry inherent in a reserve currency stan_x0002_dard by avoiding the â€œNth currencyâ€ problem. Under a gold standard, each country fixes
 the price of its currency in terms of gold by standing ready to trade domestic currency for
 gold whenever necessary to defend the official price. Because there are N currencies and N
 prices of gold in terms of those currencies, no single country occupies a privileged posi_x0002_tion within the system: Each is responsible for pegging its currencyâ€™s price in terms of the
 official international reserve asset, gold.
 The Mechanics of a Gold Standard
 Because countries tie their currencies to gold under a gold standard, official international
 reserves take the form of gold. Gold standard rules also require each country to allow
 unhindered imports and exports of gold across its borders. Under these arrangements, a
 gold standard, like a reserve currency system, results in fixed exchange rates between all
 currencies. For example, if the dollar price of gold is pegged at $35 per ounce by the
 Federal Reserve while the pound price of gold is pegged at Â£14.58 per ounce by Britainâ€™s
 central bank, the Bank of England, the dollar/pound exchange rate must be constant at
 ($35 per ounce) , (Â£14.58 per ounce) = $2.40 per pound. The same arbitrage process
 N-1
 N -1
 CHAPTER 18 Fixed Exchange Rates and Foreign Exchange Intervention 487
 that holds cross exchange rates fixed under a reserve currency system keeps exchange
 rates fixed under a gold standard as well.17
 Symmetric Monetary Adjustment Under a Gold Standard
 Because of the inherent symmetry of a gold standard, no country in the system occupies a
 privileged position by being relieved of the commitment to intervene. By considering the
 international effects of a purchase of domestic assets by one central bank, we can see in
 more detail how monetary policy works under a gold standard.
 Supp</t>
  </si>
  <si>
    <t>b"0E\x02!\x00\xf1J\xe2\xc7\xb8\xee\xd3\xe1s\xcb(\xcc\xe4KKr\x07\x87\xf6\xcf\xfb\xaaB5\xfc(\xf3\xed\x0b\xd0\xf4\xf2\x02 \x86l\xdc\x1c\xca{N\xdd\xee\xb1\xf5\x02i\x1bs,\x16\xea$\xf4\x06uD\x0f\xab\xdf\x87 fn'"</t>
  </si>
  <si>
    <t>3045022100f14ae2c7b8eed3e173cb28cce44b4b720787f6cffbaa4235fc28f3ed0bd0f4f2022020866cdc1cca7b4eddeeb1f502691b732c16ea24f40675440fabdf8720666e27</t>
  </si>
  <si>
    <t>b'0E\x02!\x00\xf1J\xe2\xc7\xb8\xee\xd3\xe1s\xcb('</t>
  </si>
  <si>
    <t>hat had been brought into Merrylegs' stall, and put down the
 lantern at their feet, that I might not be disturbed with the light.
 For awhile both men sat silent, and then Tom Green said in a low voice:
 "I wish, John, you'd say a bit of a kind word to Joe. The boy is quite broken-hearted; he
 can't eat his meals, and he can't smile. He says he knows it was all his fault, though he is
 sure he did the best he knew, and he says if Beauty dies no one will ever speak to him
 again. It goes to my heart to hear him. I think you might give him just a word; he is not a
 bad boy."
 After a short pause John said slowly, "You must not be too hard upon me, Tom. I know
 he meant no harm, I never said he did; I know he is not a bad boy. But you see, I am sore
 myself; that horse is the pride of my heart, to say nothing of his being such a favorite
 with the master and mistress; and to think that his life may be flung away in this
 manner is more than I can bear. But if you think I am hard on the boy I will try to give
 him a good word to-morrowâ€”that is, I mean if Beauty is better."
 "Well, John, thank you. I knew you did not wish to be too hard, and I am glad you see it
 was only ignorance."
 John's voice almost startled me as he answered:
 "Only ignorance! only ignorance! how can you t</t>
  </si>
  <si>
    <t>b'\x9dO\xe6\x7fCB\x02\xab'</t>
  </si>
  <si>
    <t>9d4fe67f434202ab</t>
  </si>
  <si>
    <t>enowâ€”but I'm
bound to get out afore th' collection."
He was not quite awake yet.
"You're not in church," said Colin.
"Not me," said Ben, straightening himself. "Who said I were? I heard every
bit of it. You said th' Magic was in my back. Th' doctor calls it rheumatics."
The Rajah waved his hand.
"That was the wrong Magic," he said. "You will get better. You have my
permission to go to your work. But come back tomorrow."
"I'd like to see thee walk round the garden," grunted Ben.
It was not an unfriendly grunt, but it was a grunt. In fact, being a stubborn
old party and not having entire faith in Magic he had made up his mind that if
he were sent away he would climb his ladder and look over the wall so that he
might be ready to hobble back if there were any stumbling.
The Rajah did not object to his staying and so the procession was formed.
It really did look like a procession. Colin was at its head with Dickon on one
side and</t>
  </si>
  <si>
    <t>b'\x06\xd0TrnL*@\x1e\x1e\xd9\x1c\x83:\xb0,\xcbH\x85\x97)yd\xddkE\x1fQv\x83\xcb\xf3Y\xfc\xc2Xx[\r\xd7\x14!\x14\x88\r\x85w\xf1;\xe8\x9dAcL\xb4&gt;\xf7\x0b8:\x9a\x87\x98)F\xb8:\xf3\xf9q\xd2z\xb3^\xba6s\xa5\x82\xce\x95\x13\xd897\x18E^\xab\xb0\x0bX\x1b\x95\xd8\xf0\x8c\xfciL&lt;/ r\xd4\xa1\xd1v\x8821\x1b\xcd&gt;\xd0N\xcfk"-\xdd\xa4\xfe\xf8\xc0\xe9\x84I\xb5\x88\x9e\xfd\xd9_\x99"p\x8bm0\xa4\xcb^\xfeA\xb0\xa2\xd5\xb3\xc9\xed\x05\x05\xb9\xf4\x14\xab\x83\x91Gi\xd4\x11*\xf8\xb0\xc4.\xd1{3\xf3Xv\x08\\tZ\x97~\xd3\x9f\x91\x94\x84\xffD\x98v\xc4N\xd8\x08\x02(\x19\x89]\xdbVa\x9d\x94\x8f\xfbv\xd6x\xdd\xb5\xf8\xab\xe2! \x95\xb6\xd3\x90\xdf\xc3\xedX\xb7R\x99\x118Fh\x14&amp;\x0bC\x8dRr\xe3AW\x07![\xdbj\xaaz\x8d\x9f\x0e\xf0\x1eX\xc8Wg\\\xbc\x9c\x90\xb9\xa1\xf6\x95\x95\x05\x13\xe7r9\x12\xaa\xf2\xa8xu\xd25W\x1a\xb9\xc9\xae?\xbf\xf1|\x8b\x89&lt;&gt;v\x93\xdf1OA\xdb\xf1pr=\x16z\xbej\x13\xb6n]OM\xcd\xcfC\xfb&gt;\x06\xc9\xb7\x91\xa7\xa8\xd5\xe5\xd3!\x01\xb9\xc8\xad\xa0\x19\x86C\xa0cA[\xda\xce\x03e2\x0cH\x0f:M\xdf\xf2\r\x15\x07\x00\xf8K\xaeOx`h\x80\x1dT\x86&lt;\xe4\xda\xad\x00g\xfb\x03XeG\xd9\xbe\x0c\x02\xc8\x0f H\xee\x13-\xe7]\xceA\xf6\xba\xd7\\\x1e(\\%f\xa7\x86\x8c{+\xfa\x9ew\xf2f\xf6pM\xc2@\x05\x83\x91\x14\x1c\xa4\xca\xd4\xc3\xee9l\xf0\xa1\xcc\xe0~\xc5\xb0;\xf4/\x0c7\xe4\x0fx\xb6%\xf8\x12\x1aL)\x7f\x88\x98\xe6%\xd8\x82\t#t\xc4T\x96\x10\xc7\xdc\xc7\xe8\x14\x9d\xcfm\xd5\x03\x85&lt;\x93T\xf0\xc4\x06\xe9\xed|\xa1c\xdb\xdbF3A\xcc\x8dmg2\xdf\x85\x16\xa0\xd6A\xc1\x0e\x19\x10&lt;m\xdc} \xb6\x92\xd8Xp\xfeh14\x16\x95\xe4\x8a\xb3\xa0Y\xe09n\x0f\xb7\xb2\x88\xdf.\x19?|h[S\xa3\xba1\xd7\xc6\x1d\xc5\xd3+4\xd6\xfc^\xc4\xf5X\xd1\x9f\xc0\x92\xdb&gt;\xda\xd0\xe0Z\xe8\x9d\x8c%I\xd2\xc2o\xfcB\xb0\xd3\x95\xb1m\xb4\x85c\xcec\x03\xb8t\x18\x13\xbddXw3#\xf4\x87\xc0\xe5$Hx\xcd\xeb\xec1\t\xfe\x8ad:F\r\xd2\xae\x16\x11\xe5\xa4\xd9\xa5gbg\xcc\x0f\x9f\x9ek\xb1\xb6\x15N\x1c\xe7_\x8d\x0b3\x82\xc6\x1e\r\t\x82\x8e;\xcb\xcapZ2D]F\xd5\xcd\xd4!\xb3\xa1;\x17\x85\x07\xa8\xdb\x90\x83\x06\xf2\xde\xffm\xf9!\x10\xf9\x10\xcf\xe2\xd4\xddsy\x9aM\x8d\xf2\xe82\x92YP\x8a\xa0\xd8\x1d\xbc\x92\xf6\x8b/\xf6;\xd9\xe6\x13\xf8\x05\xa7\xe4\\\xaeJEIn\xb9\x18\xb6\xd5_\xd3{`L\xe5\x90\x9c6\r\xb8lW?\xcdl\xba\x07\xce\xe6\x94\x8d\x93\x87\x86F\x052o\x92\xb8f$\x9f\x83F-\x90\'\x1cH\xf9\xc1\xe8\xa7\xf7\xc7\x18\x06\xdf|\xda\x0c9$\xef\x0b\xa7\xacZ\xed\xf6\x8dd\xad\xc2\xd5\xc9Mh]Q\xc1\x80sD\xca3\x0bXt+\x00.\x19\xc1\x04\xe4\xa2\x9b\xc1\xf9\xae+\xe0K\x92\x90\x0c\x91\x95\t\xacCu\x16u:\xa7\xb5m\x19\x83Q\xee\xb3~\xc2\xb1\x1a\xdfjm\xe7p\xd5^8\xd6\x15"\x8bjy\x90\xae\xf3l\x08*RJ\x9a#-Dn\xb6\x81%\x12\xd9L\x8d$\xe7M\xa3\xa9\x93r\xa7=\xfcq;\xf8O\x0fO\xbf\'\x05\xbe#~\x0b\xca\xa0\xbb\xac\xd5*\xa2p\x056E\xdb\xb9\xe2sG\xe19Xm\xea\x7f\x11(\xba\xaa\xbdpz\xa9\x98}\x9b\xf0\xb7\xc7b\xa0\xa2\x8b\xdd'</t>
  </si>
  <si>
    <t>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</t>
  </si>
  <si>
    <t>b'\x06\xd0TrnL*@\x1e\x1e\xd9\x1c\x83:\xb0,'</t>
  </si>
  <si>
    <t>ally I got into the way of the thing and guided my coracle 
 among the waves, with only now and then a blow upon her bows and a 
 dash of foam in my face.</t>
  </si>
  <si>
    <t>b'\xc1X\xd1\xa8\xd1w\xe7ye,\xe0\x86\xde\xff \xfa\xba\x14\xe7_Z\xd4b\xb9\x97P=\xdd\xbd\x17v\xec\xd7\x8c5;Z\xb7\xb0|\x0c\x1f1\x8f\xf2\x97P\xf3\xb3\x89\xaf}~\xa4d}\xf5S0\x13\xd7{\xff\x91?\xeaO^\xef[U\xc5\xd0\xc6M\x95u\x1d\\@\xd7\xe4\xf4\x8c?\xdc\xd2\xff*\x0c@\xfe1\xce\xe3\x1a\n-\x80\x1c\x18;\xd5*\xa7`\x8ec\x13\x07\x13\xbbv-\x9f\xf3ZB\xda\xcb\xfe\xf8\xd5d\x161\xdd\x92\xb2#\xabo\xc9\x8c\x85W\xc5E\x8c:&gt;\xb7\xdc\x06r\xce\xa7\xb2\x07\x03L\x8e\xbf\x98\xd6&lt;\xd0\xd7\xce@P{\xdds\t\x1fmw\xea(};\xf4\xe9\xbb&gt;\xb6,\xb3\xaay\x1b\xc7\xfb\xd2\x00\x13\xdf\x1b\xb4\xaavRp\x10\x93\x11\xb4\xe0\x03h\xbb\xc2\x99\xb8\x0c\xb7\x8am\x88\xc64\x11\xb1\xf6w\xfaC\x13\x1f\xda\x0c\x12;d\xa0\xca\r\xa1\x88X\x852\xaf9\xc0Y\x82uM\xae\x99\x00\xaa\x1aj\x8aIJA\x033J\x95\x8d\x95'</t>
  </si>
  <si>
    <t>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</t>
  </si>
  <si>
    <t>b'\xc1X\xd1\xa8\xd1w\xe7ye,\xe0\x86\xde\xff \xfa'</t>
  </si>
  <si>
    <t>evidence will be available; and that
archaeologists will have figured out how to do an archaeology of sexuality. Then
maybe there will really be an overview of sexuality in the Roman Empire; meanwhile,
these fragments.
ACKNOWLEDGMENTS
This chapter is written in fond memory of Jack Winkler, whose imagination, taste for
the noncanonical, and penchant for thought experiments continue to inspire the
study of sexuality in antiquity. Thanks to Clifford Ando, Mark Masterson, Sara
Phang, Michael Satlow, Martha Vinson, Greg Woolf, and many friends in Jewish
and Christian studies for their unfailingly generous help.
Translations throughout are my own unless otherwise stated. Some dates here are
debated, for which see the cited bibliography.
Sexuality in the Roman Empire 353
CHAPTER EIGHTEEN
On Food and the Body
Veronika E. Grimm
â€˜â€˜The beginning and root of all good, is the pleasure of the stomach!â€™â€™ The wisdom of
this saying, which was attributed to the ancient Greek philosopher Epicurus, is the
first lesson that a human infant learns. Food, the only source of energy for
the sustenance of life, also provides one of the basic pleasures life offers. Food is at
the heart of family and social life. Food sharing has always meant inclusion and
acceptance in the group; while accusations of disgusting eating habits, often together
with those of unacceptable sexual habits, are a well-tried means of social exclusion,
employed quite profitably by the morally superior or gossipmongers for shaming and
ridiculing their victims.
In the ancient Mediterranean world, feasting was as central to religious life as it was
part of family and social life. The awesome rite of religious sacrifice culminated in a
banquet; the ritual sharing and eating of sacrificial meat was an integral part of
polytheistic cult. The gods honored in this fashion, including the god of the ancient
Jews, shared with their worshippers a preference for the meat of domesticated
animals. But unlike the god of the Jews, the gods of the Greeks and Romans did
not prescribe special diets, and rarely required abstinence of their followers. In the
absence of God-given moral injunctions, human legislation oversaw important aspects of public conduct, while philosophers and other guardians of morality worried
about how one should live an ethical life, and ancient â€˜â€˜healthcare professionals,â€™â€™
doctors and athletic trainers, gave advice about health (Grimm 1996: 43â€“59). Food
was a central concern for both moral and physical well-being.
Despite the wealth of references to food in its literature, the question of who ate
what in the Roman world still remains quite contested. In the extant literary works, all
written by men of the upper classes or by those who would have liked to belong to the
upper classes, eating and drinking are used for a great variety of purposes, ranging
from moral metaphors to character description or, more often, for character assassination, having little in the way of trustworthy objectivity.
The ancient empire of the Romans, which sustained itself for centuries, covered the
lands around the Mediterranean sea and, at its zenith, extended further into areas of
Northern and Western Europe and Asia that were increasingly removed in terms
of climate, population, and culture from the Mediterranean core, which itself was
quite a varied patchwork of climates, lands, languages, and traditions (Patterson 198</t>
  </si>
  <si>
    <t>b'\xab\xb6\x8f!\xcb~\x07\xb1\x1f\x03\xae\xc6\x04\xf0[\xdb\x8di\xf1*\x1a\xcd\x0b3\x97B\x1b\x92\xe2~b\x810@\x0b\xb0\xdd\x89z\x1fx\x8f\xc5"X\xdf&gt;\xdb\xbfA\xdf\xfd\x89"\x91M\xf0zS\t\xb9T\xb2\x0b\x16\x13n\xfc\x8d)\xe4l\x01%\x8alB@\xe5&lt;\x18\x05uB\x1f\xb3P\x17k\xbe\xda\xc9rz(\xb8WHv\x03\xc1\x12\x10\xdf\xb7kY\xd6?0^"\xdf\xc2t\xc4\x12\xff"\xdb=\xe7&gt;H\x19\x058\x96\xbb\xf5\x95\xf8\xf4\x92rK\xe6I=Y\x9a\xc3\x8e\xd7\xa8\xf8 .D\x81\xdd\n\xfd\x03\xbb\xaa\x81;\x89D\x03D\x02P\x8f\xfdJ\xd5p&amp;\xf0\xb8\xc4\xca\x1bw\xb4\xf1\xd3\xbbP\x1fy\xdb\xd7\xe5\xcd\xec0f\x81\x0b\x98wd\x1f-S L\xe8W\xe5G\xa6\xecx\x0f\x1a\x92\x03\xfcP[\xa3k3\x8c\xc0\xc7\'\x9b\x08;\xe4\xc8\x1aVe\x03w9\x17\xd4\x9f\x89\x19s\xc2\'\xfcW\xb9\x17\xf6f\x03\xde\xaeF|!,\x92\t\xab\xe4\xa0\xc7\x07s\x9et\xb4\x01\xdb\xeb\xb7\xbe\xabS\xc7\x1f\xbd\x91(\xbb6\x88\x16\xf3\xf8c\xbb\xbev\xc4\x0c\xe0\xefPa\x0c\x86\nBC\x07\xc8\x84\x95\x95?\xa0\x1b\xbd,\xbf@\xcd\xa1\xf9\x95,7\xda\x83p-\xc0\x9e\xe9\xe2\xa5$}p\x03:\x9d)\x9a\x87q\x1c1\xfd\xc9\xa3\xe3=\x99\r\x90\xf1\xe2\x1a\xee\xc8\x0e8\xf9\x0e\\h:\x99^\xbcyv\xab\xcf\x92K\x0b\x1a(\xaa\xe9\r\xfd\xf8\x10\xb0x\x92\xe0U4\x9d\x1em\xc9\xda\xdc?\xee\xa2\xedmaI\xc2.`\x85I\xacS\xe9\xc5\x96KLjw\xd0[\x1dL\xfa\x10{\x90cDS\x8cz\x82,X\xfb\x83I0\xca\x00\xed\xae\xc5\xa5\x93\x01"\n*):\xa2\xecI\xc9\x9e\x99\x08\xcf}\x14\xa6\x8fw\xec{\x9e\xd7\xf6\xc9&lt;\xe8`\x97;~\xcd\x08\xdf\x1ben\xd4\xcaF\x87\xfd"}\x98\x8c0\xda^\x83\xe6\x94s\xd0\xc9\x06\x1bA\\=\xa6=\x10]\x1d\x12\xd2\xb8\r\x10\xd1\xc2\x8e\x02\xa2^\x1c%\xb1u\x87\x7f\xb9\xee\x1ejK\xfb\xf7\xc6\t\xe7\xb0jf\xc3\'\xa4\x1eS\x114\x14f\x8eC\x7fr\xa9\x06\xe0\x07\xf7\xba\xd8i\x12\x8fs\xdb\xab\xc0E\xed;\xcc\x9b\xb3\x13]\xd3\xf9\x18\xbf\xb1\xf5\xcf\xee\xf8\xa1\x99\xc2\xaa\xd4\xe0\xb7\x1e\xec\xc7\xddS\xb2zJC\xd5;\tem\x8e\x99\x11\x964\xad\xe3\x01\xb3\x05\x85s\xda\x82\x94\xcf\xd1\xeb\xc0\x8d?\xa9T(\xae/\xd4\xb8-\x9aa\xe4\x1d\xe5\xb39\xe8\xb1J\x1dbj\x01uR\xe3\xb4\xae\xa9\'\x95\x01\xe7\x16\x98\x98\xa6\t(\xb7\xea\xe1\xc6\xf9\xbd\x99\xa2\x92\x7f\x05!+\xa2eDX\x83Q\xd0\xcd\xe0$\x93\x92\x1cl\x99\x0e\x8b\x18\xfb\\\xf0~\xeb\xb9\x8e|\xdf\xfa\x07\x88\x19,c\x13N\x0c\x16\x83\xc0^z\xc9\x0c\xa2\xcb\xb6\xf5)ato\x9fI\x8c\xdfC\xff\xaa\xf7\xb5^8"E\xc6o\xa3\x90\x9b\xae\xa9\x8d[D\xdf0\xcb\x0cq\x84\x18\xcf=\xd0\xb73r\xd0\xbf\xaa\xeb&lt;,\x13n\xb1g\xbe?\xb7cz\x08\xf4\xba|\xe5\n\x0c\x0f\x05O\x80\x8d\xeaM\x9f\xbf\xa5\x97K4\'\x9au\xf4Nj\x8c;\xeaS1\xf7c\xa8E\xe2\xfa\xafv\x07\xe9\x9at\xb6|\x1e\x81\xbe\x845.,}k{\xe8WZzgg\x9f\xcd\x8e\x06\xaa\'\x0b\xe6\xf4VN\x82V\xe4\x0bPsd\x99\x02k\x0bIT\x97\x11f\xea\x11`uG\xba\xcb\t\xc2\x05dl\x9a;\xaa;\xcd\xc5Z\x0c\x8e\x94\xfd\xbc\x99\r\xd5\xf2/\x05&amp;\xeb\x025\x99w\xa0T\xe2\x8a\x14_y3\xd9n\xa8\x93\xf5\x84\n\x05[X?"\x7fD\xa4\xd9\xb4\x9cV5\x9d\x19J;\xaf\xb0\x9b\xf1\x8f\xb6;\x98;\xd2\xa6\xe8\xd8\xb0\xf7~5\xb2\x9c.t\xab\x82\xb4\x1d\xcc\x15\x15^\x87\xd4\x1c\xf8\xbd9\x0b\x16\nz\xa7\x13\x9a73\xb1\xbb9B\x11M\xa8v\x05\xbe\xdf\x08\x9c#\x87"0Y\xdf1\xa1R\x97\xe54\xb2u\xb8W\xf7E\x88\xba\x03\xc4\r\x8f\xf4\x99\xbb\xea\x8c\xa7)i]erC\x95\xf6\r\x00])\xaek\x12]\x91\x9a%\xa7\xcds\xf2\x95t\x04\x12\xca1$\xfd\xd8\xc2\xb0\x9f\xa1\t\x9a\x8e\xf4\xf5\xf2\x02\xd13\x0c\x8dR\x18\x16\xaf\x0c\xaenn\x9c\xa3\x11\x93\x03\x96\x98U]\x00K:[\xa0Z\xac\xaa\x80\xa1\xd3\x8aZ\x88\xa2\x97p\xec\xf6l\x86Z\xf2\xfe\xb1\xe7\x0f\xe8\xe9\x86\xb7\x90\xa9\xcb\x93S#\x0eE\xd9\xd8\x10\xdc\x8bUY\xd9/\xdc\xa9\xf6\xa7\xb8\xbc\r6\xaf\xf6\xdc\x14\xde^\xff\xc3At\x8a=\xb4\xe1\xfc\xeb\xdd\xf3\xc6\x1a\x7f\xe5\x00\xc7k=\x92\xcc\x06\x85\xa6\xb6 \xe9nZ/:\xde\xda\x8e\r\x02\x01c\xe5)\xceNS\xb4w\x7f\xf8Z\xfe\xbeO]c\xbe\x15]\t\xad\x92]w\x94{\r\xa0\x82\xc0d\x86\xc9\xe4\xb0\r~8N\xf2\xf1\xc2\xca\xdf\x81\xd3k\x94\xb0\xa1~U\xad\x90M\xa0\xf0\xe4\xbd\n\n]\x1d\xf7\xc5M\x8d_*7\xed%\xbd\xb3N\x0b\x90I\x95\xe7\x9f\xb11Y\xac\x17[\x10\xab\xc44\xca\x80SUH\x03\x9b8\x04\x82M\x0f#\xe8~\x10nN\x120)\x8cR\x88W#i\xf3\xfb\xa2\x95M\xe7+n\xb64\xeb\xbe\xa3&gt;Y\xfbS\xd5\xd0\x8d\xba{F6\xa09\xb5\\\x9cG\n\xd0\x0b\xb4\xcep\xccD\x1f\x9e\xfbC\xb5\x91u\x85\x17\xdc\xe9=\x8c\x98B\xb9\xc3Z!\x829\xef\x0f\xf18\x01Q\xf8\xdf@\x0f\xcc\x13\x81\xd7A\xca\xac\xc86b\x85\xdb7R!t\xd2t\xe6\x99w3u \xd5\xba)V@\\\xc8G\x94Q\xc1\'\xdc\x18\x00\xe8\x81W%\x81P\xd9\xc3\xb1I\x95\xe8\xc9\x7f\x05%O\xb0G\xa8\x05\x13\x80\x86\t\x98\xf6D\xf6-\xec\xe9\x85\xe9\xab,F\xaa\x95\x08\x19\xf8\xcbV\xd2\x9e\xf8\xfcV\'&gt;C\x95\xd0\xf3\xba;\x96Nd\xefD\xd5=\'u0\xb7a\xa7U\xdb\x1c\xb5\xd5%\x00\x17\x95\xf6^\xb4\xd4\xf1\xcf\r\x8b\xc8(\x04\x1a\xf8Q\xb0\xbc\x84$\xa7e\xe7M\xed\xdeRj\xa2`\x16\xe5?\xba\x90\xf86\x18\xc4\x8b^UW#\x9a\x1f\x00k\xcf\x07`8Ryt\xce\x94\xca\x9b%\xed-\xa5\xa0\x87 \x10W\xca6\xaf\'X\xaeDw\xd0\x05\xd3\xab\x13\xc8\xc5\xb9\'Rt\x15|\xc9\xb7\xaf0\x0bg+\xce&amp;\xd9?\x86J~\x1b\xbfVj\x8d\x92[\xa2\xe2\x80\x0e\xe5\xef#\x07u\x8b?\x97@\xe0$\xa7\xb0O\x8426l\xc8\t\xa8\xa0&gt;\xd0\xf4\x948\xcfT\x89\x16\xe0!\x07\x10\x93\x81:\x93&gt;\x89\xc3fy\x90\x97\x96\x94\xfbHF)\x06&lt;LU?qYf\xe9\x1f\xbd\xc8\xc5p\xd3\xab\x17\xbbk@8\xa4\r\x06\xb3\xc1I\x92\xe6]g&gt;64E\xbe\xaa6\x1e\x03\x0fj3\x0e\x18K\x07\x92\xb9\xfc#d\xee\xe0+sA\xfbF;\xd9V{q\xf7\xad:\x15\xcf\xa1\xa4\xbc#\n\x85\xd7g\x93\x80\xa2\xed\x01\xed\'^\x8d\x911V\xfaJ\xf2^\xc6z\xbe\x1c\xeeh\x15\x9c\xda\x0e\xd5\xb3\x85\x19\x91\xa8B@\xa5\x905\xcf\x19\xa2\xce\xdb\x8eH\x98\xd7\xc2\xd6\xe8\xf0\x8f\xf3PB%~\xa2\xc1\x99"\x94\x0f\xb0zC\xe3\x81\x01\xc6Qu\xb1\x8b\xe2\x81N\xad\x10T\xec\xbb\xca\x19\n,\xd0\xe7\xeb\xdb\xfe\xac\xc2&gt;\xac6\xe1c\xa1\xa2\xac\x90F`\x89\xac\x99\xb4\x8a\xb62)\x07\x97!\xa8\xe3\xd6\x1d\x0eC\x1f\xff\xc76i\x07\xc7\xb9\xac&amp;\xba\xe0?y\xc7 90\x12\xa5\x82}\x1f3\xb7\x15\xec0\x1cK&lt;\x1f\xbc\x85\x9c\xa6\xf2\xcd4k\x88\x98\x0f\xc1\xb1O\x0f\xc7QN\xb9\xedpw\xb07\xa76i\xd8\xfc\\t\x9a\x956\x1c\x91/\xe8\x12\x05\x00\xcf\x164\xa4\x9a\x86\x02\xe5\xe6\xbc\xcc\x08\x8e\x16L\xbd-\x82\x1e\x07\xdd\xc5P\x1e\xcc*\xb3\xefi\xe2\xd0\xcf\xbf~4\x92\xdb\x87\xbc\xb7*\xa6\xa54-\xb0\xb2\xc9\xb1\xcep\xee\xd8\xac\x92\x1d\xd8\xdf`*\x9cU#\x8dD\xcd\x02\xee\xb8\xa9\xae\xfe{\x14\xc1\xb2_\x8a\x8a:\xfb\x82+\xe3_\x82\x02tX&lt;&gt;Q&lt;:H9\x8a\xdbmo\xd0EsOS\xe9\x8cT\x1b\x80\xd7\xafx\xb6\xa4]s\'Q\x10\'&lt;\x1e\xaa\xaa\xbe\xde\xb0$5\x97d\x0b\xc7\xd00\xa3\x87?\xef\xe7\x1f\x9a\xc3\x83\xaf\xf1\xca\xf1\xe6\xe5\x8e\xc3\x0c\xba-\xd2\xfe`\xec\x10E\x95\x86sR`\xe5 \xaaJ^\xa4\xcd\xda0*\xe6\x97j\x1d\xee\xc3\\xt\x92\xdd\x1e\x05\xb7\xb0K%\x87\xbec.\x97m?s\xd7@\xb0t\xafl\x1f\xa0\xd4\x14g\xf2i\x83\xc4b\n\x94X\x8b\x81\xb5\xbf\x0b|\x01\x05#\xacU\xcf\x8ce\x90P\x05\x0c\xf5%\xd3\x8a\x0c\xca\x01d];\xc4%L\xd1w&lt;\x94\xf5\xe9sTUo\x00\x01\x1e$g-)\x8cA\xfd\x02\x8f\x17\xbeb\x1c\xc6Q9|\x12\x02X|z)\xfc\xe7N\xbe\xa0\xfeqm)\xf1C\xfa\xda\xf9\xdbAh\xe3\n\x94x\xd9]\x88\x8c\x12\x99D\xd0\xa1\x8d\xf2diJ/p\xf6\x17Fa\xd4\xe1&lt;\xb9\xc0\xb8@\xcfj\xfe\xdb3\x83\'\x97\x0cIb\xc3\xbb\x1b\xf5\x1c\xc6\x14\x13\x826M\x944\x04\x07M~\xb2n^n\x06\xf9(\xcf4\xaf@|\x11\x8f\xddnc\x92\xa2\xd3\x9fr\x9d6:O&amp;\x9b\x90rI\xf6\xf6?\xbcwI\x13\x18\x8c\xa8\x01\xc3\xe4\xde\x160\x87\xa1F1\x1a&gt;\xbb\x1cQ\x19\x9aYL\xf0\xcc\x05\x92&amp;\x91\x8d\xf4t\xb0Ip\xe0\rj\xad\xe4\xbaJy\x1a/C\x83\xb8\xfb\xf9\xc8)UTj\xfb4\xed&lt;\x81 v\x04\x89\xa2i\xaaq\xf0\xfb\x95\xa6\xcc\xc6\xb7\x12\x96\xdd\xf4\x9fy\xa5\xbe\x10\xd5\x1b\xfd\xe5\x1e\x00\x87\xb6_\x04\xd4\xef\xd4\x9ejg\xbd\x1f\xabU\xe7\x19\xef\x97\x98\x12k\x9ch\xde\x8bh\x90\x036"p)\xe5\x00v\xd2\xc3\x00?!&amp;\x8fr\x85\xfd\xf3\xe1"\x06\xb6\xc7X\xc8\xb59g\x90\xadNsB\xfe\x1b\xf1\xf1\x88P\x94\xccX\xd0\xb6;Q\xeb\x986\x9e\x8c\x18\x8e\x0e\x85\x98\xa1&lt;\x01\x01\xf1\x8b\t\xd8\xc0\xc2\x7f\x11^\x8d\x16\xc1\xc2\xb3\xa7\x99\xe3\xe5K\xcez\xa8\xdaE\xddz\xde\x86*\xd6}\xc1Y%6\x0b\x81\x7f\x1aL\x06q\x10%\x81\xfc\xbdX\xff.\x97+\x10n\xde\xecN;\xd5{\x1d\xeay\xe0\xf2i\x927x\xd3\xc7\xd6\xff]P\x988o:uN\xd4+\x05D\xb8\x9a\x92V\xf2\xd8\x1b\x14\xe6-\x1f\x1e\xa0\x1b@7\x08\xac\xf3e\x93\xfa\xaf\xad\xf1\x85\xf29&amp;\xaaMt\xc61\xbbfT\x8f\r+"\xe6\xe19\x08e\xd6q\x97\xcb\x13\x0cJv_\xd7v\x9d\'T?c[\xef\xf1v0\xa8\x0e\x94\xc2)\x1fj\xd60\x7f.\xfb[`\x08\x06\x1a\xc5\xfd\xe2\xe2F\xd5s\xb9\xb5\x1d&gt;7\xfc\x88\xe2We!\xa5\xc8\x8e\xd3\x83\xa7j\x81b\xa3\xb3\xd9is\x11F\xa147H~O\xae\xd1~x]mG\r\x1d\x8c\xbc\x89e\xbc\xaax\x81\xe4\t\xc5\x1a\xc0\xc1\xa3\xc9\x9c\xafpS\xa4i\xe8"\xe5\x916\xfd@\xcc\xd7\x00\xe3\xe9P8\x87\xe5\xd7o^"\xb8\xa9\x1c\x1d!\x07\xfe\xe2\x84\xaf\xab\x7f\'\'\t\xd7/\xef\x14\x8e\xac\xb6\x15e0\xf0\xd7\xa0\x95\x16\xc8g\xe9\x9as9 \x10\x10\xb9\xe8\xd2m\xad\xde\xff\x1c\xd5ot\x00}\xdcV\x1cN\xf4\xbb\xd6\x066\xf2N\x94R\x016\t\xc2\xb0\xbb\x9a\x05h\xf1\xfb\x80\xfaz\x88\x03\xee\x1e\x13\xc5\xf7\xdeF\xc3CuXx4\xbb\xf6\xfc{B\x05\xb8\x0e\xbbU\x08\x90\xef\xf7yN\xbc\xa3\x13*\xf1\xbfB*\xda\xb8\x94\xd2}49\xe4\xf6\xb8\xdd\xac\xd3K\xde\x0eKw_\x91\xbe\xf6\x8e\xc1rI;\xcd\xfb%\x97\xcf&lt;T\x1a\xf8\\\x07f\xaa\xfd\xcf\xe5(E|r\x1ai\xce\xbc\x1fw\xbe\\F\x8d\x8af\\fw{\xbd\\=R%dn\xb9\xc5+\r\xb4\xd1[\x92\x94hx~\xadx\xc06\x12Z(\x85\xe7\xc2s711\xa4\xac\x17\x80\r\xe7U\xd7\x0b\xccy\xc6\xb4e\xbbXR\xc0\x1bR\xfcV\xd2!\xc4.\xd7s\xf3\x83\xa0\x02\xfe\xf8\xeb&gt;4\x8e\xc4e\xf40\xce\xf0t\x96\x0eB-\xd2\x87\x95\xdc6\x8ai:\xafW\x8d^j\xd3\xa9Nf\t\xed3\xdd\x95\x9c\x15\xe7F\x0f\xd0\x1c\xfe\xc6\x0fx\x01\xf2\xef.\xb1f\xb8m\xdf\x9f\xb2\x1d\xfb\x07&gt;e\x95\xb8\x9d&lt;\x83\xb8\xe6\xfb\xf5u\x0b\x86\xd7\x9e\x80\x01\xe8DV\x1f\x00\x8b\xa0\x89n\x85\xdc\xa0\xf2\x8c\xd7\xb8d\xd4d\n\xa9\x16C\xb3\xe4&gt;{\x96"g\xf3\x9f\xe1\x90\x1a~\xc1\xf5\xca\x9c5\xbc8 \xca\x11\x1fvw_\xf8A\x9d\x80.\xbb\x9f\xd3~\x0ea\x19\xae\xdb\xe6m\xaefI\xc7\'{\xb32\xab,\x9ef\xe7\xe6\xf6\x0c\xc1\x13\'\xef_0\x8e?Kd\x13\xf6"\xb4\xb0\xb2Y\x0f\x8c\xf4\xf6Lq\xd3\x92\x9f\xd6\x9a\xf0\xc5\x94EcT\x12\x85L\x02c8\xec(\xb3R\xb3Aq\x85O\xf8\xd6\x03\xa3\xdf\x83\x8eER/\xa4\xfd\xbf^\xc3J%\xc4\xdb0n\xa6\xe8\x90\xfd\x9f\xe4\xcbh\x9f*\x9e\x15\x8b\xed,\x93\xad1\xe82\x01ml\xaf\xc9\x8c\xa3X#\xa4DRk\x17\xf5\xda\x1c.\x06\x95\xbe*\x03\x000\x1b!\xe4\xa3c2\xd33-Xi\xda\xbdB\xedzY5\xb5\x0e\xa44L\xe7E2\x07U0J\r@|\xe7\xf5u\xdf\xa6\xb4\xe0\x1f34\xe2j\xe4\x06\xbb\xf2\x1fJBR\x1b|W&gt;\xbf\xe2\x8d\xfc\xe9\x97C\x00\xa6\xf2\x15\x8a\xe4\xd3S\x86BX\xdb\xa1o\xdclR\xde/\r&amp;\xe0\xc3\xaa\xee@\xe4\x87\n"V\x94\x0e\x13\x003@1fJ\xb2\x01y\xf3M\xd3l\xbck`\xcf+\xfe\xdb\x0b\\\xea\x9f\x157Af\x97\t\x95\x8d\x86\xbf\xaf\xd4\x819\x1dl\xcb\xaa\xe3\xef!3\xe2I7\xa4\x0e\xbbR\t\x9a@&lt;S}\xfa6r\x8a\xe2\xb2\x84\x80\x7fqa\xd5\x99\xa3\xabP\xd6\x03\x98sC'</t>
  </si>
  <si>
    <t>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</t>
  </si>
  <si>
    <t>b'\xab\xb6\x8f!\xcb~\x07\xb1\x1f\x03\xae\xc6\x04\xf0[\xdb'</t>
  </si>
  <si>
    <t>reak the Sabbath; for if pulling a poor beast or donkey out of a pit would not
 spoil it, I am quite sure taking poor Dinah would not do it."
 "Why, Polly, you are as good as the minister, and so, as I've had my Sunday-morning
 sermon early to-day, you may go and tell Dinah that I'll be ready for her as the clock
 strikes ten; but stopâ€”just step round to butcher Braydon's with my compliments, and
 ask him if he would lend me his light trap; I know he never uses it on the Sunday, and it
 would make a wonderful difference to the horse."
 89
 Away she went, and soon returned, saying that he could have the trap and welcome.
 "All right," said he; "now put me up a bit of bread and cheese, and I'll be back in the
 afternoon as soon as I can."
 "And I'll have the meat pie ready for an early tea instead of for dinner," said Polly; and
 away she went, while he made his preparations to the tune of "Polly's the woman and
 no mistake", of which tune he was very fond.
 I was selected for the journey, and at ten o'clock we started, in a light, high-wheeled gig,
 which ran so easily that after the four-wheeled cab it seemed like nothing.
 It was a fine May day, and as soon as we were out of the town, the sweet air, the smell of
 the fresh grass, and the soft country roads were as pleasant as they used to be in the old
 times, and I soon began to feel quite fresh.
 Dinah's family lived in a small farmhouse, up a green lane, close by a meadow with some
 fine shady trees; there were two cows feeding in it. A young man asked Jerry to bring his
 trap into the meadow, and he would tie me up in the cowshed; he wished he had a
 better stable to offer.
 "If your cows would not be offended," said Jerry, "there is nothing my horse would like
 so well as to have an hour or two in your beautiful meadow; he's quiet, and it would be a
 rare treat for him."
 "Do, and welcome," said the young man; "the best we have is at your service for your
 kindness to my sister; we shall be having some dinner in an hour, and I hope you'll come
 in, though with mother so ill we are all out of sorts in the house."
 Jerry thanked him kindly, but said as he had some dinner with him there was nothing he
 should like so well as walking about in the meadow.
 When my harness was taken off I did not know what I should do firstâ€”whether to eat
 the grass, or roll over on my back, or lie down and rest, or have a gallop across the
 meadow out of sheer spirits at being free; and I did all by turns. Jerry seemed to be quite
 as happy as I was; he sat down by a bank under a shady tree, and list</t>
  </si>
  <si>
    <t>b'&lt;!\xdb\x0c\xa4\xc0\xb7!'</t>
  </si>
  <si>
    <t>3c21db0ca4c0b721</t>
  </si>
  <si>
    <t>what did that mean in terms of
 actionable steps?
 He read books on marketing that were full of random stuff he
 couldnâ€™t apply to his business.
 He knew that for branding, dif erent was better. But what did it
 even mean to be different? Should they have a different color? A
 higher price? They struggled to figure out how to be different, and
 how to tie that into a brand theme that would serve the customer. It
 was hard to create an aligned brand when theyâ€™d never targeted a
 specific person. Theyâ€™d just focused on creating a better product, but
 hadnâ€™t considered who they were serving.
 Then he heard me in one of my videos hammering home the
 importance of audience and messaging. Why donâ€™t I just talk to my
 audience directly? he thought.
 Marvin didnâ€™t post much on Instagram, or even have a large
 following, but he started taking the time to send direct messages to
 customers, asking them what they thought of the product.
 â€œThat was a total game changerâ€ Marvin told me. â€œHaving real
 conversations with people who loved the product made us understand
 who they were, and what products they might want next.â€
 Even though it was only a few hundred people, Marvinâ€™s audience
 responded loudly.
 He and his partner used the feedback they received to adjust their
 marketi</t>
  </si>
  <si>
    <t>b'yAWQ\x83!l8U5\xc3sf\xaaw\xe9Yc:\xbf=\xf1-\x03\x8a\xfae\xb5Y1\xf8\xa3\xd7Q\x1d\xd9\xba`\xcfr\x1e\xc4]\x02\x04\x1b\x9df\x1c\x9d\xf8\x970\xdaSO\xce\x8c\n\x8e\x91U\xa7Sj&amp;\xc9\x9d\n\xc9\x0f\x0f\x14\xb7\xda\xb5{\x8c\x89zi\xa7)\n\x9an|.\xea\x13\x11\x95\x9d\r\xfa\xee\x04\xa5\xb7\x7f\x7f\xa91\xe9\x19\xb2\x96!$\x90\xaf\x14\xb7\x1b\xee\x17\x1c4\xbc\x1aY\x1b\x02R\x0e\xe9Hn\x81\xcf\xb9E\xf4\x14CQ\x8e\xb8\xbd\xf1\xe70D\x02B\xa5&lt;\xce\xf6\x88x\xa2!^Z\xb0\x185\xf3\x00\x01\xb8\x9e\x80\rB\x1e\x1f\xdda\x91"\x9dN\xcc\xb2\x1e\x7f\x90\x8c~\nZ\x9f9R\x08\xc2\x82\x92\xd2N\x90&lt;G&amp;\xdb\x13:\x0c\t\xba\x0b\xe3O\xb6\x832\xbfp"\xb1\x0c:\xc8\x90\x12v\\\x8e\x11h\x96\x82\x18\x18M"o\x9a\xa5S6\x1e$\xcd\xd9\xdd\xf3vA58R\x9c\\1\xd6\xb5\xa3\xaf\x0fm\xde_\xaa\x0c\td\xd7\xdd/[`i\xcb\xe0\xb0\xdb\xce+\xe2#\x95\x89P\xb1\xdb\x9e\x8b\x83\xbfdO\xccEq3\x0cN{\x92\x9a\xb8\n@\xdb=\xe1\xce\x1a\xc5PK\xcc\x18\xd4\x03\xc1\xd8\xa2\x80l\xe6v\xd1u\xd9\xb1F\xeb\x87\x12\x98M\xc3^k\x0fD\xdc\xa4/\xc8\xa1\x00\xe8\x11\xb1\x1a\x1d\x82\xdf\x88)b\x19s_1\xaao\x01l\t\xe783\x00\xa5\x84\x00i\xad\x0fY\xc2;h\x94\xcd\xb8(\xba\x9e\xe4~\x1fW\x8c\x1ev\x11w\xefX\x18\n\xe6g)\xc1\xd4|\xff\xa3Rg\x1f\xd1\xd2\x06\xa2\xc7\x85\x8f2b\x96\x94Qi\x94\xfd2j_o\x9b\xda\x11\xcc\xddI9fl\x8c\xf9\xce\x8aS\xdeR"\x04\xe3d\x92\xc9fL\xf8\x9a7\xd5\xa1\x88\xb5\xaf\xa1\x97\xa8\xb1\x1f\x05\xde\x9e\xa3\xc7\xfd"\xe5\xd6\xc8\xb3\x0f\xdb\xe9\x89\x14\x8d\xb8\xc8\xaam\x10\xe9\xdd\xde\xbb\xae\xf9O\xc00R%u\x00\xd7\xdd\x01\xb1U\xad\xec\x15A\x0f\x12\xbb\t!Smu\r`\xc7\xb0\xbei\xf0(\xeb?\xf9|Y\r-\x02o\xa6\xd0\xbe"Q\xd5\x114\xe3\x8d\xae\xd2&lt;\xc0\x89\xcd\xb0I\x99:R\x061\x901n\xb4\x86mP\x9b\xb32\xe0\xf1\x9f\x90\xd0\xb0!-\x8d\xc7\xbb\r\xe5\xbb).d\xcd\x01\xe8\xb9\x8c{\xa4\n\x19\'\x9d\x99[1/\x81L3~\xc7\x85\x9aw\xda\xe6\xc9\x1cv~3\xde\xdb\xfeu\x07\x8d\xbf"\xea\xd0\xc1i\xb6\xa2ZKQ\xdb\xde\xaf\xf3\xda=9_\xa6\x96gI\x0b\xc4\xd0$3:\x82\xd7\xe2\xf8\x0c\xd6\xf8\xd3\xd9n\x04\xf1)\x9b\x1aA\xb3\xf7\xa6\xc8\x96TCk\xdf\xef\x98\x05\x9a\xac\x06UGJ\xf1\r\xaf0\x1d)f\xc4\x81\x1f\xc7\x04TN\x18n\xe0n\xc1yk].:k\xc9~&lt;\xb3\xe2D\x1d\xf2"d\xab\xe5@\x0e\xe8O\xcaj\x18\x01\xb7\x8f\xff\x98\xc7\xf9\x06\xb1X\xe3C\x198\xec\xca\x1dP\xd7\x04\x8b\x95h\'\xde\x836V\xe7{\x12\xf6\xab\t\xe8\xf3\xfd\x8a\x0b.$P\x15Ec\xeb\xf7\xae\xd7\x14\xca_\xad\x96Z\xcf_\x13\x0b\xb4r\xe2.i\xf2\x92\xb17\x9f\x93\x04&amp;\xa1\x0f\xd9\x93\x07i\x99\xec\xf1WS\xea\xe0\x1b\x8f\xd8\x17\xd6\xa8\xfc1$\x11\x99\xd8{1\x06\xfd\x1c\x91\x01\xdf\x7fh5\x8f&amp;\x1axD\xc4C\xf0\x03\xe6\xc1\x95\rw?.!1\tZX2\x95W\xc8@\x83\xc8J\x9d\x13Qp\xa9b\x8a\x1aw\x7fPB\x9c-\xb7\x1e\xcc\xbe\x1c\xa7\x84\xaawb\'B\x8a\xe8%\x1e\xddA\x80\x8d#\x84\x00\n\xe2]\x83\x92\xfe-\xb4\\\x1c\x95/\xe3\xc2\x92FT\xa8\xf0\xff\x1f\xca\xe7=\xb7B\x03\x8er;{\x8a\xf1\xf4\x91\x14Brr\xcb\xc7\x9c0\xd9O\xb6|\xf3\x90\x17\x1e\xfa&lt;\xc1\x8a6\x18\xce\x8b\xf6[+\xd0y\xbc\x96\x97\xe7\xa4\xd5\x13\x18M\xdc\xd5\x8e\x07\xe4=#7p\x98\xa2\t6\x8d\x0c\xd7\xd1M\xaa\xf2\x1f\x08*\xdf&gt;\x9byZ\te&gt;&gt;\xfa\xaf\xf9\xb9\xc3\xe3p\xbd\xf1\x85\x98!\x0f\xfc\xbf\xd7VR\x14p\xa6"\xa9e \xf0|\x10~h\xc9\xa6!\xa9\xb60\xc4e`M\xe5\x86\x16o\x13\x82\x19D\x08\xea\xc7y\xca\xedi\xfe@\xdd\x8fxVHz\xb8~\xadJ\xff0\xda\xb5\x7f\x13\x18\x93\x15\\\x8d\x97\xfb?t\xe2?\x8b\xa4\xab,\xb8Q(\xa9x\xb3\x83KN\xd6\x8c\xcf[?\xc1\xc9\x12\xc2\xdf\x7f\xdeE\x98O\x0c{\xbc}\x1bC\xbaHa\x81\xd9\x12\x868\xfc\x8a\xe7 74\x86\xbcu\x1eZ\xca9\xbb\xb4\\\x17\x03T\x02\x9d\x8a\xf5\xb6\xd5\xc8\x1a\xa3\x06T,!\xc6\x9aMJk\x1b\xceo\xc9\xb3w\x92\xb7+A\x9cv\xe3\xa3\xa4\x9eQp\x85\xde\x8d\x12\x8ds\xa2\x02\x05\xbe{\xbb6\xdf\xf5\xaa\xd7\x9a\xf5\x9e\xe2\x15j\xce\x0eS\x9c\x89\x98j\x8a:\xb5\xbe^\xf3\x93\x06L\xf5e\xf1\xd6\xc80U&gt;jI\xd18z\xd5\n\x81\xdd_t\xb8\x87\xdf5O \xca/\x8c\xf7\x1dd\x91R\xdd\x04l\x0e\x94\xe5\x91\x93\xb3\xc3\x05\x97&lt;Nc\xc0_v:0\xba\xf1\x04B7\xa0\xe1x#ke\x8a\x08`\xf4\x9f?'</t>
  </si>
  <si>
    <t>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</t>
  </si>
  <si>
    <t>b'yAWQ\x83!l8U5\xc3sf\xaaw\xe9'</t>
  </si>
  <si>
    <t>duffâ€”been begging before that, some on 'em. Old Pew, as had lost his 
 sight, and might have thought shame, spends twelve hundred pou</t>
  </si>
  <si>
    <t>b'\x94f\xa5T\xe9@\xe85\xd6~\xc7j9\x8fm\xba\r\xe4QK\xdc\x16)\x9f\xb3\x8e\x17\x08\xe5\xe5\x8ey\x8cu=T\xa6\xbaI*f\x15L/o\x11~\x93\x8d\xe6\xbd\xdf\xc7T\xd3\xfeB\xd2\xcb\xdd\x97\x949Hx\x94L\x00\xb6\xd9\xf4\x85b\xea\x0b\xf5\x11\xaf\xd3W\xd4\x04\xbdEUU1t~\x80t\x9f\x7f\x1cq\xf3\x1e\xa2\xb6\xb3\x0b\xb4N\xad\xe2\xcez\x1afK(\x1a\xba\xf3\xb2\x96a\xf6YY\xfb\xae\xd6F\x070$\xb8\x8cRg\xf9\x91\\\xbc8(\xc2\xc0\xf8ukv\xe6\n3|\xbag\xb0\xe8\xde\x17M\x03`\x12X\xe4\x86\xbdR\xec\x1c=\xe4\xdb\xc6\xc6z\xf6\x1b\x02Ue\x88\xfdpDc,\xeb;E&amp;\xd3d\xedo\x10d4\x13\x0b\xdd\xcc&lt;\xc6t\xb7L\xbf\xb0\x07\xe4\x19\xf6\xdf5\xcbt\x86{\xb8\x122\xc8\x83\xa6\xb8X\x89\xda\x9fKF\xa8M\xe9\x95\xa3\xe7\xe1\xbd\xc6\xc2&amp;\x8d~p\xf7n\x82 ^\x92\xe0N\xbd\xe3z1\x03\x99\xbb='</t>
  </si>
  <si>
    <t>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</t>
  </si>
  <si>
    <t>b'\x94f\xa5T\xe9@\xe85\xd6~\xc7j9\x8fm\xba'</t>
  </si>
  <si>
    <t>ll those riches and fine things,
 they brought in, some time since, when they used to go out a-robbing, or
 as good, for days together; and then they have dreadful quarrels about
 who loses, and who wins. That fierce Signor Verezzi is always losing, as
 they tell me, and Signor Orsino wins from him, and this makes him very
 wroth, and they have had several hard set-to's about it. Then, all those
 fine ladies are at the castle still; and I declare I am frighted, whenever I
 meet any of them in the passages.'â€”
 'Surely, Annette,' said Emily starting, 'I heard a noise: listen.' After a long
 pause, 'No, ma'amselle,' said Annette, 'it was only the wind in the gallery;
 I often hear it, when it shakes the old doors, at the other end. But won't
 you go to bed, ma'amselle? you surely will not sit up starving, all night.'
 Emily now laid herself down on the mattress, and desired Annette to
 leave the lamp burning on the hearth; having done which, the latter
 placed herself beside Emily, who, however, was not suffered to sleep, for
 she again thought she heard a noise from the passage; and Annette was
 again trying to convince her, that it was only the wind, when footsteps
 were distinctly heard near the door. Annette was now starting from the
 bed, but Emily prevailed with her to remain there, and listened with her
 502
 in a state of terrible expectation. The steps still loitered at the door, when
 presently an attempt was made on the lock, and, in the next instant, a
 voice called. 'For heaven's sake, Annette, do not answer,' said Emily
 softly, 'remain quite still; but I fear we must extinguish the lamp, or its
 glare will betray us.' 'Holy Virgin!' exclaimed Annette, forgetting her
 discretion, 'I would not be in darkness now for the whole world.' While
 she spoke, the voice became louder than before, and repeated Annette's
 name; 'Blessed Virgin!' cried she suddenly, 'it is only Ludovico.' She rose
 to open the door, but Emily prevented her, till they should be more
 certain, that it was he alone; with whom Annette, at length, talked for
 some time, and learned, that he was come to enquire after herself, whom
 he had let out of her room to go to Emily, and that he was now returned
 to lock her in again. Emily, fearful of being overheard, if they conversed
 any longer through the door, consented that it sh</t>
  </si>
  <si>
    <t>b'\xa6\x98\xe2\xed\x17\xdd\xdcc\x17\x1f?m\xcc\r,\xce&amp;\x83\x15\xaahe\xb4\x9f\x92\xc5\xa8\x0cr9\xf0\'\xc6\xf13\xce\xfa\xe6\xd3\xc1I:\x1d\xbdtJ\xda\xb7\xff\x0bm\x81\x05"\xbcAE\x80\xa4+_\x86\x1aB'</t>
  </si>
  <si>
    <t>a698e2ed17dddc63171f3f6dcc0d2cce268315aa6865b49f92c5a80c7239f027c6f133cefae6d3c1493a1dbd744adab7ff0b6d810522bc414580a42b5f861a42</t>
  </si>
  <si>
    <t>b'\xa6\x98\xe2\xed\x17\xdd\xdcc\x17\x1f?m\xcc\r,\xce'</t>
  </si>
  <si>
    <t>on of this difficulty that
she quite rocked backward and forward in her blue cloak, and Dickon laughed
with her.
"I'll tell thee what, lad," Mrs. Sowerby said when she could speak. "I've
thought of a way to help 'em. When tha' goes to 'em in th' mornin's tha' shall
take a pail o' good new milk an' I'll bake 'em a crusty cottage loaf or some
buns wi' currants in 'em, same as you children like. Nothin's so good as fresh
milk an' bread. Then they could take off th' edge o' their hunger while they
were in their garden an' th, fine food they get indoors 'ud polish off th'
corners."
"Eh! mother!" said Dickon admiringly, "what a wonder tha' art! Tha'
always sees a way out o' things. They was quite in a pother yesterday. They
didn't see how they was to manage without orderin' up more foodâ€”they felt
that empty inside."
"They're two young 'uns growin' fast, an' health's comin' back to both of
'em. Children like that feels like young wolves an' food's flesh an' blood to
'em," said Mrs. Sowerby. Then she smiled</t>
  </si>
  <si>
    <t>b'\x97\xdd\xe2\rd\xd9\xd4\x97\x04H\x1c\x10N@\xac\xa7K(=\xa5\txE\xbf]\xda\xd5\x04\xa1\xb7\x14Q\xd9%\x07\xdb\x19/\xef\xf2aa\x05\x07\xc2\x15\xa5\xcbS\xc6\xc4+\xbe\x08\xd6\x0c\rY\xeb9\xb9\x90\xe5{|0\xfab\xc1\xb0\x11\x8ai\xa9\xf7\xce\xf5[[\xc8\xa0).\x95B\xf9\xe9(\xa2Z\x88\x87lM\x00\x95\xd9IT\xe8\x8a\xdc_sc\xee\xad\xfa\xbe\xf4\xee\xf6\x8c/\x8b.U\xb92A\xbd\x1f\xe5\xd2&lt;\xe21D\n=\xe4\t\x05k\x10\xadJr\xca\xa2\x19\xc4\x01`\xc5\x11@\xbaS}io\x91\x0b0A\xf9\x930\xab\xfdk\xb0\xb4\x8e\x03\x90\xedX1\x8f!:h\xd1\x0f\xdcL\xces2\xa1_\x98\xf4z"$\xc04\xbf\xe3_Nu\xb1\xac\xe2g\x87\t\x96Y\xd7\xb9\xe0\x89\x87\xec+\xabLJOGqp\x1e\xbd\x8d\xcfNc\x9c\x14~PL\xe7h\xa8Wh\x97v\xecT\x9e\xce\xe8\xda\xaa\xe8ursw\x8a7R$p\xb1P\xcbg\x01~\x03Yz\x99\xa2X_\xb0\xe7\xe8\xbf\xb3\xd7\xb3T\x96\xc8]\n\x10\x03\r\xb7\xbc\xa7c/\xf3\'\xbaWi\x9a\xc9\x11@c\x7f\x92\x8e7U\x1a\xa0\xd9G\xf7q\x11\xae\x0b\xe1\xe0\x92Sn\x07*\xb6\x98\xe6\xde}&lt;\rMA\xf1Yu\x87\x8a\xa9m\x94\x8b\xba\xdd\xf9&lt;\x96\x1cJ\xdc{4\x1d\xf4&gt;8\t\x11\xe4u\x1a/\xa3\xa0\xba\x8c\xc7\xb1\xc70\x9d-\x96\xec\xa3!P\x07\x81b\x87\x89\xde\x1d\x12FXDJ\xb0\xd4\xdc\xa6\x12\xee\x85S\x95\xc4\xbf\xa7\xf2\xe7C\x17\xea\xb5V\x1b\xb6\t\xf7\xde\x91\n\x92`x\x11\xdc\xd89\xc8N\x9a\xed\x931\xdcm\xa3\x87\xcb\xc9b\xbcI.\xde\xab\xda:\x84\x83\xa6\xe7x\xc7\xf2\xb4M\x1a*`\xb7_\x12}H\xfe\x1b\x80\xb5\xcb\xd4\x17\x0cZ\xf8ot\xa9.\xdbJ&amp;\x19W\xb4%N3+g{:N\t\xed\xeb.g\x90(\xbf\x95\x9d*\xf7\xa9t\xd0Q\xba\xbc(\xbc\x95D\x8a\xaat\x1f\x1b\xa4\x86}#$\xd0\xe6^\xb9\xbbE&lt;(\xed\xb3S\xe7&gt;gA{`\xd4\xa9\xa4\xaa\xe6\xa3O\xbd9,%F;z\xf9\x18\x1c\x7fW9\xea\xe3\xdc\x14\x922\x18\xae\xb3\xe9\xd7u\x86\x93\xe2\xa2\xf7\xf3\xb1\x8dq\xfbA\xcd\xc3\xce\x01\x94\xdcX\t.E\xb44`\x1c\xdc\xbd\xa5\n%\x9f\xd0C\x9a\xc3\xb8*\xe3\x9c\xce\x99\xa6@\x94\xf5K;\xdb\xb5?\x86\x96?\xe3A\xc6?\xcfr\xea\t\xf5\xf0\xc6l\xd5\x8cA\xb12\xa1\xce6\x8e\x1a\xf1\x81\x11\xb0^He\x97\xcc\xf0o/\x05v\xa5\xb3\x8d7\x15\x82g\xf1\xd8\n\x00$\xbcoy\x83\x1f\xfb\x07\xcf\x1d\xe4\xde\xdda\xae\xd8!7\xb3\x86\xb2\x0b(t\x03\xc5A%`@\xcf\x14\x90\x7fp\'. \xccJ\x88\x1b\x1de\xf7\x10\xc0#!\xd6\x12q\x1dT"\x18\x91%\xec\x1bX\xa9\x1f=\x91Y\x96\x05\xb6\x83Pd\x95\x0b\x950\xfa\xe4C\xb3pR\x93\xc5\xea\xdd\xackt\x80r\xd2=\xb5\xe8\x04\x03\x13\x032V\xba\xe1\xb2\xae\xe7I\xc3\x16\xee\x96\x8bi\x82\xa9\x9f\xc2\xd1\x90\x9a\\\xd7\'a#\xf3\x88\xf57\x01\xb6t\xd8\xcff\x95\xfb(\xaa\x11\x8aY\xcdw\xe4Z\xd2\x07"\x9b\xfc\xa9\xb2\xdd\x13\xb4\x0b*\x8f\x9a\x02\x7f\xce\xdfe\xae\xcf\xfc\'\xaf{M6\xaa \xc7\xf3`\x9e\x03\xa6\x05~O\x0f\x9c\xa3Q2\xcc\x96@\xf1j\xf2\x05[&lt;\xd6v\xb5\xd8f\x1a13u\x98u\x16o\xf8\xad\xa2p\x13\x08_Y/\xbdb\xaa\xe3\xeb\x15\xa5K\xb3\xe2\x80D\xc5&gt;\xd0\x939g\x1f\x9a\xd3\x83\xe3U|!\x1e.\xe2\x80sH#\xa9\x1f~b\\7q\xcf\xc7f\x1a\xa1\xd2\xfbvOW\x15\x9dU\xc3\xb2\xb4\xf6r\x9bd\xeb\xf2/\xd1)=\xc7\x99{"8\xdbLP\xc4\xecT;Z\xf3\t\xe8\xd9-\r;\x07t\xf5\xa5\xfa\xcb\x8e\xd6\xe4\xfc~\x8c\xb5iF&gt;\\n\xe5\x16\xbd\x1d\xf1Bi\x174\xc7\xfe7%\x08,_\xeb3ixy6\xed\x08\xa4\x06\xc6A\x95Mu;\x86\xfa\xdc\xea\xf6B\xcb\x81'</t>
  </si>
  <si>
    <t>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</t>
  </si>
  <si>
    <t>b'\x97\xdd\xe2\rd\xd9\xd4\x97\x04H\x1c\x10N@\xac\xa7'</t>
  </si>
  <si>
    <t>t equate the slope of this characteristic to âˆ’1 to determine NMH:
 âˆ‚Vout
 âˆ‚Vin
 = âˆ’1
 2
 Î¼nCox
 W
 L
 RD
 _x0002_
 2Vout + 2(Vin âˆ’ VTH)
 âˆ‚Vout
 âˆ‚Vin
 âˆ’ 2Vout
 âˆ‚Vout
 âˆ‚Vin _x0003_
 . (16.14)
 With âˆ‚Vout/âˆ‚Vin = âˆ’1, Eq. (16.14) yields
 Vout = 1
 2Î¼nCox
 W
 L
 RD
 +
 Vin âˆ’ VTH
 2 . (16.15)
 If this value of Vout is substituted in Eq. (16.13), the required value of Vin (VIH in
 Fig. 16.9) can be obtained. Thus, NMH = VDD âˆ’ VIH.
 Exercise If RD = 1 k_x0003_,Î¼nCox = 100 Î¼A/V2, W/L = 10, VTH = 0.5 V, and VDD = 1.8 V, calculate
 the high and low noise margins.
 Example
 16.8
 As suggested by Eq. (16.6), the output low level of an NMOS inverter is always degraded.
 Derive a relationship to guarantee that this degradation remains below 0.05VDD.
 768 Chapter 16 Digital CMOS Circuits
 Solution Equating Eq. (16.6) to 0.05VDD, we have
 Î¼nCox
 W
 L
 RD(VDD âˆ’ VTH) = 19 (16.16)
 and hence
 RD = 19
 Î¼nCox
 W
 L (VDD âˆ’ VTH)
 . (16.17)
 Note that the right-hand side is equal to 19 times the on-resistance of M1. Thus, RD must
 remain above 19Ron1.
 Exercise Repeat the above example if the degradation can be as high as 0.1VDD.
 16.1.2 Dynamic Characterization of Gates
 The input/output characteristic of a gate proves useful in determining the degradations that
 the circuit can tolerate in its input levels. Another important aspect of a gateâ€™s performance
 is its speed. How do we quantify the speed of a logical gate? Since the g</t>
  </si>
  <si>
    <t>b'C\x8b\xa1\xdfF\x81Y\xc0[\xdf\x9fe\xe9\xf5|\x1f'</t>
  </si>
  <si>
    <t>438ba1df468159c05bdf9f65e9f57c1f</t>
  </si>
  <si>
    <t>rates the average
 and marginal costs correspon_x0002_ding to the total cost function
 . Marginal cost is
 always 1; average cost declines 
 as output rises.
 C = 5 + x
 160 PART ONE International Trade Theory
 international trade has increasingly relied on models based on monopolistic competition.
 This model can capture the key elements of imperfect competition based on internal
 economies of scale and product differentiation at the firm level. At the same time, this
 model remains relatively easy to analyze, even in a setting where eco</t>
  </si>
  <si>
    <t>b'0F\x02!\x00\xab\xe5,.\xac)\xe7y\x18 \xb47\xde\x89\xa6u%(J::\x0f\x01\x1fJ\x92\xb0\x9d\xf9\xd3*w\x02!\x00\xbc\xba\x08\r\xc4\xf2h\x8a2\xde\x9b\xde!\x1e7\xbe\xe9\x95\x8c\x14\xe5\x00[\x0e\x0b\xa5\xcb\n\xf4R\xe3\x9f'</t>
  </si>
  <si>
    <t>3046022100abe52c2eac29e7791820b437de89a67525284a3a3a0f011f4a92b09df9d32a77022100bcba080dc4f2688a32de9bde211e37bee9958c14e5005b0e0ba5cb0af452e39f</t>
  </si>
  <si>
    <t>b'0F\x02!\x00\xab\xe5,.\xac)\xe7y\x18 \xb4'</t>
  </si>
  <si>
    <t>) exponential model, (c) constant_x0002_voltage model.
 Did you know?
 Diodes are among few human-made devices that
 have a very wide range of sizes. The diodes in in_x0002_tegrated circuits may have a cross-section area
 of 0.5 Î¼m Ã— 0.5 Î¼m and carry a current of a few
 hundred microamperes. On the other hand, diodes
 used in industrial applications such as electro_x0002_plating have a cross section of 10 cm Ã— 10 cm
 and carry a current of several thousand amperes!
 Can you think of any other device that comes in
 such a wide range of sizes?
 Given a circuit topology, how do we choose one
 of the above models for the diodes? We may utilize the
 ideal model so as to develop a quick, rough understand_x0002_ing of the circuitâ€™s operation. Upon performing this ex_x0002_ercise, we may discover that this idealization is inad_x0002_equate and hence employ the constant-voltage model.
 This model suffices in most cases, but we may need to
 resort to the exponential model for some circuits. The
 following examples illustrate these points.
 It is important to bear in mind two peinciples: (1) if
 a diode is at the edge of turning on or off, then ID â‰ˆ 0
 and VD â‰ˆ VD,on; (2) if a diode is on ID must flow from anode to cathode.
 3.2 pn Junction as a Diode 71
 Example
 3.12
 Plot the input/output characteristic of the circuit shown in Fig. 3.14(a) using (a) the ideal
 model and (b) the constant-voltage model.
 VD,on
 D1
 R1
 Vin out
 R2
 V
 V
 Vout
 in
 R
 1
 +R
 R2
 R1
 Vin out
 R2
 V
 V
 Vout
 in
 R
 1
 +R
 R2
 VD,on
 VD,on
 2 1
 2 1
 (c)
 (a) (b)
 (d)
 Figure 3.14 (a) Diode circuit, (b) input/output characteristic with ideal diode model,
 (c) input/output characteristic with constant-voltage diode model.
 Solution (a) We begin with Vin = âˆ’âˆž, recognizing that D1 is reverse biased. In</t>
  </si>
  <si>
    <t>b'\x91\xe2\x04\xb3\x1c\xe7c\x99\x99\xb7\x93i5\xc0\xefE'</t>
  </si>
  <si>
    <t>91e204b31ce7639999b7936935c0ef45</t>
  </si>
  <si>
    <t>the sea. 
 So things passed until, the day after the funeral, and about three o'clock 
 of a bitter, foggy, frosty afternoon, I was stan</t>
  </si>
  <si>
    <t>b'\xa5\xed\xc1\xe7\x9a-M\x83\xd0\xbe\x04\x87\x0e\xd4u\xbf\x16b\xef\x90\xc7N\xa9\xa0\xe7x\x8f3\xc9R\xe19WiO`_\xdf\xfea|\x18c\xfb\x81\xff\x08\xb1[\x01\xa0!6\xfc7Y\xe2*\x8ct\x1c\xf7\xac9F\x01\xf0\xa8i\xd8\x1eV\xbfm\xea\xfa\xe9\xda\xff\'\xa1\x19K\xce\xe4eZ\x02\xcf\xa2\xe5]\xb9*$\xd5\xea\xb4\xd0\x98e\xb6\xfb\x10a\x80\xd8\x1cd\x9c\x94J_k\x0bs(a\xe2\xafZ#|\x19\xaa\x88yt\xfd\x88\x8c|c\x11\xc9\x88Ny\x88y\tS\xd5\xf4\x84-\xb0\xa2\xb0\xb3\xc6\xab#uF\xa3\xe9\xb1\x7f\xc6\xafn\xb6\xb5\x17\xceZ\xa4\x05\xe5#\xdc\xc1\xe3M\x04=c(\xb5bf\x15\xf3\x8bn\xb4\xc5c\xb6W-\xc3\xc5"\xben\xd9\x85&gt;\xde\x8f\x04\xe5\n\x91\xf0\xa8L\xa0&amp;\x1d\xd0\xc2&amp;\xf9\xac\x8dm\xbejI&amp;\xee\xfanJ\xa3\xd1\xfc\x1am=\xc4\xbf\xeb!y\x8f\xfbt\xcb\x02\xa3\x93\x04SR\xa4\xc8N\xf9\t\xc6\x1f\x7f3\x82\xa5\xc6{\xfe!\xefk\xb5jOi\r\xc1O\x04\x81W\xda\xfa\x10\x8b\x1a\xee\xe5\xf3Z\x1bAh\xb5\xa5b\xc5\xf4K\xa0g\xee$\r\xba \xe0)\x8cbRg\x15\xe4b!\x94\xf5\x07\xe2q\x0b\x0bJ\x1f\xcc&lt;\xd1G\xe3Wwuv \x0f+z\xb6a\xf4\xadLK\xd5!G\xd3\xcc\x18\xc3\xceAP\xdf-!Q\xbd\x89$\x90`C\xc0+\x9a\xaf\x19\x90\xb4:\xa4k\x00Y\xce3\x95\xb2\x96_s\xe8#\xfd\xdeT&lt;\x18\xf6ia\x85C\xaf\x1e\xfe\xa8B\xa1x\r\r]\xf1\x87\x86\x02-\x9dbm\x9e\n5*\xb2\x04Ps%Va\x1e\x9d^\x08\r\xad\x14\xd6\x10\r\x1a\xf9\xff+io+\x86\x9e\x8b\xea]\xba\xe9\xcd\xfe\xad\xff\xf9(:\xb4W&gt;1\x85\x07a\x18\xdf?\xc1\xb5\xb4y\xf6\x01\xd8\xc3\xc87_,Q\xc8R\xd4B%\xb17ZE\xcbW\xc83\x11\xb4.Q!\'\xe2{0\xa0x\xeeK\x90\xdd\x89Yc\xf8\xbf\x02@\n*\xa7\x0en'</t>
  </si>
  <si>
    <t>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</t>
  </si>
  <si>
    <t>b'\xa5\xed\xc1\xe7\x9a-M\x83\xd0\xbe\x04\x87\x0e\xd4u\xbf'</t>
  </si>
  <si>
    <t>ingenious system, berths were suddenly improvised, and
 each traveller had soon at his disposition a comfortable bed,
 protected from curious eyes by thick curtains. The sheets were
 clean and the pillows soft. It only remained to go to bed and
 sleepâ€”which everybody didâ€”while the train sped on across the
 State of California.
 The country between San Francisco and Sacramento is not very
 hilly. The Central Pacific, taking Sacramento for its startingpoint, extends eastward to meet the road from
 221
 Omaha. The line from San Francisco to Sacramento runs in a
 north-easterly direction, along the American River, which
 empties into San Pablo Bay. The one hundred and twenty miles
 between these cities were accomplished in six hours, and
 towards midnight, while fast asleep, the travellers passed
 through Sacramento; so that they saw nothing of that
 important place, the seat of the State government, with its fine
 quays, its broad streets, its noble hotels, squares, and churches.
 The train, on leaving Sacramento, and passing the junction,
 Roclin, Auburn, and Colfax, entered the range of the Sierra
 Nevada. Cisco was reached at seven in the morning; and an
 hour later the dormitory was transformed into an ordinary car,
 and the travellers could observe the picturesque beauties of the
 mountain region through which they were steaming. The railway
 track wound in and out among the passes, now approaching
 the mountain sides, now suspended over precipices, avoiding
 abrupt angles by bold curves, plunging into narrow defiles,
 which seemed to have no outlet. The locomotive, its great funnel
 emitting a weird light, with its sharp bell, and its cow-catcher
 extended like a spur, mingled its shrieks and bellowings with the
 noise of torrents and cascades, and twined its smoke among
 the branches of the gigantic pines.
 There were few or no bridges or tunnels on the route. The
 railway turned around the sides of the mountains, and did not
 attempt to violate nature by taking the shortest cut from one
 point to another.
 222
 The train entered the State of Nevada through the Carson
 Valley about nine oâ€™clock, going always north- easterly; and at
 midday reached Reno, where there was a delay of twenty
 minutes for breakfast.
 From this point the road, running along Humboldt River, passed
 northward for several miles by its banks; then
 it turned eastward, and kept by the river until it reached the
 Humboldt Range, nearly at the extreme eastern limit of Nevada.
 Having breakfaste</t>
  </si>
  <si>
    <t>b'\xc26\xf2\xaa1\xb2C\x99%tNU\xf1\x9b\xa2\xb5:\xf8\xac\\\xa9\x92s\xf1\xdb\x7fD\xa0K\xd2cz'</t>
  </si>
  <si>
    <t>c236f2aa31b2439925744e55f19ba2b53af8ac5ca99273f1db7f44a04bd2637a</t>
  </si>
  <si>
    <t>b'\xc26\xf2\xaa1\xb2C\x99%tNU\xf1\x9b\xa2\xb5'</t>
  </si>
  <si>
    <t>had to keep up as I could, and
 have got into this ugly shuffling pace. It was not always so; when I lived with my first
 master I always went a good regular trot, but then he was not in such a hurry. He was a
 young clergyman in the country, and a good, kind master he was. He had two churches a
 good way apart, and a great deal of work, but he never scolded or whipped me for not
 going faster. He was very fond of me. I only wish I was with him now; but he had to
 leave and go to a large town, and then I was sold to a farmer.
 "Some farmers, you know, are capital masters; but I think this one was a low sort of
 man. He cared nothing about good horses or good driving; he only cared for going fast. I
 went as fast as I could, but that would not do, and he was always whipping; so I got into
 this way of making a spring forwa</t>
  </si>
  <si>
    <t>b'\x95k\xaa\xe0H\x91\xffv'</t>
  </si>
  <si>
    <t>956baae04891ff76</t>
  </si>
  <si>
    <t>nun. Emily's
 indisposition had then prevented the intended conversation; but now,
 after the will had been examined, she received a summons, which she
 immediately obeyed, and became informed of circumstances, that
 powerfully affected her. As the narrative of the abbess was, however,
 deficient in many particulars, of which the reader may wish to be
 758
 informed, and the history of the nun is materially connected with the fate
 of the Marchioness de Villeroi, we shall omit the conversation, that
 passed in the parlour of the convent, and mingle with our relation a brief
 history of
 LAURENTINI DI UDOLPHO,
 Who was the only child of her parents, and heiress of the ancient house
 of Udolpho, in the territory of Venice. It was the first misfortune of her
 life, and that which led to all her succeeding misery, that the friends, who
 ought to have restrained her strong passions, and mildly instructed her
 in the art of governing them, nurtured them by early indulgence. But
 they cherished their own failings in her; for their conduct was not the
 result of rational kindness, and, when they either indulged, or opposed
 the passions of their child, they gratified their own. Thus they indulged
 her with weakness, and reprehended her with violence; her spirit was
 exasperated by their vehemence, instead of being cor</t>
  </si>
  <si>
    <t>b'Tn3\xdcq1jd\x04\xa04\xa6G\x9e\xf8\x83\x19\x94pP\xd4o\xdd"\xbb\xb6:\x15\xd29Q\xab\xfa\x16g\x08\xc5\xe1\xea\x03}\xc3VIq8NhwoRu\x16\xb7&gt;\xebc\xea\x19m\x1ce)\x91'</t>
  </si>
  <si>
    <t>546e33dc71316a6404a034a6479ef88319947050d46fdd22bbb63a15d23951abfa166708c5e1ea037dc3564971384e68776f527516b73eeb63ea196d1c652991</t>
  </si>
  <si>
    <t>b'Tn3\xdcq1jd\x04\xa04\xa6G\x9e\xf8\x83'</t>
  </si>
  <si>
    <t>as, resting lightly on his crutch, 
 watching his companion like a snake about to spring. 
 "John!" said the sailor, stretching out his hand. 
 "Hands off!"</t>
  </si>
  <si>
    <t>b"\x85\xda\xbd7\xa6\xa6\xe7\xae\x1b5\xa0\x11\xd7\xd2\x8b\xbc\xd5\xed\x03\xa65Q\x87\xafu8\x9dBhd\xb0M\x06\x80\x9dY\xd58x\xb4\r\x0b\xf1\xecQZ\x01\xa5(\xae\xe4\xec3\xae\xa7D\x0f:\x10\x869\xebg\xaa\x97\x946\x13\xcb\xfbA\n\xcf\xf3\x11\xe9\xc6\x8b`\xa0\r\xdf'\xeb\xb9e1\x07\x0b&gt;\x11:$\x93\xb6\xbf\x99\x0er\xd6\x18\x95\x9f\xf8't%G\xf4o\xd9\x9aY\x899,\x11\x98\x83\xc8\xadW\xd0o+ x\xef\xbb\x8b\xe8X\xaf\xf4\xe9C\xb4\x14\x84]\xf2\xc8\x13Wm\xe11\x02@\x05\x04\xdf\xf3\x17\x14%\xca\xea[g\xab\x1bf\x98\x8c\x15\xe3\xa9\xc1\x1d\x0e\xc4\xb7\xa0\x89\xf9F\xa5\xfa\x15,\xdd\xb1Ix\x05\xa2:\xf6\x13\xb8\x15m\x9a3\xba\x03\x9fn\x8b\xe0\xc7\x02dllG\xab0\xd1\x10\xf7\xbf\xddb\x93\xa4\xa5fK@\xbaO\xd6m\x80\xec+o= ;\xd9TIE\xf8\x1a\x8d\x9bpS\xc3\xd4\x14D\x94\x15\xf6C\xaf\xc5\xf7\x1bt\x80"</t>
  </si>
  <si>
    <t>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</t>
  </si>
  <si>
    <t>b'\x85\xda\xbd7\xa6\xa6\xe7\xae\x1b5\xa0\x11\xd7\xd2\x8b\xbc'</t>
  </si>
  <si>
    <t>versation that my young mistress was now out of
 danger, and would soon be able to ride again. This was good news to me and I looked
 forward to a happy life.
 57
 Chapter 25. Reuben Smith
 Now I must say a little about Reuben Smith, who was left in charge of the stables when
 York went to London. No one more thoroughly understood his business than he did, and
 when he was all right there could not be a more faithful or valuable man. He was gentle
 and very clever in his management of horses, and could doctor them almost as well as a
 farrier, for he had lived two years with a veterinary surgeon. He was a first-rate driver;
 he could take a four-in-hand or a tandem as easily as a pair. He was a handsome man, a
 good scholar, and had very pleasant manners. I believe everybody liked him; certainly
 the horses did. The only wonder was that he should be in an under situation and not in
 the place of a head coachman like York; but he had one great fault and that was the love
 of drink. He was not like some men, always at it; he used to keep steady for weeks or
 months together, and then he would break out and have a "bout" of it, as York called it,
 and be a disgrace to himself, a terror to his wife, and a nuisance to all that had to do with
 him. He was, however, so useful that two or three times York had hushed the matter up
 and kept it from the earl's knowledge; but one night, when Reuben had to drive a party
 home from a ball he was so drunk that he could not hold the reins, and a gentleman of
 the party had to mount the box and drive the ladies home. Of course, this could not be
 hidden, and Reuben was at once dismissed; his poor wife and little children had to turn
 out of the pretty cottage by the park gate and go where they could. Old Max told me all
 this, for it happened a good while ago; but shortly before Ginger and I came Smith had
 been taken back again. York had interceded for him with the earl, who is very kindhearted, and the man had promised faithfully that he would never taste another drop as
 long as he lived there. He had kept his promise so well that York thought he might be
 safely trusted to fill his place while he was away, and he was so clever and honest that
 no one else seemed so well fitted for it.
 It was now early in April, and the family was expected home some time in May. The light
 brougham was to be fresh done up, and as Colonel Blantyre was obliged to return to his
 regiment it was arranged that Smith should drive him to the town in it, and ride back;
 for this purpose he took the saddle with him, and I was chosen for the journey. At the
 station the colonel put some money into Smith's hand and bid him good-by, saying,
 "Take care of your young mistress, Reuben, and don't let Black Auster be hacked about
 by any random young prig that wants to ride himâ€”keep him for the lady."
 We left the carriage at the maker's, and Smith rode me to the White Lion, and ordered
 the hostler to feed me well, and have me ready for him at four o'clock. A nail in one of
 my front shoes had started as I came along, but the hostler did not notice it till just
 about four o'clock. Smith did not come into the yard till five, and then he said he should
 not leave till six, as he had met with some old friends. The man then told him of the nail,
 and asked if he should have the shoe looked to.
 "No," said Smith, "that will be all right till we get home."
 He spoke in a very loud, offha</t>
  </si>
  <si>
    <t>b':RIs3\xb6\x80/'</t>
  </si>
  <si>
    <t>3a52497333b6802f</t>
  </si>
  <si>
    <t>dance.
 Montoni came home late in the morning, in a very ill humour, having
 lost considerably at play, and, before he withdrew to rest, had a private
 conference with Cavigni, whose manner, on the following day, seemed to
 tell, that the subject of it had not been pleasing to him.
 219
 In the evening, Madame Montoni, who, during the day, had observed a
 sullen silence towards her husband, received visits from some Venetian
 ladies, with whose sweet manners Emily was particularly charmed. They
 had an air of ease and kindness towards the strangers, as if they had
 been their familiar friends for years; and their conversation was by turns
 tender, sentimental and gay. Madame, though she had no taste for such
 conversation, and whose coarseness and selfishness sometimes exhibited
 a ludicrous contrast to their excessive refinement, could not remain
 wholly insensible to the captivations of their manner.
 In a pause of conversation, a lady who was called Signora Herminia took
 up a lute, and began to play and sing, with as much easy gaiety, as if she
 had been alone. Her voic</t>
  </si>
  <si>
    <t>b't\x87\xa4,-\x10v\x85\x0b\xff\x8c\xda\xc5\x86\xd4~\xad\xe2\x93zS\xc3\xd0\xf9\x93\x9dY\xa0Zr\xcc\xe0\xb2\x02Pl\xc1Z\xca\xfc\x95\x01#\xbe\x90\xc6\x1fT\xc0K\xf7$\xd9\xb8p\x9a\xc0\xef7(mg(\x94'</t>
  </si>
  <si>
    <t>7487a42c2d1076850bff8cdac586d47eade2937a53c3d0f9939d59a05a72cce0b202506cc15acafc950123be90c61f54c04bf724d9b8709ac0ef37286d672894</t>
  </si>
  <si>
    <t>b't\x87\xa4,-\x10v\x85\x0b\xff\x8c\xda\xc5\x86\xd4~'</t>
  </si>
  <si>
    <t>rticularly clear.
 These contrasts played an important role in the
 â€œconversionâ€ of many leaders in Latin America and
 elsewhere to the idea of economic reform, in terms
 of both a commitment to price stability and the
 opening of markets to the world.
 CHAPTER 22 Developing Countries: Growth, Crisis, and Reform 641
 explain how, despite high saving rates, East Asian countries were led to invest so much
 that their current accounts were in deficit prior to the crisis.
 Some analysts have suggested that excessive lending, driven by moral hazard,
 helped create an unsustainable boom in Asian economiesâ€”especially in real estateâ€”
 that temporarily concealed the poor quality of many of the investments; and that the
 inevitable end of this boom caused a downward spiral of declining prices and failing
 banks. However, while moral hazard was certainly a factor in the run-up to the crisis,
 its importance remains a subject of considerable dispute.
 3. Legal framework. One important weakness of Asian economies became appar_x0002_ent only after theyâ€™d stumbled: the lack of a good legal framework for dealing with
 companies in trouble. In the United States, there is a well-established procedure for
 bankruptcyâ€”that is, for dealing with a company that cannot pay its debts. In such a
 procedure, the courts take possession of the firm on behalf of its creditors, and then
 seek to find a way to satisfy their claims as adequately as possible. Often this means
 keeping the company in existence and converting the debts it cannot pay into owner_x0002_ship shares. In Asian economies, however, bankruptcy law was weak, in part because
 the astonishing growth of the economies had made corporate failures a rare event.
 When times did turn bad, a destructive impasse developed. Troubled compan</t>
  </si>
  <si>
    <t>b'0E\x02 F%\xc6\xb04%\xe8\xd6\x1b\xaa\xde{\x86\xb9\x90k\xdf\xfe\xa4\xc3\xff\x07\xad0T|\x1e\xcaOj{\xc1\x02!\x00\xa2}\xd9\xeb\x18\xd0\xa0S\xb6e C\x9dE\xce\xc3\xf6\x8ar.`\xdb\x15\x91I\xf1\xd4\xb05\xa2NZ'</t>
  </si>
  <si>
    <t>304502204625c6b03425e8d61baade7b86b9906bdffea4c3ff07ad30547c1eca4f6a7bc1022100a27dd9eb18d0a053b66520439d45cec3f68a722e60db159149f1d4b035a24e5a</t>
  </si>
  <si>
    <t>b'0E\x02 F%\xc6\xb04%\xe8\xd6\x1b\xaa\xde{'</t>
  </si>
  <si>
    <t>roll over on our backs, or to nibble the
 sweet grass. Then it was a very good time for talking, as we stood together under the
 shade of the large chestnut tree.
 14
 Chapter 7. Ginger
 One day when Ginger and I were standing alone in the shade, we had a great deal of talk;
 she wanted to know all about my bringing up and breaking in, and I told her.
 "Well," said she, "if I had had your bringing up I might have had as good a temper as you,
 but now I don't believe I ever shall."
 "Why not?" I said.
 "Because it has been all so different with me," she replied. "I never had any one, horse or
 man, that was kind to me, or that I cared to please, for in the first place I was taken from
 my mother as soon as I was weaned, and put with a lot of other young colts; none of
 them cared for me, and I cared for none of them. There was no kind master like yours to
 look after me, and talk to me, and bring me nice things to eat. The man that had the care
 of us never gave me a kind word in my life. I do not mean that he ill-used me, but he did
 not care for us one bit further than to see that we had plenty to eat, and shelter in the
 winter. A footpath ran through our field, and very often the great boys passing through
 would fling stones to make us gallop. I was never hit, but one fine young colt was badly
 cut in the face, and I should think it would be a scar for life. We did not care for them,
 but of course it made us more wild, and we settled it in our minds that boys were our
 enemies. We had very good fun in the free meadows, galloping up and down and
 chasing each other round and round the field; then standing still under the shade of the
 trees. But when it came to breaking in, that was a bad time for me; several men came to
 catch me, and when at last they closed me in at one corner of the field, one caught me by
 the forelock, another caught me by the nose and held it so tight I could hardly draw my
 breath; then another took my under jaw in his hard hand and wrenched my mouth
 open, and so by force they got on the halter and the bar into my mouth; then one
 dragged me along by the halter, another flogging behind, and this was the first
 experience I had of men's kindness; it was all force. They did not give me a chance to
 know what they wanted. I was high bred and had a great deal of spirit, and was very
 wild, no doubt, and g</t>
  </si>
  <si>
    <t>b'\x15\\\x99f\x9b,\x1aE'</t>
  </si>
  <si>
    <t>155c99669b2c1a45</t>
  </si>
  <si>
    <t>y
Rome the Superpower: 96â€“235 CE 143
the selection and resultant adoption of a particularly suitable candidate by the reigning emperor would become the new method by which princes were created. On this
scheme, family members were neither to make, nor to be made, the emperor. Nor,
according to this plan, will the military have played a significant role in the process. In
the end, the surviving evidence is insufficient to allow us to be certain whether all the
talk of adoption was generated by necessity, since Nerva, Trajan, Hadrian, and
Antoninus Pius all lacked a son, or whether it was the result of planning. Nonetheless,
it is clear that, along with the influence exerted by family and the soldiers, for a period
of time in the second century CE, ability, or suitability, played some role in the process
of finding Romeâ€™s first man.
2 Whatâ€™s an Emperor to Do?
Introduction
By way of introducing this second section of the present chapter, let us return to the
brief reign of Didius Julianus. Having purchased the throne from the praetorians,
Julianus proceeded straightaway, accompanied by his new, heavily armed, retinue, to
the Senate House. There, he received the official sanction of the conscript fathers,
albeit under duress. On the following day, the senators all visited him to pay their
respects. Since they both feared and hated their new prince, they feigned a happy
mood in his presence. The urban populace, on the other hand, was vociferous in its
displeasure, loudly branding Julianus a parricide and a thief. So he offered them
money. When they responded that they desired no cash from him, that they could not
be bought, Julianusâ€™ tolerance had been pushed too far. He set the soldiers on them,
and a number of people were killed. The crowd then betook itself to the circus
maximus, where a night and a day were spent shouting abuse of Julianus, and
pleading that the legionary soldiers might com</t>
  </si>
  <si>
    <t>b'\xe4\xc3\\\x8f\xe7\xb1\xebUz]\x83&gt;/\x9f\xf2K\xcd\xc8\xda\xc8\x82\xf0\x85\x1b\x16\x14\x06\x9d\x98\x9d\xbdC;M\xeeN\xb1}\x87t\x1a\x9c\xac\x0b\xa7-\xf6\xea\x19h\xa1+ewP\xe5!\'\xea\xcbsL\x8e\x1f\xd9\xees\x1f\xb5\x95\xc2\xe1^\xe6x&lt;\xa8\x81\xe6+\xce\xb6\x18"%\xdf[}\xc4\x88v+\xbf\xcf\xfeVz\xf2\xf2=\xca\x7f;\xcb\x94F\xd4\xb2L\xf8\x94U)\xc4\xae\xe3L\xd1\xe4\xda\xdc\x93N%\x8d\xd1ep\xd0e\xf2\x94mf]y\xa3b\xd0\r\x14\xdf\x84\xd1\x8b\xcb\xaay\xb9\xf6"\x0f\xceb\x8e\xe5fv\xc9\xb5\xb3~\x02v\xa7b\x0e \xe4DL]|\xf4\xb3J\xaa\x80\xff\xc85\x13\xb0\xa3\x9b\xa7n\x8e\xf1\x04\x04\n}w\x19\x93\xf9\x9d\xf3MZ\xf8!+J&gt;\x84\xeb\x95@\xee\xe4\x93\x83\xdfR\xef\x13~\xfa\xc54\x84\xa4\x87K)6\xc1\x07\xc1\xb4\xa2\x11\x90\x1c!\xfd\xdd\x8c\xce\xdfO\xddVD1*\xc5\x168\xb8\xb5l\x1fH\x8f]\x01V\xec\xa6\x0e\xbeO\t;\xe1\x0e\x84\xf5x\x0cO\xfe\xdd\x00\xef\x98r{\xe6\x8fWf\xe3\x01\xa3\xb7\x10\xf8\xde\x15\xc5W\xe2\x93rN\xf8@\xff\x14\xcb\x16\x0e\xde\x08m\x8dRz\xaa\xeaV@\xeb1+&gt;\xed\xbeX\xcb\xf7\xc5\xa5(\xb0\xf0\x1e\x80^e\xf1\xbd.\t\xebV\xef?\xa8\xcd+c\x97\x01]mJq\xdaaTY^s\x8d\x95%\xe9\xef!N\xdd\x19\x90\xa5\xee\xc6\xa4\x02\x18R\xbdA\xac\xd9\n.h\xab\x0b\xdc \xae\x135I\xb9\x96\xcf\x888\x1b\xb4\xc9\xdc\x0bg\x04\x8f\xef\x9d`~\xb3C\xa2\x0f\xa9\xb1d\x88\x97\xa3\x97\xaf\xb04~l\x83\xda\xa6\xef\xe8hQ,\xbe\xa1\xdf\xb6\xe9\xe9\xd3F\xf4T1-j\xfc\x98$\x8eFi\x03]\xd8\xb4\xb6\x81\xa0\x8b\x1c\xfdGq\x9c]\x86\xe0|\xe3\xe9\xa0\xabF\x81\xbcn\xcf\xfe\xdd+g\x81](\xf1Q\x0e\x99n\xe1m \xbeV\x9c\'z\xa5\xa5\xcdk\xa9\xfa1Uv\x07\xeb\xd3\xd4\xa9\xe5\x07\xe92\x01\xb91\x91 \xdc\xbf\xbbA\x9ep\xb5\x85\xd7\xd5\xe95\xb8*\x98QE\xdewx\xb0\x1az\xf4\x8d\x10\x02\x9f\x88\xb7\xf3\xbc\xb6\x99\xe6f\xc0\x05Z\xb8\x9e\xbc\x08/\xb8\xafI.~\xab\x7f\x97s\x0b\x08\x92\xa9\x17\xcfU\x89\x1d\x15\xa8\xf1\xe4o\xd2\x1e\xc5N\xdaP\x0c\xb5\xb0\xca\x01\x14f\x9e\x9e\x9e\xe0\xfez\x84\xf3\x9b\xd9\xf5\xca\xc3\xdf\t\xeb\xb2\'DX\x15(-B\x8d\x11/\xd5~\xcbu?\xfd\x1f\xb0\xbc\x0e\xac&gt;0\xd9t\xbb\x1d\x14\xa7/\x90#\xb4\x92\xf6Bx\x9f\x15v\x91\x80\xb0\xe2\xdb\xdbm$\xdbDR\xf2d5\xcdL\xe9l\x19\xfb\xb9\xc8T\r\xe3"\xc5\xf8\xb5\x15\xc8\x7f\xcc\xde\x8ak\x94\xbeB\x06\r\xc0\xd2\xbd\x87e\x02\xf5\x83.U1\xb1Omk\x81\xd5\x14\xae\xb7\xcc\x8e\\)\x8e\xd9\xff\xc8\x13\xd309\x85\xd4\x82\x1c\xfe`\x05\xc7\x92&amp;ZS\x7f\xfa\x7f=5\xe5\x0fH\xdcH@J\x06@Q\xc0v%\x10\xc1T\xa1\x8cI|5K=\xf5\xd6\xa4\x1c\xa3h\xf1&lt;m\x9f\x02\xe1P&lt;\x98K\xd2\xbah\xe96\x00\x9f\xa6\xcd\xbc\xea\xa3\xc1\xeb\xb8\x12\x94\xe9$Bc*\xab\xfa\xd3\x89 =\xa3\xa5"\xacMQ\xe8W\xceH\xd0\xc4+B\xe4\x14R\xce\x9c\x81\x03?\xc7\xbf{]\x9c3\xc26\xf8\xac\xe0\x9c\xa6\x90\xc2\x9a.\x07\x80\xe6\xc1\x03\xe24\xe5\xd8o6\xf0J\x8e"\x97\xe1\xdd\xed\n\x12\xc5\xd8s\xe9\xdbx`b\x17H\xc4\xa2h\x85\x97\xa2\x1e\nA\xc1\xb8|F.\x87\x85F\xc0!0vl\x9d\x95\xf0\xe0\xdeR\x98~\xf4\xbc*$Q\x16\xc3\xc0\xa1\xba\xa2,\x7fK_\xa7\xc3\x0c\xf6\x92\x99\xa9\x89\xd5\xce\xcd\xe3\x0c\x85H\xae\xf1\xecZ\xde\xe3\xcb\x00\xa4\x1ej.\xb3\x97\xde\xaf"\xfeE\xa0\xdb\xf7\x98\xd9W\xc2:\xba\xfcNss9\xbb\x92X29k\x04\xef\xe2\xd2\xf2w\x96\xbb\x1e\xd3\x87\xd4\xa7\xf8\x03\xa1\x06UFA6_\x1e\x87&amp;\xed\xccxZ\xafFW\x86y\x1a\xad\xfb\xa4\xb1\x81k\\\xec\xa4\xfc\x13D\x068lq\x83\x1b\x82\x8f\x0b%c%\xf0\xa9m2\xd9s\xe3MU\xa3\xec\xda\x9da\xbe*\x80,\x18y9\x17\x1bSH\x88IU\x0e&lt;9\xc0F\xbbF\x98\xc1\xe6a!\xd92;\xc3\xb12\x02\xe7L\xc1\xbd\x0bD\xdcq\xf1\xb0\x0b.I\xd5\xa0\x08as\xc1\x90\xba*mae]\x1fx\x93C\x8a\x96\xde\xcdX\xc0\x04}\x87h\xdd\xb0\xb0\xa2w\x9f\xfb\xbc\xbb\r\x1d\xf9R\xc4\x00F\xeec\xb6\xaa\x16T,\x1a\xe8=&amp;r\xe3\x9f\xea\xe8\xbf\xc5\xbe3\xba\x0c\xc6j\x89iF\xd9/\xbd%\xbap\x02\xea\xff\xd9\xa9\x18\xc1\xc7\x98I\xed\xf4\xc0\x1cr\xc0%\xfc\xc8\xef\xab\xdav\xb7\xd6T\xbc\xf1\xc1\x0b\xf3[\xce/ q/\xa7\x1b/\x9c\x05A\xbaigK\x10\xb9#\xd6\x9dj\x85\xc7\xbf?\x98i\xc1\xdf\x81\x10\x1c+/\xaf\xf7\xbf\x14\xf2\xc0\x81\xbc\x14\xc2}\x1f\xb9"\x1c\xb8Oji\xac$Q\xe0\xc3\x98_JOQm\x0ek?\t\xd3`\xae\x1f\x9c&amp;\xc3\xc4\x89V\xdb\x06\xb9\x1a/\xb8\x88n\xb6\xc1\x01w\xd5r@\xb3\xb1\x19o\xbd\xb8\xa60\x1b\x1d\x9c~\x1b)\xff\xf59\xbe\xb6\x07\xa8\x8b\n\x84:\xa3\xae,\xc8\x97\xa6\x8a\xa0\xcc\x08Z\\k\xd9\xado\x18\xf0\x0c\xbf\x10\xd1\x97R\x9a\xfc\x80\xc6\xdcC\xc6u6\xab\xe7\x0fq\xb9\xa2\xff\xbe\xe1uN\xfe\xfab\xfb@^\xeb\xe2\xa3\xa3|\x81\xcdhw\x82&lt;\xab\xc7\xc2\xbar\xd5C\x15\xca\x8e\xd6\xf4\xe3=\xad\xdb:L\xdc%7OI\xd8\x7f\xfe\x97\xc1%\x9f:Y\xdaK\xca(\xf2\xefF\xab\x80G\xd7|\xfc\xa0\xff\xcb\xa8\x12\x83\xc5S\xfa=\xcbg\xa8\xb8\x95\r\xa6\xd3\x135\xf5lM\xc9-\xd3/\'!\x9d&lt;\xa0cP\x1d\xacmZw\xd5\xeb\x95n\x9c\x9c\x0b\xe5d\x10~^\xc2\'d=B\xc8\x0b\x8f\x82\xc2X\x9f\xd8\xbeL\x82\xeeq~\x17\xba\xf7\x12R\\\xef\xeaN\xb4NT]{\xa3\xc2X4\xc4\xcc\xcb\x9cr\xc3r\x84\x96\xc7\x0e\x87\xda\xb0\xf7\xc1;\x84i\xe0\xbe\xd3,\x9b\xf3\x10\xa4\xd0\x94h98%\xcb\x9aGJ\x1c\xae\xb2&gt;\xd5\x8b(\xf4L;\xc3\x14YD\xe5\xc8\xbf\x18\x1b\xc6&amp;O\x8bz9\x1c\xdf\xa4\x8cG\x87rBo\x91\xc1\x14X\xbe\x0c\xae\xadM\xe3\xd6\xf8\x1d\x96U\xc5\xa3Y\x8c)\xa45\x13l\x0c+v`sdC\x1a\x1b\x8e\xca\x82&lt;B\x0e\xafl\x8f*\xf4a\xdb\xa7\xb4s\x17\xf7\xa3T\x87\xe5\xba)\xa2{I\x9a\xac\xb6\x8b\x9f\xe1\x1b\x9cGBkR\xe3%uh\xf2\xedX\x99\x85\xcaV\xdc\xf1AY\x18\x82P\xeb\x13\xc6u\xedh~oq!&lt;\x8c\xad\xe9EZ\xf2S\xe0\xa2E:\x17\xa9\xd8\x03\x9dFV\xe7\xd9F\x91\x91;\x08\x14b\xae\xfd\xbb\\(X\x10\x97\x15[JMV&lt;38\xd6b\x1d\x81\xf3\x05)\xd0B\xd0\x01P\xa9IF\xa5\x9a=\xde\xd8\xd2\x11\\\xb1\x18\xb1\x0e\x95\x17\xe0\x0e\xa9\x05\xe7b\x87Ys\xb8\x1c$\x96a\xed\x1di&lt;1D\x04\x07\xc2\xe1\x91\x9a\x86\xb5\x0f$\xf6&lt;D\xb8(2h\xa0f\xab#\x9fS\xcd\xee\x10 \x9a\x8b\x14\xdd\xa9\xb8I;.\x7f~Y\t\xe8N\x05e\xd4D\x15\xa6\xcd\r~\xc9\x9cNn!c\x92t1K\xf6++\x85\x84f_\x04]\xd0\xf4h\xf2\xa2\x15$\x1f\x08\xd5\xb2\x05{U\xd8\x7f\x90q\xb4.\xb3\xce\xeb\xaaKL\x8f\xc7D\x9e\x04\xc2\xb6\xb7\xc8\xdb\xbf:\x9d\xaf\xadV\xfa\xb0\x01W\xbc\x10\xc5\xdd\xa9]\xad\xac\xba(\xb0\xd6\xea*\x81\x07\x8a\x94\x0c9\xb2\xce\x08B\xc2\xec\xebH"L\x19\xc6F/\x82\xa0\xca\xa6\x84-\xee/k3\xa35\'\xe7\xec\xc4\xe7\xc8\x97\xc5aX\xee\xb8\xf3\x1d'</t>
  </si>
  <si>
    <t>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</t>
  </si>
  <si>
    <t>b'\xe4\xc3\\\x8f\xe7\xb1\xebUz]\x83&gt;/\x9f\xf2K'</t>
  </si>
  <si>
    <t>of 1 dB and a bandwidth
 Ï‰n = 2Ï€ Ã— (10 MHz). If R3 = 1 k_x0004_, R2 =
 R4, and C1 = C2, determine the values of
 R2 and C1.
 *15.32. Equation (15.114) implies that the low_x0002_frequency gain of the Tow-Thomas filter is
 equal to R4/R1. Setting C1 and C2 to zero
 in Fig. 15.37, explain intuitively why this
 result makes sense.
 15.33. The transfer function in Eq. (15.114) re_x0002_veals that resistor R1 affects the low_x0002_frequency gain of the Tow-Thomas filter
 but not the frequency response. Replac_x0002_ing Vin and R1 in Fig. 15.37 with a Norton
 equivalent, explain intuitively why this
 result m</t>
  </si>
  <si>
    <t>b'\xa9\xffh[\xe9M\xcb\x01\x9f%\\\x19\x95\xceO('</t>
  </si>
  <si>
    <t>a9ff685be94dcb019f255c1995ce4f28</t>
  </si>
  <si>
    <t>Let us all slip into our beds, and be there when she comes in, just as if we had
 never been away.'
 And so when Mrs. Darling went back to the night-nursery to see if her
 husband was asleep, all the beds were occupied. The children waited for her
 cry of joy, but it did not come. She saw them, but she did not believe they
 were there. You see, she saw them in their beds so often in her dreams that she
 thought this was just the dream hanging around her still.
 She sat down in the chair by the fire, where in the old days she had nursed
 them.
 They could not understand this, and a cold fear fell upon all the three of them.
 'Mother!' Wendy cried.
 'That's Wendy,' she said, but still she was sure it was the dream.
 'Mother!'
 'That's John,' she said.
 'Mother!' cried Michael. He knew her now.
 'That's Michael,' she said, and she stretched out her arms for the three little
 selfish children they would nev</t>
  </si>
  <si>
    <t>b')H\xde7S!:\x06'</t>
  </si>
  <si>
    <t>2948de3753213a06</t>
  </si>
  <si>
    <t>y mouth. No captain, sir, would be 
 justified in going to sea at all if he had ground enough to say that. As for 
 Mr. Arrow, I believe him thoroughl</t>
  </si>
  <si>
    <t>b'w&amp;\x13\x1f\x80D\xf0zK\xf3\x8f\n4\xc0\xc0\x19\x97\x1e\xe4\xae#9\xd7\xe4\xc1\xb6\x16\x12\x8e\xdea\xa2|R\xa4\x05\x03k7\xf8\xe5\xa0\x05\x15~Gz\x8e:;W\n\xa9\xdd\x0e\xc0\xfd\xd4\xa0w6l\xf7-\xed\x12\xd1\xf5\xdfTJ\x82\xee\x0e\x8b\\\x07\xf7\x04\x17\x1f\xb4&lt;\xbe\xfb8\xf3(\xf3\x98\xfaj\xd2\xd6S\x7f\xf4"}\xc2\xe9\xe5\xb4\x1a\xc3\xa7\xe5k\x92ZR\xad\xba19t^\x1a\x85\x0e\xee\x95\xf9\xb6\xb24M\x99\xa1\x94}F7\x84O\t\x08\xf0\xd2(\x95\xa9\xf8&lt;\xcd=Kc\x94\xcb\xa1\xc6\xd2\x1c\xc9\x01\x04pY\xf3\xe7p\x94\x08?\x87r\xf3\xd0)\x91\xf7?r\xf7)\x93\xdb\xc4\xdbe\x9b\x9d\xc2\xfd\xcb\xbd\xa7\x8f}\x18\x97LiZ\xe8\x13\xcf\xc2\x9d\xb5\xd4s:\xb7\xe6\xcb\xe0&amp;\xa2G\x7f\xa4\xdb\xd0d\xb7\x86~\xaa\xba\x1b`\xd7\n\x9c\xf9\x0f\xc6r\xa3d\xb9\xbdv\xf0\xde\xa4\xe8B\x9a9\x84\xa8HbZ\xa0\x94\x08\xa4\xff\xf4\xde\xf3\x1c\x0f\xc5R\x97\xbd\xc1\x0c\xba5\x89\x8e?\xbb\x99+\x8d\xd9\xe2\xe2se\xf5\xf1W\xabu&amp;\xda\x80\x10\xd0}\x7f)\x90\x02\xba\x98~\xea\x8e\xb6\x81g\x1bn2\xe4\xb3\xa6\xdd\x9b\x89\xbf\xaf\xac\\\xf1\x1b\xfc\xbc\x03\x0c0\xd8\x1eF?\xc3\xb0\xf0\xed\xa8p\xfd2\xe5\xf8\x87q+\xb5_\xc3\x8e!Q\r\xbe}\x9b\xfa\x9e\xee\xceif\xcb\xbc^r\xfdQ\xef}\xc1\xaca\xd7Y\xac\xb7`9\xea\x08\x82F\xe9;R\xf9h\x8dd\xeb\x9bxt\x8b\xa9W\xe3\x97b\xc2\xe0\xed\xb6g\xf5\xecT\x9b\xaf\xf8)\xfdp,i\xb5\xd2\x01\xc8\xba\x86\x91\xf9\x9a5h&lt;~\xe2\xd0\xca\xfc\xd6\xdd\xf8\x89\xf1\xb9e\xf2vN;\xf2\xa8\xc0\xe3\xdfLF\xcb%\x19\xe8O\xaaf\x9f\xc79\x00\xc5\xac\xd8-\xd2x\xe4\xea\xf5\x01`;z\xae\xa6u8\xa0\xf8\xf9\xac\xc6\xcc\xe3\x8e\xde_\xcf\xf8"\xc02\x9b\xad\x11\x8f@eI\x95\xdbm\x1c\x9fu&amp;\xc5=\x9c\xa5\n\xd0\xa2\xb8\xab\x12:\xb9\xdc'</t>
  </si>
  <si>
    <t>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</t>
  </si>
  <si>
    <t>b'w&amp;\x13\x1f\x80D\xf0zK\xf3\x8f\n4\xc0\xc0\x19'</t>
  </si>
  <si>
    <t>ble, not only of what is just
 in morals, but of whatever is beautiful in the female character, was
 313
 shocked by these words; yet, in the next moment, her heart swelled with
 the consciousness of having deserved praise, instead of censure, and she
 was proudly silent. Montoni, acquainted with the delicacy of her mind,
 knew how keenly she would feel his rebuke; but he was a stranger to the
 luxury of conscious worth, and, therefore, did not foresee the energy of
 that sentiment, which now repelled his satire. Turning to a servant who
 had lately entered the room, he asked whether Morano had quitted the
 castle. The man answered, that his servants were then removing him, on
 a couch, to a neighbouring cottage. Montoni seemed somewhat
 appeased, on hearing this; and, when Ludovico appeared, a few
 moments after, and said, that Morano was gone, he told Emily she might
 retire to her apartment.
 She withdrew willingly from his presence; but the thought of passing the
 remainder of the night in a chamber, which the door from the stair-case
 made liable to the intrusion of any person, now alarmed her more than
 ever, and she determined to call at Madame Montoni's room, and
 request, that Annette might be permitted to be with her.
 On reaching the great gallery, she heard voices seemingly in dispute,
 and, her spirits now apt to take alarm, she paused, but soon
 distinguished some words of Cavigni and Verezzi, and went towards
 them, in the hope of conciliating their difference. They were alone.
 Verezzi's face was still flushed with rage; and, as the first object of it was
 now removed from him, he appeared willing to transfer his resentment
 to Cavigni, who seemed to be expostulating, rather than disputing, with
 him.
 Verezzi was protesting, that he would instantly inform Montoni of the
 insult, which Morano had thrown out against him, and above all, that,
 wherein he had accused him of murder.
 'There is no answering,' said Cavigni, 'for the words of a man in a
 passion; little serious regard ought to be paid to them. If you persist in
 your resolution, the consequences may be fatal to both. We have now
 more serious interests to pursue, than those of a petty revenge.'
 Emily joined her entreaties to Cavigni's arguments, and they, at length,
 prevailed so far, as that Verezzi consented to retire, without seeing
 Montoni.
 314
 On calling at her aunt's apartment, she found it fastened. In a few
 minutes, however, it was opened by Madame Montoni herself.
 It may be remembered, that it was by a door leading into the bedroom
 from a back passage, that Emily had secretly entered a few hours
 preceding. She now conjectured, by the calmness of Madame Montoni's
 air, that she was not apprised of the accident, which had befallen her
 husband, and was beginning to inform her of it, in the tenderest manner
 she could, when her aunt interrupted her, by saying, she was acquainted
 with the whole affair.
 Emily knew indeed, that she had little reason to love Montoni, but could
 scarcely have believed her capable of such perfect apathy, as she now
 discovered towards him; having obtained permission, however, for
 Annette to sleep in her chamber, she went thither immediately.
 A track of blood appeared along the corridor, leading to it; and on the
 spot, where the Count and Montoni had fought, the whole floor was
 stained. Emily shuddered, and leaned on Annette, as she passed. When
 she reached her apartment, she instantly determined, since the door of
 the stair-case had been left open, and that Annette was now with her, to
 explore whither it led,â€”a circumstance now materially connected with
 her own safety. Annette accordingly, half curious and half afraid,
 proposed</t>
  </si>
  <si>
    <t>b'\x11\xf3\x88\x13\xbe\x8ay\xe1g\x96XrT\x15\xc3&amp;,\xb3K:7\xee\r\xb0\x07r\xfb\x846\xf2\xbew}~\x1ex8C?\xe6\x9c|0\x9c\x92t\xfa!h\xb8_\x93\xb7\x10\xe8@?\x05pI\xc7\x17%\xb2'</t>
  </si>
  <si>
    <t>11f38813be8a79e1679658725415c3262cb34b3a37ee0db00772fb8436f2be777d7e1e7838433fe69c7c309c9274fa2168b85f93b710e8403f057049c71725b2</t>
  </si>
  <si>
    <t>b'\x11\xf3\x88\x13\xbe\x8ay\xe1g\x96XrT\x15\xc3&amp;'</t>
  </si>
  <si>
    <t>ad, and only five
 years old. I gave him a friendly greeting by way of good fellowship, but did not ask him
 any questions. The first night he was very restless. Instead of lying down, he kept
 jerking his halter rope up and down through the ring, and knocking the block about
 106
 against the manger till I could not sleep. However, the next day, after five or six hours in
 the cab, he came in quiet and sensible. Jerry patted and talked to him a good deal, and
 very soon they understood each other, and Jerry said that with an easy bit and plenty of
 work he would be as gentle as a lamb; and that it was an ill wind that blew nobody good,
 for if his lordship had lost a hundred-guinea favorite, the cabman had gained a good
 horse with all his strength in him.
 Hotspur thought it a great come-down to be a cab-horse, and was disgusted at standing
 in the rank, but he confessed to me at the end of the week that an easy mouth and a free
 head made up for a great deal, and after all, the work was not so degrading as having
 one's head and tail fastened to each other at the saddle. In fact, he settled in well, and
 Jerry liked him very much.
 107
 Chapter 45. Jerry's New Year
 For some people Christmas and the New Year are very merry times; but for cabmen and
 cabmen's horses it is no holiday, though it may be a harvest. There are so many parties,
 balls, and places of amusement open that the work is hard and often late. Sometimes
 driver and horse have to wait for hours in the rain or frost, shivering with the cold,
 while the merry people within are dancing away to the music. I wonder if the beautiful
 ladies ever think of the weary cabman waiting on his box, and his patient beast
 standing, till his legs get stiff with cold.
 I had now most of the evening work, as I was well accustomed to standing, and Jerry
 was also more afraid of Hotspur taking cold. We had a great deal of late work in the
 Christmas week, and Jerry's cough was bad; but however late we were, Polly sat up for
 him, and came out with a lantern to meet him, looking anxious and troubled.
 On the evening of the New Year we had to take two gentlemen to a house in one of the
 West End Squares. We set them down at nine o'clock, and were told to come again at
 eleven, "but," said one, "as it is a card party, you may have to wait a few minutes, but
 don't be late."
 As the clock struck eleven we were at the door, for Jerry was always punctual. The clock
 chimed the quarters, one, two, three, and then struck twelve, but the door did not open.
 The wind had been very changeable, with squalls of rain during the day, but now it came
 on sharp, driving sleet, which seemed to come all the way round; it was very cold, and
 there was no shelter. Jerry got off his box and came and pulled one of my cloths a little
 more over my neck; then he took a turn or two up and down, stamping his feet; then he
 began to beat his arms, but that set him off coughing; so he opened the cab door and sat
 at the bottom with his feet on the pavement, and was a little sheltered. Still the clock
 chimed the quarters, and no one came. At half-past twelve he rang the bell and asked
 the servant if he would be wanted that night.
 "Oh, yes, you'll be wanted safe enough," said the man; "you must not go, it will soon be
 over," and again Jerry sat down, but his voice was so hoarse I could hardly hear him.
 At a quarter past one the door opened, and the two gentlemen came out; they got into
 the cab without a word, and told Jerry where to drive, that was nearly two miles. My
 legs were numb with cold, and I thought I should have stumbled. When the men got out
 they never said they were sorry to have kept us waiting so long, but were angry at the
 charge; however, as Jerry never charged more than was his due, so he never took less,
 and they had to pay for the two hours and a quarter waiting; but it was hard-earned
 money to Jerry.
 At last we got home; he could hardly speak, and his cough was dreadful. Polly asked no
 questions, but opened th</t>
  </si>
  <si>
    <t>b'\xc79m\xe5\x96 \x03\x7f'</t>
  </si>
  <si>
    <t>c7396de59620037f</t>
  </si>
  <si>
    <t>you my word I wonâ€™t laugh.
Tell away, Jo, and donâ€™t be afraid.â€™
â€˜The idea of being afraid of you! Well, you see we used to play
Pilgrimâ€™s Progress, and we have been going on with it in earnest,
all winter and summer.â€™
â€˜Yes, I know,â€™ said Laurie, nodding wisely. â€˜Who told you?â€™
demanded Jo.
â€˜Spirits.â€™
â€˜No, I did. I wanted to amuse him one night when you were all
away, and he was rather dismal. He did like it, so donâ€™t scold,
Jo,â€™ said Beth meekly.
â€˜You canâ€™t keep a secret. Never mind, it saves trouble now.â€™
â€˜Go on, please,â€™ said Laurie, as Jo became absorbed in her
work, looking a trifle displeased.
â€˜Oh, didnâ€™t she tell you about this new plan of ours? Well, we
have tried not to waste our holiday, but each has had a task
and worked at it with a will. The vacation is nearly over, the
246
stints are all done, and we are ever so glad that we didnâ€™t
dawdle.â€™
â€˜Yes, I should think so,â€™ and Laurie thought regretfully of his own
idle days. â€˜Mother likes to have us out-of-doors as much as
possible, so we bring our work here and have nice times. For the
fun of it we bring our things in these bags, wear the old hats,
use poles to climb the hill, and play pilgrims, as we used to do
years ago. We call this hill the Delectable Mountain, for we can
look far away and see the country where we hope to live some
time.â€™
Jo pointed, and Laurie sat up to examine, for through an
opening in the wood one could look cross the wide, blue river,
the meadows on the other side, far over the outskirts of the
great city, to the green hills that rose to meet the sky. The sun
was low, and the heavens glowed with the splendor of an
autumn sunset. Gold and purple clouds lay on the hilltops, and
rising high into the ruddy light were silvery white peaks that
shone like the airy spires of some Celestial City.
â€˜How beautiful that is!â€™ said Laurie softly, for he was quick to see
and feel beauty of any kind.
â€˜Itâ€™s often so, and we like to watch it, for it is never the same,
but always splendid,â€™ replied Amy, wishing she could paint it.
247
â€˜Jo talks about the country where we hope to live sometimeâ€”
the real country, she means, with pigs and chickens and
haymaking. It would be nice, but I wish the beautiful country up
there was real, and we could ever go to it,â€™ said Beth musingly.
â€˜There is a lovelier country even than that, where we shall go,
by-and-by, when we are good enough,â€™ answered Meg with her
sweetest voice.
â€˜It seems so long to wait, so hard to do. I want to fly away at
once, as those swallows fly, and go in at that splendid gate.â€™
â€˜Youâ€™ll get there, Beth, sooner or later, no fear of that,â€™ said Jo.
â€˜Iâ€™m the one that will have to fight and work, and climb and
wait, and maybe never get in after all.â€™
â€˜youâ€™ll have me for company, if thatâ€™s any comfort. I shall have
to do a deal of traveling before I come in sight of your Celestial
City. If I arrive late, youâ€™ll say a good word for me, wonâ€™t you,
Beth?â€™
Something in the boyâ€™s face troubled his little frie</t>
  </si>
  <si>
    <t>b'o\xda^\xe0-\xc3l~j\x1bl\xb7\x9fQ"\x87\n\x1f\xce4a\x82\xb4\x05}\x9b\xfd\xc5I\x8a\xaf\xa3\x8c\xd5j\xce\xa8\xf4\x0b\x16|\x1ev(\xbc\xb9?H\xea\x92C\x08h]1\x91\xe7\x19\xd2\xb2U\xae\xb0\xb9E7)\x92|\xb9\xe5\xb7\x174\xd58\x18\x1f\xacX#\xbeC\xa1\xc9y\xc7D\x88\xa2\xd3\x87&lt;\x16y\x02h\xfd\x13\xb0\x8d\x03\x9c\x99}\xb5\xc7\xc6\xc3\x1f,\xd6\xc3\x11\xb327\x03\xb9l\xacZu\x81\xf6\x07g\xf6\xa0\x99bW[\x8a[\xa6\xbb\xfb\xf2H\xb1\xed\x19G4\xb1\x02~\x04\x15Q\x0cu\x12\x01\xc7\x1c\xb2\xd3W\x0c\t\xc9\xfa\xea^l\xc9h\x9e\xd31\x99L;hyQY\xeb\xa4\x96\xd3d(\xad\xc9\xbd\xc8HPM`)X\xc6q\x1f\x84\x18\xd4\xfa\x8b\xa9\xdc\xe3\x03\xeb\x19\xec\xa0EM\x01M\x18:\x84\xd1I\xfa\xd3\xa3\xa7nhf\x1e\x85\t8\xb9\xc3\xack\xbd\xd6\x8a\xacl~2\xa9(\xdf\x1f\x14\xda\xf7\xd3\x9fA\xf0\xd3\x04\xa5\x9d\x90{\xf7\x86\x88\xfa\x085\x17\xb1\xc0\x0eS,\xf4\xf2z8 8f\x82\x1c\x06\xa4\xe6\x8fx\xa6\x88/\xdd\x7f+\xb5\x1d\x8506\x84Y\x07\'\xa5\x12\x997W\x18\x90\xbb!\x0b\xc3=|J\x7f\xcd\\v\x0f\xddY]\xe8+\xe3v\x7f\xfa\xc6\xb7\x04${i\xcf\xb4\x8f\xdc\xeb\x9bX^s\xe1\x98\t\xf6\xb5\xed\xda\x87\xdc6\xa2\xe1@8\xb4[\xf7;9\xf3\xb6\xf8W&amp;\xa3\xa3\xcd\x0e|x6\x17!\x10p\xb7\x93mw\xdd\xf7\xa0\xa9-|p3Xh\x81h\x95\xb5zzLG\x1e\xbb\x9cb\x9d\xb4["\xb0\xfe\x9fqY\xf4(\x1b\xd1_\x83I\xe6]\x00\xb1\x18\x9e\x07Z\xd7\xa8\xf1F\x8a\x04\xffn[\x1b}\x81\xbdf\x0fU\x7f,rsky+4\xbb\xc4s\xdd\xe6\x1f\x07\xf1@\x8d\xcb\x85f\x8fyd\xd6\xbbm\xea\xd8\xe8\xbb~\x8d\x04\x13\x83CdN\x9d\x8c\xf5\xb2H&amp;\xc0\xd0\x10Z&gt;\x14\xe1\xdd\xaa\x81\r\xd9\n9r\x16\x80\xf1\xa6\x0f\xab\x13\xaa\xbf\x8c&lt;\xda\xf4e\xd6\x92\x13\xe2\x1aj*\r\x86\xee\xf4\xeb\xd3\x03\xfd\x8eWi\xb7\x8d\x1d\x01\x02~\xf1&lt;\x8c\x035`X\x99\xe3\\\xc3"\xfe\xb4d-\xbc\xae#\xd2{\x9a\xado\xad\xfe\xf7\xd3\x9fA\xf0\xd3\x04\xa5\xb2\xa9\x7f\xf5r\xb3i\x8c\xc0k\x00\xfa:\x9c\x7f\x08\x12\xff\xb9\xac\xcbP\xfa,\x96\xc8\x90YpB7f8\x02\x1f\xffC6\x8dB\x08\x1e\xf9\xd0\xcd\xac\xc2\xd2\xa8e[O\xee\xb50\x85\x0b(\xe2e\xe9\x0e\x1e?\xbb\xe60\x10;2\x9f\xe9\x10\xcdJ\x14\xdb\x8a}\xf4\n\xd8\xd1\x81\x8eB_]\xf3y\x9b\x16@\xe4\xcf\xc78I-\xef\xbb\xe3\xe7\xddk\x8a\x881\xd6\xeev\x90\r\xb4&gt;\x90`\xe0A\xb5\x8cA\x95\xb9\x85\tB8\xd4\x1d?\xf5\x02\xc3\xc8\xbd\x86\xc1V&gt;vku\x94B\xc8\xd4\xe2\xafy\x97\x1e\x8b!ph\xa0\n\n73+\x0b\x99\x83\x9d\xae\xfcC\xd3\xab#\'\xde\xaf\x93r"\x9f\xec o\x87\x1e^\xf8\xa4\xe6\x8b\xba7b\x15\xe5\xa5\x89\xc0^H[\x1a\xe9\xed\xa9a\x85\x0fh\x1bWc\xf2\xce\x18K\xdb]\x83c8\xe0\xf1[\xcd\xb7X\xe5\xcd\xbdx%\x83\\s\x01\x9d\x9fre\x9d\xde\x16\xe0m\x90\xdef\xc4?\x9f\xaaV\xffn\x1d\xef\x80\xab]\xe4\x0e\xcax\xdc\xe1M\xd8\xe4\x10\xb9%x\x1a\x01\xc0"y#\x92\xe4\xedaOP\x00$=\xb2\x13\xdc\xbf\xa4\xe7\xd5\xa5rU\xf0s\xe2\xb8r(Vr\x83\xb3\xe76yQ\xcf\xd4\x12:\x0b\xfd0?\x86\xda\xb7\x8a\xdd\xa7Y\x17\x9c\x08:\x8f\x98\x10^v\xa9|N\x99V\x9a}+Pp\xd4\xa9\'G8&lt;\xdb\x01\x07:l+u_$K\xb2;\x84\xb9b\r\xc3\xb3\xba4ufv\x03(\x88\x1co!\x84`\xcd9T86[\xd4\x1b\x17\xea\xf72\xefj&lt;\x95\xfa\x92b\xb1\n\xba\x05\xa8\xd8\xea\r\xba\x97#\xa6\x9dd4\xe6fU\xdf\xac8v\x00\rx2l\xe0\xc2\xee\xdbO\xb9\x0c7\xa20X"]\x9b\x01\\\x98\xaeL+S\xbc\t~\xe592\x06$\xeb\x98Q\x9d\xf1\xc9\x95\xad\xd9\xc8]\xca\x0f/\x1dL\x1e\x884\x1b\x08\xe2\xd0x\x9cS|\xb3z\x97\x9f\x83^\xb9\x19_\x06\xba\xf0\xd2&gt;\xc0rCb\xe1\xa8\x82\xaa\x98I\xfcp*\xaa\xcd+\xa1\xc3\x8f\x8a\xac|\xce)\x8e\x10Ye\xff\x00iw\x194)\xd1\xad\x07p]\xad\x0f]\xf5\xf5\xeb\xda\xc2[,\xd4\xa22\xfa\x0c\x9f\x0c\x0c\xa9\xb7N5\xdf4O\x18\xe6\xca\x888\x9ds\x89\xe8\xa0\x7fK\xa1_\x07\xa9\xb4Y\xc7\xe0\xf7\nd\x15\xd0\x11\xe3\x87]\xb1p\xa8\x83qz\xbb1\x9f\xc3\xe8O\x81\x81$\xd6@ZI\xe55\x87\xd4\xef\x85\xbc\xd4Q\xa2\t\x9b\xcc-\x06\xf90\xf3\xe6\xc0\x84\x16)\x8c\xcelV8\x0c\xdd@\xde\xe5.\xdc3\xde\xc7F\x90]\xd4W\x9a\xb8\xce\x84\xe6\xfc\xfd\x8bh\x8fH7&amp;\x8b\xa3\xce\xca\xcd\xbfSb\x8a\x02\xd5\x1f\xc0\xaft\xfaF\xa81\xc7%Q\x94}L&lt;=q\xc3\x9c\x18v_\x17o\xafIbY\rL+\xa1\xd1\xdfD\x10\xb4\x0c\xe2i\xba\xc7\xa6d&lt;\x17\xd7-{\xfb\x8c\x87\'\x85\x0cS\x96#\xa0d\x00s?\xc5\x14\x8f\xcd\x1d{\x1a\xf1\xf4\xd2n\x82\xd0TS\'\xc7(\x17\x89\x14{[\r\x87\xda\x0f\x1fWTp\xf3\xdb\x06\x1b\xd3\x1a\xc3F\xc6xqmU\xfbx \t\x89\xdf\x1c\xec\xa2UV\xb24\xa5\x83\xfa\x9b1\xf1\xd59\x9aH\xae?fo\x91\x90T\xa4\x0f:s\xd1\xff\x0bO.\xab%e\xef\x91\x8b\x97\xdb\xd9\x06\xa5P\xd2\x81o\xa0xg\xb4\x81d\xddW\x92\x0f\x93\x12\r\xac\x005\x02-\xf6\xe9\x84h\xf6\x1f\xb9\x99\xe2\x19*\xde\x18J\xc1HtirH\xfa\x8e\x82\xfe0\t\r\xf4\x17\xa0[\xceE6k\x91\x99ozOv\xe8\xdd\xc5\x1a\xf2\xe0\xd7d\xbe\x1e\xc47&gt;K\xfb`%q\xf4\x84J\xa9\xc4*,\xfd(\x1e\xdd\xa2.Yry\x18\x13\xe3\xf0aH\xb6\x0e\xec=\xca@N\xbd!I\xeb\x01&amp;%6\x87~\x8et\xef&amp;\xccb\x16\xc4l?\xb5\x94\x0c\x0e\xdb\xaf\x0c\xe8\xe9\xab\xe3\xd6b\xbdV\xffB:\xc6\xf1\x11\x94\xc23\xa0\x81K\xbc\xc7T\x8a\xee\xdc\xe3*\xf6\xab\x05\xe8\xb49K\xa5\xcf\xeb\x0f\x8dc\xb9\xce\xad\xa9\xdfL\xea\xb9\xe2\x05\xc4\xa2\xc7E{4\x81\xfd\xbb\xe22[\xc4\x9c\x8bf\xd08\x9b:\x82\xe8\x86\x89\x89\x84\n\xdc\xb2\xe0\x97\x19\x8b\xcf\xbc\xe6=\x07\xc6\xba\xf2\xe5\x87 \xac\xf9\x12\x9f\xe8\xef\x84\xd2\xbd\xf4\x03n\x99\x9a\xf5\x0b\x97\x04QXa\xe6\x088\x8dj?\xde\x9c\xf7\xb1\x1d\xeaTZ\x86!\xa7\x9c\x927\xbe\xf7\xc6,1\x08]7j\x0c\xb8\'K\x15\xb8\xc9-\x87\xab\xd3\xf2\xa5\xf5w\xfd\xd4\xab@u\xaa\xbc\x94\x0c\xa4\x19\xd0\xf9\x91\xbcm\xbf\x01\x1b\xdf\x07c[,{\xd5\x1e\xba\x8d\xa8\x0b\x98\x87\xc0\xfa\xc2HJt\xf0G\xdb\x9f2|d\xa8NM\xe2d\x0b\xec\x98W\x893\xcfq\xf0q\x01\x90\x03\xb4\xea\n\xeeq\x8a\xadWW\xaa\'&gt;\xe9\x05\x7f\t@X\xadM\t\xa1\xc6"&gt;\xa9&gt;\xb5\x9b\x9d\x12\xbf\x03\xee\xed \xb3y\xf1\x89\\e+M\x9b\x98r;\xec\x0b\xaai\x8f\xef^\xc5q%\xa5}q_\x98\xb72\xf7\x07si\x144\xbf\x05)\xdb\xcfS\xe2\xd1\x87\xc7\xf3&amp;b\x04\xdeW2Y\xde\x81b\n^G\x9c\x8d+.\x18l\x1b\x9c\x8aD\\+\x14\xf4z\xf0\x9b\x16\x05c\x04H\x03~\xcf\\\xe4\xa6\xbf\xf6e\xd5\x03[\xb8\x06+TrL\x1d\xd2\xea\xd2\x1d\xe9\xb9\xf8\xd0\x9b\xe0\x0eV^\xce\xa2\'A\xc8\x15\x7f\xf7\x96\x173a\xb9\xa8\xa9\xf9\xed\r{c\x1f\xe1b\x98Vp\xb1\xaf\xc3Byr\xc4\rj\xf1\xf2`\xfd\xc0\x9dA\xb3Ld\xe7*\x1b\x93=-^\nCkY\x1fV&gt;\xbd\xabB\xe7\xa5\x12)\x19\xed\x036\xcf\x8cBm\xf6\x91\x91\xc6\xa5$J@\x04\x1a\t\x11\xe0K\xba]\x83\x90e\xffi+G\xcbj\xa1\xa28\xe7\x83\x1c&lt;\x8a&amp;n\xf4\\\x03\xd7^\xa3\xe7T\x0e!\xb9`\x1b\xd8\xb5\xdbJ!\x80&gt;\xc9\xdaG\xb1\xc4W\xa0\xe7\xe3\xb9,\x9a\xa2h\xbf(+\x1c\xf6\x0fn%\xd7O;\xe1\xb7\x13\xda\x1eb\xf4\x83#C\x12\xfc\x85\xeeCJ\x80\xfeY\xf9NC\xfd\x9f\x8b\x88\xee\xd1&lt;6\xafKk\x95\xbbDc\x1eA\xebHe\x8e\x8e\x05m\x03\xa3E\x07\xc0~p\xf5$\xab\x88qR\xe1\xeb\x15\x16\xce\x84H\xde\x07 Nz\xc6\xc0[x\xc8W&gt; \x91\xef\xb2F_\xdcK\x903#j\x08\xda\xc1\r\x91\t\xa6\x07\x83B\xdc\x0e;[\xea\x9e5oK\x1d\xbe\x0eE\xdb\x10\x04\xf7\xf8\xa9M\x11\x8b\xa9\xb0DlUz\xed\xbbb\xd6\xf3*\x89\xae\x94v\xe4.\x13\x1a\xbf\xb2\xd0\xbf\xa5\x8d\x9cE\xdc\xc9\xea\xbb%\x98\x92\xa3\x88wx\xc5\x8dGwnGp\x16\xd2\xd17nY6\xc8w\xb2\x95?kB\xbf\xb3\x93A\xf5\xc9\x8c\xd0t\xf3\xfa\xa1oSwm\x03\xa3E\x07\xc0~p\x160N\x0f\xac[\xa0\xbf\x85u\xed}4rs\x11\x00O\xa1\xe1\xfd\x92\xa1\x05\xae\xdc\xedCt\\\x1f\x90\x89{\n\xd5r\xa1\x84\x87\xd5*\x9c\xe2Dl\xae\x19)&lt;Cj\xe7\t\xe6\xb7\n\x17\xbd\xf2\xbf$\x85\xff \\\xc7z\xa8\xb5\xdb\xb79H\xfe\x1d\xeb\xf0/i\xd8\x81\x8b\xda`\xf1\xf6A\x08j \xcb\xa7\xd5\xef\xf9\xfb\xfb`:&lt;\xded}\x81\xaeD\x82\xb7\xd0W)\xa4:\xa5\x07\nSJ\x81a\x1b)\xde(\x19V\x129\xa8K@\x9a\x8c\xe8~o\xdf\xc17\xad\xec\'\xfe\xbf\x10&lt;n\x7fO+|\xc3\xee\xa8wT\xf9]\x9b[\xe6`v7\xbeB\xf5.\x13u_!\xca!\xad&lt;\x88Kf7"\x86\x8f\tZ\xaf\xa6\xbd\x07}\x06!c\x7fx\xb6\x97r?\xa0\xe2\x90\xca\xa4\xf5\x9fQ\x98}\xcb\xf3\x9f\xf2.\x1e\xeb|\x1a &amp;j\xca\x92\x94U\x80X\n\x13^g\xaeVA2\x0e\xa4\xcds&gt;\xf1h\xc7\xe7\xec\xd5\x9e\xd5\x1d\xfc2\xc2\xfe_l\xa9\x15\x14\'\x98\x87\xc8\x92\xdb\x94\xb30\x9e\x8f\x86\x8f\xebS&lt;#\tB)\r]\xa6Mx\x8bV\xc3\x91\xdb\xea\xc3QJu\xa6\xf3\xeb\xf9\x05e\x007\x8di\xed\xac\xf9V\xaa\xa271,\x1e\x88\xb42t\xf9\xa4\xfbQ\xc6G\xcdi\xf8fk\xf2\xaca\xc5~\x05\xc4\x9d^\x87\x8f\xb4\xaa7b\x03\xdd8\xff\xd6\x05\xb2\xa4\xba\xe8\xa5e\x9dq\xd8|m\x95$,\xcb~\x0e\x13\x80\x01\xbc\xfaf\x8e\xf4\xe6\x1b\xae\xe2\x113\xabwv\xb3\xba;f\xe8\xa6\xa6\xe2\x91l"\x8cy]\x9d\xeci\x90\xc4\xbc\x9a\xaf\xf4\x90)&lt;Cj\xe7\t\xe6\xb7o\x98N\x01&gt;\xc0\x01\x00\x8a\xca\xb3\x1e\xf8\xccG!\x8c\xacN\xf9\xf6\xd40:\xcb~\x89\x95\xddb\x95J\xb5\xaf\xf2\xf1\x9f\xd4x\x0e\x9a"ZS\x06\xea\x9f\xe2GmM6\xfa\x8buL\x03.Y]C\xe3\x9c\xc1\xe2M\xa36\x1f\xe35\x19&amp;\xfb\xf2U\x9c\xc7\xd0\x0f^\x80\xe4x\xaa\xafz^\x8fg\xd1\x91\x93\xc1\xad[\xec6\xce\x9b;\xb6\xc2dF\xb9\x81u\xddAM\xae.MS\x88\x97h\xab;\x8f\xd2\xdenm\xc5)\x8dj\xeb\x01\xed\x99\xa5\xee|\x1b\x14\xa7]\'\xe08\x99\xc7\xb9)\xc6OXR!;-E\x1d_P\x8d\x94\x03bQ\xad \xe4Y\xb7vs\')\xe9\xc0\x1e\x16vZ@=;n\xc5\xc6\x08[\x04\xa0\x82\xb76\xd9\xc1H\x8a8\xa9\x9d\x1c;1|d\xaeJq=\x91z1y\xea\xa1\x83\xbd_5fI\xdc\xb0\x90j\x1c9\xe1\x021\x12\xe8u\xac\x90\x1e\xb9W?\xa4\xf3DT&amp;\x90*\x88\xb2\xfc5\xe6q\xbb\x04v9\xc4O\xef\x14\x88J+b\xde\xa7\x8b\xc4c\xb0I\xa5\xd9`\xfbo\t\xfe\x8d\xbd4@WF\xda\xb1/\xa8/\xe0mOef\xe0^\xb5.F\x17\xed~\xa0\xaeq\x80L|\x10X\xfe\x0f\r\\\xb8\xa9\x0bg\\\x10X\xd3Q\x8aS\xaf\xb6\x11\x95\xd3h\x05\xe9x\x88\xd7ZE\x98bu|9\x9a[\x15\xdb\xdd\x0f\xfc\xf5\x87c6\x91c\xf5\xe8\x95\xa2g\xb4Z\x06\xd6\x92\x0e\xb9\xe4\x9c\xdf\x98Z\xdb\xee:\\y\x06\x1d\xaec\x91IU\x9f'</t>
  </si>
  <si>
    <t>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</t>
  </si>
  <si>
    <t>b'o\xda^\xe0-\xc3l~j\x1bl\xb7\x9fQ"\x87'</t>
  </si>
  <si>
    <t>she could scarcely keep her eyes open and she
lay down on her bed and knew nothing more for a long time.
Many things happened during the hours in which she slept so heavily, but
she was not disturbed by the wails and the sound of things being carried in and
out of the bungalow.
When she awakened she lay and stared at the wall. The house was
perfectly still. She had never known it to be so silent before. She heard neither
voices nor footsteps, and wondered if everybody had got well of the cholera
and all the trouble was over. She wondered also who would take care of her
now her Ayah was dead. There would be a new Ayah, and perhaps she would
know some new stories. Mary had been rather tired of the old ones. She did
not cry because her nurse had died. She was not an affectionate child and had
never cared much for any one. The noise and hurrying about and wailing over
the cholera had frightened her, and she had been angry because no one seemed
to remember that she was alive. Everyone was too panic-stricken to think of a
little girl no one was fond of. When people had the cholera it seemed that they
remembered nothing but themselves. But if everyone had got well again,
surely some one would remember and come to look for her.
But no one came, and as she lay waiting the house seemed to grow more
and more silent. She heard something rustling on the matting and when she
looked down she saw a little snake gliding along and watching her with eyes
like jewels. She was not frightened, because he was a harmless little thing who
would not hurt her and he seemed in a hurry to get out of the room. He slipped
under the door as she watched him.
"How queer and quiet it is," she said. "It sounds as if there were no one in
the bungalow but me and the snake."
Almost the next minute she heard footsteps in the compound, and then on
the veranda. They were men's footsteps, and the men entered the bungalow
and talked in low voices. No one went to meet or speak to them and they
seemed to open doors and look into rooms. "What desolation!" she heard one
voice say. "That pretty, pretty woman! I suppose the child, too. I heard there
was a child, though no one ever saw her."
Mary was standing in the middle of the nursery when they opened the door
a few minutes later. She looked an ugly, cross little thing and was frowning
because she was beginning to be hungry and feel disgracefully neglected. The
first man who came in was a large officer she had once seen talking to her
father. He looked tired and troubled, but when he saw her he was so startled
that he almost jumped back.
"Barney!" he cried out. "There is a child here! A child alone! In a place
like this! Mercy on us, who is she!"
"I am Mary Lennox," the little girl said, drawing herself up stiffly. She
thought the man was very rude to call her father's bungalow "A place like
this!" "I fell asleep when everyone had the cholera and I have only just
wakened up. Why does nobody come?"
"It is the child no one ever saw!" exclaimed the man, turning to his
companions. "She has actually been forgotten!"
"Why was I forgotten?" Mary said, stamping her foot. "Why does nobody
come?"
The young man whose name was Barney looked at her very sadly. Mary
even thought she saw him wink his eyes as if to wink tears away.
"Poor little kid!" he said. "There is nobody left to come."
It was in that strange and sudden way that Mary found out that she had
neither father nor mother left; that they had died and been carried away in the
night, and that the few native servants who had not died also had left the house
as quickly as they could get out of it, none of them even remembering that
there was a Missie Sahib. That was why the place was so quiet. It was true that
there was no one in the bungalow but herself and the little rustling snake.
CHAPTER II
MISTRESS MARY QUITE CONTRARY
Mary had liked to look at her mother from a distance and she had thought
her very pretty, but as she knew very li</t>
  </si>
  <si>
    <t>b'W;N\x1e\xb6\xfc!\xb5?\xf0H\x1ep\xf3\xe0\xdf\xf3K\x98\xb5\x12hm\x17\x99l\x8fm\xed\xdf\xe6$\xba\x84\x8a\xcc\xb4W\nz&amp;\xd5\xdc\xb2\x00\x13\xfb\xad,\x16h\xca\x8a\xc4\xc5&gt;u\x87\xa2\xac0\xa7\xcd\xd6j\xe7\x85\xb8LW"\xbd\x05\xb89GD\xcf\xec\x14\x00d\xee\x8cpW{O\x1d\xbf\x97\xe2\xbeA\x8f\xf1\xd4\xe7\xf0\xde:\x87G\x06\x97\xd4\x84z\xf04\xa5|\xdb}\x8c+g\x7f\xbb*\xfe\xe8\xd0\xb3j\x13\x9c\x8f-\xb8\xc1\x87\xfcBd\xbbe\xd1\x0c.\xaae#k\x8ear\xa8\xad\xed{\xd8&lt;\xc8?2\xee\x80\xdfh@\xd8\xe3\t\x02/\xb0]\xc0S\x0bk^\x83\x93\xe8,\xdf\x02\x90.\x1c=F8|\xd5\xe7\xe3s\xeea\x1c\xd7\xf2\xc6\xea\xf5W\xd2\xa9\x8d`8\xd5\x95\x81\x88\x12\xd1d\x9c\xd1\xdf\xb7\xc4?XV\xf9\x08\xbb7y\'\xf3\x92r\x1aF\x16\xd0Jw\xd8\x83\x8b\xeb3\x84\x83\xdf\x1f\x10\x8a\x95\xab\x02\xdc)R\x97\xb1X\xbf5\x7fd\x94\xb9a\xb3\xe1\x1a\xd2\xd3\xe7\x16&lt;b\xf4\xad\xac\xa51\x8d\xce\x97\xe7&gt;)o\xca\x91\x97\xf0\x86\xe0S\x7f&gt;i(@\xe7b&gt;\x0b\xe6\x1e\xaa\xdea\xd6\x05\x0f\x89\x866\xbc\xe2\xf0\x8b\x9cA\xe6k\x1f\xc5\xbf/\x0b\xdf\xe8\xf5S\x8c\xcd\xa3\xf0\x89\x1ath\x94VEq\xd4K\xbf*k\xc9"\x1b=\x90\xf8\xb6=88A \xa2\xfe\xda\xa84\x0cyc\xdf\xe5\xa8\x9f\xe4\xa1\xb3\xd7F\xfb\xf0\xcb&amp;~\xbe\x99\xa6\xae\xe4\xc9\xe5\x84\x94\xac D\x07I\x077\x8c\xe8\xaa\x01\xc1?I\xe9L\xefg\x8d\xd2\xc4\xd6K\x1f\x9d\x93\xd5\xfe\xfd\x00\x06&amp;\x81\xd328C\xa5\xfdFVzC\x1d\x93\x906\xb9\x8dHKF#\x89 k\x19hug\x89}\xec#\xa4\xd2VG\x1d\x05\x1fCN\x12\x82b\x02n\x16\'C\x06T\xb4\xcc\x89\xd4\x1c\xc7\xfejv\xd5?\x8e\xf7&gt;P\xe3\x82q\x1f\xc5\x08\xf8\x90jMC$M\x0b\xe3\xa7\x01\xa0\xfe\xd2Zi\xec\xfd\xab\xbe\xa0\x15k\x10xW\x80\x83$\x8f\x1a\xa2\xc9\x16\xbc\x82\xc22Y\xe6E\xd2\xf0\x11\x1a\x88\xb7\xe7\xf4\xe1\x91\xd0\xbb.\xc5\xe0(*\\g\xfd\x10\xbb\xe73\\Y\x85-\x98D\x9ed\xc3t\xea\x80Q\\&gt;H\x8fi.&amp;\x00b\xcec\x90L\xf4V\x1f\xcf\xc8=:\x8f\x9fT\xc3\xce\x9c\xbbe\xdc\x14\xd7\xec\x91;\xa7(\xdbs\xfcO\xf3(N\x06V\x84i\x02{\xf1{\xc0\x83\x08\xea\xc1\xdf\x8a\xe4#z0|\x1a\xf1W:kXG\xca\x06\xefy\xbcr\xa10\x84XkY.zx\x9b\xb0\x07\xe7\xc3\x1e\xf2\xc6N\x06\xc0$\x90&gt;^\xa79m\x8eO\xc1\xee\x1d{\x06z7x\x0e\xf2)\x99\xa0{~\xba\x14\x0f\x9f\xfcM\xdb\xd6\x17\xack\xb0\xf8\xde\xa5M27\x90.\xef\xad_\x8d\x80\xec\xb1\xedA\x0b\x07\xaa\xb2\x01\x99\x84\x8c\xcb\x08\x00\xb7l\xd5:{`\xc1\x9c\xc3\x16\x1b\xd3\x9b\xa4\xeeEzU\x1c\xc7\x17\x90w\xa8\xff#\x10\xe2\xb6\x99\xc1i1fY?.s\xbf\x95\x01jJgD\xfa\xdban\xb0\xfd\x81-\xc4\xe2!\xf5i\xa1\xd7\xa2\xca\xf8\xba\xceG}8t\xf9\x85\x85\xd7\xf1wD\x93\xc5\xaf\xa5A\xdcv\x98\nK\xd3\x8f+\x1fK\x87\xe2\x92,\n+\xc7\xfc\xc3\xaa \xd8\xab\x8f\xc70!8\xa0;Z\x83tDA%\x1a\x06Z\x9b\xc9\xc2\x85Yy\xdbfy\x9eY\xe4\x99\x8coQ\r\x08K.\',5\xe4\x88\xaf\x8c&amp;\xdf\x9d\xa4\xb9=1t\x96\xa3\xf0\xd2)^\x8b\x89W\x86\x87\x07\xd0\xe3\xa0r\xe9\n&gt;\xfc&gt;.\nT\x1b\xe6!sh\x01\x94F\xa0\xe9\xbc\xddz\xdcp\x13\x9d\xaeb\xca\x94\x8f\x86\x8d\xd7\x8e\x85[\x01\xd8\x810\xfb\xc8\xf4\x10\xd9M5H\xbf\x9b$\xc7Z\xa10\xa0-\xe6].\x80\x96\x07\nBW\xbf\x1a\x17\x1e9\xbc\x8c\xdfyg\x92\xaa\xff\xf7F8\x8ck\x9b\xe62*\x9b\xe9{\xd6\x8f\xcej\xd6Kn\xe4\x8b\xfd)%Sa\x1cR\xc0#\xbd\xed\xdc3r(\x1b\x83b\xff\x0cm\xd8\xac\xb6\xdbp\x83&gt;t\x94\x11&gt;?\xac$\t\xa6&amp;k%\xc9\xd7\x12\x1c\x95\t\xbd\xd3j"\xca\t\xf11\xe2OB\x85io\xe4Xq\xd8i\x1a\x9c\xc5b\x11\x93\xbb\xda\xe2b\xc5\x85hP\xdfB\x84\xa6\xf9\xa0\xb3c\xdb\xb1\xff\x97w\xf8Q\xfd\x10\x16\xd1\xe5\x15\xe5\xd2~&lt;F\x10\xfd\x0eA\x92\xd1o_Z\xb2\x827\x8b_\x08HS\x80&lt;\xe0-ei(\xa8dB\xaf\xb9\x83\x8e\xfc\x06Y\x82\x880I\xf4\xdb\x95\xd7\x07\x17\\\xeb\xf5ts\x1b\xd8\xbdL\xbc\xcd\x88\xe9\xd0,e\xc5\xd9&amp;\xfa\x9b\xad\x05\xff\xf5\x1et\xc6\x12O.:N\xc0\r\xf7\x94\xf8\x8el\xbcK7\xb8\xed\xa1\xf9b \xb7\x8b\xf6\x16s:,\x1c5\xc5:\xe8\x8f\x07\xcd\xe7\xed\xd6\x8b\xa5\xb0/\x7fK]-#\xae\xec\x9b\x12\x96\xe6\x83\xb3\xdfU\xf3\x0c7\xdc2\xbb\t\xa9\xd6\xa2\xcb\xf5\x99\x0e6\xcd\x03[R\xca5\xd3\xc8\x95+\x9c\xa2\xda.\x93\n\t\x83\xe4!\xa2\xf1q\x92\x80\xea\xf7G\x8byy\xfe\x89z\xc7y\xb9\xc9\xael\xaa\xcc\xce\xaf\xd8\xa3\\v\x1ae$\xd0\xb0X\xee\x82|\x15\xad\xca\x13x{\xe3\xa3\xa9\x14\xbc\xaaV\x0e3\x08\xe1V\x0b\xd6\xd9\x9bK\x1f\x9d\x93\xd5\xfe\xfd\x00\xb4\x8a\xcb5K\x88\xf1\xf6&lt;\x97C\x05c\x13\xb2\xa5^\x18`\xa4\xd3\xf6\xde\x17\x0c\xb1v\x88\xdf\xe9\x07\\\x85\x82\xf4\x12\xc9\xc5&gt;\xf2\xf4\x8e]#\xbb\xfd\x19yc\xa7\xce\x93\xad{U\xe2\x06X\xb6\x0b\x11\x91n\x9f\xa6\xd2\xb8-\xa6\xfbF\x9e\xc3QB3\x84\xa0\xd3\xf6\r\xf5\xbc\xa7_\xbd\xa3\x12l\xa2\x87\xeeL+\xfa[tN\x14\x97\xfc\xa6L\xab\x93\xdbp\xf9\'\x05\x03]P/1B@V\xe389~[\xaaq\x00\xbe\x18i\xef\x8fH\xeb\xd8\x88\xd0F\x97\xc2\x0f\xf4q4~!}\x9fz\x880\xcdbZ\xcf\xcf:X\xbe\rq\xb8\x03\xcf_\x1e\xeas|&lt;}\xdb\xb4?\x1f;J\'\xa2@\xaeO3s\x92\x8c\x19\xb4\xdd\x81\xf7\x12\xe0\x98\x00!\xdf_]F\xc7L\xbag\x17|v\xd9\xc1\xd6\xa0\xd7\x80%\xca\xf2\xf3u\x05%\xd0w\x0bxh{\xf7\xc4O\x86\xeauS\xb0\xc8\x8c\xb3\xb1\xcb3\xcf\xdf_r\xb0\x02\x02\x95=\x9a\xf9o\x9eD\x98\x07 \x17\x16\x08eY\x96OL\x9f\xa0\x93-\x8c\x07B\xd1\x16\x98\x00x\xbbU,\xfe\x15\x00\xcc\xd5,\xebI\xab4\x19\xa0\xc1|4\xe8\xfc\x99r\xc2&lt;\x81\xe0p\xda\xf9\xe7\x11B\xd8\x0b\x98\x8d\x9a\x1dE\xa3f\x90\xca\x82\xe1@\xa2\xf6\xab\x96o\xab8\x95L\xe7\xf6\xf1\xfa\xbb\xc9-\xe7+\xe6i\xeebGB\xd8v\x88\x99\xe6\x152Z+\xe0\xfcm \xefO\xa2\xa9F\xa2\x9eJ\x7f\x9c\xff\xee\xda[\x86\x93\x0bz\xdfNh\xa27\xfaZF\xce\xbb\n\xddc\xa9\x8cd;&amp;\xecuW\xbc\\\xad\xef\xa0P\xb6\x93\x03\xc8\xcb\x91e\x0e\x91\xf23\x8a\x016El\xd8\x00\x05l\x1b\xf8\xbb6+\xabC\xc18\x81\x08\x1d\xccK_\xddh\x9di[4\xb6\xec\xe8r\x89\xea0\xeb\x96\xcb\xb6\x88B\xe9l\x94~*\xec\xd8Y\x04\xf6d\xe3p\xf4X\'\xb0\xbf\xc9\x83\x9d\x14)C\xc8\xe7\x1b \x8ac\x94\x1e&amp;\x14\xa4}O;\xda\xb3F\xea\x91\x178\xa6\xfb\x86\x89\xcf"\x06\xd8a\x19w\x16\xb8\x90\x1c"\xc1\x81h\x90$\xae\xb9\xb5PCJ\xb9&lt;\xff\x100T k\x19hug\x89}Y\x8eK\xb8^\xd9[\xfd\xef\xffw\x94\x07N\xfa9\x82\xb8\x0bj\xfd \xf5\xa0\x9e|\xa5\xbb\x1am\x87|\xa7V ]b\xc614e\x9a\x8fR\xbc:ow\xcdJKw&gt;\xef\x9d\x7fN\xfce\xa7\xc7"\x04\xa0\xd7\x05D\xbd\x8a\xcf\xe1\x93=5\x8e\xdd\x03\xc8{\x99~\xe6\x08\x8e\xf8\x8c\x02+\xe6\xbfN?)\xab(\x17k\xa2\xa7\xebc\x11zk\x13\xd1\x92\xca\x1a\x918V\xf5h\n\x93a\xabl?a\xb4\x8e\xa3_\xc1\x8cE\xa1\xb8\xe3{Y\xc2\x04\xeb\n_\xb6\xa84\xf7t\xf6\xf4:\xd8\x8d\x8e\r\x89=\xb5\x02\xceE\ng\xc6\x1c\x13\x00\x9c1\xf2\x8f\x97\xf1\x90\x0b{\xddU\xae\xcca7h\xd8f&gt;7\xc0\xb6\x82\xfe\xe7 \x89\x8e\x10_\x82Ml-\xb1n\x97VG\x89|\x81D\x19.\xbc\'s\xcf\x9ew7\\O\xf6\xbd\xf3?\xbaOV_p\xb0\xe2\xe1#\r\xc6\xd8\xef\x9f\xa4\xef+\xcc\xa1\x08l\x87\x00\x8e\x82\xed4iG\x7fO_\r\xf0\xdc\x89e\xa6\\g`\xa7P\xbc\xef\x9f\xa4\xef+\xcc\xa1\x08\x8e\xab\x9d\xe3\x84d\xcd\xef\xc5&lt;\xb1\xb4\x9f\xd2m,&lt;G\x15\xc9\n\x80\x92mn\x0c\x1e\xeaN\xe7-?/~\x83\t\xb2\xfd\xa3\x91\xa8\x05\x89Ls#\xcf\xaa1\xd7\xd2Q\xbc]\x98zw\xa9{,\x88&amp;\xad=D2\xc9\xa3\xed\xec\x98&gt;\xe1\'{\xe3\xa7\x0c1&lt;\xcfhCW\xfd\xa7\x00\x8e\x9a{B\xfc\xaa^^w\x19\xc5jn\xe3vH\xd3\xf8Y\x94S\x8a\'\xf4\x95\xd9g\xd6\xd9*.]\x81\x1b,MNoD\xce\x11\xd5\x8bNa\xb8\xa3\x9e\xc9\xa3\xef\xccS\xd4\xc5\xd0\x81\xdc$y#\x8e\xd0\x9b\xe9p[\xc8&lt;\xe6\xa0O9\xdd\x98\xef\x98\x81\xf7A\xef\xd0\xeb?\xc5I\xc8\x073\xbe\xe0\xa8\xe8a\x9e\xad\xfaO\xbf\x1e\xd1\n\xc3\xedl\xd9\xea\xd9\xa5\xa4\xc9\x0c\x1b\xc3\x827\x10\x97\xc9F\x01\x90\xec\x99\x8c\x98\xba\xfc\xe7\x95\xc9\xf9\x9a8\xe6\xa0x2J\x8aCI\x8agE\x94?u\xd1m\x85\x97\xab\x04\xe3YX\xfa\xd7\x06\\\xcc\x00\xd2\\Z[\xecx\xd2\xc9\xdc\xfe\xab\xeb\x84\xd6\xb0\x05\xb8\xa0\xc7#\xa1![\x8b\xa5\x99]\x9bk\xaf*\xc1\xbd7H\xe4e\x95\xff\x9c3\xcf\x0b\x90\xdf\x96\x01\x94F\xa0\xe9\xbc\xddzK\xe9\xb1dg\xe3\xcc1\xb5\x84\xafr\xf6\xa9\x93\xc7\x8d\x88mq6\xb3Ht\xad\xfe\xa9\xe5\xc02l\xa1P\xc3\x0bD?\x08\xdcCp!\x9e\xfb\xf9/\x7f\x9f\x0f$v\xd2|7\xae\xf3\xbcm\x94\x16q\x1f\x93\xb8\xa7h\xbal\xa7\xd2r\xa0\xe5\x9e-\x06az \xac@Q\xa7\xe7Zk\x18o\xed`o?F\xb0&gt;\\\xb1u\xa5\xf3KZ4\xeb\xb6\xe2\x15\xaa\xbb\x0c\xd4!\x83\x8dS\xa7\xe4\xde\xe2\x9fbl\x150\x91)p\x1em\x18\x9a\x84\xdc\x86V&amp;8\x86\x1f\xa7E&gt;&amp;\xd4&amp;\x0e\x97\x99\xd0\x8eg;~\xca\xabv\xa0nVa\xde\x02\xc3&amp;\xda\x8c\x0fv\xd5\x81\xda\x03\xc6\xc5\x12\xc4k\x1a\xb9\xfa\xb0s\xba\xd2\xb7D\xf7\x80L^\x1cWn\x80\x07\xbe;o4\x9e\xde\xf2\xbb#\xc8R\xd5V4085(?\x13Q\xb4EJUQ\x7f\xab\xfb\xb3C\xa0K\xba\xfeg-\x89\xc1\xdf\xdeI]&gt;N\x91]\x94\x9c\xf3\xfa\xea:\xd7\x8f\xd9\x9d\xb1\x8d{\x88G\xb6:\x81\xf8n5.\xd5\x13_\xc0\x1e\xc0d\xbcM\xff\xd7G\x06\xa6\xca\xc2DD\r\xca\x984*4\x00\xb4\x19\xdaV\xe7p\xf3\x07\xb7!dE#\xca\x0fgQJ(~\xa8O\x05\xbb\x1a\xa3\x9c\xb8\xfa\x92\x0eu\x0f\x90s\x81\x1d\xd6\x8a^=\xc8\x9d\xa5\x8d\xcd\x02\xab\xef\xe8\\;/\x18\xf7\x8a\xb8\xed\xf1\x12r\xdb\xad\xc8\xfa\xe9\xf58\xf7\xd5\xfc\xa4\x11\xf3:\x96W\x7f\xaf\xad\xef\xa0P\xb6\x93\x03\xc8\xa8\x89|SX\x05\xc1\xc6\x8b\x86\x81@Nz\xea\xf6\xcd9\xff\xf7,\xce\x8d\xf1\x9e{W}\xaa\xceT,\xfev2zE\xd6\x1d\xa4\x82\xac\x96\x1b\xb4\x06]%Q\x86\xb2 \xf4_\xafq&lt;\xf2\r\xf6\x85\xf6\x12\xc1[X\xe1y\xfb6\xc9\xc8\x81\x11\x0b\xb7\x87M\xe7\xe9\xc0\x11\t\x85\x84\xc5\xa4\xf3w\xec{\x1b\xc9\x96\t\x1b\x14P\xb3\xb6\x95z \xe5F\x10\xb9\xfd\xef\x94\x90\x8e\x16\xf1\xb2~v\xfbULy\xf6)U\x83\xf7@9\xb4\xa0\xd3D\xef\xe59]i\xa6H\x05\xc8A7\x1d\'@l\xde\xf0\xef\x17\xa9\x07\x8f\x15\xe3g\xffL\'\x07f\xc4\xb5\xb2\xe2\x16\xb6\xa5\xa0\xfaC\x1fl\xaa\x9f`7F\xa0%\xabW\x8a\xc3\xd2\xcb\xa9\\EX=\x14n\x05`P\xe0\xb1\x84\xdd/\x17\xd8\xd0\r\xd6|\x0el\xeb\xf1\x1dJ\xe7\x00=\x1c%}\x1a\x08\xfdr\x04J\xc7\xf6wU\x8e\x08\x1el\x8c\xe0YA\xb0\xces\x08\xa1\xe2\xcfx\xa0(z\x01\x85`\xc1\x1f\x83\x00\xd5\xc2+0r\xb3h\xaf@\xa64\xa1\x81\xcc\x91\xe8\xd6\xc8 \xd8\xcf+\xa3p\x03\xb4&amp;\x924f\xf0\x1d\xb6\x17U\xbc#\x88\xc2\x0c\xbbg\xea\xae\x94z\x03\x8c"KB\x0f\x1a\xcaU\xcd\x8c\x0eY\xd7)M\xa1FT\x95\xbd\t"e\x97\xca2M&gt;2\xc4_\x0c\x82\x86\xb2\xc4\x89.\x83\x08\x8djLJ\x87\x00\x13K\xf7\xce\xaa\xfeM\x8aqQ\xb8\tp\x19\xf8\xeb\xaf|d\xfd\xd0+]!\xf75\xc6\xf1V\x92\x9b{\xb2\xd7\x1d\xe7\xe5%\x10\x05?\xc2U\xa3\xb7\x15\x9b\x10\x8d19\x82\x1d\x86?\xe14.\xe7\x10\x05G\x18\x9e\x9a\x12e\x95\xd5\'\x07\xf5\\\xd1\x87L\x80\xd6\xff\x10\xbe\xd9\xa9\xd2\xfdF\x90\xb4\xee\\\xbe\x8a7\xa4-\xe7\xc2\xb5\xf9ZjE!2-y\x89\x05\xae\xc9%@\xfed\xbb\x1dG\xfa\xbcp\xf1\xce\xa0\x9f\xf9\xe1|\xe8\x93\xe6\x08b5\xd6\n\n\xd7\xb4)QLx\xc9H[~\xba\xc6\x05\xf0\x16x\x8cqM\\\x9a\xcc\xad\x97\xf4]Ll\xd2jR]3F\xd5\xacT\xfa\x8f\x15\x1cL9\xc14\x8ev\x84""\xd4\xc4B\x8e\x0fqz\xa0\x1e\x832:\xec\x14\x8f\xff\xd2\xb8\xbb\xd5l\xffw\xb9\xa2\x7f\xd6\xbfX\xea\x01w\xcb]/3y\x95v\xea\x14\xf1\x1f\xf2]\xc1\xdbT|e\xf9x\x95.Oh\xe0\'\xf7#\xfb\x8f\x1c\x04]\x81%\xd3\x99g_\xe2\x9c\x0c,ts-\xf5(\x1c\xf7\x9dRO\xfb\xd7\\\r\x1er\xf4\xb4#\x17\xfc\x10\x1a\x9b\'\xd46g\x0e\t\x8cQ\x84\xb1\x0ebW\xf8_\xe6N\xc4\x8ee\x10\x91\xc9\x10\xba\x10\xa8dc\xf1\x84\x81\xba\x936\xc6J\xf5\xb8\xb4\xcac\x95\x8d\x8e\x9ea&gt;9\x97\xf6\x1d@B\xb4\x93\xc0B7\xe0\xd8)\x03W\xadJ\xe5p\xca\x11\x87\xba\x0b\x14\x80o\xfa\x15K-\xa5%\xa9\x9b\x90\x95\xe7Fc\xfe\x84\xfe\xa3S_\xb2%&lt;\x9e5C\x05\xae,5kum\x08\x9feu\x8d&lt;\x10j-\x7fxz\xd0\x8e\xf2\x91T\xd7\x1c\x99#\x98\xa8\xc2\\x\x086k\xcc\x86k\xbf\xd8\xe50\xda\x16\xe5\x12\x07;\x98\xf9\xef\x0cr&amp;;a0_\xbe\x08|\xcc\x7f\x83!\xaf\x8b\x00w\xb7!\x00\xb8\x05C&gt;\x04\xdd\xfc\xa8\x04\xcc\xe1\xce\xdac\x85\x88@\x1dC"\xef\r\xf5fE\x19\xa8\xa5\xbaJ\x96\xc0\x06\xaa\x89\x1cl\xeb\x18B\xb8\x1e\xd7\xfbh\x8e\xcfrK\xc5=\xbc&lt;\xc8=\xfa\xbb\x9a\x8f\xfc\r\xd1\xf6a\xe6\xaa\xf9\x13{j\xdaQ\x90\xbeK_/\xf8\x05.\xb8\x05C&gt;\x04\xdd\xfc\xa8\x04\xcc\xe1\xce\xdac\x85\x88\xf8\x98G\x8aF\xd9\xa8^E \x03\xd0r|\xa4\xc4iH\x89\x1ab\xa3\xc0\xac\xb8\xf7K\x98{S\x1cq\xea\xbe\x9c~=D\xb4\x87\x82\x03K\x02\xb9\xa7\x94\xb860n\x04\xa2g\x1c2\xea\xe2Cw\xc8\x07}^\x1e\xf0\x03\xb1p\x15\x1145&amp;\x17EP\xf5\xa2\xae\x0f\xd2M\xa27F\x84\xfbB\xa2\x9cg*\x05\x99\xf3O=\x00\xe5\x8dn==\xee\xc9i\xdb\x93\x90F\xa1;\x19\xab\xd8\xc7O?&gt;\x9a\xfe\x94F\xbdc\xa5\xf9\x0fyb;\x89\xec-D\xc2u\xe2\n\xeb&amp;\xa6J=\xe0\xb5_\xb1\x0f!D\xd8\x87\xb7H^\xb8\xc9\x84\xca\xabpZ\x83wl\xb7\x13\xea\x03Z\x06\xedKy\xe9\x85\x1b\xb1\xb6\xd4h\xf8\xa4\x00\x83\xcez\xb1.o\xb5\x00\xa3.\xe0\xc1\x8e;\xf8\xb8\xe8\x9a\xfc\x1a\xdc\xb64\x03\x93f\xab\xdc]\xfd\xa2\xaa2\x01s5\xd6\x1e'</t>
  </si>
  <si>
    <t>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</t>
  </si>
  <si>
    <t>b'W;N\x1e\xb6\xfc!\xb5?\xf0H\x1ep\xf3\xe0\xdf'</t>
  </si>
  <si>
    <t>ight suit the subject well enough,
 but I fear they are too irregular.'
  THE GLOW-WORM
 How pleasant is the green-wood's deep-matted shade
  On a mid-summer's eve, when the fresh rain is o'er;
 When the yellow beams slope, and sparkle thro' the glade,
  And swiftly in the thin air the light swallows soar!
 18
 But sweeter, sweeter still, when the sun sinks to rest,
  And twilight comes on, with the fairies so gay
 Tripping through the forest-walk, where flow'rs, unprest,
  Bow not their tall heads beneath their frolic play.
 To music's softest sounds they dance away the</t>
  </si>
  <si>
    <t>b'\x84=\xb1\x1doR\x91\x8b\x9b-\xd9g\x9a\xd2\x13\xdd\xddi\x91\xc18\x88\x93\xe0\xe3\x08k\x1b\xe8d\xe2\x1a\x0b\xc9\xbamvb\xbc\x08\xf2\xac`\xf6\x02\xa8\xbbn\x14\x01^If\x0b\xf1I:\xd73\r\x14\xd5K\x8e'</t>
  </si>
  <si>
    <t>843db11d6f52918b9b2dd9679ad213dddd6991c1388893e0e3086b1be864e21a0bc9ba6d7662bc08f2ac60f602a8bb6e14015e49660bf1493ad7330d14d54b8e</t>
  </si>
  <si>
    <t>b'\x84=\xb1\x1doR\x91\x8b\x9b-\xd9g\x9a\xd2\x13\xdd'</t>
  </si>
  <si>
    <t>to
 bed. Then, as she expressed it, she had a breathing time for herself; and she
 occupied it in making new things for them, and putting double pieces on the
 knees, for they were all most frightfully hard on their knees.
 When she sat down to a basketful of their stockings, every heel with a hole in
 it, she would fling up her arms and exclaim, 'Oh dear, I am sure I sometimes
 think spinsters are to be envied.'
 Her face beamed when she exclaimed this.
 You remember about her pet wolf. Well, it very soon discovered that she had
 come to the island and it found her out, and they just ran into each other's
 arms. After that it followed her about everywhere.
 As time wore on did she think much about the beloved parents she had left
 behind her? This is a difficult question, because it is quite impossible to say
 how time does wear on in the Neverland, where it is calculated by moons and
 suns, and there are ever so many more of them than on the mainland. But I am
 afraid that Wendy did not really worry about her father and mother; she was
 absolutely confident that they would always keep the window open for her to
 fly back by, and this gave her complete ease of mind. What did disturb her at
 times was that John remembered his parents vaguely only, as people he had
 once known, while Michael was quite willing to believe that she was really his
 mother. These things scared her a little, and nobly anxious to do her duty, she
 tried to fix the old life in their minds by setting them examination papers on it,
 as like as possible to the ones she used to do at school. The other boys thought
 this awfully interesting, and insisted on joining, and they made slates for
 themselves, and sat round the table, writing and thinking hard about the
 questions she had written on another slate and passed round. They were the
 most ordinary questionsâ€”'What was the colour of Mother's eyes? Which was
 taller, Father or Mother? Was Mother blonde or brunette? Answer all three
 questions if possible.' '(A) Write an essay of not less than 40 words on How I
 spent my last Holidays, or The Caracters of Father and Mother compared.
 Only one of these to be attempted.' Or '(1) Describe Mother's laugh; (2)
 Describe Father's laugh; (3) Describe Mother's Party Dress; (4) Describe the
 Kennel and its Inmate.'
 They were just everyday questions like these, and when you could not answer
 them you were told to make a cross; and it was really dreadful what a number
 of crosses even John made. Of course the only boy who replied to every
 question was Slightly, and no one could have been more hopeful of coming
 out first, but his answers were perfectly ridiculous, and he really came out last:
 a melancholy thing.
 Peter did not compete. For one thing he despised all mothers except Wendy,
 and for another he was the only boy on the island who could neither write nor
 spell; not the smallest word. He was above all that sort of thing.
 By the way, the questions were all written in the past tense. What was the
 colour of Mother's eyes, and so on. Wendy, you see, had been forgetting too.
 Adventures, of course, as</t>
  </si>
  <si>
    <t>b'\xd2 Gx{\xfe\xa5\x0e'</t>
  </si>
  <si>
    <t>d22047787bfea50e</t>
  </si>
  <si>
    <t>u and v by infinitesimal amounts, holding w constant (Fig. A.4). The
  surface is a rectangle (at least, in the infinitesimal limit), of length dlu = fdu,
  width dlv = gdv, and area
  da =(fg)dudv Ë†w.
  (A.11)
  2What about regions that cannot be fit perfectly by rectangular solids no matter how tiny they areâ€”
  such as planes cut at an angle to the coordinate lines? Itâ€™s not hard to dispose of this case; try thinking
  it out for yourself, or look at H. M. Scheyâ€™s Div, Grad, Curl and All That (New York: W. W. Norton,
  1973), starting with Prob. II-15.
 580
  Appendix A Vector Calculus in Curvilinear Coordinates
  v
  (u, v + dv, w)
  g dv
  (u, v, w)
  (u + du, v + dv, w)
  (u + du, v, w)
  f du u
  FIGUREA.4
  Assuming the coordinate system is right-handed, Ë†w points out of the page in
  Fig. A.4. Having chosen this as the positive direction for da, we are obliged by
  the right-hand rule to run the line integral counterclockwise, as shown.
  Along the bottom segment,
  dl = fduË† u,
  so
  AÂ·dl = (fAu)du.
  Along the top leg, the sign is reversed, and fAu is evaluated at (v + dv) rather
  than v. Taken together, these two edges give
  âˆ’(fAu) v+dv 
 +(fAu) v
  du =âˆ’ âˆ‚
  Similarly, the right and left sides yield
  âˆ‚v ( fAu) dudv.
  âˆ‚
  âˆ‚u (gAv) dudv,
  so the total is
  AÂ·dl = âˆ‚
  âˆ‚u (gAv) âˆ’ âˆ‚
  âˆ‚v ( fAu) dudv
  = 1
  fg
  âˆ‚
  âˆ‚u (gAv) âˆ’ âˆ‚
  âˆ‚v ( fAu) Ë†wÂ·da.
  (A.12)
  The coefficient of da on the right serves to define the w-component of the curl.
  Constructing the u and v components in the same way, we have
  âˆ‡Ã—Aâ‰¡ 1
  gh
  âˆ‚
  âˆ‚v (hAw) âˆ’ âˆ‚
  + 1
  âˆ‚w(gAv) Ë†u+ 1
  fh
  âˆ‚
  âˆ‚w(fAu)âˆ’ âˆ‚
  fg
  âˆ‚
  âˆ‚u (gAv) âˆ’ âˆ‚
  âˆ‚v ( fAu) Ë†w,
  âˆ‚u (hAw) Ë†v
  (A.13)
 A.6 Laplacian
  581
  FIGUREA.5
  and Eq. A.11 generalizes to
  AÂ·dl = (âˆ‡Ã—A)Â·da.
  (A.14)
  Using Table A.1, you can now derive the formulas for the curl in Cartesian, spher
 ical, and cylindrical coordinates.
  Equation A.14 does not by itself prove Stokesâ€™ theorem, however, because at
  this point it pertains only to very special infinitesimal surfaces. Again, we can
  chop any finite surface into infinitesimal pieces and apply Eq. A.14 to each one
  (Fig. A.5). When we add them up, though, we obtain (on the left) not only a
  line integral around the outer boundary, but a lot of tiny line integrals around the
  internal loops as well. Fortunately, as before, the internal contributio</t>
  </si>
  <si>
    <t>b'\xc2\x9a\xde\xfcLr\xbd\x16_\xf6\xe6\xf5\x9a\x0f\x9a\x1d\x00\xed\xedD&gt;a\xa7\xbd\xbb\xa9\xa6\x81V\x02\x932'</t>
  </si>
  <si>
    <t>c29adefc4c72bd165ff6e6f59a0f9a1d00eded443e61a7bdbba9a68156029332</t>
  </si>
  <si>
    <t>b'\xc2\x9a\xde\xfcLr\xbd\x16_\xf6\xe6\xf5\x9a\x0f\x9a\x1d'</t>
  </si>
  <si>
    <t>mitive conditions. Shoeless
 men, often stripped to the waist, catch molten iron as it emerges from a furnace, then
 pour it into molds.
 Although the firmâ€™s director claimed that the factory never has accidents, the risks
 are obvious. Hereâ€™s how the Times described the scene:
 â€œOften, sparks flew from pots of the molten metal. In one instance they ignited a
 workerâ€™s lungi, a skirtlike cloth wrap that is common menâ€™s wear in India. He quickly,
 reflexively, doused the flames by rubbing the burning part of the cloth against the rest
 of it with his hand, then continued to cart the metal to a nearby mold.â€
 The workers arenâ€™t paid much for taking these risks. The Times stated: â€œWorkers at
 foundries in India are paid the equivalent of a few dollars a day, while foundry workers
 in the United States earn about $25 an hour.â€
 The immediate reaction of some Times readers to this story was outrage. One
 letter writer demanded that the city ensure that it â€œbuys products made under humane
 conditions.â€ For its part, Con Edison said that it would rewrite its contracts to require
 that overseas manufacturers â€œtake appropriate actions to maintain a safe and healthy
 workplace.â€
 But was all this outrage actually doing the barefoot workers of West Bengal a favor?
 Another letter writer warned that it was actually counterproductive:
 â€œAmerican foundry workers enjoy a much higher standard of living than their Indian
 counterparts. They get paid much more, and their safety standards are (and should be)
 correspondingly higher. . . . To enforce similar standards in India would mean spending
 more on safety than is spent hiring the people themselves! . . . This unrealistic business
 model would lead to the closing of Indian foundry shops and loss of jobs for the poor
 people who need them most. . . . Of course safety is important, but such idealistic pro_x0002_posals will ultimately harm those whose safety they advocate.â€
 Indeed, although the manhole cover producers of Shakti earn low wages for danger_x0002_ous work by U.S. standards, their pay is good by Indian standards. And as the Times
 reported, â€œThe men making New York Cityâ€™s manhole covers seemed proud of their
 work and pleased to be photographed doing it.â€
 So is the production of manhole covers by barefoot workers something to be con_x0002_demned or praised? Are demands for higher safety standards humane, or would they
 have the effect of denying desperately poor people of job opportunities, merely to satisfy
 our own fastidiousness?
 286 PART TWO International Trade Policy
 Globalization and the Environment
 Concerns about human impacts on the environment are growing in much of the world. In
 turn, these concerns are playing a growing role in domestic politics. For example, in
 November 2007, the government of Australian Prime Minister John Howard was voted out
 of office; most political analysts believed that the ruling partyâ€™s decisive defeat had a lot to
 do with public perceptions that Australiaâ€™s Liberal Party (which is actually conservativeâ€”
 Labor is on the left) was unwilling to act against env</t>
  </si>
  <si>
    <t>b'0E\x02!\x00\x8d\x98\x9au#\xf2\xb3\x8a\x81\xf3\xc2"\xc9\xb3=n\x17\xf1\xec\x977\x05\xe5\xad74\xfcw\xabS\xd7p\x02 0\xeeP^\x9c\n\n\xdb\xe9\x02\xe30\xcb\xa4\x8d\xa7:3\x00\xe3\x848\x01\xff\x1dr\x11\x05\xf1"\xb4\xa0'</t>
  </si>
  <si>
    <t>30450221008d989a7523f2b38a81f3c222c9b33d6e17f1ec973705e5ad3734fc77ab53d770022030ee505e9c0a0adbe902e330cba48da73a3300e3843801ff1d721105f122b4a0</t>
  </si>
  <si>
    <t>b'0E\x02!\x00\x8d\x98\x9au#\xf2\xb3\x8a\x81\xf3\xc2'</t>
  </si>
  <si>
    <t>o!'
 'It is not Ludovico, it is Iâ€”Mademoiselle Emily.'
 Annette ceased sobbing, and was silent.
 'If you can open the door, let me in,' said Emily, 'here is no person to
 hurt you.'
 'Ludovico!â€”O, Ludovico!' cried Annette.
 372
 Emily now lost her patience, and her fear of being overheard increasing,
 she was even nearly about to leave the door, when she considered, that
 Annette might, possibly, know something of the situation of Madame
 Montoni, or direct her to the turret. At length, she obtained a reply,
 though little satisfactory, to her questions, for Annette knew nothing of
 Madame Montoni, and only conjured Emily to tell her what was become
 of Ludovico. Of him she had n</t>
  </si>
  <si>
    <t>b'\xbc:\xf8\xa49\xbe&lt;V\xf4\xf3Y\xd3xR\xc9-\x96Ef\x1er\x960WF\x9b\xa96\xd4\x16\x13\xe1j\xb2\xb8\xf2\x81\x0c\xa7_P\xf0\x1a\xb1\xd1D\x11\xc4\x04c\x93\x92j\x983\x1f\x022\xc7\x82h\x17\xc6\xf3'</t>
  </si>
  <si>
    <t>bc3af8a439be3c56f4f359d37852c92d9645661e72963057469ba936d41613e16ab2b8f2810ca75f50f01ab1d14411c4046393926a98331f0232c7826817c6f3</t>
  </si>
  <si>
    <t>b'\xbc:\xf8\xa49\xbe&lt;V\xf4\xf3Y\xd3xR\xc9-'</t>
  </si>
  <si>
    <t>t cats or dogs either, if you donâ€™t like them!â€ When the
Mouse heard this, it turned round and swam slowly back to her: its face
was quite pale (with passion, Alice thought), and it said in a low trembling
voice, â€œLet us get to the shore, and then Iâ€™ll tell you my history, and youâ€™ll
understand why it is I hate cats and dogs.â€
It was high time to go, for the pool was getting quite crowded with the
birds and animals that had fallen into it: there were a Duck and a Dodo, a
Lory and an Eaglet, and several other curious creatures. Alice led the way,
and the whole party swam to the shore.
CHAPTER III.
A Caucus-Race and a Long Tale
They were indeed a queer-looking party that assembled on the bankâ€”
the birds with draggled feathers, the animals with their fur clinging close
to them, and all dripping wet, cross, and uncomfortable.
The first question of course was, how to get dry again: they had a
consultation about this, and after a few minutes it seemed quite natural to
Alice to find herself talking familiarly with them, as if she had known
them all her life. Indeed, she had quite a long argument with the Lory, who
at last turned sulky, and would only say, â€œI am older than you, and must
know better;â€ and this Alice would not allow without knowing how old it
was, and, as the Lory positively refused to tell its age, there was no more
to be said.
At last the Mouse, who seemed to be a person of authority among them,
called out, â€œSit down, all of you, and listen to me! Iâ€™ll soon make you dry
enough!â€ They all sat down at once, in a large ring, with the Mouse in the
middle. Alice kept her eyes anxiously fixed on it, for she felt sure she
would catch a bad cold if she did not get dry very soon.
â€œAhem!â€ said the Mouse with an important air, â€œare you all ready? This
is the driest thing I know. Silence all round, if you please! â€˜William the
Conqueror, whose cause was favoured by the pope, was soon submitted to
by the English, who wanted leaders, and had been of late much
accustomed to usurpation and conquest. Edwin and Morcar, the earls of
Mercia and Northumbriaâ€”â€™â€
â€œUgh!â€ said the Lory, with a shiver.
â€œI beg your pardon!â€ said the Mouse, frowning, but very politely: â€œDid
you speak?â€
â€œNot I!â€ said the Lory hastily.
â€œI thought you did,â€ said the Mouse. â€œâ€”I proceed. â€˜Edwin and Morcar,
the earls of Mercia and Northumbria, declared for him: and even Stigand,
the patriotic archbishop of Canterbury, found it advisableâ€”â€™â€
â€œFound what?â€ said the Duck.
â€œFound it,â€ the Mouse replied rather crossly: â€œof course you know what
â€˜itâ€™ means.â€
â€œI know what â€˜itâ€™ means well enough, when I find a thing,â€ said the
Duck: â€œitâ€™s generally a frog or a worm. The question is, what did the
archbishop find?â€
The Mouse did not notice this question, but hurriedly went on, â€œâ€˜â€”
found it advisable to go with Edgar Atheling to meet William and offer
him the crown. Williamâ€™s conduct at first was moderate. But the insolence
of his Normansâ€”â€™ How are you getting on now, my dear?â€ it continued,
turning to Alice as it spoke.
â€œAs wet as ever,â€ said Alice in a melancholy tone: â€œit doesnâ€™t seem to
dry me at all.â€
â€œIn that case,â€ said the Dodo solemnly, rising</t>
  </si>
  <si>
    <t>b'~Fej8\xbe\xf0\xab\xf44\xfc.V\x8f\x02e?p\xa2Xs\xd1~Yt\xc1\x890\x9c\xb8\xd6/\xf4\x81\xb0\tY\xdd\xb7\xc5\x10XS\x9d\x98\xd6\xb2(obx\xb8\xb7\x19\x1d\xc4L{\xc9I$\x1d\xcf\xc7\xe8`\xd4F\x8f\x85\xceN:l\x02\x0fw\x8f\xfdM\xc2\x90-\x89\xa7j\x00\xa5\xe3\xca\xf8D\xeb\xdaa\x8e\xac\xb5\x1d7\xc0\xcf\xd2\xb8L\x08\x9d\xec\xac\x9f\x9e\xe1\xe9\x00_G\x8f\x04\xf2fQu\xc8\xbc\x1cm\'\xd5\xb6\x12n*\xd8\x9bF?ND:\xe7\xa02\xbbM\x9d\x80\xbd\xfc\xc50\xbe\x84\xe0\x02\xf5\x99\x89\xc9\xaa\xfc*\xf4Y\xcd\xe4\xd59\x0bO\xf4r\xc3G}\xc7\xd7\x1cHI\xd5\xb1\x98\xa3m\xef\xa8\xbfM\x985\xdd\xac\xf9\xb6\xd3\xa9\xf4\xcdF8\xbe\xc9\xb0xl\xc0\xc9\x8b\x91G\xc2\x9f\xf6[\xa7\xf6\xbc\x08\xe6\xe7\xb0\x89\xe3\x0e\xa6\x8ar\xcd\'\xd9(\xcf\x9fU#\x1b\xf3f]\xbd\x11\xd9\xaf\xdc\xe5P\x9dKAjI\xfc8/N\x1dKYl\x1c*\x97q\x92\xfe\\\xeeK\xe9|\x07\x05\x1a\xd9K\x0e\xe3\x02SS\xeb)\xa1zb|/\xe6%\xd6cc\xf6\xcc\xb0FK6\xed8\x06\x84\x15f=f\xa7\xdf#a\xa3\x82\x92\xa9\x1c\xcf\xc5\xb8\xe4&gt;\xde\x8ban\xeb\x97\xf7C\xa3J\xe0\x92\x9b#\\\xc7t\xded%\\;]\x05\xf9\xd0T\xb9\x9a\xedt-\xc6\x13\xd7\xac"Jo\x9f`\xddUg\x8d~C\x90,z\x8e\x91\x1b\xcd\x82\xdf\xe7\x14\x0c\xe8\xe9\x8a\xe4\xe7\xd8\xedA\xef\x1d\xaf!\x9b\xae:\xcd=\x81\x88\xd6TA\xce\x07\x06w\x06\xd0T"\x0f\xed\xfd6.{\r[\x1b\x97\xf0\x8a\xf1\xc2\xa0\xa6\xe1\x87\x87S\xffc:\xe8\xd3\xd9W1\xd0,\xea\xe0\x1f\xa92V\xce\x01B\xdf\xc0U&gt;6\x10,\xfd\\\xd2\xbc\xdf\xdaa\xd0bN!h\xbd\x9f\xf2\x14\xdf\t5\x8a\xdbDU0\xe1\xc6\xb1V\xbc\xcb\xfa\x18\xdc\xa2\x86\x17\xc1\x0b^a\xdc|\x1c\xb9\x89\x02\xa3?7&amp;\x15x\xe7SR\xc9\xd9\x15\x8c\xfc\xc6\xc7B\xbc\xc6\x16\x15\x10\xc4\xd6\x9a\x870A\x1d\xad\xe0\x8fp\x14j\xba\x16$R\x82\xc3kR\x10}\x04\xf9&gt;V\n\xd5+&amp;\r(\xa5N\x8e\xb3+\xc8\x07\xdc=\xf2\xe1\x0c\xb0\x1d\xe26\x95\xc4\xc6\x89\xa4z\x1d\xcd\x0bJ-\x1c\xb1"Z\x93\xf3\x1eBl\r]T\xe9&gt;\x08y/\x0bu\xc3\xcd\xe5\x80Z?\xcb\xa8(/\x8d\x94$\xb3\xd7\x03{^\x8b\xc5{\xe7&lt;47\x8cMI\x90\xdbs\xce\x98l6\xa5\xde\xcc\xffd.&amp;I\xed\xd0C\x80\xeb\xd8\xc5\xd7\xe9I\xd6\x01I\x90\xd5\x8e}\xddK\xd2\xa0\xd6-\x96\xf2"\x1dS\xea\x06QT\xb1\xd2\x08_\t\xb3\xf3C\x1b\xa3\xecz\x80\x9ey\x89\xc2\x15\x9chs\xcc\xead$\x95\x9a\x16a\x91`\xc3\xf9B\xba\xc7\xde\xe3\xb4\x82\xef\xf4\xcd\xdf2\xdf\x15\x86\x05\x18_rLH\xb8v\xcfJ\xb4\x1e\xb3\xce\xfd=:\xbd0\xd8\xc9\xc0\xae\xc5-\xc5~3\x89\x1d\xfb\x13\x8b\x0c\x9f\x88\xea\x13\xba\x9f\xb2\xc8\x13\xa3RntSI\x86j\x8d=\xe6&amp;\xf6`\x85l\xf4\xce1!\xe6\x990\xc0$+]AJ\x8e\xc4\x1d$,sG\xdc\xd0\xca\xe36=6|\x05wX\xfd\t\x9bh\xf0\xc3jb,\xd6\xf5\x11\xb7\xa7j5\xda\xff&gt;\xf1\x89\x8al}V\x16\xff\xa35\x7f\x19\xed-v\x85\xd4\xee\xc9\xf2\xec\x93\x06\xf8U\xfcp=\xf2\xb5\xe8Vb\xff\xc4\x89\xc9jA*\xb9\xa9-ma\xd6\x94`4\xe5\xacsm\xc4g\xb4\xe1\x9b\xecv\xa8y&gt;H\xb3\xb8s\xc2\xfd\xf5\x88\xbba6\xce\xb9x.\xa3\x14\xb8\xafk\xd5\x87\xb4j\xef!\x9d\x10\x07\xfd{\xa9\x9c^\xb5\xb7U\x98\xcf\x03\xe7\xa9&gt;X\x16nB\xc0\xc2\xfa\x022\x16\xa0\x80Sb\x94\x949\x06\x1b\xac\x9bU\x00i-\x0b\xb9\xa0\x1d\xb5\xfc\xe9\xaa\x0bA\xaf\xb5u*lF\xca\xe4M)\x9a=\xf4\xea\xc0\x01GHy\x0f\t\xfe"1\xb4[\xc8\xd0c,\xa89W\xe2-\xa7\x91[\xcdI\x06A\xca\xec\xa0\xf1\xde\xbf\n\'d\xaf\xec`Y(\t\x80\xe0A\xae\xfd\x8d1e\x08X\x1e4S\x19\xccSX\x18\xdb7\xf2-\x1c\xe7\xb7#O@V\x08\x0f(\x0b\xe4&amp;\x996\x07\xd2\x05\xb2+!\x0e\xd871QZQ\x04\xd4\xc8\x89\x08Qz\x1f3\xcaRr1\xcb\x9d\xb3yy\xb0\xa6\x1f\xa4\x89Q\xad\xa2\x0bU\xbb\xe8L!g\xbc\x1e\x96q\x90\xa4;\x94lor=\x80pg\xa8\xaa\xe3A\x8b\x03\xf5\x9df\xb5z\xd3\xd5\x97\xa2\xd9\xce\xbad\xa6^\xa7T&lt;!\xe5j\xccq6\xf0\xdez\xa7\xcby\xb6\x92\x10\x143\x9d\xd5\xd3\x07sq\xd8\x8d\x01L\xe0[^\x1c "7\n\xb8F\xb1v\xc2\xc7Q;\xaan\xd7\xa0\x91\xc1m\x91~F\x03\xb8\x8a\xd7A\xeeH\xb7\xd9\xd3\r\x9f\xf9\xa1$&amp;9(^\xc80\xc1\xa7\xd4\xdf\x8b\xfd\xd5\xa0a\x0e\x84\xd5\xa5\xf2s0\xbd\x9a\x97\xfe\n\xe5\x08}\x9f\xbb\x1b/\xde\xdd\xcc\x86\x1c\xbf\xb5\x0fqd\xb4\xf2\xe9)\x01I\xffD\x81^\r\x0e\x882a\x17\xfdXc{\xdc1q\xea?\xc7\x11B:\xa7\xd7\xf1v\x8d\xcd\x81kT?\xa2\xb9\x1c\xf4\x97c\xb3t@w\xfbg\xee\x9cl\x88%\xd9\xb5\r\x8bxO\xb4$\xf8\x8d\x8c\xcaz\x98\nU\xdc\xe1\xfa\n6D[H\x8fM\xf8\x82\xe5\x0c\xd7\xbaP)\x8f\xa0\xce\x14\xb2STVYWQ\xde\xfd\xab\x85\x0b\x05\xcb\x0f\xd6\xc5?E \xcd\xcf\x89\xc8F\x0b\x16V\x7fc\x82w\xcd$\xdd\xf5w\xbeP\x7fz\x07f*#\xec\x8a\xacf\x12\xad@\x81\xf4W{\xfdT\xebJ\xae\x82\xaf\x94Sl\xad\x93Lb-\x8e%\xb8\xcd\x8e\xe6\x95R\xa1\xbb\x1c/\t\x87\x02\xb8\xc9O\xbb\x87\xf2_\x94\xbe%Oy\xbb\xb9\x97\xff\xc5\x16\xec\x17aw\xf6{\x01\x93AZ\x12j\xfd\x97\x91(\x1d\xe2e\xddUoN\x92\xd8.3\x04\x99 \xc8\xa1\xbaFA\xa4\x90\xc3\xf4P\x00\xc0J\x83\x80\xed"\xaf:r\xf5ot\'@ts]w\x8cf\xd1\x98\x99\xf7\xf5\x04-U\x80\xf3\xd6\xd7\xbdP\x97UD\x11\xf6\x99C\xfej\x90x\xe2\x82\x07\x0c\xb0\xdb\x17\xec*\xb4.\xc9\xf3\xcd\xa30JK_\xeb%\xbe\x13\x17~\xe7\xe5\x0cc\xea\x86\x84\xc7\xde\xe5SvX]\xb8\x85\x18*\xe5]?\x10U\xd4\x90\x0c\x9b\xc2\xd3\xf43,\xfb\xab\xb5\x1bW\x9c\x18\xe3\xdb\xf5\x04!$\x01/\xda\x0e\xdbda\xdb\x8e\xfa!\xfc\x05\xf4AL\xdeU\x8a\xda~C\x9b\xf7\xbe&amp;\x8e\xf4Q\x9a\xf4\xe1\xa4\x94a\xbd\xcc\xb8\x99\xf5/[@y)\xb3\xb6.%\x8f4\x8b\x18\xdf\x1foV\x9c\xd8\x92\xfa(\x8b\xf1\x00\x10\xad\x8em\xb1\xf8V\x92\xb66I_y\x15bH\xe6\xc1\xd5\xaa\x89\x83\xc1.\x13\xf9\xb0\x1ah\x83M\xc9&gt;H\xc6\xc9\x96\x8d\xce\xaf\x14|\xc9\xff\xa3QP\x14\xb2]\x18\xef\xfc\x89\xfd[\xe8Y\xc8"\xb6\x7f\x1c}\x9f\x18&lt;\x1b\x9f\x05Tk\xcd\x97L&lt;\xd2\x854\xc0\x12R\xcfO\x0c\x0b\xec\xb3\xf3%\xf5\xa0\x10\xefF\xd5kP\xcem*\xec\x03\x89e\xca\xec\xe09\x8a\x19\x150\xdc\xee(\x1e8\xabR\x11\xa2\xed\x91\x16|\x16\xddG*.\xfd5\x03\xad\x80\x9b\x9f\xa4\x12\xe7\x97\x15\x0fs\xcaa\xe8E\x01o\xe1TjPh\xbd\xec\xac&lt;\x86\xcd\xae\x04\xcb\x19\xa6\x8cA\t\xb2\xba\xd4\x83\xcf\x96W\xbd\xf9\x1e:=\xcdR\xca=\x1c3\xa0u\x8c\xc2\x1e\x1f~aN\x06]\xc3u\xdc\x05\x85\xb5\xb8g\x115\x15\xc3\xa3K)42pJ\xc7B)V\x04\x15\xee1X^(Ln\x18\x8e\xc7\xe8\x0e+\x0c\xc0\xde\r9u\x0b\xf5\xa0\xc5\x98\x92\x17\t\x97\x96\x03\xd3\x84}\'"\xb3\xa0\x02ZQ5\x15\x91\xee\xfc\x0f#r\xff\xc9\xd8^3\xcc4 \x17\x11\xf8\xc7h\xe8\x8b\xed\x99\xf3\xc2Q\xaa\xdc\x88\xec\x16G\xae\xac\xe9\x8e5\x90\x84F\x9dq\xb0\x8fKU\x98\x00H\xf2\xe4k\x14e\xd8\x00\xa6\xf3\x91\xf8D&gt;h\x1f\xee\xfb\x00X[\x1c\x00E\x19\xcf\xdek\x81\x08\xb8\x1c\\\x92sm\xf6fq\x88b\xb1\xb7 &amp;\xc9cm\x94\xc6HD\x1c_\xd0\xff\xee\xb0`\xf7\xbf"\xf6\'\x9eJ\x89\x05\x8e\xd6\xc4\x0e\x94\xe6GUj\xeb\x86\xb3\xff\xe5\xbd\xef\xeb\x1b\x18F\xe3B\xd1\x83\x0c\x1aN\xbeK\n\x8e\x96\x82-#@ig\xcd\xed6\xe0\x86\xc4|\xfa\x89\xde\xaa\x1a~\xda\x9f\x17\xd1]N\xaa\x0f\x18GE\x06.\xd14 \xb7\xf0S\x12uV\x8bAdZ\'\xd6\xf4\xfb\x1b\xb8\xb3\x93\xce]\xaa\xfa\xbd\x14\x1bb%w|\xe3JK\x8d\xae\x9d\x04/\x13\x8f\xb8C\x82\x85=\xc2\xc5-kH\xf1\xdc\xb1\xfb\xe7{Y\x11\\\xbe`zG &amp;\xff\xf1\x18\xf7\xd9w\x7fN4\xc5\x02\x87kKj\x91\xce\x14T\xa8]\xfe\x89\x0b\xf7\x81\xf1EOD/\x00\x01z&lt;\xcb\xc3\x145e\x14\x13\x98i\x0eT)\x86\x13\n\xf5\x83\xd0U6\xd9\\+6\xd5\x1a\xa2&lt;h\x82Q\xa3_\xa4\xb0?\x98\xb8\xecCO?3e6\x1cN\x04\xea6\x1f\xd3\xa3\xf7\x1e\x1a,\xa0\xe9\xfbzn\x16Z=\xa9zm\xbe\xaf\xcd!\x99\xc7\xe1\xa3\x8ax\xe7\x84b\x1f oO\xbcy\x83\xc0\xcb\xbd%&amp;\x07\x9f\x01\x96K.!\xcb~\x84\xeffP\xf8It\x0b\xb1\x87\x14\xee\xbb(\xd7T\x903\xdae\xadN\x12\x91H\xa4\xcf\xb3\x8b\xb6\xe6\xd3\x01\xb44\xb0\'\xd5.\xed\x92Z\xc6a\x99\xe9\x81\xf0\x9cZ1_\xd0Y*\xc5x\xdf7e\xb9\xb1\x98\xb4\xac\x02s\x0b\x80\x8d\x98t\xe5\xf6\x8a\xf1FK\xd1M&lt;a\x9fanT\x89\x1b\x93\xd8p\x93D\xb4\xb1\x8cx\xb4@\xa1T\xed\xee\xb1fc\x10A0D\x04v;i.;S\xd5H\x08\x8b\xe5\xfa5\xa31\x8b\x87\xb4\xdeE\x83*B\xbc1\x7fO\xff\x92(\x84%\x0b\n\x84\xed\xbf\xb2yb"\x92o5\xf1i\xeb8\xff\xa5\xe5G\xc7\xb7"rX\x19\xbb\xdd\xfa%!\x15B\xb5\xca\x0c&amp;\x17p`R\x89_\xf0x\xe0\xf6\xafnl\x15\xc0h\x05\x1a\xa3#\xfb\xaa\xd8\xe8\x9f+\xf69\x9cX//\xa2f[\xc9\'\xbb@\xb8\xc1m\x02\x02{\x8c\x9cd\x8dk;\x97p\x94\xc1hzis\xcc\x97w\x1c"(k\xf1\x14B\x10?a\xbb\x1a\xf2f4|\xa5\x01\xb3\xe0\xa1F\'\x8e\x0fK\xbdG\x87)&lt;d\x84\xbb\x82\xb4e\x1e\xdam\xc3\xf1eE\x8c\x15\xa5\xe9\x1ajZ\xd5|\xf7=\xc1X\x01\x92\xca\x18\xf6\xe9tO\xdf\x90\xf9\xd8@\x05.\xeej\xae\xc0\x8c\xdd3\xd1w&gt;r\xbd&amp;\xcbg.\x08@\xe1&gt;\x11\x01\x0e\xb7NP\x1d\xd2\x12\x84\x8bN]\x95\x83\x9d\x9a\x9d\x19\xa6y\x9cx\xc8\x91\x17\x1fw\xf62\xb5\xf8\x82\xae\xd8\n\xae\x15\xce\xad\x16B\xf2\x08?\x0c\xa8@dv`\x94%9\xca\xf9\x9fg\x7f\xa9Xc\x11\xa2\xdb\xa5\x12Q5i\x10|\xe1\x05\x01\x9c\xf9\xc2\xab[\xe0\x0b\xa85SW1\xb3\xece_\t\x91\xaf\xadUW\x7f\xc0\x1c!\x9aK&lt;\xeb4tl\x97\rh\xcdd\x04\xf3\x1eo\x13y\xab\x8e}X\xa30Sz\x83\x8c\xfbQo\x12\xa3c\xdb\xca\xe2x\xf7\xb7\x13\xbf\x8ao_\x8dRd\x8d2\x06@\x95\xb3\xc2\xc6w\x8e\xca`\xb5\x95g\x01Z&lt;\xb9zl\x11\xeal\xdak\xc8b\x13F\x89p\xdb\x97\xd7\xc4\x83\x10\x9cn\xc83%\x15\xa7\x85j\x99\x0b\xca\xfc\x84\x1f\xe4\x017e\xff4\x88E\x906\xa6\xe3\xa1\xd2\x9aPa\x84X\xac\xa3\xf0\x17\n\x00p\x9e\xbd\x10_\x88\xf7\xf3B\xf0\x7f\xba&gt;\x0bL\xea\xc9x\x89\xf3\xb0\x86\xc9\x1e`v\x8e\xb4\x9c|S\x13\xed\x94\xbe\xec\xc0\x17Ya\x81\x1f\xc1W\xcc-b\xa6;\xb4\xabO\xc8\xca&lt;\xbf`u\xb5\xd0\xfc\xea6k\xe3\xa7\x1a\xfd\x8f\xbch\x1b\xb3\xb7xXx0b\x83\xc5\xc4\x13kj\xa9\xff\x1d\xd7\xe8\xe5\xa7\xd2\xc4a\xf8\x84\xd9\xf0R\xecpHy\x94\x7f\xf9\xf3^^O\x0f\xe2\xbfy\x1c\xc7U\xe1\xb0.\x01\x16W\x82\xc1\xec9.\xb7\xd7\xe3u\xcd\x8d\xecK\x1c\x87\xd9r\xe6\x82c\xa1\xea\xdf8\xa8B\xf4+\x95\x9f\x9e\x84\x17\xb9\x10Z\xd5u\xc9%\xe2\xca\x0c\xb9A\xef\x8c$`\xa4F\xed\xdd\x9aY_\x99\xcb+\xc2\xa0\xc9\xb9aV\x03\xd9\xe00\xd9\x967Jq\xc3\x9a\xc6jW\x13\xf5\xdf\xc0\xbeai\xe3,\x05\xdd\xf0\x95T]9\x0b\xa38\xcf$C\x9c\xf8\xc0\x04\xae\x98\x9fp\xd8q\x10TCa\xd2.;\xf9&lt;\x94\xd78\xb0\x02\x9d\xfbkPP\xda\x05\xce]\xdd\x9b\x99\x1d\x00\n\xe1DU\xcb\x97\x87\xc9\xf1\xed=\xa1\x08\x03\x19\x82\x0f\xa8\xd3\xca6\xc8R\xdc\xa6\xf4\xe1\xe7N\xd0m\x8b\xa6\x1d0]\x86\x0b\xb8\xcd\xacK\x05\xf0\xdf\x91q\xf6\x17\xad\x05$\xcdm\xaf\x84\xfd\xe5\x9c\xf9\xad\xde\xc5?Ts\x99\xae4\x8f6\xc3k\xb6\xbdAH\xab\xcfY\xcaT~\xb2\xd7j;1\xf2P\xf4\xed\x96EfHj\x80\xce\x97\xfc\xb3C\xa9\xbf\x12\x9b\xf0x\xea\xbd\x1d"\x87\xa18\xdf\x98\x98[\xa3\x13'</t>
  </si>
  <si>
    <t>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</t>
  </si>
  <si>
    <t>b'~Fej8\xbe\xf0\xab\xf44\xfc.V\x8f\x02e'</t>
  </si>
  <si>
    <t>airs for the tea-tray, Mary asked a question.
"Martha," she said, "has the scullery-maid had the toothache again today?"
Martha certainly started slightly.
"What makes thee ask that?" she said.
"Because when I waited so long for you to come back I opened the door
and walked down the corridor to see if you were coming. And I heard that faroff crying again, just as we heard it the other night. There isn't a wind today,
so you see it couldn't have been the wind."
"Eh!" said Martha restlessly. "Tha' mustn't go walkin' about in corridors an'
listenin'. Mr. Craven would be that there angry there's no knowin' what he'd
do."
"I wasn't listening," said Mary. "I was just waiting for youâ€”and I heard it.
That's three times."
"My word! There's Mrs. Medlock's bell," said Martha, and she almost ran
out of the room.
"It's the strangest house any one ever lived in," said Mary drowsily, as she
dropped her head on the cushioned seat of the armchair near her. Fresh air, and
digging, and skipping-rope had made her feel so comfortably tired that she fell
asleep.
CHAPTER X
DICKON
The sun shone down for nearly a week on the secret garden. The Secret
Garden was what Mary called it when she was thinking of it. She liked the
name, and she liked still more the feeling that when its beautiful old walls shut
her in no one knew where she was. It seemed almost like being shut out of the
world in some fairy place. The few books she had read and liked had been
fairy-story books, and she had read of secret gardens in some of the stories.
Someti</t>
  </si>
  <si>
    <t>b'&lt;\xed\xf0\xdc\xe9\x0f\x89f\x9ayO$_\xdb+J\xb5\x0f\xbf\xac\x01;\x12\xe1\xa0\xc7\x07\xa5%9\xe8\xea\xf9:\xdd\x11"u\xcaq\x14M0\x08\x9b\x05\x0f\xd9\xe6\xf2\x16\xdf%zz\xe6\xce\xd0\x0e\xc5p\xcb\xc2\x17O\xbe\xd5\xcb\x80\x8c\x19Os5]\x99\x84\xf7}\xdc\x11\xca\xf2N\xc4W\xa3\xc4\xb2L\x1d\x80\xd4\xd77\xca{\x14\xa3\xb3\x89C7\x00:\xec~\x9fD\xaf\xfb&amp;\x03\xb6\xc6\xe96"\xdf\x8c\xe7n@\x00\xbc$\x1dU\x80\xaf\x9f@\xf1uP7T\x02\x1d\xd7\xfa\xcdJ\x96\x98/\xae\x0c\x1a\xd1\xa6\xc6\x94\x88\x19\xba\xba\xb5Y\xbf\xdc&amp;\x11\x9e\x13\x91\xad\x8a+O\x1cy\x99\xfcv6\x98\xf7z\x80\xb1\xa0j\xafM\x1c\xcc2\xb3\xb8]+\xdc\x17\xe6\xfd6`%\xeau!Mj\xb7\xa5\xf2R\xfc\xb2\xf3M\xfe\x91\x11\xcf\x89\x12\x80&gt;\xde?h\xc5\xbc\xf2\xc7$&lt;\xe3\xe7\xae\xad\x97\x04\xb7KuO#\xe1_\xc22\xe6Xu\xd4q\xf4\x8e`\xa4}~(\x81\x02\x8f\xec\xdb\xfe\xed\xd2&gt;\x98&amp;\x10\x0e\xda\xb7O\x1d\xe8Trj"\xa6\xe1\x83F\xb2\xf3XO&amp;\nF`\x0f\xc0(\xba\xc7k,&lt;\xc7V\xffp\xa0uPR\xc1\x9c\xdcr\x95\xeb\xb6j\xee\x84\xf9\x89\xbf!\xf5&gt;\x90\xa3\xbb}\xd6\xc5!2\xde\x0e6\xdf\x10\xb1\xcd\x9eEx\x04\xa6\xbagx}\x02\x0f\xc5\xf9\x8f\xf9\r\x8c\xc8\x92\x08\x9a\xbcQ\x1f\xab\xd1&amp;\xd2\xa0&gt; \xb6\xd4\x1e\xa0P6\x01]#\xe9\x88\xda\\\xe0\xf1\x10\xbd\xe7"]\xe9\xd4\xbf\xbd\x18\xbc\xcbNCE\x1c\xae\x8b\xd0\xaf\xcf\xb1l\xb1\xde\x02\x81\n\xea\x00\x89\x01\xa0f%\x98\xf1Y\xa9o8\x8frDeE$y$E\x86\xe5\xecz\xad\x0bu\x03\xfaE~\x98.7*\xa6\x0e\xab@d\xae(\xcdz\x90\xdeP&amp;\x94e\xd0\xde\x8dK$\x804\xb4\xf2s\x01\xad\xe4\xca\xfeC\xbd\x80\x84\xbdv\xa2\n\xf8Q\xf9y)\x93\x18xmC\x83\x1e?\xb2\x93\xab\x80}C\xbe\x98\xedS?d\xd1h&gt;\x1a\xaa\x8a\x9e\xe4\x05\x9d\xe5\x972x\xee^;\x8e\xd0\x80\x86/\xf0n/%E\x03\xa2Y\x8f\xea\xf3\xednlQ@\xab\xf8\x07\x1b\xcdX\x1c\x1a\xbd\xe2\xee\x8d\tDts\x06r\x10\xd9\x99\x8d\x13\x99\xef\x1e\xcd\xf0\xbf#\x06\x1b\xe3x\x99\xc9\xa7\xe3\x9eAZ\xa3\xab\xf9\x17\xeb$\x99\xabk\xdc \x00w\xcf\xd7,\xc2\\\xef\xef\x99\x96\xd2[F\xa2\xc7\x0e6\xc5\x04\xe7I3\xae`\xca\x8b\x14\x7f\x1f1Tu\xb8\xdc^\xf5\xf0\xb5\xe9\xc69\xeb\xe2\xb8\x99\xe2\xb2K(\x97\xbe\xef\xc4,\x1fB\xc7Up\xf9\xc7Z\xdf4\x83\xf4\xaeR\xf75\x0f\xcd\xfc\t\x0c\xfa\t)\x8d\xa3\x8d\xf6\x8c\x92\xd1\xfc\xc58\xe7\xc3\x0c|\xaeL\xe0t\xc6\xe6\xfaU\x0cT\xc2\xd8\xc2\x81\x12\x871\xbdC\x9b\n\xda-a\xb1\xb6\xc2,j\xd9\xd7\xc5;\x1a\xc7\x1c\xaa\x115\xaa?\xc4\xad\xaa\xa8.\xb1\x1c\xda\x9b\x00\xa3\xe36\xa3\xf3\x91\x94G\x9f\x1c]\xd5c|B:\x8e\x9f\xc2\xba&amp;\xe1\xe0\x83f\xe47j\x90\xf5\x9as\xf8\x82\x8eE\x92*yu\xb8P\r:=2q0`\x1a/&gt;\xe7\xf0\xac\x8c\x81\xd6\xf6C\xc8z\xff\xf7M\x8aD s$\xd2\x89\xa0\xfe\xbeYhr\x97,j\r\xb0\x9c\xefVJ\xda\xc7\x1e\xce;\xc15\xf3\xc1\xd8\x8d\x1c\x9bA\xc1^\xcc\xee\xfc\xd9\x91T\x02M\xf3Z$\xfd\xb0\xffF\x1d\x07mW\xb2m\x13\xa2\x11\xfc+\xcf\x1b\xd7\xc3c\xa8\x81Y|lz\xd8\x1c\x93\xbdDI\x12\x89\xfd\x00L\xc4t\x93\nJJ\x0f4\x1c\xc4\xae\xd5\xee\xb9\x93Y\xb2\x01\xee`rn\xeb\xfe\xa2\x82A\xf7\xe7\x81\xe1\xe7=\x1f\xad\xe7\x96#\x13r\xa0g\x03\xe8\xc8\x84@\xc3-\'\x06\x88\x1c\x0e\xf6\x85\x9al\xcd\xa0\x88;\xdd\xd7#\x1df\xf0\xe6\xed\x84\xde9E[\xe5\x08\xd4\xdf\x00\xffe+\x05\x90\xbd\xde\x1d\x94\xa3!\xda4\xf8n\x13oH\xd0N\xe7\x92\x9b8\x98y\x86\x1c\xb0\xaa\x0f\x87\xd9&amp;\xa4\xa2\x99@\x1cte\xe2\x11\xf6kY\x9e$\x8c\xdb\xe1\xa8\xcf\xa4\xc8\x8f\xbee"j;\x94\xbe\x83]\x19L\x0e\xeanj\n\x10\xfc\xa0\xa2\xb0\xa4\xa4.\xef\xde\x06\xd2\'\x97\xda\x19\xa6\xcdV\xb3\x9b(L\xb3F=t._\x7f\x8c$7\xd8K#+\xe1\x80\x87\xdb\xbe&lt;ft\xda+\xe9\xd3\xe6,E\x18\xfd]u\xc47\xa4\xb60\xb1\x87\xec\x14\x8e1\x843\xc9m\xd2~\x10\xdd\xf4\x92V\x9fe{[\xc4r\xcaAOQb\xb8\xba=\n\xee\xa5\x8b\xe6*\xdc\x12\tJ\x0c\x0c\xfb\xfd\xc6\x83\xbf\xbf\x10\xb0T$\xdf9\xf3\xb4\xcedy\xee\xe2|99\xc8\x1a\xa9P\xf6@_\xe6\xa7g\xfc\xa3\xb6\xd7\xa7p\x96\x7f-\xff\xcb)|*R\xa2\xff\x9f\x8a\xef\x157(3L[\xe6\x9b\xac\xb920Q\x97\xca\xcf\xe7\xc1;\x9b[Q\xba\xbf\xd6\xd3\xd5\n0S\x93\xdf\x0cI\xa3\xf6\x97\\\x06\x9fh\xe0X^\x04D\xd3\xd9\xae\xdf\x84\x0e\xcc\xd9\xf6\xedb\x8a\x01\xc6\x0c\x9f\xcf\x0e\x1ee\x96\x9d"c\xe2\x08\xec\xaa\xb6CP\xbc\xe4?\x00\x81K\x91\xaa\xddBY\xd9f`\x86\t\xca\xde\x19\x90\xff\xf4h\xa9\x80X\x9e\xf0R\xaaj\xc1\x16\x1a~\xc6\xe1\xa9\xa5T\xb5\x19\xd6\xe6\x95g\xa3\xe2\xa8\x17-\x9f \x80J\x04\xdfw\x7fXQ\xd8s#p\x1f\x0f\x8d\x00\xb7T\xe3\xb8g9\xe6*\x01\xdf\xc5\xac&lt;\x0c\xb3Pl\x92L\xa2\x80\xa8\xf2\xbf\xc9\xa4\xb6T\x0c\xab\xe6\xc7^\xb8\x87Q\x1c\xa6\x10\xfeU\\\xa2\x89\xa5r\xe9&amp;\x04Q\x08*\xe7\x96\x84\xc7\xddx\x9b{w\x96\x87\xd7{\xc6n\xdbq\xa9\x07U\xd0\xffV\xf6/\xd7?!\xfd\x88\xee\xc9\xe8\x8c0)\xcc\x82GLr\xd2\x01l\xeb*\xf212\xd4\xd3\\r\xbf\x98(8\xc2\xdd|\xcc\x9c\xdcn\xba=\xca\x16_\xec\xde^\xb1\x862E\xc4\xb5S#|1!\x91\x17\x16\x88a\x08V\xb9v\x84E&amp;8\x98\x91\xd2\xe6\xb31\x86"\xd0\xc7\xaa\x11\xa7"\x95\xb2\x8b\xc7\xe0\x84\x12\x06\xa2\xb5\xdf\xc8\xcd\xd8\x94P\xe6e\xbf\xad\x1e\xe4\xa0&amp;|\xe57\x8c\xb3j\x9b\xa4'</t>
  </si>
  <si>
    <t>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</t>
  </si>
  <si>
    <t>b'&lt;\xed\xf0\xdc\xe9\x0f\x89f\x9ayO$_\xdb+J'</t>
  </si>
  <si>
    <t xml:space="preserve">pounds in living tissues
O
O
HN
N
H
Adenine (Purine)
Uracil (Pyrimidine)
2024-25
108 BIOLOGY
9.2 PRIMARY AND SECONDARY METABOLITES
The most exciting aspect of chemistry deals with isolating thousands of
compounds, small and big, from living organisms, determining their
structure and if possible synthesising them.
If one were to make a list of biomolecules, such a list would have
thousands of organic compounds including amino acids, sugars, etc.
For reasons that are given in section 9.10, we can call these biomolecules
as â€˜metabolitesâ€™. In animal tissues, one notices the presence of all such
categories of compounds shown in Figure 9.1. These are called primary
metabolites. However, when one analyses plant, fungal and microbial cells,
one would see thousands of compounds other than these called primary
metabolites, e.g. alkaloids, flavonoids, rubber, essential oils, antibiotics,
coloured pigments, scents, gums, spices. These
are called secondary metabolites (Table 9.3).
While primary metabolites have identifiable
functions and play known roles in normal
physiologial processes, we do not at the moment,
understand the role or functions of all the
â€˜secondary metabolitesâ€™ in host organisms.
However, many of them are useful to â€˜human
welfareâ€™ (e.g., rubber, drugs, spices, scents and
pigments). Some secondary metabolites have
ecological importance. In the later chapters and
years you will learn more about this.
9.3 BIOMACROMOLECULES
There is one feature common to all those compounds found in the acid
soluble pool. They have molecular weights ranging from 18 to around
800 daltons (Da) approximately.
The acid insoluble fraction, has only four types of organic compounds
i.e., proteins, nucleic acids, polysaccharides and lipids. These classes of
compounds with the exception of lipids, have molecular weights in the
range of ten thousand daltons and above. For this very reason,
biomolecules, i.e., chemical compounds found in living organisms are of
two types. One, those which have molecular weights less than one
thousand dalton and are usually referred to </t>
  </si>
  <si>
    <t>b'\xae%\x12\xdcI\x81C\x1e\xcdT\xa5/\x1c\xce\x04\xcdFzO;\nbo_\x02\x95U\x16\x1e\xfb\r\t\x9d\x14L\x10\x8b8\xa5\xf8\xcc=\x98\xc7O.+\x9d\xc2\x99X\x0ef\xe9\x81\xef~\xba\xe3\x87\x8bs\x14\xe0\xa5\xceV\x88\xd4\x8e\x13\xd6Q}\x85\xfd\xbaX\xf6.7\x14\x1c\x9c\xd7nokmJA\xeb_NV\xe5$\x8a8\x8d\x1c=\xda{\x14\xb6\xe0{\xaf9\xa9\xce\xdb\xa3\x15\xe5\x97\x85\xa0\xbe\r\x01\x99\xc4\xa5\x91L,\xb7\x0b{gU#\x14c\x7f\x90\x81\xc2t\xdbE\x01\x80V45\xba%\xff\xe5\x11\xe81*\xb5yc\x8d\xbc\xf5&gt;\xe1\x7fO\x90Di\xe2\xcaIS~\xf3;\xd5\x9b\xd5\x11+\xe4\xea=\xd2\xae\x07\x89\x9f!\xa4\x9a\xa9\xcf\xa4\x85@_\xb6W\xf7\x1a\xe3\xa8\x1e\xbe\xcaQ\xc8\x7f\xe2\x85\xc4B#\xe2/\xe9o\xa7Y\xfa\xe3\xad\xb7\xac\xa41\x0f\x87\xb3\x87\xbe\xaf\x86\xf8\xf2\xe3\x9b\xea\xae\xbd\x0cT\xe6\xaa&gt;\xf0:\xce\xa0\x1e\x01\xdfu\xb3\xbf\xfeh!\xa2\xee\xc8\x90\xfd\x14\x1e\x95\xe1,\xf3Fgo\x94\x9b\x03\xed\xa6\x8f_\x8e\xd1\x0c\xd8\x8d\x14\xbc\x92\xeai?\x9e\xe7\xf6\n\x96\x87\xa9\x9a\xc2\xd8\xf8\x85&lt;\xfc[h\xafm\x1b\xf1Y\n\x80PC\xca 66\xac\t)u\xa3J\x98L\xc5\xc7\xc3m\x9c}p\xb0 \x05\xbb\xe4\xe7\xacZ\xbd4=#\x8b\xc6\xab\xc4M\xa5\x04\x08\xe0T\xeb\x10\xdf\x11Q\x15J\xcf\x8alC\x0f@\xf2\x85\x9a3\xe1\xb4\x90\x05\xbc\xfe\xbf\x80\x83?W]DUCu\xd1\xfaY\xea@\xd5\x9d+\x96\x0f\xf8\x1et7m\xb4\xd7l\xca(l\xa9\xeb\x01\xb8|S\xac/w\xc7\xc7\xd0\x82\xd9\xac~*2&gt;\nY\x0e\xd35\x0ci\x13\xd2\x8d\x1dz&gt;c\x00\xda\xd93/\\\xdc\xf0\xe9y\xced\xf6\xf4\x88\xf5\xa2\xdf\xd7\xfe\x96\x13\x96\x93\xeb\xe1j\xf5g\x19A\xba\xce\x9d\xe9\xb1\x94\xe6q\xb9a\x93Yh\xdf%\xc6\xaf\xc6s0@\xb8\xc4\xa2?\xc0\xfae@B\x82\xb8\x12\x81\x13;^\x85R=\xaep\x10\x88\xa9\x1a \xe7\xc13nM=&amp;\xeao&amp;\x1d\xa2g\xe2\x16\xb7\x1e\x81\xe4\x94mZ\x05\x01\x8a\n\xcb\xe3\x12\xdeQ\x99\x94\x88\x94EZ;\xc2\xafq\x1b`\x04\xffp1\t\xc0\xa5%\x1e\x8c\xcf\xd8ZD\x00\xa6\xbc\xb4\xf7\xa4\xa2\x87oo\xb7Z\xecn\xe4_\xd4\x1d\xb3@\x86\x15\xae\x00\xb0\xa91\x9e\x1d\xa6\xabX\xb8\xfb\x8a?\x8b\x84\xa82\xa3+\xff\xd6\x85&amp;\xdd\xe4\xb8\xac\xb6\xc8\x00\xc87b\x0c[\x1d`\x18o\xf4`\x93:eF\xf4\\\xa46\xdd\x95\xee[":\xff2 7\x9c&amp;\x14\xdc\xc2\'/\xe6:t\xe2\xb2\xa5\x8d\x9b\x15\xcf\x97\xde\x9bDu\xe2@\xe1\xac 9\x17Z&gt;\x1b\xc3j}\xa5\x00\xa1\\\x8b.c\x94\x13\xa4\xc5\xcd)\xecX\x0b\xb1\xc8\x1fI\x1b\xfaLv\xaf}\r\xc2k\x0e/\x99V\xfb#6\xb6\xb0t\'\x0fUg\xda\t\x1f\x96"\xbd\xa8DF\x84v\xfc\x87\xec\xb3$\xfb\x99NAH\xd2\xda\xf7K\x02\xa3\xb6\xb5\x8a&amp;cG\x1a\x91\x88Xf\x06l\xfe\xbbn\x10\xdd\x7f\x98\xbc6B\x82\xb5MPT\xa9\xe6A\x0e%\x10\xef_\xfc\xc7~\xea\r\'\x01"\x9b;h#\xf8b\xf9\xfc\x97\xb3|\xfbX\xd6\n\xe1\xad\xe7\tt\xea\x00\x11\x8a\xfdF\x96g \xd0\x8c\xa3\xbf}\xb1\xde=/\x88\r\x86\x11!j\x13\x84\x05b\xbb\xce)\xfd\xb4(+^\x1e3s\xb5\x86\xfb\x00TF\x7f\xc42\xe7;\xb1\xc3W\xf1\xfd\x87e\r\x85\xe4I)O\x8a&lt;\xcb\x0b\xd3\x1fMPq\x02\xf6\x0e9K\x14_\x8e9\xf5\xda&amp;\xa3&amp;\xbd \xddW\xca\x18)\x02\xfcO\xe6\xa9\xdc\x1di+Q\ta\xce\xc0@\xddr\xde\xe0\xb9\x9a\xaa\xe5PqiR\xcdv}.,\xde\x8c\xc6*\xe7\xa9\xa5\xe5\xfd\xee\xdcIg\xa94\xb2j\xd6W\xf9\x03\xb7\xf5\xce\xa6\x07&amp;\x8c\xfe\x91\x99 \x80\x99\x06\xb42\xf5*\xede7;\xdc\xd0Xh!Qjq\xd9\xde\x94x\xf7\xb9\xb6K \xfa\xc2\xf8\xe2\x90E`\xaa\x93\x87\x11\xf7\xb8jV\xf7\x86\xa8\xa3\x81\x97\x08\xcbV+\xe7\xaa\xa0+W$\xaf\x818_g\x17\xf0h\xcc\xec(iUA\x94\xf2\xbd\xe5[8\xbb\xf4\x84\x92\x88\xf8"\x03\xeag\xe7{\xe2&amp;\xc3`&lt;&amp;\xda\xea\x99\'\xd8\x8f\x99\xc4\x83\xebA\xf7\x14\xc3\xa8\x83\x97\xb3H\xeao\xf7%\xc7~\xb3\xec\xb9e\x89+\x1fM\xac\x02\x99\xea\xc1=\x84\xd7\xeb\xdb\xd8\x15}\xfa\xd01\xfe\x90..\x1d_\xf2\x92\xa1-\x8e\xdd\xf2+\r\xb56\xf4\x163\xb2u8\xf4bcE\xd4PEHd\xffg\x84&gt;-\xd8\x0f\xa7\xdc.\xf2\xfc\x94\x1auf\xce\x10AA\xa6\xc8\x9a\x8a\xf4\x82\xdaO\xf4\x19\x91\xd7\xef\nq\xaf\xbf\x0f\xcb\xfb]G\xb1C\xb8G\xe7.\x87\x15\x88\x181\xb9\x8d\xbf\xbaU\xd7b\xc0\xe1c\xfb\x8b\xa9\xa4Jx\xbb^\x9e\x14]e6\x15\xec\xaf\xf31A\xce\x08\xb7\xa2\x01\x89\xaeA\xad\xd5\x97%\xa3\x1c\xa3\x98y7R\x92\x97B\xca\xc5}?L\x0b\x08\xa6}\x91\x1a\x85\xae\xddG&amp;h\xc27\x9aZm\xc4L1\xba\xb3?9\xe2\xc8C&lt;\x1e\\l&lt;\xc6\x88\x8d\xf8i4\x96\x01\x11 \xde\xf6/\x0bO\xd6\x83\xf2\x96\x8b\xca\xdf`\x1c\x89{\xa7\xed(\xd0\n\x19N&amp;$Hq\xde)MU\xe1\x85\xfbu\xae\xf7\xed\x02\xf2Z\xa7T\x95\x95\x1bU\xc7M\x97\xba37\x8c\xb0\xda\xf7\xbc6\xc6\xd0\x92\x9a\x9bxw^\x9d\x10\xe8&amp;\xcf\xfa\xc8nW\x97\xb5\x86\\\r5,4\x8d\xfb\\\x81\x95\x17\xf5\xcd\xae\x8b&gt;\x0b8\xdb\xccz.\xfc\x82wgyf\xe9\x97;\xea\xc9L\x1d\xc0\'i\x99\x7fM\x0b\x02\x98\x83t\xd02$\xab\x1a\xc1\xaae-\x17\xf1\xb4S\x8f\xac\xadN\xfd\xc4\xd8\xdb\xfd\x88\xa1/\xb2\xfb\x07\xcf1U0eS=\x93\x17[,\xa1\xdb\xd3~\x8b\xa5\x10\xda\xebp\x80\xc7\t\x83\xe9\xe16\xe7$$\x04\x8eK2\xef H\x931\x94\xe4;\xddsI\x8a\xef\x08\xcbc\xda4\xaeF\xa0lTp\xf0\x95~T\x1f\x9b\xec\x9f\xd4l \xd6\xea\n\xb7\x08a&lt;\xf1\xc3\xbd2l\xd4\x95\x8c\xa0\x87\xb8\xe1\x86\xe0\x10R\x04Og\x0e\xdc\xd7\x90\xb3/\xde\xd3\x96\x9c\xc5W\xe6{\x03\xe2\xb3\t1\x88d\xcc&amp;\'\x9e\xf0\xa2\xea:\xa1\xaf,\x85\xc2\xa5\x8e\xe6\x99\xd8\x88\x13\xb9S~\xcf$\xe9t\x01\x14"\xf6\x88F\xcfi\x91\x13|&gt;\x98Uk\x0e\x14u\xe4\xdc\x94\xbb\xd2\xb14\x9d0\xc1\xd2e\xed\xad\xe7\x85\xc04\x158\xc5p#j\xd7g\xc4\x93\xb7A\x04\xd8\x96Mg\xa7\xfb/dT\xaa\xf40\x93WSva\xd7\xe17\x10\xbbe\xad*\x88\xd9\xea\xeddl\x16"\xc7\'#\x06\xf8\xc4\xb3\x14\xca?\xc1\x0b8x[\x12\x91gV\x8a\x08T\xf4&gt;q\x1b\xda\xc5-a\xb7\xfc\x9e\xdc\xb3\xea\xa7\\\x86\x9f\xd1\x85\xf4\x98\xa5,0oS\xff\xa3JP\xe44P\x03\xbej\x1cT\x1b\x91\x8ea\x96\xa3&amp;\xe7\x05\xbf=\x03}D\x8dR\x0bv\x03\x1e\x85t\x0e\xc8B\xaa\x12\x02\x15H\x88\x86p\x98k\xdd?Rl\xb4\xd7\x8b\xcc\x14\xb7\x82s\xefPe\xed\x0f\x1e\xfb\xe7\xd6,"\xe7\x80|\x11n\xe8\x8a\xe59\xae\'\x13\xb3uD\x89\xc9\x02\xaf\x1cK+!\xc4\x00\xcb9\xb3*\x1e\x8a\x90K\x88L\xce\x83\xb12\x82\x033k\x97\xda\x8dG\xc1\xd4/\x8a\xbet\x15CW\xd5\xe6\n&amp;~1\t&amp;\xf3\xa2_\x11!\xc5\x10\x00+\xfe\x9d\xc5\xbe\xed?-\x1c\xcb\xb3\xa8\x82\x9fy\xe7\xf7\xac/\x8ec&amp;"a\x8b\x8d\xf0\xe705\xc5\xe2\xd5R\xd8eD\x8f\xa4\x1d%\xa5U\xc2k\x96\x13\xa3\x9a\xbd\xd1@\x90\xdfO\x8cU=\x1a\x81\x86\xe3\xe6\x9eF\x07\x9e\x9e\x0b\xe63\xfbq\x1d\x079\xc7\xf0^6\x1eV\xd9e\x81\xb8\x19\x87uG\x13|\x81\x86}3WX\xa0:\r=\\\x12\xbc[\x05XX1\x07;\xde\xbc\x1c\xb7J\x92(\x8b\x83 \xaeU\x99\xe9\x963\xb122\xbbKR\x93\x18z\x15\t\xd43\x9d\xff\xb4\xed\xadwF\xbb\x1e\xe8#h\\\xbe\x8bR\x9ej\x0b\xcd\xb8o\xec~&gt;\xf2\xb4\x04\x1d\xa7]\xae\xd1\xef6\x1c&lt;.\xe0\xb1\xa3Q\xe9\xa7,\x88\x91P\x18_\xd1G\xa2\xf3W\xf9\x8a\xb4\xf4q\x1a\x8b'</t>
  </si>
  <si>
    <t>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</t>
  </si>
  <si>
    <t>b'\xae%\x12\xdcI\x81C\x1e\xcdT\xa5/\x1c\xce\x04\xcd'</t>
  </si>
  <si>
    <t>rmanium crystal in such a way that its three valence electrons form covalent bonds with four germanium atoms, in the fourth covalent bond, only germanium atom contributes one valence electron, while gallium atom has no valence electron to contribute, as all its three valence electron are already engaged in the covalent bonds. Hence the covalent bond is incomplete having one electron short. The amount of gallium impurity has a large number of atoms, therefore it provides millions of holes in the semiconductor.
3.7. Drift Current
The flow of current in the semiconductor constituted by the drift electrons available in the conduction band and holes available in the valence band, which are formed due to external (heat) energy supplied to them, is known as drift current.
3.8. Diffusion Current
When the two pieces are joined together and suitably treated, they form a pn junction. The moment they form a pn junction, some of the conduction electrons from n- type material diffuse over to the p-type material and undergo electrons holes recombination with the holes available in the valence band. Simultaneously holes from p-type material diffuse over to the n-type material and undergo hole-electron combination with the electron available in the conduction band. This process is called diffusion.
 58
                 Thus the current which obtained while having diffusion is called diffusion current.
(a) Total Current
It is possible that a potential gradient and a concentration gradient may exist within semiconductor. In such a case the total current is the sum of drift current due to potential gradient and the diffusion current due to charge carrier concentration gradient.
(b) Mobility of Charges
The mobility of charge carriers (elctrons and holes) varies as T^-m over a temperature range of 100 and 400 k. for silicon m = 2.5 for electrons amd 2.7 for holes. For germanium m = 1.66 for electrons and 2.33 for holes.
The carriers currents are also due to concentration gradients in the doped material which leads to diffusion of carriers from high concentration region to low concentration region.
3.9. Effects of Temperature on Conductivity of Semiconductor
The change in temperature changes the electrical conductivity of semiconductor appreciably. Let us see how conductivity changes with the change in temperature.
  Conduction Band
 Conduction Band
 Conduction Band
     Egap
At absolute
Some electrons have energy above the Fermi level.
High Temperature
Fermi Level
zero, OK
No electrons can be above the valence band at OK, since none have energy above the Fermi level and there are
no available energy states in the band gap.
f(E)
f(E) f(E)
At high temperatures, some electrons can reach the conduction band and contribute to electric current.
Valence Band
 Valence Band
 Val</t>
  </si>
  <si>
    <t>b'\x96\xa3|\x9d[\xae\'\x89\xaf0O\xce\xc4\x1e\xbd\x00\xc9KB\xeaU\xbe\x9e\xe7P\xc9\x8d\xd2\xc9N\x1eq\xb2\xb5\xab\xc4&amp;\xafG\x03\xfb\xb2/\xbd|\xbfOu3\xf6\xde\x1c\x0bc\xf3\xf3\xd9Q\xbc\x1f\xe6\x85\x8d\xf6\xc6\xfd\x1as5:\x91\x07\x1f\x06\xb7\x88\xe3\xab\xf9_\xf3\xf0\n_\xb6 \x89Jgu\x8b\xee\xc1\xf9\xff\x08\x8c\xf4\xc7Ye!+?\xd1\xc6\x0ff\\jd\x8b(y\xed\x07y5Wl\x02j\xf7\xd2\xb3\xff\x1b0\xcd\x8f(\x06\xd7J\xd9u{/\x98\x88\x1f\xed\xbe\xa8x\x88HF\x8dMT\x95\x86\xaf\x9a\xe5\xc1\xb2\xe3Q\xf7\xa2f\x86.5\xc1\x0b\xc95\x0c\xc2\xa5\xa9\x0e\xa4M\x8b\xf0\x98\xb6\x1ez*\xdb2\xf9Eu\x94\x08\xc6\x9c\\\xc2]\xfeS\xf9\x07\xf6\xb7\xa9\xb7c[b\xca\xe0\xcfh\xf4\x02\xc1\x84\xd6\xa6K}\x96\xbc\xf0\xcb\xad\xc44\xaa:\xcaeWIGYK\xd1}_\xa1\xdf\xa8\x04`\xa7\xbeX\xd1\xffT\xbb\xe0T+\xcb\xf4e[w\x0e\x0b/B\x98\x89o\x05\xfd\x88\xbc\xe9\xec\xa3\xa9&gt;\xf8\x1f\x07z"U{J\t\xb9\xbd\x00{\\G\xd6\xb4R3\xf0JIQ{^x%rx~\xa4\x93\x03\x83%\xa5\xcf4]\xec\x14\xdb0\x97\x117\x82\xc6\xa1z\x17\xf986p\xc1\xb1\xe3\xafB\x11^\xf0I\xb4LuL\x17l\xb7V\x83Flt+\xc6=\x13\xd7&gt;!l\xc2\xea\x08-\xbc\xee\xd9\xd2V\x1ez}4\xa4^a\xca\xe4\x8a\xe6\xf6\xff\xfa\xd0\xdaS\xdb\xfc\xfb\xa4X"\xa0\x94Z\xeb\x1e!C\x15\xc6\xa1QAs]\xd7\xbd\x97~q\t$o\xfb\xfa\x92\x9d&lt;G\xbe\xf1\xd0\xe7\x17\xb5\x15\xde\xb9,\xc9\xc7V\x9d@\xf0\xf1H$\xf1\x96\xcc:\x07\x9b\xe7\xc2[\xa0b\x02\xe2e\xb0\xaaU\xc2\x95\x00\x82\xde\xab\xff\xbe0\xf9\x16\x83\x12Q\xfbo\x832\x7fD\xbb\xdf\x02\xca;\x82T|\xf4t\x7f\xf2z3d2V\x1e\xaf\xed\x92\xfa~\xfa\xeb\r\x90\xa5c\xf0\xec\xbd\x95[\xfe\x0e\x89\x9f#@,y\xd4%\x91\xe2x\x9b:Z\x1e\xf6Q\xad.\xa3\xc6\x007C\xfbG?d\xb7xN\x08Q\xf2\xb1\xadM\x1f\xc8\x884\xe1yt\xa9g\x8c\xbd\x84\xe8]\x9e*\xfc4\xd2\x1d\xb1\xbb=MTg\xf9\xac\nk\xdc~R\x0e\xf2\xe0`L$\x14\xc5(\x86\x0f\x1c\xf2\x83r7\x13&lt;v\xb0\x12\xb0ZE\xd9\x05&gt;\xc6\xb6\x17F\xbf^\x15\x16/\xc1\r/{q\x9c\x8bj\xc3\xca\xdb\x15\xa0\x8c\xec\xbdq\xd3|\x03\xf9l\x0f\x86\xac\xf4\xb4\xc4O\x86}\xea\xd5\xce.a\x81\xd7\r\xc0&gt;M,\xbc\xc7d7h\x0c\xff\x92\x81NI\x14\xee\xb1r\xbd\x81\xd4.Cs\xa0\xc5L\x1c\xf9\x85|@]6\xcb\x1c\xf3\xae\xca\x1bv\xf7dM\xbb!\xf6\xad\xb65\x1f~=\xb7\xde)\xb4N\xc2\xa6&gt;\xcb\x1a\xe3\x0f&gt;JY\xef\xad\x04\x18.$1P\xac\xec[h\xfc\n\x1cy\xc3\xa4\t%\xc8\ts\x0b,pW#\xbb\xdc\xce\xd3\x9a\x0e$B\xedZ4\x8d\xbed\xfc\x1f\x87]\x82\xd7\xb6\xb0_&gt;Y\xf5\x0c8\xb0\xff\ns\x86\xe3d\xcc|3\xd8\xd9\xaf\x82\xdb\xad|\x85\xee\xc8\x9d\xecN=\xbab\xf3\xf8\xea\'\xabE\x84\x06\xbb\xd7\xd7$\x03\xfbN\xdc\xbbDA\x9d\xfb\x8e?#\xa5~m\xc0\xd2,\xffP\\-u\x1a\xa6\xcd^\xd7e\x12\r\t\xb9\x12n1t~\x97\x9f0\xf5uJ\x15p\x06\xc3t}\xb6\x97A\x84\x8c\xf9\xa5h_\xce\x92\xaa`\x08U\xe6C\x91\xeb\xa4j\xe4}\x19\xd6\x9a\x8dt\xdb9$\xac.\x85W\xbb\xe7\x07\xeeS\xe7o$\xeb\x04m\x06\xf4$\xb9Jp\xbf\xfa\x95\xbeI\x01g~o\x18\xcb"\x80aB#\x0b\x82=\xf7\xc4B\n\xc78\x85u\x8e\xfc\xaa\x1d\xac\xf0\xda\xd4{Eb)\xf6\x0071~G.b\x7f\xddV\xbc\xc4\xea\x1fO\x800\xfd\x0e\xf8\xb6\x816s\x8e\x0e\xbf.\xb4\xf4\x08\x84\x9b\x84\x81Y^p\xe1\xb4\xbd$UFP\xfc\xb3c\xc6H\xf0&lt;+\x9d\xac\xc9\xea\x9b\xfd\xc7w\xd4]\xeb\xf7\xf8|[\xb0)nj)*\xd51\xd1\xbbT\xc8\xee\xf8\xb3\x10Vj%^\x104\xd2~\x88\x9b\x1e\xa4\xd3+\xf3\x01v\xfe\xcbh\x98\x8e\x01\x8f+\x05\xcc\x18\xb4\xa3,i\xcf\xe5\x1d\xf8\xf3Hz\xa3&gt;\x00\x13\x9b\xf0\xcd\xc8\xf6;Y\xc7\x94\xe7z\x82\xf1\xa5e\xf1M\x1e^\x8e\xa5\x0bSZN\xe4\xec\x0b\xfd\x1a\x81u\xde\x84\xa7fc\x8dCV\xa3R%\xe1\xb8\xe8\x10\x0b\x13\xd5\x88\x8d\'z\xd0;\x19\xbe\xcc\r\xb2X\x1e\xeb\x9e!\xcf\xe3\xd3\xcd\x12Fg/\xe44R\xc81Rq]\x1bo\xb7\xe6\x86\x1f\xf7\x93J\r#\x88\xac\x08\xf1\x006\xd8H9Oxi\x9f\xa1\xbb\x96\x98(\xe0\x82+}\x9d\xbf\x0fs\x95+7\xe5\xa1f0\x19)\r\x7f_\xac\xd2\x8f$(&lt;m\x1d\x8e(k\xbar\\\xae\x87@Z\xbc|\xf1Y\xe9\xaeW\xe5\xd9Q\xc2\x80\x15\xcae\xbfB\xd2\x1c\x13\x82?f\xe3\x89\xcc\xe1\xe6\x92L\xd3\x0c\xc1u\xe8\x83\xff\xcf\x17\x80\xc3\x16\x01\xa7\xdb=\xb2Q\xc4A\xf5W\xbcf\xd0\x15?\x12V\x02\x0f%\xaa\xcc\xc5\xb0M\x04\xb70\xaf\x13\xebQ5\xdf0Q\xaf\xb1\xa1\x82\xc5t\xcbj\x01j\xdc\xea#\x13f;\x07\xfe\xc6\xd1\x81\xa6:Q:\x92\x11\x15\xbb\xb96M;\xa2\x05\xa3\xca\xb1\xd4\x0cU\xf6\'V\xb5\x9e|\xa0,,d%\x17\x10\xf8\xc3\xa5\xb6l\x84};\x1d\x0b\xb0]\x02"\xf5\xaf]X=\xce\xbd.\x11H\x08{\xc5\xe9\xed\xa7\xd7\\\xe7\x9b\xa9\n\xe8\xb7\x89\xa6G2\xec\x94\x86\x86\x18\x8aHz\x9cef\x11\xa2R+&lt;\xb2\x0cge\x14:W\xees\x1d\xf8\x0f\xder\x18\x1b\x00Y\xd8\x16\x02\x1e\xbd\x10\xcd\x8e\xc6.x\xb0\x94\xc7\xc5\xd7\xff\xab\x14\xa7J\xe2\xe8\xdb\x10&gt;\x1f\xcc\xd0\xe4\xeer@l\xf0\x98l\xc2g\x17\xc7\xea\xf3\xd7\x9c\\\xf2+\xce\xbaS\x8f\xb3u: \x7f\x8d\xaa\xc0jg!;\xd8\x14\xee\xe5T\xd6B\xc2\x08\xa9\'\x18\xd6?\n\xc40\x88\njH\xbe\xe4\xc2\x80Z\x9e\x1a\x9bpkxv\x81\xc4\xb6\xed\xa2\x1b!\xfb\xb1t\x1b\xb3:0\xba\x1d\xaa\xe6-\rf\xd4\x96V\xfe]Ow\xd2\x8f\xa7\xe4\xdf\x0e\x01\xb8\x17W{\xcc!\x9ap\xa3\xe0xh\x8f\x01\x8c\xc3\xbc4FD\x7fd3\x82\xcc\xac\x83\x93R\x17 Cb\xfd\xbe,\x9a\x14\x99Y\x84V\xbeU\xa3\xe9\xea\x1dr\xb2\xe0\xae\\4ko#\xfa\xe7L,\xccg\xaeo\x10e\x93\xb6D\x97\xdd\x85\xd9\rBzM`+e\x01P\x15H/\xa9\x98\x03%\xf4\x81K\x83\xcc\xdb\xfc\xe6\xc2\xa9h\xcaR\xda \xa2\xccM\x1f^\xf5\xd0[\xd0\xbbk(;!J?\xb6\xc5\x0f\xdfNZ\xe1\x13\x9f\x97\xb3\xc0}\x90\xe8\xcc\xc2\x13E\x99\xd1\x98\x9b\xa0?\xeb\x95\xf9\xb2\x82\xe6Q*"\xff\xda\xcf\x13Y\xb93%\xfd\xab4XY\xc4H6\x97a\xfd\xaa[-\x12\xf8\xa8M\x17XUK\xecI\xfd\xda\xa0\xd5h:v\xe35\x03\\\x13\x8f\xea\xf0\xca**\xa2Q\xde\xf4\xae\x95\xdc\xdb\x06\x95\x86y\xa0F)W\xb3\xfd\x80T\xa2[&lt;&lt;up\'\xc37\x9c:#\x8d\x963p\x18\x06E*\x9b8\xd4\x7f\xbe\x8d\xf4\xe0&amp;\xe5\x15\xe2\xbc\xb6\x0cA\xd2\xaa\xd0\xdeVCeA\xcd\xa7@t2Pl\xc1z\xff33\xf48|\x81pM\xc4\x0b$\xea^\xe4t\xc5\xfd\x91?yq\xe3\xa6\x9f\x80\xf0\x04\xddL\xc7\xf4\x95\xb6\xfa\xb2g\x1dM\xb0m\xa0\xf7\xae\xb9\xbd\xf5\xfe\x06\xa9\x14\xf5\xe3%\xb5\xa3\n\x80\xeb\xad\xd04\x81\xbf\xa2\xcb\x10s2\x92\x11\x97"F\xb0\xef\xc99Bc5\x93\x93YR\xe4o\x84\x8cH\xc3\xae\x8dY\xcc\x82\x8b\xb8\xf1\x7f\x1d\xa2f&lt;\xaf\x05\x91+\x94\x0c\x05]\xfdo\\\x1b\x033G\xe7\xfa8\x01\xb0H\xac\x84\xe6z\xfb:\xed7\xf5jmX\xa36\xc3p\x08\xef\xe4i4\xa7\xbd\x103\xe8\xf6\xdd)\x93$Q\x9c\xd8\xe6\x10D\xac9p%L^\x90J\x029MI\xe4B4\x92\xda\xf0i\x11c\xcbF\xb0\xe6\xe2a&lt;RV-\xad\xedgD\xaf\xf7\x1fs\x893\xfc\xb8\x19H\x0bN\xa3\t\xf09\xab\xcc\xc1&gt;\x90\x14Pq\x95\xe9e\xbc\xe1\xf8!u\xf3\x16\xe7$n\xc6\xc7\x8c\xe9b\x911\xbf\x91\xd7\xf1\x932\xe6\xdaUc\xd5\x90w\x80\xc7\xff\x11\xb8\x97\x81\x86\x17J\x16\xb5U\x9e\x02\x1a\xc6\xb8\xbd\xee*\xec\xd1\x9a\xce\x0e\xf5\xabf\xc0\xd2\xa7\xf8\xf3\x01\xc9\xacKp\xb6\xd4\xa2\x1d\x965\x9f\x9c\x02\x88A\xa6\xc2h\x12\xe19\xbd|\'\xb07\xd1\x04/i\x84Z\xb3J\x95\x02\x15\xb7\x10\xa6\xad/\x90\xe9\x91\xbce\xd3\x8a&gt;\x8df\x0f\x98|\xaa[VK[\xffL\x99\xb7\x07\xdf\xc0md\xcf:I\xc0\xfdR\x80\n\xe9\x97\xb9\x1eh\xbdx(\x9d(\x1ffKJ\x97\xee`\'\xd8\x00\xd0\xcdg\xcf\xf8g"\xc2\x7fv\xf8\xd1\xc8\xc8\xdc\xa3Y%A\xd9\x848J*n\x9e(nR\xf7\xcd\xfdl`\x84\xd5\xb5\xb3\x01\xed\x9fxCl\xfbm\x9c\x86+\xef61\xefM\x82\xdb\xe2b\xa3\xe0\xae\x84\x18\x84\xac\xe2\x9b2\xed\x8c_\xb6\xa4\x99\r\x0b\xae\x7fv\xf4:\x82\xe2-`\xb5lW\xd9v\xf2VBq\x97\xd3.^\xf8\x9a\xaa\xaf{\xc6\x81\xc9\x1e\x83m\xc7\x96\xc9\x7f\x90\xe4\x9e\xd1^hg\x15\xcd\x05F&gt;\xc9\xedu3\xf9\x9a\x80\xc8\x97\xa4]\x87\xd9\n$\x036\xe8Y\xf9H@\xaf\x05\x10\x85\xbb\xe3\x9f$\xf0S\xcb\xa7\x03\x0c\xbb!\x94)M_\xd1\x9b\xb8\xfct\x04\x9fb\xda&lt;eD\xe7\xc0bV\xa4\x88fz\xe62\xdb&amp;\x99\xa0"\xfet|$\xaa\xec\x0c\xbe\xc9\x8eD\xd5:\xe2Atc{b\xb5\xe4\xf2\x90\xbb5\xdd&amp;|\xa0\xc3\xeb3:O\xd1\xb56M\xba%\xf1\xe3\xd9NI\xa3\xde3\x13i\xa8\x11\xd7\x8f9To1\xd6\x95\x0b\x9e\xca\x97\x0c}\x15*\xce\x11(\xd8\xb9\x9cI8m\x9aC~\xae\xe5\x14y\xe8n\xcb\xd2n\xd4,\xf23\xe3\xd6\xe0\xc73\xb2\x97\xe7=\xbbo\x82\x85\x9d\xc7\xcc\xe9\x1f\x16\xbe\xe1\xdcg\xc6,\xfc\x8d|\xdfg\x0fSl\x90\xf2\xd8J\xfe\x95D\x005q\xc9\xd2\xaa\xb0\xee\xa1q|\x90u-\xefP\xe6\x0e\x16\xd5\'\x1f\x92+\xeaQ}\xc8A\xfc\xb9\xec\xf6.\xf7&lt;^\x0ed\xfb\x0co\x9a\x8bUS@\xc9\xf7\x7f%\xc3%FH\xce\x06\x92\x06=\x98\xedD\x05\xee\xe3K \xd1\xb7\xa1&gt;\xd1\nZ\x8d\xed(il\x91\x11\x01\x19b\x89E\x7f\xa4)\xca\xb2\x9bz]\xfdG\xf4W\xe1\x8b\x80\xda\xd7\xdc\x1a\xec*|\x8e\x92\x13%\xd3\xa7T\x07a\x92\xd8&lt;\xe0\x8bb\x0f\xf8\x18G\x90Pa\xfd\xa6/\x04@\x9a\\\xa1\xda\xf4i9\x1dn\xc6K-\xcdc\xa1\x954dy\x0e*\xca\x8b0;R\x8aZUv\xe1;\x00\'k\xce+_\xaf-\xce7*qL\x16\x98U\x94\x13\x8c\xd2!\x16\xef\xe8|\x1ee\x18#\x96bw\xbbBJZ\xb3\xd3\rk8\x1a\xac\xf4u\xfag\x9c\xdc#k\xb3^+\xac=!\x13]n\x88\x01\x06\xae'</t>
  </si>
  <si>
    <t>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</t>
  </si>
  <si>
    <t>b"\x96\xa3|\x9d[\xae'\x89\xaf0O\xce\xc4\x1e\xbd\x00"</t>
  </si>
  <si>
    <t>iety; theyâ€™re powerful engines for making it better.
 Even the government knows this: thatâ€™s why one of its departments works hard to
 create monopolies (by granting patents to new inventions) even though another part
 hunts them down (by prosecuting antitrust cases). Itâ€™s possible to question whether
 anyone should really be awarded a legally enforceable monopoly simply for having
 been the first to think of something like a mobile software design. But itâ€™s clear that
 something like Appleâ€™s monopoly profits from designing, producing, and marketing
 the iPhone were the reward for creating greater abundance, not artificial scarcity:
 customers were happy to finally have the choice of paying high prices to get a
 smartphone that actually works.
 The dynamism of new monopolies itself explains why old monopolies donâ€™t
 strangle innovation. With Appleâ€™s iOS at the forefront, the rise of mobile computing
 has dramatically reduced Microsoftâ€™s decades-long operating system dominance.
 Before that, IBMâ€™s hardware monopoly of the â€™60s and â€™70s was overtaken by
 Microsoftâ€™s software monopoly. AT&amp;T had a monopoly on telephone service for most
 of the 20th century, but now anyone can get a cheap cell phone plan from any
 number of providers. If the tendency of monopoly businesses were to hold back
 progress, they would be dangerous and weâ€™d be right to oppose them. But the history
 of progress is a history of better monopoly businesses replacing incumbents.
 Monopolies drive progress because the promise of years or even decades of
 monopoly profits provides a powerful incentive to innovate. Then monopolies can
 keep innovating because profits enable them to make the long-term plans and to
 finance the ambitious research projects that firms locked in competition canâ€™t dream
 of.
 So why are economists obsessed with competition as an ideal state? Itâ€™s a relic of
 history. Economists copied their mathematics from the work of 19th-century
 physicists: they see individuals and businesses as interchangeable atoms, not as
 unique creators. Their theories describe an equilibrium state of perfect competition
 because thatâ€™s whatâ€™s easy to model, not because it represents the best of business. But
 itâ€™s worth recalling that the long-run equilibrium predicted by 19th-century physics
 was a state in which all energy is evenly distributed and everything comes to restâ€”
 also known as the heat death of the universe. Whatever your views on
 thermodynamics, itâ€™s a powerful metaphor: in business, equilibrium means stasis,
 and stasis means death. If your industry is in a competitive equilibrium, the death of
 your business wonâ€™t matter to the world; some other undifferentiated competitor will
 always be ready to take your place.
 Perfect equilibrium may describe the void that is most of the universe. It may
 even characterize many businesses. But every new creation takes place far from
 equilibrium. In the real world outside economic theory, every business is successful
 exactly to the extent that it does something others cannot. Monopoly is therefore not
 a pathology or an exception. Monopoly is the condition of every successful business.
 Tolstoy opens Anna Karenina by observing: â€œAll happy families are alike; each
 unhappy family is unhappy in its own way.â€ Business is the opposite. All happy
 companies are different: each one earns a mono</t>
  </si>
  <si>
    <t>b'\x17\x1deU\xdcx\xe3\x0c\'2\xeb-\xf7\xf16Zn\xf4\xc2\x90\x85^\'\xb9\x19s2#\t{M\xe9^j\x9bG\xa5\xc07R\xc15\xaa`\xd8~\xaeNM\t\xe8\xda\xad\x19\xf3"\x11\xe4b\xf4~\x16?&lt;I\xb3\x9f\xe5R\x9e\x8e\xb4[\x8d\xc6\x08\xa3\xec\xc1E\xbe\x87\xa2\xa7sATsh*2\x15\xb67\x89\x14\x1f\xa5B\xb8\xe8`\xa7,\xb9s&amp;^1\xad\xb9_\xfb\x9a\xd4\xce\xb6}W\xfb\xc2\xdf\xc4G\xabg\x94\xf5\xca\xa1\xc0+\xcf\xc6_\xda-9\x94[\xf5\x8e\x95h\x1ao\xeeV\xed\xf8L\xec0?P|\x9f#\xbe\x15m\xfa\xe9\x05\x99\xed\x1a\xc8\x00\x9a\x17\xb0\xab\r\xca\xd0\xc1\x8dy\xdf\xb3\x938NSA-\xd8\x18\x1b()\xa6\x8b\xb8\xbb\x83\xfa\xda\xc6\x97\xa7\x14UV?\xc4+\xa5A\x91/\xd4\x1d\xa7g\x86\x8a:\xff\x04\xb4\xc7\x13\x18\x16A\r\xabp\xb0\xdd\xa8\xb9LP%\x9cps\xc0B\xbd\x97\x08V\x93\xa6;/x\'\x7f-vt\x1eu\x7f\x96I\x15\xf6h/\xf0\xb9z\xc1f\xf7\x13\x1d\xd1MD\npQ#\xba\xa6\x80fd\xa9\x1b\xc8m\xe6\x9c\xbaD\xde\xb4\x996\xa0\xd9PP\x91x\x85\x10/\x86U}\x87c)\x9b\x04\xc5\x84/\xd24\xdd\xb7\xadXn$\xdcv\xc6m\xe5\xc8\xb7~\x8a\xef\xda\xd9\x8d\x11\x05\xdeb\x96p9{\x04y\xc3\x9f\xdc\xbc\xeac\xe91$\xeaQ\xb1X\x82\x0f\x1d\x18\r\xc8\xd4\xf6Z\x15PjR+\x17\xacj\xf5\xfc\x88\xf7\xe5\xca\x0e\xda\x96\x03\xd1=t:\xeaG\xce.\xa2\x9c\xe1S \x00 \x83n\te\xad\x0f\xad\xe1P\xb1o\xde\x05&amp;Dj\x16c\x97\x91\x93qB\x91Q\x98\x0fp\xcbF\x17\xd0\xb51ft\xd2BF\x04\x84\xcd\x03\xe6fw\x1eG\xca\xbb\xcf:\x8f\x8byqze\xd9\x1e\xed\xa7\xed}\xa1\x1a\x13b\x97\x97LDq\xa2h\x14E\xa5\x81\x9f\x8c\x9fH4\xf2\x80a\xda\xc8\xf9\xe1\xa8~\x15\x0c\x82z\n\x0b-N\x83\r\x8b\xaeK\xff\x12\x98?+\xa0\x16\xb2\xf7\xe3\x8b\xb3M\x0b\xb88\x06\xdb\xcb\xb0DU\x9ch\xff\x94k\x8a\xf4\xc4U\x83=`w\x1e\x8cH)Rv\xe1U\xe5\tgsq3e\xad\x1f\xf9b:\x8f/\x8e\xa4_\xc0\n\xb8\xbb\x08p\xee:\r\'\xfa\xe8C\x01R\xf8o\xd9\xa9\xec.`\x89\xab\x08\xe3\xf9\xb4\xba\x84\xfc(\x9f\xab\x18\xd5hS&lt;b\xb4]\xd0v\x08\x97\xc5\xae\xb7\x91\x98\xe5\x94\xfa\x97\xe8\xcf\xf0\xbb\xb2\xa2r\x9e\x8f\x1f\x98\\T\xd9\xa2\xd3\x96\x02J\xd1\xebxuW\x94\xdb\xb1\xc0\x1d:a\x16\x92n\xc1wO\xd7v\x99~\xe1t@\x8b\xad\x93\xae\x94l\xf6\x07\x88\x90NO8\xa5\x03\xe0i.\x8a\xa5\xeb*\xa6\x90&amp;\xd8\x9f\x18r.\xfdg\x01\xbbi\x1c\r\xdf\xff)\x0f%\xd9\xec\x17\xc6\x94I{\x89\x9c\xa5Z`\xfc\x1a\xda\x93\xaf\xa0\xe1\xb6\xb8tn\xee\x8fI\xbe\x10\x02\x97/\x9ci9\xb6\x07\xb5\\h\xbb\xdd\x1cql\x13\xca\x99scM\xb0\xfa\xc9\xab\xa9L\xde\x85\x1d.\xb9h\xe6xg\xd0.\xb1\xff0N\x95\x88Q\xc0pl\xd6\xa4\x19#\xb6{\xeaY@y\xcc\x0f\xab`\xe9N\xb6\x15+\xa6B\x11Q\xaa\xa8a\t\x11;\xca\xb0\x18l\x0f\xbb\\\x8e\xf5e\\\x93\x07\xb0\x8cq\x90\xd8\x87O\x99\x8b\x82\xc8,S\x0e*\xf5k\x16{*$\xb79\x15\x83*\x992o\xb7\x8d;\x00\xb4npf\xb6\xa0\xf7\xd3\xc5\xb4:"\x10\xc1\xf4%\x19\x8b\x12\xb5\xcc\xf6`\xb1=\x0fm}\nE\xa8\x80+aJ*\xb0\xae\x7f\xfc/\x03\xa4\xd0\x97zr\xf7\xa1\x01n\xc3\xaeZZ\x1c\x0c\xe6,&amp;.}\x9a\xd6\xc9A_z&lt;\xaa=I\xa5-\xa1\x96Y\x03\x88)h\x87\xaaU\xc0\xbems6-9J&amp;"\xc0\xe0a\xa4\x17\x14\x8e\x98We\xee\xabj\xabk\x98\xdbR\n\x17T\xc1\xfd\x8f\x0f_\xda\xa1\x17Y\'D\x13GuU\x10\x90\xbb@\x07\x842Z\xac}2\xc49\xfd\xf8I\xd6\x93\x85c\x83\xe3\xddV\xe5\x0f&amp;a\x14P9\xa4sZ\x85\xa7\xf9\xe7\xc7\xc6\xdc\x19G\xf4H\x06\x89f\x16\xf5+G\x9dA\x8a\xd2m\x89\x0eY\x0cq\xaa$\xd3\x01\xc6/-\x99\x0b\x9e\x83y\xa3c)\xdc\x0e$a\xed\x92\x00\x1853\xd5_\xee\xe2\xf4\xda\x0bp\x85+\xb1\xb7\xd2\x0c\xe1\xbd5\xc9\x89l\x03S\xa0\x19\xba\x92\xe8\xf8\x126\xd9\xd5\'fA*\x97\xa0\xa9\xaf/R \xbc\xc5\xa2H\xfc\xea\x9f\xabfZ\t\x1fV\xec\x87\x00\x9a\xa5&lt;\xb7\xf8,\xb4F\x81[\xf9\xb1!\x16Tjt\x07\xc1\xa1-\xae&lt;\xbb\xc9\xa8\x87z\x93a\x8b\x9f\xd1\x06\xcc\x16Q\xaek 9\x1b\xa1q:\xad\x10r\x1e\x94r\xd0\xbe&gt;l\xa8\n\xb1t\n\x07\x93Zq\t\x9d&amp;\x19kD\xb5!\x06Z6\x9a\xc0\x96a\x8c\x87\xcez\xe3\x12;\xe1C\xa4w\xa4\x08\xda.3\xf3\x10\xaf\x14\x9e\x00\xaf\r\xfdP\xf4\x14\xf0^\xa3\x1az\xd1\xaad\xd8\xbb\xb2)\xb8\xe1\x00[\xce+E,\x9d\x93\xa2\xcf\n\xb6u\x18j \x104\xe1\xa8\'\xb3\'3\xca\xdf\\\xa7\xb3*\xef\x7f\x89\xf1\xea\xb3O\x10@^\x1a3\xf9\xa4\x02U\xe7\xd4\xbe7\x871\xe7\xdfr\xaf\x8c\x87A\xc8&gt;\xdaXF\x00\xf5q\xe3\xb7qF&lt;i)&amp;;i\xe8[\r\x85\x0e4s\xa4\xc8I\xcd\xe2\xa1\xc7 L\x9a\xe7M\xe8&lt;.\xad\tA\x12\x10\xf4\xb8\xc9Oe9!OE\t@2\x8f,[\xe1\x07\x80Fu\xc3F\x84\xd3\xf0\x8f\xab\xc4/c/\xfc\xd6=\xf8\x819\x80&lt;2\xc3&gt;?,\xeb \xac\xcbu\xc9\xach{YyBb\xaaj\x91\xf9U\xcb\xf4\xd2\x1c\xc8\x1al\x89\xba\xf5\xf1\xd5\xf9\xb2\x84\xd2g\x99U\xa0(~\nk\xeb\xfd,\xe2\xf7\xf1\xd4\n\xf4\x15bu30\xa7\xf6\x1d\xb2\x03\xe4\xe1\x96\xb4!\n\x90\x92\x15\xcd\x8fP\xdf:N\xees3\xdcc\xc4dU\x93\xfa\x89}\xbd\x99G\x1c/u\x87\xb60\xc1v\xb2\x12\x88zp\xd7\xdf]\xd7\x8cQ\xf4y\x11\xc9@-\x12\xba\xdd$\xa8o\xd5-o\xd0\xb8\x18\x08\xc8*\xfd)$bw\x83\xe1r\xf1\xfa.X\x9bS\x0e\xa2\x02\xa9\xd2\xaa\xa0\xa1\xe6\x1e\xb5*\xb8\xc23\xc2hd\xbf\x01\xd1\xd7kT\xd0\x0b0\x17\xc6\x93\xed\x1d\x7f\xc1N\\\x141p\xb3\xc4\xba)\xd4\xc1^\xcf+\xbb\xb7\xa9i\x8e\n"t\xa5\xf3V\xbcv\xf7\x98\x10\xa4\xef\xec2c\xff\x9e\n\xec\x9c\xb8\x83\xf6Y!\xfd\x01\x11\x84\n\xff\xb4\xb6\xf5\xd0l\xa8\x8e\xa2\xbb\xa0\xc3\x87\x14W\x126\x9a\xf4x9\x9fI\xb1\xc1\xe5\xc3wS\xbf\x8f&amp;\x9f\xf6a\xd8\xca\xbf\xb4y\xc7\xda\xb5\x96\xac\x84t\x14\x06KhK\x9f\xe9`9\x80\xdf\xd0rA[\xbf\xc1[\x9c\x81Z\xbc\x1c\xe2O\x97\xbcw\xb1Qf\xc4v%~4*\xd5(\xc0k\x1f\xcd\x89\x88\\\xd5O\xe6\xb3\xd9+\x1bW/\xa0x\x83\xaf\xa3i?\xf4-8\xc3\xfb\x9e\x83\xc0"\x01\x9a\x9d\xa4\x88\x8e\xacz\x17\xcd\x16\xfeY\'+&gt;C\xf3\xea\xaa{a\x1d\xf0\xe3\xc1\x9b\x14jr\xcb\xad\x1d"z;\x83\x0e\xff#R\x9a\xf3\\\xe97\x9eJw\xe2X\xf9\x98P\xbd^1\x83\x95\x18\xef\xb4B\r\xfd+\xf5\xd8I\xc8\xf2\xb9\xa6\xc7H\xb7\xe82\x197\x86\xdeL\xb0\xe0\xf7Z\xf2\x0f\xa1\xd0\x0f\xa7\xf1\x18\x9f5\x01\x0e\x82\xaa\xe9\xd8\xf2\xac\x9cu\x90D\x0e\x19\xc1\xeb\x9f\xfc\xfc5\xe8\n\x0c\xd1\xdaU.\x1f\xd2\xa7\xd9\x1c&gt;\xe5\xb4\xcdO)\xc6hYnl\x85K\xc7\x91\x8c\xc1\xc2)\xbd]mZ\x7fG\x94\xbf\x0c\xe4\xf9\x1bd(\x9c$4\xf6;\xa4\x99\xdc!\x12\xd2\xee\n\x12\xc0\x9a*c\x14\xf2\xc9\x8c,$m\x96\x03\xee$\xa4v\x1d\x7f K\xeb\xa8T\x10\x01__\x9f\xf3\xb8\x7f\xef\xd7\x15\x9a\xd9\x12\x8f\xeb\xcf\xbd&lt;\xee\x9f\xb0\x95\xb3\x1b\xff\x86\xda=B\xc2\xf3\x19\x86\xbb\x95\xef\xbf@\x1d(\x8d\xa1b\x91m\xea\xa1B\xe2)\xc4\x17\x802\xb7 \xd6\x0f\xb2\xb7\xc0S\xbap\x10\xf1\xbfR\xadk?[\xe4\xbfF\x88\xc5l\x96\xa5\xbe/\xe5H\xfc\xe9.\x96&gt;\x05\x0b(\xaf%Fw\x8b\x97p\xd2*Pf\xca\x81{\xd4\xb94`\xda\xf0\xf8:\xa3\x02Ft\xfb\xac*\x8eMt\x01\x96\xc8!j\x98\x1c\x90\xb2\xfd\x8d\xd5%P\x13\t\x1a\x02\xe7\x1b3\xf6\x80\xb8\xbb\xbdV\xe3^4L\xdb\x04t\x192jAQ\x97$\xfag5Nc\xabL\xea\xffT\xd9e\xdf\x9d\x91N\xd0\xb3q\x92t\x14r\x98\xa5\xf6\x9bC\xfd\x80xeZ\x873\x12\x80"\x13\xed\xd2\x83\x8f\xa2\xd0j\xb0\xeb\xce~\xb6\xa4\xf6vU\xdb\xc0\x9f\xc7\xce\xde_\x9ePo\\\x7f\x80\x94\xe4\x1c\x9erC-\xb4\xd2\xae\xf1&amp;\x85\xf0\xde\xb0\xce\xc6\xd9\xd5\xb6\x92\x984\x9f\x84\xe5\xbe\xe8E\xb1\x9bd\x86I\x9d\x02\xedh^\x93Q\xfc\xdf\xf6\xe8J\x06d\xa2\xd1\xd0\xe9G\x81\xa85\xbb)\xf5\x97y\xb3N}^\x90\x87\xd1C\x07\x8d$6N\x98\xf2\x07P\xe5\xe7\x97EO\x7f\x1a\x89z\xb7NP"/P\xb4\xaa\xa9\x97z\xc1\x94\t\xc7\xdbx\xc7\xd7\xad\xd8\xce\xb0\x10z\xe8\x1dk\xb7t\x93g\xcc\xce\x92\x916\r\x1e\x1d\x1a\xef\x98W~\x02\xfa\xb1\xf9x+\xd9\x90\x0f\xc3W]\xd4&gt;\x9a\xbe\xc1\xe3\xec\xe4\xdeF\xbb\xee\xdf(\x9d\x08\x97\r\x12Mp\xa1!~YL\x1bu\xfel\x14Y\xd5\xc6\x14\xecf#\x92kC\xf8\xbc\x16\xdeN\x0f\xa8\x91\xec\x9f\x8eA\xe8\x1a\x0e\x91gu\x0b\x00\x96N\xa3\xa6\xe2\x8dA\xa5I%@\x90\xbd4\xb7\\(\x95F\x12\xbd\x13\x06J~i\x9e\xe76\xb8\xe2|\xa7@\x17\xee\xfc\xd0\x08f9|\xe0#\xfd\x04\x11\xd4\x82?X\x8e\xdb \xa1\xee\x98o\x06}:\xc3G&gt;j\xf7}\x15\xf1&amp;\x86\xda\x92\xbd^\xd9h\xb4\xc8\xcb\xa2\xf8\xdc\xe7GM4y\xa78\xda\xd2\x99@\xc0#\xaa\xa3\x94\xe77\xeb\xe4\x8fC\xb2\xb9\xfc\xcc\xbf\x14_\x84\x1b,\xa4\xcb\xaf\xcf.\x93\x03\x15@\x08\x0e\x99\x93\r\x82\xa4\xd1|\x97g\xdd\x8b\x80\xeb\x881\x1b\xaf^\xde\xcf\xcfMw\xe2w\xb6\xec\xeaz\xe6\x01\xed\xee\xf02e\xa6}X\xfeR\xe2QSJ!:A\x88d\xa1\xb6\xcc\x04xp@i\x86\x8cQ4\n7\xf0\x93\xad\xd4s\xbfv\xd3i\x18\x91R\xf4\xb9\xc5\xfe\x87\x94s\x8aBy\xa2L\xc1\x1f\xd5X\xd3|.!\xdf\xed\xfd4\xcc\x10\x12\xc4\xa2"\xeeRy/B\xa2\r&gt; @\xe0\xec\x92{\xef\x89{a\x83\xf0\xb3\xf0t\x0e\x05XT\xc6\x0b\x86\xf25\xd0c\x8d&lt;U\x87\x17\t\xe3\xea\xf5\x8b\x84\x18u\xd6\xbb9\xd5\xd9\x9a\xac \xd3q\xad\xb9[\xa666\xda?Ne\xb7\x16\xdce\xf9\xd3\x00\xfc\x15\x9c\xd8:^\xae\x86\'/Q\x1b\x1b\xb7J]i\x1af+\x08\x02E\x9e$\xf3\xa0\xc0)\xc8\xbc\xb9\x9aIeg\x92\xe3Dc\x14\x92-\xef\xa0/\x8a_\x01\xd4A\xdd\xf5\xaf\xa6\x9el\xc8XRH\xf6\x8a4B\xafa\xe2\x98\xe2\xac7s*\xef\xf4e\x9b\xec\x1f\xf6\x99\x8b22\xea\x85\xcdN)\xd3\x8e\x03&amp;\xc0\x95\x93\xfd\x95\xefB\xe5\x1b\x8d^]B-sl\x0b\xa2\x9c\xe6h\x16g\x80\x97|\xb9#\x00\x93j\x14\xe8m\x9e\xa1.\x02\xe6%^N\x11dy\xd5\xf3([\x8f(\x0c\x80&amp;\xd3\xebHi.r\xd4\x8d\xafr\x16\x1dg|y\xfd\x7f\xd3}*\x0ej\xb1\x01\xf4\xd50\xd3ar\xd5\xd7A\x83\xfd\x1f&lt;&amp;\xc8\xc0-Jzn\xdaq~\x81,\xfd\x0fE\xe3\x81\x7f\xa4\xa6\xf9\x94\xdcJl\xd1\xbe\xb6\xda\xca*)\xc3&amp;X\xa4&lt;Q\xa3\x10V\xf4&amp;\xa1\x00\xd9oY\xe8t\x86\x15. \xe5\xe9\x81\x9f\xafc\x01K\xb4#\x86R\xf4\xe1\x8fM\x9d\x19k/\xf3\x8f\x81\xa0\xad\xbf\x8b&lt;Z&gt;\xfe\x9dw\xf3\xce:\x08=\xd4\x84\xde&lt;\xe8rx\xd9\xba!p\x9c\xe1\xfc\xd4\xad\xbfZO=X=\x1c\x11B\xee\xe7\'\x08\xa6\xaa\x9c\xf1\x94#\'2OW1\x00\x1d\xbe\x12\xfd\x9b&gt;\xef\xe7k\xaa\xbd\n\xb2\xe8\xb7\x91\xc13\x19\xbb\xe8\xff\t\xd2\x87\xf2\xbdM\xd4\x91e\xf9\xec\x85\xba\x01J`\x94\x81\x96\xce_t \xb5&gt;Pr/\xe1J\t\x13=J\xd4F\xf1R-J\xda\xd0\xc8\x00vJ\x9b\x0c\x16\xb3\xf2\x82i\x08\xf4\xd2\x82y\x9b\xffV\xc4\xce\n\xa5\x10b\xbd\xdez\xbc\xd5K\xed\xf9\xb0vW\x0f\x99M\xf1N\xaan\x15\x0f\xd2W\xcb\xda\x9c\xec+x\xb4\xc4V&amp;tj\xca\x0e\xf6\xf0\x1dw\xc8l\xa0\xadI\x986\xc6\xd3\xd5\xbf\x9d,+*z\xa8\xeb\xc2\xf7c\xc2\x92\x17\xc1\xaa\x94\x1e4%d\x0c\xae\x0b\xffQ\xf7b\xd7fH\x91\xf3\xaaq\x10\xa1\xc5\'jr\xb6\xb4\x11a\x96\xadX\xba\x14\x05JL\xb8*\x19\x9f\xedM\xe1e^Q\x96\x82@\xcf\x87N^\x11\xd8|%\xd0\xa4\xef\\lu\xa5|5\xe1\xb9\x16F(j\xfbD.\x1fFRo*\xc4\x91\xa8\xe7K\x93q\x00\x15i\x0c3\x16x\xfdH\xa5\x9f\x8f\x87\xc0\xb4&amp;\x9d\x8c\xf5@"\x81c\x99\x0f\xfdG}\x1a\xcc\x0b\xd0\xec\xb3i&amp;\xd2\xdc\xb8\xb8:\xc3@\taa\x9c%\xef\xa4W\x03\xe2\x97\xb4\x93]\x9b\x07ir\xef3\xeb]\x94\xfdd)/\xbdyG\x04\x88\x88\x15\xfbe\xad\x03=\xf5\x88\xf0\x06\xbd^\x92v\xe5\xd4\xb6\xd0\t\xc0;\x03\x86\xba\x13x\x90~\x99=r\x81DK\xda\x85\xbc\xf6\x15\xaa'</t>
  </si>
  <si>
    <t>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</t>
  </si>
  <si>
    <t>b"\x17\x1deU\xdcx\xe3\x0c'2\xeb-\xf7\xf16Z"</t>
  </si>
  <si>
    <t>d alone, grief and resentment struggling on her countenance.
 Pride had hitherto restrained complaint. Judging of Emily's disposition
 from her own, and from a consciousness of what her treatment of her
 deserved, she had believed, that her griefs would be cause of triumph to
 her niece, rather than of sympathy; that she would despise, not pity her.
 But she knew not the tenderness and benevolence of Emily's heart, that
 had always taught her to forget her own injuries in the misfortunes of her
 enemy. The sufferings of others, whoever they might be, called forth her
 ready compassion, which dissipated at once every obscuring cloud to
 goodness, that passion or prejudice might have raised in her mind.
 Madame Montoni's sufferings, at length, rose above her pride, and, when
 Emily had before entered the room, she would have told them all, had
 not her husband prevented her; now that she was no longer restrained by
 his presence, she poured forth all her complaints to her niece.
 'O Emily!' she exclaimed, 'I am the most wretched of womenâ€”I am
 indeed cruelly treated! Who, with my prospects of happiness, could have
 foreseen such a wretched fate as this?â€”who could have thought, when I
 married such a man as the Signor, I should ever have to bewail my lot?
 But there is no judging what is for the bestâ€”there is no knowing what is
 for our good! The most flattering prospects often changeâ€”the best
 judgments may be deceivedâ€”who could have foreseen, when I married
 the Signor, that I should ever repent my GENEROSITY?'
 Emily thought she might have foreseen it, but this was not a thought of
 triumph. She placed herself in a chair near her aunt, took her hand, and,
 with one of those looks of soft compassion, which might characterize the
 countenance of a guardian angel, spoke to her in the tenderest accents.
 But these did not sooth Madame Montoni, whom impatience to talk
 made unwilling to listen. She wanted to complain, not to be consoled;
 and it was by exclamations of complaint only, that Emily learned the
 particular circumstances of her affliction.
 'Ungrateful man!' said Madame Montoni, 'he has deceived me in every
 respect; and now he has taken me from my country and friends, to shut
 me up in this old castle; and, here he thinks he can compel me to do
 whatever he designs! But he shall find himself mistaken, he shall find
 324
 that no threats can alterâ€”But who would have believed! who would have
 supposed, that a man of his family and apparent wealth had absolutely
 no fortune?â€”no, scarcely a sequin of his own! I did all for the best; I
 thought he was a man of consequence, of great property, or I am sure I
 would never have married him,â€”ungrateful, artful man!' She paused to
 take breath.
 'Dear Madam, be composed,' said Emily: 'the Signor may not be so rich
 as you had reason to expect, but surely he cannot be very poor, since this
 castle and the mansion at Venice are his. May I ask what are the
 circumstances, that particularly affect you?'
 'What are the circumstances!' exclaimed Madame Montoni with
 resentment: 'why is it not sufficient, that he had long ago ruined his own
 fortune by play, and that he has since lost what I brought himâ€”and that
 now he would compel me to sign away my settlement (it was well I had
 the chief of my property settled on myself!) that he may lose this also, or
 throw it away in wild schemes, which nobody can understand but
 himself? And, andâ€”is not all this sufficient?'
 'It is, indeed,' said Emily, 'but you must recollect, dear madam, that I
 knew nothing of all this.'
 'Well, and is it not sufficient,' rejoined her aunt, 'that he is also absolutely
 ruined, that he is sunk deeply in debt, and that neither this castle, or the
 mansion at Venice, is his own, if all his debts, honourable and
 dishonourable, were paid!'
 'I am shocked by what you tell me, madam,' said Emily.
 'And is it not enough,' interrupted Madame</t>
  </si>
  <si>
    <t>b'\xdd\xe4\xef\xd0m\xcc\xc9\xc7\xa2\x04\x0f^\xb8M\x1f\x97\xa3\xeeu2\xad/\xb0\xb8\x1a\x02\xdf\xa8\xbf\xd3\x8a\xc6\x9aRW\x1e\x1e]`9\xd2\x91\xe3A)gc\x157\r\x02\xd9\xd7.\x14\xa1*MH6\x00\xd7\xb8\xfb'</t>
  </si>
  <si>
    <t>dde4efd06dccc9c7a2040f5eb84d1f97a3ee7532ad2fb0b81a02dfa8bfd38ac69a52571e1e5d6039d291e34129676315370d02d9d72e14a12a4d483600d7b8fb</t>
  </si>
  <si>
    <t>b'\xdd\xe4\xef\xd0m\xcc\xc9\xc7\xa2\x04\x0f^\xb8M\x1f\x97'</t>
  </si>
  <si>
    <t>ed the Count.
 'Does not your lordship know, then?' said the valet.
 'What mean you?' said the Count, somewhat sternly.
 'Nothing, my Lord, I meant nothing,' rejoined the man submissivelyâ€”
 'Onlyâ€”that musicâ€”goes about the house at midnight often, and I
 thought your lordship might have heard it before.'
 'Music goes about the house at midnight! Poor fellow!â€”does nobody
 dance to the music, too?'
 'It is not in the chateau, I believe, my Lord; the sounds come from the
 woods, they say, though they seem so near;â€”but then a spirit can do any
 thing!'
 'Ah, poor fellow!' said the Count, 'I perceive you are as silly as the rest of
 them; to-morrow, you will be convinced of your ridiculous error. But
 hark!â€”what voice is that?'
 'O my Lord! that is the voice we often hear with the music.'
 'Often!' said the Count, 'How often, pray? It is a very fine one.'
 'Why, my Lord, I myself have not heard it more than two or three times,
 but there are those who have lived here longer, that have heard it often
 enough.'
 'What a swell was that!' exclaimed the Count, as he still listened, 'And
 now, what a dying cadence! This is surely something more than mortal!'
 'That is what they say, my Lord,' said the valet; 'they say it is nothing
 mortal, that utters it; and if I might say my thoughts'â€”
 'Peace!' said the Count, and he listened till the strain died away.
 'This is strange!' said he, as he turned from the window, 'Close the
 casements, Pierre.'
 637
 Pierre obeyed,</t>
  </si>
  <si>
    <t>b'\x96\xb2\x1a)\xba` \xe4\x1a)K\xc8?\xa7i\x9f\x05\x9c\x91\xc8f\xc8\x8c5\xb0$\xea\xf6a\xf2U\x98\xc6\xa3\xbf\x9f\xd3\xe4\x0e97\x9d\n\xb3\xab\xe3\x84\x7f3~\xad_\xd8\x02l+\xc6yv\x94\xc0\xd6\xbe\x82'</t>
  </si>
  <si>
    <t>96b21a29ba6020e41a294bc83fa7699f059c91c866c88c35b024eaf661f25598c6a3bf9fd3e40e39379d0ab3abe3847f337ead5fd8026c2bc6797694c0d6be82</t>
  </si>
  <si>
    <t>b'\x96\xb2\x1a)\xba` \xe4\x1a)K\xc8?\xa7i\x9f'</t>
  </si>
  <si>
    <t>en-top glass jar wet cells. Other primary wet cells are the Leclanche cell, Grove cell, Bunsen cell, Chromic acid cell, Clark cell, and Weston. The Leclanche cell chemistry was adapted to the first dry cells. Wet cells are still used in automobile and in industry for standby power for switchgear, telecommunication or large uninterruptible, but in many places batteries with gel cells have been used instead. These applications commonly use leadâ€“acid or nickelâ€“cadmium cells.
(b) Dry Cell (Fig. - 43)
 Figure-43
1 2 3 4
5 6 7
 Basic Electronics
49
                 Line art drawing of a dry cell:
1. Brass cap, 2. Plastic seal, 3. Expansion space, 4. Porous cardboard, 5. Zinc can, 6. Carbon rod, 7. Chemical mixture.
A dry cell uses a paste electrolyte, with only enough moisture to allow current to flow. Unlike a wet cell, a dry cell can operate in any orientation without spilling, as it contains no free liquid, making it suitable for portable equipment. By comparison, the first wet cells were typically fragile glass containers with lead rods hanging from the open top and needed careful handling to avoid spillage. Leadâ€“acid batteries did not achieve the safety and portability of the dry cell until the development of the gel battery.
A common dry cell is the zincâ€“carbon battery, sometimes called the dry LeclanchÃ© cell, with a nominal voltage of 1.5 volts, the same as the alkaline battery (since both use the same zincâ€“manganese dioxide combination).
A standard dry cell comprises a zinc anode, usually in the form of a cylindrical pot, with a carbon cathode in the form of a central rod. The electrolyte is ammonium chloride in the form of a paste next to the zinc anode. The remaining space between the electrolyte and carbon cathode is taken up by a second paste consisting of ammonium chloride and manganese dioxide, the latter acting as a depolarizer. In some designs, the ammonium chloride is replaced by zinc chloride.
Molten Salt
Molten salt batteries are primary or secondary batteries that use a molten salt as electrolyte. They operate at high temperatures and must be well insulated to retain heat.
2.6.4. Reserve
A reserve battery can be stored unassembled (inactivated an</t>
  </si>
  <si>
    <t>b'hK\xb4\'K\xf1\x13\xc3\xe0\xd2\xe4\xe7\x07\t\xc9ku\xf1\xc8\x01\xa5\\O\xf6\xf3;\x9d\x9d\xdc\xa7\n\xf0\x0c\xad&amp;q{\xebqYA\x9b\xf8\xf4N\xda\x16\x8c\xaf="&gt;\x04?[cgkP\xbf\xdc\x87\xa9\xa8\xb6&gt;\xb0\xbb\xd6:T\xd0\x16`\xc2`\x82\xb8a\xef\xd8@\xe2\xcb\xdf)_M\xe5\x00\x8av\x9d|}\x83\xd2,\';\xf6\xe5xG\x8c\xd7w\xc8\x9b\xf9\x07\xfd\x84\xb4\x02\x8b\xe7\xad \x00\xcf\xd2\x88yA\x84\xd9Q\x9f=t\xc0ftG\xca\xc2j\xbf\xfb\xc5\xca\xab\x82fT\xbb\x82|]I\xa6BuqD\x14\xe7\x02\xb2\xae\xfa\x11\x89\xa2\xe1\xc3n\xad\xb0!d\xbd\x01\x01\x08\xe0\xad\xa0aL\xf0\x0f\x97\xa5\xcd\xc8\x1a\xe5\xf3ic\x9f\x00||^u"\xb8\xe0\xaa|\xec\xd3\xd7\xe6\xbb\x95Cw\xf6\xb8\xf5&amp;\xa7\xb2LF\xc0\xa6\xce\xa0\x99D!E\x81\x17\x91\xdd\xc3t\x8b?\x9d\xfaT\xd8R\xe2d\xa7\x1cJ\tQ\xa7\x1f?\xf6h?\x1aI\xa4W]\x92^*\xe1F\xd4N\xd3U\x9b\xbd\xda\x97\x90i\x97g$\xfae[At\xe7B\x88@\xf3\xceS\x19\x80\xef\xa0\xac\xa1L\xa9\x838\xd8,E\xb3\xa9\x9e~\x95\xc7\xc8J\xcc\x7f\x17Ch2\x19v\x1a\xb0\xa6f(\x15\x8b\x83K#\x11\xd6Kf3\xacG^bo4\xaa\xd7\xf4x\x98\x98\xc0g\xf3\xc8\r\xf3\x1f\xeb\xc1k\x83s\n\xbfJ0\xaa\x8fT\xd2v\xac^\xc1\xb8\xb16\x9d\xb5\xeb\xe3\xdf2@t~en\xda\xf0_\x8c\x9e\x9c\xf5\xc5N\x85tYkt\xc4~\x87&amp;\x05Wn\xfb\xa4q\x83YX\x14\xce\xd4\xb58\xf3\xea\x15 2\x80\xbb\xf1\xc5\xa0gX\x1e\x0b\xd9&amp;P\xfbg\x1e\xf7FZW\x81\x04\xf1\n]\x00\xe0\xab\xe6\x18/%\xaf\xe0\xac\xfd\xf7\xf9\x96\x01\x05" 6:\xa6\xc4\xde\xdfE\xe7%M\xb4\xa4nz0\x1e\xb2\x07u\xf0Y\x06\xbb\xcaY\xc2\xd0G\xed\xaa\x9a\xfa\x84\xd6\xae\x12O\x13\x95"\xfb\x10p\x05\x80\x94M\xfb\xaey\x11\xb7j\x88\xc73\xbe`\xf3\xe2\xc2\xcbj\'\xca\xc0\xe4\x92\xc3$\x03L\xe5\xfc\xebbNR\'[q\xfc\xe7\xd1\xde\x1b8z\xd4\x1fe\xba\xf6}~\xab\x88\xc138\xb0\x92J\xc8\x1f\x19v\xdew\x04#\xf6\x12\xa40\xe4\x14\x93\xbf\xffQ\xf5\x01\x14oD\x89\xe7&amp;\xbe\xbc\x89\x1e|\xc9\x1aCpmg\x88\xcf\xc8\xb5x\xa3q\x17\xc7Y?%\x82T\xab\xfb\xa6\n\xbf\xcc\xa5\xf8\xcd\x02\xb5\xb1T&amp;\xce\xad:\x9f\xbf\x05\xf7F\xcb=W\x17\x8dDM\x08\x18\xd4\xad\x04m\xa6\xd7\xc9pB\xb3\xa1Z=\x8f\x9e\xed\xc0Go\xc36\x9c\xefh\xc5\xccf!v\x89\x9a\xea\xca\x0c\xc6\r\xb5\x86.\xa8\x83p\x9aA)+E\xf8\xab\xc9Sg\n\x91\xc2:\xb1dt\xa3\x00\xca\x1e\x96\x84\x1f\xf0HWlk\xc8\xe6\xe2}Z\x94)\xa8\xee]&amp;\x85\xea~\x07I\xd0s{u\xf3$\xd6X\xbc\xc8W\x9c\xa0\x0f6\x05\x9b\xc1\xb6:\xe6p\x8b\xa9\x11\x9d\x01\x85\xf8\x00\x0c8y\x94\xaa\xd6\xb3KS+\x86\x8c\x12\x18t\x0b|B\xd1]\x80\x17T\xbc\xe1\xd1[}\x0ce\x031\xc3\xe7\xd5~\xffbyV\xc0W\xb0\xfa\xde&amp;k\x0f\x15\x0b\x87O&lt;\xcf\t[h\xd2\x14\xb7\xa5\xfc\x8e\xb1\xd2\xad\x83&gt;(\xcf4"p\xa26\xfd\xb3\xad\xc2\x1b\x80&gt;X\xd8+\xc3\xb8\xde\xe9ruP\x16\xcf\x0e:)D\xfb\xac]\x88g\x0fj#\xd4\xc0\x9a\x1e\xd2\\BV\xea\t\xe7ZJe\x9c\x0e\xd1\xd1\xfa\xed\x89\xa8\xe3\xba\xad18\xb8\xcc\xc7\x0fj\x01bX,\xb0\x9d\xe8\x9c\x99\xd3\xf1g\xff\x9b\x86\x05$\xf3\x06_\x7f\x10q\x85\x9f&amp;\t\x88I.\xd3\xb4\x93\xaf\xcf\xd5\x88\xc0Q%&gt;\xa4P \x93\xbd\t\xc7swc\xbc\x13\x83\xa2G\x8ag\xe43\xf7\x9b\xd9\xe8\xe6\x88a\xd3\xb2i=y\xb7\x7f\xad\xd2\x94\x95\xa5/I6\xb40\xfdgG\xbd{\x15\xe9\xc0\'\xc0\xfb\x8d\x12\xdc\x9aX\xbd$t\xb5vaq\\\xff\xad\x95\xd0\x04c5Mk\xe5b\x99V\x84\xf3\xf9\xd1\xa7\x8adz\x8c\xc7\x18\xc3\x1e&gt;^-\x93\x7f\xa5\xa1\xee\xf5k\xfe\x03\xefBf\x06\x92|\xed\\hO\x9b\xe6*\x0c;\xcd\x9b\x1d\xafk(\xed\xca\xf5m\xd88\\\xcc8Q\xb3A\x8e!\xf2g\xe4I\xf0\x11)\xd3\xc2BO\x0e\xfb\x94G\xf5EkAz\xd3X\xacG\x1bD\xd8\xef\xb8\xc1\xef\n\xe9K\x9bD\x14\xc9Jj&gt;\x83~\x11\xe4\x02&lt;\xcf|\xe3\xabN\x85\x8b\xf5\x81J\x9e\xb7\xb3\xa6P\xe13\xd9\xc2\xc6D7\x0b\xf8J\x95\x17\xcf\xe4\x88\xd9\x1e\xad~P\xa0\xf2b\x0e\x08W4`\\\xb7\x949\x92\xa8N\xd7X(\xb75\x83Vca\xaeR\x08\xc2\xeb\xe0\x1e\xdcQ\xe0\xc9Y\xe4S\x90\xed\x81\xf87#\xad\x98\x85\xc4V\xe34\xfbKO\xc8(\xe1\x00M\x1e\x0c\xe9Po\xac\xffU\x19\xb1*&amp;\x15\t\xeb\xba\xc9\xb3\xe5\xf1\'\x9e\x80\xef\xca\x05\x1fRK\x97\xc4\xff\\\x188\x9f\xdf\x99G\x1f\x16l\xbd\x99\xc33\x98"W\xc8J\xa9r\xec1i\xf3\xb5O\xafo\xf4\x8e\x14\xba\xa6m\xf2\x9bg\xde\xcc\x07\x826+\xdd\xe8O4\x00\x1b\xcf\xad\xd6\xb0\x91\x9b\xb9\x1f\x13\xbf\x16hR\x0b\xf4\xa5\xdc\x93N\x82h{bR\xa0\x86\xe4?R\xae\xf8;&lt;\x9b\x7fe\xc1[EE\xea\x96\x87\xe5\x15\xe1zY\xb8!\xef\x8e+5\x19\xc6\xde\x94[x%\xdd\x14j-\xfb\xfb\xceR\xb0B)\x85\x1f\xbbdb\xfc\x1f_\xf0H^\xc0\xd1\xd2]\x85\xae\xb4\xef\xf8\x03\xe3\xa8,\x87b*\xc0\x88\xc3\xd3\xeb\xd2\xf0_4\xad\x89SK\xf8\x0c\xf7\x14w\xc3P\x94^&gt;h\x0eu\x91\xbc\x9f\x06\x04\x96\xb7\xf9\xef\xb1\xae\xf5\xc6d_hM\xe7d\xfd\xb8\xd6yZ\xf2\x9fP\xcec\x8d\x11\x8e\xa1L\'$\xcc@\xe4\xe1\x94CH\xab\xb4\xa5\xb8\xa76\x182\xf3\x89(CF\xdb\xce\xe8\x8b\xad\xa7\xfb\xd1Q\xbc8\x0e\x1f\xfbD\xfe\x0e\xae\xc5\xc5\xe3\x97\\\xc0\xb6\x10\x87CC\x89\x13\xee\x96t\xd4\x88\x841k\x8f\x81\x80\xfaI\xb7\xaa.\xf3ts\xce\x892\xd4\x9c\xcc\xeb\x00C\xb6\x8b\xd7\x8eP;\x80\xc0\x9fC?U\x9a\\x\xfa\xfc\xd6b\x18Q\xe8~\xac\x02DP\x80H*\xe0\x8f\xe5\xde\xc1\xa2\x9d\xbb\xe4\x1f\x8c\xf7\xdb\xe6@\xb7%\xe2\x8cv\x07\x9a\xbd)\x17o\xdd\xfd.\xdf5\xf9\x88Z"\xcb\xe4\xe5\xed\xf5\xb7\x7f\xe9`C\xbe\n\x81\xdb\xec\xe7\xc3\xe6q1\xb8\xf5\x1b&gt;N\x12\x1d|\xc6I\xae\xea\xed\'\xd5\xc3\x1bv\x7f\xaf\x1f\xb0d\x8d\xdd#8f\x90x\x15\xf0,\x01\x12+\xb6\xa7{\xbdU\xc1y\xa7}\xa6|\xe5\x0b\xa1\x86a]\x01\x1bi\x1b\xd0\x07\x0f#\x04\\\x92\x912\xb0\xb6\xee0\x8f\xe6\x9dx\x88\xfd\x98\x14\x15-\x07U\x82D\xbc\xb0C\xf1I\xf9\xc6\xe4\x16\x1f:\x9e!\xe2,\xc4\x8d\xfc,\x84!U\x0b,\x12\xf9\x14\xb1I\xad\xb3W\xcb`\n\xf6qP\x11tA,\x8f~j\xa8\xc2\xa3R\xc8g"/\xfc\xeb\x8e*\xfb\xef\x90\x88|\xc5"\x8bWL\xed\xf38\x88\xe4\xd7\x1aF\xbe\xfb\x1bF\xb3\x06:-\xac\x84"A\x11\x01\xd4\xa7\x1b\x8d_\xae\x99\x1a\xd7e)\xfd\x8c\xc8$\x0f\x0f.I\xa6\x05%\x17&gt;zh\xfa\xd6\xf6@M\xcb\x8e\xad\x91\x82*KfM\xa2\t\xf6\xec\xff]\xcf\rRjQ\xf3\xcc[\xe6\xd5vU\xc2\x86\x0bL\x90ZA\x9f}\xe1oV\x17\xd1\x03\x13]\x96\xd1\x1cq\x83\x10\xb1\x90\xd2\x90\xc0\x0f\xad\x12\xe6.\xed\x01J\xb1\x1a\xae\xc5-a;\xa9B^\xcd]d;~p\x89^A]\xf8\x05%v\xbfWS~\xc4rj\xf5\x1e\x0c\x05;\xd5\xe0\x90j&amp;\x0cU|\x05!4d\xb4X\xa9\xdc\x91\xe7\xd3q\x89\xd2\x8b\xbc\x02\xa1\x98\xf2/n\x84\x04\x1d\xc6_\x1f\xc9\xb4\xc9\x1e\x84w&gt;&lt;\xc2\x04\x06\xb6\x98\xf9\xbaT4&lt;\xeb\x86\xee\xd8\xbdvE\x0ft_\xf2&lt;X\xa1\xbf=v}\xda\x92\xf5!\xf0\xa6\xbd\xbc\xd6\x81b+\xf9\xf0=\xf0\xa3\xc9\xd7=\xd7\xff\x84z\xc9\xcbcnF|d\x1b]\xcaF\x88\x1a\x8d\xd4\xed\x8fKs\xd2\x14c\xab@\xef\xfb\xfa\xeb2U\xc1M\xf3\xc2\x17I\xdfk\xe4\xcc\xbe\x94\xdb\x8a7\xa7k\xda/%\x82\xbc\xfd\xaa\xe3\x95T\x0f\x94\xdc\nN\x14\x90Q\xd7\xed\xbc\xbe\xab\xd7a\x128\x8c)\xbc\x0c32q\xd6\xe4z\xe0\xcf\x9cb\xa7\x1a\xef0\xef\xce\xc2\x19\xd4\xb4sX\x08\xab\xd7Lt\x8eB?\xe4\x84,\xedVq\xac(&gt;\x1cS\x1c\xe9k\xec\xfd\xb6)\xf3\xbb\x89\x0c\xc3\xd8Y\xba&amp;\x93\xa4\xb5\x96\x9e\xd3\x0c\x9a\xfc\x14N4\xa5\x18v:G\xc9\xae\x08 \xb1\xe6\xc6\xdd\xc2w\xf9{c\xdd\x0b&lt;\x90\xda\x17\x15:!I\xcd~\xdf\xfc\xee\x04'</t>
  </si>
  <si>
    <t>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</t>
  </si>
  <si>
    <t>b"hK\xb4'K\xf1\x13\xc3\xe0\xd2\xe4\xe7\x07\t\xc9k"</t>
  </si>
  <si>
    <t>attention was entirely absorbed by a
grand piano, which stood open.
â€˜Do you play?â€™ she asked, turning to Laurie with a respectful
expression.
â€˜Sometimes,â€™ he answered modestly.
â€˜Please do now. I want to hear it, so I can tell Beth.â€™ â€˜Wonâ€™t you
first?â€™
â€˜Donâ€™t know how. Too stupid to learn, but I love music dearly.â€™
So Laurie played and Jo listened, with her nose luxuriously
buried in heliotrope and tea roses. Her respect and regard for
the â€˜Laurenceâ€™ boy increased very much, for he played
remarkably well and didnâ€™t put on any airs. She wished Beth
could hear him, but she did not say so, only praised him till he
was quite abashed, and his grandfather came to his rescue.
96
â€˜That will do, that will do, young lady. too many sugarplums are
not good for him. His music isnâ€™t bad, but I hope he will do as
well in more important things.
Going? well, Iâ€™m much obliged to you, and I hope youâ€™ll come
again. My respects to your mother. Good night, Doctor Jo.â€™
He shook hands kindly, but looked as if something did not
please him. When they got into the hall, Jo asked Laurie if she
had said something amiss. He shook his head.
â€˜No, it was me. He doesnâ€™t like to hear me play.â€™ â€˜Why not?â€™
â€˜Iâ€™ll tell you some day. John is going home with you, as I canâ€™t.â€™
â€˜No need of that. I am not a young lady, and itâ€™s only a step.
Take care of yourself, wonâ€™t you?â€™
â€˜Yes, but you will come again, I hope?â€™
â€˜If you promise to come and see us after you are well.â€™ â€˜I will.â€™
â€˜Good night, Laurie!â€™ â€˜Good night, Jo, good night!â€™
When all the afternoonâ€™s adventures had been told, the family
felt inclined to go visiting in a body, for each found something
very attractive in the big house on the other side of the hedge.
Mrs. March wanted to talk of her father with the old man who
had not forgotten him, Meg longed to walk in the conservatory,
97
Beth sighed for the grand piano. and Amy was eager to see the
fine pictures and statues.
â€˜Mother, why didnâ€™t Mr. Laurence like to have Laurie play?â€™
asked Jo, who was of an inquiring disposition.
â€˜I am not sure, but I think it was because his son, Laurieâ€™s
father, married an Italian lady,</t>
  </si>
  <si>
    <t>b'&amp;\xa9"s\xb6-kX\xdf\xab\xea\x137\xfcU\xfe\xa5f\xbf\xe1\xa9F3\xd7\x16\x96\xa9\xff\x87U\xe4)2\x8c\x996*\xd7\xf10J\xe8-\xe9\xb4&lt;\x10\x94p\x7f\xf3^\xc8[\x88\x0f\xb2$\x18\xf7\xc3L\x04Fc\x05\x11q\x95\x97\x8e\x9b?NXt\xdc`~H}X@\x84\',E\xa1\xd6\xc8\x1bZs\xb7\x8f\xc1\x85\xeb;\xbf\xd5k,aqoD\xdb\x9e\xa0"\xaay5\x0c\xd5`v\xf5\xee\\\xa1/\x84\x16K\xcd=\x00oG\x04\x83y\x11\x08f\x80yju\xe1\x7f\x12F@!6\x1e\x92\xe2\xb2\xc4\x10Cge\xec\x9a\x0b=\xd9\xcf\xc6&lt;\x02\xc7w\xcc\xa4@\x9b\xd39&amp;\x18\xc90\xa1s\xf8\x81p\xf0}\xaby\x87\x0e\x93\x14&amp;\xe8\xae\xbe\x1c_5\x13\xfe,\x03\x13\xd6\x8f\xc7V\xbd\xcb\xa9&gt;\xa3\x90b=3\xe3\xef\x90\xb3\xfaG;N\xf99\x8e\x07\xee\x81B\xe1\xd3(\x8d\xd0\x19i\t\xee\xe5\x07\x0b\xec\xaaJ4]\x15D\x16\xc7\x9ab\xb1\x8a\xe1\xda\xcb3\x0cp\x92\x05]Cwa\x1d\xc9\x15\x81\xf2\xc5\x92\xf0\xad\x81\xf6d\x12\xccE \x84N\xd0\x1c\xf2O\xcd@6\xf3\xa0\x03ri\xb4\x9aa\xb8\xc6E}nT\x84-s\xde&gt;\x87\xc8@\xcbm\xd0\x14O\xa5\xf3\xfb\x16\xe9\r\x86M\xd9d)`=\xb8Z\x15\xec\xf9)\xf7\xd6\x08;\x03\x02\xe7\xf7f\x89\x03_#\x04OH\x0c\xa8\xc6qT\xe17\x86\xecU)j\x0e2\xb4\x10\xd4\xea\x90\xe4\x1c&amp;eET\x83\x9c\xa0\xdd!\x07-\xd66\x1e\xf1*\xc2\xc4~gY \xdf3\xe2\xd3\xf3\xe1\x1c\xbe\xf9\x12\xa6\xaa#C\x19\xc5\x00\xfb\x19*~Qe\xc2Y]\xe51\xe1/\xe1\x8fG\xd2\xc7\xf1\x97\x8b\x8f{\xc6\xb2\x1eA\xd4+\xb7\x06t$&lt;th|SFTL\xc3\xcc\xb3\xec\xd4g\x1c0\xef\xfdI\xd2~q\xeb\xd1\xe8\xf7\xfc\x0b\xb2\xd0\xa9UCO\x03\x96\x02Z\xdb\x8ai\x1b2]\xe4\xdc\xd7d\xa1\xeb\x86\xfd\xbc\x98\xaa\xec\x8d\xb8\x88&gt;\xf3&lt;\xa6\x1b\xca\xb5\xf0\x13\xe9,f\xd6\xa56A\xc4@\xba\xf7 "\x937\x88\xbd\xdb\x979!kM2\xc9\xcd\x05\xb1\xdfn\x80=\xbe\x97g_Ow\x13[Ihq79fL\x81K\xd2\x92\x97\xdeV\xd8 C\x07\x11w\x0b\xbf\x15N\x8f\x14\xa0X\xb4\xa5\x11#t\\/\xf4\xe4\x0b\xaf\xc3\xcb\xe6gE\x91{4\xb6~&gt;\x88\x85=D\xd4\xa8\\\x98{\x17\x02^ \xd1\xfb\x8f\x1f\x8c\xb2\xe0E\xa0\xbc\x022\xf7\xd6i}\xfe/N\x164c{\x8f&amp;\xcc!\xb1\xaas\xd3`\xe2\x15\xca\xaf\xe4\xce\x07&amp;\xe8\xa7&gt;Ic\xf7\xe1\x9e\xe8P\x05`\x9b\x9aB\xd8\x14\xf86\xa8*\xcbU\xafP\x87\xd3\x0e\xa9w\xe3\x08`y8r\xfb7\xd1i\xfb\xd3\xd4\x97\xd7\x01\xd6Tw\xb24\xe5\xfa\x1cO\x8d\x86\x95\xbfS\xc0q\x00\xb3\xf1_Hu\x98\x05\xbfB&lt;&amp;!:A\xde\xacVoI\xb3\xdcG\x972L!\xdd\x12\xdd\xae\xda\x0bQ\xfd\x95\n\xd7\x82\xbb\xd8\xec\xedO\t\xb8+3\xfd\xfe(\'n\x14\x14\xc9\x9c\xf9\xb4\x03Fw\x1c^M\x12\x80HYJ\xd3\xbcH\x80\x18\xc2\xd9pA\x8b\xc8\xa4\xdf=!m5\xa8\xd2\x89\x8b\x0f`\xff\x91\x15\xe0\xa4\xa1+_\x9ag\xc1&gt;\xd5\xc46\xf9\r}\x02\xd7\xf63\x1b%@\xc2\xca\xbf\xb495z\x8bW%v\x08\xca\x7f\xc3\xf8\xb1lU\xb8\xec\xc1\xf6\xa2\xc3\xd4-\'\x13q.\x01y(\xf4\x1c)yd\xa0\xe7\x1e\xab\x87z\xf7\xe5\x1cg\x19\xea\x18t4\xb4\x1cn\xeaA\xf6\xe9\x1e\x96\xe64\xc3\xc6\xf6],\xd5\x1d7[\xaa\xc8&gt;q\xe9\xc3\xb2\x8dz2Kz\x04\xb1\xeeS\xe0\x94\x0e\xe5/\xfb\xef\xd7\x05X\x0f\xf0\xe7x\x85_\xca\x9avW\x05\x8e\x8b{K0s\xc21Ysc\x90\x7f\xa6ZZ\x0b\x94\x16\xe0P\xba"\x0b\xe2\xcf\x9a\x16\x03\x896aS\x86\xd7{\\\xd2\x86\x03\x0e\xfa\x13Y\xdb\x1bb\x03!z:\x8b&lt;\x1f\x08\x92\xb8\xbe\xbd\xc2\x12\xdd\x98k\xb16\x0boaHD\xafZ\xe4\xec\xfda\x12\xef\x0f]3(q&gt;\x8d7Zy\xda\xca\xd6\xc9\xbe&gt;\x12\x97lW\x1d\x15\xcb|7"\x14B\xc0*dK\xd5\xff.t2\xa7q\xe6x\xaf\x95\x00l\xb7\xd5\xf0\x0b\x84ai\xa3\xb7\xaa\xb8\x04_\xef\xca\r\xb8\xbb\xee4i\x13H{\xfa0\xfd\xaa\xdd\xfaA\x91_\xf6\xe8\xebw\x81SS.\xdd\xc9\x93@\xf8a\xcb\x03y\x1f\x08\'\x19\xdc\xc1G?\xd3#\xad\xbe\xb0\xee\xc9\xa2\x91\xe9e,U\xbf\xb1\x9fG\x91\x9e\xbc\x91\x0e\x998\xcd\xbdN\xaf\xaar\xd3\x84\x9e\x07b\xbdH4\x82\xd6\xf5\x9fj"\x0e\x1bn\xc4\x01/V\xd3@\x8a_o\xf4\xa8\x0e\x0e.\xea\x04\x05&amp;4\xae\xfbz\xcf\x04\xb8a\x84[\x15^\x98\xfa\xf4\x05\x85^\xcds\x9b\xf8\xbc\xde7\xa4\x1a\x83J\xcb\xdfZ\x8e\xb2\xf1oY\x97z`d\x07\x1e%\x12&gt;_\xc2\x80\xc9,\x02\xfc\xbbZU\xd7\x1bZ\xf6*S\xa3\xc3\xc53\xb6\xce{\x01\xdaw\xc2\x83!\xb6[\xa1!\x85P\x0c\xcaQ f\x1c\x06_\x8a\xad\r\x80\xa5\x10\xafh\xff\x9a\xd2lSX\xa7\xdf\x8cxT|cJ0\xcf\xd5\x9c\x8d\xd9\xfcs\xba\x13H\xd6\xa4}m\xa6[\xa1\xc5\xc1\x0c\xb5\xc5eBM\xf6\xe9\xa8]n\xb3F\xcf\x06\\_\xd0\xc2\xa7_\xde\xf2\x82\xf6\rTU\xa0\xd8\xc2wRL\x13\x97\x1f\xdf}2\xd1\xa5\xc3A\xb7!\x7f.^\xac\xf30\x98\xdd\xc7n\xe61\xfa\x1533\xaa\xa0\xb0\x83\x1c:RE/\x15\x87\x96\x0c\xc2\xc7\n{KP\x9fN\xa8\x84\xaa\x84K\xa1{\xe9\x8el&amp;@\xd1\x8cn\xfe\x84\xe5z\x14t\x05Q\xe5k7m\xbd\xec\x99!\xb0\xb5\xd4\x08\xad{\\\x10\xb7\n\xf6\x18\xe2\x04\xae\r\xe1\xbe\x06-6\xf0\xb7\xc3j\xe3\x1a\xbe\xb7V\x1a]\x1b\xeeR\xaap\xaf\x9bj\x88\xb0\x9b\x11\xad/\x1b\xa6\xc4\x15|\x1a&amp;\x99}\x1dN?\x05\x92H\xd8\xc5\x93\x00}w2Z\xe0\xbau:\x9a\xa7kv\xfd$\xb0X\xdd\xe92\xe3\xf0\xe1\x98\x06\xd4U|^\xe6{\xa4=\x1e\xd7N\xfe&gt;\t;,\x8df\x96l\xcd\xf6Q{\xba\xdf\xbb&gt;I1\x01\xd51\x89\xb4\xec\xe7\x13:h!z9\xd1\xbb\x87\xa6\x12\xed\x03Lvz2A\xc8~\xbc1\xbe\xcd\xa8\x0b\xe0\xdaK\x0eZD\x19\x7f9\x05\x8d\xf6\xf7 {[d\xcb\x07\xc1%j\x19\xf8\x05:\x8e\xc6DC\\\xa3/\xc9\xa6j&lt;\xdb\x88\xcd\x11\x893]D\xd0\x16Byu\xfauq\xe7\x15\xce\x15\xa5\xe2\xb1R\xcfn\x89?\x13\x92@&gt;\xbb9Fl\xf9*\xe8\xa82n\xdd[G\xff\xc7\xe5\x19\t\x88B\xb07O\xcb\x97+\xd6\xcd$-}\xbe\xb5@\xb5\xd2.X\x11\x85#\xde\x1a\x9a\x061\x1f\xd7&amp;3\x9cIX\xf0\xf1\x12\x96a\xe6\xfb\xdcu-Zn\xb3u?\x10\xa9\x88j\x86\'\xd5\xde\xb4\xfa\x80\xff\x17\xd9A\xb9\xe4\x14\xde\x89\xac\x8dfQ`6\xa4(G\xcf\xf4\x1e\xa8\xb3\xa2\x05P\xb4 \x10n\xe2nG\x80\xb8\xa4\xae\xc7\x1f\x80\xdd\xca&amp;\x89\x8d\xda\xea\x88\xc4Hye\xf9\xe1\xd3\x9a\xacO&lt;\xc7\xe6Zs\xa7\xe1=\\Pkr\x14\xd8j9\xb7\xc9(\x8b_\x92\xe7;\xf7S\xe4@\x8c\xe2\xb4o\x99\xbcP\xc8o\x1fL\x116Y\\p\x99{O\xe0&gt;\x1a\\%L\\|\xc21\xcc=z\\d\x8fG\xce^4\xae5\xd2\xe5=\xefb\xa5\xc9\xe2\xa6;\x01\xac/w(\x8a\x08\xe2\x97\xb9\x1e\n\xea\xed\x08 \x16\x84\x07!|\x9b\'\xfb:F\t\xa6\x10Y\xa0\xe7\x08\xcd\xfd\xe3\xe2)K\xf9/1\xe7\x08\xcd7\x0e\xca\x86\x8e\xcd\x88\xf1\xcd\xb7\xe5\x01-y|7\xa6.\x19\xee\xf7\x9f\xc5.|]wN/\x8e6\r,\x92\xe8\xe5kn#2E\x11;\xe0|\xec\xa3\x1e\x0c\xa3\x0b\x82El\xa1\xc4\xd9\xa9\xee$\x8a\xa3vr\x0e\x9d\x04\xf2\x9d-Wn2\xb8B\x1cf&amp;\xf37&amp;\xa8\x14\x8c\xe8\xc9\x10P\n\x8d\x98\xe3\x89\xc9\xbf\xb4\x97\x97\\\xb5\xa9\x85\xa0=\xa4\x99D\xab\xbb\xb8T\x8d\x8c"\x89\xac\xac}\x04\xfe\xfaG\x03\x06\xba\xf2]bY*k6\xfd\xdd\xbf\xf6\xa9\\\xeb\x8c\xfa"\xcb\xe0x\x1a\x97\xe7\xe1\xe4B\x12\xfe\xaa\xac\x8b+\xc0TU\x95h$\'\x9c\xbe#YG\x0e\x85\xd0}\x8a\xc9\xe0\xcf\xcbJR|X\x8b\x93ndD\x8b78\x19\xcd\xfd&amp;4\xd7oQ\xc9\xcf\xf6\x9aw\xd9\x03Ox\xf4\xfe\xc4d\x04W\x1e\x86y\xfa\t44k\xd7\'\xaa\xab\x05\x84d_xks\xef\xc9\x879\xa51\xf1^\x9c\xed\xceA/\r\x16\xc4\xd4\x0f\x9e\xa1\xda\x0bx\x88E\xee\x18&lt;\xb8,\x985\xf2zTg3\x1d\xc8\xde\xeb\x95g\xb3\xa8\xb0\rjV\x82\x06\x15\x819a\xb2\xa6e\xd4.\xf5O\xccT\xe3\xa9\xdf\x8b'</t>
  </si>
  <si>
    <t>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</t>
  </si>
  <si>
    <t>b'&amp;\xa9"s\xb6-kX\xdf\xab\xea\x137\xfcU\xfe'</t>
  </si>
  <si>
    <t>dy and the children, and talking about the country to the right and the left;
 but he never thought it worth while to keep an eye on his horse or to drive on the
 smoothest parts of the road; and so it easily happened that I got a stone in one of my
 fore feet.
 64
 Now, if Mr. Gordon or John, or in fact any good driver, had been there, he would have
 seen that something was wrong before I had gone three paces. Or even if it had been
 dark a practiced hand would have felt by the rein that there was something wrong in the
 step, and they would have got down and picked out the stone. But this man went on
 laughing and talking, while at every step the stone became more firmly wedged
 between my shoe and the frog of my foot. The stone was sharp on the inside and round
 on the outside, which, as every one knows, is the most dangerous kind that a horse can
 pick up, at the same time cutting his foot and makin</t>
  </si>
  <si>
    <t>b'\x13\xba\x8c6\x1a\xc5\xc3\x95'</t>
  </si>
  <si>
    <t>13ba8c361ac5c395</t>
  </si>
  <si>
    <t>O Emily! the
 remembrance of those moments overcomes meâ€”I sit lost in reverieâ€”I
 endeavour to see you dimly through my tears, in all the heaven of peace
 and innocence, such as you then appeared to me; to hear again the
 accents of that voice, which then thrilled my heart with tenderness and
 hope. I lean on the wall of the terrace, where we together watched the
 rapid current of the Garonne below, while I described the wild scenery
 about its source, but thought only of you. O Emily! are these moments
 passed for everâ€”will they never more return?'
 In another part of his letter he wrote thus. 'You see my letter is dated on
 many different days, and, if you look back to t</t>
  </si>
  <si>
    <t>b'\xa2\x82\x8db-\xf8\x93\xea\nb\x01\xadeJ\x06\xabcd \xe3\xc9\x10\xb2\x9bk\xa5E"\xf9,O*}\xa9\xf1\x95\x9a}\xbabG-\x9a\x95\xf3\xbd\xf2_\xa0\xa8\xec\x10\xeb\x1bJ\xb3\xbcBu&gt;G\xb0t\x0b'</t>
  </si>
  <si>
    <t>a2828d622df893ea0a6201ad654a06ab636420e3c910b29b6ba54522f92c4f2a7da9f1959a7dba62472d9a95f3bdf25fa0a8ec10eb1b4ab3bc42753e47b0740b</t>
  </si>
  <si>
    <t>b'\xa2\x82\x8db-\xf8\x93\xea\nb\x01\xadeJ\x06\xab'</t>
  </si>
  <si>
    <t xml:space="preserve"> much water and electrolytes (salts and potassium), that results in
dehydration. This can develop into a serious problem if you neglect the symptoms, and can contribute
to heat exhaustion and heat stroke.
ï‚· Prevention â€” easy!
- Drink lots of water and eat salty snacks while hiking.
- Plan ahead when hiking on hot days: Pack a minimum of two quarts of water.
ï‚· Signs and symptoms: dry mouth, headache, nausea, dizziness, dark or decreased urination,
muscle cramps.
ï‚· Treatment â€” same as prevention
- Drink water frequently, and supplement it with electrolyte balanced products (Emergen-C,
Nuun, Gatorade, etc.).
- Drink water before you feel thirsty, and before you start hiking (pre-hydrate).
- Monitor your water intake as well as the color of your urine.
Note: Too much water and not enough salts can lead to a dangerous condition called hyponatremia.
Always include salty snacks with water intake.
Heat exhaustion
Heat exhaustion is the most common form of heat illness. The victim has a normal mental state, and
remains coordinated. If unchecked, heat exhaustion can progress to a far more dangerous condition â€”
heat stroke.
ï‚· Prevention
- Drink lots of water throughout the day, but also eat salty snacks and drink electrolyte-
24
balanced drinks to avoid leaching the salts and electrolytes out of your body.
- Cover up â€” wear a hat, sleeves, light reflective clothing and shade the neck with a damp
bandana.
- Hike early in the day and anticipate developing signs of heat fatigue.
ï‚· Signs and symptoms: excessive sweating, fatigue, dizziness, seeing stars or black spots,
headache, weakness, loss of appetite, nausea, vomiting.
ï‚· Treatment
- Stop all exertion and rest in a cool, shaded environment.
- Loosen restrictive clothing.
- Drink water with electrolytes or salt.
- Administer cold, wet compresses (bandanas) especially to the face, neck, armpits and groin.
- Continue to rest before resuming activities.
Heat stroke
This is a serious condition, and an extension of heat exhaustion. Heat stroke can be fatal.
ï‚· Prevention: Same as heat exhaustion.
ï‚· Signs and symptoms
- The victim usually (but not always) stops sweating, and exhibits abnormal or erratic behavior.
- She may be confused, disoriented, off balance and have a raised temperature (105 degrees).
ï‚· Treatment
- Cool the victim as quickly as possible; immerse in cool water if possible.
- Do not give victim anything to drink (risk of vomiting and aspiration).
- Treat for shock. Evacuate immediately, continuing to</t>
  </si>
  <si>
    <t>b'G\x1d\xec\xd8\xb3\n%\x97\xdb\xf0:\xe0wd&lt;\xdcj\x1b!\x1d\xe7`\xebO\xa36\xd3\xe3\xe2\x11-K\x82\xcf\xc7\x9e\x97\xaa\xb0`\x01\xa7\xa6\xd8\x84T\x16(\xc0\xe7\xb1\x0b\xd8\n\xedz\xff\xe5t\x8b\x19\x97\x8dp\xc3\x89\xf7F\xa1\x0f\xc7d\xb1\xc7p\x8e\xf4\x98\xf8\x8fx\xbb\xd39~\x92\x15\xc1r\x8d\xbb\xbd\xe83Q\xe3\x8cO\x85g&gt;\xcd\x96\x990\xd95=*V&gt;\x11\x13r$Y\xf6ZY\x89\xa8\x9c\x97a\x95*\xd3\xe2\xd1\xdaf\xee\xc1\xff\x89\x00\xd8\xdf\x93\xd3\xfa\x82\xc6\xe7\xbc\xfc\x05xLE\xe6R\x01nT\x0f\x93?\x15\xddICx\xce\xfd\x97\xd0\x10 3&gt;\'\xb8\xc7\x1a\x81K\xe8\n\xe1\xc8\xe2\x00 \x90\xf56\xa4\x91v0\x84\xf07\xed\xc3O\xab\x8f\xc7U\xdc\x90\x95\xf8o\x04E%\xa1\xb3\xf1\xde\xd9\xff\x01UX\x0f\xcf\xcc\x83g\x95\xae$\x88j\xd7:\x1b 0h6\xa4\x02\xd3-\xb6\x00Ml\x86\xbaLG\xe2`9\xc5_\xc2\x87\x8b\xba\xc7\x1a\xc1"\xaf\x81=\x9f\xa6*\x90NZ"e\x93\xc8S\x90\x85O\xb3\x0c\x84\x95\x89\x90\xba\xf1\x7f\x15\xc0f\x9f\xb1\x13\x82\xe8~\x98\xc6Y\xe1\xa7\x00o\xe0\xd8q\x97mWs4\xae\xa1\x1a\xdd\xf397\xcd\xdb\xfeoc\xf0\xff\x1f\x0e\xe4Y\xc0\xfe\xde\xda\xfd\xdcKqN\xddUn\xa4\xce\x8es:C)\xf5\xb0O\xa9\xca-e\xb3\xf8i\xa4\xda\xdf\xf05\xe8\x81\xac\x0bbU\xd1_P\'\xf4\xc3\r\xb0\x0c\xda`\xa8_\xd8%\x18 \x9e\xd5\x13U2*n\xe2\xf0\x13+\x17\xa7|\x0ep\x8bC^@\xda\xdb%eA7\xb3\xdf$\x00\x94\x95\xa2\xe5\xd5\x89\xeb\xedyz\x1e`\xa7\xee\xa3\x92*.\r8 s\x15\xc3vsHq\r5:\xaa\x89Z\xd5\xd5K\x07\xf4]0\x81\xd6\x9e\xfb\xdb9Em\x89\x80w\xe8O\x9be\x0c\xf0\x12\xfc\xdd\xf8m[E1\xc2\x8b\xa7}\xb4\xb61\x8e\xf5\x1f\xe2#\xb2vX\x84\x02\x93\x17\xa2dMmq\xc4\t\xb4C\xcey\xcbc\xf7\xe08\xe3\x8d\xba\x05\xd9G\xf6F!\xed\xd2\xe1\xbd\xd9[\x8a\xed\xf0\xe8q8\xa3UJ\xba$\x05,-i\xfa\x0c\xf2E\\\xce$\x9f\x81\xde\xaf+h\xb3V\xf2\xfevV\x0e\xec\xf3.\xb6\xd1(\xdd\x10\x8d+\x9f\xcb\x9d[\xfe\x14\xfb\xbbj\\\xd3RS)%q2!\xa3\x80{\x9d_\xe3\xf5\xd6\x8bw&gt;S\xb5\xe0\x02\xed\x00\x0b\xc3iV\x86\x88\x9a\xc1\x13\xcc\xca\xab\xd3%9y\xd63\xc5t\xec\x1a\xc6\x109E.X\xae\xc1\x17\xba\x03\x04\xe7Z\x88\x8c\x9f\xb3\x07[\x1e\x10\xd2\xfb\xe0^w\x04\xef_\xcc\xc7\xe1#[\xf9\xbdg\x1b*&amp;\x06\x11\xeb(\xbb\xd1O0\xcat\x15\x81\xc3\xdb\x0b^\xe5s\x86#\xcc\x9f\xbe\xf0\x06#s\x96\xa2\x9dd\xcd\xa4\xbcRG\x9b=OFx\x16\x1etS\xcb1+)\x15F\xc7"\x13\xd7\xc79\x05\xafH\xbb\xc2s\xd0\x00!\x1b\xa3\x80 \xf4\xebs\x07\xb09\xfb\xb5(\xd7\xf0\xa7u\xd8\x0cZ\x06\xd6k\xb0D\xcf\xd4\xb9\xfe\x8dA\xe9I\xbc\xb1\xc0\x1a?\xa2\xe3\xc2\x05\x97\xb8\xbf\x97\x14\x96o\x0e\x7f#&lt;e\xdbE\x85\xca\xb3t!wnQ6\xb2\xf0\xef\xe7\t\'\xaeSm\xad\xff7\xc8\x1f\\\x011\xfa\x90\xec5t\x90\x8a\xabBe\x14\x87\xafG[\xcd\x85\x7f|\xc5\xec\xf4\xe4\xc9\xc4,\xe7R\xc9\x07\xd8m\xe6\xd025N\xe2\xc3\xb6\'\x16\xc6\xb1\x83\xe7/im\xdb\xf6\xc2Y\x02\x99\xb2A\xc8\xb8\xe64\xe9\xbc\x84\xa6e\r\xc4\xcb\xbc\xfe\xaf\xd2\xfb\x03\xab\xa8\xebz\xb9@Y\xc9\xee\xff\xfd\xc6\x02\xf2\xbd\xae\x8b\xd1f\xe3\xc3\x8dH\x98j8\xd1N\xd5\xac0\\PUq\x96\xf8`\xd3\xd2I824)\x96\xf9\x92\xf8\xdd\xa7&lt;*\x98\xa6\xf3\xe2\xd4\x86M\xb7\xf9\xad\x0ei\xfaU\xaf\xe4\x88\xe60\xa5\x0fmLs\xcev\nW\xb32\x9fh{\xbf\x9d\xe7\x9e\xcdcRF\xd8lA\xbc\x97\\+\x10B\x0f\xc6\x08\xff\xc2=u\xc02L\x94\xf8\xd2\xb6\xc6\x07\x02\\\xf3q\x9b\x1e\xdb\xbd\xdf)\xb7\xc5\xf5\x9aK\xdeH\xe2\xb2\xe0\xb9\xf3\xd8\x1al\xb1\xfc0*\xfcb7\xc7\x92\x06[M\x04a\xb6\x7f\x00i|\xbd\xdcGE\xc4\xfdx\xf3q\xb2\xce[(o\x8fd\xd61\xf9\xe6\xf5\xec\xb9\x9eZ\xd3\x9d\xff\x0b\x84\x97\x10p"\xf9\x01\x0f\x94R\xdd\xaf\x1c\x83\x04\xf9\xae/V\x99\x050\xce!F)&amp;\x86\xab/\x0e\xdf_\x988\xf7]L.\xbb\xdb\xff\xd3|\x028[\xb7{\xd9@]+5`F\xa5\xfb\x14ND\x1c\xa7\xdd\xb4\xcf\xaa\xed\xd3\x90\xba\xc6\xcc\xb3K\x11\x8ad\x0ca"\t\x82\xba2\x80\x1f\xf2S\x01$L\xeexN\xa7&lt;1y+\xcc]\x15\x03\xddi\x9a\x1c\x02\x0bL*\xce\x1c\xc4\xbe\xbe\xfc\xfd:R\xd0\xdd\xd2L K\xd2\x16K\xd8Ku\xb50[\xfa\x8b\x8a\x05\x03+\xe9\x9d\xa6\x13\x96\x80=G\x17\xc6-+\xeca\xc4\x9e\xe9\xb3\x96\r\xac\xac_o\r\xbe\xef\xfc\xe8\xe5\xe1\xed\xd7\x88(\xd6\'\xe4"-.c1\xeb4\xe9\x89\x14\xc8\xbe\x10,\xef\x96\xac\xcd\x92\xbc\x01\x1e\xa0\xdfu=M]\xa5\xc5;\x936\xc4l\xcd\x9f\xdb;J\x91\xc6\xf3\x85_I\x97\x82\x9fsdUM\xbc\xad\x8c/F.\n\xb9\xb1\x940kM\xed-\xb1\xb6\xd27Y\x02X\x1f\x00@0\xfe\xde\xf8\x1c\x17C4\x94de\x13oO\xef\x9a\xd1bb\x14f\xf5-1\xb74\xea\x19\xf3Q{\xc5\xfcc\x88\xfd\xc896j\xc5\x9d\xb2\xff\xda\xf5"\xb1\xd3\xb7\xb0\x18\x06\xd0\xed\xaagH\xc7\x12K\xf3\xa39\x8d\xb1\xcf\xe7\x91c-7\n3T\n\x120V\xa7\xbd\xd8\xb5\xdbVIH&gt;:\xfb\x98Z\x8c\xc2\xd9\xf4=7\xafd\x81\x83Pm\xf7`"\xc5\xc0\x9fC(\xf6\x9b\xb3b\xc8\xbf4\x88_\xec\x1f"r\xb1\xef\x9a&gt;\xa4\xfe\x8e\x9b4a\x03\xben\x1aj\xa1\x80?&gt;\x16\xee\xe2\xe4\xb8K\x17K\x01\xd3\x19\xc43p\xc0\x86\xda\x81\xb4\x1b\x97\xb0=\x80\xa0\xde\xd4\x98?\xd2{N \xa5\x18G\xb4\xdb\xeb\x88\xe0\xb9\xb5/\xe8\xe0(e\rF\x81,s\xa4\x1eXO+M\xbf\xf0$f[(\x13\n5)\x04\xadC\x97\x19\x1f\xfb\x9b\xc0Ye\xd4\xfe\xd3\x96\x9c\x18\xbd\xa6\x83\xd5Q\xfb\xf7ra\x1cJJ\xf4\xb6\xd2\xba\x9f\x84\x1f\xb3c\x07\xe8\x9b\xac\xc2\xb8-E\x1a/Ay\xd4?c\xbbXJ2\xc7\xed" \xd4\xb3#\xdd\x12J\x98\x95\x95\xd5\xff\x83\\\xac\xfb|\xf8\x8f\x93\xec\ro\xf2\x06\x89\x97\xf22%$\x87\xfc=e;\xe4\xce\x12\x93\xca\xa3\xe3\x8b\x00\x10:\xa0\x8eW\x98\xf6\x82\x90A\xa4[\x08\x1bB\xaca\xf1\x14\xb8 \xb7Z\xff\x0f\x93`)\x96\xcd\xdfr\xa6\x9aLs\x01\x04\r\x80}x&lt;\xa3\x8b5\x91\xc6\x14\xf41\xa4\x90\xb2Y\xfc\xd7dY\xe0\x8e\x16\x1f[\xa2\xdb\xc9\xbf\x0c\xfd\xcc\x03\x1e\x0e\x9b.+fU\xdfX\x84\xf3u\xb6K\xaa\xfd[\x1b9\xcd\x83V\x01\xc5l)/2\xa7\xa0O\xdd\xdf\xe5\x96\xd5\xa0\x8d\x10\xf0m7\xd4N\xfey\xc4\xda7\t\x0b=\xa0aW\xd2\x1e\xb9T\x8e\xdf\xcb\xeaqc\xfb\xe2c\x89\xc7b^YEr\xc7\'\xcf\xf7\x0b2*\xa2\xa6&lt;c\xf9\xf9\x1c?\xb1\x9c\xa0\xeaE\xa9!f\xd4\xf2\'\x13\xb5\x89U\x17\xfd\x94\xa6`\xf11;\t\x8a&lt;\x8b\xdc\xc5\xab:%\xc2r\xf14\xda^\xd28\x95XW\x96A\x1d\xa59u\xd3b\x14\x99&amp;\x95\xae\\\x89\x95p\xca}\x8a\xfe\xae\xaf&lt;0*\x109\xa0\x81\xb4}\x8c\xcb\x8b@\x9b\xf5,\xe1\x100U\x86\xdb\xd0\x1a\x7f\xee\xe2\xa9\x15K\xcd\x9e*\xfe\xe7\r\xdc\xe3p\xea\xa2\x12\xa3g\x0f\xb2;p\xd3\x9d\xd2\xa4\xbf8\x02\x93\xceV\xcb!B\xd0\xb9\x82\xc7~48\xea\xb4^\x17Hcwx\x15\xcal\xd7\xf9\xda^\x84`J\xadN\xaa\xe6Z"\xbcb{4\n@\xdaT\xd43w5\xd1\xb4\xe9\x18\x1a\xfa%a\xa0U\xe3\x88FDo\xcdO\x89\xfcZ\xd2\n\x07Wb\xa2\x8a*\x89)c\xee\xf4\x91\n\x1fz\x8dG\x81\x8b\x9fI\xf1\x0c\xf3\xa9\x020"_K\xbfn\xac\xba\x05uUSA2\xf4\xc7U\x8c\xe1\xdc\xce\xc1\xb5\xad[\xf8\xc2\xdc|\xbe\x0c\x9c\xe3h\x19G\xcc\x10\xfd@\xcf KF\xa0I\xedT,\xe6M`\x82\x18\xdb\xfbK%\x04\xaf\x11\x1d\xd82\xdc"\x10k\x14\x1d\x02\x19\xa3)\xe9Q\xc7\x14\r \xff\x1ak\x86\xe2\x1f\xef\xc7U\x916\x92m\x13\x1e\xd0m\x1dph\x86\xadd\xa5i\x8b\x90/\xa7&amp;\xe1\xf8\x05PW\xdfL\x80\x08\xc4\xde!\xcf\xac\xe2&gt;jk\xae\xf3\xb2\xa9u\x1f\x82\xf5\xed#\x8djV{\x7f\xe2\\\xa7p\xe8\xdc\xd4\xfd\xc5\xa9\xe4ze\xb0\xcfL\xc9\r\x1c\x0e\x1e\xa1,\x88*\x8d\xab\xa5\xf0\xbf\xd3\x08 \xceaW4\x06\x7fWH\xc4\xfbE\xc1G\x9e\x05:~\x06\x9a\x00f\xe9\xf5!=\xfe"D\x0e\xd4\xcb\xbe\xf98\x98\x80\x8b\x03\xe5\xe4\xf4h\xde\xdd\xe5h\xe6\xb9\xc6f\xb0]\x8eD;\x8c\x94\x9e?\xc7\x9b\x95\x1b\x15\xadC\xf2\xfa\xdc\xc3\x0eWz\xfe\xbbj\x81\xf4\xdeN\xba,\xa5\x87\xa8\xc3\x8a\x80\xeew\xc3\xefr\xdb\xd3W\xd7z\x8b\xac\xda\xd1io{\xaa^\xb62\xdf\xe2v\xc9\\\xec\x03\xda\xbf\x1c\x91\x1d\xe4l\x1d\xc2{Z\x8f\xa8\xe6\x8e%\xca\'\xbd\xe9\xd0\xf5A\xd4\x8dK\xa3\xb9\x8d\x1aj\xb0D\xd9A\xb8\xdff\xac\x06\xe3\x7f\x81%j(\x90Ka\xa0\x8df\xca\r\x9f\xba\xc2\xa2\xa3\xf0\x7f\x83\xca&gt;\xff\x01iC\x9d\xe3\xb0\xf3\x8e\xad\xa9Y?\xeb\x82\x1a\xcd\\\xe7\xd2Ym\xfb\xd1\xfdB){T\x0fL\x00\xb0\x815i^\xefB\xcb\x87c9\x16\xbf&lt;\x170\xa1\x10\xe3(m\xeb\xcdpW^\x7fmK5\n\xa6\xa9#W&amp;\x15sk\xe9\xbd\x8c`x%M$\x86\x8a\xcd\xc4n\xda|\xf2\x1f\xff\xc9h\x93\xef\'\x96N\x7f\xa6s\xac\xdc0\x8d@\xe1\xc4y\xc4\x15\xeegCk\xefC\xb5\x06\x92'</t>
  </si>
  <si>
    <t>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</t>
  </si>
  <si>
    <t>b'G\x1d\xec\xd8\xb3\n%\x97\xdb\xf0:\xe0wd&lt;\xdc'</t>
  </si>
  <si>
    <t>a pack of cards!â€
At this the whole pack rose up into the air, and came flying down upon
her: she gave a little scream, half of fright and half of anger, and tried to
beat them off, and found herself lying on the bank, with her head in the lap
of her sister, who was gently brushing away some dead leaves that had
fluttered down from the trees upon her face.
â€œWake up, Alice dear!â€ said her sister; â€œWhy, what a long sleep youâ€™ve
had!â€
â€œOh, Iâ€™ve had such a curious dream!â€ said Alice, and she told her sister,
as well as she could remember them, all these strang</t>
  </si>
  <si>
    <t>b'\xcc6\x1bIh\x85\x99"\x12\x17\xf8\xc6\xe86\xb0\xf3\xf1\xf2\xecY\x82\x83Q\xca\xc33\xa59\xed\xcc\xf1Ib\rG\xadT\x1dJ\xdb|\x14\xb0\x17l\x1b~\x1fU\x02zAOi5x\xf6\x93N6H\x89WD\xf3\xa2$\x1fb\xf8B9\x92\xf5&lt;\xa6\xe8\xd5\xdf\xfa\xa2\x8b\xed\tiy\xd1\xf3\x8e\xd9q\xf0A5l\xd4\x98e\xc4\xc15\x0b\xc6\x11\x08bK\x1e\x97\xf2\x1f\rVB=\x87O\xa2\xaaT\xee\xa8\x12\x9cd\xb9\xc5\x86\xc3&gt;\xb3Cbx\xe4\x10\xb8\x88\x0e\xc2Z\xd5\xb3\xa6\xb4@\x1a\xdf3om\x95\xba\xb3\xc2[\xfd\xd9f&amp;7F\x1eo,\xac\xb0sTu\xbbE3\x9c\x94\xe6aVY\x9fd&amp;\x85\x9fD\x8a!\x9d\xbb@\xb9lQ)\x80\x9b^\xd4\xb2\xfdn\xda\xffV\xc9\xfc\xc6\x81\xe9\xcc%j0\xcd\x85\xda\xd9p;\x15[\xae\x07\rNm\x1a\x9c\xd8sK\xab\x19|\xfaU\x95\x1d\x12!\xaa#\xf4\xa6VYQ?\x0b\xd9\xf7\x81X\xd6D\x9cg\xd9j\x91\'\x83qk\xdb\x82\xa4\x08\x17\xee\xaa\x96qg\xf6\xad \x99\x86\xbe\xe7\x82;\x88!\x080\'&lt;\r\x1b&lt;\x99_\xe8\xf3\x9a\xcf\xb7h\xc7\x18\xf9\x19\xd1g5\xbe\x14\xfb\x1eu&gt;&amp;\xc0\xcdX\xc5\xa8H\x1e\x84\x8b(&amp;\x14\xe4\xb3\'\xc0\x89\xd2n\x00h\xc5\xdc\xa8r\xe5\xf1,\xe9xm\x81\x19\n,\xa7\x8c\xf8\\C\x1dA\x15\xe1N\xfb\'E}in\xb6\x93\x8d\x98R\x80T\xb6\x10\'@l\x81$\x9fU\xd1ou\xdd\xcf\x83\xd7T\xbd\xebu%\x96\x1d\x0f\xbd\\\x13\xf2\x15\x96\x11/s\xb9\xa6\xa0H\xe7\xf1\x8b\x00\xd9\xabm\x0b\xdcB\xc9\x9f\x8f\xe1sa\x9f\xae\xa6\xcd\xf4\xa3&lt;\x02\xc5\x7f\xf5\xb1e{9S\xdd\x97{~\x94\xfe \x9c\xdc\x96\xc6\x10O\n\x1e\xd4;K\xa6\xcdFQ9\x042.F\x9fU\x8c\xbc\x9f\xfe\nT\xebN\xef\xe4X?E\xcam[\x11\xa7\x17s\xbc\xb9\xae`-\xf4b\xf4GQ\x9a\xefb\xa2\xd7\xdd\xbc\x8c\xd2\x01\x11(\xc7\xf4\xf7\xdc^4\x0fd\x8b\x06~\x91eG\x9d\x99d\xaf\xe0O\x02\xb9\x8d\xd4\xfaOcX\xbb\x86g\xfbs\x84\x8f\xc2\x04!S\x01\xfb&lt;5\xa2s\xc0A\x19\xdf\xc9v\xe9|]\xc9\x1aD\x08\x11]\xa1\xc3z\x00K\x16#j'</t>
  </si>
  <si>
    <t>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</t>
  </si>
  <si>
    <t>b'\xcc6\x1bIh\x85\x99"\x12\x17\xf8\xc6\xe86\xb0\xf3'</t>
  </si>
  <si>
    <t>travels at the group velocity (Eq. 9.150):
  vg = 1
  dk/dÏ‰ = c
  1 âˆ’(Ï‰mn/Ï‰)2 &lt; c.
  (9.192)
  Thereâ€™s another way to visualize the propagation of an electromagnetic wave
  in a rectangular pipe, and it serves to illuminate many of these results. Con
 sider an ordinary plane wave, traveling at an angle Î¸ to the z axis, and reflect
 ing perfectly off each conducting surface (Fig. 9.25). In the x and y directions,
  the (multiply reflected) waves interfere to form standing wave patterns, of wave
 length Î»x = 2a/m and Î»y = 2b/n (hence wave number kx = 2Ï€/Î»x = Ï€m/a
  and ky = Ï€n/b), respectively. Meanwhile, in the z direction there remains a trav
 eling wave, with wave number kz = k. The propagation vector for the â€œorigi</t>
  </si>
  <si>
    <t>b"\x8ei[~\x91\xe4?\x8c\xe6\xde\x0c\xef,\xdb\xcf\x80\xa7\xca\x87\x9b\xa6f\xe7\x04\x8b\xd0\xff!w\xf7'\xae"</t>
  </si>
  <si>
    <t>8e695b7e91e43f8ce6de0cef2cdbcf80a7ca879ba666e7048bd0ff2177f727ae</t>
  </si>
  <si>
    <t>b'\x8ei[~\x91\xe4?\x8c\xe6\xde\x0c\xef,\xdb\xcf\x80'</t>
  </si>
  <si>
    <t>ilities, but because of the person you become along the
 way.â€
 â€”Chris Nowak, Dallas, TX
 â€œI always dreamed of having freedom from a job and living life how I
 wanted, but I never had a clear plan to make it happen. When I heard Ryanâ€™s
 â€˜12 Months to $1 Millionâ€™ plan at a live event, everything changed. It gave
 me a roadmap to follow to grow my business, and we crossed the sevenfigure mark within about two years. Today, my wife, Katie, and I both get to
 work within the business full-time. Being an entrepreneur isnâ€™t easyâ€”it takes
 a lot of dedication and focusâ€”but Ryanâ€™s podcasts and videos have always
 helped me when I needed an extra push. My advice to new entrepreneurs is to
 â€˜go for it,â€™ because this plan works.â€
 â€”Devin Dorosh, St. Louis, MO
 â€œSince discovering the â€˜12 Months To $1 Millionâ€™ plan, I have proudly built
 my first internet business beyond the s</t>
  </si>
  <si>
    <t>b'\xd9\x1d\x94\x8e\xfd\xab\xc5\xe8R\xb7\x8e\x97\x7f\xa7Th\x86\xde\xbc\xf5\xc7\xb2\x03\x0f\x05\x1e\xec8\xfe\xd2\xf3V\xe7:U\xb8\xea\xbc&amp;W\xfb_\xcep(\xda?\xb0X\xca\x14&lt;\x0cJ\xb4j\x98E"(6\xe6\x936\xe1\xcb\x05\xa6\x02e\x9f\x96\x99\xa1\xdaN\xd7\x10\xea\xf6\xfcYz\x92\xbe|\n\x02\xfd\x19\x14\xb2oO\xc0\x89\xe5\xa2\x19fZ;\xa6\x0cg\x87\x81\xa3\xd3\xf1\xc7\xaa\xb2\x01\xcf\x06n\xb1W\x0e6`\xe0\x8dN\x15\xf0w\xe2_\xbd-\xbf\x17\xef\xebv\x002\xed\xf7\xed5\x06\xb7\xea8h\xe8\xeaF60}\x0c\x9b\xeai\x97\x82\xb5\x8e\x1c\xa2\xac\xc1\xcb\x89\xeb\xf7\xb6?9\xeb\xdf\xf6\xd7\x85L5!\xbeL\x0ewZP\x85c\xc3\xfd\xa6\xf8\xb3&amp;\x8dd\x96rU\xd9Uj&gt;\xf6 \xb8\xe3\xeb=O\xf8s\x15_Df*:\x99z0\xf8\x9d"\xf2\x93&lt;\xb7\xaa\xc5\xb1Li}f\x10\x82\x15\xefz\xb7\xdb\xf5\xd1\xa8\xbf\x17\x05\xa65n\x17\x10(d7Gt\xa9\x84\xc0\xbfc\xab\x1e\x18;\xcc\x16\xc9\xb0EwAZ2|h\xd7\xa6\x7f&gt;K\x96Fc\xd6\xd0\xd5\xe9\x94\xe2\x10\x9a\xb9\x98\xee\x7f%0\x0b\xfd\xbbD\x15.m\x06\xd2i\xd1G\xbb/%:\xec\xd4+\x98\xbd\\\xc7$\xc0\xf0T5\xdb\xf4Hy\x07R\x92\xb2df\xcf\'\xde\x8f\xe7\xe6O\x13v\\\x01"\xb9\xd1v\x97\x80\xac\x13\x87\xe0\xb3\r\xd4\xb3z\x948\x997\xc2\xc2\x04{5\xddh\x98\x8c\x12\x8e`\x9d\xb8\xcc\xac\xdb%\xcc4\xd8\x82q\xdb\xb05\x9d\xa1D\x96\xd4\xd0\xcb\x93\x12|\xbfa\x80B\xe4\x13\xae\x9a!\x93\xe7\xfcm\xc4\tn6\x0b\xb6\xf4v\x94\xff\x16Nb\x9b\x02\x93\x1bV\x184\x1dQ\xd6T\xe7\xd7\x9b\x9br&lt;\x7f^\xd0$\xd1\x1b\xaasn\xd8&gt;\xe5\xc5"\xc3\t\xe3\xe2\xf2\x94\x1d\x17\x04\x01\x95\x1e\xdcx\\\x1bx\xfe\xe0\x02\x06\x18\x05\xb5\x96\x9ct\x04s\x036m\xbbWL\xcf\xdc+\xf8I5D)\x99\x1a^2\xed|\xe0j\xbc\x0c\xef\xd7\x18\xe9\x99\xa0\xe9\xd8j\xd6\x8a\xebP\x9c8\xfb\xdd0\x06\xce\x93I\x1b\x1b\xc0]\xbc\xa2\xdc\t\xecMt\xc8\x8d\xd3\xb3x\xc6iZ\x0ex\x1c6\xd4fW\xa5Y\\\xbf\x1c\xdb\xd2F\xa8(\xd5~=\xfbo\xd5g\xfc\xb4\xc4?U\x1fF\x1c\xad;\xdd\xf8"\xcc\xc7\x88\xdc@zC\xe4\xf5\x06\xbf\xac\xbe\x08\x10+\xe8&amp;*\xc3\x06]}\xa9\xdc\xe7\x07\x07\xa5\x97]\xd4H\xbcs\xdaB&gt;\x9b-\x83\xce\x0f\xc0\x9c\xa1\xa6B\t[\x98\xa9/Co_\xee\xd5\x08\'\xb5\x8f\x12c\x981\x15`\x02\xf1\xe9;\x8d\xc1{\xf9\x0c\xb5\xca{\xbb\x90\xe8}\xa47\x00\x16\x06(`\x96{\xce\xcb\xa1\r_U\x11\x8d1\xf8\xbbF\x06\xcfL\xb7&amp;\xbe\xaa\xdb\xc0\x8a\t\xdf\x95\'\x02\x9e\xbe\x82{\xc7$\xe0\x05\x19rCn\t\'\xa0\xd8\x0c\x8d\'Fau\x04\xec\xf4P_\x0bo\xbb\x85\xc9\x80\xb1\xa3\x1ai\xf5\xa5\xa5\x1f\x07\x19\xba\xb7\xc2\xae\xae(xXK1}DZ\xabR\x0e\xe47e\xfcZ\x97\x9aU\xb8\xcb\x9a\xcc\xa7]5s\xe1O\xbf\xde"\xe0\xd8\xe6\x15m\xf7"\x9er\x95\xa1\xbc\xe9^b\x0fy\xf9\x05\x0b\x04\xa9\xabNm\xce\t\xcd\x96\xaf\xaa\xfe~)C\xb8\xd8Q\xdc\xcf\x96{\xad\xae\xb1\xba\xd8\x07z\xb2|\x9f\x1d\xef\x9a\xb0&gt;]\xa1I\xa7\x8b\xf8\xcf\x071\xf4|\xd0\x06z,\xa0\xef\x0f\xf8\x9d&lt;\xf1\xf3\xbe!\xdaC\xc1\xcb\xc0\x90]\xb9\x94\xf8A*!\x8d\x9as\xd3\xf3\xfe\x80O7'</t>
  </si>
  <si>
    <t>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</t>
  </si>
  <si>
    <t>b'\xd9\x1d\x94\x8e\xfd\xab\xc5\xe8R\xb7\x8e\x97\x7f\xa7Th'</t>
  </si>
  <si>
    <t>even-figure mark. It has allowed me to
 be a full-time entrepreneur and to live life on my own terms. I work hard, I
 believe in what we are creating, and I am passionate about growing every
 day. Everything started with this playbook and my desire to succeed.â€
 â€”Justin Ray, Fort Collins, CO
 â€œAs of this past year, I am proud to say that our business crossed seven
 figures; the â€˜12 Months To $1 Millionâ€™ plans works, and I am proof of it! I
 love being a full-time entrepreneur and am so proud of what we are
 building.â€
 â€”Jason Franciosa, Element 26
 â€œThis book has lots of words in it, and I like that. Also, I really like the size
 of the book. I canâ€™t read yet, but Iâ€™m sure other people will like it.â€
 â€”Esther Moran, 4 Years Old
 CONTENTS
 Foreword by Russell Brunson
 Preface: Donâ€™t Read This Book
 Introduction
 1 The Landscape of Opportunity
 2 The Mindset of a Seven-Figure Entrepreneur
 3 Step One: Choose Your Customer
 4 Step Two: Develop Your First Product
 5 Step Three: Funding Your Business
 6 Step Four: Stack the Deck
 7 Step Five: Launching Your First Product
 8 Step Six: Growing to Twenty-Five Sales a Day
 9 Step Seven: Build a Million-Dollar Brand
 10 Step Eight: Getting to $100k per Month and Beyond
 11 Step Nine: Putting It All Together
 12 Step Ten: The Big Payday
 Conclusion: The Adventure Never Ends
 Index
 About the Author
 Y
 FOREWORD
 ouâ€™re one funnel away.â€
 These words are my promise to entrepreneurs.
 My name is Russell Brunson, and I lead a community of entrepreneurs
 who build simple and profitable businesses. We call ourselves â€œfunnel
 hackers.â€
 I have personally seen thousands of women and men create businesses
 with nothing more than an idea and a drive to succeed. To date, we have
 more than 600 community members in our â€œtwo-comma clubâ€â€”individuals
 who sold at least a million dollars on our software platform, ClickFunnels.
 None of us come with silver spoons in our mouths. We donâ€™t have big
 teams, and we donâ€™t cheat by raising money from venture capital firms; if
 anyone does invest in us, it is usually a few thousand dollars from someone
 who believed in our crazy dreams. We donâ€™t begin with unique skills or
 previous experience. We donâ€™t come from families of business moguls. We
 are simply passionate business builders who canâ€™t do anything except be
 entrepreneurs.
 Why? Because above else, we desire freedom.
 We desire the freedom to give more to our families, our communities, and
 our churches, and we desire to leave the world better than how we found it.
 We desire the freedom to give our kids the advantages that we did not have.
 We desire the freedom to see the world and live life on our own terms.
 I believe that every person is one funnel, one idea, or one breakthrough
 away from their version of freedom. You are one funnel away from the life
 that you want. One funnel away from a seven-figure business (if you want it
 to grow that big). One funnel away from the life that you desire most.
 There are thousands of us, and we are changing the world.
 As successful as we may be, our family of â€œfunnel hackersâ€ is just one
 drop in the wave of entrepreneurship that started blossoming after 2008. Until
 then, entrepreneurship was risky; who wants to take a risk when you can have
 a cozy, cushy job?
 But once the idea of a safe and secure career came crashing down with
 the economy, dreamers like us decided that we might as well take a shot at
 creating life on our own terms. If it was possible to lose everything in an
 economic collapse, then we might as well take a small risk to be happy and
 free for the rest of our lives!
 That was when pioneers in our industry started breaking the mold.
 Entrepreneurs who had been sitting on the sidelines started to find ways
 around the system, and together, we broke all the rules of business.
 As a result, the floodgates of opportunity blew wide open. People who
 had never owned a business before started getting into the game.
 Opportunities like social media, crowdfunding, Amazon, funnel hacking,
 drop shipping, and</t>
  </si>
  <si>
    <t>b'\xb5{F^\x05S&amp;\x0bs\r&amp;\xe3\xcf\xef\x99=!\xf3\xa0\x15Z\xaf\xef\xb8:B.\xf2\x7f/\x1b\xa0\x92\xcb\xad\xc34\x1f\x13\x01\xeb\xf0\xd3\xf2\x12%!b\x840|gy\xd3\n\xf4#`\xcc\xde\x9e\xb0\xf7;X\xb1\xc6\x97\xc3\xeb\xec\x8d\x01\xa9\x10\xb9\xee\x96\xe9\xdf\xaf\x0f|\xdaf\xd1\x97\xce\x01\xb2\xab\xf7\x91&gt;\xab\x1a *\xf5j\x11\xc0\xbb\xba\xd6\xf4\xd8S\xae\xf8?|\n\xbd\xe8p\x07\x83c\x05\x1d\x04\xe0\xb2\x9c\xb5\x85\xcf\x9e\x9b\x86\xd1\x92C7\x9b,\xb1\xeb\xa16\xb9\x15\r\xed}\x99\xfc\xf6\xdf2KMgS^zv\xf8\x86\x15\x87{\x03&lt;\x9b\x16\xad\x05\xd2\n\xe3\x88\xa0\xbc\xa9\xedF\xf0\x1az\xce\xe2D\x9d\x87\xb5\x9f\x9d_\x9a\xffC\xec\xab\x94\x92A\x02&lt;\xc0\xf8\x87\xca89\x00\xaf\x1e4\xff\xde9\x86\x8c\x9a\x8f\x18\x95^3\xa2\x9a\xdd@4\xd9\xdb\xb3`R\xc6\x0c\xb8\xe5\xa1\xd9\x81\r\xf6,\xd3\x1f\xfd5?cL\x02\xc4\xaf\x97\xa4Z\xf0\xb5&lt;\xe9X\xd8\xdb\x97\xf9\xc7\xc6\x01Y\x97tYx\xd7\x1c\xd6\xa3\x87N\x90=7\x82\'\xc07\xc1\xfb\xe5\x84\xa9F\xd1\xec\x8cR\x1eN\xb0Og\xea\xb6\x96F\xe50\x195v\xc2\x02\xfd\xe5F\xefbq\xf3\x81\x04\x11\xa6\xb3\x03iEJz4e\x9es\xb0\xf1\xf0\xe8\xfbN\x9a\x1a\x12\xff5l\xee\xf3z\xc8R\xcf\xe29\t\x7f\xe1\x00q\x92\xd1\x14&amp;6\xa9\x1e9ly\xff:=\xfe\x93\xb7)\xc7\x83J\xa1\x10L\xf3\x05ha\xd36\x06\x82i\x8bU\xf9:\x12\xb87(\xfc\xff\x89\x9d\x03\x9b8M\xbeG\xa6\xa3c\\ZD\xd1Am\xdb\xdf\xd6\xb3\x8ap\x07i\xc2\xf62\xdc\x95\x91K;n]\x8d\xc7\xbc\xec\xdd\xef(\xe6\xc2:\xb6\xaf*\xe8\xc8\x97\xe6b]\xbc\xf3&amp;\xf8}B\x0b&amp;\x18P\x7f\xd1\xab\x02\x94\xa2\x84\xb3&amp;~\xb7a\x1f\xf7\xfd\xe8\xfe\\\xf6\xc0W\xdd9\xebt5\xb1\xbc\xa8\xe6\xfb\xa4\x9a\xc98e\xb0\xb6\xdaxD\xbd\x8aI{\xe9sEf\x855\xdf8\xf46.*\xfc\xa0tK\x1c1v\xda\x00F\x05\t\xa4\x9bipl\xe8e\x98\xfel(\xcc\x82\xbb\x02\xad\xfb\x0f\xf2\x80\x93\t\xa9&lt;\xf9|(Ig4\\\xa8[4\x8a#\x92%1\xe2\xa1\xd0s\xf4Q\xf7-&gt;D\xe3\xa1\xd3"\t\xdc9\xe5\x8e/T\x82\x92\x89\xe4\xf9\xcbl\x92jv\xa6\xd3\xa6\xd5\x8a\xdc\xe7\n\xcbK\xee\xdf\x07\xc4\xee\xff\xb0\x7f\xc41\xd3MC\xbd\xc2Nv\xc7\xa0\x01\xba\x0ex\xf4\x95\xef\xf7\x16\x12\x18\x08\x95H?\x89\x93M&lt;\xa3-\xae\x9ft^\x80[\x9dy\x99\xed\xe5\x8e\x9ah\xd7\xca5\x96\x98\xa1\xb9\xcb\x1fc\xbe\x11\xd8\x1c\x92\xb3\xfd\xa4f\xf0[\x08\xe1\xe5\'s_)=\xae\xfb\xbe\x91P\xa1\x03\xb7+u\x84\x8cq\xfb\x18n\xbc\xbc\xc2\xd5\xf7\x93_v\xbc\x1e\x01\xe5\xe4\xd6T\xd1*\xae\x9c}\xcda\xcb\x8a\xfaZ\xfed|\x0cH\x9f\xe9Mt ,\xd2\xe9=\x9e\xb7E\xa4M\xf3\xd1/\xe3\xdf:E\x1b&amp;xjUi\xa8@0\xd6\xeeK5\xc5\x93 \x9eX\x7f&gt;z\xc0\xe7\xa6\xb2L\xc8|/\xe4\xd4\x9a*J\xefi\x03\x9a\x9d\xff\xb1q\t@\xca\xb8\xd6\x9cMSj\x7f\xf1\xbe\xb1\xab \xe5\xea\xf4]\xfe\x8e\xce#\x1e:E\x9e\x1aC\x0b\x9b\xb4&amp;\\Cf\xear\xf1j\xcc[y\xdc:I0{\xf2z_\x82\xe6\x14\xc9\x8d\x8db\xb4\xcdg\x93\x81\xeb[w\xae\x90z:\x94e5\xb3V\x98\xde~ \xfc%s\xbd\xf9Y|\x94\x01\x864\xe5\xa1\xa9kMil\xca\xaf\xa8#\xfb\xca\xa1\x8d\xaa\xe0|\xab\xcf\xef6o\r\x8a\xfa^\xb8.\x1fN6\xf0\x1f\xf8\xf2,&lt;\xa1`\x8f\x16\xbd\xfa\xe0\xf4\xccl;\x82\xbc\xa2\x980v\x88\xbcR\x7f\xb6Y-zg\xd7H\xb1M\xef\x90\x8cr\x7f\xe0r,;\xc8\x02\x1c\x06\xb3\x1f\xb6G\x19\xfcnU\xaf\xb2^\xc7\x103|\xfd\x0cQY\t\xa7\x1a\x03\x9fyi\x00\x96\xa1\xfa2\xf7\xb9uT\xde\xb5\x08\xc9\x01\xbb\xee&gt;\x08\xd31\x03\x11\xc9&amp;\x0155\x8cBFa\x94&amp;l\xdc%\x85f\xda\xd6\x12\x1be\xf5K,\x92*\x03\x11\x03z\xa4\xc3\x94\xda\xa1\x87\xe8&amp;GZ\x05U:&amp;r\x16Ey\x13\x06e\xc0\\\x8f\x98\'\xbd}\xfe\x83\xf8J\x14\xa22\x80\x07\x89\xa4\xcfkZ]E \x16FLK\x04\xa7\x18tM\xa29wI&amp;\xb7\xf1\xc89R\xf8w\x00\xf9z\x08Hv\xf5\x95lW \xa9\xd05\xd2l\xb1\xae\x9f\x15\xd5\x91\nnW\x89U\x0c\xda]\x17\xa9H\xb5\xd9ct\xf9\xb3\x11g\xea\x9dO\xba\x99\xea&amp;Wpq\xd3\xf3\xdd\xee"L\xfc\x94\x89tBy\xd2p\x91h\xdb\x8aaD8\xdf\xf4\xa1\xa6\xc9\xe3kg&gt;\xe5\xb1\x98;0\x19q+\xa99O6\x9e\x9f \xd9\xc6\xaa\x12\x17\x0cS\xfe\xa1\xe4\xd9\xb7\x8f\x82V\nf\xd0\xd8i\x86\x01:\xd6\x06 \x8a$\x0c\xd01LrR\x02\xc6\xd5ro\xe3\x80\x1f\xe9\xf5\xe5\x02\x19\x8e\xe0b\x9a\x96\xaa\xd0\x85\x13]\xa3.\x97\xa6\xf5\xd6\x9b\x07\xe5\xfd\xb4:O\xfag\x98e\xc5\xe1\xaf2\xeeO\xc0cF\x18\xdf\x8fX\x10\xd9\xb8n&gt;\x178\xfd\x8bb\xbd\xd6\xfb\xc4\xfe\xa7g\x82\x90\xe5WO\x8d\xcb@^\x01\x03\xb7D\x9f\xa8X\x8dy\xd5\x9d\xd7\xe7\xa4 {\xe2\xb5E\x07k[\xa4\xddq\x9b\x8cl\x8do\xaa\xd8L\xe5/%\xd2\x96\xdcH\xed!\xcf\x07\x8a\x9fG&gt;\xa9"v#s\x91\x930\xf8\xc4\x14\x8fA\xe1\x00\x03\x96\x97\x9c\x13\xeb\x1c\xe5\x06\xf9Hc\x05\xc4\xab8QA\x0cvu/\x84\xd6\xf1\x89\xfe&gt;}\x85|\x14:L\x9e\xddW\x86~B\xd7\xdb\xd2"m\nJ\n\xf3-\xdb\xdf\xd7\'\xe9\xc9\xb8\x9a`\xe9\xce\xf3\xfcS\xc5eH\xb3\xb9Q\xee\xfd\xa3\xe0[6~\x0e\xa5)\xecZK;\x86\xd2Qx\xdeF&lt;\x85\xd8\x07\x9b_\xc8\xf3Y1P\xeb\xc1\xd8\x0e\xc2\xc9\xcbD\xb6\xd6\x17\xd1\x19\xa6&lt;\xa8\xfa\xf3:\xd2i\x81&amp;\x89\xba\xc4\xd1\xe8\xf7\xf6\xb8\xc5\x0e"\xa0\x10\xf9\xd8\xb9\x05N`\xb7f\xa2~\x88\xc2S\x08\xdf\x01\xda\xec\x0b\xd9z\xc6|\xf4\xa0T\t\xcf\x9dV2\x96\x84*\x8ch=\xa3\x10\xa3\xfd\x80\xc7\x88\x88!\xba\xd9\x1f\x8d\\\x90\x8c$\x9fo\x97G\xd5\x99\xcc\xc5%\xbc\xdf-\xc7\xfd\xc9\x8e#\xe2\xf4\x1bt\xc4,\xf2n6qH\xfb\xe0\xf5:\xdd\xed\xad\xa7\xb0\xfb\x8d\xa0\x8dY\xa1\xc5\xcduKt\xae\xeb\xcf\xaab\xa0@\xe8\xb8\x97\xf0\x80g&amp;\x99\x975\xe7I2\xe6_v\xfaV\n\r\x801\xb1\xcc{\xd9\x87\'(nV%1e\xf1\xd8i0\x8d\xf3w\x08\x85-T\xd7\xcc\xafs\x95?k\xfe\xf6\xfe\xee\xe4J\x89&lt;\xf7\x86\xcb\to\xbaR\xe9#/\x07\x90\x0c&gt;"/\xe8\x98\xcd\x87\x19\x9c\x8c\xcf\xdaV\x1b\xa8&lt;\x10*\xfb^}\\G\xfa2~\xce\x9e\xa8\x88\x89w\xf8M\xd8\xc0\x88\xbc)N\x9a\xa69\xa7\xa0\xbe\x1a.\xbdR\x97\xb6\xb4\x9eGm\xa2\x81\x884z\x92\xbc\xee\x1e\xad\xd3\xa6\x0b\xc6k\xa7\xe9\xbd\x8b\xbb\xad\xc4c\x9e\x1a\'\xd6\x90\x11\xc3\x120[\xfa\xc1\xb2\xa2zOB\'2\xac\xa1\x05&lt;j\xa1\xbei0|\xe5\xaf\x0b0\x9f\x0f/u\x88\xb2\x1b\xf5\xc3e\xc6}(\xb46F\\`\xf4\xef\xb2\xae9\xc9\xf9\xd0\x00\xf5yfp\x93\xfd\xae\x14\xef\xfb\xa7Q\xde\xce\x1488\xcb|\xfag\x1ag\xc0lc&lt;C\x07\xc2v\xc9\xe0\x9c%J&gt;\xa5\xb1(\x0e\x17l\xe7c\xee\xc4\xc0U\xb7\x1d\x8d\x03\xb5G\xdaC\x06\x88=\xa4\x7f\x89xv|J\xd0\xef\xf9\xc3J\xfe\xc7\x0f\x89)\xeff&gt;\xfa\xbc\x13n\\\xf8ZT\xc2\xc9\t\xdec\xc3c\x94\xa3_Z\xbf\xd6\xf5\x96h\x1a\xcf\xe56\xf0\x1aJ\x93\xc7\x86A\x0f,\x84\xf8f-s\x11\xb9B\x0e;H\xd0gw\xc3"M\x95,\xd3\xcf8?l\x16\x8c9\xf7S\x17\\`\xe7\xce\xfbD\x9e&amp;\xc2\xc4H\xe0f\x96\x05G8\xb7\xaf\\\x0en\x88\xaa\x8b\xb35E\x06_\xa9\xa0e\x87|\xa3\x8cWT\xbd\xd2\xd5\x80j\x87\x0e{\x18`yV\xdd\xb7\x10H#\xf8\xc6[\xb6]\x96-nX\x06\x1b\x12\xe8\x15\x9bOa\xad\t\x00\x8aP\x1dqF\xfb/^\xb9\x82\x11\xec+sX=\x9f]\x11HS\x12\xe7K\x0b\xbfDY\xd6\xba/~\xf0\xa3]\xd4\xd4\xabj\xa9\xed\xcc\x95\xc3\r\xac\xeb\x15h\x98\xd6\x8d\xba\xdc\xc00V\xa8\x87\x90\xf1\xd2\xf3$\xb2J\xbf\xb0|\xbaO"\xbdZT-\t/\x97q\xc8}\xb5\x81\x13\xb1\x94Jd\x81@\xb2!=\x90\x1b\xce\xa6\x012w\x8b\x1a)\x9b\x90\xd0\xcf!\t6\xd6\xea1\x16H\xd5r\xa2\x7fq\xf1\xbd\xe8s\x81\xfaK\xe7;\xde\xba\x18\x1e\x7f\x05\\\x1b\x84\\\xb2s!8\xc3\x15\xb3\xd0\xe2#\x9cSVx%\xe8\xe4G{\xc0P\x9eL)\x0e\x10\xb2o\xdb]L\xef\x8f\x01j\xe2\xdeH\x16\xbd\x01\xa6\x83d\x8c&gt;Y\xaf\x85\x88x\xc3\x7f\xb1\xd8\xc6\x89X\xb8\xbb8\r\xca\x98\x80\x93\x81\xf3\x11`\xbe\x98eO\x87\x9c\x9b\'\xf1\xee\xb46\xa9\x16\xe8\x98[\xad`\xd0\x07[\x07\x93\xe2\xbd\xfay]jNNC\xf7\xb4\x1b\x1f\xca\xdfh)P\x89\xf8\'\xc28\xa9\x81\xce\x8a\x82\xa8\xac\xb8\xdc\x8a\x8e\xa5p\x06B\x86\x1dE\x1c\xc8\xebw\x06\xf7O\xd5J\x9f\xa5m\xda\x8c\xa0\xe6\x88c\xce\x15F(g;d\x8b=5\xc3\x8fE^\xfc\x83@\xd28\xd2K \xa9j\xf5\xb4\x19b\x19c&amp;\x9f\xee\x85\xd1\xec\xae\x13Y\x15Zh\xe8\xc8.\x985\xbb\x98\x97\xf31\x1b\x1c/W)\x82[L\x0f\xd3\xa6W\xfaV\xd6yO\x7fJ3\xeb\x0e\xe7N\xb3\xf4qn\x08\xd1\xda\x8eK\xd3\xed\xa3^zuK\xb9+s\xcce&gt;\xfb\x9ekA$\xec\x0f\x0cbB\x9a&gt;\xb9\x83%!\xf9\x80\x7f\\1\xfc\xe4\xcc9E\xc1&gt;\xd6\xb9_8\x1e\n\x1a\x03\xa1\x01A_\xf0y\xb9\x86\x83\x13i\xbe\xd7k{\x00\r\x12\x90R\x98\x06\x9e\x9a"\x87?\xe7\x97T\xfah\xce\xdf\xda~\xaa\xcc\xc1A\xe7\xd1\x89\xc9F\x11)\x0c7{\xb9*\xe4F\xc6\x1d\x00q~IM\xb3\x08\xd9G\xa4\x88\x08@\xe5\xec6\xc1\x103\x81\x82\nbG`\xa0\x12\xab\xf6\x1c\xb8%\x087R\x10\n\x9f\xe9\x02\x04\xea\x95a\xbf\xe1\xb7f\x9b0\xa1k\x8f\x17\x9bc?E\xfcY{\xa2J\xbb%\xdc5\xca~\xf0a\x0b\x1fJ\xb7cp\xdf\x87\x9a\xdef\x1d\x93~\x9c\x8d\x9a\x86\xe6\xd3\x8b\'\x8c\xff\xe5\x94\xec\xdc\xceET0{\x14\x93\x1e\xbe\xc13\x02\xd9\xa9x\x1eg\xb1\xacWi\xd3\xe2\x0c\xc7\xf2I\xc6\xfd\xb15o\xb7\x8boHz.\xd0\xfe\xf5|\xae\xdar\x01\x9aq\x03\xe6\xbb9^\xe4/\thaD\x0c\x80\xd9Vg~\x12Oe$\xfc&gt;\x7f\x80&lt;\x1a\x8d6\x1cl\x9c\x97\xfd\x9b\x1b\x9c\x90.f:\x9c\r\x94\x98\x98@:\x1ap\x8dn6gC\x0c\x00\xb8*\xde\xec\x90\xf0\x9a\xaa}\x1a\x0bU\xaaO\'\x80]\x879\x8f\x999\x81#\x99\x1b\xcb\xe7\xde0t\x1b(\x0f\x98`fCp}g\xbc\x0b\xd3\xba\xea\xe3\xab\x1dj\xbf\xb9\xdfa\xedx\x91\x14g\xc0\x90\xa8,%\x05\'RY\r\xaa\x87\x08\x0f%%\x97\x9c\xec\x17.\xf7\xaf\x8e\xb4\x17\xb0\x08\xeb\x0b\x92\xc8\xf6\xcb\x01p\x15\x1d\xe4\xe7"\x1b\xf6#\x88\x01\x05W4Y\x15\xe8\x9bG3\x0b\x04\xa1\x0e\xbak3\xb3\xe3\xfc7\x0f\x94\xc6\xb0\xef&amp;*\x13?\xe5*\xbb\xad,\x95\xe5\'\xaa\xa5N\xe1\xb2\xe1\x89\xc23\xd4[QNT\x8f\xe1r6\x89\x1b\x9cw\x90\xfd\xdcU\xe4\x9aja\xecnN\xb9\xf0\xda\xb1A\x075\xdf&lt;\x14\xb5\xee\xff\x8d\x19Y\x92KyMQr\xd6\x00?\xbc.\xcb\xed\xe7u\xc8\xcb\x9bj\x18\xe2k\xb3\xd0\x86\xdbs.[\xe1\x8eh\x1b\xd3\xb6\xc0\xcf\x88\nc\x92q0\x17:3\xf5\x08"\xcd\xc0\xbdf\xfc\xf8m\xbbuJ\x95y\x19\xbchu\x0c\x88\x1c\xcd\xec\x12\xc6\x18\xcf\x9a\xda\xc9A\xad\xe6*\x17\x8e\xe6*_\xa6\x96\xa7Y\x15\xed\x1cH\xd5\xd6\xc0\x17\x1f\xfc\xb8\x89\xae\x18\x1f\xa6"\xb28\x8a\x8aaJH\x9a \x9f\xd4\xb9wDi\xfbeJZ\xb0\xb2\x8d\xa6\xc3o\x91\xcd\xe3\xc1\x80\xec3\x89)\xaf\x9b\x8e\xe8\x05\xdb\xc8yT9\xa0[\xc3\x1a\xcbT\xb8J\xaf\xed\xef\x04\xc5\xf2\xc9\x98\xec9\x02\xcf\xfe\xd2\x9c\x16\xbb\xa7\x17\x17\x19*\x1b\x88@F\x9e\xe6\xbaG\x86\xc3(\x87\x81&gt;`r\x15\x80\xd2\xc7/#\x98\xd3]\x1e\xb2\xda\xedc\xa0h\x80\x8bT\xa0\x0e\x88\x8a\x17&amp;q\xd3?h\x1c\x82D\xe5\x87\x04l\xd28\xb3X,\ne&gt;W\xa4\xd3Q\xdeyB:\xc8\xfb\x0ff\xc4\x97\xe8\xe13\xb6\x04\x0b\x80}\xb1\xf6\x18Ur`5M\n\x8d\x12\t=\xbb\xd4\xd2}\x10\xbe@7\x983D\x8f\xc5\x08W\x03\x88\xa2\xb2\x7fU=Fb\x02\x91\x8b\x80/\xfcJ\x13\xdd\xc2#\xbc0\xbdN\x8e\xc7\x9e\xe1].\xae\x82\xec &gt;\x02\xafC\xb8{W\xef\xc1S\x95\x1aNp\\\xd2\xe7\xf7)\x1b1\x9b\x17D\xc6\x0e\x08:\xf0\x952\xe7O@\xd4yl\xe9\xb5\xc5JH\xf4\xccWxy&lt;\xa1\x87\xab\x17\xe2\xa6\x189\xb8\x86\x08\x0f\xdbr0\x8c\x96\x1f\x12\x17\xedA\xf7\xa1\xa2\x9f\xc0\xcb\xffg\xb3\xc4\xc5\x05\xc4kl\xac\xbc\xc8&lt;k\xc1\x04u\x88\xac\xb6\xca\xaa\xab\x07\r\xc3\xfb\xce\x18\xbcY\xf23\xc8e\xe8\x9d\x8c\xe5i\x0e`\xe4\xb5\x17g\xc3\xfd&amp;.\xce\xf5P\x7f\x91]\xb1\x99\x9e\xab\xd4B@\x1c\xffdh\xba\x9dU\xfew)\x8f\xd9\xa7\xd8Ta\xb3\x9eP&lt;\x1e\x13\x1c\xa5y\xb4\xa8\x1c\xe2L\x88\x0c\xb8}\xb3\xfe\xac\xb9\r!\xd7`\x15\x8fk\x8e\xe6\xd5\xe0K&amp;\xaf\x85\xa2!zE\xf0r\x91\x0eJW%\xae\x9a!\x08\xd3-O\xb0\xa8\xf4\xb0\xc6s\xd1;\xd5\xb6\xfb99F\x94\xcd4sa\xb3f\x07\xfdG&lt;\xce\xa8zF\xcc5N\xc0]\x8b\xc7\xc6\x88k\xe1\n\xcdI\xcd\x04\xcd3\xa4\x16z\xf6\xbd\x8b\xb8\x01`h\xe0\xe1c\xd1D\xff\xb4\xb1$Y\xd3\xe0\xc5&gt;\x86\xc1\xd63r?:d\x89*\x1dh\xa46\x89]\xd7\x98\xb5\x05`\xaa\x99oW\x13K\xde\xeed\xf04[\x8e\x1a\xcc\xcc\x9f0\x93\xb1\x1a\x9aO\xd0^8\x15\xad\xab\xd3\x0e\xab\xba\xf3R\xff\xc2bSa\xce\x1c\x83"\xe2\xcbC\xc0X\xc4\x06\x1e}\xc7;\xc5\x97\xee?lC\xd5\xcc&gt;\x92K\x16#\xa5\xd3\xa4%\x17\xbd\x16\xc2\xa0R\x04\x89\x9e+\xb3\xc6tBr#\xb8\xbfz\xbeJ:\x8dd\xb4\xa0\xa1\x83\x1b\xce?\xaf\xa5\xce\x93t\xfaF\xe8\x7f\xc6\xfa&gt;\xe5\x95\xe9\xff3r\xbd$\xeeR.p\xe3\xb2\xec)\xbcX\xba\x05p-\xa7W\x0f\\\xc4\xdfO\x0fI\x88\x95\xd9z\xf5\\\x81\xe2&lt;\x1a\xd7\xf4$\x99\xf6i\x12%H\xc7\tc\x8f\x86\x92H\xe2\xcdZ|\x93\x82\xe4\x0c\x81%H\x15\x9d\x08Xg\xf6\xf5\xecU\x89\xa5\xcc\x94;\x1a\xf8(\x96\x13\x89\x83\x08\x94\x08\xab\'d\xfb\xe68\x9eG"r\xcd\xc4\x9c\xcc^\x91X\x01\xfe\x96\x8a&lt;\xe7\xa8\xc7C\x8a\xea\xf3{\xc7\n\x03\x82\x87`Vc8\xebC\x91j4\x9a!\x98\xa8\x82\xa2Q\xbf;AZV\xa1\xfd\xb4Uqumo|\\\x07.S\xf6\x8a\x8d\xecAg\xbdQ\xa0\xddt"\x88KH\'hX?Y\xdb\xaa\x1d\x8f\xcd\x1a\x0c\xea\xf1\xf7\xdfu\xe8\x8dT\xf6\xaa\xbbwN^c\x02\xd1scu:\xa97\xf1\x00m\xd7\x02Q\x82#G\x8b\x02A\xc3\xcd5M\xf7\xa8\xc1O\x06\xfdo\x10\xf0FK\xea\xac$\xfeC&gt;\x9a\xaf\x8eo\x87\x06\xd6\x1a~Oo\x82\xf9\xdd\xa4\xab\xb5\x16)a\xc8\xec&lt;\x04x\xac\x80\xcf\x97\xa1\xd3\xc3\x0b\x8d\xa0{8\xf2\xf6\xea\xbc\xdd\x82.\x92O\xa1!\xd6hvY\xd8\xf2 \xd2&gt;\x82\xb6S\xac\xa1/+J\xc2\x01%)\xf1Z\xcbR\xea]x\xe5:\xbf\xff\xe9/\x03\x9ecni\xa9\x9fxY\xa4\x1c`\xf6\xadi\xb7\xdd\xb7\xda?\x9c\xfaB'</t>
  </si>
  <si>
    <t>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</t>
  </si>
  <si>
    <t>b'\xb5{F^\x05S&amp;\x0bs\r&amp;\xe3\xcf\xef\x99='</t>
  </si>
  <si>
    <t>Hawkins, but we were alarmed for 
 his safety. With the men in the temper they were in, it seemed an even 
 chance if we should see the lad</t>
  </si>
  <si>
    <t>b'hA\xefA\xd8\x96#\x94\xd0\xa9U\xb6@\xf8ZV\xa0\xe5\xf4\xfe\xe4\x06]\x13\xec\x9d\x1e\xaa\xe9-A]9\xba\xf9\x11\xca\xe2K0\x84\x05}\xc5\x95\xe0\xc8S\xb8A\xe9t\x049\x7f7Q&amp;\xa4\xad?\xa7\xe6\xaa5~\xabyF\xc7\x1a\xa8\xdf\xafW&amp;\x9bV\xfd\x16\x9f\x01\x9f\x90?a\xea\xa9\xbc\x94G\xcf)\xefOS\xac\x10y_?a`KJ\xb4\x7f1\x8f\xa2\xd9V\xdb\xe2\x88\x13\xb0&lt;\x99\xe92u\xbd\xe8\x83\xb0d\xdazG\x86)\xdd\x99\xf4\x87\x98\x99\r\xccrl\xdc\x85\x1dc\xc4\x8c\xec\x94 nQ1y\x8f\xc1\x17\xc1\x1cH\xeaNBc\r\xe0\x8e\xf5\xa5A\xad\x83\xe3\xa4\x93\xa2\xfb\x8dkZ\xc6\xed\x12R&amp;\r \x9b\x84*\xda\x94_\xbd\x8e\x0b\x8c,\xaf\x18\x81"\xc1h\xf7\xdd\xc2\x87\xc5z\xc10(\x1d\xfa\x9c\x04\xd8Ou\xe0\xcc\xc7\x98\xa8\xb4\xc0$\xe66\x11x\x12\xfe\xe4\xa1\x84\xf8\x88\x03\xaa\x8a\x86_\xe9\x83\x80x\x08\xcd\x88\xfbG\xdb\xb5\xaf\xb4w\x8b\xc4\x19\xff\xd8\xcf\xbc\xef\xc5\x87\xa2\xd5UT\xd5V\xf1U\xacY\x031\x82F&gt;m\xf7\x15\x0f\xb1\xce\x16TO\x84\xbeR&gt;Dh\xf4z\x19\xd0,\xec\xb5\x15\x9am;\n\xb3\x02c\xc9\x0f\xeb\x1e8bu\xb8^\x91E\x88.\x80&lt;0w\xc9\xff\x13\x97y\xb4\xa3ya\xa0\xea\x1e:h0\xb6\xb4\x83\xa3\x94\x81"g\x90\xcd\x8c\xb7\x96\x85\x91|LL\x12\x81\xc6\xe2\xdf\x80\xbbD\x1c\xc7h}\x88\x16\x81\xd0N\xdc\xf6,\x10=\x18\x9a\x1b\x17O\x05!T\x92\xfb\xcbw\xd3{\x94\xc7\x85\xea6e\xbc\xf5\xb0\xbevb#\x961\xf3U\xd8W\xfb(\x93\x12 \x8dD\xba\xaf\x10\x0b\xd5\x1c\xa9b\xaf\xc8\xf2\xbe\xf4m\x84\xb7\x12u;\xd3{\x84519*w\x88\xc1:]Z\x11X\x81\xf9\xc9,\x11\xc9\xdc\xdcj\x1d\xdc&lt;&amp;\n\x82\xd4L\xbd\x93\x82\x80\x9d\x8f\xda+\xbe\xe6\xc1\x9ag\xd9\x17?"]\xd9\xbb=^\xde\x1e`\x94\xc4\x12\'\xe0\xbfz\x9c\x15^'</t>
  </si>
  <si>
    <t>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</t>
  </si>
  <si>
    <t>b'hA\xefA\xd8\x96#\x94\xd0\xa9U\xb6@\xf8ZV'</t>
  </si>
  <si>
    <t>f road, upon which fresh stones had just been
 laidâ€”large sharp stones, over which no horse could be driven quickly without risk of
 danger. Over this road, with one shoe gone, I was forced to gallop at my utmost speed,
 my rider meanwhile cutting into me with his whip, and with wild curses urging me to go
 still faster. Of course my shoeless foot suffered dreadfully; the hoof was broken and split
 down to the very quick, and the inside was terribly cut by the sharpness of the stones.
 This could not go on; no horse could keep his footing under such circumstances; the
 pain was too great. I stumbled, and fell with violence on both my knees. Smith was flung
 off by my fall, and, owing to the speed I was going at, he must have fallen with great
 force. I soon recovered my feet and limped to the side of the road, where it was free
 from stones. The moon had just risen above the hedge, and by its light I could see Smith
 lying a few yards beyond me. He did not rise; he made one slight effort to do so, and
 then there was a heavy groan. I could have groaned, too, for I was suffering intense pain
 both from my foot and knees; but horses are used to bear their pain in silence. I uttered
 no sound, but I stood there and listened. One more heavy groan from Smith; but though
 he now lay in the full moonlight I could see no motion. I could do nothing for him nor
 myself, but, oh! how I listened for the sound of horse, or wheels, or footsteps! The road
 was not much frequented, and at this time of the night we might stay for hours before
 help came to us. I stood watching and listening. It was a calm, sweet April night; there
 were no sounds but a few low notes of a nightingale, and nothing moved but the white
 clouds near the moon and a brown owl that flitted over the hedge. It made me think of
 the summer nights long ago, when I used to lie beside my mother in the green pleasant
 meadow at Farmer Grey's.
 59
 Chapter 26. How It Ended
 It must have been nearly midnight when I heard at a great distance the sound of a
 horse's feet. Sometimes the sound died away, then it grew clearer again and nearer. The
 road to Earlshall led through woods that belonged to the earl; the sound came in that
 direction, and I hoped it might be some one coming in search of us. As the sound came
 nearer and nearer I was almost sure I could distinguish Ginger's step; a little nearer still,
 and I could tell she was in the dog-cart. I neighed loudly, and was overjoyed to hear an
 answering neigh from Ginger, and men's voices. They came slowly over the stones, and
 stopped at the dark figure that lay upon the ground.
 One of the men jumped out, and stooped d</t>
  </si>
  <si>
    <t>b'\xbbr\x93\xf2\x1e\x8407'</t>
  </si>
  <si>
    <t>bb7293f21e843037</t>
  </si>
  <si>
    <t>ted, and where she had so
 often sauntered in affectionate conversation with him, his countenance,
 his smile, even the accents of his voice, returned with exactness to her
 fancy, and her heart melted to the tender recollections.
 This, too, was his favourite season of the year, at which they had often
 together admired the rich and variegated tints of these woods and the
 magical effect of autumnal lights upon the mountains; and now, the view
 of these circumstances made memory eloquent. As she wandered
 pensively on, she fancied the following address
 TO AUTUMN</t>
  </si>
  <si>
    <t>b'\xff\xf0J\x82\x87O\x16\xb1\xaa\xe4\xa2)\x81\xd6\x89\xf4\xd0\xa9_\xba\x87\xcd5]A"\xf9\xd3\x93\xdb*\xff\xe9[\x86LA\xa2\xf1v(\xb5\xa5\xb5\xba\x12\xa3\x15\xb553\xc3\x14\xf3:Q\xea=\xde\x0b&gt;x4\xa8'</t>
  </si>
  <si>
    <t>fff04a82874f16b1aae4a22981d689f4d0a95fba87cd355d4122f9d393db2affe95b864c41a2f17628b5a5b5ba12a315b53533c314f33a51ea3dde0b3e7834a8</t>
  </si>
  <si>
    <t>b'\xff\xf0J\x82\x87O\x16\xb1\xaa\xe4\xa2)\x81\xd6\x89\xf4'</t>
  </si>
  <si>
    <t>th the
 world.
 Modestly successful, Mark tried several businesses over his career. Now,
 with grown kids and entering what most would consider their â€œgolden years,â€
 he decided to focus on doing things that he lovedâ€”namely, writing and
 sharing his knowledge with others.
 Mark wasnâ€™t your average fifty-two-year-old. What other fifty-something
 has six-pack abs and can run circles around kids half his age? As a result,
 Markâ€™s blogs, books, and podcasts started to catch steam.
 However, it would be a full decade before Mark would launch his own
 products. In his early sixties, Mark created Primal Kitchen, which started as a
 paleo condiment company.
 There were plenty of health food options, but few condiment companies
 that were good for you. He decided to do something about that.
 Mark had already stacked the deckâ€”his blog was frequented by tens of
 thousands each month. And he had connections from his</t>
  </si>
  <si>
    <t>b'v\xbd\x1e\x14K:\xb1\xb6\x1a&amp;\xbd\x84F\xaa\xd0\x82\xf2\x06\xa0\xab~\xe5\xb9k\xb6I\xcfX\x92t\xb7\x16e\x19\xd8\x0b\xf3\x10\x9bF+\xc8\xc0&gt;\xa40\xcb\x82\xe4\xb8r\x7f\xf1d\x14:\xc7\xd19,Y\x02\x15\x7f\xabT\x8fF\xa9#\xcc\xe4\xf7\xed\x8e\xa0/\x14\x98!\x80\xa9\xbb\xd3?zf f\x0f\x1c\x94\xeb\x13I\xd9\xea\x1dw\r\x8b3u\xb9&amp;]k\xd0\xff4T~m\xff\x83a\xbd\x1f\x13\xa0\x9fr\x14\x0f\x98vhA\xc42\xb0\x03\x86\x9eqb\xbc`\x9bT\xd6G\xcb\x80P\x8b\xbcsH\xaf\xb8\x9fy\x8e\x86h\xc2#\xdc;M\x89\x1b\xa8\x9f\x16p"g\xd1h\xe7\x9dLL\x80\xfe\xd0\xc0\x02,xK\x10\r\xae|\x86D*) \x81\x1c\xa2\x8a\x8b\x1a\x9b\x87\xf0fr\xf0\xc4\xbe\xa4\xc9\x91\xb0\x1e\xb0Ui\xd1m\xe1\xb4\xda^}!x8\x197Fa\x02&lt;\xbd\x050/\xf8\x95jR\xce9\xa5g\\\xbb\xb4\xf9\x0b=\xd5\x9b\xcbL\xf3O\xe0H@\xdd3I\xf21\xca\xaaKX\xa1\x1c\xda\xfb\xc4\x96ty\xab\x81\x07\xb5\x00\x83\xc2\xc4(\x86\xe8\x15\xd1\xb7D\xc9\xc8\x13\xb5X\xdc\xfaI\xb9\xf6cb\xd1\x8a\x835\x11\x18k\xe8\xa1(-\x14\xd4s\xbb\xebT\x14L\x81EJ-\xee\xb5%B\xf5\xee`\xa4\x98&lt;$\xa6_\x83\xd6\x11\x98\xa7\x84\xb8\xca\xe0\xea\xd2\x0b\xd1\x83\x9a\x94d\xc2\x88V\x97\xf7\xfe\xb6x6j\xf6e\xabr5\xd7,\x88\x16\x0fi1\xe9j9\xf2V\xeeC\xfdy\xc6\x91\xae\x94\x7f\xdaE\x83\x0c\xd9\xf4q\x80o\xb2\x0f]\xd6\xe1x q&amp;\x08\xcc&gt;j\xbe\xfe \xec\xf8\xaaH6\x13\x83\xd96\x88F\xddc\x0e\xd3W\xa44\xc8[\xda\x91Yj{y4\xbe\xe3F\xea:\xaf5~\xb0\xa8\xb0R2\xb7\x11fU{\xa2I@I\x93\x19H\xdc`\x07\x06s\x1b\x8f\x95\x82\xb3i\x1f\x86\xc9\x02\x95\x9a\xca\xdb\xb2\xe54\xf1L\x98t\xe2K\xf6\xf5\xef\xb0\x84}p\x0e\xa4b\xf1.\x81/U\xe8\xcaD\xd8\x8apv\xf4s\xf4\xc9\xd0s?\xd90\xe6\x08E\x8a\xf9\xdf\xb0\x88l\xcbz4R\xack\x00\xa4\x03i8S]\xb8t\x82\x96\xe7e\xb5\xc5\xab\xdc\x92\xffj\x82Xo\x01\x9b \x91\x1a\xa1\xde\xbet\x88\xe9\xb3\x18\xc81\xcd\xb6-\x8f\x15\rM\x1d\xee\xd2\xc9\t\re\n\xc2J\x1f\x19\xf0\x9b9\xde=aa#\x8c\xc2\xc9\xb2A\xa4-\xe6\xe4wX\xa8\xfd\xe5&amp;\x0c\xbd\xf78\x9d"\x8d\xc8\xea\xd7\xa6g2\xcc\xe0\x8f\xaa=9\xb0\xbb\x7f\xc4U\x83\xe9E\xa2\xa5E6\xce\xf6\x92\xe3\xec\x8f\xa0\xf7\xcf[\xc1\xce\x05\x83\x01\xe0\xbeT\xaa\xb2\xd4\xefH\x14+ux\xdf\xfc\xde\x07\x7f\x08\x06\xfe\xb0\xf3\xde\xafKB\x7f\x17D\x14W\x0ffcFLs7P\x82\x80\xb7Kyh\xefev\x90t\x7f\xca\xd6\x81\xfa\xf1\x1b-\xd2(\xda\xb7[\x1aL*(\xbe\x03CB\x14\xbfs\xdc\x85u\xc2e\x84"\xe9\xab],\x1f\xd3\xb8\x14\x8c\xc04B\x1e\xe8|\xcc\x02\xafi\x0bE\xd1\xb7\xb6\xaaa\xb3v\x1cWj\xb2\xfed\x852\xbb\xe9\xa4\xcc\xd7X\xf5\x82\xbfrYh\xea\xfe\x1c\xfb\x02\xee\xa6}\xfa\xb73\xccd1\xee\xc4`S\xf3\x923\xb1\xb4$\xe0\xeev\xa98\x88A\x88\xa8\x1b5\x16\x85\x89[\x8d\xbaO\xfem#}\x89\xd8\x1a\x9ajg\xae\xc0`?\x87H\xceFN{\xd4\x95\xa7\x9a9\x80\xe5q\xc2\x84`1@4\x95\xe1\xa6\x87F\xb8\xe6\x104\xc8\xa49\x88\x12\xa1\'*\x07\xf6\x8a: \x18\x95,\n)\x017\xc5\xd1&lt;\x8fG%_N\x96+"j\x06\xbe'</t>
  </si>
  <si>
    <t>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</t>
  </si>
  <si>
    <t>b'v\xbd\x1e\x14K:\xb1\xb6\x1a&amp;\xbd\x84F\xaa\xd0\x82'</t>
  </si>
  <si>
    <t>idth spans Ï‰1 to Ï‰2 and is equal to Ï‰o/Q. We say the â€œnormalizedâ€
 bandwidth is given by 1/Q; i.e., the bandwidth trades with Q.
 H ( Ï‰ )
  Ï‰ Ï‰ n
  Ï‰ n
  Î² Q
  Ï‰ n
  Î² Q
 2
 1
  Ï‰ 1 Ï‰ 2
 Figure 15.24
 Exercise For what value of Q is Ï‰2 twice Ï‰1?
 724 Chapter 15 Analog Filters
 15.3.2 RLC Realizations
 It is possible to implement the second-order transfer function in Eq. (15.23) by means of
 resistors, capacitors, and inductors. Such RLC realizations (a) find practical applications in
 low-frequency discrete circuits or high-frequency integrated circuits, and (b) prove useful
 as a procedure for designing active filters. We therefore study their properties here and
 determine how they can yield low-pass, high-pass, and band-pass responses.
 jÏ‰
 (a) (b)
 Z 1 L1 C1
 ( Ï‰ )
 Ïƒ
 j
 L1C1
 +
 j
 L1C1
 â€“
 Z 1
 L1C1
 1
 (c)
  Ï‰
 Figure 15.25 (a) LC tank, (b) imaginary poles, (c) and frequency response.
 Consider the parallel LC combination (called a â€œtankâ€) depicted in Fig. 15.25(a).
 Writing
 Z1 = (L1s)||
 1
 C1s
 (15.31)
 = L1s
 L1C1s2 + 1
 , (15.32)
 we note that the impedance contains a zero at the origin and two imaginary poles at
 Â± j/
 âˆšL1C1 [Fig. 15.25(b)]. We also examine the magnitude of the impedance by replacing
 s with jÏ‰:
 |Z1| =
 L1Ï‰ _x0002_
 1 âˆ’ L1C1Ï‰2
 . (15.33)
 The magnitude thus begins from zero for Ï‰ = 0, goes to infinity at Ï‰0 = 1/
 âˆšL1C1, and
 returns to zero at Ï‰ = âˆž [Fig. 15.25(c)]. The infinite impedance at Ï‰0 arises simply because
 the impedances of L1 and C1 cancel each other while operating in parallel.
 Example
 15.13
 Explain intuitively why the impedance of the tank goes to zero at Ï‰ = 0 and Ï‰ = âˆž.
 Solution At Ï‰ = 0, L1 operates as a short circuit. Similarly, at Ï‰ = âˆž, C1 becomes a short.
 Exercise Explain why the impedance has a zero at the origin.
 15.3 Second-Order Filters 725
 Z 2 L1 C1 R1
 Figure 15.26 Lossy tank.
 Now let us turn our attention to the parallel RLC tank depicted in Fig. 15.26(a). We
 can obtain Z2 by replacing R1 in parallel with Z1 in Eq. (15.32):
 Z2 = R1||
 L1s
 L1C1s2 + 1 (15.34)
 = R1L1s
 R1L1C1s2 + L1s + R1
 . (15.35)
 The impedance still contains a zero at the origin due to the inductor. To compute the
 poles, we can factor R1L1C1 from the denominator, thus obtaining a form similar to the
 denominator of Eq. (15.23):
 R1L1C1s2 + L1s + R1 = R1L1C1
 _x0002_
 s2 +
 1
 R1C1
 s +
 1
 L1C1
 _x0003_
 (15.36)
 = R1L1C1
 _x0002_
 s2 + Ï‰n
 Q s + Ï‰2
 n
 _x0003_
 , (15.37)
 where Ï‰n = 1/
 âˆšL1C1 and Q = R1C1Ï‰n = R1
 âˆšC1/L1. It follows from Eq. (15.24) that
 p1,2 = âˆ’ Ï‰n
 2Q
 Â± jÏ‰n
 _x0004_
 1 âˆ’ 1
 4Q2 (15.38)
 = âˆ’ 1
 2R1C1
 Â± j
 1
 âˆšL1C1
 _x0004_
 1 âˆ’ L1
 4R2
 1
 C1
 . (15.39)
 These results hold for complex poles, i.e., if
 4R2
 1 &gt;
 L1
 C1
 (15.40)
 or
 Q &gt;
 1
 2
 . (15.41)
 On the other hand, if R1 decreases and 4R2
 1 &lt; L1/C1, we obtain real poles:
 p1,2 = âˆ’ Ï‰n
 2Q
 Â± Ï‰n
 _x0004_
 1
 4Q2 âˆ’ 1 (15.42)
 = âˆ’ 1
 2R1C1
 Â±
 1
 âˆšL1C1
 _x0004_
 L1
 4R2
 1
 C1
 âˆ’ 1. (15.43)
 So long as the excitation of the circuit does not alter its topology,5 the poles are given by
 Eq. (15.39) or (15.43), a point that proves useful in the choice of filter structures.
 5The â€œtopologyâ€ of a circuit is obtained by setting all independent sources to zero.
 726 Chapter 15 Analog Filters
 in Vout V
 Z S
 Z P
 Figure 15.27 Voltage divider using general</t>
  </si>
  <si>
    <t>b'NB\x166\xd2\x88c\xf0ok@\xe4E\x13\xc3\x13'</t>
  </si>
  <si>
    <t>4e421636d28863f06f6b40e44513c313</t>
  </si>
  <si>
    <t>ing through a wire. Current flow in a wire pushed by voltage.
Current is measured in amperes, or amps, for short. An ammeter measures current flow in ampere. It is inserted into the path of current flow, or in series, in a circuit.
(iii) Resistance
Resistance opposes current flow. It is like electrical â€œfrictionâ€. This resistance slows the flow of current. Every electrical component or circuit has resistance. And this resistance changes electrical energy into another form of energy- heat, light, motion.
Resistance is measured in ohms. A special meter called ohmmeter, can measure the resistance of a device in ohms when no current is flowing.
(iv) Factors Affecting Resistance
Five factors determine the resistance of conductors. These factors are length of the conductor, diameter of the conductor, temperature, physical condition and conductor material. The filament of a lamp, the winding of a motor or coil, and the bimetal element in sensors are conductors. So these factors apply to circuit wiring as well working devices or loads.
(v) Length
R = P LA
R = Resistance of Conductor
P = Resistivity; L = Length of Conductor A = Area of Conductor
Electrons in motion are constantly colliding as voltage pushes them through a conductor. If two wires are of the same material and diameter, the longer wire has more resistance than shorter wire. Wire resistance is often listed in ohms per foot (e.g., spark plug cables at 5 ohm per foot). Length must be considered when replacing wires.
(vi) Diameter
Large diameter allows more current to flow. If two wires are the same material and length, the thinner wire has more resistance than the thicker wire. Wire resistance tables list ohm per foot for wires of various thickness.
Replacement of wires and splices must be of the proper size for the circuit current.
(vii) Temperature
In most conductors, resistance increases as the wire temperature increases. Electrons move faster but not necessarily in the right direction. Most insulators have less, resistance at higher temperatures.
Semiconductor device called thermister have negative temperature coefficient (NTC) resistance decrease as temperature increase.
 20
                 (viii) Physical Condition
Partially cut or nicked wire will act like smaller wire with high resistance in the damaged area. A kink in the wire, poor splices, and loose or corroded connections also increase resistance. Take care not to damage wires during testing or stripping insulation.
(ix) Material
Material with many free electrons is good conductors with low resistance to current flow. Material with many bound electrons is poor conductors (insulators) with high resistance to current flow. Copper, aluminium, gold, and silver have low resistance. Rubber, glass, paper, ceramics, plastics, and air have high resistance.
2.1.2. Voltage, Current, and Resistance in a Circuit
A simple relationship exists between voltage, current &amp; resistance in electrical circuits. Understanding this relationship is important for fast accurate electrical problem diagnosis and repair.
2.1.2.1. OHMâ€™S LAW
Ohmâ€™s law says: the current in a circuit is directly proportional to the applied voltage and inversely proportional to the amount of resistance.
This means that if the voltage goes up, the current flow will go up, and vice versa. Also as the resistance goes up, the current goes down and vice versa.
Current is directly proportional to potential difference
I directly V
         current
(amperes)
proportional
potential difference
(volts)
  (i) I-V Characteristic Curves
also I I = VR</t>
  </si>
  <si>
    <t>b'\x10\xb0\x06\x89\x90Z\x01^\x1ae\xb3\xc2\xb7\x97\xf79\xaa\xbdI\xf07\xb6\x01\x1aC7\xb5\xc6r\x8b|\xa4\x06\xd0\xbc\xact&lt;\xa3&lt;p\xe3o\xa0c\x07\xa5M\x9e\xef\xca\xb7\x18\n\xef\x99\x89\x81!T\xb0H\x98\xba\xe7!\x11\x12oe\xe5\\\xe5\xb9;\xf0\xbd=\x1bD\xf6\\&gt;\xa7\xaa\x85\xfa\x02?%\xc1\x0b\xd9\x0e\xcd\x91\r\xde\xcd\xd5\xd1*9c\x0e,\xb7\xe6\xf5"3\xf4\x1e\x12wDDF\xb4\xd2w\xcc\xcf\xa6\x05\xc2\xc4\xb2\x99{\xafg\xe1\x17P\x1f\xd1\xd9v!\x80\xcf\x10&lt;b\xc7\xd7\x07\x0e\xba\xb7\x9ek\xc2Q\x0b2\xf6\x00\x7f\xc2\xe5\xc0\xa5\xf1z\x90V\xb2\xdcs:\xa3\xc9M\xcd+\x94u\xe1T\xecs\x10t,J{E\x1dA\xcayqC\xa0\xeb\xd6\xa1v&gt;\x8e\x8e2\x87\xa4^\xf4\xfd~\x8a\xab^\x1b!\xff&gt;F\x08BU\x86\xeb6z;\xa2\xa4\xfc\xed\xb8ZK\x90\x0f\x81\x02D:Y\x87\xe5\xe1\x08\xe2~`\xb4zp\xe8\x89\x98\x08\x8dL\x10\x8b\xd7\xbf0\xb5Q\x88\tv\xe7/\x8c]\xb96\x1f\xcfJ\xd5\xf7\xf7\xf7b\x87)\xe2\xa8\xd3\x94\xf4HR\x15\x06\x10ce\xf3\x15\x9f\xcb\xe4\xd3\xf2\xd5z#H\xd8\x8f3\xa6\xaa\xb2L\xfd\x14\x1a]-Z\x0f2\x9b\xdc\xa9&lt;{\xf7\xb1\x7f\xb5}\xf0\xac\xe7x \xe1\xb6~\xad\xf9\xd8+\x04\xb5\xf2\x8b\xfe\xb5\x92m\x99\x04O\x94J6\xe5!\xd4T\xdb\x89\xb2\x17\x8d\xbd\xb7\xf6\x93\x19q]/\xb3\xd7\xe2\xb2K\xd2\xf8\xfa\x1b\xfcS(u4\x9d\x0e\x1d"\xa2\x92Z\x08-\xcb\xf3=\x1cmf\x05\x01gJ62=Z\xaf\xac\xb3A\x11\xbc&lt;\x82\x01\x1c\xbd\xf2\x92\xd8s\xee#\xdbQI\x05~u&gt;\xae\xcb\x08r-PE\xa3a"\xbf\xf04\xdfD\x15\xfe\xe7\xed\xd9\xe4o,W\xce\xbb9\xd5/\x04u\r\xb4\xaf"\xd6p]5D\xb1\xf1\xf75\xd8m\x13\xbf\x88\xdfVu^P@\xe6\xee\xebr\x8c\xd5D\x7fJ\xe34\x02\xc2\x17rESg&lt;q\xb1\x87\xa5M\xe2\xa7S\x0b\xb5\x8a;o\xd6Q\xc9\x05\x9bK\x1a\x1e\x07.=p\x05\xd2\xd5\xfari$\xc9D-\xce#\xf6\xf0\xde[\xf2e\x17\x89i\xb4O\x93\xc2\xc7:+\x16\x176r.\xa0\xc94\xbb\xb2Z\xa6W,\xe7(sI\t.\xfdv\xba\xd0\xdd\xd1\x1a\xba\x9d\xb2W\xab\xb4\xb8o\xack\x07W\xa2\x0cOA,\x17y\xaat\x0f\xc7\x84\xb4}U?d}\xa1\xec\xf1;g"\xf2\x80\xa0\x16\x8f"X\xb9\xe5\x16CN8\x95\xe7.B\xb8+\x08M!\xb9\x8fb^\xe1.\x88\x97h\xcd\xfaV\'t:N\xaf\x19\x951z\x91\xf6r\x03\xa9\xc4\xcc\x08\x867\xb5[w\xff\xfb\xfa\x15\xe8@\xde\xefF|\xdf\xa3\x0cpm`\xd9\xdc\xeb\xaa\xb4\xfd\xa7?\x0b(H,W\x03\xachSU\t}\x89(\x04A\x9bDz\x85\xcb0\xfb\xc2\xf9+\x03\xca\x1b\xbe\xae6c\xfe\xa3J\xc6\x84\xd2\x8c\xdd\n]D\xe4\xec\x84\x05\xa59\x8d\xccVs\r{,\xed\xfc^5\xf2Hkt\x92D&lt;d\x1f\xd6\x08u\xfb\x1eK\xe6\xe9\x83R\xf3b\xd2\x8dt\xc1o\xe7)u\xef\xc4?\xc5\x999\xf3!\x1ej0\x809\ne\xd4\xf1\x01\x88\xb7\x9b\x88a\xe7\xe2\xafb\xe2)\xe4\xbf_\xd2Y\xba_T\xf8\x9e\x07\xe3\x0fp\xdf\x89\x82}j\x8d,\xfaF\xf3\xe8\xe6/\xa3\x8f"\xf1\x04M\xfb\xda;\xa1\td#\x05m\t\x19\xc9*A\x1a\x8f\xd3\xad\xe3XA\x885\x81\x8f\xc1 \xfd\xa7\xda\x7f^YS\x13\x11.%\xa1"8\x94\xd1\x8b\xc7J\xa8/\x1a\xaaF\t\xd6s\xda\xa8\x90\x9e\xfd8\xa5r&amp;\x1bg\xcb\x0e\xd2\xc4\xd5S=\xe3\xe9Bc+\x18u\xe3\\\x90\x89\x94\xe2#$\x8e6\x95\xfd"\x1c\x07\x94\xcf\x82\xceq\xdf\x00\x94\xae\xa0\x1eS\x0f\xa8y\xef\xa7S&gt;\x92\x91\xd7[\x01\x8dk|V\xeb\xd8\x93\tc\xf5\xb9\xa7\x0b\xbf\xd4\xb2\x95\x17Q\xc7F[\xeau\\\x0b%\x1f\xfb\x90#\x02\xa3\xd5\xe7\xd8|\x13\xbb\xadpp\xa5\x937\xd4~y[\x9f\x82\xfb^hkY\x14\x04]\xb8\xcaC\xd8 \xf7O\x1d\xadH\x18\x84\x86\x18!0\x8e\x95\xc6\xc4\xbd\xb4d\x8a\xe6\xa6\xff\x87\xcd\xd7\x84r\xbf\x80i\xbb5\xd2\x19\n\xfc@\xb0\xbf\xe5\xc5\xa6|x\xb5\x8fnVw\xed+\xa7\xb2-\xe1\xc86\xf6\x13L\x0b\x9f!(_U\x92\xdd\x80Y\x9cN&amp;h\xde\x84\xdf\x9c\x9b\xb9\xeaHt\xd6\xbb6]Q\x88\x8d\xf7NW\xd0\x9bN,\x8b\x7f\xa6\x1e\x0e\x08\xc1\x04\x1aj3E\x16\xf7\xcaS\xce\x88Hj+\xed\xad\xd7\x9cIe\x8f\xf0\x80AQ\xd4\xc2\x95\x91\x19#F\xf2\x87\xd7\x90G\r\xa52\xbb\xb6K0\x18\xf4P\\pk\xb4&lt;\xad\x1eq\x7f\xcd\xa4\xda\xad\xbf\xa3\x0c\x8a\x9bm\xe5z\xc3V\x94\x16\x9c\xbaX\x961J\xe1\xa2b\x8e\x92\xccx\xe7:(\xc2&amp;2\x02X+\xde\x86]N\xdf\xaf\r\x1d\xe2LHW~\xbai\x8c\xfb\xfe\xae\xf4M\xdd\x12\xd3v\x06\x9a\x95\x86C\x89~\xd8QO&gt;\xc1\xb3I\xba&gt;\x8d}\x14y\xd7\xab@%\x15\x005\x0ch\xd3\xe7-rBl`\xc8H\x9f&gt;\x1a\xad]\xf4I\xe2\x89\xf9\xc5\x89/\xcaa\r^\xed\x92%?\x02\x8b\xf1&amp;\xbe\x12t\x91\r\x1c\\.X\xe2d\xb6\x90\xfd\x9e\xa3\x9byw\xa6\xf4\xf8]\xfe.A\xba\xbd_\x98N\xf4\xf2\xe7\x04v4CF\xf8I\xbb\x98\x89\x07\xedw\x1e"\xaa\xe6\x97\xf5\xe9I\xa8\xd9\x1bm\x1a\xa2\xd0\xed\xfeg\x07\xd3+,\x91\xb2L\xa7\x19\x0f\xa5\xd4\x01\xe2\tV\x16J\xfb\xf9\xcb\xa2\xcbW\xd7\xf5\xc2\x05\\\xde\x10\xb1\x9b\x94\x7f\x0e\xc4\xc0\xde\x82\xff\xcf\xfc/\xef\xa4\x1c\x05\x94\x9a\x19A\xa5\xf9\xb8\x11\xb0\xb1\xc2h \xff\x10\xa3n\xfd\x03oe9\x91"{\xe7A\xc5\xbeQM\x18,x\x91LW{2\xba\xbc\r\xcd\xcf\x81\x00D)\xfeq\xb4\xc8\xadd\xfcl\xdd\xa7\x90\xcb\x8e\x9a\xb1\xde\xa2y\x03\xa6|=\xfc\x06\xf3\x802\x9e\x07\xfa\xe3\t\x95\xf3\xcc-\x9e-Q\xa19xq\xd7$\x00\xcfT\x82\xcd1J~\x02\xf7A\xdd\xd1\xef\x0e\x81&gt;7,\xcckAo\xa5\xd8\x7f$\x1b\x151\x98s\x1a\xfb~\xf5\xe0\x80\xe1\xed\xe7\x80\x0c%\xc3\x04:\xe0\x8f\x8c1!\x8c\xa0=\xd2\xe6\xaf\xe1s\xc3\xb6G\xb2"\x13\xd2W\x81\xba\x1f\xf7+f#$i!\x9a\xce\x18B\x06\x11&gt;\xdaB\xa51\xbb\xbb\xec\x90\xc8\xd5\x0b/\x87&lt;I\xd9Ilri\x80\xe1i0\x89\xc4\x0e\xcd\xd9\xd3\xab7\xc6i\xf5]v\xc0\xee\xf7G\x18\r\xdb-\xc0\xde\x18\xe9\x18\x0b\x90O\x05\x88\xc9\xae\x13\xde_\xd3\xb5\xfb\xc0J\x17\xecV\x85\xf2\x0b7V\xc4\xb5nU\x01D(\x9czI\xed&gt;\x1f\xaa9\xf8\xb6]\x04\xdaC\xf4\xd51%\xb8\xb0\x01M\x9a\x1f\x82\'3!\x1f\xc1\xc0\xf8!\xdbs\x07\xef#\x1c\xba&amp;\xe4\xec\xe1\\n\t\xb4\xe7\xddE\xc0\xea\xddk\xff\x05D\x9dc\xf3\x1b\xc3\x1e\xaah\xd6\x1eB\x93\xf4\xaf_\xb8\xda\xe4CA\x13\x16\x98\xc4T\x0br\xe4Vp\xcc\x9c\n\x9f\xf6/1y\x88\x8c\x1c\x04L\x03BJ\xc2Q\xe6,T\x9c\xc7\x1a\x02\xdd9\xd4Vp\x92\xed\x8c\x8d\xac(\x97\x8d\x00~\xc0\xcbp*\xdf@s \xdc7\x8f!\xf3\xa4\xc9\xc8\xe3\xdd)\xde\x89+\xf8\x8dO\x0e\xc3MMT\xed}d\x1e\xd5\xef\xb3\xb2\x99\x06\n\xads+\x03\xf2h\x83~\xf5\xe4\xf8\xd7\xf5\r\xb1\tdQ\x03\x99vx\x1dz~\x85\x103\xe6Uf\xa4\xf8\xb6\xbe)\x87\xd1\xf4\x90\x89{\x99&lt;\xe7%br\xe1I\xa6\x00\xd3\t\xdb\x8f\x1b\x0e\xf6gq\x92\x8fm\xbb_\x9d!\x19\x0e4\xe0B\xcaZ\x1f\x11d\xcc\xff\x11\xa4n?\x8d\xd7\x10X\xd9\n\x9a\xfb\xfb\xe3M\x06A\x88\xbaK\x04\xc1\x0e\xaa\xe7Z\xb2\xd9\x8bR0\x87\xcb"\x12\'\xfdj\xdf\xa7\xdf\xec\x90\xda\xf0\xe3\xe1_\x00I\x92\x9d\x9d\x9c\x01\x8c\xcd\x81\xb2]x.\x95\xf5\x8d\x99\xec\xeaD\xae\xec\x8d\x02\x18\x80\x16\x0c%\xec\xdd\xa4\x18W\x9a\x97\x15yI~\xf2#\x0f\xa7\xe3\x04+&amp;7\xe9\x9e\xb0c\xbf\x12\xf0\xcb^\x06[\xa8\xa8\x9d\x014\xccs\x9e\xe5!\xc1\x97\xaaa\x19\x95\xe0\xb2\xc6\xd0\xcc2\x9a\xdd\x1d\x00\x86\xa6M}\x9bi\x1d\n\xfb\xfd\x05!\xad78\x87\xd8.fx\x13%\x9a\xb1\xe5\x92v\x837\xces\xd1\x8f-\n\x8e\xd0\x0e\xb2\xb32Pw}yH\xec\n\xef\x95\x0f\xd4:u\x8c-\x1e*B\x92\x06\xe1\xf0\x04Xs%\xc9\xb6 \xab\xdb\x1a,\x0e\x07\x85\xf5j=\xd5!;_f\x9f\xfc\xbd\x93,3\xbe\x00\x19|\x13}p\n`\xbb\x8b\x06\'\xcf0:kw\xd0\xaa\x81\xcbp\xdf6U}R:\xea\x12\xe7\x1c\x1f"\xfc\xf7\xacY\x8f\xe1\xd2\xdd\xb3\xfe4\xde\xa9\x83p\xd4\x08\x8c\xc6v\xc9\\\x9dla&amp;\xd4\xe6\xdc\xa4\xf4N\x85T\xb0\xe0\xf7\xb3&gt;\x18\xa8I\x91\xdb\x07\xacR\xf9\xef\xc8j\xe5@&amp;\xfe\t\x1f\xb8*\xb3\xee\x0f\x0f\x89\xc9\xfc\xa7[\xf1:*\xaa}\x9a\nZ\xca\x08"=+9L\xc6\xb5\xef\x1bS/\xb6\xa7y9\x85 i\x0b\x96\xb4\x9b\xf98\xc0\xca\xb9\x8cO\x12\xdb\xb2\\dW@VS\xc0\x808b\x0e\x00i^E\x80\xe3S?;\xbd;\xcbeR\xcei;\x98\x1c\xe3\xfb^\xfc\xc8\x06\xa7a8\x0b\xf9\x08\xe4\x14\xe3U\x15\x10om~\xf6\xb7\x86C\x1c\x90D\xed\xc5Tj\x00\x0f\x08U\x9a\x1c\xd9\xcd\x12\xf1\x81\xcb/\t\n\xa9\x13f\xd6\x86\x90 q\xbf\xad\xd0s/\xec\x97\xfe\xe0\x9eW\x8b\xb1\x05\xf5g\xe2g\xbb\xdc\xd5c=\n\xcf\xe5\xf9\x87\xfae\x1c3.P\xb1X\r2\xa6\x107\xa7a\xe1\xdd\x9f\xd9\x0bJ/\xca\xe0+\xd7\\so\xc8oi\xb7VPg\xa7^5\xe3\xefUqo\x9c\x99AB\x11\x05\xa2\xa9I\xbf\xa2jyJj^\x8b\\\xc9\x86\xd3\x00\x9a\xbdA\xe4\xd09\x13\xd8\x99\xe0u@\xc8\xc2my\tU8\xdc\xe3\xa1\xdd\xf52\xfe\xc8\xafy\x13CrF\xca#\xc8t\x96a\x97\xaa\x7f\x12\xd8\x94\xbd\xa0\xaa\xc9\x8d|xBN\x84{s7\x1b\x02\xea\xad\x1f%|\xc3\xb4\xe4o\x18\xad\x13\xb2\xf3\x90\xf0E\xeb\xcd\x90\x9d\xc3b\xce/\xc1C\xc5b\x9f\xa5\x1ee\xf8\x83\xbf\x94\xbf1\xb3\xdc\xe1e\xa1\x1d\x1a\xc4\x00\x0f\xfc\x84\xa5EyZ\x19\x02\xe7\x8d{i\x8f\xe2\x86&lt;0\xb2\x85\xed\x8c\x1bY6\x18b\xf6\xb4Zs\xf3\x0f\xf8Z`\xd3\xcd?\x1f\x812\xdc\x12\xde\xb0"\xfa`rp\xafi$\xffl\xc9\x8c\xd2a\x93Q\x87k\x0f\xa1t8\xe1\xc3\x8b\xa0eW\x80\x03\xbc\xe5B\x03I\x8cqY\x10\xda\x1b\xbc\x06\xcb\xf9\xe8\x98\xe6\xb1\xd7\xa1\x9f\x07\xd31\xea?\r?$`\x15^\xdbr43\xffj;\x869\xe6_\xf4\xcd\xa1\x1c\xbf\x89\xbdE\x8a\x95\x05\x07\x14\xa5\xa2\xea\xf1\xd8\xd0\x07D\x14M\xdd\x7f:\x80\xe48\xb8Uy\xfb\xd5\x07.\x12!\x08\x16\x85#\x05v\x88n\xb5\xd7\xa2\x80:\xafb\xfd\x14\xdb\xa8\x8f}\x19\xff\xf5:\xd7\x13\xf5\x81\x12\x1f\xeb\x8b\x19=\xf8\xefF\x8c\xfb{\xb3\x03T6\xfe\xa0\xb9\xa9\xbe\xfabu\x82\x9d\xfb\xf6\xf9rs\xe4j\x1c\xd8\xb0\x02\x0f\xd8\xf0\xa3\x8a\xc8\xf3a\x0f\x97\xd4\x83\n}G\xa3l\xa8\xc23,6\xab\t6\xbbY]\xb2\xa9s\xd7\xc1mk]\xb2\x02Z\xa1^\xf6S\x18\xbf\xc4\x19\x92$Zq\xd5\xb4FQ\xbd\xa0\xe6\x85\xf9\xc6\xb8X\x01\xdc\x14\xa9\x02\x8e|$\xf1j&gt;\xc2\xc4kvr#\xe2\x7f\xc5\x01\x16\xc7\xf9\xc3\x99\xd8\x16lb\xe8r\\\x1e\x04\xb1\xa4R\x02\x18=\xd3\x17\xed\x17?\xfaen\xa1\xd8j\x07?svP\x18F\xa0\x8c\xe94%/\xf2\xd1\xdd3\xa7\x88\x9bC\xe7\ru\xdc\x8c3L\xac$\xe6\x0e(f\x19\x07\xb68\x98\x1f^\xe5j\x88BMX\xd2\xb7\xdd\xb6\xfb\x94|\xbb\x00H\x17\x94b\x15\x1eq\xb7 \x81\xe9s;\xeb\xfc\xa8+\x16\xdd9\xdb\x07&amp;\xf1\x9a\xc3\x1e\xb8\x13\xbe\x1dvM\xa3\xd8\xe6!W\xde\xf1-\x80\x7fyR\xaf\xd5l\xa5Njp&gt;\xb8\xd1)\xb1G\xe6\xafi\xa1\x8a\x9c\xc3\xdb\x0ewV\x03\x05G\xda~\x92O\x18?\x96\xf4\xf8e\x1b\xa2q\n\xac\xe1\x9bk\xba\xb1\xab\x0c*\xd1n\x99\xca\xfa\xa9 \xa5\x0e]j%x\xadO\x8c&gt;\xc4\xae{WB8\x96\xb5\xb2\xea\x0cD\xfc&lt;i\x0f\x97\x86\x95\xdag\xc7l\xea&amp;\x0c%\x878i\xe4\xfbz\xdc\xd0\xcf;s1\xa6-j=,\xa73+\x03\xf2\x10\xc1&gt;K\xbb\x06\x07\x18!~\xb1(l\xf8Z\xee\x03\x00H\x93\xb28~\xb5.h\'\xd3\xce\xa5f\xb6\xd1\xc4&amp;\xe0\xcb\x1a\x9f\xfcO\x82\x06k\x95\xb6\xbe\x16t2\x8a~\xa2\x07M\xba\xb5s\x0c\x1e\x16\x91\xd5\xe9\xda$\xe3\xf0\x06[\xec\xdd\xe2\xe3\xcd\xa0\x96\xa7v\xe4\xd9\x91Y\x16\xf8\xe35L\x9a\xf0\xa7y\xb5\x14\xa4\xfci\x0b\xc1\x7f\xa3;\x03"\x0f!yf\xa9\x84\xc8N\x8cgA\x8e3$n\xd7@+\xa9\xdfI{\xc8!*\x0eW~&amp;&amp;\xe7\xf8\x90\x05\xb0dy%hJj;\xf7\x1e\x98M\xcc\x18K\xf1\xbatK\x80\xd3\xef{\x9a\xe6\xe7\x11\xdf\xe1\x10i1tG\x85\xd3m\xa5F\xe7\xbf\xee\xe87\xb72!\x07!Nh\x1e5\x7f\x124gj\xa9\x7f)5\x85\xe8Y\x0f\xf0\x0e\xe4\x19\xde\xfe8\x05\xcf\xea\x85r\xf1\xc5Q?W6O&amp;sV\xfarG\xe3\xcf\x03)\xcf\xcf\xd7-\xe5\x82\x8b\xfa\x97\x19c\x1a\xd35j\xb7\x9e\x9d\x9c;\x8a\x03\x1d#T\xa5\xd5\x0c\xadT U\x131l*\xd0#\xf4\xd6\xb7B\xf7\xc3\x1a\xdd\xb3\xac\x1a\xdf\x05A\xcaKw\xbd\x80oW6\xf5$M\x89\xee:\x17\xda\xf1\xe30\xf1Oyc\x9fc\x00])\x9b.\xe7\x83\xb5X\x11\xb1\x8a\xb5\xbf\x01\x15\xe3\t\x9a\x9b\xafy\xf2\xee\xba6\xb0\xd2\x13@\xec\xab\xf2\xe1\x8c"^\xd4\xe4\xb9\x05\x08\xe8\x14\xcb\xa8\x15\xa9\x9e\x80xF\xa1\x84V)\x03\xe2:\xb8\x81\x7f\x04\x0f;K\xf4 k\xf0\xd3\x80!\x9d\xc4.\xe4\x136\x91\xf1t\xb7\n`\xd0\x19\xf8\xe5\x10w#\x16B\xdeP\x11Q@\xe7\xbe\xcd\xd8\xc4d'</t>
  </si>
  <si>
    <t>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</t>
  </si>
  <si>
    <t>b'\x10\xb0\x06\x89\x90Z\x01^\x1ae\xb3\xc2\xb7\x97\xf79'</t>
  </si>
  <si>
    <t>.
 I
 V
 REF I copy ?
 M REF M 1
 X
 Floating
 Node
 DD
 Figure 9.36
 9.2 Current Mirrors 423
 Solution This circuit is not a current mirror because only a diode-connected device can establish
 Eq. (9.129) and hence a copy current independent of device parameters and temperature.
 Since the gates of MREF and M1 are floating, they can assume any voltage, e.g., an initial
 condition created at node X when the power supply is turned on. In other words, Icopy
 is very poorly defined.
 Exercise Is MREF always off in this circuit?
 Generation of additional copies of IREF with different scaling factors also follows the
 principles shown in Fig. 9.26. The following example illustrates these concepts.
 Example
 9.21
 An integrated circuit employs the source follower and the common-source stage shown
 in Fig. 9.37(a). Design a current mirror that produces I1 and I2 from a 0.3-mA reference.
 I 1 0.2 mA
 M
 VDD
 I
 V
 V
 0.5 mA 2
 in2
 out2
 I
 V
 REF I
 M REF
 M
 1
 W
 L
 3 ( (
 0.3 mA
 M 1
 VDD
 Vin1
 Vout1
 M 1
 VDD
 Vin1
 Vout1
 I1
 M
 VDD
 V
 V
 in2
 out2
 W
 L
 2 ( (
 I
 M
 W
 L
 5 ( (
 I2
 2
 (a)
 (b)
 2
 2
 DD
 Figure 9.37
 Solution Following the methods depicted in Figs. 9.28 and 9.29, we select an aspect ratio of 3(W/L)
 for the diode-connected device, 2(W/L) for MI1, and 5(W/L) for MI2. Figure 9.37(b)
 shows the overall circuit.
 Exercise Repeat the above example if IREF = 0.8 mA.
 Since MOS devices draw a negligible gate current,6 MOS mirrors need not resort to
 the technique shown in Fig. 9.31. On the</t>
  </si>
  <si>
    <t>b'\xbc&amp;T=;\xb7\xdeF3@\x9a\xb9/W0\x14'</t>
  </si>
  <si>
    <t>bc26543d3bb7de4633409ab92f573014</t>
  </si>
  <si>
    <t>.
  (9.24)
  Of course, this situation is pretty artificialâ€”whatâ€™s more, with incident and re
 f
  lected waves of infinite extent traveling on the same piece of string, itâ€™s going to
  be hard for a spectator to tell them apart. You might therefore prefer to consider
  an incident wave of finite extentâ€”say, the pulse shown in Fig. 9.5. You can work
  out the details for yourself, if you like (Prob. 9.5). The trouble with this approach
  is that no finite pulse is truly sinusoidal. The waves in Fig. 9.5 may look like sine
  functions, but theyâ€™re not: theyâ€™re little pieces of sines, joined onto an entirely dif
 ferent function (namely, zero). Like any other waves, they can be built up as linear
  combinations of true sinusoidal functions (Eq. 9.20), but only by putting together
  a whole range of frequencies and wavelengths. If you want a single incident fre
 quency (as we shall in the electromagnetic case), you must let your waves extend
  to infinity. (In practice, if you use a very long pulse, with many oscillations, it will
  be close to the ideal of a single frequency.)
  For a sinusoidal incident wave, then, the net disturbance of the string is:
  âŽ§
  âŽ¨
  Ëœ
  f (z, t) =
  âŽ©
  Ëœ
  AIei(k1zâˆ’Ï‰t) + Ëœ ARei(âˆ’k1zâˆ’Ï‰t),
  Ëœ
  ATei(k2zâˆ’Ï‰t),
  for z &lt; 0,
  for z &gt; 0.
  (9.25)
  Atthejoin(z = 0), the displacement just slightly to the left (z = 0âˆ’) must equal
  the displacement slightly to the right (z = 0+)â€”else there would be a break
  between the two strings. Mathematically, f (z,t) is continuous at z = 0:
  f (0âˆ’,t) = f(0+,t).
  (9.26)
  If the knot itself is of negligible mass, then the derivative of f must also be
  continuous:
  âˆ‚f
  âˆ‚z 0âˆ’ 
 = âˆ‚f
  âˆ‚z 0+.
  f
  1
  (a) Incident pulse
  z
  FIGURE9.5
  (9.27)
  f
  1
  2
  z
  (b) Reflected and transmitted pulses
 390 Chapter9 ElectromagneticWaves
  T
  T
  z z
  T
  T
  (a) Discontinuous slope; force on knot (b) Continuous slope; no force on knot
  Knot Knot
  FIGURE9.6
  Otherwise therewouldbe anet forceon theknot, and therefore an infinite
  acceleration(Fig.9.6).Theseboundaryconditionsapplydirectlytotherealwave
  function f(z,t).Butsincetheimaginarypartof Ëœ f differsfromtherealpartonly
  inthereplacementofcosinebysine(Eq.9.15), itfollowsthatthecomplexwave
  function Ëœ f(z,t)obeysthesamerules:
  Ëœ f(0âˆ’,t)= Ëœ f(0+,t), âˆ‚ Ëœ f
  âˆ‚z 0âˆ’
  = âˆ‚ Ëœ f
  âˆ‚z 0+
  . (9.28)
  WhenappliedtoEq.9.25, theseboundaryconditionsdeterminetheoutgoing
  amplitudes( Ëœ ARand Ëœ AT)intermsoftheincomingone( Ëœ AI):
  Ëœ AI+ Ëœ AR= Ëœ AT, k1( Ëœ AIâˆ’ Ëœ AR)=k2
  Ëœ AT,
  fromwhichitfollowsthat
  Ëœ AR= k1âˆ’k2
  k1+k2
  Ëœ AI, Ëœ AT= 2k1
  k1+k2
  Ëœ AI. (9.29)
  Or,intermsofthevelocities(Eq.9.24):
  Ëœ AR= v2âˆ’v1
  v2+v1
  Ëœ AI, Ëœ AT= 2v2
  v2+v1
  Ëœ AI. (9.30)
  Therealamplitudesandphases,then,arerelatedby
  AReiÎ´R= v2âˆ’v1
  v2+v1
  AIeiÎ´I, ATeiÎ´T= 2v2
  v2+v1
  AIeiÎ´I. (9.31)
  Ifthesecondstringislighterthanthefirst(Î¼2&lt;Î¼1,sothatv2&gt;v1),allthree
  waveshavethesamephaseangle(Î´R=Î´T=Î´I),andtheoutgoingamplitudes
  are
  AR= v2âˆ’v1
  v2+v1
  AI, AT= 2v2
  v2+v1
  AI. (9.32)
  Ifthesecondstringisheavierthanthefirst(v2&lt;v1),thereflectedwaveisoutof
  phaseby180â—¦(Î´R+Ï€=Î´T=Î´I).Inotherwords,since
  cos(âˆ’k1zâˆ’Ï‰t+Î´Iâˆ’Ï€)=âˆ’cos(âˆ’k1zâˆ’Ï‰t+Î´I),
 9.1 Waves in One Dimension
  391
  the reflected wave is â€œupside down.â€ The amplitudes in this case are
  AR = v1âˆ’v2
  v2 +v1
  AI and AT = 2v2
  v2 +v1
  AI.
  (9.33)
  In particular, if the second string is infinitely massiveâ€”or, what amounts to the
  same thing, if the first string is simply nailed down at the endâ€”then
  AR = AI and AT =0.
  Naturally, in this case there is no transmitted waveâ€”all of it reflects back.
  !
  !
  Problem 9.5 Suppose you send an incident wave of specified shape, gI(z</t>
  </si>
  <si>
    <t>b'MX\x128I\x94\xc8\xd7\x00\x81\x87\xef\x0b\xabbb\x11~1\x1b\xf7\xfe\xf2(\xea\xae\x1ex\xee\x12o7'</t>
  </si>
  <si>
    <t>4d5812384994c8d7008187ef0bab6262117e311bf7fef228eaae1e78ee126f37</t>
  </si>
  <si>
    <t>b'MX\x128I\x94\xc8\xd7\x00\x81\x87\xef\x0b\xabbb'</t>
  </si>
  <si>
    <t>ere were more lies told and
 more trickery at that horse fair than a clever man could give an account of. I was put
 with two or three other strong, useful-looking horses, and a good many people came to
 look at us. The gentlemen always turned from me when they saw my broken knees;
 though the man who had me swore it was only a slip in the stall.
 The first thing was to pull my mouth open, then to look at my eyes, then feel all the way
 down my legs, and give me a hard feel of the skin and flesh, and then try my paces. It
 was wonderful what a difference there was in the way these things were done. Some did
 it in a rough, offhand way, as if one was only a piece of wood; while others would take
 their hands gently over one's body, with a pat now and then, as much as to say, "By your
 leave." Of course I judged a good deal of the buyers by their manners to myself.
 There was one man, I thought, if he would buy me, I should be happy. He was not a
 gentleman, nor yet one of the loud, flashy sort that call themselves so. He was rather a
 small man, but well made, and quick in all his motions. I knew in a moment by the way
 he handled me, that he was used to horses; he spoke gently, and his gray eye had a
 kindly, cheery look</t>
  </si>
  <si>
    <t>b'\xe6\xdfz\xf6wZ\xf2\x12'</t>
  </si>
  <si>
    <t>e6df7af6775af212</t>
  </si>
  <si>
    <t>seen as a conflict between two visions of imperial
authority, one being that it derived from the soldiers, the other that it derived from
the consensus of the governing class. It is striking that the Senate opposed Maximinus
by electing a board of twenty to administer the war, and selected two elderly officials
as emperors. One of them, Pupienus, had a son of mature years, who was notably
excluded from the imperial college (Dietz 1980: 133). This gave the new rulers room
to negotiate. When the friends of the deceased Gordian I, whose failed revolt in
North Afri</t>
  </si>
  <si>
    <t>b'c|k\x9e\x96q\x80\xfe\xf0\xee\xc2N\xd8:\xfb\x0cj\xfb(\x16x\xca5GDfV\xee\x98\x9f\x0f\x9b\xd5\xc0.\x8d\xb2dG\x12\xa9g\xf3R\xaf\xd2cYA\x96\xed\xcf\x83N\x8a\xff\xd8?8\x83\\\xaf\x96[/\xed?O?D\xd3\x1d\x98,\xfdnu\\\xf0\xca\x03\x9a\xa7*\x9f\xd3\xd6X\x0b\x194\\\x1cx\x8fC\xb7m8:\xef\x07\xd0\xfc\xf1\x1f\xe7E4\x18_\x83\xd9C\xb2{T\x06\x94&lt;Y+\xf5Rn\x85\xa6Z\x1b\xf8\t\xf5k\x8c\x19\xc2\xb4\xd1 |VQ\xea\xb8\xb2\xf0\x81KR"&lt;0\xdd\xc3\\\xa1/\xe9\xbf\x9e\xf2+\x8d\xd5)\xda\xa9\x1f~\x84n\xd8\xfc\xe4\x0c\x138e\x84@k\x98\x16%\x9b\x7f\xc2\x8e\xd8\x94\xad&amp;\xd5\x93Yd\xea[\x16*\x90\n8{h\xdd\xa9\x12\x84f\xb2\x11\xf6u\xdf\xd3X\xf8\xdd\xdb\xd2y\xf9i\xdbmM\xeb\xe8\x82\xc9\xf0x{o\x06\xca=TN\xc6B\xbc\xb2\xba\x80\xc3\x9b\xb9T\x9f\'@\x90\xac\xfbR\xd8\xd5\xe6\xaf\x13\x93\x0b\xf4BLq?\xf3/1\x16\x17\xea\xcd\x8d\xac\xd8\x96&amp;k4\x93\x976\xd2o\x1dK{\x9a\xc9\x16\xfeAKu\x02\x88\x12]\x05\xa1XD0\xdf\xd1\x81\x19\xd5\xb0C&gt;\xcasN\x08\x88\x88\xe1D[S\x9d}8[}L\xc7D\x06@\xc9\xa8\xd1\xf2\x1aMg\xa3\xed\x13E\xcf\xedE\x1e)\x98\xd5\xeb\x0f\x1ar\xb8\xa6\xf1M\xeb\xff\x11\xe0P\x14\rB\xbe\xe5\xafR\x84\x8aL\xae0\x9d\x8d\x1d&gt;O\xb2\x8b\x81\xea\xa9\xb0\xdbc\x80\x08\x86\xa5\xc8\xb3\x80\xf7\x84\xa6\x02\x01W\x91\xdf\xc7\xc6\xf6\xa5&lt;\xf7V\x88\xca*\x92x\xd3\xd8b\x98\x05\xab-\xbe\x81\xdc\xb8\x12\xb8\xbbJ\xb7g\x91Tm\xec\xb3V\x86L#\xa0\xa2z\xe1\nd\x90\x98\xc7\xddYV\x1fP\x11&amp;}K73\xb6\xf5\x05\xa1h\xc6\xbf\x91$\x1agV\xcc\x02\x89\xed\xfc|\xa0\xb4\x11\x13=?\xf5\x19z\xfdMq\x18E`@\xcaRC\xd4\t5\xad\x05d\xdc"~\x8d\xb8\xddE\xa2\xfcR\xa3G\xa6\xb2\x8f\x1e\xd3?e\x8c\xa0\x8f\x80\x84\xa1\xc2O\xfb16\xb5b\x8d\xff\x96\x84\xd4\xe3\x0c&gt;\xed\xcbE \xdc\x0b\x02\x94\xdd\\\x0f)Z\xea\x96\x15\x12\xd6\x9ce\x93\xb4\xd4\x15z~\xd3]\x96\xf8\xdbxyC\xc4\xd2\xcd^\x15E\t\x07\xd3\xb9\xee'</t>
  </si>
  <si>
    <t>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</t>
  </si>
  <si>
    <t>b'c|k\x9e\x96q\x80\xfe\xf0\xee\xc2N\xd8:\xfb\x0c'</t>
  </si>
  <si>
    <t>eady learned, from the static case, that an electric polarization P
  produces a bound charge density
  Ïb =âˆ’âˆ‡Â·P
  (7.47)
  (Eq. 4.12). Likewise, a magnetic polarization (or â€œmagnetizationâ€) M results in a
  bound current
  Jb = âˆ‡Ã—M
  (7.48)
  (Eq. 6.13). Thereâ€™s just one new feature to consider in the nonstatic case: Any
  change in the electric polarization involves a flow of (bound) charge (call it Jp),
  which must be included in the total current. For suppose we examine a tiny chunk
  of polarized material (Fig. 7.47). The polarization introduces a charge density
  Ïƒb = P at one end and âˆ’Ïƒb at the other (Eq. 4.11). If P now increases a bit, the
  charge on each end increases accordingly, giving a net current
  dI = âˆ‚Ïƒb
  âˆ‚t daâŠ¥ = âˆ‚P
  âˆ‚t daâŠ¥.
  The current density, therefore, is
  Jp = âˆ‚P
  âˆ‚t .
  (7.49)
  This polarization current has nothing to do with the bound current Jb.The
  latter is associated with magnetization of the material and involves the spin and
  orbital motion of electrons; Jp, by contrast, is the result of the linear motion of
  charge when the electric polarization changes. If P points to the right, and is
  increasing, then each plus charge moves a bit to the right and each minus charge
  to the left; the cumulative effect is the polarization current Jp. We ought to check
  that Eq. 7.49 is consistent with the continuity equation:
  âˆ‡Â·Jp =âˆ‡Â· âˆ‚P
  âˆ‚t = âˆ‚
  daâŠ¥
  âˆ’Ïƒb
  FIGURE7.47
  âˆ‚t (âˆ‡ Â· P) =âˆ’âˆ‚Ïb
  âˆ‚t .
  P
  +Ïƒb
 7.3 Maxwellâ€™s Equations
  341
  Yes: The continuity equation is satisfied; in fact, Jp is essential to ensure the
  conservation of bound charge. (Incidentally, a changing magnetization does not
  lead to any analogous accumulation of charge or current. The bound current
  Jb = âˆ‡Ã—Mvariesinresponse to changes in M, to be sure, but thatâ€™s about it.)
  In view of all this, the total charge density can be separated into two parts:
  Ï =Ïf +Ïb =Ïf âˆ’âˆ‡Â·P,
  and the current density into three parts:
  J =Jf +Jb +Jp =Jf +âˆ‡Ã—M+ âˆ‚P
  Gaussâ€™s law can now be written as
  âˆ‡Â·E= 1
  0
  or
  (Ïf âˆ’âˆ‡Â·P),
  âˆ‡Â·D=Ïf,
  where, as in the static case,
  Dâ‰¡ 0E+P.
  Meanwhile, AmpÃ¨reâ€™s law (with Maxwellâ€™s term) becomes
  âˆ‡Ã—B=Î¼0 Jf +âˆ‡Ã—M+âˆ‚P
  or
  âˆ‚t +Î¼0 0
  âˆ‚E
  âˆ‚t ,
  âˆ‡Ã—H=Jf +âˆ‚D
  âˆ‚t ,
  where, as before,
  Hâ‰¡ 1
  Î¼0
  Bâˆ’M.
  (7.50)
  âˆ‚t .
  (7.51)
  (7.52)
  (7.53)
  (7.54)
  (7.55)
  Faradayâ€™s law and âˆ‡ Â· B = 0 are not affected by our separation of charge and
  current into free and bound parts, since they do not involve Ï or J.
  In terms of free charges and currents, then, Maxwellâ€™s equations read
  (i) âˆ‡ Â·D = Ïf, (
  iii) âˆ‡ Ã—E =âˆ’âˆ‚B
  âˆ‚t ,
  (ii) âˆ‡ Â· B = 0, (
  iv) âˆ‡ Ã—H=Jf + âˆ‚D
  (7.56)
  âˆ‚t .
  Some people regard these as the â€œtrueâ€ Maxwellâ€™s equations, but please under
 stand that they are in no way more â€œgeneralâ€ than Eq. 7.40; they simply reflect a
  convenient division of charge and current into free and nonfree parts. And they
 342
  Chapter 7 Electrodynamics
  have the disadvantage of hybrid notation, since they contain both E and D, both
  B and H. They must be supplemented, therefore, by appropriate constitutive
  relations,givingD and H in terms of E and B. These depend on the nature of
  the</t>
  </si>
  <si>
    <t>b'\x97\xe4\x8e\xe9\xd7S\x0bZY\xd5\xb7V\x95\xcf;\x8c\xbbW\xc3lkf\x91}_8|\x1f"1\xa0\xc3'</t>
  </si>
  <si>
    <t>97e48ee9d7530b5a59d5b75695cf3b8cbb57c36c6b66917d5f387c1f2231a0c3</t>
  </si>
  <si>
    <t>b'\x97\xe4\x8e\xe9\xd7S\x0bZY\xd5\xb7V\x95\xcf;\x8c'</t>
  </si>
  <si>
    <t>remembrance of her former
 happiness. She moved slowly towards the door, paused, went on, and
 paused again. How silent, how forsaken, how forlorn did the chateau
 appear! Trembling to enter it, yet blaming herself for delaying what she
 could not avoid, she, at length, passed into the hall; crossed it with a
 hurried step, as if afraid to look round, and opened the door of that
 room, which she was wont to call her own. The gloom of evening gave
 solemnity to its silent and deserted air. The chairs, the tables, every
 article of furniture, so familiar to her in happier times, spoke eloquently
 to her heart. She seated herself, without immediately observing it, in a
 window, which opened upon the garden, and where St. Aubert had often
 sat with her, watching the sun retire from the rich and extensive
 prospect, that appeared beyond the groves.
 Having indulged her tears for some time, she became more composed;
 and, when Theresa, after seeing the baggage deposited in her lady's
 room, again appeared, she had so far recovered her spirits, as to be able
 to converse with her.
 'I have made up the green bed for you, ma'amselle,' said Theresa, as she
 set the coffee upon the table. 'I thought you would like it better than your
 own now; but I little thought this day month, that you would come back
 alone. A-well-a-day! the news almost broke my heart, when it did come.
 Who would have believed, that my poor master, when he went from
 109
 home, would never return again!' Emily hid her face with her
 handkerchief, and waved her hand.
 'Do taste the coffee,' said Theresa. 'My dear young lady, be comfortedâ€”
 we must all die. My dear master is a saint above.' Emily took the</t>
  </si>
  <si>
    <t>b'\x12\x8a$&amp;\xbe\x9a\xb5y\xf1\x94\x8e7\xcd;*\xe0\xc6\x11\xc47\xe9\xfa$\t\x19\xd0t\x7f\xdbPl\x17I\x15\\n\xe0\xb2\xfe&amp;\xa1\xd8\xe2\x11\xd5\xeb\xc7\xf3\x19:\x07\x10\xf9\xc5!\x96v\x82\x08a\x1ce\xeff'</t>
  </si>
  <si>
    <t>128a2426be9ab579f1948e37cd3b2ae0c611c437e9fa240919d0747fdb506c1749155c6ee0b2fe26a1d8e211d5ebc7f3193a0710f9c52196768208611c65ef66</t>
  </si>
  <si>
    <t>b'\x12\x8a$&amp;\xbe\x9a\xb5y\xf1\x94\x8e7\xcd;*\xe0'</t>
  </si>
  <si>
    <t>#ERROR!</t>
  </si>
  <si>
    <t>b'\xa9&lt;/\xfe\xce0M=e?\xd4\x14\xdd-\xbd;'</t>
  </si>
  <si>
    <t>a93c2ffece304d3d653fd414dd2dbd3b</t>
  </si>
  <si>
    <t>up to a light bulb,
  say (Fig. 7.7)â€”a perplexing question arises: In practice, the current is the same all
  the way around the loop; why is this the case, when the only obvious driving force
  is inside the battery? Off hand, you might expect a large current in the battery and
  none at all in the lamp. Whoâ€™s doing the pushing, in the rest of the circuit, and how
  does it happen that this push is exactly right to produce the same current in each
  segment? Whatâ€™s more, given that the charges in a typical wire move (literally)
  at a snailâ€™s pace (see Prob. 5.20), why doesnâ€™t it take half an hour for the current
  to reach the light bulb? How do all the charges know to start moving at the same
  instant?
  Answer: If the current were not the same all the way around (for instance, dur
 ing the first split second after the switch is closed), then charge would be piling up
  somewhere, andâ€”hereâ€™s the crucial pointâ€”the electric field of this accumulating
  charge is in such a direction as to even out the flow. Suppose, for instance, that
  the current into the bend in Fig. 7.8 is greater than the current out. Then charge
  piles up at the â€œknee,â€ and this produces a field aiming away from the kink.3 This
  f
  ield opposes the current flowing in (slowing it down) and promotes the current
  f
  lowing out (speeding it up) until these currents are equal, at which point there is
  no further accumulation of charge, and equilibrium is established. Itâ€™s a beautiful
  system, automatically self-c</t>
  </si>
  <si>
    <t>b'&lt;n\x1e\x06Ck&gt;\xaa\x1a\x1c?t\x8d\x8f\xb4\xac\x15\xcb.+\xee.\xe8I\x97\x1b\x03S\x80\xf5\xda\x8b'</t>
  </si>
  <si>
    <t>3c6e1e06436b3eaa1a1c3f748d8fb4ac15cb2e2bee2ee849971b035380f5da8b</t>
  </si>
  <si>
    <t>b'&lt;n\x1e\x06Ck&gt;\xaa\x1a\x1c?t\x8d\x8f\xb4\xac'</t>
  </si>
  <si>
    <t>on
 that I publish on the internet.
 All of this is a way of saying that there are people rooting for you. We
 want you to succeed. But itâ€™s a huge responsibility. You have to commit. You
 have to go all in.
 I get approached by a lot by people looking for advice or to share the
 story of their business. Youâ€™d think this would get old quick, but honestly, it
 doesnâ€™t. I love talking about entrepreneurship with people who are just as
 passionate about it as I am. I especially love talking about the tough stuff, the
 downfalls and struggles. Itâ€™s the kind of stuff you just canâ€™t possibly
 understand unless youâ€™ve been there.
 The one thing that drives me crazy, though, is when people approach me
 for advice on a foolproof, zero-risk, â€œeasy wayâ€ to be successful. Regardless
 of what the internet tells you, this doesnâ€™t exist.
 If youâ€™re only pursuing the result, youâ€™re goin</t>
  </si>
  <si>
    <t>b'\xc5\xe1lm\xdc;M\xa9\'\xaeN&amp;\x9e\\\x8f\xf5\xa3\xa8j]\xe3&gt;b\xa4\x1e\xa8w=\xa2\x90\x1c\xaf\x11zv|\x05\xe4\xab\xe5\x99\xb1\x85R\x9e\xd6kKO`\x1e\xa1\x0b\xfb\xb7\xac\xdd2\x96M\x10\x9c\'\xc2\\ \xd2\xe8\xbf\x97\x16H\xe9\x0b\x9d\x9f\xb8\xcbt8\x07h\xd8\xa6S[\x85!~#\xa1xb\xb9\x86\xe7x\x18\x94h\xa3\xe2\xca\xa9\x00\xc2\xe7yv\xad\x8e\x85m{j0\xc8h7H\xea\xe1&lt;\xf4\xe6CM\\!\xcdl\xce1\xa8\xd9P\x8e\x94\x87\xa2(&lt;lm&gt;\xb8)\xa8\xb5Mmt\xb4g\x87*\xf9\xfd\xba"\x93fc&gt;\xabp&gt;#4\x9eO`\x16S\xbc\xbf\xdd\x07\xef\xf7\xa4!u\xa5\x87\xa4bK\x06~&amp;1\xd5\xba\x12\x8f\x1e\xb9\xce`a-\r\xd5\xfa\xa1\xe7\xf5a(\xe4\xc7j!.\xd4\x9b\xb7\xd4\x1e\xb4\x00\x0el\x13\x9a\xb1Y2\ri\xc6H\xf1\x976\xb5S\x1f\xcb-l\xe9\xb2Hd~\x98\x18\x83\xf2\x02!i\x81\xc8\x84\xa05s\n\xa93D\xc8\x8d\x93\x98\xe1S1q\xc8-\xc1\x81&amp;g\r\x14\x80\xc2\x97Y|?\x98\x98\xe2\xd1x\xea\xa0\xa66\xa7\xe1\xd4\xd6c\xa3z\xfc\xe8\xed5\xda\x0fD\x0c\xc3\xbf\x02\xae\x9b\xc1\x9b\n\xa2Ie\x93\xae\xb8d\xfc\xb4\x1aj\xe6\x94\x9f\x10\x99]7\xe6o\x1f\x84\xac\x12\xe6&amp;U\xea\xb8\x16A\x88\xc4\xcb\r\x8f\xd2\xa8\x82\xa9\x9cKu]\x04\xeb\xfd\x1c5m\x95\xfed\xbe^3I\xc7"\xb4\xe21\x1f\x02v\xde\x9a\x13\x18\xb6\x1c\xd4\xa9\'\xe967\n\x81I\x88j\x1c\x07\xfc\x1b\xc87\x99)\xa5Q\xff\x11[\x01-\xbe0\x12v]r\x01\x8c(\x0cAW\x81\x06\xb9\x04\n\\\xa5\xa7s\xaa\xe4\xb1\xc9\x97wi\xa7{\xba"\x92\xe1\xe4\xf1d&lt;\x7f\xd9\r\x89\xcby\x18\x1c\x1c\x06\xf6\xe6\x8b\x84\xc7\xa7T\xfc\xcf\xf3O\x1b\xe9!\xd2-\xf9x\xf4\'\xe6\xc28\x9d-G%\xa8\x11\xe2)U\x8d\x0f\xb5e\xd5\xeb8hJ\x04g\rq\xa39\xc6\x0c\x10o7\x9f\x1c\xd0\xf1-\xb2\xda~\x11Sl\xbb2\xe7\x9e\xfao\xc8r\xde5o\xe8n0\x17@\xa3\n\xf8\xd4\t\x9e+^\x81\xd6T\xb2\xc9\x10\xde\xd2Fy\xb8\x1eP\xe6\xc9\xaf\xbcB\xf9\xe6\x95Hf\xd8\xbdX\x86%\xc4\xbb\xa0qd\x04Kf\xa6\xa2\x02b\xc5\xc7\tj\rO\xb7/\x80\x1ez\xba\\\x84\xca\xdfk\xc9\x99=Z\xfbQps\x18?D+\xe4\x8b\xf0\t;Cr\x1b\x86\x01\x01O\xfd7Z?)\xd2:e\x95\xd97\xbf\x0bq\x10\x1b\xfd\xbe-\x1c\x96 3\xac\x0fa\x94\xc1\xc6\xa7F\x98\x90LM}\xca@32*\xc1\xc8\x9a\xde\xbc\n\x8eo\xe9\x85S\xcd\xcdNl\xea\xb7Y\x9e}N\x04\xb0\x86\xd3j\xed\x9f\xa0\t\x11\x0b\x19\xd5\xce\xe0\xe0H+\xad\xd0I[!?e\xc9\xdd]\x91\xb4TD\x03&lt;P\x8c+6\x89?\xe9-\xc9\xab]d\xd1\x9c\xea\xb8\x7f\xbb\x01\x8e\xef@\xa3(\xed\xb19\x89\x00\x05\x18t\x07\xf8Q\x8d:K\x1c\x11\xf7IS!\xf1x\xe9: \xad\x17\xc4p\xf4g\xb7\x8cX\xde\x9d\x10\xb6%\x8c\x19\x99\x08\xd2_\x93-\xe0\t\xe4R\x8c\xde\xd9\xa49Os\x1e/\x88\x98\x06\x9di]wG\xa8\xf0\xb3\xe8\x80\x06~Z\x7f\xfbGy\xa3\xd8N\xcfd\x18\xa9\xef\x9a\xb6\xd6\x12-\xd1\xc3\x85\x08\x87\x9f\xad\x92\x18\xcf\xfa\xd9m\xd62\xd0\x15\xc3\x9c\x16\xd22=\x86\\e.\x1a\x83$kXn\x03\xe5\x01\xeb"\xf5\xdd\x8e\\\xef\x7f=\xa5K'</t>
  </si>
  <si>
    <t>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</t>
  </si>
  <si>
    <t>b"\xc5\xe1lm\xdc;M\xa9'\xaeN&amp;\x9e\\\x8f\xf5"</t>
  </si>
  <si>
    <t>ane
containing even number of carbon atoms
at the anode.
3 2
3 3 2 2
Electrolysis
2CH COO Na 2H O
Sodium acetate
CH CH 2CO H 2NaOH
âˆ’ + +
â†“
âˆ’ + + + (13.9)
The reaction is supposed to follow the
following path :
3 3
O
||
i) 2CH COO Na 2CH C O 2Na
âˆ’ + âˆ’ + _x0001_ âˆ’ âˆ’ +
ii) At anode:
â€“
3 3 3 2
â€“2e
O O
|| ||
2CH C O 2CH C O 2CH 2CO
â€¢ â€¢
â€¢ â€¢
âˆ’
âˆ’ âˆ’ ï£§ï£§â†’ âˆ’ âˆ’ ï£§ï£§â†’ + â†‘ :
Acetate ion Acetate Methyl free
 free radical radical
iii) H C CH H C CH 3 3 3 3
â€¢ â€¢ + ï£§ï£§â†’ âˆ’ â†‘
iv) At cathode :
â€“ â€“
2
2
H O e OH H
2H H
â€¢
â€¢
+ â†’ +
ï£§â†’ â†‘
Methane cannot be prepared by this
method. Why?
13.2.3 Properties
Physical properties
Alkanes are almost non-polar molecules
because of the covalent nature of C-C and C-H
bonds and due to very little difference of
electronegativity between carbon and
hydrogen atoms. They possess weak van der
Waals forces. Due to the weak forces, the first
four members, C1 to C4
 are gases, C5
 to C17 are
liquids and those containing 18 carbon atoms
or more are solids at 298 K. They are colourless
and odourless. What do you think about
solubility of alkanes in water based upon nonpolar nature of alkanes? Petrol is a mixture of
hydrocarbons and is used as a fuel for
automobiles. Petrol and lower fractions of
petroleum are also used for dry cleaning of
clothes to remove grease stains. On the basis
of this observation, what do you think about
the nature of the greasy substance? You are
correct if you say that grease (mixture of higher
2022-23
380 CHEMISTRY
alkanes) is non-polar and, hence, hydrophobic
in nature. It is generally observed that in
relation to solubility of substances in solvents,
polar substances are soluble in polar solvents,
whereas the non-polar ones in non-polar
solvents i.e., like dissolves like.
Boiling point (b.p.) of different alkanes are
given in Table 13.2 from which it is clear that
there is a steady increase in boiling point with
increase in molecular mass. This is due to the
fact that the intermolecular van der Waals
forces increase with increase of the molecular
size or the surface area of the molecule.
You can make an interesting observation
by having a look on the boiling points of
three isomeric pentanes viz., (pentane,
2-methylbutane and 2,2-dimethylpropane). It
is observed (Table 13.2) that pentane having a
continuous chain of five carbon atoms has the
highest boiling point (309.1K) whereas
2,2 â€“ dimethylpropane boils at 282.5K. With
increase in number of branched chains, the
molecule attains the shape of a sphere. This
results in smaller area of contact and therefore
weak intermolecular forces between spherical
molecules, which are overcome at relatively
lower temperatures.
Chemical properties
As already mentioned, alkanes are generally
inert towards acids, bases, oxidising and
reducing agents. However, they undergo the
following reactions under certain
conditions.
1. Substitution reactions
One or more hydrogen atoms of alkanes can
be replaced by halogens, nitro group and
sulphonic acid group. Halogenation takes
place either at higher temperature
(573-773 K) or in the presence of diffused
sunlight or ultraviolet light. Lower alkanes do
not</t>
  </si>
  <si>
    <t>b'\x84\x0c?4\x98AF\xe8{\xe8U}\x80\x07\x17\t\x11p\xa9\x185\xb4\xce\xd1\xeb\x9a\x17\x86:e\xb7\xb8\x1d"\x9a9\xc6nn\xb8\xeb\x06\x1b\xdd\x96\xe4{\x8c\x0ev\xb2\xb0\xe0b\xfda\x84\x9a=f\x7f\xc3\xdd\xe3\r\xb3{Q~\xd9)Bg\x13m\xaf\xdc7\x9c7\xbd\x02\xdf\x8e\xaa\xfdXf\x13]\xea\xca\xcf\xb7I]I\x03\xf7+\x19\xfc\xa1\xbbi\x8e\xdadPs(fb[\xb7+\x05\xa8\xd0.\xa8\x83\xb74U\x12\'\xda\xf1\x7fq\x7f\xc5l3\xee\xd0\xaeC\x84\xb9&gt;\xde.\x88\x07G\xb3\xb0P\xb2^Q[\xf6\xbf\xbe\xe6Ph\x02\xabE\xe0\x1aQ\xc3\xd2\x8bL\xe2s7S\xc8A\x170\xe02#\xf0x\x96|!\xb4U\x0fy\xcf\x9c\xfb\x1c\xe4\x92\x8b\xf6\x18\x12\xfa\x90A\xf6\x9d=c-\xdc#\x8a\x94\xdceA/\xb7\x0bKB\xfd$\x11\x81\x15\xa5{\xd7\x0e12\xf9\xd9LT\xfdK\x0e\n[\x010\xb8e\xecH\xff7\xe0p\xff\xb1\xd7\xd6\x06\xceW\n\x8bV\xc3\xfb\x0e9FZ\xb0\xa9t\x87|9\xae\xe6\xb5\x0cjM\xfc7f\xf7\x03\xedr\xebE\x16\x10V`\xaeD\x05\xd2\xd8n!\xc1\xb9\xea(4\x07\xac\xba{Y]2\xfe\xa7\xc3\xf3\x95\xff\xbb\xa0\xc7x\xb0\xcf+\xbe\xaa\x14uh3Z\x85\xd6\x04a\x98E\xd8\xc7\xae\x86\x98\x9e\x95\xb2\xbf\xfb\x7f\x10\x93H\x99R\xde\x9e\xf4JM\nT\x8e\x8a!# \xf1o\xf2qV\xd5b\x12\x86\x19\xc0\xfe\x8f\x04si\x97D$\xa7\xc5\xb6\n\x15\xc7d*\xc2\xc2\x07x\xdf\x10x\xd2\x0b\x9e\xe2\x86\xab\x80]W0\xd4d\x9e\x93\x00\x0c\xce\x99{\x9c\xee\xa3\xfd\x19U \x88^\xfa\xcdS}\xcd:\x8b\xc7\x07\xf6)\xc3\xb6\xde\x8c\xa7\xf2;K(\tp\x88\xb4\x8a]j\xce\x82\x1f\xd4]\x82\xb4\xe4~\xeb\t\x91\xce1O\x16\x85\x9f\xf8\xfd\xa2w`\xe7\x9f!\xb5\x87\xbe3&lt;\xc2+\x9f8\xd3\xfamqgC\xfa_\'j!\xb8H\x98+\x12 o\xbc%\xec\xe4w\xa0\r\xec&lt;\x081\x1a\xda\'`\xcc\xdd\xc7j\xc8 ][\xe3Y\xae\x8e\x99\xc0\xa5&gt;B=\xdd\n\xf55\xe8\xe4\x05\xb2\xebg8\xec\x8d\x1c\x15\'\xa16\xce.\xfc\xf4(L/[\xe7\xe9#\xa1\xab\xa6\xd7\x0b\xdf\xd9\x18\xb1{\xec\x91\xa1!\x08\xf8\xd2\r\x06l\xdb\xb1\xe1 \x91:\xd3\'\x87\x16\x15\xc5\x8d#\xb4\x8a]\xaf\x05\x8d\xd4\x0bdv\\k\xc1L\x94V\x08\x91\xe3\rQlm\x95\xe1&gt;$\xe9\x98\xf3\'\x9d\xac\x96\x80L\xa5;\xa8 \xf6\t\xe0 \xde=P\x15\x8c\x87zIN\xce\x02.\xce\xa95)\x8c@\xc4\x19\xff&lt;\xa6\xc9*\xe7v\xad\xc1\xc2\xacm\xe4\x93\xf0\xe9\x1cqnke\x8b\xb1\xb11e?\xf0z\x0b&amp;\x13\xdf\x96d\x8f\xc9\xcc\x8f\xa6\xdbz\xf7\x91`+\xb1s.d\xb2[uN\xd8\x058\xe8\xe4\xffwd\xf9\xc35\xbc\x15\xde\xca\x16\xa0q\xd6\xfd*\x1a\xc5\xa1\xd9\xce\xb4\x91\x00`G\x9d.\xdd\xe7\x05\xfd\x18\xe7\x07\xe2\xec\xdfa\xda\xc7\xbd\x87&amp;\xa9],\x9a\xab\xb1\x84\xc4\xbd~}\xf9\xb1\xa8\x93Q\xdd:\xda\x83\xa8j\xe3\x0b\t\x13\x8b\xcb\xf4\xa7U6\x98\xf4v\xc25\xad\x8f]\xc9\x9f\xb0\xf3\xf7&lt;\xbb\xf6\xba#_\xaa\xacK\x01\xfc(\x0e^\xdc\x1c!\xaaS\xde\xab\xd6:"e\x9e\x1f\x05\x95\x16\xf0\t\xdd*\xa9N\xd0\x16\x11\xc5\t\x07\xc17\x1d\xbc\x91\xbfl\xa8\xd9Z+\xfe\xb9_\xe8\x81\x12\xa7axfTs,\x98m\x14VI\x05\x94\xb2K\xdd9\x0e\xa7\x96\xd5\x888F\xd7\x15\xb3\xaa\xcb\xd3T\xc5\xac\x13\x8dR\xaf\x16\xcc\x06a\x0f\x15\x94\x9eJ&lt;no\xb9\xa1\xe8\r\x89\xf8w\xdcZ\xfb\xceW\xee_\x1d\xc4\x06Rqy\x8e!\x10\x0c\xc3H\xbd\x8e\x9eC\x0f\xddt\xbc\x0e\x98zh\x8dq\xe5\xbb\xeao\x8f\x0c4\xe8S\x1fq1!!q\xf3\xcc\x87\xe5X\x83)\xf69\x1e\x84 \'\xff\xe7\xbd\x87\xd9mh\x16\x01\x1d:t\xc3N\xd5)\x83\xc7\xf1[\xbd\xa1y\x8e7\xf7)\xfe\x9b\xea\x0e\xeb\x1f\x96\xf8\x1f\xa5Q\xe7{\xe8\xb3u \xae\xc8\xd5"\x0e\xac\xa9\xffd\x18\xda\xb3\xb7\x85\x81\xb1\x9e4$&amp;$\xeeL\x05e=k\x9e+\x13\x8c\xe3~\xd7\xb9\xe9&amp;/_\xea\xabLh\xdc\xee"\xcb\xbc\xd8\xa4\xfb\xb0\x9d&lt;\xc2U\xd9M;1\xcd\x1dsM\xe1\xb9\x1do(M\x17|\xba\x9ewH\xa4z\xa3\x80L\xb3;uK\xab\x8d\x94\xee\x95\x9a\x9ad\x9f\xa1\xdf\xfa$\xa0E&amp;)\r\x11\x1eZ\t\xa9\xfb\x0c\xf0\xc6(m\xd6\x89\xd3\xfcQS\xf4\xea,n\x9c\x0c\xe6\xc9\x0f\xf5\x0c\x04\xba\x1c\xc5h\xbd\x17d\xd6&gt;\x9cW\xda\xabq\xfd\xa6\x16\x87\x0c\x1f9t\xa4\xe6 \xcd\xac\xb7"\xb3\xeb\x08=\xa8\xcf\xa0\xd6\xdfIF\x8a&gt;\x84\xb8E\xf9\xac\xfa\x95_f\tz\xb9\xd8\xc9\xbcs\xc6\x04\x08\x88\xf2\x11\xf6\x96\xf78\x8d\x01\xa3\xe9\xb5r\x82\x8a\xe8.\xb6\x98\xf0r\xe9\xa1\xe5\x9a\xd4]\x9bC\x8c\x05\xd1\x15?\x00\x83+\x08A\x99\xe4\xe6$\x83\xe7\xd5\x07&lt;\xa1\tl\xff\xc99n\xf5\x84\xf1\xbedr\x93\x94\xf9`\xd7\xd8\xe3\xe1\xac\x0f\x1eq\x02W\xd9F\xf3\x10\xe7\x08\x8f]\x8eG\x11\x987X\xb0Q\xc9\xa3\xb8I\x8d*RH\xd0\xd5g\xb9\r\xee\xb2\x03\xb6\xac\x9bfe\xeet\x94\x8b\xf3\x96h\x981\x9f\xfa\x1e\x02\xb5Nd\x10\x90\x8f\xe2.qs\xc4I\x08\xc8\xbb\xe6n\x9dl\xa3\x17\xfb\x05H\x9c"m%qvM\xe7\xf8U\x85\x81\x06\x81\xc6"\xf9\xc5\x1bu\x18\xfe\xbfp\xab\r\x8d\xf5\xc3\xe9g&lt;(\xc9\xa4~\x8982\x01\xf7\xe0\xf5D\xc0+\xebY\x13\xfb\xeb\xf5\xc4\xc7\xfeI\x08b\xc8V\x10\xe7p\xa2\xca\xbb\x13n\xc7]\xb3\x98\xe2.\xa4\xcf\x8c\x9b\xd4\xc1\xcdm\xe9\xab\x96{\xc5P\x80\xee\x99D\x11\x9c\xcc\xb2%!zWr\xfa\x9c\xf6b\xa3H\x83\x06\x15W&lt;\xc1\xfe\x01\x012\x94\xeb\xfe\x1e\x89\xde\x0f\xa4\x1c\xd7^\xc2\xd3\xa3\xc9\x82w\xa1]Q\xc6\x08\xd6N\xea\xe1r\xf9\xa3\x88[tW\x01\xba\xd552\xbf\t\xccLlJ\xba\xb73WJ\xcb\x8c\x83J\x80\x16\xd1\xf93\x8bNB\x93\x93\xa6\x99\xda\x1d\xbe\x19\\\xa8\xa6\x04\x87\x15/K\xe7\xde\x07\xfbR\x8f\xcc,{:\xa6\x07\xa0\xeaT\xfa\xfe^\x99\x0b\x0c\xd4IV\x896h\xd8h\x8am\x1f\xca\xbb\xf0\x86K\xc2\xa5(\xfc\xc9\x01\x9eQPp\xe7\xe8\x92\x10##u\xbc5\x04\x93#\xa5\r\x17\xae\x86\xec\xbc\x9e\xa3K\x18B\x9ff\x18\xd2\xab\x18?e\x9c\xf7\xdc\x08\xa2~\x86\x0e\x0e\x80\x1a\xe1\x8c\x1fM\xd6\xb5\xa4q\xd7\x05r\xc3b\xf9\xdc\xa7/\x05{4s=f\xc4\xe4\x8c\x11u\x96\xc8\xa5\xe9\x8d\xd1\xad\xfa\xf2\x1a,B\x84n\xea\x05\xa2\xc1U\xb3H\x99\t\xe8\xf5#\xbb\xf0&gt;w\x95\x8fwqe\xbc\xac\xd0\x9c\x98\xdf\x14#\xa2\x11=\x8f@\x82{*\xa4h#m\x13_M}\xfe,r\xfa\xfbaST\x9fQ \xa8\xae\xe2\xa07\xd5~\xb1\xbb\xd3\\\x8a\x15\xe8]\x04|H\xbb\xe8\xf1\xde\xad\xf2k\x15\x17\xd5\x89\xd5L\xee\x8dv\xc7\xa4\xfc\x04\xd5\xa3\x10z=^\x1aZ\xe8\xb8\x82\x9c\xeb,~\xcf\xb0\xba}\xe9\xa7\xf4\xa9\xc0\xe6\x80\xf8b\xa4\xdd\xdf\x01\xd2\xc1@\xda\xbf\x91\xa1\x06\xfc\xca\x05\xf3\x08\x03\x89\xdf\x08\xa7\xc7T\x95\xa1g\x0eT\xc0pRH\xe3\xf2\xe2.\xf9=\xa7\x95\xe6\xef+\x8a\xdat\xdbx*\xc9;8\xdd\x8d\x88\x7fC%\xef\x119\x04\xf6\x07\xa8\x08\xfe\xb1\xd7\x95\xfa\xfd\xae%\xe7\x8c\x03\xe2\x8d6\xc3q\xaa\xef\xb8\xf0B\xa3\x14\xd8\x12\xabv\xec\xa9\xe9@\xa2c\xc5\x05\xfbm+\xf8\x15\x9f\x1dc\xd2T\x97\x124Y\xdb\xe4}(\xf8\x8c\x8c$(\xaf\xaaVGii\xcfS\x1f\xd4=ul\xf6&gt;\xd3\x8a\xe5\xaa\xa7x-\x19\xb7\xf3\xe3%X\xab\xd1\xbe\xd6\xbc7\xbb\x89\xad\x8d4\xb5\x93\xe2\xab\x0b\xcf\xbb\xe8\xd0Of\xe7\x8d\x13\xd2Ej\xb8~\x11v\xcf\xac\x9bs\xa6\xbd\x91\x0f\xc3Q\xf0\xd6\xe01Db\xa9C\xa0\xbeu\xbc\x9b\x8c}\xc7\xb5\xdf\xe1\xe1z%ZH\x06\xd9^\xcd\x87\xe64b-D\x13]L0\x9f\xf9\x80\xd5\xf6:\xfc\xad\x045\xcd\x859\x17K"\xffR\xb0\\Z\x0e\xf9\xe4O$s\xafc\x19Y\xd9V\x8c\xdb\xfdx\x92\xb8\xf1\x19\x1e\xf9v\xaet\xc70\x99\x8b0R%!8\x99\xf3\xe6\x1d\x8b\xbcN\x84\x08\x92\xfcC\xea\x18*\xe3\xd6\xcfda\xd9\xf4\x82\xc9o\xca\x19\xdb\xf2\xf3 7y\xf2I\xe7\xa2\xe4X\x8e\xaa\x99\xd5-\x81\xfd{N\xc3\xc9/B\x86.O\x92\x15\x13\xdb\xe2\x00\x92\x86(\xf1\xd3k(s\x89B*:0\xbb]\xb3\xd3\xfc\xe2\x93E\xe0\xc2\x94jE\x96\xdd\xe1\xc2\xaa\x99\x1e\xd5\xfb\x81\x97\x02\xb1I\xd2\xe0\xccw\xec\xd8$\xf7\xe7\x0f\xd6\t\x15\xf0\xaf\xbatQ\xb8\x1c\xf9\xb5\xd8\x07[7p\xd5\x10O\xa8\x0f\xfa\xb3\x1bx\xf3?B\xf7^j\xcc\x10\xa6\xd5\xf4L\x9d\xd9?;-\xd9\xe4&lt;\xdf\xabG\xd8\xa2\x83\x1f\xc9\x8f\xfd\xad\x8eH\xea\x11\x8e\x1a\xebR\xdb\x8e_\x8c\x1d\x07\x92\x14\xf9\xd3\x9e\x81`\xc2p\xbb\xdc\xe0\r\xaf\xf0\x86\'\xdc\xb4\xef\xeb\x0ch\xb3\x12\xe40\xaa\xaf\x88\xa0\xa5!\x99J\x8bg\xc8\xd6l\xe0%\xd5\xd9`{\x83\xaa\xef?\xf1\xa4\x085V&amp;c}\xfd\xeeR\x13&gt;\xefq\xe2\x17\xba\xef\x18R\xf9J\xcd\x87.\t\x06bJ\x83-a^\xa7\xee\\\'\xd1p\xf9]Pb\x1a\xaew\xa5X\xa2\x04\x008q\xbd\xd8\x8b2\x87\xc6\x92\x9c\xff\xe0\xdd\xbar\x03\xa6\xe11\x1b\xa6\x8c\x05UT\xc2\xf5m\x01\xe9\x9b\xbbB\xa8m?\xf0\xde@#y\xd7FE\xe7\x021/\xaa\xf7\xd4\x1a\xe6BB\xbfD\x8e\xa1\xfc\xd6X\x0e\x90\xc0\xb8\x15\xe6R\x18\x08\x08\x95\xf0\xa8\xeek\xf0\x1b\x1b\x07\xaa\xae\xde\xa3\x14Y\x96_FP\xeaz\xa7\xf6\x06\xe61&gt;\xd3coR/\x0caw\x02\xf3H\xf4\xf5\xd0\xf8\x93!!\reWO\'\xc1\xe9\xa2P87\x9d;|\x01\xe1\xbbR&lt;\xa1Y\xda\xba\xc8t]\xfb\xaa\xd9\x91x#\x95Ckg\xd5\xf3s\xff\x0b\x95\x9d\xebw\x19t*\xce\xe8\xba-\xc8\xd8[\xd9\xa8t\'\x1e3\xb7\xa8Z\x86\xbf\xc9L\x0b\x1b\x0eA\xc0\xad\xc4%\xbd\xdc\x0c\xc9\x86\xadk\xd5\x80[\xb6s\x90+\x04\x039%L\xfe")\xfc\x02?\xcdJ\xbf\\_\xd1\xaf\xd8\x99\xab\xd0\xa0\x1e\xdc\x13g\x9eJ\xe7\xf8\x1b\x1a`L\xaey`V\xb4h\xf1\x7f/\xf9O%!\xfd\x96y\xd1\xc8\xbe\x0ec~\xe2j\xdf\xd2\xf7\x13\x89/~\xe5B\xb6\xdc\xa4]9\xeb\xb8\xe6\x1c\xde\x91\x95\x84B\xdd6\xd2w|\x9f$\x89\x08}\xc1H\x1cb\xf9\xfe\xf9/\x8a\x9c\x8f2\xda\xb5\x86\xd7O9\x99._\x0c\xf3\xa9\x95\x8aU\xbb\xees\x83\xe5\xdd\x04xV+\x9a\x16B\x13\x0c\x06\xef\xb6\xe2\xd2\x8b\xc3J\xd5\x18)n\x92\x9cXD\xaaK\x05\xb2{0\'\xf3\x8d\x8d\x16":\x9e1m\xe7 \xcf:\x9a\t\xdf\xfaCt\x8c\x94\xaeo\x06T\x14w\xec\xee}\xd6\xc1\xc1\xca\x1c\xfd\xb0\xf9ZL%ND=\xf9\r\xbe\xc2\x9a\xb8\x01\xef\xfb\x91\xc5L\x80\xa4o\xfdqG\xdb)\xb9\x86h\x9b\xa3\t\x9c\x9bx\xf0f\x94\xd2\x82\xcb\xb7\x05.r\x15\x8a\xc7\x9d\xfb\xb3\xe9\xbce\xcaVMS\xc9\x16\xc9\xc9\xc6\xde\x84\'\x89j\xcf\x1e\xfe\x1bd\x02!\xa0\xe1\x17\x97`\xb5H\x1d\x896\x8f&lt;u\xab\x90\x8e\x0e\x9c6\xd4\x03\x07\xb5vt\x17\xfd\xcfc\x93\x08\xef\xcf\xfa\x1f\x085iy|G\x85\xf4\x10\x04\'\xc9;\x17hF\x94A\xc2O\xe5f\x0b\x9f~\x87n\xaeP\x16\x13\x91.\x87\x84\x85uG2\x1f\xe3\xd77IY\x06#\x06\xfaaP\xe6\x93h\xd5\x8avk\x1dAt4\xf9Fy\xa7c\xc4\xae\x82\xc1\x1e$`]\x06\xa1\xd9`\x16\xe9\x9c\xce[\xce\x8dS\x16\xa6\xe1\x80`!\xfe\xd3e\xd1\xe7\xb4\x1d\x12^\x1a$_)\xb4#;\x195\x8b\xb22j\x19R\xd6\xbel\xec"\xf5/\x0cPv\xa2\xca\x07i\xbf\x130\xa1G\xb2\xd0\xb4K\xe1\x14\x05I\xce\xa7e\xea\xf9\xefd\x7f\x0b\xe3\xa2.J\xe3!\xb5\xe2A\xe9\x11\x82I\xd8\xc7\xe4\xa6\x99o(\xff\x03\xcao\xa1\xe1o\x86K}\xce\xd3\x06\x003\xb0\xe7C\xdc\xc5Q\x98\x03y1h\x8b\xb5H3\xf3_e\xd0W\xb2\xc2\x9e-\x02xN\x0fp\xb6\x8c\xc8\x8d\x8c\xaa?\xcc:\xb30W\x0b\xcb\xda\xf2\x9b\xb9\xc0C\x10\x8f?|\xb6\xca!X\x9e\xc4\xd9\xb8\xf3\xb8\x99\xce\xe5\xd1\x10\xbaGo\x97@X\t\xbe?\x8e\xd3\xee\\)\xa2\xca\xfc\xf0,\xb0\xf9\xd3'</t>
  </si>
  <si>
    <t>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</t>
  </si>
  <si>
    <t>b'\x84\x0c?4\x98AF\xe8{\xe8U}\x80\x07\x17\t'</t>
  </si>
  <si>
    <t>ntry is small, a tariff it
 imposes cannot lower the foreign
 price of the good it imports. As a
 result, the price of the import rises
 from to and the quan_x0002_tity of imports demanded falls
 from to . D2 - S2 D1 - S1
 PW PW + t
 However, there are two problems with trying to calculate the rate of protection this
 simply. First, if the small country assumption is not a good approximation, part of the
 effect of a tariff will be to lower foreign export prices rather than to raise domestic prices.
 This effect of trade policies on foreign export prices is sometimes significant.
 The second problem is that tariffs may have very different effects on different stages of
 production of a good. A simple example illustrates this point.
 Suppose that an automobile sells on the world market for $8,000 and that the parts out
 of which that automobile is made sell for $6,000. Letâ€™s compare two countries: one that
 wants to develop an auto assembly industry and one that already has an assembly industry
 and wants to develop a parts industry.
 To encourage a domestic auto industry, the first country places a 25 percent tariff
 on imported autos, allowing domestic assemblers to charge $10,000 instead of $8,000. In
 this case it would be wrong to say that the assemblers receive only 25 percent protection.
 Before the tariff, domestic assembly would take place only if it could be done for $2,000
 (the difference between the $8,000 price of a completed automobile and the $6,000 cost of
 parts) or less; now it will take place even if it costs as much as $4,000 (the difference
 between the $10,000 price and the cost of parts). That is, the 25 percent tariff rate provides
 assemblers with an effective rate of protection of 100 percent.
 Now suppose that the second country, to encour</t>
  </si>
  <si>
    <t>b'0D\x02 \'\xaaa%\x9f\x069\xc84Q\xa9?\xfa&lt;B\xd0Dr\xc06\xb6\xd5\xc5\x93\xcf\x9a\x01\x0bZ\x97~\xdb\x02 "*~H\xb1\xb0\x97\xf6\x02\xef\xa3\xaf\xa7mf\xdd\xfcG\x11\x90\xa7%\xe4~\'\x0ei\x19%\xc7\xa8\xbf'</t>
  </si>
  <si>
    <t>3044022027aa61259f0639c83451a93ffa3c42d04472c036b6d5c593cf9a010b5a977edb0220222a7e48b1b097f602efa3afa76d66ddfc471190a725e47e270e691925c7a8bf</t>
  </si>
  <si>
    <t>b"0D\x02 '\xaaa%\x9f\x069\xc84Q\xa9?"</t>
  </si>
  <si>
    <t>the early empire Rome is the only mint for denarial coinage.
The purity of the gold and silver was maintained for a time, but eventually the silver
began to slide â€“ at first slowly, then more precipitously. But the extensive analyses of
Walker (1976, 1977, and 1978), which seemed to indicate frequent and subtle
manipulations of silver content as well as an over-tariffing of Roman silver vis-a`-vis
that of the provinces, have been called into question (Butcher and Ponting 1995),
and new analyses will have to be undertaken. The slide in purity is accompanied by a
slow erosion of weight as well, but in fact the silver coinage remained remarkably
stable for a very long time. The debasement of the so-called â€˜â€˜antoninianusâ€™â€™ in 215
Roman Imperial Numismatics 37
CE was temporary, and it has been doubted whether the coin, which weighed
1.5 denarii, was really tariffed at two (Carson 1965); the two denominations are
hoarded together from the beginning, which is counterintuitive if the silver of one
was heavily overvalued. In its first incarnation the denomination did not survive
Elagabalus. Its revival is the only legacy of the ill-starred Balbinus and Pupienus,
and this time it spelled the end of the denarius as the empireâ€™s principal silver coin.
The denomination, which had been introduced four and a half centuries before,
disappeared virtually overnight from the hoards and remained only vestigially as a
unit of account. The period after 240 CE was one of rapid debasement and genuine
cynicism: even as he was striking the coins of the â€˜â€˜Divi,â€™â€™ the emperor Trajan
Decius was allowing earlier denarii to be overstruck by antoniniani, thus with a
blow of the hammer doubling the nominal value of the silver. The silver content
seems to stabilize, albeit at a very low level, during the lifetime of Valerian; but by the
time of Gallienusâ€™ death it had fallen to perhaps 2 percent of a shoddily-produced
antoninianus.
There is sporadic evidence for the operation of provincial mints coining denarii
during the second century, but oddly the permanent establishment of eastern mints
can be traced to the usurper Pescennius Niger (Buttrey 1992). It is clear that his two
mints were at Antioch and Caesarea in Cappadocia, and Antioch continued to strike
denarii for Septimius while the identity of the latterâ€™s second denarius mint is
uncertain; Caesarea itself reverted to the manufacture of drachms. From this point
on Antioch is a major producer of Roman silver coinage; the overall identity of its
types with those of Rome makes its output difficult to identify, at least in older hoards
published without full illustration. The mint undergoes a hiatus in production in the
early 250s CE owing to the cityâ€™s capture by Sapor I; by the time it resumed coinage
other mints, both east and west, were in operation. These can be distinguished on the
basis of style and of officina-markings, which were introduced under Philip I and
became regular on the coinage of all mints by the sole reign of Gallienus, never again
to disappear.
The debasement of the third-century coinage was offset by a huge increase in its
size. The expansion was made possible by the proliferation of mints, which must also
have speeded delivery of coin in response to local demand. The officinal coinage was
widely imitated and had a rival first in the coinage of the â€˜â€˜Gallic Empire,â€™â€™ then in the
issues of the British usurpers Carausius and Allectus. The â€˜â€˜reform of Aurelian,â€™â€™
which occurred in the context of the â€˜â€˜revolt of the moneyersâ€™â€™ at Rome, altered
the tariff and improved the appearance of the coinage (Crawford 1975); the fineness
of the â€˜â€˜aurelianianu</t>
  </si>
  <si>
    <t>b'Wp\xf7\xb9L\xf0\xc2\xeb:\xfe^\xb4\x96\x1d\x14-\x03\x10h\x17\xc9g\xed\xa3\x8f{\x11\x830\x99t\xcd\xd0;BG\x8f\xd1S\xd7F\x9b\x04\x05J\x94M\xc2#\xce\xe5h0"\xac\xfd\xe9\x15l\xfdX\xf0pvN\x90&gt;\xb0\xb3C\x9a\x1a\xe7n\xcf\xe2\x16\xcf\xc8=\x9f\xec\x0f\xe9\x91Xb\x07c\x9bJ\xcc\xcd\x01Vz\x92\xe1~\'\xe4\xe6t\xf0\xad\xd0\xf4\xf2h\x15;J]sV\xf9\xac\x94\x1928\xcco\x8a\x00\xdf_\xd3\x95\xddH\xd5\xd7\xfa\xed\x96\x06\xa83\x99\xec|#r\xc1\xaeFZ+\xa2TAW\xe0 \xc6\xd1\x86\x18\xf8\xc7\xe6\xb4\x8e"!\xea\xecc\x01)% \xa9\xe5\x8d\x91\xa6\x1e\x06x\x87\x1f\xf1a\x96\x85q&lt;\xc0\xfd1\xf7\x99\xf6%Z`\x041\xd1\xca\xa2\xf1\x86\xb6 \xfe\xbd1k$a\x91\xab\x9a11L\xd8\xca\xed\xc5\xab\x11R!\xc8\x065\x98fz\x93\xc6m\xdd\xd6B\xff:d\xe2\xd9\x9dxK~\xd9\xb4\xe85\x03\xea\xd00=q{!\x86\xd2\xcc\xbfO^\x0b\xb5a\xc1+\xa5S\x8e\xf4\x10\xa7\x1bIN$,\x9e\xac(\x11r\xf8\xd5\x07\xa5m\x8b1Jf\xba\r*\x16\x9d\xef\x87\xae\x08\n\xf4\xeeMV\xae=V\x06Z\x16k\xca\xff\x02\x14\xd8e\xee\x1azk-\xec\x1b\x01\x88\xe2\xdf\xdas\xf9\xd4\xcf\xc8\x96e\xd0\n]\x1a\xba\xdf\xd6|\x00\x08Gq\xcb\x10\x98\x0c\x98\x0e\x9c\xfd\xd9\xc4Z\x81(\xcb+\xd3\xcb\x14\xa5\xb6(\'\x9aEQ\x1dJ=\x8e\x86\x12\xf3F\xec|\xda&amp;\x1b\xe7\xaemmF \x8cGKWb8.\xdaN\xfa\xad \xccv$\x0f\x05\x1b~ \x861\x13jE\\\xd4\x1ag\xf6S\xc4p9\x83\t`\x89B\xd7&lt;C\xcdE\xf5\t\x1c`U(\xd2\x99\x93\x92@\x13\x13\x94m\x9a\xcf\xe1~\xae\x86|\xc9z\\\xaa\x0el[\xeb\n\xdd\xb06][\nbsmsB\x91\xf3\xc5:\xb0\x9a\xfe\'\x0c\xc2\x13C\x9d\xbdd\x1dc\xfe\xd0\x93\xd4\xe1\x9b\xc2F\xa6\xef\xe9\xf6\xd4\n\xff\x87){J@\xfcm`\xf2\x16\xb6v^\x9f\x98a&amp;\xaaEy\xffR\xa2\x85\xe6\xaa\x91\x1d\xe5\xf1\xf8\xfb^FU\xdb\x18\xb9\xc7\x00\x89\xc5#\x17-\xben4\x18y\xf8\xf5\xee\xf5_v\xf2w\xc2\xcc\xe3\x81\xb4cKz\x8a\x85z*\x1d\t\'&lt;\xbb\xd2\xc9\t\xc7W\x8d.N\x14:!s\x0e\x17\xf6\x8cO\xd2\xa9,\x86\x0b6\xef\xe7\xeeR,\x97\xc1p/\xf0b\xae[J\x81\x1d\x91r%\xea\r\xc3:\xeazq{\xb5bW\xf0\xbd\x9f\xd3z\xce+E7\xc2B\x9e\xcauT\xb4\x020)\xd2\xdb\xd3O\x02h\xc7\xa9ul^\xf7N\x0f\xeb\xf6\xb0o\xe1|\xee\x120\xca\xae\t\xd1J\xdfM\x1f\x925!3\x14\xc0\xcf\\\x9b\x12$\xf69\xc6\xe27\xe3\x0f\x1a"W\xf2\x03)\xdf\xa8\x8c\x9bS\xc0\xac\xe8\xec\xb7\x1e\xda3\xfe\x03NV\rhb\xf57\xefU\xcb\xbf\xe6\xfd\xff\xff\xc1\xd6\xfa,RwB\x94\xd1\xea\xc4\x1b\x9e\r\x17#\xf9\xdf\x80\xef\x0c\xea\x8d6\x8a\xafp\xa6\xa1Y`\x96R\xd3\xfbZ\xeeBe6K\x98\xf5M\xe7\x0b\xae_\xd3\xd5\xe6"\xcd\xc0\x8f\x05\xdf\xb0\xd1\x19\xa9\xd1\xee\n\x82&gt;w+\xab(\xf0\xfdA\r\x1e\xd3^\xba\x8al&gt;\x80\xc7\x0c\x94\xff&amp;\xad\xb2\x9d\xa7\xac\xb8\xb3\xa9\x9b6\xb97\\CL\x16FJ\x92\xcfH\xf9\xe3\x901%J?\x84]\x9a!\x08-!\x04|\x1b\x08\xad\xfc\xf8m\xe8\xf4\x81*\xe9\x9b\x7fW OJ\xad\xbfo[O!\x8b\x04\x0c\xf4F\x0e^\xc6\xf8B\xc7\xd4!\xca\xa98m\x95\xa9\x80\xc2\x06o\xc9y\xe4\x82\xc4\xb2T\x1d\x1c\x95\xcd\xb7\xfe\xdcN\x8flWw\x9a\xa7c\xa2\x8fZtSr\xb9B\x16D\xeccG\xe3@\x13\x98\xe4\xbe\x81\x8b\x83"\x14D\xd8\xa6\xbf\x1d=)L\x0eK\tY\x1f\r\x8b\xa4\x846M\x16\xdc\x1c\x8a\x9e\xdcutY(\x87\xff\x8e\x99\x8bEa\x8d\xf3\xe8\xc3\t\xcd\xc8\xb8\x1b}\xf7\xbfw\xdd\xef\xa3\xf1|\xfb\xd8\x98lA\x8b\x1e\xbfj\xcf\x89$~\xac\xfbG\xbe\xf5\xf6\xda\x19\xfe\xf9\x1elF\xb2\xc3^\xeejg0s\xcd\xa5%\x01dj!,\xa3\xb0\xadh&lt;g\xbc{\xfd\xc2\x08U)\x1a\x8c\x8f\x81k&lt;\xb5\xfd\xed\xc1U\xcf\xf3\xc2\xdcR0\xf9\x02jr#\xf1^\xce\x1eo\x16k1\xeby\xad|\xb3\xdbs\xce\x90\x99##\xf4\xa0/\x00\x0e\xe6t\x88\xc2t\xe2\x0c!\xbc\xbf\xa9\x9f\xb8,i\xadm\xc9\x88M%\xa2\xf0\xb15\x1a\x15\x9aP\xe3\xc6^\xc3\xe8&gt;(\xfc\xa5C\x91Ea\xb6\xb6(X\xb5\x90hy\xf2\xf0.\x9b95\x0b2\xfa\x157vQ\x8b\xde%\x1b`,\xa2\x02\xb1x{W\xf4\xd2\xd5\xeba5\xd2\xea\xb7\x80/\xf0\xf6\xc7\xbc\xd7\xce\xed\xae8\xc8"Q\x82\xe6Rd\x96I\xa2\xdb\x7f#h\xbd\xef\x15\xc7g3\xcak\xee\xda\x83\xbc\x82\x95\x15\xc4kO/\x05V\xe8\x8e\x86\xe7\xa5\xbe)p\xcas\x12\xa5\xc8\xd4\xe7\xad\xd5\xe1\xc0\'\x97\x10\xe2\xa6R\xe3M\x0fQq\xca@\x0b\'Q\xcd*h\xb4\x88\x12B\x82\xd6Y\x9f\xf5\x80\x12\n\xbf\xee\xe3\xa1\x86\xa5\xe9\xc5\x98\x11@\xc2\xf3\x824\xe3\xe9\x1e\x07\xdfs\xa3\xf0h".\xc7\xb6\xe0\x9e_\xa5;\xcb\x87\xccb\x01\x17\x99OV\xb9V\xc0}\xb6Oc=(\xdd\xe1\'\x02f\xb8!a\x1a\xf4\x1d\x8f\x8c\x11\xfaU\x06\xed\x88#2Fp\xea5\x0c\x89\x90\x0fz\xf3\xb2\xda8J\xbbp\xe4}k\xc5~&lt;I\x12\xb6\x9191gK(E\x8a\xe9\xee\x8e#3\x877\xb2\xafdGa\xcc\xf2\xf3\x94\x99\xf4\xdcDs\'\x02\xb1\x0bCP\xf1\xbb\x12R\x1f\xba\x97\x03\xea\x97\x1e\x12\x04(B\xf7b\xabw\x816\xfd\xb8r\x1e6\xda\xcev\x95\xea\xc8\xcc\xd6\x11U\xef\xa6l\x80\x82\x0c\xaf`\x10\xfc\x8a\x86\xceq5M$Si\x1c\x96\xd4\xcdm\xfc\x9c\x1a\xa1\x07\n^\xd1G\x01\xdc\x17Mv\xeaH}\xb5T0\x85\x03\x8bB\xab\xd0\xf0\x17,\x97[4GY\x84\x8f\xfe\xc9\xb2\x8f\xf4\xc9\xc9\xde\x0e\xbb`\xd0\xa3\x8a\x93\xa2\xe1s\xb0\x83\xa9\x8e\n\xe6mh\x9d\x10B[G\xe5\xd9;0\xf6\xf7\xbc\xd1\xe6\x95\xcc\t)\'n\xady\x92v\xc1{\xbc"`\x9d\xb0\xbf\x0b\xbd\x8b\xae\xe6j\xadE^T\xc3/\xc3\t\x87\xb6\'1\xa6\xfb\xccr\x062\xb5\x7f\x84\xc6\xf5\xcc\xdc\xb1\x90\xa3@\x7fd@\x86\x9c\xdaM]o\xb0\x18.\x82\xbc\xfe\x7fu8\x89\x14\x0e"j\xf0\xd5rq\xdb2{\xb4;\xea^m\xbb\x87rj\xe0\x80\x84r\xf8\xc8\xbc\xbe\xb8J!\xf1b\x9f\xbf\xf1\xce\x1b\xa0\xe5;\xb6im\xae\xa0\xf6\x89\x1c\xd3i\xb3\x82\xa7\x9a\xdfh\xc1{\x1bn\x93.W\xae8\xb2\x18Pb\xa4\xa4\xc6\xf8\x82\xb0\xafp\xb5w]\x94}\x7f\x7fw\xf7\r\xffh\x19\x89\xa7\x1b\xe0R\xca?T\xb6 +\xf3\xfaV\xe0\xac\x08\x8e\x00\xedd\xa4X\xd42#\xeb\xf5GC\x9d\xfc\xa0\'\xb8+\xd8\xe8}!\xce\xf5\xf8\xa8\x7ft\xd2\xb8\x184V$\xfcws\xb5\xae+\xc7R\x18[#\x9fB\xca\xbe\xee\x8cwE\x9a\xff=\xd3\x16\xc7\xd0;\x14F\x12\xd8\xf2\xb0(L]\xec\x01\x98\xca&gt;\x8c\x0c&gt;M\x96\xf5\xd8\xe0\x1f\xe8\x06H\xaa\x00.s\xb8\xbb3\x1f\xb4\xe4\xa7\x97 \xcfZr\xe2k\xb3\t]\xd3\xf5\xca(\x17\x15}\xac-\xad\xa1\x81\xd3] \xed\xa1|\xfcc\xe5 S@\x80\xee\xf8\x930\xc4A?s\x11\x89\xdf\xb4\x8fYm\x15\xb10\x89o\x95c\x1e\xbb?\xb6\xe4\xd7V\xc9\r\r\xc3\xbb\xf9v;F}?\xf2\x91_\xa5\xb6\xd8\xd8o\x8e\xa6\xfe\xc6MW\xb4QU\xbd\x0f\xee\xcb\xc0\xf0\x92\x0c\x87\xae\x0cY\xd9z\xa3\xacY\x98\xe8\x9e\xfe\xe65^\xbczz`\x17\x98B\x0ee\x86\x10\x86\x15a\xfa\xd0\x85:&gt;4\xb2\xe5\xb6-zW\x14,&amp;\x8a\xc0\x98\x94\t\\{\xaf\xb0\x95%\xaft\x80\x85\xd4;\xf6\xf0\xf8\xcc\xa0S\xb9\xab*{sZ\xfe\xbc\xfaP\xa3\x97\xff\xb3\x1d\x8d\xd3\x93a\x1d;Dc\x93\xa7\xab*;\xc5\xe1\x83\xf7\xfc\x88\xb2p\x94\x98\xba\x1d\x8c\xfb\xf3\xa6\x8b\x85\x81YK\x14\x01w\x0e\x7f[\xf9\xea\xd7\x85\x98\x84?\x99~\xd6x\xfd\xdb\xee#s\xc8d$BHfsELZ]\xfer\xa3,\x1ch\xb4\x00\x89\x93/\xa4+X\xbbe\n\x15\xc1\xd0\x86S\xf2&lt;\xa6v\x0e!C\xfc\xe8\xd8\xcaIS\xbd\x16\x07\x8e\xffn\x83\xf5\xfey\xed\x12\xdf\xa3B\x08\xb1\xc1\xd2\x86\xac\xb9\x12\x87\'!l(\xf9\x12\xb0s7\x17e\xe1p\x06c\xcfF\x98\xbd\xcck\x82\x93\xa5t\x9fo\x13{K-\xeajW\x80\xed\xec\xc8\x11\x16|\xaa\xa6DitD\x12,\x1a\x94kqb\xaf\xe4\xf1\xd2\xf5\xd4\x86c\x91$\x8e\x04\xf4\x02\xdb\x1e\' \xe0\xc1\xe5\x93\x05P\x1b\x0bg\xdb\x94\xc5\xedB\xf5cs\xf3a\xef\x1aR\xdcK\r\x9c|\xf1\xfa\xa0\xe2\xa2\xea\x12\x91\xa2c\xc7Q`\x1b^\x02x[\xd0I\xb9\x8988\x83u@U\\\xcbT&lt;\xd4\xd6\xf3\xf8bc\nX\xbe\x9b\x8c"Y\xc9\xc9(&amp;\xc8\x1e\xd28\xd3\xc7\xb2\xe8\x057\x19\xeeL\xc4\xaa\xaa\xe1\xbf1H\x1eT-\xc3\xb9V\xa6\x84du\xb0\x1b\x1b9\x9f\xeb\x007\xa2\xf0\x0e\xb5J\x82"p\xc1_\xe6:\x1a.\x13\x1eI\xa5\xdeh\xac\xb1\x91T];U\x82Cb\xe9DS\xd1\xba\x84\x9b\xa3#`\xbeYEE\xfe\xfa\x842\x02\\\x16_\xf2\xa6_8/\x04;W\'&lt;&lt;\xe8@\x1cg\xa7\x1e\xf1.r\x85\x82\xa2\xb5\xa2)a\xdfi\x19\x05\xb9\xe5\x0b\x1a\x13&lt;N\x03\xa1\xb8\xc6`\x11\x18\x92r\x1e\xdc\xeb\xa2K\x05B\xea\xe2\xa1\xea\xf8\x1c?\nWV\xa3\xc8\xe1S\x90\xf9pB\x11\x90\x9bK8\x02\xad\xf3d\xdf\xa2q\xa1\x10ov;\xeaL\x1f\xa7\x1f\xc1\xd2\xfaB\x14ct\xd1\xb1\xf7\xf2{\xbaq\x83c\x91S\x8a\x8f\x83{g\x04\xae\xb0\xc4\x07t\xb2:z\xd9@\xf1juz\xc5\xc0q\x80\xfe\x95\x11\x10\x1e\x16GX\xf7~H\x8b\x08\xe1n\x9d\'\x01\xaaqU\x01\x14\xe3\x83\xce*M\x9a\xd8\x03\xce,i\xa4"\xefM\x9e\xc5\xa3e\xd8X\xf2/\xe4&gt;\xe7\xe8\xc2\xfd\x08T\xc3\xe5\x85\xfb\'\x83X\xba\xee\x18\x7f\xf5\xf8\xf9\x93\x84\x91\x08\xd54\x01\x07\xd4\x9d\x8b2\x92\xcd%\xe7?|\xc8\x14\xf6\xac\x01)\x8d\xc4\xd1c\x0b\x1a0L\xf0|\x86\xeaQ\x04\xdd\xd1\x8e\x12\xb3\xa9\xb8\xfc\xa1K\xa1\xea\x8cJ\xf4\\?\xbe\xcc\xaa\xf2\x03.v\x13\x81K\x12\xf3\xf97\x1ezc*\\\xd8\x9f\x17P\x80\xc0z\x9f\xba\x89\xf9\x08!\xdf5\xbc{\xe0\x17Hr\x8b\xb3\xff8\xef(\x06\xe2\x99\xb2\x05S\xf6z\x82\xea\xce\x81\x90\x96\xbe\xf0K\x92\xban\x01\x13\xb9\r\n\x1b\xd5\x9d\xe0N\xebz\x9b\xb5\xfd\xd3&lt;f\xe46\xf5)\xd7\xa4^\xfc\xdf\xcd\xd7\x81i\xd9u\xe3/;3\xb4\xbc\x97R\xbf]\x13r1\x12s\xcf\xc1\x19\xdf\xf2*\x86@\xa23\xbb\xd6`\xb6\xb0g\r\x1b\xfbO\xdd\xc3~!pu\xcb\xcf\x10MM\x8d\x98[\xd3\\\x9a`\xaa\xd0qQ\x12\x8bX\x14\xf3\x19\x01.\xf1|\x9e\x98\x05\nf\x7f\x1f2b\xf7Bs\xaf\x04\x8f\x95\xef\x95\x1eugR&lt;&amp;\xb4\xb3\xe0-C\xcc\rzT=W\xcfz\x13\x0c("\xc8#\xd7\xa8\xba\x1b\x0fx\xcd&gt;\x8amhIk\x1an\xc7\x01\xa2_\x04\xb2h\x03\xb8\x8d&lt;wk\x1f\xc03\nu`\xf5\t+\xadU\x1e\x90i\x1b\xe8\x9e\xbe\x02\xfb\xbb=$\xe4\x15\xd5\xbe\xb8!\xb3\xe0\xd1\x046EN\x9f8\xfe\xd0\xbb\xb2[\x87\xc3\xc8\xec\x8e5\xf0\xc4\x82G`\xea3\xcf\x82S\x97$\x96\x1e\x97\xed\xf6\xd0\x17^\x88\x89X\x91V\xcbB`\xad\x84Z\x98\rr\xe8kY\xaa\xf3\xac@\xfb\xd8\x15f\xeb\x94nwZ\xaez7O\x88}\xe4D\x9fI\x9d\x98\t\x1b]\xac\xec\xbcK&gt;\xc0\xf4\xc7\x86_B3=4u\xbf\xbd\xd8c_\xf9\xf5\xe3@\x8aP\xccl!\xde\x14\xc4\xb9i_Y\xdc\x17&lt;\xb9\n\x88\x03\x97\xe3;^\x1c\xf8\xbc\xd1\x82\xb3\x13\xbeP\x8c\xfa\xe3\xa8\xed\xf7\xe4?S\xb3\xd4\xf8Fu\x8dZ!\xc5wO\xc7\x84\xc2Ko]\xd9=\x08\xab\xfc\xcd\xfbe\xc4{\xec\xa1\xd4}B\x98\x15\xc9\xc6\x96:\xbck\x0e2C\x8e\xf2f\xb3\xab\x9bV\x08Z\xe7K(\x9d\xd6\xa0\x94#\x9b\xb8y\xbb\x81CR\tmd&lt;\x9e:/\x8c\x1f\x12\xbeP\x05\x05\xc7MO\xf5\xd9\xf4N\xd7\x1bp/\xce\x8cD\xed\t\x88\xb9!\x13\t\x93\xb2\xc8in\x11\xe4A\t\xbf\xa2\x8a\x8c\x0b\x0f\x18NU\xce\xff}@:\x9d\xc7\x10\x91\x98\x0c\xa9\xef\xb0\x97_\xb6*nZ\x81mV\x91f\xc4j\xf1\xaf\x9f\x8b\x17\x867\xd1\xb0\xf5\x9e@\xff*\x06\x9b\x1e\xe2q^2\xd8\xe5\x96?l\xec\xa7\xd4\x08\xff\xaf\xcct\xec\xea\x11\x98\xce\xf7\xa59\xa5\x9d\x87\x15-\xe5\xadG\xeb\x1b\xb0\xfe\xd8\x05\xe1\xa0u\xf7%?\xe4\xe1$\xbe\xb80y\x8d\x8b\x97R\xbc-\xf4\xbe4M\x1a\xcd&lt;\'\xfdn\xe8\x96 \x1b+G\x84\xb3\xe0\x06\xd4\xf1\x8a\x80\x05Ur\x1c\x82\x89Q\xee\x99\xd2\x81B\xc9\x90%@\x95c\x05G\xde\xed\x14\xc3\xd0\xafT\xa6}[\x16@\x9c&gt;\x02-\xd9\xa2\x85q1e\xd4\x1f\x94;\xb1S`\xe6\xff\xdcQ\xa9J\xf5\xa1\x18\xeelp\xfa\n\xeb7%(&lt;\xddn&gt;\x80_"U1\x9b\xb7e6-\xbe\x11\xeb\x80)&lt;\xa0\xe6\x89\x04vr)\xccK-\x03hY\x0b#\xba\x95\xfd\xa7\xae/\\\xc5\xf8\xc7\x8bG6]\n=\x1e^\xbe3\x98;\x88\xbcwtw\xd0\xc6_O\x9f\x91\x84o\x0c\x95\xfa\x0e\xfc&amp;\xe8\xf3\xb1\xc0\xb5\x15\xf6\xee\xf3\x08\x9fE!d\x80&lt;\xd43GH\xcc\x80\xf26\xf9\x1fs\x97\xbf\xd5a\xe2\x96CV\xf7h\xb6\xf3%\xb1\xafqC\x87\x83~^a\xe4\xfa\xa5\x18v\xa1\xbc\xf4\x9b\xab\xe7a\x05\x1b\xf4~3\xd7\xc8\xdb&lt;"0"\x96\x80Y3\xab\x02\xb2\xf1\xde\x1b\x82\xb2}\n\x07\xe8\x9f\xa2\xc7\xe1Pg\x98\x0e\n\'\xf7\x85\xa92Fd\xf3\xbb\x1fq\xda6\x9f\x15Ts\x16\xd3ki\x80B\x89\xa8\xd3\x11\t\x94\xf8\x061\xa6\x01\xd3\xdc-\xa5\xab\xba\x1f&amp;\r\xf5\xa8\xcb\x8b\xa0\xab\xcf\x1c\xfa:8\'\xff\xe8\xac4\xdaw\xec\xfe=\x86\xe8\x1d\x17hBIt\x0cx\xaef\x0e\xd6\x90\xcaP\x01\xed.6z\xf9\x19\x99\xceS%\xc15\xd4{\x10\xbb\x11\x89\x11V&amp;\x7fR\xc9\x16\x1b)M\x00\x04-\xd9\xe19\xe9P\x12S=\x04\x8a\x17\xd1\xd1k QB\xf4B\xbe\x13qz7\xe9,\x04\x12$\xa3\xb5\xcb^\x1d\xdd|\xbb\xce\xf3\xae\nO\xf2\x0f\'\xb3k\x8f\xe0\x9a\xc1c\xca \t\xac\x14\xf8\xca'</t>
  </si>
  <si>
    <t>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</t>
  </si>
  <si>
    <t>b'Wp\xf7\xb9L\xf0\xc2\xeb:\xfe^\xb4\x96\x1d\x14-'</t>
  </si>
  <si>
    <t>her needs to be the big thinker. If youâ€™re great at
 networking, the other person needs to understand logistics and operations.
 You need to have complementary personalities, total trust, and the same
 goals. Sean is the most humble, balanced, kindest human being ever, and he
 wouldnâ€™t have gotten anywhere without crazy old me. Iâ€™m a spacey,
 emotional, overly optimistic driver, and I wouldnâ€™t have gotten anywhere
 without him.
 6. No matter what, the chips stay on the table.
 Despite the â€œgoing all inâ€ analogy, I donâ€™t compare this life to gambling. In
 this game, the house doesnâ€™t win because you stayed to play. Being an
 entrepreneur means thinking in years rather than months. The worst thing you
 could do in any cycle is trade a long-term risk for a short-term win.
 When it comes to building a seven-figure business, hereâ€™s the mindset
 you should take on: The longer you can keep your chips on the table, the
 bigger your end result is going to be. This means not taking an income from
 the business as soon as youâ€™re profitable. It means keeping the profits in play
 for the business rather than for your own bank account. Put simply, it means
 reinvesting rather than recouping.
 The time frame I recommend for reinvesting profits is a year, at least.
 During that year, youâ€™ll be working for very little payoff. Youâ€™ll be putting
 every dime you make back into the business. If you can stick it out, then you
 will increase your chances of success exponentially.
 Your Twelve Months Starts Now
 I tell my students to prepare for a year because thatâ€™s how long it takes.
 That year isnâ€™t spent sitting around. Youâ€™re working, growing, and
 building toward your goals. Those habits you develop only grow stronger,
 and that time builds up quality exponentially. Think about it like compound
 interest. Letâ€™s say you sell your business after six months and make $100,000
 on the sale. Just imagine how much more you could have made had you
 waited and kept building for the entire year. You could have grown into new
 markets, cemented your customer base, and improved on your product list.
 By giving in to the appeal of a short-term payout, youâ€™ve potentially cost
 yourself millions.
 For some of you, the big question is surviving that first year. You have
 bills to pay and at least yourself to support. Holding off for a long-term
 payout can be grueling. Later on, weâ€™ll discuss methods you can use to fund
 your endeavor, but those arenâ€™t guarantees either. Your first year may be
 entirely on your shoulders. You might have to work a job you hate while
 sinking every waking hour into your business.
 Author and trainer Craig Ballantyne famously said, â€œSuccess is simple
 once you accept how hard it is.â€
 To set your expectations, I often split the twelve-month process into three
 stages: The Grind (months one to four), The Growth (months five to nine),
 and The Gold (months ten to twelve).
 Most people fail because they never make it out of The Grind. Those are
 the initial months in which you make decisions around what product to sell,
 what your price point will be, and what launch strategy you will use. Youâ€™re
 in The Grind until you can sustain at least twenty-five sales per day on your
 first</t>
  </si>
  <si>
    <t>b'\xbf\xb9|\xc5\xb2\xc8\xe5\xc6D\xb6\xc4\x0c\xe8f^\x7f\xd1\xdb\xf7\x96\xf4\x96\xde(CqZ\x88u\x0c\x98\x16x\x7f\x94[\x8f\xca\xd3;\xa9\xd5\x8b-Q\xbf\xc6\x04\x8a\x1a[\rG\xca\xb7A\xb5u[\xbd\x8f\xf3\xdd\xc0\xc4\xcf\xd3\x1f\xbf\x19\xfb\x8aN\x17\x0b\x13\xce]\x86C\xcb3\x0c`\x9a\x90HP\x85G\xb1\xa3~\x01sw\xa8\\\xd3\xce\xa3\xf6=]\xba\xde\xc4\x903\xfb\xd0\xba\xee.\xf7\xe7 \x87\xf6qL\x02\x8f\xce\xacl3\xc7\x95\x92\n\xac\x01\xb9\x95I\x1fK\x9bv\xa5\xef\xa4\xdd\x9a\x89Ws\xe6\xfb\xb7\xb7\xf5\x95L\xa4\xfd#\x8c\xbcW?\xaf\xd5\xd5l\xfdJ\xaa\xfb\xb1&lt;\xec\xb9q\x11T\xa3W\x8e\x98\xf9\xfb\xa6\x84\xaf\x85\xbc+\xd3\x19\x93\xfd\x0bz\xec\xaa\x03\xbc\t\xb1\x07\x81\x8b\xd1eL@oN\xd5B\xaf\x89\xa7\xb6T\x1eA\xc5\x0f\x83Tfr\xf2\x85]E\x86\x03p\x9d%\xd8\xa7j\x8b\xb0\x0f9\xc6\x11\xde\xd0F\xd9\x95\xbc\xf1\x87\x83\xcb\xfcA\xd2\x82\xaa\x14\xea\x9a\xb9\xd9/Ozl U\x80U\xab\xf2\x96Es\r\'\xe7I_\xa1\xa27\xcat T\x86\x00=\n\xa8fEKG\t\xf3\xdd\xc15h\xc3\x81\xcf\x9b\xfc\x0c\xacno\xee9\xbb\xb2\xa1\xb6\xc1\xb4y_\xc1\xd1j_\x06Tr\x8e\xb7\xa6\x80E;\x8cF\xb6)\x97\xb4W\\\x97\xc0\xe3\xedE\x88b\xe6\xce\x94kzyn\xcd\xf6\xb2BR\xdd\xa67\':\xcfB\x98\xd0\xa3\xab\xee\xf7\xa0y\xdb\xe7\xc8\x84]{\x17\x0e\x88\xf0\x11\xe8R\xf6\xd0\x04\xb05\xf0\x9c4x\xabM\xa9v\xd5\x9a\x97$\xde\x18\'\xf7\xd6\xd9\xf5\x0b\x0fu\xe7x\xb9=\x19D\x7f\xb5:\xe8A\x02\xac\x8e&gt;\xb9(\xcfv\xdf\x8c^u\xd1K\xdb\xba,\xdc\x84\xcd\\Y\xb2 T\xbe\xb8\xf8\xc7m\xf0\xb8G\x8b\x81\xe8\x88,\xfcXF2\xee=G\xe3\xf0\xcf\x84\x8aV\xe3\xcc\xd1MkwE\xe7|\xfe\x8cl\xc9\xa1\xf1\x05\x0b\xa7\xeaF\x8e-{f|\xc8+D\xa4\xcbv\xff0\x8e|\n\xc7x\x82\xcc\xf6\xf9^^fO\x91\xee\xd6D{\xe1\x81W\xcc\x11\xad}\xd2\x83q\xddt\xe9o\xc6nd\xcd\xb8[-\x9e\xe5\xdd\xf6&amp;2|\xac\xa2\x94\x03\x8c\x05\xa1\x81\xa5\xdf,\x81Bz\xeb\xb6\xc5^\x91`\x12i |\x88O\\\xbe\x91\x84\x8f}n\xd8&amp;\x9dgw\xdb\xbf\xe3\xaao\x8a2\xdf{-\xb5$\xa3\xe9$\x91\xb3\x99_!y\xcdH\xc2\xda`\xadF\x03H\xd2\x8fm+\xc7\xa1/\xcb\xed\x8el\x0f\xbd\xabH\xca%\xc1\xfa\x17\x0b\xa3\xcb\xcfo\x1f`\x08\xeb*\x07D\xfc\xe3+\x83\xf0h\xdbqy;\xc0\xf7\xed\xc2\xfb\xca.\x13\xe1\xedX\xce\xc8\xd9\xd6\xfd\r\xd7:|\x05p\xaf\xef\x13)\x0f2\xa2\x041\xbd\xab 9\xea\x10.3G51z\xb5\x86\x97\x91+E\x0e5\x9d\xdb!\xe2\x06\xc0\xa1i\xa7t\x14P\xde\xc8\x1a\xe2\x91R\xbf .BT\x16\xd1\xe3V\x94\xde\xf2\x84\xf4Q\x9fby#\x8c\x8d\xb6C\xe3\xfa\x15\xff\x84@FCP\x0bc\x95\xcaE\xdc\xb4\xb3*\xe5B#+\x1a\x050\t\xdb&lt;\xdb\x90\x97\xe2\x97\xd3\x8c&amp;\x8f\xd3\xc36\x9e\xfe\x8f\xa1\xa9`\x0e\xb0s\xe7\x10\xcb\x16\x88\xea\xf4\x0b\x9e\xc8\x9ac,R\xd0\xa9\x9b\xba7\x94\xaa"\x00,\x1a*\xd5wA\x91\xf6;m\x1c\x977\xf0w\xbb\xa5\x99/\xd2\xfd\xc7\x0fM\x8f/+\xfaO\xd0\xc0\xb6\xe8\xedo\x17z\xb0\x9b\xf2\xf0"cXZ\x0eg\x10\x06\x98l\xa3&gt;\x81v\xf3\x13\x0c\'\xe2\xb3\xf1\xab\xf6\xe2\xe5\x16\x93\xd3\xfaY\n\xacJK\xa5\xd8\xb2\t\x0f\xba\n%\x19\x81\xcf\x80$sM5kmK\xe4%D\x0e\x06\xc9WJ\x86\x00\x92xr\x04\x84;\xc4\x98\xdee\xbe\xd2c\xfam\xb7\xb6)\x03\x87\x9a\xf83\xf1\xd3\x1f\x91\xdb\x97Jj\xb9\xa1W-\xe0\\5\xe9 \x9c2X&gt;\xf8E\xed\xb9Q\xb0\xb7\xee\xfd\x81\xc9k\x1d$qg\x8c\xfa1\xe6\xfc\xc9\xc9\xcf3\x00\xc1q\x96.\x966c|#\xb7gC\xafV\x94\x04\xc7\xaf\x0b\x90\x17\x19\x99\xd1\x82CFDd\xfd\xe7\x83\xf90\xb5\xa4%\xa9x\x06\xdc\xb7\xff\xa4\x9cK&lt;}\xbe\xbd\xa2\xaa(?\xf0X\tS\x05G\x95F+\xa6q\x87\xf4\xa8\xfb\xac\xc1\n\xb8\xe3\xc4\x98-\xd3\x1b3\xd3\x99\xd4\x17\xaa\x047\xf5\xff,B\x15\x06\xfa\xe9\x9c\xfdv-l`\xe4D\x18\xa9\xdc\xaa\xc2\x8cO/K\r\xcc\x08&gt;~l\xbb*c\x07W,\xfeA6\x1e\xdc\xd2\xc1\x0b\x84\x0f\\\\\x02\xabP8\xaf\xe2\xca\x96p\xe5\x95R\xb6{\xc3wdC\xa5{l"$\x91\x8cU\xef\x0b[*\x0f\xb2\x82\x9e\x04\xef\x8b\xcbi\xe9\xa8yM\xb2i\xbdU"\xac\xbdp\xea\xa7\xab\x10\xb8\x9d\xf0y/*;\x05\x0c\xbb\x05\xf1z\xfc\xf1CC\x1b\xac\x8b^\xa4\xd2\xba\xbcQ\xd1\x8apd{\xad\x0b\x186\xb4\x12u\x89\xa5?oM\x9f\xd6\xc9g\xa6\x17\x8bX-\xf4\x0fD&amp;\x12u\x994K\xdc&amp;z\xdc5\t\x0b\xed\xc7\x1cK\xa5\x8c%\x02b\xb8\n\xc3G\xe6\xabE\xa0\xca%\x91\x08\xf9\xa3\xb0\xe8\xc4\xbaG\xb1!\xf4\xa8\x8b\xda_\x08\xae\xc6l\x88\xc59\xec\xc5\xd8T3Y?\x86\xe8\x03Q\xdb\xfb\\\x1b\x8a\x85\xb7P#\x93Q\xc9\xf2\x88Kh\xd8\x90\xc3P.\x88\x92}\x81\xc5u{V.\xc9G\x17\x16\x1f\xdb^o\xe5Bk\xe9\x8f\x88\xda k!\xa7\xe4X\'\x1e\xaf\xb3H\x0b\x94!\x88/\xda\xebt\xc3L\xc0\xa96\x8f:\xd5\rU\xc0\x12ig\xc0Fq\xa3\x18;5\x00\xec\xa9$,\xdeA\xac\x8a\xf7&amp;d:](4RF\xee3.\xa5\x05u\xbc\x1a\x8a\x9e_\x9euB6\xfeq&gt;\xbb%\xf0\x8e\xb0c\xaa+f\x9dzi;\x03%\xa4\x1f;\x94\x08\xb9\xc9\xdd\x92\xaaA\x8c\x96\x01C\xfb\xf0\xba\x1a\xc2V\n!\xd4n\xc6\xcb\xb3Hy{\xdeO\x98\xb8(+\x08\x15\x0b\x16\x87\xdf\x96J\xf8O\xc3\\=A\xff!t\x99\xd3\x19\xd3\xd6\x0e\xe9\x92\xf5\xe0\xc9\xe0V\x9d\x0b\xec\x9b\x89\xa4\xc6{\x90}&lt;\x97\xb3k\xd8\x93\x12\xc8\xcf_]gQx\xeb4\x18\r\xc7\xb9\xbb\x0f\xf0\x003I\x1fA\xd8\xd2U\xc9\xf8\x9d\xe2\x8f\x9e@\xb8I\x99\xf4\xaa\x03\xde\x13BD\x12{\xfc9\xec\xfe\x1d\xc2\xb9m\xd8\xcfY$\x195\xa1\x14\x92\x16\x12\xaf\x10\xd0l\x96m\xaf\xd9I\xdfvR\x0c)\x84\x8f\xc0$\xa9\xd1\t\xa7\x98\xee\x10\x91R\x99\xb8i|m4\xb4V\x96\x829ak\x93`\xa1X\xaf\xa0\x80\x1a,}\xa1\x13\xfc\xa6\xe22a\xf5\xb8\xe3\x0c\xc7\xd0\xa5\x88\xd4\x12\x08\xe3?\x7f\x06\xad=\xb1\x0b\xeb\xdb\x07\xff\xc2\xca\x87\x02\xd2\x93\xd0\xec)\x0c\x17\xdc6\x90S@~}\xdc&gt;\xef\r\xc6\xa8\xc8\xde\xe5_\x13\x14\x1d\x01\xca\xcc\x9f\xa49\x8d\xe4-\xb6\xed\xdd\xc3P\xe3\x99D\xa0\r\x19\x0f\xc3\xf1\x12\x91L\xb7\xd1N\'\x02a\xa7\x10z\xe3\xd1\x1d\xde\x87%\xd8\x88\x85\xd6\xb9\x9ek+7\xe3\\\xc1M\x86.\xbbc_:\x81Bw\x90h\x14/\x81uk\xebP\xfe[\xf4rf^\x1e\x9e\xbd\x15.\x06\x93\xb7\xe2\xc8\xb1?\xaf\x8cH\\\xf9\x0b\xdb&lt;6\x9bbK\x01\x0f\x94*\xef\xfb\x08h\x0e\x01\x0e\x85?\xa78\xd3\x87\xa1\xdf_8%\x02\x04\x98\x9d\xf4Ja\x82\xed\xd3s\xc2Xw\x19\x1e\x851\x0ff\xdd+\xce\xeb\xb6\xba\xae\xb4\x83\xe9\x8fX`&lt;\xb2\xd4W\xf9\xa4iIP\x9a`%N\x16\xf1\xce{&gt;W\xc2V\xde&gt;\xec\xce\xef\xbc!\xbd\x0b\x18/\xf4\x0b\x82\x16\xeb\xe9:\xe8D\xb9\x18e\xfc\r\xf9~\x8f\xdb\x1f,\x0cP3/\tlZ\xce\xbc\x9d\xee\x94\x8c\xc6\x85Bb\ta_\xd6t\xe4\xc89\x1c\xad7\x14\xc7\x02]\xf0\x8d%y\xf7mn\n\xd7\x08\xe0\xaco.\xb0\xa6f\xfd\xd5F\xf7\'\xf5\x9b\x8d\xbd\xc8H[\xa6\xd8K+\xf1\xaf\xe9K\xee\xe9\xcb$\x1b\x0eY\xf9\\\x83\xe2\xc6#\xd6\xf7\t\xfa\xba\x13\x83\x96\x0e\xb0\xe8V\xaaFD\xa9\xda\x8d\xa4\xc1\xaf\x9d\xa8s\x1c\xee\\\x94?D\x02\x06q\x85\x17o\xafj\xac\xc9\x1f\xce\xb6\xfc\x02\xaf\xab\x86G`B\xda\xea\xa1\x99\x18W\xca\x85Ht\xd7\n\xbf\x80Y\xc2\xe53G\xad\x13\x0b\xcfE\x8c9o\x04,\xab8H\xc4B\x9d\x10\xdc3\xd4\x85N\xa5 \xb7\xd78\xab\x1af]\xca\x95\xd3\x82\xaa/\xf1j\x92}F\xb3\x13jOG8\xd1-I@\x0ew\xec7\xc3\xe3\x8d\xc5\x95&lt;!\xb8\x1b\xeb\xe8\x9b\xb6\xcdC~\x99 \xdd`x:q}\xe32\xb8+.f\xf4H\n\x9a\x1e3\xc3\x04\xd8\xdd\x1a\xd2\xba\x16]\x12\xf6\xb4\xa9B]\x8b\xdd\xd6=\x80\xe1\xa5\xb1}\xf8\xa4\x82\x1f\xad\x85;\x07&lt;\xa3\r6+\xb2t\x14\x16\x90\xcf\xbb\xa8\xfc$\xe0\xf9\x80V\xedl4Z\xbdW\x89\xef\x0f\x12\xb6J\x96B\xba\x9a\xdd\x1d\x83U\xf42\xa5\x1eE\xb7\x9a\xdf\x9c=\xedw4\xacWR\xf1\xbd\x9d\x9a\xd7\xb7\x99\x9b\xd6\xa4\xd2\xde\x85TM\x9f\xa3\x08\xd4\x99\x83\xc7\x95\xd0:\x0e\xa9\xc0\x8f`R\xdf[\xcc\xec\x10\xbbh3\x92\xbc\x14\xbc\xa3=$\x84\xc7\x08\xf3\x1bc\x9bh\xe7\xef\x0c\x8a\x07\x9b\xa5;F&lt;}\xe9\xe7\xd8\xc8g\x04\xbe40F\xe0#0~!\x05\xa4\x8a\xa4\xb19r\xbc\xf9?Jo\x14\xd8\x07\x902\xe5\xa9\xd1\xadT\xdc\xc4\x9e\xdc6\x7f\xb1bi6\xb4\xe7\x8a%&lt;d\x82\xc6q\xad\xca?TL\x05\x8d{Q\x14\x83\x81\xb4\xcc#;n\xcf93\x0e\x1c\xd5\xbd\xde\x89\x13\xcc;\x9ez\xa4\xe1\xd3\xf2\xbb\x13?\xcd\x90\x18p]\xfbX\xc0"\xec\xea\xaa\xe7q\xcea\xb8G)\x03\xf5\x96\x03\xf3\x05t\x83\x84\xba]\xb5\xb7\x1a:\xbd\xc6\\\x86\xd51\x81Z\x87p`\xb34yh\xca\xae\xb1\xf5\xcc\xbc\xd2\xe8\x18\xf8\x9b\x89|\x1b\x00\x14\x13\x7f\xf3\xa7\xdd\x0f\x84g2\x0f\x83\x7f\t\xa1M\x86\x9b\xf9fAi\xfcr8\xa5\x85\xa6\xc0\xca\x08\x9b\x0cCJ\xe0\xd5\x0e\xac~9\x0e&amp;*\xcdY\x9dm\x00\xf3%\xc8\xb0a\x16\x99\xb2OR\xb5^\x89\xd1?\xe9;\x01\xe3U\xfa\x82\xecQh\xbcUH{\x12\x95\x02\xa6\xb9d\x8e*\xb6t\x85y\xa4\xea \xdbT}n&amp;\xba\xad[U\x13\xa5\xb2\x9d\xecz\x9f\xbb\x91~\xc35/\xb0\xc4\x84\xdc6\xe7j\xae\xe8a\xaf\x17OI\xe0\xb1\x1b~\xfd\xe2G\xa6\xb9L\x95\xc0\n\'n\t_\xca\xc0\xd9\xc0\x07\xb8#\x98\x19\xaavy\xac\xd6L\xf1\x97\x871\xca\xc6y$a#7\x8c\x82\xdd\xe8\x8a0\x8b\x10\xaa\xb3\x15K}X\xa6\x06\x8b\x9f\xbb\xadN\xab6+%\x1ct\x7f&lt;\\D\xb3u\x13\x15\x82\xc1J\x8fex\xcc1x\xf3\xb3&lt;\xb8\xd18\xd1\xd9^\xf5v\x0f\xa8\xf5.\xf0\x1dU\xc0\xd7\xa8\xa4\xe1Yh4+\xb3\xa3\x17v\x0feo-\x92\x7f\x8aBuD\xb1I\xf51Y&gt;\xb4\xfe\x98\xd6\xb7G\xaa\xa8\xbaY\nZ\xc26.};\xf4!%O\x1a6 ;)\xe9\x84\x1f\xaas\xea\x9f&lt;\x9b/\xd7&amp;\x97\x17\x1b\xd1\xc2%\xb1\xf2\xfa"\x1684\x93\xe5\x81\xc6;\xe1\xd2\x92L\x1bM\r\xcc\xc0\x0e\x90\xa6\xbc\x8ag\xd9\xce\xc6\xe9\xebC\xd8=\xbf\x95/^(N(\x9d\xa3\xe3\x90akN\xbc\x8fdh\x06\xa8\x82B\x97(Q\x9e\x85N\xfd\x9e\xf0\x1c\x91E:\'N\x16\xd3\xcfx\xad\xe1\xafX\xc9\xad\xa6\x02X\x93\xe8\xd79\xc4Vp\xd3\xfef\x08pb\xc0\xe6\x1d\x01\t2i\xeb\xd7o\xa8\x92\xb0\x8f\x16~[\xfb\x8f\xa3f.D\xa8\xff\xdb\xbd\x0b\xa2\r(\x83\xaa\x00\xb8$M\xddb3\xebza\xd2\n\xe9\x8b\x99\xda\x91k.W\xa4\xf6\x7f\xde{\xf1\xd2\x0c?\x9e\xd1\x8aB\x15Xt\xc3\xd0\x1e\xafV\x13\xf3\\\xbd\xce5X\x92\xc5?OU*\xcb\x8a\xd5s*\xd1U\x84euS78\xd7\xe0%|\x9c\xd3\xdaZ\xe6\xf9L\xcah\x9b/\xc4oZ\xcfG\x85\xda\xe9\x95l\xb9l\xd5[\x16.\xc33\xee\xc6$W\xca\xbb\xa2\xad\x04\x1a\xd8\xd3\x82\xe4\xfe\xda\x9c\xde\xc6nu=[\x97^\xf6\xf1~\x03\xa5\x86\xaca\x8f\xb3\xb4\xef-o2Q60\xb5v\x87es\xc7OOLA\xccI!mF\xc4\xb8\x96,\x00g\xee\xb6X\xc6\xd3\xdc\xd0x\xfa\xb7\n\xec]\xe0\xe5\x85k\x9e\x84ci\x9dm\xdb{b\x97\x9b\xba3\x01b\xfb\xe3#g\x01\xc7\xff+\xe7"O\xbd\xbe8\x909*M\x1b\xe1\x12D\xcaV\xae\xd8DY\xed\x10\xd5\x9f\xc4\xb3\xe0\xa5)`V\x80\xff\xdb\xb3\xb5\x9b\xd0\x9c\x95\x1e\xfc\x82,\x93Mn.\xed?\x0e\xb1\xbc\xb6\x07\x1eE0K\xb9\xe2L\xa3\xda\x12\x06\x1d\xa1T\x01\xea~\xe1C6{\xa3\xac"\xaa*\xe5\xb6\xed)\xd3\xecQ\xc7\x9d\x1f{\xcd([\xe95}n\x9f&lt;\xa9:\xa3^\x16\x15\xf1\xed\xe0.R\x8a'</t>
  </si>
  <si>
    <t>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</t>
  </si>
  <si>
    <t>b'\xbf\xb9|\xc5\xb2\xc8\xe5\xc6D\xb6\xc4\x0c\xe8f^\x7f'</t>
  </si>
  <si>
    <t>&lt; Vin &lt; 2.5 V.
 What value of Vin places the transistor at the
 edge of saturation?
 Q1
 VCC
 R C Î©
 = 2.5 V
 1 k
 VB= 0.9 V
 Vin
 Vout
 Figure 4.85
 4.58. Repeat Problem 4.57 for the stage depicted
 in Fig. 4.86. At what value of Vin does Q1
 carry a collector current of 1 mA?
 Q1
 VCC
 1 k Î©
 Vin
 Vout
 = 2.5 V
 Figure 4.86
 4.59. Plot IC1 and IC2 as a function of
 Vin for the circuits shown in Fig. 4.87
 for0 &lt; Vin &lt; 1.8 V. Explain the dramatic
 difference between the two.
 Q1
 VCC= 2.5 V
 Vin
 I C1 Q
 VCC= 2.5 V
 Vin
 I
 Q
 2
 3
 C2
 (a) (b)
 Figure 4.87
 SPICE Problems 169
 4.60. Plot the input/output characteristic
 of the circuit illustrated in Fig. 4.88
 for 0 &lt; Vin &lt; 2 V. What value of Vin
 yields a transconductance of (50 _x0004_)
 âˆ’1
 for Q1?
 4.61. Plot the input/output characteristic of the
 stage shown in Fig. 4.89 for 0 &lt; Vin &lt; 2.5 V.
 At what value of Vin do Q1 and Q2 carry
 equal collector currents? Can you explain
 this result intuitively?
 Q1
 VCC= 2.5 V
 Vin
 Q 2
 R C 1 k Î©
 Vout
 Figure 4.88
 in Q1 V
 Vout
 Q 2
 1 k Î©
 1 k Î© VCC= 2.5 V
 1.5 V
 Figure 4.89
 5
 Bipolar Amplifiers
 With the physics and operation of bipolar transistors described in Chapter 4, we
 now deal with amplifier circuits employing such devices. While the field of microelec_x0002_tronics involves much more than amplifiers, our study of cellphones and digital cameras
 in Chapter 1 indicates the extremely wide usage of amplification, motivating us to master
 the analysis and design of such building blocks. This chapter proceeds as follows.
 âž¤ âž¤
 General Concepts
 â€¢ Input and Output
 Impedances
 â€¢ Biasing
 â€¢ DC and Smallâ€“Signal
 Analysis
 Operating Point Analysis
 â€¢ Simple Biasing
 â€¢ Emitter Degeneration
 â€¢ Self-Biasing
 â€¢ Biasing of PNP Devices
 Amplifier Topologies
 â€¢ Commonâ€“Emitter
 Stage
 â€¢ Commonâ€“Base Stage
 â€¢ Emitter Follower
 Building the foundation for the remainder of this book, this chapter is quite long. Most
 of the concepts introduced here are invoked again in Chapter 7 (MOS amplifiers). The
 reader is therefore encouraged to take frequent breaks and absorb the material in small
 doses.
 5.1 GENERAL CONSIDERATIONS
 Recall from Chapter 4 that a voltage-controlled current source along with a load resistor
 can form an amplifier. In general, an amplifier produces an output (voltage or current) that
 is a magnified version of the input (voltage or current). Since most electronic circuits both
 sense and produce voltage quantities,1 our discussion primarily centers around â€œvoltage
 amplifiersâ€ and the concept of â€œvoltage gain,â€ vout/vin.
 What other aspects of an amplifierâ€™s performance are important? Three parameters
 that readily come to mind are (1) power dissipation (e.g., because it determines the bat_x0002_tery lifetime in a cellphone or a digital camera); (2) speed (e.g., some amplifiers in a cell_x0002_phone or analog-to-digital converters in a digital camera must operate at high frequencies);
 1Exceptions are described in Chapter 12.
 170
 5.1 General Considerations 171
 (3) noise (e.g., the front-end amplifier in a cellphone or a digital camera processes small
 signals and must introduce negligible noise of its own).
 5.1.1 Input and Output Impedances
 In addition to the above parameters, the input and output (I/O) impedances of an ampli_x0002_fier play a critical role in its capability to interface with preceding and following stages.
 To understand this concept, let us first determine the I/O impedances of an ideal
 voltage amplifier. At the input</t>
  </si>
  <si>
    <t>b'L\xb1\xa7\x88(2I#C\xcc#i66\xf2\xab'</t>
  </si>
  <si>
    <t>4cb1a7882832492343cc23693636f2ab</t>
  </si>
  <si>
    <t>2.59)
  retains its validity in relativistic mechanics, provided we use the relativistic mo
 mentum.
  Example12.10. Motionunderaconstantforce.Aparticleofmassm issubject
  to a constant force F. If it starts from rest at the origin, at time t = 0, find its
  position (x), as a function of time.
  Solution
  dp
  dt = F â‡’ p=Ft+constant,
  but since p = 0att = 0, the constant must be zero, and hence
  p = mu
  1 âˆ’u2/c2 
 = Ft.
  Solving for u, we obtain
  u = (F/m)t
  1 +(Ft/mc)2
  .
  (12.60)
  The numerator, of course, is the classical answerâ€”itâ€™s approximately right, if
  (F/m)t 
 c. But the relativistic denominator ensures that u never exceeds c; in
  fact, as t â†’âˆž,u â†’ c.
 12.2 Relativistic Mechanics
  543
  To complete the problem we must integrate again:
  x(t) = F
  m 
 t
  0
  = mc2
  F
  t
  1 +(Ft/mc)2 
 dt
  1 +(Ft/mc)2 t
  0 
 = mc2
  1 +(Ft/mc)2 âˆ’1 . (12.61)
  F
  In place of the classical parabola, x(t) = (F/2m)t2, the graph is a hyperbola
  (Fig. 12.30); for this reason, motion under a constant force is often called
  hyperbolic motion. It occurs, for example, when a charged particle is placed
  in a uniform electric field.
  ct
  Relativistic
  (hyperbola)
  45Â°
  Classical
  (parabola)
  FIGURE12.30
  x
  Work, as always, is the line integral of the force:
  W â‰¡ FÂ·dl.
  (12.62)
  The work-energy theorem (â€œthe net work done on a particle equals the increase
  in its kinetic energyâ€) holds relativistically:
  W = dp
  dt Â·dl= dp
  dt Â· dl
  dt dt = dp
  dt Â· udt,
  while
  dp
  dt Â· u = d
  dt
  =
  mu
  1 âˆ’u2/c2
  Â·u
  mu
  (1 âˆ’u2/c2)3/2 
 Â· du
  dt = d
  dt
  mc2
  1 âˆ’u2/c2
  = dE
  dt , (12.63)
 544 Chapter12 ElectrodynamicsandRelativity
  so
  W= dE
  dt dt=Efinalâˆ’Einitial. (12.64)
  (Sincetherestenergyisconstant, itdoesnâ€™tmatterwhetherweusethetotalen
 ergy,here,orthekineticenergy.)
  Unlike thefirst two,Newtonâ€™s third lawdoesnot, ingeneral, extendtothe
  relativisticdomain.Indeed, ifthetwoobjectsinquestionareseparatedinspace,
  thethirdlawisincompatiblewiththerelativityofsimultaneity.Forsupposethe
  forceofAonBatsomeinstantt isF(t),andtheforceofBonAatthesamein
 stant isâˆ’F(t); thenthethirdlawappliesinthisreferenceframe.Butamoving
  observerwill report that theseequal andopposite forcesoccurredat different
  times;inhissystem, therefore, thethirdlawisviolated.Onlyinthecaseofcon
 tactinteractions,wherethetwoforcesare</t>
  </si>
  <si>
    <t>b'\xaf\x92\xe0(\xadf\xc7gV=\xd1\xd3F\xf0b}Av\xa4m\xc8\x1b$:\xf6\xa3\x1a?\xa1\t\xc1V'</t>
  </si>
  <si>
    <t>af92e028ad66c767563dd1d346f0627d4176a46dc81b243af6a31a3fa109c156</t>
  </si>
  <si>
    <t>b'\xaf\x92\xe0(\xadf\xc7gV=\xd1\xd3F\xf0b}'</t>
  </si>
  <si>
    <t>Teachers)
     Unit-2
Topic
Assessment Method
Time Plan
Remarks
Resistance, Ohmâ€™s law, V-I Characteristics, Resistors, Capacitors, Inductors.
Exercise: Question &amp; Answer
Two Hours
Voltage and Current Sources, Symbols and Graphical Representation, Conversion of CurrentandVoltagesources.
Exercise: Question &amp; Answer
Two Hours
Overview of AC, DC, Cells and Batteries, Energy and Power.
Exercise: Question &amp; Answer
Two Hours
    18
                 Learning Outcomes
 Unit-2
Voltage &amp; Current
Outcomes
Resistance, Ohmâ€™s law, V-l Characteristics, Resistors, Capacitors, Inductors.
(i) Understanding the concept of electrical fundamentals.
(ii) Understanding the passive components and their Characteristics.
Voltage and Current Sources, Symbols and Graphical Representation, Conversion of CurrentandVoltagesources.
(i) Identification of voltage and current sources and their conversion.
(ii) Graphical representation and symbols of electrical sources.
Overview of AC, DC, Cells and Batteries, Energy and Power.
(i) Understanding of AC, DC, Cells and batteries.
(ii) To know the difference of work energy and power.
     2.1. Current Flow Theories
Two theories describe current flow. The conventional theory commonly used for automotive system says current flow from (+) to (-)...excess electrons flow from an area of high potential to one of low potential (-).
The electron theory commonly used for electronics says current flows from(-) to (+)...excess electron cause an area of negative potential (-) and flow toward an area lacking electrons , an area of positive potential(+), to balance the charges.
While the direction of current flow makes a difference in the operation of some devices, such as diodes, the direction makes no difference to the three measurable units of electricity; voltage, current, and resistance.
2.1.1. Terms of Electricity
Electricity cannot be weighted on a scale or measured into a container. But certain electrical â€œactionâ€ can be measured.
These actions or terms are used to describe electricity, voltage, current, resistance, and power. Voltage is pressure.
Current is flow.
Resistance opposes flow.
Power is that amount of work performed. It depends on the amount of pressure and the volume of flow.
(i) Voltage
Voltage is the electrical pressure, a potential force or difference in electrical charge between two points. It can push electrical current through a wire, but not through its insulation.
 Basic Electronics
19
                 Voltage is measured in volts. One volt can push a certain amount of current, two volts twice as much and so on. A voltmeter measures the difference in electrical pressure between two points in volts. A voltmeter is used in parallel.
(ii) Current
Current is electrical flow moving through a wire. Current flow in a wire pushed by voltage.
Current is measured in amperes, or amps, for short. An ammeter measures current flow in ampere. It is inserted into the path of current flow, or in series, in a circuit.
(iii) Resistance
Resistance opposes current flow. It is like electrical â€œfrictionâ€. This resistance slows the flow of current. Every electrical component or circuit has resistance. And this resistance changes electrical energy into another form of energy- heat, light, motion.
Resistance is measured in ohms. A special meter called ohmmeter, can measure the resistance of a device in ohms when no current is flowing.
(iv) Factors Affecting Resistance
Five factors determine the resistance of conductors. These factors are length of the conductor, diameter of the conductor, temperature, physical condition and conductor material. The filament of a lamp, the winding of a motor or coil, and the bimetal element in sensors are conductors. So these factors apply to circuit wiring as well working devices or loads.
(v) Length
R = P LA
R = Resistance of Conductor
P = Resistivity</t>
  </si>
  <si>
    <t>b'\x88G!\xc14t\xb4\xe9\xe0a\xf0Q6L,\x15G1s\x04\xc0\xc2g\x10r\x06;\x8c\'\xdf&lt;\xeaU\xb7\xc5[0\x81M\xfdo\xa2A3\xbc\x87pt\xd0\xcdv\x88IB\xf6\xeb\\\xca{\x1f\xa5\xfa\xc7\xa7\x1dJ\xa1\xc3CBO\x82m\x93\xa1\xdc\xaf\x1c\xa4y&gt;a\x84\xa2\x1b&lt;V\xdb\x14f\x0c\xb4\xba\x03F\x11_`l&amp;\xd6\x08\xe3\xea#vBb\x7f@\x06y\x00\x9b\xc9\x95\xc9$\xeb\x0f\x8b\xd3ho&lt;S\x1a\x11\xa3\xcc_.\xafG\x0e0C\xe0[\xff3&lt;dZ\xa6\xa2\xb5\x87\x95\x15W\xc6HV4D\xea\xdfu\xc1\xfe2q\xc6F\xccJ\xb6\xc1\x8e\x9f\x82\xb9\x0b\xdeH\xcbLrd7~\xef\x81\xaa\x00\x0b\'\xae\x08w\xcf\xdd\x05\xd9-\x97\x98~\x8e\xfa\xa4\xd0Ly\xdb\xa3Y`\xa11z;\x1e\x0f\x0e\x9f\x0ev\xc8\x12\x03\x12\xe6\xa4\xbc\xa3{\x9aG\xc7w`\xf0\xcb\x9d2\x06}\x10\xd4\xd6\xb2\xf5\xe1g\xf6\x91\x7f\t\xb6\xaf\xaa\xba\xfb\xab\xd0\x0cZ\xf7\x13&gt;\x99Q\xaf\xc8\xb8zGz\xe4\xdc\xe1\x127\xe6\xb2\xb6\xf9\xa6\x86\x86i\x04t\xe0\xa4F\x87\x1du3B\\\xe7*h\x10\xfa\xc1\x1f\x14\xd8E\x979,O\x05\x11\xe5 I\x03\xb7\x06N\xd2;B\xa5D\xd6\x01\t\xb8\x0f\x9e\x00\xa0,\xe0,#\x97@\r\xd6\x04,\x1a\xd6\x0bq\xd2\xa3\x1f\xd2A\x00\x04\xf3w\xae\x8f\xa1\xe4I\xc1v\x8b\xd2\x19\x97p\xe1\x97.*_\xf5A\xf0\xb2\x9b\x14\xaa#-XU\xa0\xcb\xff[u\x08\x85\xfa4\xb9\xfb\xb0\xa9T\x82o\xe7\xe2"Q\xcb_\x12\xdc\x94\xfd"\xb3\x9f\xef\xa9\x1c9\xb4\x01\x962\x1fPN\xe4\xda\xbas9\x04\xf6\xc9\xce1\xb5s\xebq5\xb7\t\x9e\x99\xc8x\xd3\xb6U\x9f\xfd\x9b\xf0\xf20\xc3j\xd0\xab\xee\xff\xf5[(N\x99\'\xc9a\x06\xc2I\x83"\xfe\x1f%\xca\xde\x06\x8a\xa5H\xb1\xc2\xe1\xe6\xe6\x8d\xd8\x13&amp;\xb8PK\'~r\xf6\xcd;X\xfa\xbb!\xdaI\x97\x13\xc8\xac&lt;\x04Q`\xed\xf1\xa7\xf9\x90\xe4xMd\xe7N\x8b\x1a\x84!\x0f\x9b/\xc2\x03\xf7\xa1\x043\x8c\xc3f\x18u\xbc\xf2N\x1a\x04\xf7\x1e\xcb\x06\xee\x18M\xc5\x80\xac[x4\x88)\xd0\\\xdf\xffH\x8c\x849 \x91l\x15\xd09\x9br$h\xe5\xa6?x\xf5_\xc9\xab\x8c\x9b\x1dP\x1a\x94\xa8?Q\x91\x07\xf2Z\x1f\x89o\xd71\x10\xa2~+\xben\xb7t:|\x8cfkVU\x1cU\xf5\x04C\x7fx\x1c\tP\xde\xc6\xb0b\xe0\xb4_\xe6\x16i6\xf3G]\xd6&amp;\xce\x9f\xdf\xc7u\x1a\x10`:L\xd4\x07\x0e\x92\x95\x03;\x17\x0f\xf6k\x8d\xa9CL\xa6{\xf7c\xee6\t\xe2\xe3\xdd\xd6]v\x05U\xa1\xf8U-\xd18@\xf8v\x19D\x83r\xcbi\xdf(\xb1\xae\x10N\x141\xb7\x99\x0e_\x9aun[W\xd6\xddq\x1b\xe4d\x0b\xf8\x86\x8db.U\xe9\xbfm]7\xfc\xeb\xcb\x9cV\'\xd9\xad\x0fc\xea=\x95R\x10\xa2\x07\xdbw\x1e\xc9\xac\xb0\xfc}\xf9\x92\xbd\xf5\xcd\x91\xd3\xc4\xd4\x02\xb4I\x14p\xf1\xdc\x1dK\xfc\xf6E\x11\xa6\xe8\xc5\xc3\x1e\xa2\x98\x98"\xa2(\x1e\xcbe:\x9a\xdeWL\xcb\x14\xe9\x90y\x13r\xe8(*\x05\xb5u\x0fw\x9c\x89t&lt;5\xbbI \x1buQ\xf1\xae\xbf\xcb\xae\xc1\xf9\x13\x9e\\N\xf5_u[\x8a\xec\xd6&gt;\xdb\x93@\xd1\xb4jx\xbb\xd7C2)]\x07\x04?\xf1\x8a\rX\x98\xd6\xc0\x1dPH\xa9\xaf\xe2\xe3\xa2\x81\x03iG(z\x11\xec\xa1`\xf2\x83\x83\x04\x0c\xadfz\x1e\x88a\n\x1f\xc2\x0fT\x800\x8e\xdb\xeaVC\xa5r\x83&amp;\x97\xc0w/\\\xbet\xc1:\xa0\xe5.y+\xcf\xb7rX Bh\x18\x15\xb7\xa7N\xdb:\xc9\x9e\xa1\xbb\x86DI^\xdc\xdf\xc0\xdc\x86\x9d\xc5&lt;#\xee\x9f\x11\x13|\xe9\x0c\xb6#\xbc\x1c\xa0\xa3\x15b\x08~M\t\x8dJ\xfc\x8d`\xe7\xd8s%?\xe3\xb8\xc1E\x91)\xa6\x1a\x15\x94\xe76\xd5J[{z\xa6\x0fa\x845\xa1\xa0\xfe\x0bY\xf6v\xa0z\xba\x8a\xfa\xad\xe3\x03\x08\xf14(\xd7v\x17I\xc2\x9a\xca\x8c\x00\xeb\xd4&amp;\x89\xb2\n\xd6\xaf#:\xd7\xa0[=\xce\xb5\x9d\xdc\xa2}\xed\xdbc\xe0\x8a\xd0\xb5\xac\x04\x8b)\xe4\xdd\xde/\xaf=\xd3+\xadX0\x85\x81\xab\xd7\xde\xb5\xfe\x8dM\n\xa4\xcc\x14\xd7B\xf0\x802\x9a\x96H\x13B\xcb\xeb\x00\xbae\xba\xa4\xd1\x8d\xf0\x93\x8d\x97\xdd\x05[Rw|\xda\xfa\x1cii\x1b\xb8\x89S\xf80s\xd2\xd1\xb6\xfd\x9d\x12)0\xcf\xf9I\xa5wH\'l\x1en\x1bBufu]\xb9\xfdd\x8d\xa1]\xf3#\xc1\xeb\x9e\xe0\xf9\x90z3\x12\xe2\x7f\xe3\xf7h\xba\xa0\x85\x8a\xe5\xbbK\xa2\xf1\xdcOl\x16\xa7\xc5&amp;\x0cQ@\x12\xdd\x87Y\x85,\xeb3\xebz\xf5\xcfN\x1c\xcf\xad\xe6\xb0\xb5\xb9?\xd8\xa7\x0b\xf7\xde\x1e\xbb\xfe\x92\xc2\x94\xfba\xd6h\\(\xb2\xc0\xd2u\xc5\xbf\xc0_Nr\xd0\xd2\x0eB\xd5&lt;\xcf\x11\xa8\x82\x1b\xb1\xa4\x7f\x02\x10s%\xf1w.eG[GfM\x0f+&amp;\x03)\xe0\xcfxi]\x19t\xbd\x03\xd6t\xfb\xec&amp;\x12\xed2\xe2\xd8\x18\x07\'\xb0"\xfc\xa6\xc8&gt;2\x1d\x9b\xa1\xaa\x07&gt;\x8f\xbeO\xdf\xf3qR\x8a\xcc\xdc\xd8\xb7\xdf\xdcDq\xab\xecB\xa3\xb4\xeavw\x96\xf2\xb7r\xac@\x9a\xc1\xb3\x00\xd5.!\xb2f\x1e\xb3\xc04\x8b\xa0\xda\x16%\x13\xb4\x18\x86\x0f\xc2\xb1\xd1\xef\xeeH\xa4\x7f\xd0\xfeR\x92n\x7fm\x10\\\x90\x1fHPVBZ~\x9a\xf2\xbd\x04\xa7\xbc\xcf^\xee\xf8\xa5\x8b\x84\xcd\x94\xef\xc6\x8f\xab\x15\x9b&gt;\xe6.\x0b\xfc\xafN4\x9c\n(~X*\xef`[\xc4\x93P\x88\xf1\x16x\x06\xb3&lt;\r$\xeaB\xbf\xf9\xcd\xaa=\x17\xa2.\xcc\xc3\xfc\xd1Q\xe9\x0c\xc3p\x04\xb1\xa2\r9[\x95\xe9\xe2\x9eq\x06\xb5\xe4\x84\xd3E\x00/\x11\x8d\xcbt\xd0\xb0f\xf9J\xd2\\\xfd\x87S\x97\x92\x1a&gt;\x90\xb0\xda\xf0K\xb6\xc4\x18\x9e\xf1\x1bO|O\xe9$\x9fg\'\xfa\xfd \x08\xfa\xb06\xb4\xdb\xac%\xda5*\xfd\xeb\x10\x83\x83\xd4s^6\xfdAc\xb5\x8c\xfe\x1b\xc3\xf7\xfb\x89\x8bh\x90W2Z\xfe\x9f\xdb\xb3\xf8\xce\x9d\xa1\xb8\xc2Y@\x17\x12\xc0\xab\x8f\x1a\xa6\x14\xf7\xd2\xae\xc5\x95=\x82\xbb\xad\xd7D-\x00\xbe\xf1\xd3\x8c\xf4\xf5D\xbb\x19\xa9\xb4\xc6`o\x99\xe7Y\xb8\xe6/\xa6q\\\x02\x01=&amp;\xa1\xe17\x86`P\xae\xbf\xd1iv\xfb\x08\xf0\ns[\xd7d\xb9A\x0f\x8e\xd8\x0f\xfa\xa5\xe4\xa8\t\x8c\x9bV\xc5\xda\xfc]mj\xfc(\x9a\xban~\xcak\xb8\x98\xa6\x15v=T\x88\xc2\xbaJ^R\xd0\x97\xeb\xcc&lt;\x19Z\x1eg\xc4\x8c\xbc{\xac\xa9!\x16&amp;\xf2\xa1\xd3\xf2/\x93\x1393Q\xbd\x831\x85u \x9c\x7f\x88: \xf3\x91\xd6\xce\xa4G\xb6U\xd0\x94\xe70g2\xca\x0f\xb3h h\x83\xed\x84\xb5\xc8\xfed4\xe1v\x80\xa2\x03\x13t\x0c${\xba(\x1bs\x15\xf6\x8fm\x98\x17*\x88\xfb\x9c\xbe\xd1\xe9]\x05\xe2\x00\x87\x05y\xf0\n"\x9f\x9c\xaa\x13e\x0b\n\xd5\xbbC\xe8\x81\xb1\xa4\x19\x7f#X\xf5\xea\xa7\xfc\xbbtx\x15\x83 \xfc\xdb\xf9\x14\xc3\xfa\xfcrIKo\xc8\xc8\xe8!FC\xf0\xd1\xc3\x91\xa1\x16\xde\xf2\x87\xcc\x0bA\x85Z\x86\xceS\x9a\x07\xf4@\x1dA[:b\x05\x16&gt;\xe7\xad\xbc\x87\xa8\xfd\xb3\x02\xd7(\xa7\x81]5\xb7G\x19\xc4\t\xbf0\xfd(\xac\xff \xcds\xdf\'1*(+5\xd8\xc3\xa4\xb1\xb3\x7f\xc9t\x92WNc\xb2\xb5T\xbb\xbd\xea&amp;&lt;\xda\x11\xef\xa0#\x1f\x80g\x07@\xea\x96\x1f\x05b\x0cR\xb9)8\xd0\x0c\xcf\xde\xd4o\xf0\xee\xea\xba@\xd6\xf4\xedd\xfbC\xc3p\xed!\x81ZYR\x16\xed^\x10\x14\xab\xb0\xde;\xe5\x92`-W\xfeI\x8b\xca\xbb\x1e6\xf7\xf4q\xda$\xc1\xb3"\xbe\xd9\x8bK\xbd\xa0ild\xf6\x93\xb6\xc0\x85\xa0\x804\x17\xf2\xea\xa2i\xdd\xe4\xcb\x05\x1cz\x9d\xf1\x94\xbe\x87v01\x1f\xa3K1\xd3+\xba\xcb\xc2f\x9b\xc9O\xf8(\x95y\xde\x0e\xb5m\x9aq"4\xaf\xbei\xb5\xc2\xc1\x8dAXd\xc4\x8d\x92T\x16\xc9\xd3\xc7a\x85i\xae\xcfih\x9f!\xb0=E,q\xbb\xcf7\xaet\xe3\x8eE\xd8a_\x92v\xf8\t\x90\x99/\x07Y\x96A\xecu\'\xbcS\xc1\xd6\x9bC+\xe2\x99\x00\xf8\xd4o,%\xf0\r\xeb8Y&gt;\x07\xc4\x184I\xea\x03\x1e\x99d\xdf\n\xcb\x06\xf7\xeeIv\xabW\xac3e}\x12\xe3\x06\x95\x84[U\x96\x9e/\x81\x8b\xe1=\xe7\xbc\xc5"d\x04\xa1\xf1\xfa`\x96,\x18Z\xb2nC\x80\xdc\xbd\xa7q\xd2\xcf\x8b\xbb\xa7l_ \xab\xc4\x9eY\xe2\xb5\xf0/)\x84Q\xf5\x8f\x91\x0f\x0f\xf1v`(o\xff\xbew_Yzjk\xda\x89\x86z\xab\xc5\x03\xe3Alw\xee.\x0b\x15Go)\x089)\x04\x98\x87V9h\xec\x95\xc7_\xe9\x04X\xb0\x9e\xdc\xc1t\x94\xfe\x93\xbf\xa3\x82\xfc\x8d\x1f\x9c\xdf\x14\'\xb9\x1e\xd7\xc0u\xe9l\x86Y\x8f\x89\xf4\xdd\xee\xe5\x9eXb\xe5\x8fm`.\xd9\xb3\xb6o\xf3v\x14\xb4y\x88"\xcb\x82\xab\x03"\x08\xdd\xedv\x80\xed\xf5\xbe\xad\xa0%\x0fz\xda\xbb\xec\xe7&amp;[7+\x93\xd3O#\xee\xc3G\x9d\xaf/N3\xa5\xa4J\x00\x02\xd2\x80C\xa4\x16\xe2\xea\x80\x9a\x88v\x17H(*\xab\xf1\xbfv[\xafA\xee\xf3\xf8\xc9\xbe}\x8f\x98D\xdbm\xef\x10\x9c\x19\xe4@\xe8\xc7\xc3!\x98\x82M\x0e\x1c,\x95+\xbfI|S\x9ag\x8dH\xbb\xe0{}\xbcf\x11\x9d\xdf\xbe\xee&amp;T\x8f7\xbe\x06\xa9\xe51={\xb2k\xd8~\xea\xfcW%\xb5\xdb\x8a|S\xc9\xc6\x809\xfcl\xc0\xe8&gt;\xf8\xa4\xe9\xb1\xa9S\xc0\x1a\xb9\xa4,\xdd\x04e6\xd1\xdd\x97?%E\xabE\xe2\xd4\x84\'\x89 %\xc9\xb8\x90\xff\xba\xde]\x87k[\x91\x83\x17\x96\x87\xaee&amp;s?\xbdA\x99\xdf!\x1f\x84Us\xf4\x07\xb8\xa8I\x1d\xecR/\xec\xf9\xbb \x12\x93\x0e \xd3\x17pW\xff\x11D\xbf\x8b\xf6\xd2\xa5\x12\x7f_\xaa\xe0\xa1\xd4\xad\x08\xb9\xe8\xfa\x81\x17\xffO2\x88\x01\xb9\x08Ut\x153\xeb\xb0\x8f\x19\x9e\xce\xd9j/v\x8c(\xa4\x0b\xc9tc\xa1\xa6$*\xee\xe4\x94\xbd\xca\xec\xa8tw\xa2j$h&lt;\x014\xc2\x90\xe0\xbc\x11\xe6\x00-D\xa8\xd9#v%\x04\xc4R\xa8\xdb\xec0\x87\xf9\xaf\xa2\xc6\xeblU=\x8c8\xfc;\xbc\xae\xc7\xfc\xbc\xe4/%\xc5\xfbNB\xe0m_\x1f/\xbb\xe1N\x15C\xbd\xcd\x821\xdf\xc8\xee\xebV\x86X8\x8cu\xac\xd9\x94\x08\xb0\x8e\xea@?Eu$\xdc\xd43\xf3O\xb7\xf7\x80\x81\x1b$=r\x9fl\xea\xce\x9a\x95kmK\xd7\x13\xbc$.\x00\xe3R\xba\xb2+\x82bu\x065\xbd\x08\x92\xd2\xb8\x02\xef\xbb\x89\x02a5*\x9e2\xff\xc6\xa7\xb8\xd6\xe1\x06\x81\xe1sd!SZ7\xb2d\xb9\xdf\x9f\x0ecEc\xbd\xd3\xf6\x9c\x8d\xd7Y\x85\'\x890;\x99\xcc\xcb\xcb\xa3\x7f\xa1U\xbc\xfdq\xf4l\x1e-\xe2)vB\xeb\xcb\x10\x9b\xa3\xfc\xfeVa\xddN\x1cx\xb5\xa4\x89\xfe\xef|\xe9\x81yJ\x89\xd1\x18\xd2Nq\x8b\xea/\x16%\xf0\xd4\xdc\x17\x85J\xcc\x9c\xf5p\x100\xea\x87\x99\x8a\xd8\xc9\x05\x17\xea\x83\x93\xa8{.\xf3\xe1SdT\x08\x9e\xd5bX\xb8DN@\x1b\xadEx\xa4\xc8\tS|\x90C^\xaeC\x91$\x05\xc0\xec\x86\xd1]\xab_\xa2\xbaL\xa1_\xadsC\xf8J.=\x19\x83\nlt\xbb\x9c\x13\x91O\xc3*\xe8\x9b.\xf8c~\xf1\xc9&gt;\xa2\xf8\xb3R@[\x1dP\xbb\x1e&gt;\xfb\xe4\xf0\xd4\t\xf2\xa4\xc6TR\x1f\x83=\x9b\xf0\xdcN\xd9n\x01\xe1u\x0b|1\xfb\x198Q\x00\x13DC\xa7\xdb.IX\x88L\xb8\xae\xed4\x85\xf0\x95\xedl\xb1\x9c\rD\xf9\x1c\xf0\xc8\x17\xa5\xcd\xa6%\x1d\xbe9\xe3\x10I\xbev\xc4\xe2-\xdd\xdb\xbd\xf5\xbe\xc0\xec\xf2s\xe7\xf2/\xeb\x9e=\xd5y\xc1\xa4\x1b\xccd\x8eg\xbf\x1aK\xef"\x8b.\xbf*\xf6[\xb9W\xa0\xd7\xce\x01\xe9\xc1\xe1\x8d\x15\xdb\xb0\xc3\xa58\x05\xd7\x8d\xc8G[\xd6h9\xd3\xc9\x89\x92y\x9a4\x9b\xeb\xdd\x05\xe1M\xd9\xf1\x18\xf4\xd6\r\x9d\xbf\xeas\xe3\xb1\xff\x95.@v2h\x17\xbb\xe6\x1b\x9aHe\xacz\xb5l\x03\x1d%\x99^\xae\x87\xce~}\xa3\xfb\n\x00O\x83\xa2\xfc\x92Y\x03o\x9e\xb8\xdcU\xae\x05x\x1eY;\x04\x80\x7f\x8f\x844\xf5U:\xba\xe6#\xf9O\x93\x9b\xadjw2\x07y\xf6.\xa8\x0f\xa8I/\x99\x89\x11U\xf71\xb5+\x93\x06;F\xd1\xac\xf31\xc1\xb2n\xda\xba\xbc\xc8[\x1b\x90e\x08\x90\x08o\x94\x1d{\xee\x1f\xc7\xf8\xab\xfb\x13\x07\x8f\xe2:\x86\x80\n\xc7\x97\xce\x1d\xf4\xc4\x04\n\xbd\xf96\xce\xea"+\x14\x16&lt;\x05u\xfb\x04\xb6\xd6\x9e\x03\x9agC\'\xc8\xa7\x99\t\xd36h&lt;\xf8?\x06j\xf9\xe8\xd0\x018f\xc5\xc6S\x03F\x9aB\xcb\x7f\x83e\x97\xd0~7\x9d\xa1\xe0\xd4@\xd4*\x1c\\\xe1J\x17\xd4K\xcb\xbd\x03\x1e\x03\x92\\\xacp\x07\xd5\t{\xfb\xa0d\xbfw\xec\x9aq\xad\nz\xac1\x05Jg.\xf2\xc7\x0bU\xf2\xc3o\x12\x0b\xe0\x8b\xe4la\xd4\xeb\xc4\xe3\xeaA\x83\x86\x1d\xc5\x99\xaf\x1c\xdb\xf5:\x1eq\x96\x96,w\xb0R\xf2_R\xc3\xb3\xef\xa76l\x80\xb6\xf2\xea\xa5\x9aM\xa6\x05\xdf.\t\xf6\xcc\xc3\xb5p\xa0\x1a1\xff"\xfa\xad\xaf\xd0\x94\x11&lt;F\x90M#|#\xb3\xf3|\xd4\\\x9b"g\x81\xb3\xa6\xcd\x83\xc2we\xfa1"\xba\x82\x10\xf6c\xf1\xb4\xdfa(\x82\xef\x9fU\xed/\x8c\xa7*\xb8,a\xaa\x8d\xa3S8\xaf$QF"\tv-\x0f\xb9\xfc\xdeN:^\x18w\xa9y\xf1g\xb0 \x9e\x1d\t%\x82\xc4//\x8f\x1e\xe7\xbd\x84\x83\xfa\x81\xd8@\xdeZ8s\xf0J\r\x02\xa1\xa1\x93\xbe\xad\xad\xd0\xa8J\x18\x01u\x02\\w\xf3\xebr^\x8e\xfd\xa7+;zjGyl\x03G w&lt;\xf4C\xef3\x15\x90\xa2LW\t\xde\x8f\xedQ\x03\x81"@8\xc7)\x055:;d\x07\x91C6\xe9a\r\xc8\xa6\xce\x8f\xe6\xcf\xb1\xa9\xf9f\xf4\xeb\xf1\x93\xc7\x98\x95[\xdbs}[;dNl\x11M3\xd4)\xe5\xef\xd9\xaf\xf1\x1dZ\xc4W\xb9\xc4O\xfc\xd6\xb9\x0f\xab\x07\xb3\xc5\xa3p\xe8\x8fB\xfdv\xfe,\xe3\xa4\x81#\xdaIF\x0b!\x83|\xf0\x83q\x88U\xbaia@\xb1\xb1?\xe3\xe9y\xf9\xa5\xab\xb6\x90mT\xc6\x81Q\xeeU\xfdP\xcb\x84\xda\xd8\xdf\xa9\x1a\xc2\xe9\x9d\x19,\xc3\r\xcf?\xf4\xd4l0i;\x8d#\r\xa8\x8e\xab&amp;y9\xc5\x80\xb9D\xfd-*\xecE\xa8\x05\x17R)76A\x0bal\x81\x08C-0^\x95\xa3\xe2/?\xe8,\xd6\xf6@=\xf9\xe7\x9b\xf1\x13P\xe0\x9d\'\xca\xabK\x8d\xa8v\x7f\xdc\xd0\xf2\x12\xe2f\xc1C \x8d\xe39Fi+\x80\xe7\xab\xb3p7\xa3\xd8\x8c\xb3\xc8cM\xdd\x81\x8c\xa0=\x1e\x19B&lt;\xa6\xc2\xb9u\xacd(\x1a`6\xe5\xc4l\xf6\xca\xb5H\x98\xdd\xd1j\xe5\x87\x88\xfd\xe8\xad\xdfAx\x99\xfbh\x9c\xc8\x15\x86Z\xc2\x05\xb5P\x8a\xd8\xf6\xee\xc9=\x91y\x9df\r\x88\x0b\x9a\xce\x084{g:\xa8\x02\x9e{\xdf\xc0\xd3f4\xdf\x98&amp;\xfc\x1d'</t>
  </si>
  <si>
    <t>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</t>
  </si>
  <si>
    <t>b'\x88G!\xc14t\xb4\xe9\xe0a\xf0Q6L,\x15'</t>
  </si>
  <si>
    <t>ied the captain; and even 
 in the hurly-burly, I perceived a change in his voice. 
 Mechanically, I obeyed, turned eastwards, and with my cutlass raised</t>
  </si>
  <si>
    <t>b'\x85?\xa7\x10\xda@%a\x9b\xb9\xe8\x89\x1f\xe7Sr\xd2\xa9T\x9c\xb8\xa4m\x08\x0f@&gt;\xe4fH\x1a\xfb\xa4\xdc\x86\x18&gt;\xdf^\x08w\x0e\x9a\x92\xf03\x8d\xc5\x80\x00\x1d\x8f\xce\xfbV\x8djx\x00i\x9c\xb9.\xdcN;\xd3*\xd3:\xaa\xf5\xbb\xd3`\xbf\x80\x86k\xd4\xd9K\xb8_\x19\xd9]\xa1\xda\x00S\x06\xc5e\xd8\xf0\x03\xbb\xa1\xa0\x91\xe2\xed\x8909\x8dC\xb9\x8b\xe8z&amp;l@cg\xd3\x08\xcd\xfdl\x0e`\xa8g\xf8\xe6i\xadE\\%M!&lt;\xc9\n\x0e\xd1\xad\xf3T\x99?\x9e\xbarO\x82\xc9%\xde\xb6\xc4)n\x0fp\xf8\x88H\x1c\xa7\x978q\xdcr\xfd\x91\x87\xfc\xe5\xbb$\xa8\xc7\xd5`\xdc*\x7f\x02\xec\xa5\x08{\x96\x93v\x0bH29\'\x12L\xb4\x1b\xb4\x06\xd2x\x06W\x8d?\xae\x08h\xd2\x04s\x19\\\x1bK\xfa\xfbm\xabD\x0ct\xb7\xb0@\xb1\xbdr\x8d S\x11\xee|\xcc\x02U\xb1\x81\x13\xbe\xe8\x1fmZ\x82\x0f\x0f\xf7*xb\xb1\xe73:\xe9\xcb\x9a\xc7\xd0\xed\x12\xbb@\xec\xa1\xfd!\xc0\x12c.\xa1\x9b\xb6:\xbb\xf7\xfd\xae\x89\xc0\x96\xde\x01\xd1\xc4\x1f\x99\x1dvT\xee\xaewEB\x86\xb0\xda*\x16\xeb\xee\xebpS\x96\x83\xc2g\xa6(^\t\xbb\x016\x83\xf0p\x04\x13\xf7\x80\xfb\xfb\xc0\x08\x13\xc8\xe4s\x9a\x02\xdc"Q\xb6\xb3\xa9q\x96\xa4y\x88\xd84L\xa2\x8a\xa5\x02F_,KpH\x93f\x07)\xa5\x0e\x1f\xc4\xb1\x98\xea]6\xfbO\xec\xa8\xb5\x80\xe1\xc0&lt;\xdb\x05\xbe\xde"\xe6\xd0\xae\xf2p\xe4\xc2\xab5u\x7f\xe8gj\xb0h\xba\xef,\xfa\xc7`^\x9ar\xf6Sd\xac\x1a\x1eG$\xea\xb4X\xe2\x8f\x9a\xb4\xcd/\x94\x97n\xfa\t\x1f\xaczY4x}\x93\xce\xc2i[L\x8a\xef\xf2\xfeUP\x9d\x10?3\xf2\xdb\x9a\xf6\xda\x1f\xf1\x1e\x05\x8d\x12\x8dc\xe5\x05\x11\xd1\x8eT*&lt;\x8fW\xbf\xb6\xf8\xc1n\xf2\xa4\x07.\x87\xcf\x81\xb6J\xe2\xad;\x1b*\x00;\x11\xfb\x1b\x84\xb3\xcf\xaf\''</t>
  </si>
  <si>
    <t>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</t>
  </si>
  <si>
    <t>b'\x85?\xa7\x10\xda@%a\x9b\xb9\xe8\x89\x1f\xe7Sr'</t>
  </si>
  <si>
    <t>ort as I could make it, told the whole details 
 of Silver's conversation. Nobody interrupted me till I was done, nor did 
 any one of the three of</t>
  </si>
  <si>
    <t>b'\x87\x8b\xae\x9f\xca\xc0_\x18\x96\xcb~\xb4x\x1c\xdb\x03{L\xaf\xbb\xa3\xb6\xd8\x19\xcb\xfe\x14\xf3&lt;tqq\xe5\x8d_\xac\xb3z\xdbD\xe0{:ZZk\xf8z6\xcbR\x02ts\xf8\xb4\xf2\xea\xb8\xe8\xef\x95\xb5z^\r\x1cJ\x13\xe8\xf0\'Vu\xfd&amp;\xfa\xdd\x7f\xca\x83\xae\xf6\xe8\xb7\x8cP\x80\x82G\x98#\x10D\x07N{\xbbW\t~w\xde\xc1\x9e\x8d\xcc\xe8\xc75\x80\x97O9Kk\x0e%K\xbbi\xae\x82\x99\x9eV_\x83\xaf\x07dt4&lt;\xcdI.u;\x17MFU\xe3a\x99\xf8Z\x12\x03|\xb4&amp;\xc2\xbd\xf9\xca\xa3\x87\xcd[\xc2\x9e\xc7 \x02\xd0\\:\xa7\\\x8f\x9d&amp;\x1a\xdc\x82:\x82\xf7\xfc\xf0\x0c\xd5l\x8f&lt;\x18\xa18\xdf\x98\x0e2\xd3$`\xad\n\xa5\xfaXL\xa8\x1a\x84\x97\x17\xcf)\xf7[\x0c"5\xfb\xd0\xbcC\xa0\x9a\xf7\xfei"\x1e\x97\xc4\x02G\x16\x93\x89\xa9\x96\xb5\x82X6\x0e\xc26\n\xa9Q\xff\x9d\xf7#\x90\xaf\xaayKE4\x1fPkO\xbemm\xf2If\x91Bn\xdc\x0fV\xc354\xd1\xd4E\xe1\xc6\xc4\x8a\xedj\x0fA\xc7\xc4\xcc\x901\xeaa\x8a!\x12\x92G\x93\xd8\xc2g\xbbz%\x82)\x99\xc7;d\x8aV\xb0;)RK\x9f&gt;\xf3\x07\x99-\xe9\x9e\xaf\x04P\xdah\xf8\xd1\x8e^&gt;/\x93\xca\xe2Q\x01\x941:b.\xcfsX\xaa\x9b\xa1\xa0\xfb\xe9\x88\xed\xd7\xa2G \x00\x9f\x81\x95\x17\xf13\xde\xc4W\x9f\xc6d\x8c\x0c\x00\x80\xf8j\xd8T\x96\x92(N\x85\xd6\x86vIV\xb05\x01\t\xb4\xea\x93\xf7@\x95\x95\xc4\xef\xa9\xc7T\xf9\xe9\xeb\xe6\x80\xac\xaf\xdf\x0btb\x10Q\x11Q\x9a\xac\xec\xd1\x01\x05\xc2\xafV\xdf\xeb\x01j\xb3n\xa8e\xf7\xa5.F\xc5\xf6o5j\xe2R9;\xd1\xbc%\xe0\xf0\xb4M\x8f5\xc0\xf2h\x9f\xd1Ye;o7\xe4\x92\xb1=\x94\xe3\xa5\'\xa8\x0fc\xb2L_\xa5\xec\xd3\x8bB\xf0\xaa{\xae\x00\xc1\xda\xf0\\\x82\x01m\xbd+\x8ee\xd8\x0334'</t>
  </si>
  <si>
    <t>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</t>
  </si>
  <si>
    <t>b'\x87\x8b\xae\x9f\xca\xc0_\x18\x96\xcb~\xb4x\x1c\xdb\x03'</t>
  </si>
  <si>
    <t>n, was
 returned from her visit with a temper more than usually discomposed;
 and Emily was glad, when the hour arrived, in which she could retire to
 the solitude of her own apartment.
 144
 On the following morning, she was summoned to Madame Cheron,
 whose countenance was inflamed with resentment, and, as Emily
 advanced, she held out a letter to her.
 'Do you know this hand?' said she, in a severe tone, and with a look that
 was intended to search her heart, while Emily examined the letter
 attentively, and assured her, that she did not.
 'Do not provoke me,' said her aunt; 'you do know it, confess the truth
 immediately. I insist upon your confessing the truth instantly.'
 Emily was silent, and turned to leave the room, but Madame called her
 back. 'O you are guilty, then,' said she, 'you do know the hand.' 'If you
 was before in doubt of this,</t>
  </si>
  <si>
    <t>b'\xb3\xf9~\x04y}g\xe8\xab\x0b\xc8i,\x94DF\xab1\xfd\xfa&amp;w\xee\xdcJ\xd1\xf4\x82p\xaf\xe4\x92*\xb7\xdbO\xf3\xb5\x8c\xc9\x88\xa7t\x1a\xfb\x9b\xbf\x11z\x1dR\xfe\x93\x18\x1c@\x07\xb3\x04\x98\xefO\xb3$'</t>
  </si>
  <si>
    <t>b3f97e04797d67e8ab0bc8692c944446ab31fdfa2677eedc4ad1f48270afe4922ab7db4ff3b58cc988a7741afb9bbf117a1d52fe93181c4007b30498ef4fb324</t>
  </si>
  <si>
    <t>b'\xb3\xf9~\x04y}g\xe8\xab\x0b\xc8i,\x94DF'</t>
  </si>
  <si>
    <t>es available to you.
 One Caveat to Debt
 While there is nothing inherently wrong with debt, I would caution anyone
 against using debt at the very beginning of an ideaâ€”taking out loans for an
 unproven concept is a fast route to financial disaster.
 Daymond John, the CEO of FUBU and a regular investor on Shark Tank,
 spoke onstage at the Capitalism Conference. He explained how debt can
 cripple a business. If you take out $100,000 for a business, itâ€™s easy to get
 distracted by storefronts and packaging, without ever taking sales. Wait until
 you have predictable sales to take out debt.
 One of my most famous YouTube videos is about how to use debt to
 create passive income. Itâ€™s a video about leveraging what I call ROI arbitrage.
 Itâ€™s borrowing against your house, for example, to buy a website thatâ€™s
 producing 25 percent per year in passive income. Borrowing 5 percent to
 make 25 percent is a good leveraging of debt.
 Borrowing money to spend it or borrowing money to make speculative
 investments is bad debt. For example, buying into cryptocurrency is a kind of
 speculation. People would say they were â€œinvestingâ€ in cryptocurrencies. No,
 they were speculating on the price going up and down. Thatâ€™s gambling.
 When you have a product thatâ€™s not yet proven to be marketable to
 customers, youâ€™re speculating. Youâ€™re guessing. This is a bad time to borrow
 against your home or take out a business loan. I donâ€™t recommend going into
 debt to start a new business. Use debt to sustain and grow your business,
 knowing that the payments will come out of future sales.
 One of my students and business
 associates has an investment banking
 background, and he saw the challenge that
 new entrepreneurs have when funding
 their inventory. He rounded up some of
 his investment banking buddies and
 started a company designed to get
 entrepreneurs the capital that they need to
 get past the â€œinventory hump.â€ They
 specialize in getting sellers affordable
 capital fast, without causing stress for the
 entrepreneur. I love it when an
 entrepreneur sees a problem and creates a
 win-win solutionâ€”thatâ€™s capitalism in
 action! You can find funding options like
 this at Capitalism.com/funding.
 Once you have predictable sales, then you know thereâ€™s an ROI to your
 business. Now you can invest more into it. Thatâ€™s when itâ€™s a good idea to
 raise money, go all in, or borrow to be able to scale the business. But not until
 that point. Thereâ€™s a chasm of difference between the two.
 Another thing to note is that debt should always go into scaling inventory,
 not advertising or other costs. Debt has to be paid back, so use it on
 predictable expenses. Youâ€™re not guaranteed an ROI on advertising; but if
 your inventory is guaranteed to sell, then you can be confident that youâ€™ll be
 able to settle up the debt it took to buy that inventory.
 How to Know If You Need Money
 Money is an amplifier, not a magic wand. If you have a bad idea, money just
 amplifies that bad idea. If itâ€™s a good idea, it can spread that idea to new
 customers. So how do you know the difference?
 My first question for you: Have you proven that you can predictably turn
 $10,000 into at least $20,000? Show me the sales numbers from rolling out
 your first round of inventory. Money needs to have a strategic reason, and it
 needs to provide an ROI. How will the use of that money result in a more
 profitable, more successful business?
 My second question: How are you taking your sales? If you have a builtin audience (from an influencer or a social media following), you might be
 able to pre-sell all $10,000 worth of product via Kickstarter or as a private
 sale. Take pre-orders and use that money to purchase your stock, and then
 pass the bill directly to your customers.
 If youâ€™re having trouble keeping up with demand, or if you want to go
 bigger and have</t>
  </si>
  <si>
    <t>b'\x9a\xaez\xa1a\x1e29KR\xd9K\xc2\xf4\xe4n\xd5%\xec;\xd7 @\xb4\x86e\xbc\xf6\x8e\xe6\xd4\xf7\xd60\x08\x85\xc31\xd9` \xb3\x15\x188\xe0\x88,N4V0\xcf\x91\xa2\xc7\xda\xac\xa4\x9e\xd1\xa5H\xa5]\x1d\x03\xc3T\xc3\xc1\xf8\xdb\xd7\x84\x11\xa0X\x8a\x12\x82B!{w\xa8\xed\xbf\x1d\xe6\xa2W\xbd\xa6\xf5\xab\xb0\x07\x08\xd5e\xbe\x81zkRZ\xcd\xbe\xed\xd0#\x9a\x82\xea\\\x8b\x19\xb6\xad\x01#\x06_\x98_\xef`\xec\x01L\xfd\xef\xc3\xfb\xce\xee\xf1lNJ\xa2\xae\x91\xf0\'\xe5\xf8\xd44\xfd\x9d\xeb\xfa=\x1b\xa9Pj\x06\xa6\xdc)\xaa\x8c`b\xc4+\xc7\x0c\xb6K\xdf\x9c\x06\xe7\x97\xe5\x8b\x806\xd7\x84l\xdfD\x85\xa83\x1de\xbc\xe3\xd6\xd9@\x9b5A\x9d\xe0%rs\x87\x0b\xcf\x94,\x80\x1a\x04b+\xc8\x15GCH3\xe8\xd7=\xb7\xc0\x97,!\x8c\xde\x88\xber\xc5\x10&amp;\xd8ajSI\x97\x84\x18\x1a\xca\x89e\x13\x0b\xcd\xca\xa6\xddB\xdcY\x89\xff\xc0,\x05\xc7BC\xf8y\xca\xc7%\x03\x7f9\x08\x08T/7\xe2\x9d\xdc\xdbT\xac\xc7\x0fo\xc5\x87&lt;f\xa1\xdd\xb8^X\xaa\x8a\x87\x91\xb7\xb7a\x8e\x8dP:&amp;\x88\xd5}\x86@sTb\xf1\xab\xb5\x13\x1a\xc3\xe6\x03)]\x8c\x95&gt;\xbf\xe1s\xee\xae\x0e\x178\xd3\xfcGv\xb4\xd8\x95q$O\\\xd3F\x93A\xdb\xbcG\x05\x83[\x07/w\xd2\xe2\xaf\xa3\xd2\xd6\xaa\x070)\x8e!\xa9\xc5\xf6\xffn\xdcO\xa0i\xd5\xdd\xf79\xd7m\x07q\xacwQD\x99\xc0\x84&gt;\xbc\x91\x93$as\xb5\xb6(\xc7\x88\xe4R\xe0\xa1\xc1\x8b|\xd0\x85[\x9em\xa4\xec\xd6\xde\xe7a=\x84\x03\xa7\x04\x90\x82u\xb1\xa5\xb0\x94?\x96\x81\xfa*(n{\xaa:\x9c|\xbc\x0bi\x11Z\x04\xbf"e\x94\xf3P\xec\xfeb\xbc\x9a\x0eEBKI+\xfc\xee\x83&lt;;\xae\xa3\xf9\x9dQ\\aj\x13\xe0\x10\xb6&gt;\x1f`{\xcf:[d\x9c\xfe.\xd1LF\x80\xeb\x01&amp;\xb0\xd84Z3!\x00N\xf8\x90.\x17\xd3\x8e\x97\x92;\xa5\xb1W%\x892S\xa6$!\x00*k\xf9\x9e.Z\xd1=g~\x81&gt;\xeb\x90\xb3\x07\r\xedn\xf4\xb4\xf4\x13\xf34#\xdb\x08\xd6\x08!5D\xealf\xf5_g\xe9]~\xe9p"{\x8e\x0f/\xd0S\x9d\x9d\x89h\xc3\x17\r\xfa\x1e\xc9\xaa\x82O]\x91y\xd1\xd22\x05Z&gt;tT\xff\xf2\x03\xa3\x1e\xee\xa6\x87\xf5\xe3\x10\xb9\xc5\x9cH\xb7\xe0\xcd\x0c_\xfa\x1abVE\x80\xaf\x11\x84\xf6\x97\xf9,\x87\x8c\xfc\xa3\xcfV\xc4a\x19\x8f8\xf9\xfa\xd6pA\x07\x89W\xab\x05\x9eAm\xe1s8u\xff~\xd2\xc9\xe5\x80\xb7\xe8\x9e\xa7H\xf5Z\x1c\xa6,rT\xe3\x89\x12 \x9a\xf3\xac\xd4\x93\xb9\xdfla\xad\x81\xb8\x1389\xf8\x0f\x93W\xcbzx\xdf\x90\xd6\x8a\xcca\xbc\xf9\xb1\xc8\x1d\xc6\x14$\xa1ELl\xaeb\x15\xfb\xb7Z\x1c\x82\xa7\x10\xb2\xc1\xdd\x84\xd2\xb3}\xcb\xc4?\ty\xd4S\xe2\x1d\x11J{\x96z;\xf6A\xc7\xfbx\x82\xb0\xfa\x9eH\xed\x88\x00\xa5\xfd\xd7\xc0cY\x192{\xa3\x0e\xef.l\xa1\xd9\t\x90\xb46A\x0bF9T!C\xef\xc1\xdb9\x87\xd6C9\xc7\x87\x0f\xb4\x9b\xe4\xd0\x001c\xfaO\x8d;~\xe6"\xa8\xaa\x92\xb8\xba\xbd\xd8}f\x15\xa9\x1c\x99\x15\x12\x94\xce\xb6\xb5\x13\x07\xfe\xe1\xf9\xba2\xb7\x1dA\xdauHu\xed|\xba\x90\xabB\x92+\x05l.\\\xecH8\xf1\xf3\xbb\x08\xaa\x13y\x1d\xe4\xdc\xfe\x89\x943\xbf\x14eU\r\xcc \x81\xfb\x9f\x08\xde\x01$\x8b\xc6T\x17\xa7\xac\xa4\x82\xd8\x1c\xb9s\x14\x87*\xf0\xe38\xe1\xcdU\x19\x8c\xd6\x03Z =\x92\x9e.\xe0BC\x00\x1bG%\x19\xd7\xb0\xad\x9bf\x0b\xe5\xaf\x1eWLO\x08\t\x072\xde\x02\n\x0b\xf9\xd0a\xd1\x93\x9f\xa3\xa30\x1e9\n\x96\xe2\xd8 R\xad\xce\xf8\xe9l\x93\xea\xdb0\xaf\x1fFn,\x00\r\xa4\x98AA\x12`\xa4*\x12ac\xc7\xf4\xa2\xe4\x06\xf4x\x9a#\xf5V#w"\x1b\x06\xe5\x01\x9a\x81\x9c\x06\x8f\x08\x14\xeb\x97\xec\x863m\xdfHC4F\x85\xe7d\xcd~\xf3vV\xfb(Q\xfb\x0f}\x19\x1c\xf5\xe8\xa6H\xb3V\xc7\x02\xa2\x84\\P\xfa\xca\x90\xe8\xf1\x13L\xb6\xfbb\xaf\xef9B/\r\xe5\xd0\xe0\x9e\xfePJ\n7\xb7\x040\xd1\xc8\xff\x92\xb7]\xe8\xee\rF\xc3\xde\xd1&lt;\xa0\x02\xbc\xd5A5\x9b\xfd\x03\x94@\x95h\x0b\xe6\x05\\\xd4\x0f&gt;(~Ow\xa6Il\xa5\nz=\x03[\\\x03\x84\xd8\xb6\x91[\xdf\x1e\xb4\xc9\xb8\x1e\\\xd9\xab\x91\x19\x1d\xe9\x9b\xe6\x02\x05\xa3\x0e\xc6\x11\xfe\xb6t\x06\x8dl\xf7Eg\x1f\xcfo\xf5\x96\x92u.^\xca2\x951\xf8\x84\x0cv\xdb\xfe\xde\xc2\xe3O\xe5Y\xcb@\xea\xef\xfe\xf5~\xb02\x11\xb5]\xfc\x01\x8c\x107d\xd6\xcc\xc5\xaf\xa8\x81\xca3L\xd10S\xc10\xce\x15n\xbdO\xd4\xa8\x82#\x86\x85l6$\x12\xf5\x02\x18\x0f~O\x19\xee\xfa\x97O\xf4\xa1\xc0L\xca\xd2r\'B\xc4\xf7\xee\xbbT?&gt;\xfb\x01\xd2\xb9x\x0cYmj\x80?\xca\xd1\x89\xe8y\x06\xe7o^BYe`\x9bFU\xed\x01+\x8dlw\x8b};A\x93\xa4\x88\xdd\x19@{Bv\xc6\x0c\xd1\x7f\x84\xd76\xb3\xe4\xcb\xee\xd8@\xcex+\xa4\xea\x01\x01^\x9fZ\x17\xe2\xc0I\xd6&amp;\xcc\xf5a&amp;\xf0\x1e\x81Q\xe7\xf4l\x17\xa2q:q\xed\x1cV\x93\xf0y\xea}\xacw\x85\x80\xab\xc7\xa5j\xd1\xa7\xcf\x08lr)\xb6\x1c\x0b^\x8e\x13\xdc\x8d\xe2\xa7\xfc-\xe5\xb8\x15[\x98\xde\x1e)\nA\xc5\'=e\xc8\xed@\x89\xc2\xfd\xce\x0c\x13\xf9\r\xdc\xabZ\x15\x86\x1bM\x0f\xaamJ^n^\xa8\xbf\t\xb3\nt\xf4\x8f\xd6\x99T\xa0\xe2\xaa\x8fj\xea\xece\x89\xc0\xb4\xa6\xa9T?\xa2\xb6Gz\x80\xb1\xa2\xc6\xa9\xcfSzE\x8f\xc6\xe1K\xf1w\x9cj\xbf\xec6\xa0w\x12\xfe\xf2YxYtQa\x9b\xee\xd5\x02\\\xec\x80a\xbc\x87\x0c${?\xf4\xcc\xebou\xddq\xed\xb0\x88 \xcc\xff\xc3\xbbK\xdf\xcf\xef\x92\x9d\x05\xc4\n!\xd3\x1e8\xe3H\xf1\xe0\x80\x95\xe3O\xec\xf7\xd2.\xc8\xdc[O\xc8\x99\xfd\xfd\x15\x92\xa0j\xe73g\xab\xff\x15\x9bow\x9d\xb4!\xf1\x86\x15\xe9\xb5\xd4\xa6\xfe\xdc\x826@\xffA \xf0\xbd\xca F\t%5\x10\x08\xcd0@\x14\x8e\xe6\xbf\xaa\xc1\xe4B\xe1\xb9}\xb7\x1a\x8fAR#\xc3\xda\xaa\x07J\xf9)\x1d\xce\xa1\xfc\x19W\xbd\xfc\x16D\xd0\x0cK\xeeJP\t\x9d;N\xce\x18\xb2pX$:_\xa5\xbc\xf2\xc8\xedl\x11\xe2\xd0\xbb\xa8\x02$fAuT\xa8\xc3XK\xbe\x9b\xba X+\x9ew\x91\x8c\xb0\xda%\x91\xda\'\x8a6\x89\xedE\x8e\xfc\xa3\xc6\xffw\x9eD\x18Jja\x16\xe4Lv\xa6\xe1\x04+\xa6h\xce\x0f&amp;\x92\xedE3~:1\x9e\xbd\x0e\xfb\xdb\xbf\xdb\xfeZnEQ\xdbr\xcb#\xed*\xd2d\x0f\xd6[*.\x08\xde\xa3\xa7&gt;\x10\xf5`\x0bK\xba\x81P#\xd5\x96\xe0\xf8\x03l4^\x1aN\xba&lt;\xda&lt;\xebY\xe8\xc9\xd6\xc4=\xca2\xd9\xc3K[\xf7\x84\xe8K\xf9\xb3"\x9f\xd6&amp;\xc0R\xfb\t\x10\xa4\x98\x05\x16#M?E\xc7\xe5\xb2\xda/\x069~\xb6\xf4\xd3\xc1?4$\xa4T\x86\x07/L\xae\xdb\x9d\x16\xd0\xe3\xb8!i\xba]w\xcb\x03\x1ef\xd9u\xce\xdfN\xea\xf3\x15\x1a\x06\xc5\x90\xb1\x15\r\x8cG\xadJ\xb3*\xa0\xa8ea\xc9NG\xe1H\x0b6/\x11\xfc\xdd\xd1\xb9.g\xc7!\xf7\xf2 ]\x16\xc4(\xf8\x18\xe5_J_\xe5}O\xd5\x17\x9f!\xe0uo\xd8\x1b0\xf97\xc5\xf8\x9d\x85g\xd1y}&gt;&gt;\x0b\x048K\x06-[\x8a\xcc\xda\xf67\t\xf9\xb4\xea\x01\x83\xf0\xeb\xc9Yc\xa0\x8f\xfd\xec\x1c\x84#\xa6\x9efx\xe5h8v\x07L\x7f\x03\xb6\xa8\x97"\xbckBEI\\\x83/\xad\x06\xf5d\x95\x12\x7fw\xdc\xed\xb5\x8e*o[l/?\x16\x89\xfc\xc9\xb9\\\xf0\xc1\xf7\xf14\xa2\xea\x19\x7flA\x16\x8b\xa9\xdb\xe7\xdb|xE#\xb5\x88\x1d\xe5w\xbc"Qb\xed]O\x8b\xfd%X\xc4\x14\xcb\x02\x84!\xac\x9c\xcb\x83\xad\xc7&amp;\x16i\xd7|R\xee\xb6"5\xfckr\x05\xb3N\xc1\x02\xfa&lt;\xc021a\xe4\xcd\x19\xae)[\x1f\'\xd0$C+\xc6\x1b\xe7\xc6\xbb\x9f\xe6\x94^@\xbd\xb1\xc1\xb2M\xdb\xc1H\x85"\x0f\xbd\xa4+\xce\x8f\xf0\x03/P\xd4\x8a\x1cc\x91\xf6\xf0\xd1\xc8\xdb\xe3\x1e~\x88gr(\x18h?T\xe5\x8btp\xe0Q\xc56\x8bf\xc8^;\x1av\xd2\xcf\xed80TNc\x8e\x87\xaa\xe3\xfb\x967Ad\xdfx\x12\x88\x0f\x06"\x80&lt;\xc4\xc95_\xfd\x1c*\xf6\xf01\x84\xac\xd5\xbe\xb0\xf2b&gt;&amp;\x99\xa8/\xa2\xca\xed\xa1\xdc\xa72\xf6oAj \xe10\x17\xeb\'\xd6\x1fH\x89\xb0\xb3\xed\xb3\x9fG\xe8\x1b\xd76\xe4\xa83\x16y\'e\x02\x06U\xc2\xad\x99\xfa\\\xfdz\x7fM\x16\x8b\xf9\x8bs\xcdcS\'\xf5E\xad\xea\x0c=\x1c\x94\xd6\xa7VY\xe0\x8d\xa1y\xb5\x97\x8c\xf8Yam\xd0\xaeF!:Bz=\xa4\x04m\\I\xf4\x90\xb1%\x11\xe2\x92\x14;\xe7\x80\xe6\xd6a\\\x0foZ\xd3\x90e\xda\xe9p\x80\xef\xed\xb6\x92\xda\xdci\xe4CDc2qn\xf20\xd4\xeb7\x89\x85\xb1\xa08\xaf\xe1v\x94\x11\xd2T\xe1h\xfd\xd3\x15\xbf\xa13I\xa1E\xd0\xa6\xa1\xc5\xbd$\x10\xc2\xb6:\x9d\x02]/\xa02+\xabJVo\x8d\xd2.Sq\x8fH\x1f::\x9a\xe8\xd3\xef\xad\x10\xcc\xc8I\xa5\xcd\xf9\xf1\xecg2\x98\x05H\xb8#\xd2a:K\xe0\x15\xda\xacbDF.\xb86\xe4/\xd6\xf0\xf0\xa8\x1da%\xe4\xc9\x88Zm\xe7v\xddVbG\xfe\x96\xab\x94a\xa1, \xef\xaf\x00\x83[i\x1e\xc7 \x11~\xf4\xc8\xc8h\xf1\xdfY\xf9LW\xce\xdf\xbd@^]\xc3\x80T\xbf\xce\xb6SX\xe5\x9e\xc8fQ#Qi%\x07\x0f\x03Qjf:=\xa7e\xe1\xb9\xad\x99\xcb,\x04\xf4\xd2:)p\xfc6\xb9\x8e\x80\xa4\x1f$Z\xf5\x82\x01\\d\xe3\'\xe3\xbc\x06t0||-\x05\x01\xe7\xbd\xe0\x03\xb4\xc3\xa5\xab\xef\xee\xcd\x12\xa4\x992$q\x89,\xd8\x9c\xf6\x7f\x14P\xc7\x16\x92e\xf6\xe9m\x95ML\xb98\xc9\x07Z\x8e\x0etW\xd6t&gt;\xc9\xa2Sd\xa8+\x8a\xe2\xe0\x0b\x80\xad\x05\xd4-,\xca\xa0f\x84\xc2\x07\x93mQR+V\xd6Y12\xf6\x7f\x11\x8e\x01I \x13n\xde\x0fO\xab\x9avH\x89)\x899\xab\xe9\x8a\xb8+\xf9-r^bPC\xb0\x9d\xa1\xd9\x89\xdd\x8e\x81$\xb5~m*oW_\xf5\x0e\r\xa0d"\x97\x05\x84\xf0\xdd#\xfa \x86\xfe\x05pA\x89.\x1a\xfc\xe0\x89\xc7\xda\xb2\x0f\x87?\x08\xedLfL(\x83\xf2\x0f\x12\'\'Wz\x06N\x9c^l\xbd\xa3\'\x88\xec\xb5^:w\xc3\x1f\xec1\xce0R\xd7\xfbQRK\nPfDNK\xac]\x94t\xc4\x91\x1f|y@\x9c/\xe2Ig\xb4\x9e\xe5\x12^\xf0k\xc0&gt;\xb2gt&lt;\xa2cT\xb2\xb9\xb1v\xf8\x88LU\x93\xaa&amp;\x97\xcfQ\xd5\x92\xca\\\xf7\x00\xe8\xc5\x05\xd4\xeb\x86&gt;I\x80\x9b\x80\x88\xa0\x89\xe0\xe2\x04\x83\xe1\n\xa8\x1cdov5\x86D\xde\x06\x15\xd3 \xc1\x85\x8a\xd8oLj\xeb\xfd\x11\\z\xd7=\x1f\x83\x0bk{o\xfc\xb8\xbd\xc0\xd6{\\\x98\xee\x93\xdc\x7f\xc9\n|YgYr\xcaE$\x0b}tU\x13\xb6\\S\xf3\xb7\xbdR\xc2\x1c\xa2\xf2T\',BL\x84;E\x11\xd4\xeawx]\x1c\xc2\xae\xc5\xcf&lt;\xac\xc3\x005\x02\x1f\xe8\x96#5$\xcd\x98/rD\xbb\xf7\xd7\x84\x12\x07\x9e\xaa\x06\xe2\x14L\t+&amp;\xfcJ\xe1\xd8#@\xea\xd9\xc1a\x11a\x1d\xa1\x99&lt;z\x19/\xe0\xe4\xe3#n\xb0\xb1\xd2\xbbu\xa9\x13\x05D\xb7P\xf9\xa8\xcap\xc4\x81\xa4\xbaVd\xb1\x8a_\x89\x85\xdd\xde\xe7E\x1aNIuOQ\x1c:I%)\x0e\xad\xc0\xc9A9\xc4\x95Ty\xb73\x99I\x8aQ\xe3S\xce\xc7;\x9d\xef\x85Xt\x88-\xef\xddFZ\x1c\x89\x0f1\xfb\xefh\x92\x8bL\xdd}\xc6o\xa6\x1b\x97\xa2X\xfb\xb02oy\xb2*\x97\xdfm\xbe1\x11\xef\x86\'\x98MK\xcc\xf1\x0cV\x9b\xe2\x7f\x7f\xd9\x84\x9e4\xe1\xbf%5S\xc0Ao\xc3\xe9\x9f\xdb;\x07\xf2\xcf\x1a\xd0W\t\xf0\xe8\xb1\xc2\xf7\x91#\x0e\xc8\xdd\x8flW\xe8\xb9=\xb7\xaa\r\xad\x0cU+(\xc21\x06W#\xab\xea\x0b\xad\x06\x8a}\xb6\xca\xfa\x8b\x13\x87\x83\xd2\x129r\x83hc\xc1B\xc3\x89;/\xfbz\x05H\xa2\x06\x8e \t+\xb4G&amp;\xc3R\x8eZ3\'\x15\x16\xb0n\\#\xe0\xe7f\xaaA&amp;\xcc\x12\xa8\xfb\xf8&amp;-\xc0\xbd\xa4u\xca\xceA\xbe\xbb\x1b\x8f\x82\x12\x10\xc8\x0f\x9f\x8e\xe5\x05\x8a\x82;\xce\x8a+_Jl;\x93\xe5\xfe\xe7\xd5\x13J\xb6\xd5L\xf8\xbe.\xe6\x19\xc9\xf3\x18{\xc0&amp;\x8ex\x10{\x82a\xa7c\xfa\x9c\xd7t\x0c^cz\x1bc\xf8\x8f\xc7\x1b\xd3\x12}1w\xf7\x0eu[C\xe8N\xbaW\xa7\x86\x96?nn\x9e\xa8\xbd&amp;\x1f\xbb\x00\x19z\xa9\xd0$2\x91B\xbe"\xaeY\x843=\xb9\xc3\x0b\xd02Vy\x82o\t\x1f\xcci\x06 \xdc_uj\x07j\x12\x8d\xbb\xd6\x00\xf4Z3\x8ev\xb9W\xfas\x85`\'\xa0!/\x847sc\xd5\xfdW\x99/\xaa\x0bG_AV\x99\xbcr:\x1b0\xf8\xa0(*Z\xc0\xefa\xe8\xec\xd7^g-O\xb5\xd9\x0ei\xd2\xc9c\xc4\xbe\x1ep\x8d\xbd\x94L7f\x9a\xe7\x10t\xd6%\xee\xa6\xa9|\xb2f\x8bV\x96P\xf8\x82B\xbfsjiL\x10\xf8\xc0Z\xd6\xd0\x9d\x11\xef\x95`%\xaa\xda\xfc\xb9$\x04\x16\xec\x1d\xe1\x00X\xdab\x0b\x06\xd3\xeb$d\xc1[\xdd\xef\xa2\x0c\x19\xf9\x81\xccV\xf0\x89(\xce]\xfb\xce\x94\x1dI[\xdc\xc4\x92\xc0c\x9b2\xe5\xf74\xe6E\xa4\xac@Q\x12\xfb,\x14\xb8\xe3\x89T;\xfcxz3\xafKru\xfdF\xf6\x86r\xdd\x89*\xfe\x9b\x14\x9a\xae\x14\xf0\xc0\xaf\xa9\xa3\x96\xee\xcbKLye\x86#\xa7\xa0\xd8\xa9\r\x9b\xafI\xbc;]\xfe\xe1\x9b\x12\x1c\x12i\xdf\xd1\x8a\xbb\xc8\r0\xb7\xf2\x9a\xb4\x87o\xd3e\xe3\xbc\xf3\xfc\xbe\x9f\x7f=TJ\xf4\x05l\x13\xf4\x9aj\x85\x1bX 6\x19//*w\xf0\'\xc6\xf6\x08\xdc\xdcf\x8c\xa1_\x8e\x19u\x17\xbc$\x1f\xddO\xb7\x0fC\xbe9\xcb\xf1;\x0c\xea\x92\xb7$\xb3tZ`d\x00\xa5C\x98d\xb8\\.\x1c\xe2R\x18\x83\x1c\xd7}}\x8b\xa3W-\xe3\xbe\x8f\xc2@\xc5X\x976\x05m\xba\x1b[+\xffoU\xc2\x07h0\xae\x9e\x05cD\x17\x00T\x82\xcd&lt;: \x98w\t\xd33\x04%Q\xfd\xd2\x8e\x0c\xd9B\xbe:\xd7\xbb\xac\xd5\x068\x07\xa4\x10\xcek\x0b\x1e==6\x08\xf6\xc1\xee&lt;\xd8\xac\xdd\xfb!\xaaD\x9fs\x87\xef}\x1a\xb5i\xf5!\'PG\xc8D\'|\x9c\x80FG\r\xd1o^\xc0\xb3\xc7.\xa9\x85\x87\xe2\xc1\xd4\x94\x9a)\xc3W&gt;\xd86\x15\xcb\x06\x9e\x1e\n6b\xdd\xb6\xc7\x17\xf0N\xb5\xcd \x93r\xb0\x19JHL\xf7\x98\t\x95\x9e'</t>
  </si>
  <si>
    <t>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</t>
  </si>
  <si>
    <t>b'\x9a\xaez\xa1a\x1e29KR\xd9K\xc2\xf4\xe4n'</t>
  </si>
  <si>
    <t>"Now,
if you'll eat I will. Those muffins look so nice and hot. Tell me about Rajahs."
CHAPTER XV
NEST BUILDING
After another week of rain the high arch of blue sky appeared again and
the sun which poured down was quite hot. Though there had been no chance
to see either the secret garden or Dickon, Mistress Mary had enjoyed herself
very much. The week had not seemed long. She had spent hours of every day
with Colin in his room, talking about Rajahs or gardens or Dickon and the
cottage on the moor. They had looked at the splendid books and pictures and
sometimes Mary had read things to Colin, and sometimes he had read a little
to her. When he was amused and interested she thought he scarcely looked like
an invalid at all, except that his face was so colorless and he was always on the
sofa.
"You are a sly young one to listen and get out of your bed to go following
things up like you did that night," Mrs. Medlock said once. "But there's no
saying it's not been a sort of blessing to the lot of us. He's not had a tantrum or
a whining fit since you made friends. The nurse was just going to give up the
case because she was so sick of him, but she says she doesn't mind staying
now you've</t>
  </si>
  <si>
    <t>b'\\u\xfd\xa3\x83Ft\x88\x04\xd0\t\x82`UQ\xe7RW\x02\x0c9\xe8$;h{\xa8\x87\x99\x19iw\xd2\x81\xd2s\x83\xaeQH{\x88\xa8\xad:\x1c\xf6\xc3qC\xb8E\x99\xe8\x1d2L\x0e\xb6ip{\x8b\xf3a\x89\xcf\x00\x88\xd5\':\xd6\xe5Y\xdc\xad\xac\x9d=\x822M?-o\xae\xd2\xd8\x02yu\xb1\x15\x97=\xce\x01\x08\xb5\xdb\xbe\xea\x12\xb5\x93\x0c\xce\xbc\x14\\\xdc\xc4\xc0\xb8\x99E\x10\xf4\xaa\x00\x15\xb4\xc7\x92\x85\xd3\xfd\x98f\x96\xa7\xe1\xc4\xec\xd0\xe8\xc6\xcd\x85?$\xcc\xda\xb5\xe8\x04t\r\'\xfdu\xb1\xf1]X\x9ea\xae\xe5\x94\xca\x80\ta\xb5[\x02\xe6\xb3G\xf2\xa6\xfd+\x1aB\x7f\xbc\xe3\xd4\x8e\xebb\x9d\x99\xb1B\xa0\xe4\xe8\x17\xbaA\xa4\x0f\x00\xc3\xb0\x1d\xba&gt;@\x02(\xc4S\xc4\xdc\x83\x18\xce\xb8\xf8]\x93J\xcf\x1de\xe5\xa42\xd5\x87\xe9\xb7t\x8e\x02\xf1M\x1e\x19\xcaJ\x08}.\x9f\xc6\xb6!\xbe\xe0TU\x1c\xc9\x9cT\xa3\xc63\x14\x00Vk\x13\x14\x07\xa9pfy#\xbc\xd3\x0ed\x0c\x1d\rM\\"G5x\xf8\xb1\x9b\x949\x04\xdc\x93i=\x03\xf8\xcd\xc9\xb4\x9e\xbdR\xcc\xddh\xcf\x91*\xfc\xcc\xbf\xda@\x07\xc4\x99\xd2\x18\xdf\x11\xed\xea\xb5\x1c\x88\x80\xd5\xff\xa2\x81\xccg\xd7\xbb\x9ew$\xbc\xe4E\x0f\xfe*\xda\x1d\xeb\x96["\xc4\xc9\xed\x92t\'\x0b\x92\xcc \x198&lt;H\x90=]\xf1\xf1~\x07\xa0q\xb6I\xbd\x9c\x1b/\x1c|\xb3\xd2\x8a\x87\xd3&lt;/\x01\xf3\x1fX\xf1\x0c\xccNZ\xb4z\x98\xd7\xe6\x92\xf9;\xad\x12\xd3&gt;\xad8\x8f\x9aq\x88\xa5&lt;2\xaa\x9b\xa3:\x804\xea\xe1\x83Qe\xd3G\xf5\xfc\x00\x8e\x07\x02\x1c=0~\xaa\x97\xff\x8e\xe2\xd6\xe5Y\xdc\xad\xac\x9d=\'M\x81\x82Z\x9e\xb3\xb8\xd2\xc3\x96\x89\xe1\xdf\r\xda&lt;\xb3fap\xebR\x19\xc2\xba\r\xef\xe3\xbe\x90\x16["&lt;\x8d\x1a\xce1\t\x08a\x02\x16\xa0\x10\x19\xd1\xc0\'=\xeb\xcc\x00\x98\x04\x12\x1c\x11"v\x1e\xaao"B\xe0\x89\xfce\n\xe4\xcb\xe1\x01{K];u\x16`w\xae2\\dM,5_\xc3o\x81\xdb6\xa27M?\x88L\xbf\xdfY\xf3\xc5\xbb;\xbft\xb4\x84a\xdf\x8crC\xef\xbd\xfa\x0c5\x869\rX\x80F\xc5\x82UL\xb2\x14WUO\xa4"m\xc7\x9cGI\x8f\xab\xff=^\xad%\x18\x8b\xf1U\xf8\x80\xc4\xaa\xe7t\xe6\xe2-_\x1e\xa6M\xbbM\xdb\x94\xaa&amp;\x8e\x80\\\x14\xda\x1b\xd0}\x0f\x94\x94\x13\xec\x9f\n2a/\x03}\x7f\tk\xf0\x1b$9R(\x1f\xddT\x1d~\xab=(\xbd\xd7W-?\xb2Q\x02\xe7H4\x06\xecb\x03\xeeb\x99\x95\x11W\x07\xb1\x8f\x92\x00\xd1\xbe\x9a\x9cGb\xa7\x91z-u\xe5$\xaac\xb3\xa2\x9c\xc9\x8d\x1cL\xde\x0c\xd8Q\x0f.\xfd\xe2!9\x0f\x94\xec\xeb=\xb3\x96\xafD6\\\xdf(\x0f\x84\xbd\x1d\xdb\xc4\xd7\xfc\x90\xa8\x08[u1(~\xaeC~\xfe\x83\x83\xceS%\x13\xa7 \x05\nmk\x84\xda{\x1b\xc5\xdc\xd8,\xacfdwC\x8dSv\xe4\x99Oeh\xcf1QF\xa7\\\xc09\xbdO\xdb\x95R_\x97/\xd0\xa0yk\xb6\xb5\xaef\xe2s\xe7})\x9f\xa8n\x8e\xd6\'\x80\xcc/\x13\x1b\x16\xd62\x03\xfe!\xe1\x04\xafG\xc6U3\xf2n\xba\xb5\x9e\nt\xc6\xfag=\xfe\x11\xb2\x8a\x1a\x0f\xda5\\\xecd_\xab\x1d/\x10\x9d\xa9b\x8aZ\xc5\x91\xd4WT\x03\x0e\xbc\xccI\xc6pT\xeaRR7&lt;\xe2\r\xf0\xf1[\xfa\xf32`M\xe3M\x85\x1b\x06\xed\x95%\xb5&gt;\xbb\xfd\xcdm\xc7\r\x18\xcc\x03\x0f\xc3VI\xf8+i\x16\x91e\x1c`\x9a=\xc75(vX#\xc0\x17\xf8\xd0\x82\xd5;,\x08{\xc3j\xf0\xf5\x01\x19&gt;DU\xf9\xf8\xc6\x01^\xfdGZ\xfa\x1c(\xab\x06G\xb8\xa4\xab\x16\xa6\xf5\x9e\x94\x9d\x1f2\xfd\xf3\xcdz\r|\xd4\xef\x89X\xbf\x9e*h0LC\xde|\xa9A\xe1\x19\x89\xe6\x12\xb7XfV\xbd\x08\x87\xdfx\xe2T\xe3n\x9ai\xb5\xfe&lt;\xf1I\xea\xf9\xe0\x03\xa5\x84\xd5\xe9\x82\xd9\xf4\xe8\xa55\xc0\x8d\xa2\xeeB\x15}:M-\xa0?p\x1e\xc1\x80!\x88\xfe\xc4\x9a\xd4\xdc\xbcEf\xf6O3[\xc8\xb9\xd2\xe0\x9a\x13\x82\x13\xcd\xe2\x84\xb4\x9e\x96\xc0\xe7\xe1;\x15\x85\xfd7~)\x93\x9dz\xdc\x04\xb1^\x8c6d/E\'/\xaf\xc3\x9d~\xa0\x90S\xfc\xd8\xd0\xd0Q\x9f\xd3S\xb3d\x16\x19m\x88\xcf-$\\\x83Kb\x9c"c\xbd&amp;\x84l\xb0t\xf7\xcbBM\x89N\xea\r\xfd!\xe7D\xf0X\x0e\xf3Z\xbc\xbb\xa6G\xa5\xa9 \xcd\xed\xa0l\x00\x0e\x15\xff\xfb\xde\x9e\xbd\xf8\x9a#\x0b\xbf\xd4&lt;\x1b;\xdc\xd4BB\xf1\x83\xbc\x147o'</t>
  </si>
  <si>
    <t>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</t>
  </si>
  <si>
    <t>b'\\u\xfd\xa3\x83Ft\x88\x04\xd0\t\x82`UQ\xe7'</t>
  </si>
  <si>
    <t>spised their cannonade. 
 All through the evening they kept thundering away. Ball after ball flew 
 over or fell short or kicked up the sand in the enclo</t>
  </si>
  <si>
    <t>b'W\x14:\xcd\xc1q\xab&lt;\xe7d\x96K\xed"\xfdI\x1a\xf6\x0b\x0e\xac\x9a%\x97\t)\xfd\xd6\x84\x8b6\xed\xe92u\xb3\xe2\xef\xc9\x99\x0fdQZ\xd8\x90M7\x9a\xcc\xf99\x96\x85\x7ftF\xea\x11\xea\xa4\xe1\xaar1:\x8b\xe6\xafTCA\x1f\x9bk\xc1\x03\xcc\x00o\xa6Y\x16\xca\x00\x98\xab\xd5\x13\xed\xd8\x00\xc9\x81\x05KSF~\x8a\xf5\xab\xa3\xce\x83\x0e\x01\xc2`\x97$\xaf\xc6\xe6\xaf\xcb\xb15j\xe2\xb0&gt;\xe2\xb6\x12\xd4\x16a\xcf{9\xcc\tL\x06\xbd\xa1O)6\xfeqv^.\x12VU~&gt;]\x83\xc5\x02\xd3\x95\x9b\xeb\xbf\x8d6\xd4\xe6^j\xfd&gt;\x11_\xa7\x1dcI\xed\x11N\x16\xcb/\xf3y\x02\xc6\xedi\xb8U\xe6\xc3q\x12\x03\xab\xcey`-.\xa92\xc5\xd1=E;\xa4\x83-z\x009\xbb!\xd0\\\xec\x84\xae\x82\xc7\xfe\xb4\xec\xe8.fr\x0f\xa8\x98vN{\xeb0&lt;\xf6*\x8f\x80x\xb0\xf9\xa6\xf3\xc5\xe7\xe26\xa8\x14\x91#@a\xe4\x0b\xd3)\xd4\x18\n\xe0\xdc\xfd\x94v\xb3\xfd\xda\x01\x14u2\xd9\xce\xca\x7f\x80\t\xbb[\xd2\xdc\x15i5\xd2b\nz\x17]\xba\x1c\xa4\xda:\xb2{Yp\xe1^\x99\xfd\x00\xd6\xeeD\xd1\x1f\x82\xfft\x17\xef\xee=\xcc\xbc\xd0\xd1i\x11\xa4\xc1\x0f\x19S\r$l\xe9\x9b\x98\xb4f\xe1}3\x98\xdbwg\x9b\n\xb8\xd1Q\x03\x14*\xbe\xa2C]\xde\x07\x1d\x92\xe8\xdd\xf5\xf2\xce\xf8B\xca)\xf9\xf4tPg\xa2\xba\x19\xa8\xe5q\x90\xc8\x03\x8bq\xb5\xa2f\x02\x96\xef\x84\xb0p\xfd\xe1\xb3|\xe6\xe9\xe9\xae\xa2\x1c\xfa"Hl\xcd1\x88\xbdo$\x97\xd8\xa1\xea\x98,\x9ad\xea/\x8cT\xaed\x8b\xd2D\xb2(\x1f\xa07Cm\x9e\xd7\x96\x91\xb4\xff\x80^O\'v\xf8I\x14\x80\x89\xf2\x08\xb1E\x95\xa5\x87"\xa5\xf5\xc6\xa8\xf1\x05!\xd6mj\x87\x01\x89\xb6\xda\xb1%\x0fvc\xf2e\xa5F\xc31\xce\x8eX\xcf\xe4J\xd3\xf7\xd0\x15,\xb5g\xed`\xdf\xa5SS?\x15v\xa3'</t>
  </si>
  <si>
    <t>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</t>
  </si>
  <si>
    <t>b'W\x14:\xcd\xc1q\xab&lt;\xe7d\x96K\xed"\xfdI'</t>
  </si>
  <si>
    <t>gan to rub her grate again.
"I'm Mrs. Medlock's servant," she said stoutly. "An' she's Mr. Craven'sâ€”
but I'm to do the housemaid's work up here an' wait on you a bit. But you
won't need much waitin' on."
"Who is going to dress me?" demanded Mary.
Martha sat up on her heels again and stared. She spoke in broad Yorkshire
in her amazement.
"Canna' tha' dress thysen!" she said.
"What do you mean? I don't understand your language," said Mary.
"Eh! I forgot," Martha said. "Mrs. Medlock told me I'd have to be careful
or you wouldn't know what I was sayin'. I mean can't you put on your own
clothes?"
"No," answered Mary, quite indignantly. "I never did in my life. My Ayah
dressed me, of course."
"Well," said Martha, evidently not in the least aware that she was
impudent, "it's time tha' should learn. Tha' cannot begin younger. It'll do thee
good to wait on thysen a bit. My mother always said she couldn't see why
grand people's children didn't turn out fair foolsâ€”what with nurses an' bein'
washed an' dressed an' took out to walk as if they was puppies!"
"It is different in India," said Mistress Mary disdainfully. She could
scarcely stand this.
But Martha was not at all crushed.
"Eh! I can see it's different," she answered almost sympathetically. "I dare
say it's because there's such a lot o' blacks there instead o' respectable white
people. When I heard you was comin' from India I thought you was a black
too."
Mary sat up in bed furious.
"What!" she said. "What! You thought I was a native. Youâ€”you daughter
of a pig!"
Martha stared and looked hot.
"Who are you callin' names?" she said. "You needn't be so vexed. That's
not th' way for a young lady to talk. I've nothin' against th' blacks. When you
read about 'em in tracts they're always very religious. You always read as a
black's a man an' a brother. I've never seen a black an' I was fair pleased to
think I was goin' to see one close. When I come in to light your fire this
mornin' I crep' up to your bed an' pulled th' cover back careful to look at you.
An' there you was," disappointedly, "no more black than meâ€”for all you're so
yeller."
Mary did not even try to control her rage and humiliation. "You thought I
was a native! You dared! You don't know anything about natives! They are not
peopleâ€”they're servants who must salaam to you. You know nothing about
India. You know nothing about anything!"
She was in such a rage and felt so helpless before the girl's simple stare,
and somehow she suddenly felt so horribly lonely and far away from
everything she understood and which understood her, that she threw herself
face downward on the pillows and burst into passionate sobbing. She sobbed
so unrestrainedly that good-natured Yorkshire Martha was a little frightened
and quite sorry for her. She went to the bed and bent over her.
"Eh! you mustn't cry like that there!" she begged. "You mustn't for sure. I
didn't know you'd be vexed. I don't know anythin' about anythin'â€”just like
you said. I beg your pardon, Miss. Do stop cryin'."
There was something comforting and really friendly in her queer Yorkshire
speech and sturdy way which had a good effect on Mary. She gradually ceased
crying and became quiet. Martha looked relieved.
"It's time for thee to get up now," she said. "Mrs. Medlock said I was to
carry tha' breakfast an' tea an' dinner into th' room next to th</t>
  </si>
  <si>
    <t>b'"Z\xbcI\xe7\x00\xb00v\xb0\xf3\x9b\xb4D]\x0c\xa1\n\x9a~;\x89u\x9e\xf1H,\xe9\x91\xacjcS$\x980\xc4\x00\xe0JS\xf1"Q\xd7\xcd!p\x11\xf6z&gt;b\xc8\x98\x82m\xcc&lt;\xb4G\\\xf1l\xc9\xcbMV{\xcf\xbd\x19N9X\xe1Z\xf7\x07v\xf4\xf2\x98\x108\x18j\xc9\xf2\x1b\xd1\xcb(\x0c#\x1bsR\x8de\xc5\xf0\xcd\x8d\xb2\xa1\xc2\xb3\x85\x82\xe5\xa1yOo^\xeaZ\x81\x98w\xe3?\xf1\x86\x0e\xcd;\x05\xb9\n\xaa9R\xfd\x9a\xe0\x86\x94\x98\x1cnb\x9f+N\xe7\xb4\x06\xb4\x8duJ\xc08\x93\r\xc0\xa4\x8d\x08w\x8685\x07\xb4\xa8\xb1\x05\x88\x99\xc4g.\xca.{\x8a\xf2\x02\xf4K\xf5W\xe3\xe2\xe2%\xee\xa5\x1d\xdc\xf1fjzU\xfe\t\xf9\xc6-\x19"\xc0\xa2\xa4\xe6\xc0\xd2\x14\xa5\x02BP|\xd4\xa2;h\xc2xO\r\x01\x0bz,#\xed\xe5\xd7P\x9d\xe9\x96\\\xcdG\xd4\xfd)H\x89D\xadX\xba\x1a~.\x90\x8b\x8f\xac\xd1\xed\xe8\xf5\xb0\xdd\xca5\x0f\xa56~\x99\xf9\x9d\x9cI\x8c\x0c@\x059W\xa2\xa3\xba\xbe`\x92\xf6\x0b\r\xa9\xdf\xbc\xcc6\xb3\x06Xa,\xdas\x80\xa6\xf3\r_\xb7\x8c(q\xe6s\xddx\x7f\x1d\xf2\xd0\x93\xab\x1d\x81A\x93\xf7\xf6\xc6\xa2\xb2\xd1ho~\xc7h\x13\xc9\n\xccDz\r"\x85\xaf\x91hwf\xb2\xc8,\xbe\x98U\xc48\x98\xc3\x16iS\x89\xcd"\xaf\xf3\xc5\xef\x87\xc2\x12\x0e\x9f\xb8r\xe0C|-\xe9\x81\n\xfd^\x058\xd7\x90\xff\xc4\x93\xd4\x10I\xb0:\x8cP\xc6\n:V\x16}Rw\xe0Y\xc2~\x96\xd6\x97:\x04U\x04\xdca\xe6\xab\xfa\xc0FDd\xba\x83\xee\xa4J\xcd\xebr\x8f`eo\x1a\x80\x8fQ\x11\\\xdc\r\xd8\xad.\x88G\xa6\t\xc8Z\xf1\x81\x91&amp;\xec*7\xb2\xc4\x85d\xf1;\x88\x9d5\xeb\xc92(\xfb\xa8"\xe9\x1c\xe5\xb6\xd4A\x8c\xe7\xb36\xa5\x93\x85cPyP&gt;\x016U[\x86\xd4v\x9bdt\x07\xaa\x1a\xf1&amp;\xb5QG`&lt;-\xf5\xde\xe8\xecD^\x8a\xdf!\x1c_mW\xeb\xfeJM\xd0B2b\xd9:\x0b\x030{\xa9\xbc~\xcb\x97\xb1\x88F\xd5\x9b\x07\x95\xfd\x8d}0\xd4m\x94\xdfp\xad`\xfa\xd55\'\xfdR\xf5\xd4\xaf\xa2\xfe\x9anfI\x94{]\xc7\xf12\x92\xac\xfd\x16\xbc\xa1&lt;\xe77\x9a\x14p\x89\xf8\xeby-\xe1\x1f\xa5\x9c\x80\x1b\x9b\x8b+fW\'\x11U K}\x95\xa1\xd5@\x03\xea\xfe\xcaj\xd85\xea\x03\xd7\xeb\x92\xf4\xc0\x91\xf1d\xa8\xf6\xefN1\x1fK\xe4\xb2z\xd3\x08\xdb\x1a\x05o\x01%\xb9^\xc0\x15\xc2\xaaO\x8c\x9a\xb0\x9bTM\x946`!\xd6\xff\x0f!k\x1c\xa8e\xf0:cHg\x85\xfb\xd5\xcc\x87\xbfrSaP\xd8\x9d\x81n\x9d4\x8a\xe9\xa1\x9am9\x8b@\xaf\x00\x96\x0fW\xdd*\xb0d\x8c\xb7\xb8\xfa\x17\xf1(\xec\xc6d\x8d\xd3k\xfe\x12pd\x84\xf5Gn=\xf8\x15u,\xb3L\xe1\x19w\xf6\x19\xf3p\xbe}\xf86\xc3c\xdc\xa9c\xa1\xa2\x06\x05\x8c\xd2Y\xde\x11\xd4\x0e\x1d\xb0\xc37,\x7fdq\xe3\x9e\xae\x16G\x80PW\xee9s\xb0\xbbxh&lt;\xa0\xd88Zb\x93[t\xc7\xe1\x11@\xf7\xbc6\x05z\x8bE\xd1\x1dmo\xc1\xa4_J(\x82\x05(\x99\xc6\xbeT\xce\x91p\xd6\x87\x8b\xba\tK\x0cR\xaf\xae\'\xdcj?\xce\x08\xb6+\xe4n\xb2]&lt;\xcc\xe6\x84\xc8\xe3n|\xa0&lt;W(\xe3\x1f\xf2\xab(\x12P\xe1\xa2\xdc\xfdp\xaa}k\x15\n\xf5\x07\xcd\x1f\x06\xca\xb4\x95\x1a\xf7\xa5\xcc\xf9\x92\xd7"#\x81c$\xb3\xa9\xc0Ld0X\xfb\xf2\xa1\xa0\x8a\xa6\x98\xb4K\xd6\xfa\xeeft\x10/\xffQ\x17q|\xeanv\xc7\xdf2\x9e\xadQ#\xb1\x91\t e\xfco\xe3\x05\xee\'r=)^\x90\x86\xb16\xf3\xa8\xf5\xa6S\x05\xed\xfc\xce?\xae\x9bd 0\x90^&amp;+\xed\x14\xe5\xf8\xb6\xe6\xce\x03*\xf9\xe5\xd7;\x1f\x9beR\xe7\x99\xd6&amp;\x88\x0b\xb0\xd58q\xfe_/\x85\xcc$\xc6\x99+\xae\xf2\xf5\xff\xe178`L\xf0s\xa3\xe7\xb4\x8a\xb4\x96\x8cV\xa08\xc7]CT\xe7\xfa\x99\x01\xbbB\xb9v\x969\xb4\xb10\xae\xaa\x92\x02\n\x82\x17X\x9e\x17\xf7\xef\x8c\x90\x87)7\xbd\xce\x94\xffyPg\xbb%\xe2aT_\xd9Nbs\xa1ftd\xf8x\xc1\x97n7\xbdI&amp;\x1f\x00\xc9\x1d#\xd5\x1e\xc6{\xd2\nK\x9eBfq\x96\xe6\xcc\x85\x0b\xe3\xe5@\x87\x84\x0f\xe35\xb0\xa4zd\xabi\xa6^\xa9\xca\xd6\xd54\x18\xbc\xb9\xb3~%3H\x84a\xad\xce\xf7\xf2\xf8}Hy\xcf\x05\xd1Z\xfc\xea,\xab\n\x88\xf6\xc2\x85\xf6t4\xcfy\x16\x00\xa09\x1a\xa9H.\xa4t\xdf_d\xa8\xa9\xf2E5\xf5\xd0\x07\xb2~\x7f\xcf\x03\xda\x910yb\x9aj\x14\xefi\x98\xdc\x13\xd8\xd4\\^\xd7\xd6\x14\x88&amp;v)\x80D\x1a\x96\xa9\x8e8Bxo|\xa8\xd4\xf7Lf8g\xf5)\x1f\xe2\xc2\x1b\x90\xd7\xa7\x7fE\xcd\xb2_\x17\xd0\x89X\xa7\xf4S\x82\xa0Z\xec\xa3#\x16\xd1\xd7\xa4\xc6\xce\x1e\xe3\x9a\x83 \x1b\xfcu\xd8\xe7\x19\xe8\xe0\xe7a\xd9\xb6gY`\xb0\x1f\x99j\xb3\xb9\xa1\x1d?\\-.\x16\xadV\x9c\x85/GV\xda\xb9\x86\x0e\xc1\x9c$Qk\x13\xe0\xa1{\x82&lt;\xd7\xf4\xf0\xbc^:&lt;\xceu&lt;\xfb\x0c\xb6\xa9hD\xdd\x02|\x89\x82\xbd\x90\xc6\x86a\xacE9\xd8\xde\x83UP\x83S}_\x0c+\x80\x8b\x0c\xa4\xb9\x86L-\xe3\xc3A^\xc2\xa7`\xe9I\x9f-\x1d\xb9\x8a\x82\xa9\x925P\xc3\xa0\x07\x88\xeci\xb1\xb5]\x88\xf5\xa3@\xc8\xf7d\xfe\xec\x13K\x8f\x95\xadN\x940\xfe\x0b]^\\\x82]\xf8\xc1\x07\xeeJ\xec\xf4\xca\x9a\xd6\x8b\xd4*y\xe3\xad\xf6"\xc2\xb9\xa5\\\xc8\xa8L\x12\xe8\xbf\xfdRAX\x86\xc8\xccS\x92:\xd5\x0c_Sz\xb0\xd9\xe9`\x06\x0b\x9c\x045\xbb\x88\xf9\xab\x1f\x85\xf2\x95P\x1b\xf1;}xD\xa42\xceRG\x87\xb1\xe6\xc6a\xe4\x91\xbc\x0b\xac\xc0\xd9\xa8\n7\x9c\x97\xdd\xabF\xe7\n\xbd\xd1\x9eP\xff\xcd\x83Y\xb9\x05~\xd4\xfd\xc8\xfa\x8b\r&gt;\x1d\xc7\x12m.\xfa\xca\xd9\xd0\xa2\x13\xd4\xeaN\xae\xa6E\xcd\x81\x82(\xfd\xcd\xc8\xedWG\x82\x93\xf2\x050P1\x1f\xea\x15\xebq\x9eK+lB\xa2\xfd\xf2\xd1\x9c\xd5\xd38\x0bKK/mwg\xe4u\xfc\xfa\xea\xf0/\xf0\xbaU\xc4o\xaa\xaax\x1c\xc8\xbc!nr\x92\xf0\xdc4\xcec\xe3\xe2\x0c8=\xcd\x94\xa5@\x85Qc\xfe\xb1\x9bY\x1e)\xe2\xb2]\xbfl\xe8Bg\x87?\xbdc\x0e\x04\x8a\xe8D\xa6\x86 \x02=ti\xd1\x8f\xe9~5\xbc\xd4\xb9\x8e\xe4hkj\xa5gc\xd6\x976~L\xd8\xd1\x9e)\x9c\xb7S5&gt;Q\xfa\x9e\x12\xd1\x15\xc34DMZ\x9e\n\xda\x19\xbc?\xa1\xa3\xaaRa\x17{\xa09\xf2\xcb\xde\xd6Y\r\x0e\x1fd\x11\xc8V\xe1\xaf\xa7\xa3\xad\xb32\xbe\xf7\xd0\x9fQ\xad7\x02\xc1\xc3\\\xa4\x13\xab\x84\x1c\xfd-\'c\x1e\xd1D\xc8o&lt;t\xd8\xea\xce\x97\xa9\x80\xd5\xc1\x99*@\x01\xbe\xba9g/\xff*\xaa\xb9\xb5\x03D\x8fH\xedrob\xf3\xfaR\xe84x\xb5\x12P\xd8\x85\xc4VApv\x0c\x90\x9a\xd9\xeeW\xd5a\r\x89\xc0\xf5\x17\x93\xc6\xefFM3\xf0\x92B\xfe\x13C\xc6\xbc\xab\x0bE\x96`(\xc1\xf5\xec\x86\xe8\x98jD93\xcb\x16\xdd\xd5X\xb2!\xe9\xbd"T\xe4\xe5\xb2\x00\x8d\x00\xe4\xeaN\xb3\x11i\xb3\xd5 }&amp;\x1dG\x0f\xb7\x94\xc7\x01\x98\x9b\xdbkj\xd7\xce/\xe3z\xa7\x88\x0e\xda\x0e\xd1"|2\x87\x9f}?\xe1\xd1\xd9\xd6\x9a\xbc \x88\x8fl\xb4\x8a\x81\xa7\x1c\xa6\xb2\x817[O\xf6\x90"\xd3rU\xc2_\x93\n\xae\xe8\xc6C\xebA\xff\xda9\xa7\xc9o)\xae\x9c\xf7\xebB6 \xbbG\x89f\xf1\x97,\xb9\x13\x08t\x130;\xabB\x9f\xde@\x037\x8b\xde\xed\xbaX\x07s@\x1b\xd5f\xacmr=j\x85\xa8\x0e\x0f\xeb\x1d\x14\xf1\x9dkC\xc0\xda\x7fc\x1d\xf2Y\x01\xda2y\xb3u\x80\x0f\xfa/m \x11\t\xb6\xa9\xaa\xa4*\xea\x81\x01\xfah\x84\x1a\x89M\xcai\x7f\xf7w\'\x85\x14Nr\xeb\xcd\xa0#\xda\x80V\tW\xcbH&gt;?U\x9c\xcd\xe63\x9d\xab,Y\xbfU\x00mo\xd1X*\xc6l\x16f\x88a\xf5\x13\x03\x88\xcc\\\x07\xf8\xe6\xd3\x17\xacQ\xa7\x89i\xf4\xcc\xb8\x97T\xd6\xea\x8f\xaa\x16\x91\xd6\xfb\xa5\x13\x83\xbf|\x08\xa15\xfd\x07\x0e\xf4\xcb\x9aq\xfb\xf8\xca\n\xf4\xd8TZ%\x84\xa6\x0c\xb3\xf3#\xf9\xb9dV\x1fL\xd39\x1eu\x9b\xa0q$\x9e\xc5\xd3\xbdS\xcb\xaf\xcfa\xd8\x11\x9d\xfe\xa0[\xa8\x90\xd0\x1c\xfc\xac\x9e\x89\xa5\xe6x\\_\x89]+\xe2\x04\x11%1\xcf\x9d\x85U\xb3\xf3\xebJx\xaaf\xda\x86\x1f\x0c\xfdA\n\xc4H#\xd1\x0b\xd6\x17t\x0fj\x8fF+\xb9\xba\xef\x9a\xc8f\xc3\x84\x92Y,\x14\xcd\x19WZ\x9c\xd1\xe4\x04\xe47c\x8aa\xeb\xcf\xedh$Z\xe7\xe6\xb1^\xd4\x1e\x0fp\\\xafS\xbbj\xcaL4zo\x04\xac\x15\xf9\\\xf7\x8e\xc8\xf8N2?\x81|5\xcb;*\xbd\x0e\xc5\xdc\x16\'\x9d\xce\xd6|V\xe5\xe4\x9b\xf6\xd2D\xb3\xe8\x7f\x97\x9f\xa4V\x86w\xe6\xf2\xda\xa0\xec$\xf3\xfe~\x97\xe6\x1c\xc5:2?S]\\w\xbe\xbf{\x98\x89\xf1\x1ab0\xdd\xa3\x81%|\xf6\xd0\x9e\x0e^\xb0&gt;8\x85\xc9\x91\x87\x8f\xde\xee\xd8\xb4\x1e\xd0\xd7\xf2y\x95x\xc1\xc1\xf8}J\x92m\xdbL\xd5\x81\xce\x15\x0e4\xdd\x1f5\xe5\x87\x00iBW?\x1fG\xda\xcc\xe2\xb5\xec\xb9\x9chq\xc1\xd7\x96\xf8\x1b\xf4S\xf3\xc8=\xe0+\x03\x8f\xcb\xb3\x07\x81G\x8b\x92Y\x18\xc4\x8c\xc4\x80\xc3\x95\xa2\x01\xe2\xdb\xa7~\xa4J\xf0\x0b\xec\x9aWry\x0fe\x1eu\xa5&amp;a\r\xcb\xcc\xc3\xf1\xbcGf\x06\xb6\n\xb7:\x16;90\t\x14\x1e\xb9c\xd9W}\x01$\xd2\xf7w,$\xc6\x80\xe3\xees\xe5\x91r\xd7\x7f\xec7\xdf\n\x16\x8b\x7f\xafT \xd9;0)\x88\xa8\xf5m\x92\xfd\x16\x95\xb0\xa63(\xc1S\x8bz\x08(MO\xd9"%\xe1\xb0)\xcb4B\xeb\xc7s\xff9\x92\xf8U\x12\xaf\xa1b\x82\x8fbp\xc0\xf0\xc6\x84\x93\xac(\x18\x97MD\x84\x92\xb9i)\xbft\x1a\x08/UHk$\x9a\xc81;\x95!\xb8_\xa5;\xd1\\\xf66\x03/\xeeOs\xc9U\x15\x01\x80\xab\xd0Z\x8d\r|\xee\x91\xdc\x95:\xca*c\x8e\x9a\x1a)\xc7\xb2\xbfi\xaa\xf0\x90\xbc\x8f\xb2X\xed\x13\x9a\'*\x96\xd1\xa6\xe2\x08\'\xd8[\xdf\x9c\x1c\xe6cn\xf3P\xf1bz\xe3F\r\x83\xa3\xd9\xc7{\xe3\xa5\xa7P\xe2\xc5\x90\x17M&lt;\x05\xae\x1d\xe9\xcf\xd3\xd91s\xe2\x80p\xf6\x01\x8b\x0e\xaf\x94y\\\x1bS\xfd\xb2\x04[\xb2\xeb\x06\x14\xca|\xefd\xc5\xac\x85\xc2^\x11\xccrx\xeb=\xb0iy\xde\x92\x1a\xd9\x15\xa5\x93\xaa|2b\xb6%\xc9\xde0\xd5X7z\x95g\x9a\xd8\xf5\x1c\xcc\xf6\xf2f\xf9\xa4\xc3\x7f\xba\\\xc1\xdeU)\xf4\x90\xc2%"\x1aM\xd4\x84\xa6\x8a\xa16\xa4&lt;\x00 \xa4{\x9cq&gt;\xd1\xc5\x98\x13?\xe1\x96\x16v\x19~\x19\x1d\xd1tP\xa7\xbb\xc8\xaf\xcd\x8ci\x82\x07V\xd2D\xf8\xcb\xe2Y\xa8i\xf2WU\xc8x\xf7&lt;\x14g\x8b\xa7(\xbc)fb\xaceuE\x9f\x141\x9d\x02\xc1\xad\r\xd4\x10\xf4\x15\xfe\xbb\x0e\xb4\xcf~)\xae\x9b\x02\xfd\xe2\xbf_\xd0k\x9d\xfe\xb2\xfcDak\xa9n\x84\xeb\t\xb0\x9c\xd5=\xe5f\x95\x14\xa1s\xf6\rD\x17\xf3B&gt;u\xb7\xb8\x08\xe3\xc7*Q\xe4\xd8\xe9k\xe0YH1w\xe3Nd\xbd\xf4%\x92\xfd0\x0c\xb5 \xd4\x99a[\xcd\xf7\x87^^\xd3\xcc\xbf\xca\xc6\x18Ii\xfb\xe6Vj\x1a)LL\xab.tG\x84\x02\xba_,8\xc6x52"\x83\x12E\xe6\x86\xdb\xc1!\x16CG#u\xcf\x9b\xcd\xa4\r\xc3\x85\x9d\xfb\x81|\xc8\xa7\xc1\xf0\xf2:,\xe5U$\xd5D$\\\xae\xf1\xacv\xf4F\x1b\xb0\xc1g\tW\xa7\xc6\xe12H\xfd\x94X9?\n]1"q\xdd\x8e\x0f\x97/=\xa1\xd9\x13Iq\xfb\xd1\rU\x1c`\x8c\xb4\x1a\x1d&gt;_=\x13%+\xef\xe1\x06\xdc!~L\xb1\xb2Fg\x05\x15Q3\x11x\xdc\xb9\x10\x1bz\xd7\xc6\x1f\xd8\xdc\x18\x1d6v\xd1\xf9\xdb\xe3\x0cpdT\xe3(\xd1\xc2\x9f\n\xf1=9\x8fS\xce\xa1\xb8\x13\xc9"\x83q\xc2\x9c\x87\x1a\xf9h\xd2u\xdc\xa8\xb4\xe7\xba\xac\xa3r\r\xe9ONwYv\xe2\xb3\xce[\xaa\x05\xfb\xe4I\x14U\xd4\xcc\xf9\xfb~\xb65MG=\xa3\xe4\x07G\xf0wS\x85E\xad0\x9c=\xa2\xe5\xde\xf0:\x01\xa7d\x03hq\xae\x90\x81%\xd4\xb6\x9dN\x0cw\'\xd1\x7fo\x1e\xb5\x88\xb5G\x0b=fd\xd5F\x97z\\W\xeb\x8eZ\xa5\x13\xd5At\xf6\xc2\xca\\x7l\x0e\x87\xcb\xb0\xb0\x87\xe0\xb6\xfcX\xefq\x1cZ\x0b\xc5*\xf6\xa8}\xcd\xd2\xfe\x89\xa63\xa1\x9b&gt;\xb23\xe5\x0f@(\x87\x99+\x08\x95\xacy\xa3U\xa4\xc3\x8e\xc8\xf0\x05\x0c\xda\x03R\xd8\x1f\xf6QS\xd2C\xc1#\xc6+\xc4\x0ck:z\x88\td\xbf\xa2!\x19\x1ckv\x9a#\xa1[\x0e\xf7]F9\xa8Gn\x10\xed\xd3\x88\x91\x15\x8e\xf2h\xac\xa0\xa9\x97'</t>
  </si>
  <si>
    <t>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</t>
  </si>
  <si>
    <t>b'"Z\xbcI\xe7\x00\xb00v\xb0\xf3\x9b\xb4D]\x0c'</t>
  </si>
  <si>
    <t>uently read passages to her, with all the pathetic
 expression, that characterized the feelings of the author. She hesitated in
 believing, what would have been sufficiently apparent to almost any
 other person, that he had purposely left this book, instead of the one she
 had lost, and that love had prompted the exchange; but, having opened it
 with impatient pleasure, and observed the lines of his pencil drawn along
 the various passages he had read aloud, and under others more
 descriptive of delicate tenderness than he had dared to trust his voice</t>
  </si>
  <si>
    <t>b'\xecO\xe4J@*X\xee\x06\xe1\xd6\x8a\xc1fNX\x04\x9ebX3\xe2\x16g\x10WzA\x94\\G\xd3\x8a7\xe4\x90\\\xb38\x127\xf9\xd6\x91\xd7N&gt;\x8b\xd1\x18\x7f*\xec\x9a\x8b8\xb1\xda\xa1a@\xb5\x05\x8f'</t>
  </si>
  <si>
    <t>ec4fe44a402a58ee06e1d68ac1664e58049e625833e2166710577a41945c47d38a37e4905cb3381237f9d691d74e3e8bd1187f2aec9a8b38b1daa16140b5058f</t>
  </si>
  <si>
    <t>b'\xecO\xe4J@*X\xee\x06\xe1\xd6\x8a\xc1fNX'</t>
  </si>
  <si>
    <t>looked at Mr. Darling also, but they forgot about him.
 Of course Mrs. Darling said at once that she would have them; but Mr. Darling
 was curiously depressed, and they saw that he considered six a rather large
 number.
 'I must say,' he said to Wendy, 'that you don't do things by halves,' a grudging
 remark which the twins thought was pointed at them.
 The first twin was the proud one, and he asked, flushing, 'Do you think we
 should be too much of a handful, sir? Because if so we can go away.'
 'Father!' Wendy cried, shocked; but still the cloud was on him. He knew he
 was behaving unworthily, but he could not help it.
 'We could lie doubled up,' said Nibs.
 'I always cut their hair myself,' said Wendy.
 'George!' Mrs. Darling exclaimed, pained to see her dear one showing himself
 in such an unfavourable light.
 Then he burst into tears, and the truth came out. He was as glad to have them
 as she was, he said, but he thought they should have asked his consent as well
 as hers, instead of treating him as a cypher in his own house.
 'I don't think he is a cypher,' Tootles cried instantly. 'Do you think he is a
 cypher, Curly?'
 'No, I don't. Do you think he is a cypher, Slightly?'
 'Rather not. Twin, what do you think?'
 It turned out that not one of them thought him a cypher; and he was absurdly
 gratified, and said he would find space for them all in the drawing-room if
 they fitted in.
 'We'll fit in, sir,' they assured him.
 'Then follow the leader,' he cried gaily. 'Mind you, I am not sure that we have
 a drawing-room, but we pretend we have, and it's all the same. Hoop la!'
 He went off dancing through the house, and they all cried 'Hoop la!' and
 danced after him, searching for the drawing-room; and I forget whether they
 found it, but at any rate they found corners, and they all fitted in.
 As for Peter, he saw Wendy once again before he flew away. He did not
 exactly come to the window, but he brushed against it in passing, so that she
 could open it if she liked and call to him. That was what she did.
 'Hullo, Wendy, good-bye,' he said.
 'Oh dear, are you going away?'
 'Yes.'
 'You don't feel, Peter,' she said falteringly, 'that you would like to say anything
 to my parents about a very sweet subject?'
 'No.'
 'About me, Peter?'
 'No.'
 Mrs. Darling came to the window, for</t>
  </si>
  <si>
    <t>b'\x12B\x12c\x89\x16\x0e\r'</t>
  </si>
  <si>
    <t>1242126389160e0d</t>
  </si>
  <si>
    <t>and ran on for a long while in 
 a stream, only now and again interrupted by the other. By the sound they 
 must have been talking earnestly,</t>
  </si>
  <si>
    <t>b"P\x93MW\xfdBi\xa4\xf5\xa4WN\xd8\xa98&lt;\x9f\x14\xf7\xea\xe2\x03\x07\x82''&gt;\xa4\xfc\xfd\xe6A(\xd6\xb9\x994\xca\xb3(\x122R\x86\xc7*C\xff/\xedk\xe4\x9a\x97U\x01\xc0\xf3\xab\x86y\xd9\r\xb9\x8d\xe0~F\xb0\xf4W\xca\x8fD\xf9\x06\xa7S\xf0^,\xa4\xe4\xe6\xa44N\xaa\x04F\xc6\x8do8,\\\xfb\x9d\xc4|\x9cIz\xfaEh\xb4\x87b\xe3\xe6z\x00\xb5\x94\xbbC\xa6\xe3\xf71\xc7b\xe4\xe3(\x17\xf0\x16\xceL\x9d=\xbf$m_/\xe4J\xa0\x12K+K\x07y\xf5dWb\xe4\xddx\xea\x04\x9c\x16\xeb\xdf41\xe5\xa3\xfb9P\x93}\xf7p\xb0\x98z\xae\xa0\x93\x80\xfb\xa1\x9c\x98\n(\xab[|\xbck0\xc5\x95G-\xe2?\xc6\xee\xee#v\xad\x18\rW\xa4\xdf\x8c\x18\xecL\x0b\x06\x9b\x06q\t\xdd\xd2}^\xc8\xb8\xb8\xc8Y\xb3\xa5\xcd\xb4\x06\x90^\xa2/#k@\xbd0\xefS\xe3|g\xb7\xec\x0f\xc6h&amp;\xbc0\xb3_\xc4"</t>
  </si>
  <si>
    <t>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</t>
  </si>
  <si>
    <t>b'P\x93MW\xfdBi\xa4\xf5\xa4WN\xd8\xa98&lt;'</t>
  </si>
  <si>
    <t>red
fellow-historian has perhaps obscured the trialâ€™s original political context. But to elite
contemporaries his account also imparted a broader lesson on the need to sustain
critical historical consciousness in the face of long habituation to autocratic rule. The
issue had a particular edge for Tacitus, perhaps, in the years the Annals were
composed (Syme 1958a: 475): a younger generation was entering the Senate in
relatively untesting times, and a growing proportion of senators were men from the
provinces, non-Italians. The speech that Tacitus placed in Cremutiusâ€™ mouth was
surely his own apologia for history: the message was that the republic was indeed long
gone, but that the vitality of the eliteâ€™s collective memory of the Roman past was all
the more essential for that; its continuance could at least do something to deter an
autocrat from arbitrary actions that utterly disregarded traditional precedents, and it
thereby offered the senatorial class the hope of retaining at least a measure of dignity
and self-respect in the imperial present.
This central conviction gives particular point to the comments on Roman antiquarian matters found in the Annals. Digressions on this theme were conventional in the
genre, but Tacitus could signal more by them than his own adherence to a traditional
annalistic technique: an artful deployment of antiquarian material would nourish and
sharpen the contemporary memory of earliest Rome and the old res publica (Syme
1958a: 311). Thus an obituary notice for a long-serving urban prefect is an occasion
to trace the officeâ€™s beginnings to emergency appointments that once had covered for
a temporarily absent king or consul (Ann. 6.11), an enlargement under Claudius of
Romeâ€™s city boundary prompts topographical comment on its original extent and
gradual expansion (Ann. 12.24), and a fire on the Caelian Hill yields the observation
that it owed its name to an Etruscan ally granted residence there by an archaic king
(Ann. 4.65). Or recent and distant past can be set in telling counterpoint: grotesque
abuse of legal process by Tiberian informers sends us back to the noble origin of
Roman law in the Twelve Tables (Ann. 3.27), and the report for the year in which an
emperor kills his own mother does not forget the wilting of an ancient fig-tree â€˜â€˜under
which Romulus and Remus had sheltered 830 years previouslyâ€™â€™ (Ann. 13.58).
Authorial â€˜â€˜constructionâ€™â€™ of the past is evident in such comments â€“ but they can
offer significant evidence, too, of the Julio-Claudian authoritiesâ€™ own efforts, from
various motives, to harness and shape perceptions of the past. An aging rulerâ€™s
edginess may partly explain Tiberiusâ€™ intervention when a supposedly long-lost
book of Sibylline prophecies was mysteriously rediscovered and approved by senatorial vote for inclusion with the authorized collection: he referred the matter back to
an expert committee with a sharp reminder to senators that mischievous forgery was
The Construction of the Past 423
rife in the field, and that Augustus had forbidden private retention of such texts (Ann.
6.12); the wishes of contemporary malcontents, he knew, were easily dressed up as
â€˜â€˜ancientâ€™â€™ wisdom (Potter 1994: 95â€“6, 150â€“1, 175). But not all such imperial
interventions were so patently self-interested. In Claudiusâ€™ case, for instance, a deep
and long-standing personal interest in Roman history and antiquities impinged on an
emperorâ€™s public style â€“ a feature of the reign nicely conveyed in Tacitusâ€™ account by
the frequency of its antiquarian comments, many of which were derived from Claudiusâ€™ own writings and speeches (Syme 1958a: 704â€“10). That scholarship nourished a
traditionalist streak in Claudius seems clear from his anxious eye for endangered
custom, as when he lectured the Senate on the need to safeguard the old Italian art
of soothsaying (Ann. 11.15). So too, his attention to public ceremonial: the eig</t>
  </si>
  <si>
    <t>b'%\xa9\xdf\x93v\xcd\x8d*{\x9f\xaf-\x9a\xac\xba$8\xf6\x94\x00\xed\xa3&lt;y\x0c\x9f\xe4\x9d\xec\xdc,K\xdbj\x17\x1c&lt;\x12S\x14\x93\xbe\xeaK\xf7_\xe5\xcbz\x84\x86\xf4s3E\x17=W\x05\xfcTOx\x8a\xbd(\x06\xe1\x1dmH\x9f=@\x14\x1fF\x80S4\x07\x9b\x9e\xd2\xe9\xfaRo\xa4\xed\x18\x92&gt;\xdf\xd5\x85\xd4\xd8\xc1,K\xb9|\xde\x01C\xab\xbb#z\x1fRb7\xd2u\xcbX \xff\xad\x1d\xe6#$\x19\xfdRP\xa1\xf8\xf5\xd6\x81x\xd4y1\x81?\xfb\xde\xcb\xc9^\xe6,\x95\xba\xb6/;\x15X\xbe\xbb\xdb]=\x11~k\xe6w\xd5\x10\x0e\x84b(\x0eB\x80\x97\xb5\x95s]\x0f.\x1c\x84d\xc7/\nd\xceA\x1d\xc6\xcd~b\x96d/_$\xe1\x84\x98"\xb1\xd3\xdc\xa4\xac\x9f\x87\x9b\xa2X\xdc\x1b\xe2J\x1du"\xbe\xf2M\xe6\xc2,D\xd1\x0c\ri8\x1b\x91\x92\x03D-\x14&amp;\x8d\x84\xe3\xdb\xac\xe6\x1a\x94X\t\x9d\x93B\x14`\xe1\xbf\xeb!\x98\xb5\x00k5W\x8cW\xee\xe8]\x16\x1a\xdc\xe1j\x02\x06\x06\xbd\x9d%\x85y\xd9\x95\x0e%@1\x89\xd4\x18\x87W\x17\x86\x19\xb3%\xe3\xcc\x81m\xd4\xb3\xb7\x15\x08E\x9d@\xf0\xc34\x05\xda\xc4#\x1b\xa8:\xfbj\x85tEN\xe4\x9d\xb6{\xfc\xf1Ix\xd0\xbfq\x9cRA%\xadn\x8a\x85\x9b\xbd\xe9,\x16\xb4e\x1f\xdd\xf4B\xd8\x08|kl\x8a\x8cC\xe6\x87\xc6\x81\xd1c\xa0\xd9\xbf\x195\x8e\xddWb\xfc\x9aV\xd2\x97\xfc\x1f\xfd\xf2\xe6\xc4\x8b\x8d\x14\xf4\x0f\xaf\xb8\x87q\x04-\x90)\xb4\x96N\xafyE\xc0\x01\xb6\xe0ITZ\x89c\xb8\x8a\xcc:\x90\xb6\xe0\x0f\x06\xb6d\xf5\xbd\xe1$C\x85BC\xa2\xc7w;\x15\xca\xb2!\xa1#(\x98\x11\xff\xe5\x8bM\xbd\xees\xea\xa2\x8c\x8fy\x0b\x91\x97$&lt;\x1e\x124O\x90kl\xd7\xa7\xf9\x06\xcd\x8fE\x7f}\xff\xd1\x0b\x87\x96P\xa5\xef\xc4\x87\xb5}\x0fy\x95\xfb\xa4\xcd\x0e\x96\x06\xa1#\xe6\xfax\x03^\x9a\xd8z7JJ\x8a\x9b\xa0\xa3+\xfd\x08\xf5V\xf8\\\xea\x8e\xcb\x12\x15yC\xac\x03^\x88q[\xf9(2D\x93\xf3\xc70z!\x13\xfa\xc1\x10\xbc\xe6xx*z\x96\xea\x1fo3\xd5\xf9\xd5g\x05\xa8\r\xb8\xc1=\x1e\x1b\x03\x851\x0e!\x99.\x1f\xcf\x87\xce\xd3F\xd0\xde\xfd\x80\xb3A\xe5Ye\x93c\xd8`\x81\x8al\xac\xd5\xeb\x8d\xc6\x8fP\x0b\t\xb2\xc7\x1b/\xd6IT]\xd1\xa4\x12\xdbc\x80\xc7\xcd\x10\xc1K\x96.j\xfe\xbc&lt;\xff\xec\x81&gt;\xefIQ\xb0_\xd3\x99\xb8\xb4\x11Q,#H\x84\'\x86\xb6Z\x006cE\xf2\xa0O\x8c_`\xb6\x0c\xa4\xc1:\xa9+\xc1v\x03s/V\xe9\x10N\xe98z\x82.\x15h\xc8\xff\xf2o\x86\xdf\x00\xee1\xe5\xe1,o\x0b\xf0\x88\xdc\xf2/g\xfb\xbd\xa8\xd4\xd7\xdc\x06{#i_\xafQ\xd5\xdcz\x1cfWG\x1f\xdb)Fv\x8d\xa8\xa4g\xd6\x8d\xee6\x10;\xd2?\xe9xG\xdc\xe6\xb4\xc6\x94k{\x9fHF\xa2otf\xc8\xe1\xdco\x9b\x02\xd3Q\xa7\xa0\xc8\xce&amp;x\xa8=\x968l=\xea\xdbf\xbc\'\xa2[\xd4[G\xf5\xd7\x16\xd7+L\xd5\xbc\xa3\x92\xafJ\x80\x1ey"8\x153M~u\xde\xfa\xd7\x8e%\xb9\xfa\x0b|\x10\xcd\xb6U&gt;\xad\x1b\xe8\x8e\xee\x89\x0c\xa4wO\xb4\x08\x85\xe7\x94"\xad1v\xfd\x8c4\x8aJ\xb7\x05\xd3S\x91\'\xad\x06\xeda\xfb\x8d\x17\xd7\xee\x13\xa9"\x9cx\xfa\xa4\xc7\xb1rU\xcc\xd2\x867\xda\x15\x95\x90G\xd3r0\xdft\x9b\xcd\xa8\xf7x\x022$\xb05sb\x18o\xfd\x04\xa8C\xd4 \xb4\x91j\xfa\t(s\x95\xb6\x9c\xed\xcdH\x97\xd9L\xe9*wS\xb7pT~\xf8~g\x909r\xe0\x1ft\xc0_\x86\x01\r\n\x11\x1c\r6\x02\xc0\xe3\x13\xc1\xa6@\xa8I\xf9N\x87\xe4"\xceTX\xb0N\x16\xe7^\xf3\xb5\xd2e\xaaSP2/\x98\x17\x91V\xfem9\xf8\x80\x92\x01Q0W\xd1\rv\x8f6[\xd2\x929\x1b}4i\x92w\x00\xc5\xd4\xb1\xbf\xde\xefw50\x07eb{\xf7\xa2oF%+\x11\x0f\xca\x1e\x86\x066@\xb1O\xfak\x8c/7e\nJ\x8e\x91O\x98\x9d\xd7\xbb\x0e8\xc9K1D\xde{\x8f\xad\x16&lt;\x054\xd8\xcb\xc7]_\x07\r\x06\x03\x95\xae\xe2\x061\x89\x9c\x07&amp;\x90\xdd\xd9:\xc7)P\xbcU\\j\xb2\x0e\xf4(q\x0cB\x13(\xa9\xbf\x81__TBY\xdfN\xcf\xdb\x8d\xc2\x97P\xc7Hh8\xfa\xa9\x04\xc8\x9c\xffA\\\xc3Z\xa1\xe9\xbb\xd5\xc9FR\x95\xb8\xf1\x02\xdf\xa5\xd0z\xbbm\xab\xdb\x94\x91C"\x0eZ\x90\x93\xd2\xb5\xc2\xeb\x00\xce,\x9b(j\x1d\x89\xfb\x00\x9ew\xc5\xa2\x7f\xfe\xc2C\xd9\xbb\xeb\xc5\x12R\xcd9-\x0e*\xc0#\x903\t5T\xc6\t\x7f(\xc9s\x9b\xae\x80\xa1\x1fQ\x8dt]7|\xec9SA\xda\xcf\'\x19\xbb\xf6\x00yl\x96\xd5\xb8:!\x13\xd1S\x8c\x91j\xd6\x1e\xbb\xc6\xaf~\xc1\xe8\xb0X\x88\x93Vv\x95\xaez!0\xb2\x80\x9f\x8ed\xbc5\xa0\x1f\xab\xe9\xea?\xde\xd2]\xc3\xba\xb5W\x04x\xf5\xba\xe4\x80\xd6\xbe)/X\x02\xfe\xe4\xf3\xe5@|Y\xe6a\xe3B\xb78\x89f\x0ckSr\x11\xac\x9c\x11g\xb0\x8a\x99\x06\xd6\xc68\xc3\\-6\x9c\xf2\xed~\xc9`\xd1YB\x17C\x878[\xcbn\x1c\x14\x15\xf0\xad\xa9\xda2\xc7\x0e\x97\xbdah\x06\n)\xf2\xdcI)45\xdd\x90\xec\xf7\xf6L\xdc\xfb#\x13\\\xa6\x93\xacL\xf0d\xec|2{\xce\x875CeF\x88\x06\x98\xf0\xfe\xfa\'\xd2\xaf`!\xbc\xb1\x91\'_w\n\xa5\xbe\x0e\x03\xa9H\x0b\xbc\xe4\xb3%b)5\xc9FM\xe4\x84\xdc\xfdjk\x96\x1e:\x97;\x8a\x99\n\x8f\xa9I&amp;\xa6\xe2\x1d\x04\xfb\xbd^\xc4G\xb1\xc2x\x0fY\x98\x8eJ\x07\x9c\xbfk\x92\x98\x02\xe3\xc1\x96\xdd\xd9\x17\xd0r\\:\xba\xbbU\\\x03\x8b\x81\xef\xa2y\xbe\x86N\x88\xee\xa2A\xda\xaa\x99\x02\xc3YM+\xf7\xe9\x16-\x10\xe8\'\xfa\x0fA\xf9\xfae\x91\xd8\xfe\xab\x89\xef)\x91\xa5\xa5\x16\x83eo\t\xff\x902K\xb2\xd1\x00^nD\xed\xb3\xaf\x90\xec\x81k\x96(\xbf\x83\n\x84\xe8\xb2\xeb\xc9=\xfec\xd4\x13x\xeb\n\xbbkn\xed\x94Gu\xc4$Lf\xb1E\xc6;\x9c;F-\r\x022qi\xea^\rZ^h1\x83\xa0\x19\x02\xe4\xa0g2w\x0fVH\xdb\xf0J!\x8b\xefb\xf7\xd1#\x95\xf1\x072\xe0\xb0\xb1+\x8c\xc8\xf2\xb5P:|P\x06U\x96}\xadl[\xb7o=\x12\x8ea\xa6\xac\x85G\x1b\xbc\xfd\xb0\x9a\xa6\xc2\xe8\xc2\xf9E\x80\x89fCw\x1d\x1e\x1dvI\xcbk\x8a\xb5\xfaA\xda\x08\xb6\xe5t\x05\n\xaa\x00+\xd7\xe9\xdeh[%\x98\x005\xbb\x926\xa2\x01%\xa9\xea\x19\xb5:4\x01\xa9d&gt;a\\\xb9\xcc\xc7\x84\xf4\xb2\xd0\xb6_]\x17\x80\x1a\x05\xf9\xb9\xb0\x07\xa89_\x04\xd3_\x94)\xb5\x99R\xec\x92\xed\xf7\xc5\x8b\xaeju\x00\xdd\t[\xda3\x01\xe7}=\xe6\xa5q\xf1\xeeRO,\xcc\xc1\x16"o\x08AF\x14\x06\xa3\xbb\xa3\xba\t\x0c&gt;)\xdbf$a\xf4\x92\x9a"\xb8(Lb\xa2\xea\xec\x1c\xdb\xcd.\xe9\xc9\xc9\x92\xcf\xe9\xc8l\xc2\'\x9f\rb}\x04\xf6\x8dL\x05\xa6\x98\x01\xa0Z\x90\x011\xd6\xc4[\xc9\xc8f\x93\xbc\xe5/\xfe\x81\x8a\xee-\xeb_\xd2W;\x99\xa2\x9a\r\xe9\x11\xdfrrP\xff"\xae@ o6\xe1K\x06\xf6\xde\xae\xc2c\xbc(\xd6\x0eT\xf8\xd7\x966\xf5\x90s\x16\xf6T\xf0\xd2\xeb\xd8\x95~\xba=\xb7\xd2\xb5\x14fU\x9a\x86\xc3\xab\xbc\xb1\xd6\x06N\x0c\x1a5\x84\x05i\x83\xb8\xff\x81\xb3\x9d\x8e"\x19\x02&lt;\x16\xa0\x0c\x1e{k\xc3x\x0ex\xa5\xf8\x92\x18\xeb\x1a\xad\xce\xf8e\x18kA\xe4\xfcB\x8f\xa5\xfc\xc3\xb9\x9f\xd9X\xdb\xde\xd9\x17$tL\xb9\xb1\xcf\xdf\x18\xde\xc8\xdc\xe8\x14C\xb3\xfe\xf1\xc5z\x08\x06yQ)/\x1c\xb7\xd2?:\xf9\x81\x03\xa4#G\xe3c)\xa6~\xe7r\xfd\x1e70\xe3r\xd4\xf2\n3\x1eA\xb5I\x04\x88\x9fO\t\x99ug7i}\x83\x0b\xcbE&lt;:\x0eO\xc2\x87?\x03o6\x1f\xf4\xe7\xc9\xa4\x08\x86\xcc\x1b\xa4\x9d\xd0\xb46\xe1\xa8\x18L\xed5m\xdc\xab\xdc\xb9\x82\xdd6\x19\xbf\x99\x11\x1b\x04@\xc5\x05\xcb\x0cm\x06\xb7,\xd4"\x13\x819Gu\xc6)\x89\xe1\xf4;\xe2\xac\xf6V\'u\xd85\x1e\xd9\xa1\x10\xe3\xc7\x91\xad\xfaP\xb0\x99\xc7M\x8e\x92\xe1M\xef\x11A\xcdd\xdec\xd0\x1f\x1a\x01R\xf34p\xa6#\xefW\xe2\xe5UH\xe1)R\xd7ev\x9d\xc0R\xcc5\x95~P\xd1\xb4\xef V\x17\x02\x886\xc6\xe8\x84\xc8\xe0\xd1\x1a\xb2\xdd\x97\x9b\xa05\xa3\xf5\xb3|\x00\t\xf9xit\xa0\xcd\x1d\xcb\xf0\xe6\xd3\x08\x86\xf6\x99x\xedl\xa2`\xa3\xc0\xd3\xd8\x91$\xa3\x01\x82\x95I\xd0\xc7\xb3\x1d\xcfk\xc4\x9bz\xdep\x11NZ\xd9v\x11i+\x08\x84\xe1M\xe8\n\xa1\xa0Fm\xdcg\xe8\xdb\xae\xa1\xd6\xcf$\xf3ar\xfap\nM\x17\xab\x9af\xd8\x84&lt;\xdd@D\x84\xb7\x94\xe3M\x08{\x86\xe5\xfd\xd2\xc7\xe1\xc9s)(%NA\x1af\xe8\xdc\xc2\x80\x9f\x1d\xc4\xfd\x1d&lt;\x02,\x07v\xdcL\xb4c\xbd$\xef\xca|\xe8\xf2\x90\x89Z\xfeC\xa8\x0f\x93\xc5\xa77:@\x82\xbf`\r+\x01\x05\x11M\xf6wB\xf3\x03\xf2\xabB\x16\xe8\xe1\xdd\xb0\xc0\r\x17\xf8\x0bf3\xf4\x1a@Hg\xcb\xfb\x82\x00\xe39\x16\xcf\xf8\x84\x10\xf6\x18\x99C\xb9\xe9\x1f*\x97\xda\xcbn\x92z *\x82NL\xed\xdc\xc28O\x17\x16D2E\x9fR\xb3\x0c\x93+\x02\xa9\xa1N\xce\x08\xcdn\x82\x8d\x9f1;9pw\x98\xff\xa5\x97\xda\x06\xd4\xe31\x9d\xe9\\\x84\t\x96\x9f7\xd5]1\xb7g\x05\x84\x8a\xc3:k(\xe4d\xf9\xdf\x07\xa2\x896_{Q\xe4\'\x0b\xbeN"\xe9l\x9d&amp;JH\xb9K&lt;\n\xc8V\x98\x00\xd9\xff\x84+\xe5g\x80\x05!\xc8\x14\xc0\t\x8bX\xe3\x96O}\x94q,\xc9\xcbN\x8d\x04$@\xdf\xf0B\xc2\x95\xf8\x0f\xaa\xad\xf9d\x9dTk/U\x9br\x98\xa3\xbehy\xf1\xe3\xc9\xd0\xd8L\x03\x8e\x87(\x82\xbd\xa0\x0fc\xa0\x9e&gt;\x80\x9cU[\x06\x9f\xe17=\xc3\x8aB\xd5F\x9e\x86@7\\\x9b\x83\xb0\x1b;\xfe\x01\xac\xf7+,Y\xf7\xc4W\x9aQ\xa2\xad\x1e\x1d\xdf\xbfF\xd417^ \x11\x1eI-\xaa\xec&amp;\t\xf3%\xf3B\x84e!\x0e\xf1\xfb\xd6\xf01\x99\xccz\xca"J\xab&amp;\xf4\xa9\x01\xd9\xd7Z\xcf\x01\xac\x10\xc6\xa8.k\'\xa0\x02\xf2\xe6%m\x965\x9b\x11;\x0b\x9af\xb9\xce\xbe,\x9b\x15\xd9\xc1\xf8p\x97\xb0Xb\x00\x1e\xd2}s\xcd\x92\xaa\xea\xc8p\xb7\xf5\x9e\x94\x04\x15_\x19!5\xc6&lt;\xc8B\x8f\xf6\x9d}\x8a\xf6\xc2\x0e\xf5\xe4\xc72O\xdd\x15!\xb7\xdc\xa5E%\x05)d\x95\xc6@K\xbb\xdf\x9b):\x87\x96,po~\xd8\x84\x06\xfd\xf6\xabv\xc1\xe4Z\x03p2\x10ep\x17\xfe\xbci\x9e\x88\xc5\xc7g\xde\x119h\x1e\xa0\x92\x82g&lt;\x88S\xbc\xcb\x06\xd1Y#\x06.\xd3\xa0\xd1\xea\xa7xvz\xec\xa1&amp;`{\xf9 \xd3\x96\x8f\xce\xaa9\x0fpNK\xdd\x060S[\x99\xa6\xf3SOJ\xf8\x88\xf6\x94\x9e\x08&gt;\xf7\x1e\xbf\xc7m\xc3\x9cDj\x1b,y*\x07\xcc\xdfXJ7\x8e(\xa3$\xdb\xa7\xeb\xa9#x\x1f8\xf9\xc7\xdb\x06\x98P4xQ\xe8\xd2\xef\xa1W \xfd\xec\x8f\xc3\x88\xa4`c\\\'%\xaf@\xc2K\xda\xac\x00=77?\x9c^\xfbQ\x1c\xdf\xa2Fu\xbc\x87u\xfd\x13\xa1\xf9[}\xb2/\xc9\xfe\\\xb7DR\x89\xe2\xad\x0c)\x92\xd0Pz\x10\xde\x93\xc4Z\xacj7w\xa5r\xf3z\x8f\xecq&lt;\x08\x89\xb8\x14\xe4\x17\xe5\'\x18*\x8a\xbe\x13\xfb\xf6\xb8-}O\xef8mV\x06\xf5&lt;d{\xd5\x12\xe1\x1d\xfe\xcf\x9em\x16yL\xa0\xa0\x1eTO\xce\x88\x80n\xdcE#\xbc\x1c\xd2\x9b#-\x94\n\xe1_,\xfb\x01\xe1\x07r\xa6`\x1arQw\xa8\xce\xa9I\xd7\xf2\x1d\xd1[\xc3\xfe\t\x94 &gt;x\x87?\xc8o\xae\x8cj}=\xef\xac\x84\xc8@\xbf\xc9\xa3\x03%\xfcqnf\x01c\x91|Z\xd1u|\xae\x86\xd6\xb9L\x89*\xd1\xa0\xc42\xc7\xd7Tv\xdb\xbf#9\x84f\x17\xd5\xb7f\xd1~\xf7\xdduS5\x0c\xa0!\x19\xef\x0fD\t\x05\xffaQ\xa7\xcc\xebE&gt;\x9cB\x03\x12\xad\xc6s\xf5\xbc\xa5\xed\x8e\xf3)#\x7f\xef{\xe7\x1eE\xd5\x8f\x9b\xe7@HpP\x854\xbfL\x8c\x1cr\x07\xe8\xeb\x07\x1c\xbb\xb9ZU\x1f\xe3B\x03\x1a,\x1b\x0b\xcf\x89E\xb8p\xd1$\xd1\x0c\xc3\x85t\x9aBn\\q\x1a\xf1_\x0c\xb3\xdb3\xddI\x04\x91;$M\x9b\x9azK%rk]\xc0\x15+\x94\xcfX\xb88\x13\xa6\xd2\xd7\xb2\xc5\xfcI\xb9\xf0\xa3\x92,X\xd9\x87\xf2x^:\x9c\xdd0n+\xff~\xd6\xa1t\xc9\xf3\x1b\x06/]y:\x9c\xa4\xfe\xb7\xda\xc5\xdf%B&amp;l\x9b\x03\xc4w\x02\xf8\r\xc9\xd3q\x9e\xc8+c\x83\xfc\x1aQq\xc9\x90\xef\x86\x10\xbfe\xfd_t\x17\x90\xd4\xd7\xe6\xd12\xe6\xbd.\x01\xac"\xb9\xf5\x91\xb4I\xa6?\xa7V\x0b\xae\x82\x93Dl\xc2`Q\x16\xd1\x0fs_\x9fl\xa2\x94\xb4\x03\xa6:\xa1\xc9n\xa4\x1b\xe13m\x0b^\xf1_\x03;O\xbaT\x0f\x83\xc6\xd6\x9a{\x8d\x92\x8b}\xe6\xf1,\xdb\xf4&amp;\xb3\xdc\xf7\xe4bYO\x0f\x84\x07\x94g\xcf=h\xed\xfbx\xe4s8gQ\xb9Y&amp;\x8eV.\xccG\xbf\x07\x88\xbfH\xd4\xd5\xba\xfc\xe0\x966A\xf1H\xbe\xcc\x8e!\x89\x1c\x9f\x1a\xc4]\xdds\xf5\xf8\x1e\x7f\xd0j,\xbae\xfe\x9bz@:\x83\xcbe!\x95i\xc6\xe6\xe4J\xaf~"gQ\x01\xf9\x9dz\xb4Y\x1c\x9bc\xe6\xa4\xdd\xac\xbc\xe1\xc4_\x80\x8a\xe2u^g\xe3,/\r\xa7Q\x18Y$\x07\x03\x93_qN\xae\xfe\xfa\xf40l\x8c\x05VS;,a7\x19\x8c\x02u\x131\x8e+\xbe6\xe0\xda\x94\xf6\xd7LX0\xb5\x1cM\xeb\xdb\xe5d\xf0P\xccN\xf1fvH\xa3\xe2\x90\xcdT?\xe8B\xeb,\xa5!(\xad\xa6}\xd7\xb6kO\x89\xf3\xce6\x1fG\xbdc\xc2\xdc#\xbd\xa8\r=\xde\xbe\xfa#\xc0\xb6\x8e\xbaL\xa1Ta\xac\xc3\x1e?\xab.Y=\xb4\x15\x997\x85\x0cc\xb5h\xac\x0fB\xb1=\x0c\xfbv&gt;c5\x1e\xce\x92\xd2\xd70\xb5\xa0\x91WMzE\x9c\xa3\xcb\xa3N \xd1\xc0(\xa8\xaf}\xef-3BJ\xbd\x9bWQ:\x16\x87#\x8a\xb6\xf3\xf7@\xefV\xcaW3p^D\xb6\xba\xb0F\xc8\xf09\xfflq\xd1\x8b;\x12\x9a\x80\xdb\xda:R\xa4\xbe\xa1\x8fm\x1f\xf4\xdd\xab\xdc\x0f\xce\xcf\x81v_?\x86~\x07-\xf8\xf2\xcaz\xe7\x92\xf5\x92\xa1\xab\xd0fo\x95\xf6\xb1DD\x14Q\xb2\x03\t\xb0\x13\x938g4;g\xf7\t\xf8&amp;O\x0cd\xfd\xc2i\xf1\x00\x9e\xe6q\xc4\xb8\r\xfcR7\xc86\xe0\x7f\xb9~m\x8f\xa6\xe9\x81({\x066\x1f\xc0e\xeb\x8d\x85\x84\\B\x81\x89\xf2XP!\x96\xff&gt;Kl\xcc\xc6\xa2\x01n.\x80@\x8e\xd5\x0e\xd54\xc9d,\x98\xc8\xb0\xb9\x88\xa9\xe4\xd3\xb2\xf8\xbf\x91-\x126\x92w\xb8]A\'\xd2\r\xddvjJ\xf8\xb1D4\xf6Z\xb3Y{\xf6b\x9c\x1b\xb9\x05\xbe,\x18\x142\xf2\x8a^\xf8A\xe9y\xc3\xe1\x9ckGN\x83J"\x87\x14K\xb3\xd2v\xde%f\xae-\x80\x8eI.xv\x1d\xf0\x9b\x97W\xc3\x19\xa1\x8b\xb9\xccj\x1b\xcaPLE\xb9\xb8 q\xcc\x14)\xd7u\x8d9\x14\xef\xdbR3\xc7\xea}b\xe9`\x11\x99\xff\x9bd\xa8\x8c\xaa\x08\xe4\x9a\\T\xac(I5\x8b\xb2\xc9\x0b\x04Q\\\xe3\x03\x9f\x1e\xc3\xefpd\xbf\xa9\xd4'</t>
  </si>
  <si>
    <t>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</t>
  </si>
  <si>
    <t>b'%\xa9\xdf\x93v\xcd\x8d*{\x9f\xaf-\x9a\xac\xba$'</t>
  </si>
  <si>
    <t>ut,MOS = gm1rO1rO2 increases with no bound.4 This is because in MOS devices, Î² and rÏ€
 are infinite (at low frequencies).
 M 1
 M 2
 Vb1
 Vb2
 X
 M 2 Vb2
 R out
 R out = r O2
 g r m1 O1 r O2
 Figure 9.9 MOS cascode viewed as stack of M1 atop M2.
 Figure 9.10 illustrates a PMOS cascode. The output resistance is given by Eq. (9.22).
 Vb1 M 1
 V M
 X
 2
 VDD
 b2
 R out
 Figure 9.10 PMOS cascode current source.
 4In reality, other second-order effects limit the output impedance of MOS cascodes.
 402 Chapter 9 Cascode Stages and Current Mirrors
 Example
 9.6
 During manufacturing, a large parasitic resistor, RP, has appeared in a cascode as shown
 in Fig. 9.11. Determine the output resistance.
 R
 M 1
 M 2
 Vb1
 Vb2
 out
 RP
 Figure 9.11
 Solution We observe that RP is in parallel with rO1. It is therefore possible to rewrite Eq. (9.23) as
 Rout = gm1(rO1||RP)rO2. (9.27)
 If gm1(rO1||RP) is not much greater than unity, we return to the original equation, (9.22),
 substituting rO1||RP for rO1:
 Rout = (1 + gm1rO2)(rO1||RP) + rO2. (9.28)
 Exercise What value of RP degrades the output impedance by a factor of two?
 Did you know?
 The cascode can be viewed as a two-transistor
 circuit, i.e., as a CE/CB cascade. An interesting
 question is, how many meaningful two-transistor
 circuit topologies can we realize? Shown below are
 some: which ones look familiar? Can you think of
 any others? How about npn-pnp combinations?
 Various two-transistor circuits.
 9.1.2 Cascode as an Amplifier
 In addition to providing a high output impedance as a
 current source, the cascode topology can also serve as a
 high-gain amplifier. In fact, the output impedance and
 the gain of amplifiers are closely related.
 For our study below, we need to understand the con_x0002_cept of the transconductance for circuits. In Chapters 4
 and 6, we defined the transconductance of a transistor as
 the change in the collector or drain current divided by
 the change in the base-emitter or gate-source voltage.
 This concept can be generalized to circuits as well. As
 illustrated in Fig. 9.12, the output voltage is set to zero
 by shorting the output node to ground, and the â€œshort_x0002_circuit transconductanceâ€ of the circuit is defined as
 Gm = iout
 vin
 _x0007_
 _x0007_
 _x0007_
 _x0007_
 vout=0
 . (9.29)
 The transconductance signifies the â€œstrengthâ€ of a cir_x0002_cuit in converting the input voltage to a current.5 Note
 the direction of iout in Fig. 9.12.
 5While omitted for simplicity in Chapters 4 and 6, the condition
 vout = 0 is also required for the transconductance of transistors.
 That is, the collector or drain must by shorted to ac ground.
 9.1 Cascode Stage 403
 in v
 out i
 Circuit
 ac
 GND
 Figure 9.12 Computation of transconductance for a circuit.
 Example
 9.7
 Calculate the transconductance of the CS stage shown in Fig. 9.13(a).
 R
 M 1
 VDD
 D
 in v
 v out
 R
 M 1
 VDD
 D
 in v
 out i
 ac
 GND
 (a) (b)
 Figure 9.13
 Solutio</t>
  </si>
  <si>
    <t>b'\xb9\xb4\xdby\x8d)#\xa2\x10\x00:!\xd8=\x14\xe7'</t>
  </si>
  <si>
    <t>b9b4db798d2923a210003a21d83d14e7</t>
  </si>
  <si>
    <t>ncy.
 John and Michael raced, Michael getting a start.
 They recalled with contempt that not so long ago they had thought themselves
 fine fellows for being able to fly round a room.
 Not so long ago. But how long ago? They were flying over the sea before this
 thought began to disturb Wendy seriously. John thought it was their second sea
 and their third night.
 Sometimes it was dark and sometimes light, and now they were very cold and
 again too warm. Did they really feel hungry at times, or were they merely
 pretending, because Peter had such a jolly new way of feeding them? His way
 was to pursue birds who had food in their mouths suitable for humans and
 snatch it from them; then the birds would follow and snatch it back; and they
 would all go chasing each other gaily for miles, parting at last with mutual
 expressions of good-will. But Wendy noticed with gentle concern that Peter
 did not seem to know that this was rather an odd way of getting your bread
 and butter, nor even that there are other ways.
 Certainly they did not pretend to be sleepy, they were sleepy; and that was a
 danger, for the moment they popped off, down they fell. The awful thing was
 that Peter thought this funny.
 'There he goes again!' he would cry gleefully, as Michael suddenly dropped
 like a stone.
 'Save him, save him!' cried Wendy, looking with horror at the cruel sea far
 below. Eventually Peter would dive through the air, and catch Michael just
 before he could strike the sea, and it was lovely the way he did it; but he
 always waited till the last moment, and you felt it was his cleverness that
 interested him and not the saving of human life. Also he was fond of variety,
 and the sport that engrossed him one moment would suddenly cease to engage
 him, so there was always the possibility that the next time you fell he would
 let you go.
 He could sleep in the air without falling, by merely lying on his back and
 floating, but this was, partly at least, because he was so light that if you got
 behind him and blew he went faster.
 'Do be more polite to him,' Wendy whispered to John, when they were playing
 'Follow my Leader.'
 'Then tell him to stop showing off,' said John.
 When playing Follow my Leader, Peter would fly close to the water and touch
 each shark's tail in passing, just as in the street you may run your finger along
 an iron railing. They could not follow him in this with much success, so
 perhaps it was rather like showing off, especially as he kept looking behind to
 see how many tails they missed.
 'You must be nice to him,' Wendy impressed on her brothers. 'What could we
 do if he were to leave us?'
 'We could go back,' Michael said.
 'How could we ever find our way back without him?'
 'Well, then, we could go on,' said John.
 'That is the awful thing, John. We</t>
  </si>
  <si>
    <t>b'\xf6\xd6d\x8cfG\xdb\xf8'</t>
  </si>
  <si>
    <t>f6d6648c6647dbf8</t>
  </si>
  <si>
    <t>, labor in Foreign) is the scarce factor. The general conclusion
 about the income distribution effects of international trade in the long run is: Owners of a
 countryâ€™s abundant factors gain from trade, but owners of a countryâ€™s scarce factors lose.
 This conclusion is similar to the one reached in our analysis of the case of specific factors.
 There we found that factors of production that are â€œstuckâ€ in an import-competing industry
 lose from the opening of trade. Here we find that factors of production that are used intensively
 by the import-competing industry are hurt by the opening of trade. The theoretical argument
 regarding the aggregate gains from trade is identical to the specific factors case: Opening to
 trade expands an economyâ€™s consumption possibilities (see Figure 4-11), so there is a way to
 make everybody better off. However, there is one crucial difference regarding the income
 distribution effects in these two models. The specificity of factors to particular industries is
 often only a temporary problem: Garment makers cannot become computer manufacturers
 7
 See Alan Deardorff, â€œThe General Validity of the Heckscher-Ohlin Theorem,â€ American Economic Review 72
 (September 1982), pp. 683â€“694, for a formal derivation of this extension to multiple goods, factors, and countries.
 92 PART ONE International Trade Theory
 overn</t>
  </si>
  <si>
    <t>b'0D\x02 J\xd4[\xa4-\xc3h(\x85\xaa\xec\xac\x9b\x18\xdf\x8c\xb8a\xfaH\x83A\x11\x9a\xbeP5^B\x98\x94\x03\x02 k\xff#\xcc2\x90t\xc3\xda\xc8\x14)\x83)o\xa8[\xf8\xca}\x85\x02\xd3\xbbK\x08z\x93\xc6\x93k\xa8'</t>
  </si>
  <si>
    <t>304402204ad45ba42dc3682885aaecac9b18df8cb861fa488341119abe50355e4298940302206bff23cc329074c3dac8142983296fa85bf8ca7d8502d3bb4b087a93c6936ba8</t>
  </si>
  <si>
    <t>b'0D\x02 J\xd4[\xa4-\xc3h(\x85\xaa\xec\xac'</t>
  </si>
  <si>
    <t>he had spoken with difficulty. After a moment, he proceeded.
 'I must resign you, but not to Montoni. Forgive me the sufferings I have
 already occasioned you! But for THAT villainâ€”his infamy shall not go
 unpunished. Carry me from this place,' said he to his servants. 'I am in
 no condition to travel: you must, therefore, take me to the nearest
 cottage, for I will not pass the night under his roof, although I may expire
 on the way from it.'
 Cesario proposed to go out, and enquire for a cottage, that might receive
 his master, before he attempted to remove him: but Morano was
 impatient to be gone; the anguish of his mind seemed to be even greater
 310
 than that of his wound, and he rejected, with disdain, the offer of Cavigni
 to entreat Montoni, that he might be suffered to pass the night in the
 castle. Cesario was now going to call up the carriage to the great gate, but
 the Count forbade him. 'I cannot bear the motion of a carriage,' said he:
 'call some others of my people, that they may assist in bearing me in
 their arms.'
 At length, however, Morano submitted to reason, and consented, that
 Cesario should first prepare some cott</t>
  </si>
  <si>
    <t>b"\xec\x06Jr\x10\x98\x1d\xb0XKF%\x13\xb2W\x10R\xea\xa0\xe27\x97\x05fWr\xeb(\xd4w\x11\x1dK'\x8bP\xf7}h\xa6\xf7\x0bN\xffw\xe2)\xdb\xf3\xa1\xd5\t`\x0f\x93\xc3\xfb\xbb\xad\xd23\x8a\xae\xa2"</t>
  </si>
  <si>
    <t>ec064a7210981db0584b462513b2571052eaa0e2379705665772eb28d477111d4b278b50f77d68a6f70b4eff77e229dbf3a1d509600f93c3fbbbadd2338aaea2</t>
  </si>
  <si>
    <t>b'\xec\x06Jr\x10\x98\x1d\xb0XKF%\x13\xb2W\x10'</t>
  </si>
  <si>
    <t>do you account for the formation of ethane during chlorination of methane ?
13.2 Write IUPAC names of the following compounds :
(a) CH3CH=C(CH3
)
2
(b) CH2
=CH-Câ‰¡C-CH3
(c) (d) â€“CH2
â€“CH2
â€“CH=CH2
(e)
âˆ’
3 2 4 2 3 3
2 3 2
(f ) CH (CH ) CH(CH ) CH
|
CH CH(CH )
(g) CH3 â€“ CH = CH â€“ CH2
 â€“ CH = CH â€“ CH â€“ CH2
 â€“ CH = CH2
|
C2H5
13.3 For the following compounds, write structural formulas and IUPAC names for all
possible isomers having the number of double or triple bond as indicated :
(a) C4H8
 (one double bond) (b) C5H8
 (one triple bond)
13.4 Write IUPAC names of the products obtained by the ozonolysis of the following
compounds :
(i) Pent-2-ene (ii) 3,4-Dimethylhept-3-ene
(iii) 2-Ethylbut-1-ene (iv) 1-Phenylbut-1-ene
2022-23
HYDROCARBONS 405
13.5 An alkene â€˜Aâ€™ on ozonolysis gives a mixture of ethanal and pentan-3-
one. Write structure and IUPAC name of â€˜Aâ€™.
13.6 An alkene â€˜Aâ€™ contains three C â€“ C, eight C â€“ H Ïƒ bonds and one C â€“ C
Ï€ bond. â€˜Aâ€™ on ozonolysis gives two moles of an aldehyde of molar mass
44 u. Write IUPAC name of â€˜Aâ€™.
13.7 Propanal and pentan-3-one are the ozonolysis products of an alkene?
What is the structural formula of the alkene?
13.8 Write chemical equations for combustion reaction of the following
hydrocarbons:
(i) Butane (ii) Pentene
(iii) Hexyne (iv) Toluene
13.9 Draw the cis and trans structures of hex-2-ene. Which isomer will have
higher b.p. and why?
13.10 Why is benzene extra ordinarily stable though it contains three double
bonds?
13.11 What are the necessary conditions for any system to be aromatic?
13.12 Explain why the following systems are not aromatic?
(i) (ii) (iii)
13.13 How will you convert benzene into
(i) p-nitrobromobenzene (ii) m- nitrochlorobenzene
(iii) p - nitrotoluene (iv) acetophenone?
13.14 In the alkane H3Câ€“ CH2 â€“ C(CH3
)
2 â€“ CH2 â€“ CH(CH3
)
2
, identify 1Â°,2Â°,3Â° carbon
at</t>
  </si>
  <si>
    <t>b'\xd7\xbdJZ\xcd\xecd\xa5/+5\x8bQ\xb9\xe9\xc4\xd7Dz\xb0?y\x8eN\xf5\xb2\x89&amp;Ei\xa6\x04S\x0f\x10\x1d\x1b@ki\xe2z+H\xed\x0e\x84\x0cce5\x1d\x00U\xa3\x83!\xc0\x98nt\xda\'\xf9szs\xd32\xca}lo\xb7\xa6\x9a\xcd\xf6\xdb\xef\xf2\xe3\xe3b\x1ef\xa7\xa0xCD\x88o\xbb\xa1R+\tL\x87x\x0f\xb4\xde\xacF\xf8U\x98\x00\x80\xb9\xd9\x05\xf9\xd8&gt;1e\x86f\xb2\xa5G \xdeB\xe5\'-\x96\x1a|\xe0\x94@\x89\xf7f\xbc\x89^\xa1\xc7 db\xdc`\xec\x07\x10b\xcep\xe1\xe1\x0c\x94\xd1\x02\xc4\xf2\x1a\xf7\xb9\xa5\x8c{\xf3\xb9\x0e\x12\x98\x00\xeb\\\xf05U\xcc\xbe\x80dRU\x1f\x1fm,:\x14\xf8\x12\xed\xa0\x060\xb4\xbc\xd5\xbdO\x81\xa6\x05\xe9\xf4]\x9a\x93RaH\x07\x01\xebNE\xd0\xa0\xe2\xa3\x052\x1b9\xfaD\x8cG3\xdfs/u\xb4\xe1\xb54\x98c\xb2\x8e6\xc8\x92\xc5\xe47au\x81(\x05y\xa9:\xed\x1cgV\x10]\xf8w\xeeE\xb4\xd7\xfc0\x95I\xe6brp|\x97jP\xce,\xc0\'HJ\xe5=\xfa\xfe\r\xcc\x9dT\xd0\xdeX\xe6\xf5\xc5\x1c\xde\xa9(\xeb\xc9XP\xa0B_\x08S\x1f\x10\xf2\xed9;\xbd\xda\x17\xff\xc0\x9aYG\xd9\xdc\xa7\xba\x0e\xba\n\xe7\x1f\xda\xf5&gt;6\x12\xe2F\xc6\n\x19\x18G\x7fQ\xd4`\xbf4\x90=uI\x1fD\xd9\xca\xba\x9c\xb9f\xab(\x91W\xf1}\x11\xcb\x9d\xa0k\x8f\x97[\x83\xa6\x1eL\xba^W\x1f\xb7\xd5~\x8f\x8f\xb6C\x97\xdbq\xffN\x02\xe1Y\x9d\xa3!M\xfd\xb5\xe9\xf0\xf9\xdd\x18O\xd3p\x1b\xe5\xbe\x7f\xd1\xcf\x1a\x96\xaf\xab\xa5$\xfb\xe7\xadjX\xc5\xc1Q\xc33d\xee\x93\x1fI\x1f\xd2\x81\xf3\xf8\xe4\x99\xf5\xf9L\xbc\xff\xae9"\xd9\xecl\x82\x86\x06\x8c\xce\x8b\xfa\xd4\n\x83\xbd\xe0\xb2X}\x91\x8d\xaa\x86|-U\x11\xcb\xed\xecZ&lt;\x9d\xf7$\r\xc8\xfa\xf0\xdf%\x8cvQFD\x8e=\x15\x03X6\xd56S\x96\x13\xd5R\xb8h\x1aC\xfa\x04{\xfb\xe5\x8e\xc9`9\xbc\t\xa0\xf2\x01\x19\xb5\xe9~\'$\xf4\xd8Ge\x12\xc8\xfb\xbcpk\x14\xa9\x00\xc3\xa6\r\x93J\xae"\x9d\xee\x84\xd8\xc1\x19\x89\xb4\xd0\x03\x191T+\xcd\xe2\x01A\x05 \xac\x97\x1c\xd3b\xa3H`\xf51N\xa36a\x83\xc1 Mx\x8c4\x1e\xefq\xd1\x87\x02_\x8dB\xa8\xc6\xd4\x81\xc7\x88\x81B\xebL\x88Q\xb2\xa7\xecOJk\nv\\pc\x93\x96\xd2\x8b\xdd,-\xc2\xc5Q\x9e\xc2+h\xb0\x8e\xdd1\x8dNv=t\xff\xa7\xbc\xfc\x95Pm\xe69O\x8c;\xa4mY\xbf\xb4\xd4\x02X\x03\xa0Xk\xcf]\xf2e\xdb\xd3\xeb\xf9\x15r+\x03f\x19Px\xcc\xfe\xf0\x1c\x9a\xa5\x01~4\xf9\n\x92\xe2Hr\xcc\xa0#\\T\xa66-\x1b\x19y9&amp;= \xb1R\x8e\xde=\x8c0s\x04E\x1d\x00\xa5\xf2\xb2\xe2\x13\xe2=\x88*\xcbz*8Ec\xa9I\xc1][\x160\x89\xe3\x0e\xd4\x9f\xdf\xbb\xe3y\x96\xf2\xd3A\xe3\x96\xd2\xbc\x0f\x13\x01n\x965\x19\xfa\xbd\xc7aP\x9a\x15R\xe4N\xd6\xec\xda\xdd\xff$\x8e\x8f\xfa\xc1\xd8\xb4\xae\xc6\xeb\xe5\xd2\xe8\xa5\xaa\xa4c+~\x10*\xca\xf9\x0e\xcbM\xd0\xcdUq\xdd8Z\x81`\x1c&gt;S\x04\t\xb6&gt;\x14\xc3x\x82\xd0\xb3\x87\xe7\xa3+}4\x1bj\xcf U\xee\xe0yI\xf70JO\'\xb6\xd4\xa5\xa2\xeb\x9c\xa3D&gt;&gt;Q\xd6\xd2q\xc6\xc9\xde\xf4\xd7p7\xa3\xd0r\x9f\xa67\x8aC\xeb\xe2\x04\xb9\x13\x11\xdf\x11w\xcb\xf8\r\xe6\xf9\xe4\xa5\x98Q\x8cq\xaf\xfbI\xacD\xad\xe1\xfd{\xb3\xcd\xa7\xfck\xd9\x98\xc1\xe1%\xa4\x1ce"\xd0\xca\xf4\x80\x86~\xea\xca\xb1pG\xee=q\xab\xd0\xcd\rg\xb2\x8d0G\xfc\xb2F\xdb\xb8\x13\x8d\x06m\xc10\n\x9a\xc3\xc4\x10\xe5\xddZ\xc5D\x15}3{%\xd3\x80\x86\xc0\xecK\xd9\x82\xd8Yh6\n\xc0\xbb\n\xf1\xef\x06\x94\xf8\x1b\xb3\x0bWI\xb6M\xdf\xd4\x81B\xdf\xae\xf8\xaf0fB\xd2c\xbb\x0c\xea\xa7lH\x1b\xe3\xec\x8d\x93\xc7&gt;Z\x81|\x18\\\x95\xdbi\xa0\xf9\xd0\xb4\xfag\xc8\x1cv\\\x9eb\t\xa3\x9fuDt7k`16\xb1\x99*\x81\xc8\xa7\xfa:\xefgJM\xf7\xcb\x8a\x1b\x92)d\x0cj\x11\xba(v\xf20]Jj\xe9\x14C] \x0e\x1e\x04.\xdc8!\x06\x06v\x9fn80\x88N\xca#\xf8\xe1\xa2l"}\x90\xb5S\xdf&gt;\x98L\x02\xa2\xa6z\xb2\xd1\'\x8f\xe2R#\x07\x08\xa6\x01\xab\xe3\x8f\xfb\xdc\x86\xb7/\x9d\xdc]\xa5\xc9\n|O\x10r\x92uhu\x02\x02M\xf8\x90\xc7C\x01Zc\xa6\x8d\x9c}0\x84\xb0Wc;R\xda\xc3\xe6\xc0\xf9\xfc\x91\xae\x82\x995j\xa9Y\xff\r\x99_|\xe9;\xd3*\xcc\xc3\xc9\\\xae!u\x1d\x124\xde\xd6\xc5\x976\x97\xc7\x12\x9bWL2\xab\xaa\xa6\x16\\\x07X\xd6\x05\x9ab\x9b9S\x00X%\x83\x15\xd4\x91\xf5\xa8@\x89!S#\x91V\xfcDT\xfd!?\xf8MU\xbe\x1d\xefR9t\x0baS\xe0\xea\xa4\xe4\x8c+wo?\r\x9d\x13\xb2\x9c\x15(\xa3\xa3\x8d\x1e\xc2b(\xa1\x1f!p\xc1\x19\x80\xea\xd9yA\xdd`\x1b\xeb\x98Qg\xc8\xdc\x17\xa8\x0e\x938\x18^BwO\xf0\xbb\x19\x1ee\n,I\xa5\xc2sW`\x11\xcb\xf6K\xe0\t\x15r\xe4ys\xdf\x11\xaeb\x12[\xae\xc3:\x1fsF\xfe\x82|\xfa\xb9\x81\\\xf6Wv\xb8\xfb.\x82mS\xfb`\xa5&gt;1\xcb7}AMh\x98\xfc\xa3\xa9\xa4C\xf9\xc3?7\xad\xc1\xc8\xa4Rb\x96\x99\xa3%\x17\xa3E"\xb1nF\x17\xc3\x1e\xf5g\xf6V\xb5\xee\xa1.\xc2\xca\xa6\r@\xc1{4\xed\xcb\xa8J\x86~\x1cQ\xeeI\xd3B&gt;\xe3d~\xd4\xfd\x88\x1e\xd4j\x8ae\xbceuk\x0e\xd5\xd1^\x109\xbe\x9b\t~\xf4\x19\xb2\xb5\xabyo\xf8-vM\xd8\xa0\xec\x00\xb1LN\x86ZMb\xf1\xe5Et\x031\x11\xaa\x91\x9d\xcd!\xe1\xc9\xf1F\xb7\x9d"\x10\xfa\xe8\t\n\x84X@\x9ar\x01\x10\xaa\xa7Mu\xac\x80\x1b#\x8d\x06?\xe9\t\xfb\xf4\x8e\x1bO\x01G\xea\xb1\xbc\xb2VJ\x8a2w\xdb\xb2\xd7\xb7E\x8fe)\x9e\x85\xe5\x90\xc9\x1a\xabE\x01\xd9\xbd)Y\'O\xd3#\xaa\x99\xa3KbC\x9d\xbdyiz\xb2\x95\x06\xda\x89!\xbcd\xf2I\x03\xacf\xdc0x\x00\xc8X\x96\x94\x039|Y\xfe\xce\x05\xcb^\x10h\xdc9\xfaz\x91\x9e\xcfe\xd2\xe9\x9f\xac\xb1\x95\xeb\xbb\xd7`^\xfc3c\xabLP\xba\xcc$\x07\x1dZ\xc3\x9c\xdc\x03\xf4Z6W\xb6\xc6meW\x9a\x93;\xa9\r\x08\xd1\xea\xf4\xf9r\xaa\xa6c\xc7W\xa6\r\x88P/"v{\x91\x10%,\xa6]U\x9dL\x7f\x92\xd1\x13#\xd374\x8f\x8aoU\x18pRA&amp;Q\xb1G\x13\x1a\xf8\x9ea5&lt;a \xe5\xdbN\x03\x04x\xe7\x05\x01|\x9d_3.a\xca\xb2!\xe2^P\xa7\x8a\xdb/C\x86\x85\x81\xab\xadP\xf64\xcc\xd1E\x9d?\xc4\xe3\x13\xf7F\n\xe0x&lt;\x14+\xd15\xf9\x98\xb9\x10,\xdd_\x0bb\x1bB\xa4\x88\xe9\xa2\xcd\x15\x04\x08~#z\xbcG\xce]lp\xe1 \x07\xa7e\xe2k\'\xa5\xdd\xe3\xb6S\xfbtP\'\xb9Gc\xf6\xf4\x12\x9f\x16lM\x80\xe3&lt;\xd9\xabTb\xdbK\x17\x81rBg\xc2B\x06\x96g\x1c,\x94\xa9\x8d\x83k\xa0\xeb\x82\t\x9a\xa12(\x12\xdf\xfc=\xf2\xba\xac\xddFdB\xa5'</t>
  </si>
  <si>
    <t>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</t>
  </si>
  <si>
    <t>b'\xd7\xbdJZ\xcd\xecd\xa5/+5\x8bQ\xb9\xe9\xc4'</t>
  </si>
  <si>
    <t>d politics in the Thebaid. Leiden.
Dominik, W. J. (ed.) 1997. Roman eloquence: Rhetoric in society and literature. London.
Donahue, J. F. 1996. Epula publica: The Roman community at table during the principate. PhD
dissertation, University of North Carolina at Chapel Hill.
Donahue, J. F. 2004. The Roman community at table during the principate. Ann Arbor.
DoÂ¨rrie, H. 1987. Der Platonismus in der Antike. Vol. 1. Stuttgart.
Dosi, A. and Schnell, F. 1984. A tavola con i romani antichi. Rome.
Douglas, M. (ed.) 1970. Witchcraft confessions and accusations. London.
Downing, F. G. 1994. Cynics and Christian origins. Cambridge.
Drake, H. A. 2000. Constantine and the bishops. Baltimore.
Drerup, H. 1959. Bildraum und Realraum in der roÂ¨mischen Architektur. RoÂ¨mische Mitteilungen 66: 147â€“76.
Driel-Murray, C. van. 1999. And did those feet in ancient time . . . Feet and shoes as a material
projection of the self. In Baker, P., Forcey, C., Jundi, S., and Witcher, R. (eds.), TRAC 98:
Proceedings of the Eighth Annual Theoretical Roman Archaeology Conference, Leicester 1998.
Oxford. 131â€“40.
Drinkwater, J. F. 1987. The Gallic empire: Separatism and community in the north-western
provinces of the Roman Empire, AD 260â€“274. Historia Einzelschriften 52. Stuttgart.
Drinkwater, J. F. 2001. The Gallo-Roman woollen industry and the great debate. The Igel
column revisited. In Mattingly and Salmon 2001a: 297â€“308.
Drinkwater, J. F. 2002. Prologue and epilogue. The socio-economic effect of Romeâ€™s arrival
and departure from Gaul. In de Blois and Rich: 128â€“40.
Dunand, F. 1976. Lanternes greÂ´co-romaines dâ€™EÂ´ gypte. Dialogues dâ€™histoire ancienne 1976:
71â€“95.
634 Bibliography
Dunand, F. 1991. Miracles et gueÂ´risons en EÂ´ gypte tardive. In Fick and Carrie`re: 235â€“50.
Dunand, F. 1997. La consultation oraculaire en EÂ´ gypte tardive: Lâ€™oracle de Be`s a` Abydos. In
Heintz: 65â€“84.
Dunbabin, K. M. D. 1989. Baiarum grata voluptas: Pleasures and dangers of the baths. PBSR
57: 6â€“46.
Dunbabin, K. M. D. 1999. Mosaics of the Greek and Roman world. Cambridge.
Dunbabin, K. M. D. 2003. The Roman banquet: Images of conviviality. Cambridge.
Duncan-Jones, R. P. 1976. Some configurations of landholding in the Roman Empire. In
Finley, M. I. (ed.), Studies in Roman property. Cambridge. 7â€“33 [revised at Duncan-Jones
1990: 121â€“42].
Duncan-Jones, R. P. 1982. The economy of the Roman Empire. Rev. edn. Cambridge.
Duncan-Jones, R. P. 1990. Structure and scale in the Roman economy. Cambridge.
Duncan-Jones, R. P. 1994. Money and government in the Roman Empire. Cambridge.
DupreÂ´ RaventoÂ´s, X. (ed.) 2004. MeÂ´rida. Colonia Augusta Emerita (Las capitales provinciales
de Hispania 2). Rome.
Duthoy, R. 1974. La fonction social de lâ€™augustaliteÂ´. Epigraphica 36: 134â€“54.
Duthoy, R. 1978. Les Augustales. ANRW 2.16.2: 1254â€“309.
Dyson, S. L. 2003. The Roman countryside. London.
Eade, J. and Sallnow, M. J. (eds.) 1991. Contesting the sacred: The anthropology of Christian
pilgrimage. London.
Easterling, P. E. and Hall, E. (eds.) 2002. Greek and Roman actors: Aspects of an ancient
profession. Cambridge.
Ebel, C. 1973. Transalpine Gaul. The emergence of a Roman province. Leiden.
Eck, W. 1970. Senatoren von Vespasian bis Hadrian. Prosopographische Untersuchungen mit
Einschluss der Jahres und Provinzialfasten der Statthalter. Munich.
Eck, W. 1979. Die staatliche Organisation Italiens in der hohen Kaiserzeit. Munich.
Eck, W. 1984. Senatorial self-representation: Developments in the Augustan period. In Millar
and Segal: 129â€“67.
Eck, W. 1985. Die Statthalter der germanischen Provinzen vom 1.â€“3. Jahrhundert. CologneBonn.
Eck, W. 1998. Inschriften auf Holz. Ein unterschaÂ¨tztes PhaÂ¨nomen der epigraphischen Kultur
Roms. In Kneissl, P. and Losemann, V. (eds.), Imperium Romanum. Festschrift fuÂ¨ r Karl
Christ. Stuttgart. 203â€“17.</t>
  </si>
  <si>
    <t>b'\xfaZ^H\xcd|\xc1\x17\x14D\xd3\t\xb5y\x15\x8a\xe5_\x91\xc7\xbeix\xdd\xb5\xd5\x9d\x915\x9az\xd1nX\xaa\xc7\xc9\x01\n\xa7\xf1\x91]\xf0\x97B\xc2\x9f\xdc\xa3&amp;\x8aI\xa6\xaco\t1\xa9]\xc4[K\x17\x8b\x95\x98\x00I~\x9f\x97n\x92\x0f\xaa*s\xd4\xee\xe9\x83\xde\xf2\xb6\x94\xc7m\xca\xdc\x12\xe3(qA\xd5nf\x8c\x19\x7fl\xfdp\xd10\xd2\\p}\x0e\xc1J?\x17\xfc\xda\x0e\xf4\x94\xd7 \xcd\xa5\x7fO\x18\x9e\xf2`\xe9\xc8e\xe1\xe0my\x19\xae\xf7E`4n\x02(\xa9Rm\xc2\x8e\x02\xb8\xf3\xf1v\x1c\xe00\x7f\x923\xceF\xcfXk\xf6\xb5|\x9dz\x94C\x92j\xc5\xdc:\xa0d:\x1cl\x16G!\x0f\xc8]\x08\xcd72J_\xaf\x9f\xbe\xa7+&amp;]\xf0\xd4Vnj\xbck\xb6gk\xacj\x0c\x1b8u\xeaB\xcd\xb8\xc3f\xe5\x173\xb1]\x1cG\xe5]\xba\x15\x10\x1f\x0eP;\xe0\xbcv\xc4\x15\x9b8\xe2\xbf\xa5\x9d-o\xca\xd0Gg\xd2A\xdf\x0b\xbb\xb08@\xad\xe17\x16l\xfb\x9a\x9cET\xfb\xde\xea\xa5\x8f\x1ccx\x16\xa2Q\x1b\xdd\x84"\xd5\'m\x8cO\xc4R\xec/\xa4\xccF\x89\xad\xfe.\xdc\x1a&amp;\x81xR\xbf\x1f\xba:\x13g\x96\xd9s\xc6\x8cN\xe6\xa3\xa5\xaa\xf34\\\x84\xbav\xe2\xf0\xe7\xb1x\'\x9ah\xd7\xee\x17\x16qH\x91M\xad\xe3)\xea\xd4\t\x95\x9b\x9dJ\xa4\xc4\x1f\xb7\xc8M\x7fg\xaf\x83\'{_\x8f\x1d\x9e\x13`0K\xc5\x98\x1b[\xb4t[u\x16\xbaG4\x99\xc6:T\x8f+\xdd\xd3FT\xf1j%\xb6\xbc\x0c[D\x80=\x9f&gt;\x02\x89\xf8\xa2V\x85\xfbY\xd6&gt;\xff\x9d\xb6T\x10\xcdA\x01X\x7f\xeeB\xdf\x80\xc7\xf1\x07e\xbe3\xbf\xb2,o-\xb2\x80\x13\xa3,\xad\x18\x7f\xba\xed#\r6D\xfe o\xb18\xa7p\x03\x08\xf8\xbd$\x1b\x08\x998\xc4NB\x82b\xc9\xe9\xb9\x88\x89\xa2\xa3`;\xb5\xe6\xbc\x8c\xfe\\3(\x0f\x96\x94\xa4\xe1RW\xba\xba\x9cO\xe2\x02\r\x96\xd7l\xb3)\x18\xea3\x10\xb5\xf3\xab\xdf\xda%\xa9\xce\x91]\x1fl\xc3\xec\x99\x99\xbb\xbd\x14\xd2\x148\xea\xc9\x9e\xb4\'\xa7K\x85\x9e\xd6\xb5e\xe5m\xe5\xba!\xb3\xa0\x83\xa9\xc7\xdb\xa1\x16&gt;t\xc9e\x00\xdaWuA[}\xb1\xed\x94\xc5s\t{)p\x1b\xfb\xcf\x9fd_\x88\x92s\x0e\xf9\x07\tDV\xee(\xc8&gt;2\x9b\xe7\xfc\xd8f\x1c\xb3\xd8F\x96\x0c\x9e\x08\xf9\xcd\xdb\x9c\xf4\x89\x1b\xc9\x9b\xac\xa9\x15:\xbc;\x8a\xf4\xc4\xb0\xcb\x1c\xd7/\x7f\x14\x12\xfc&amp;N\x8b\x0f\xdb\xb4\x92\xe33\xb8o\x06\x90\xcc\x1bv\x0ca\x8cA\xfaj\xe88\xb8\xf4\x16\xef\xe4%+\x8a\xcf\xbbPx\x1d{\x01\xad:z=\x1e\xbe\x8d\xa3\xb2x\xb6\x10\xf5a\xa4\x0f\xed\x8c\x13N\xaa\xc2\xdf$\xaf\xa9\x9a5X\xd4\x07\xa7\r\xa0^h\x01\xe5\\\x89\x90\x01\xefc\xf2\x10\x1c\xf3\xdc7B\x0e\x03,\x00\x13s\xe7\x8c\x81\x1f\xdfi\xe3\xabd{8\xf3Y\x8cF\x04\xa3\x06\xee\xd1\xf6qI\xda\xf70\xe3$\x1b&gt;\xe6ie\xc0Y\x83p1\x0cD\xbe\x97D\xbcin\x1c\x16\r\xbf\xc2\x13/\xf7\xc9N\x8d\xb51+\xf1\x14/\xeeE&amp;\xdeX\xe5\x91Vc\x89\x81\xe1\xa99\xdf,\xa2"\x9a\xe5Y\xa5\xa2\x9f\xdam\x02\x8f\x19\xe5\x92\xa5\t\xcdqg\xc0\x19US\xb7\xebn\xa7\xfb\xd5\t\xcb6\xd4@\xba\xe7\xbehn\xf4)\x80\xe6\xe7\xba\xdc\xb6,\xc0\x86\x8eV\x1d5\xd6\xde\x00"\r&amp;\x1f=%\x92\xd0\x05_\xc6\xe1o\xbd\x9e\xa0!27\xcf\xc1r\x99\xb3Q\xc0o\x08|]w\xad\xf6p[\xe9\xda\x8f\x03\x08CAm`\xb5\x8e_6A\xa7_O6m\x14\xcf*=\xed\xaf\x9d\x95@q\x9f\xeb\xa1)\r~\xa0\n]fJ\xe8\xcb\xaa\xc5\x8c\t\xaa\x1cl#c\x1e\xc8"t`Y\xa2\x05\x16l3\xd16\xf0#fyT5\xe5\x89\x83\x8b\x80\xc0\xbd\xa3\xff\xeb\x8e\xd3mA\x85ga\x03@\xc1\xe2\x00Bc`T\xf80[\xf8\x0b\xc1o\xe1\xb0\xe1\xc8\xfe\xa1b~: &gt;\x90VM\xbfh\xe6\xe2\xc5\xc7Z\xc3\xfb\xa0\xad\xd6\xb4\xe6G=,\x8ahQ\xe3\'\xa5\x89\x81\xd0\x97\xb5\xa2\x89\xcfb\xdar\xe2ON\x91\xf2\nu\x89!\x99\x04\x9aS:\xd8Z\x8f\xc2\xd1\rn^\xb5@\xcf\xa6\x15U\xeb\t\xad\xa0\x05&amp;=\x18\xf79\xf8)P\x08\xe1j\x86{\xa38\xef\xa0\xa8.4jg5\xc0`ES&amp;\x84\x06\xef\x9f\xda\xc8\x14R-\x1c4\xf7\xc4\xea\xc3 \xa5HW\xd1\t\xd4Ch\x0f1\xa4\xe8+\xb1\xdc\x08_if\xa1\xc4(\xe2\x187\x94\xe5F\x83)\x8eOP\xfa]\xba\xf3\xf8\xaa|\xb6\xbe\xe8y+\xaaU|k\xc0\xe8\x87\x98]\xbd\xbb\xcf\xddR\xb5}R\xa8\xb7\x98i\x81?hw\xd4\x96{\xd9\xef/z\xfc\xabd\x01\x90\x1b\x04|a\xd9\xac&gt;\xe2\xbc\xa6\r$\x07\xba\xe3\xe4\xdc\x88\xbd)\xcb\xf2y\xd2?yS\x93\xea\x7f\xe0Y\x87\x13q\xe2O\xb6\xd9\x1d\nf\xaa\x17\n$o\xf6-\xeb\xb6\xcaHV5\xf2\x1eS?nR\xb6\x01:\x05\x88b\xa2x\x01RLR\x87\xe8\x84*(\xb9U|O\xa9\x99\xb8\xef=\xa6\xeb7\t\xd5i\xbd$\x83\xe5\x86q\xab\x18\x8e\xb4\xf6\x93\x11\xa9x5\xd8\xa7\xf8\xce\x06\xd3\x19gq\x15\x9c\xe9\x11a\xba\xcf\x16\x9b\x81\x8d\xde\xccU\xe1\x84D\x94\xdc\x85G\xe6\x82\xcf\x1c\xbf\xe2\xac~\xe4\xc5--\x00\x93\x87I\xc8_&amp;%\x18\xfc\xc9\x1bFV\xdb\xe9\x7f\x0b!\xf9\xa7\xbe\xe48\x14\xae\xb9n&amp;\xf2\xb02mC\x04\x93\x80\x02Ny\xa6\xc8\x8d\xad\xfb\x08\xa5\xa1\xef@\xc3\xa7\x82\nL\xfb\x1f\xc0_\xb9\x85Qs\xd0+w\x12\xbb\x19\xa0\x10\x8bQ\x08\xfeJ\xdb\t}\xd0\x08\t0\x18\t\x0e\x00\xfbz\x9eZ(\xecYbu\xab\xc0[\xc5\xd6y\x18\xc4\x84~Tb\xab\t\xbc[\x19A\\@\xbb\xa2^\xa4\x8a[\x85\xf0\xb0\xac\xff\xcc\xf0\x12\xc0\xa6\xc8\x9f\xd3\x13\xa0\x9dS\x85\x81/\x1e\xc5\xc7\xc3\x85\xda:R\xd7\t\xdfn\x9bm\xea:\xad\xbcc\xba\xde\x03\xfaU#\xd2D)\xb5`\xd5\x93\xb0\xc8\x1e^\xa0B\xb3S\x1b%.\x8d\n\x05\x7f\n\xf2\x05%og\x8fOZh\xe5\xe0I\xa6t^Sly\xcc\xf6\xaa\xc7//z\x10\xc7\xd3\xb5\xc4\xa8\xacC\xcb\x1e\xc6\x1b\x12I\xf9\xe0\x8b\x91\xbd5\xceZ\xc7\xd3\x985\xd3\x8eGX\x95\x9c\x8e\xe6\xff\x08!\x1e:#\xf3M\x8b\xee\x96\x97\x8cL/P\x1c\xad\x08\xc8\xe7\x88\xef\x9c\xbc\x11\xa91\xb8@\xbdZ\xd8\x07cCVD-\xd7\x04\xee8[\x05\xb0\xc3\xfb\xa0\xf0\xedd\xba\xe8K\x16\xb5#\xb4&lt;\xdb-\x8d=R\x03\x91\xd3.\xf9\xff)\xd0\x91p\xa0\xe8,/K\x81\xcdK\xf0\x856\x96\x03\xb6\xcb\xf2xLKW\x97\xaex\x7f/\xf7\xa9\x9a\x83\x9d+ \x14K\t7\xa3\xfd\xef\x9a&lt;)\xc8UU\xf3\xa0NV\x92\xa5\xbc:c\x15\xd3\xb74\x9e\x93\xa1\x1c\x10^\xad\x88\xcb1xc\x19\x9d\xd1\xb0\xa6\xf7jw\xad.8\x11z\xe4\'\xc2\x1c\xf2\x05\x92\x99\x1c\xa9\x87\xfd\xda:O\x18\xd7\xc4l. \xc7/\xc8xI\x99\xb1\xdb_VH\x9d\xd1+L\x822\x813\x18\xbdl\x05d\xeb"\x7f\x90]5\r\x9akQ\xf7\xf6\xd8\x04?\xbe,\xc7Q*\xa0_\xc9\x97@}\x8e\xebd\x0bL+\x83\xc48\xb8e&lt;$!r\xa7\xf9\xd7\x04\xd7\t\x12\xf9e\x88\xe6\xdc*\xec\xa1\x82D%\x92Lv~\x80\x12j$=\x16#pC\x16m[T\x9f3\xeb\xd8\xde\x9b\xb5\xfa\xe8\x8f\x9fc;;\'},7h@\x9b\x0c\xb5\x8f\x02?\x08FA\x0b:O\xed\xc8\xa2\x88R]\x153xg\x81)\xda\x8f\xfe\x88a\xe5\x11\x17\xe4\xaf\x1a7\x04\xd3\xadal\xb5\xeb\x82rV\xcc\xa4i\x05_\xef\xe8%\xf2\xbd\xa1d\xa7\xae\xd0&gt;@\xee\xa7\xc4\xccF\x8c+t\xb6\xbe\x92&gt;\xe4.\xbe;9d\xcb}x\xa9/n[K\x11\xb2\x9b9\xe8\xa4&gt;S\xf6\x15w\xd9p\' Q[7\xd6\x15V\xcboW0\xa8\xe5~\xd5r\x9d?\x86\x9c\xe3\xd9\x0ftq\xa2\xc8+\xb8\xa9I7-t\xa0t\xb5\xcc+\xc6X\x1c\x06p\xb0\x00\xb7\xed!\xe8`\xec\xce^\x8f\x89\xd9\xbc\xce\x82GuyoD\xb8\x99\xe9\n\x108\xb6\xe1|7\x19uk\x965\x9e\x84\xe3\xf5\x9c\xado\x88\xe5[\x1a\x9e\t\x82T:\x9fj\xd9\xa7\xe3T\x93&gt;M\t\xcf9\x91\xd8\xb2\x15\x00\xcdr2C\xcf\xc7\x06\xc9D\x84;\xb0\x9d\xfc\xca\xaaJ\xa2P8\x11\x13\xc90{\x96\xc2\x12X\xd4.\xb7\xe0j\xc73\xa5Ny\xafY\xaf\x0b\x18\x10\xdf\xd7\\ J\x9f\xcb\x15\xc4n(\x08\x08&amp;\x84\xf6BQ}\x02H+\x9c\x84"H\xb1\xb7\xb7\xab\x8c\xbb\xa7\x1b/\x7f4G\xeb\xfft\xceE\x83M\xa0hd\xcc\x9d\x89\x0b\xb2\xe7\xd4_R!\xf7\xc0\x8b\xb5Z\xe6\xd6C;\xdd`\xe8\xba\xbe\xa6\x9fib\xee\xea\n\xaf\xa0\x0eNU\x9f/K\xac\xc3J\xfc"\x91\x83\xe0O\xbaZ\x16\xcd\xa3Q\xe2\xa3\xb0\xe4#\x8aa\xc1\xad0s\xdb1\x8c\x02\xed\x01\xd6}\x96J\xb8\xf7\xff\xc2s\xea\x02\xd7[\xa6\x7f\x0f\xbf\xf9Ih.\xe7v\xc6C\xf3\xb2\x1dJl\xd3\xfel\x9a&amp;\xdc\xba\x9e\x8f\xdc\xe6t\x05\xc3\xa5S\xfb\xae\n\x04\x07R\xdc \xacj\x16\x98Z\xb4\xa2w\x08S\x0e\x93\x85\xa5\xb0\x9e\xd5\x8f\xbb\x0e\xeb#.\x9fTO\xca\xdf\n\xc7je\xcb\xe3V\xa2u\xd0\xac\x97\xe3\xabNI\r\xc3\xd5\x95\xeeo?*\xc5\xc3\xea)\xd6\x81\x99\x85\xe0\x81\xe8\x106\x814&lt;/\xaa\x1dg\xcf\xe4+9\x8a.?\xdaN\x0b\x84\xac\xd4&lt;\xffkh\xe9\xe8\xef\x02-\x9bd\x06\x87\x85\xea&amp;\x96\xe2\xfe\xdb@\xe2\x85m^\xc6V2\xa8,\x10p\x0b\xb4\xbb\xd5\r\x96\x1d\xf1\x922G\xfa\x9e\xa6b\x9c\xf64\x14\xf1)H\xb5NT?B:u\x97\n\x17\x1c\xcc\x00&lt;b\xdeu\xf3\xc0\x8b\x86\r\xb0G\xe0\xc9\xcb1S-\xf6\xb9\x0c\xac\x1cc\xfc$\x80r\xbc\xba\x07\xf9\x01Qv\xa7\xf9\x08\xc1\xe8\\\x8a\xe9\x08\x97\xc1\x0f\x18\xf1\xd0e\xbc#^&amp;\xb7\x98\xaf\x93\x82\xb2\xf6\xf4\xe0\x84\x04\xd7\xe4\x94\x05!\x11L_4\xab%\xb3\xd8\xcb\xb8g\xc7\xabS\x8agx_=\x80\xb4\xcd\x07\xf3\x80\x07$\xb8^\xf2\x8c\xcc\x89\xb6\xd5\xd9G\x98\xd8+\'\xed\x02\x1b\xf9\x89\xfa\x08\xc4\xe9ny\xad\xd1^\xff\x8c_\x7fl\xb4\x9d\x88\xaa\x97\xc0\xc5M\xdfN4\x12\x01o\x8f\xca\xf8|\xd8\xce\xc7\x15\xc1\n(7\x89KMqAw\x96\xd13T\x00\xaf\x1bx\x81:J\xd4D\xbe6"\xa9\xbd\x06\x1d1\xd5\xd9\x93\xd55q\xeex\xf9i\x10"\x1d\xdc\x95\x0f\x96\xf7}_\\\xd5\xcf\x90"\xd9(\xcfuw\x93\x8b6};e\xfa\xca\xa9\x04d\xa1n\xe9\xc1P.\xc8d\xe6#\xc8\x86\x0f\x85\xe5\x8b\xcd\x97\xa0[ZZ\xfd\xd4\x00\xf9\xf5\xe9\xde\xd8\xfemq\xc8p\xdf\x9b\xd1\xbaf\xbe\x0cm\xd4\xa26Z\xe9\x02\xe1\xb6\xb3y\xbb\xb4\xfc\xd4\xf9u\x05f|\xe9\x9f/\xb1\xa9K\xce\xa1\x86T\xcb\x947c\xea\x08D\xb6;\x10g`s\xeeLa\x10bL\xf4\xe9\x81\xd1\xb8\xa1\xba\x91\x15\x11c\xac\x08\x99g\xba\xa6:\xf6\x12\xc0\x97\x9c\xc5\x04\xb4\xffj\xee1\x19\xd2\x96e\xd1\x05\xf6u\xf8\x06\x0b&lt;~i\xb3\xddh\xe3\x9de\x84\xbf\x88\xbaoxfZI\x1c\xa7n\xd5rE\x91\xf8=E%\xde\x11\t9\xd2\xa5\n\x08\xb9iu\xfbN%VTp\x83L\xbe\xc7\r\x92r\x87\x10\xf6u\x8d\x1ch\x8f\xa3\xe3\'\xec\x8b\x123G\xd2\xcc\xf2[t\xd2\xca}\xd2\xe2\xcc\x98A\x02\x91YW\xfb}\x03\xef\x97\xff6k\x06;x~g\x17\x8a\xf3%\xb0\xbf\x13\xce\xe7&gt;\xddK\x0f\xe3\xf7[K\xd54+\x07`\xa5\xd4?\xf8\xd6\xcc\x8f\x1fM\x82\xd1\xfeh\x00sv\x02\xfaoD\x85"\xc7\xad\xfc\xbcmm\xb6\xcd\x83\x98\xe7\xcao\xbf^V!B~\xbbcj\xc5\x15}\x86\xb1\xd1\xf3\x17\xac\xa6T\x9b\x13\x1b{$f\xfb\x97\x02R\x03H\xaf%:\x0e\x8dt\x8f\xa2\xd9\xba?\xae\xcf8\x0c\xb6D\x0c\x12\xe9\xba\xab\x1f\x9f\x1f\xba\x1e\xfe\xc4\xf3\xfb\x00\xbe\xc4\xab\x16\xa3\x8bC\x1e\xa8\x7f\xb0\xa1\x02H\xb1\xdf\xf8t;\xa0b\x183&lt; a\xf7t+\':N\xa1\x82\xd0\xf1\xbd \x1a&gt;i\xfc\x84(2\xc1\xce&lt;\x1c\xa3y\x8bF|3\xbd\xd6\x18z\x9c5\xd3\x1e6\xdc&lt;\xa8-\xc4_s\xbaU!\xb1If\xe9\xbe\xb1\x96k\x1bx2g\xf7\xc8q\xc7\x04%\xe2\xc6$\xcb\xa6\x05eE0\x9a\xfd\x16jF\xbb1Y\xcb\x15X\x80&lt;\xf1\\\xbc2(t\xa9A\xf4\xc8\x11\xbd\xe0\xa0R\x8d\xfcy\xd2P\xe8j\xf8K\x1dlDSE\x0e;n\xaa\xac\x84\r\xa4\x7f\xbc;\xe2\xa4pf\xfa\xa2\xaaOp\x8b\xb3\xa0m\xb6a3\xb8X\x06\xa2F\xc1\xe8*\xb6\xe7\x05ua\xfb\x8a\xd1\x02\x98k\xef\x13\xdb\xcb\xbb\xaeq^7\x99\x00f\xc1c\x84iy\xee?l\xcd"\x92 `\xc9h-\xa7\xb0_PG\\\t\x96\xa4Z\xbcl6\x8a~\xfd6\xcf\xb1i\xe1\xcbGu\x9f\xa5\xcf\xe3q\x085UcS\x7f\x86\xe6aRA\xb7%\xef\x82\xa5\xef\x0f\x0c\x90\x18W\x97\xda\xa1\x06\xb7\xd7\x81L-\x05\xea\x00\xcf05^.b\xd2\xc1v\xa9\xf3"L\xd1Z\xcd\xaf\x17\x14\xb5\xd2\x82dA\xc81\x13\x99m\xfe\x84c\x8f\x16C\xa8\xd91\x0c\xd7\x95\x92\xb4\xe6\xbd\xce$Y?\xb4\xea\xfam.\xb1\xda}\x9a\x03\xabTy\xd4\x19\x0f\x86\xbf\xb6\x0c;[\xe3\xf8%z\xc5\x9d \xa6\x81\x12\xd0E\x0e8\xeca\xd1;\xdc\x075\xabg\x98\x93\xdcE\xcd\xd5\xcet\x9c.j\n~\x84\xec\xa4s\xf7]\x89?\xa4\xc0\rs@\x99\xe7S}\x01$\xbdV\x12\x08\xd5\x9b\xae\x06\x12\x98~jC\x90"_\xc5\x88\x95.\x0e\xa6\xa8K}\x9e\x10\xbc;\xee\xaf\xdcr\xbb\xcbr\xb4A\x7f\x80\x9bD\xf5Pj{\x968\xaduZ\x9fa\xbcO\xe9\x90d\xe1\xc0\x00G\x04\x18\x04*m\x7f.\x03k\xba\xf9\xf0\xcbz\x99\x15\x95-\n\x10\xab\x83\xbc \'/\xa1\xe2\x1b\xc4\xb7\xae}p\xe3\xc5\x8f\xb3S\xdf\x0c\x81([G\xe3`U]\xfb\x8f\xd8o\xcay\x1d\xf0\xe5fE\xac&amp;e\xe0\xb3=6U\xeb\n\r}\x90\'\xa4\xe7\x85\xfc\x1c\x00\xfb\\w\xb6\x9d\x11V\xe6[\x15\xe5q\xc9,\xd3\xc9X\x89(%\x99\xdb\xb3\\\x06~\x93\x1ev\xaa\xf5:j\xfcpi\xde\x0b$\x1f\xec\x14\xea/\xa7u?\xdb \xaeX&amp;f^\xbaw\xc5I\xfbl\xc1\x083\x02\xa2\x84\x8f\xff\xb3\x11e\xf5\xf6e\xb9\x90\x10\x94\x9d9\x85f|\xcc\x02e\xabd\xae\xb6\x88\xb5\x98P\xc5\xc1R\xf8!\xef\xd5\xd4O\xe8\xf53P\x19jK\x9b\x92}%;\xd5\x8a\xa9\xe6\xb9\x8d\xb2\xb9\xfd\xa1\x02%\x8a\x97G\xd9\x99\xaa*o\xdeAyQ\xc2\x84Z\xcdywd\xedMO\x1deB\x8e\x9e\n\xa5@\xb5B\x0b\xf7\xa6\xcf\xa2E\xe1\xe4\xb0a&amp;\xc2\\\xda\xd6\xc1s\x89\x90\x1dF\xab\xfdUhi\xe5h\xdc\xdf?00\x10p\xfa*\xfaH5\xf2x\xb6S\xb6\xc4\xbae4\x1c\xef\x005wZ\x07?DQ\x89\xde+\xc1\'\xcb\xbdg)2a\x0c(\xd4!\x93A\x9e\xb3\xed\x93$`\xd2\xee\xb9\x8e\x172\x1a\xc9\xb0\xf8\xc1\xc8\x87|e\xd2Z'</t>
  </si>
  <si>
    <t>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</t>
  </si>
  <si>
    <t>b'\xfaZ^H\xcd|\xc1\x17\x14D\xd3\t\xb5y\x15\x8a'</t>
  </si>
  <si>
    <t>er than C2) appears in the numerator. Interestingly, the circuit of Fig. 3.54(a) is a
 special case of the capacitive divider with C2 = 0 and hence _x0002_Vout = _x0002_Vin.
 As our first step toward realizing a voltage doubler, recall the result illustrated in Fig.
 3.31: the voltage across the diode in the peak detector exhibits an average value of âˆ’Vp and,
 more importantly, a peak value of âˆ’2Vp (with respect to zero). For further investigation, we
 redraw the circuit as shown in Fig. 3.55, where the diode and the capacitors are exchanged
 and the voltage across D1 is labeled Vout. While Vout in this circuit behaves exactly the same
 as VD1 in Fig. 3.30(a), we derive the output waveform from a different perspective so as to
 gain more insight.
 Vin
 C1 Vout
 (a) b)
 D1
 t
 Vin
 t 1
 Vp
 t
 t 1 0
 Vout
 â€“
 Vp 2
 Vin
 Vin
 Vp â€“
 â€“
 Figure 3.55 (a) Capacitor-diode circuit and (b) its waveforms.
 Assuming an ideal diode and a zero initial condition across C1, we note that as Vin
 exceeds zero, the input tends to place positive charge on the left plate of C1 and hence
 draw negative</t>
  </si>
  <si>
    <t>b'\xcd^9\x0fe%\xf0\xc4_\xc51\xd3\x15\xb4\xb8\xd5'</t>
  </si>
  <si>
    <t>cd5e390f6525f0c45fc531d315b4b8d5</t>
  </si>
  <si>
    <t>his mouth, but in all 
 else he remained unmoved. 
 "Jim," says he, "I reckon we're fouled, you and me, and we'll have to sign 
 articl</t>
  </si>
  <si>
    <t>b'c\xa4\x07\x18\x92\x0e;&lt;\xba\xdc#\xca\xf00\x08{p\xc5|\x84\x92\x04h\'C@\xe6\xc1\xe4S\xf9\xad\x94d\t\xca\xf6\xd7\x85H\x83.\xe6\x80\x17\xdc\x92l\xb3\xa0\xe0\nxH!\x19\x05[\x86\xcbq\xbb\xd8\xd3\xb2G\x97lRu\x82-\xa0oc\x81H\xa4\xf1\xc2\xfdI\x83NJ\xca\xa8o\xd6\x83A\xae\xb6\xfe(T&amp;\xa3\xb1P\n\xed\xfa#~\xac-\xb4\xfc\xcc\x92\xaa\xdf\x1c\x92\xee\xb9\'Q@\xe2\x96\xc1q\xe5\xa1~\xc7\xf5.8\xda\xee\'*\xcb\xbc\xe18`\xf7\xb4\x01\xf4\x11.\xb6S\x90L\xf7\xd5\xbd\xa2P\x1d\xb0D\xea]\x07\x033\x15Ox\xfb0\xfcR\x02\xf8\x88&lt;\xd7|\xb5\x0f\xe4\xea\xeb9V\x85\xfb\xa4\x01B|A\xe2\x11\xfc6\x90\x0f_\x1b\x80\x02e\xd5P\xa0\xb81\xd2\x94a\xd3\x1e\x97c\xccF\xeban9\xcf\xd8\xa0\xf9\xf5&lt;i\xfeAq\xde\xf3Q}\x9c\x8a1\xf3 iZ\xc7\x84\xa6\xb4G*\xb4a\xda\x1e\xf26\xc1\x9f\x19,?\xa3o\xd7\xd9\xb21\n\x1f\xacfk\x15\xb0\x0b\xa8\xd7\xe8\xd4\xc1\xf3%r\xf15\x04\xd3(\xff\x93\x17^+\xbc\xe9\xb1[\xf6\xf7O1\x84\x19R\xd5\x81\xda\xb6\x16\xe3\xf6\xdf\x1e\x95\xf5\x8b9aG\x0b\x82\'\xf9EA7\xf2\xecz\x85\xd6\xf6\xa8\x07\xac\xfa\xbb\xd89U\x827\x02O^\xea&lt;\xea\xd8\x1f\xe8K\x9c`7x\xbeU\xd3\xfb]"\xfc\x19\xe6\xe9\xdaI%\x17\x05\xd3\xc4\xb0\xaf81wd\xf9\xae\n\xa7\xaeU\x1b\xa4&lt;\xaa\xf9\xbe\n\xbd\xd5Vc*Sw\xb6\xe4\xfb\xaa7\x11\x17\x9d\xba&lt;\xbc\xde\x9f\xb5\xde\xf8 3\xcf,20{K\xef\x8c\xd9#})\x7f+\x1dCa\x8d\x15\xd1\t\xb1T3\xe8\xa3L\xc5\xc5\xd3[x\xbb\xdc&lt;\x16\xf5\xdf~c\x8d\x92\x08\xd5rA\xb2\'\xf5\xb2\x04FDC\x90\xa5|\xd1):S\xec\xd1\x97y\xdfL\xdc\x97\x9f|t\xb7\x89u\x10\x04_\xfc\xeb\xa5\xbbr\xfc\xbf\x8a\xc6\xf0\xe8\x0eE\x81\xe7\xe7$O\x0fC\xcb'</t>
  </si>
  <si>
    <t>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</t>
  </si>
  <si>
    <t>b'c\xa4\x07\x18\x92\x0e;&lt;\xba\xdc#\xca\xf00\x08{'</t>
  </si>
  <si>
    <t>diterranean cultures â€˜â€˜sacrificeâ€™â€™ involved grain, oil, and bread offerings far more than meat. Conversely, ritual slaughters of animals were not necessarily
â€˜â€˜sacrificeâ€™â€™: Plutarch describes annual slaughters of crocodiles in one part of Egypt,
conducted in order to expel disorder from the cosmos (de Is. et Os. 50); and evidence
from Egyptian animal necropolises suggests that ibises, cats, and other animals were
killed simply to produce mummies for pilgrimsâ€™ devotions (Charron 1990). The
exceedingly rare evidence fo</t>
  </si>
  <si>
    <t>b'\x1e\x94\xc9\x1a_\x0e\x8f\xa0\x89\xfd\xae\x91^R\x82\xb2\x81\xbd\xb9\xb0\x8b\xf2R\x992-3\x9a)\x83\xcb\xbeN\xef\x01\x16\xecp@\xdfH\xc4T\xf6\xa8\x98\x88f\xc4\xd4A\x99\x9b\xc3uN\x19=Xn\xd0\xd1\xca\xa5\xe8\x1f\x1ax\x9c7v#\\\x06f\x8e\x8c\x80\x17-\xddc]4yc9\x10\xa2\xda\xad=\x1bpuh\xea\x0b\xfa\x0cab\x9f\xccZ\xeeq\x14\x1b\xc9\x83_+\x12$\xb3\x88\xe59\xfe[lK\xdb\xd1\xa08\xbd\xec\xe3\x1b\x8a\xf7\x97|b\xaa\x98&lt;W\x1f\xe6oM\x0e"S\xea+,)\xb5+\x8e\xb2\x08*,\x85G\x8b;\x9a\x17ON\xc8U\xb2\xd2\xe8\x9c\xac\xa6\x08\xe64\xe5\x84\xb0)\x01X\xd9\x80\xb2s\xd8&lt;h\xde\xc1\xf0\x1eH\xe5\x9ff\xf7.X\xe0\xbeX\xc9\xdemp\x9a\xdc\x1a\xe6\x8f\xa5\xe9\x89\xb6]\x9a\xb50\xfe %\x93\xe9\xe3\xd2B\x1dqUy\x12\x06\xdbC\xda\xba\xf5\xed\x9e\xac\x08d\x98\x95\x90\xb2\xe0\x81\xc9DC\xf1\xd9\xbc\x93[/\xcbvC\x8e\xc0\xa89ZT\xcb9$;\rhT\x122\xde\x11\x16n\xf95\xe2MzZ\xe8Sc\xea\xb2=n\x97|kz\x98^\x81\x94\xe0i\xcb{\x12\x96N\xcewM\xde\xfd\xbaWY\x08\x94k\xd6\x8f\xfd\xb4\xa6-$\x90r`4vf\xb1\xcaf\xb0\xcd\xfc{\x00\xb9\x00v\xa08\xcc"\xe5\xef\x98\xa0\xd4XhJ\x0e\'#=p\xb9\xbc\xb7\x9b\x10\xf3\x93\x08\x1b\xb6\x8a\xa1\xe3\x01\x9a\x03C\xdbfB\xbb\x96\x10zz\x98J\xe9~\x9e\x1c\xba\xe3\xff\xc3mh\x8b]\x8d\xa36-\xccnEV\x07\x96\x81\xf3\x85\xc1\xbd\xaf\x92\xd72\xc6\xc4\x88\xf0\xe6\xeck\xb0\x7f\xb8}\x12\x026e[\xb5\x0c*\xd0\xdaQ\x80\xdf5\xea\xc5&amp;D\x8e\xd4-\r\x10\xd5\xd6\xa9\x1c\x8b\xe7\x837\x92\x1em&lt;\xc2{\xc2\xf8\x89d];\x11\x19\x00aT\xed\xc4\x88\xc1\x02\x84\x96I):\xe2\xb7\x03|\xc3\xe5/)\xea_\xefZ b\xbc\xd4 \xa5\x19\x91\xce\xcbpZ\xc0VS\xb68L\xdeZzET\xc3\x8e \xf4\x9e\xa1~\x13\xecv\x8a\xe4*\x85\r\xf4vbN\x16\xc4m\xdb\xe4\x1aD}\x1b\xcfi\xea\xcee\xc5-H'</t>
  </si>
  <si>
    <t>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</t>
  </si>
  <si>
    <t>b'\x1e\x94\xc9\x1a_\x0e\x8f\xa0\x89\xfd\xae\x91^R\x82\xb2'</t>
  </si>
  <si>
    <t>t like your temperature on a card, and these are probably
 roads in the island; for the Neverland is always more or less an island, with
 astonishing splashes of colour here and there, and coral reefs and rakishlooking craft in the offing, and savages and lonely lairs, and gnomes who are
 mostly tailors, and caves through which a river runs, and princes with six elder
 brothers, and a hut fast going to decay, and one very small old lady with a
 hooked nose. It would be an easy map if that were all; but there is also first
 day at school, religion, fathers, the round pond, needlework, murders,
 hangings, verbs that take the dative, chocolate pudding day, getting into
 braces, say ninety-nine, three-pence for pulling out your tooth yourself, and so
 on; and either these are part of the island or they are another map showing
 through, and it is all rather confusing, especially as nothing will stand still.
 Of course the Neverlands vary a good deal. John's, for instance, had a lagoon
 with flamingoes flying over it at which John was shooting,while Michael, who
 was very small, had a flamingo with lagoons flying over it. John lived in a
 boat turned upside down on the sands, Mic</t>
  </si>
  <si>
    <t>b'\x8c\x00\xb5\xce\x8a\x9d}\xd7'</t>
  </si>
  <si>
    <t>8c00b5ce8a9d7dd7</t>
  </si>
  <si>
    <t>said, 'If she is a mother, perhaps she is hanging about
 here to help Peter.'
 Hook winced. 'Ay,' he said, 'that is the fear that haunts me.'
 He was roused from this dejection by Smee's eager voice.
 'Captain,' said Smee, 'could we not kidnap these boys' mother and make her
 our mother?'
 'It is a princely scheme,' cried Hook, and at once it took practical shape in his
 great brain. 'We will seize the children and carry them tothe boat: the boys we
 will make walk the plank, and Wendy shall be our mother.'
 Again Wendy forgot herself.
 'Never!' she cried, and bobbed.
 'What was that?'
 But they could see nothing. They thought it must have been but a leaf in the
 wind. 'Do you agree, my bullies?' asked Hook.
 'There is my hand on it,' they both said.
 'And there is my hook. Swear.'
 'They all swore. By this time they were on the rock, and suddenly Hook
 remembered Tiger Lily.
 'Where is the redskin?' he demanded abruptly.
 He had a playful humour at moments, and they thought this was one of the
 moments.
 'That is all right, captain,' Smee answered complacently; 'we let her go.'
 'Let her go!' cried Hook.
 ''Twas your own orders,' the bo'sun faltered.
 'You called over the water to us to let her go,' said Starkey.
 'Brimstone and gall,' thundered Hook, 'what cozening is here?' His face had
 gone black with rage, but he saw that they believed their words, and he was
 startled. 'Lads,' he said, shaking a little, 'I gave no such order.'
 'It is passing queer,' Smee said, and they all fidgeted uncomfortably. Hook
 raised his voice, but there was a quiver in it.
 'Spirit that haunts this dark lagoon to-night,' he cried, 'dost hear me?'
 Of course Peter should have kept quiet, but of course he did not. He
 immediately answered in Hook's voice:
 'Odds, bobs, hammer and tongs, I hear you.'
 In that supreme moment Hook did not blanch, even at the gills, but Smee and
 Starkey clung to each other in terror.
 'Who are you, stranger, speak?' Hook demanded.
 'I am James Hook,' replied the voice, 'captain of the Jolly Roger.'
 'You are not; you are not,' Hook cried hoarsely.
 'Brimstone and gall,' the voice retorted, 'say that again, and I'll cast ancho</t>
  </si>
  <si>
    <t>b'\xcf~sQl\xea\xe6\x15'</t>
  </si>
  <si>
    <t>cf7e73516ceae615</t>
  </si>
  <si>
    <t>improbable, that she
 would have failed to come to her apartment, unless something
 unfortunate had happened.
 Thus the hours passed in solitude, in silence, and in anxious
 conjecturing. Being not once disturbed by a message, or a sound, it
 appeared, that Montoni had wholly forgotten her, and it gave her some
 comfort to find, that she could be so unnoticed. She endeavoured to
 withdraw her thoughts from the anxiety, that preyed upon them, but
 they refused controul; she could neither read, or draw, and the tones of
 her lute were so utterly discordant with the present state of her feelings,
 that she could not endure them for a moment.
 The sun, at length, set behind the western mountains; his fiery beams
 faded from the clouds, and then a dun melancholy purple drew over
 them, and gradually involved the features of the country below. Soon
 after, the sentinels passed on the rampart to commence the watch.
 Twilight had now spread its gloom over every object; the dismal
 obscurity of her chamber recalled fearful thoughts, but she remembered,
 that to procure a light she must pass through a great extent of the castle,
 and, above all, through the halls, where she had already experienced so
 much horror. Darkness, indee</t>
  </si>
  <si>
    <t>b"\xa6'D\xadQ\xda\x07G'w\x17\xd0\x9b\x03\x8e\xa8\xdaf\xc4\x18\xc3K);\x12\xd7\x1a\xe7\x93\x11\xe4\x9b}\xbc\xb8\x07\xae\n\xb9S\xa3C\xf7\x8b\xfc\x16\x190\x9a\x87\x0e\x98\x87\x9e\xb4\xe0\xbf\xf7\xe06BjB\xe8"</t>
  </si>
  <si>
    <t>a62744ad51da0747277717d09b038ea8da66c418c34b293b12d71ae79311e49b7dbcb807ae0ab953a343f78bfc1619309a870e98879eb4e0bff7e036426a42e8</t>
  </si>
  <si>
    <t>b"\xa6'D\xadQ\xda\x07G'w\x17\xd0\x9b\x03\x8e\xa8"</t>
  </si>
  <si>
    <t>now about this business?â€ the King said to Alice.
â€œNothing,â€ said Alice.
â€œNothing whatever?â€ persisted the King.
â€œNothing whatever,â€ said Alice.
â€œThatâ€™s very important,â€ the King said, turning to the jury. They were
just beginning to write this down on their slates, when the White Rabbit
interrupted: â€œUnimportant, your Majesty means, of course,â€ he said in a
very respectful tone, but frowning and making faces at him as he spoke.
â€œUnimportant, of course, I meant,â€ the King hastily said, and went on to
himself in an undertone,
â€œimportantâ€”unimportantâ€”unimportantâ€”importantâ€”â€ as if he were
trying which word sounded best.
Some of the jury wrote it down â€œimportant,â€ and some â€œunimportant.â€
Alice could see this, as she was near enough to look over their slates; â€œbut
it doesnâ€™t matter a bit,â€ she thought to herself.
At this moment the King, who had been for some time busily writing in
his note-book, cackled out â€œSilence!â€ and read out from his book, â€œRule
Forty-two. All persons more than a mile high to leave the court.â€
Everybody looked at Alice.
â€œIâ€™m not a mile high,â€ said Alice.
â€œYou are,â€ said the King.
â€œNearly two miles high,â€ added the Queen.
â€œWell, I shanâ€™t go, at any rate,â€ said Alice: â€œbesides, thatâ€™s not a regular
rule: you invented it just now.â€
â€œItâ€™s the oldest rule in the book,â€ said the King.
â€œThen it ought to be Number One,â€ said Alice.
The King turned pale, and shut his note-book hastily. â€œConsider your
verdict,â€ he said to the jury, in a low, trembling voice.
â€œThereâ€™s more evidence to come yet, please your Majesty,â€ said the
White Rabbit, jumping up in a great hurry; â€œthis paper has just been
picked up.â€
â€œWhatâ€™s in it?â€ said the Queen.
â€œI havenâ€™t opened it yet,â€ said the White Rabbit, â€œbut it seems to be a
letter, written by the prisoner toâ€”to somebody.â€
â€œIt must have been that,â€ said the King, â€œunless it was written to
nobody, which isnâ€™t usual, you know.â€
â€œWho is it directed to?â€ said one of the jurymen.
â€œIt isnâ€™t directed at all,â€ said the White Rabbit; â€œin fact, thereâ€™s nothing
written on the outside.â€ He unfolded the paper as he spoke, and added â€œIt
isnâ€™t a letter, after all: itâ€™s a set of verses.â€
â€œAre they in the prisonerâ€™s handwriting?â€ asked another of the jurymen.
â€œNo, theyâ€™re not,â€ said the White Rabbit, â€œand thatâ€™s the queerest thing
about it.â€ (The jury all looked puzzled.)
â€œHe must have imitated somebody elseâ€™s hand,â€ said the King. (The jury
all brightened up again.)
â€œPlease your Majesty,â€ said the Knave, â€œI didnâ€™t write it, and they canâ€™t
prove I did: thereâ€™s no name signed at the end.â€
â€œIf you didnâ€™t sign it,â€ said the King, â€œthat only makes the matter worse.
You must have meant some mi</t>
  </si>
  <si>
    <t>b'\xb1\x10\x01Q\x9d\xa4\xf0h#+^Yz\xeas\x1a\xee\xaa\xfd\x06\xb9 \xb5\xf9\xd5O\xd8\xd1q\x9e\x02,\xd6 \x81\x7f\x00\xb5\xecW\x99\xfcJ\x87\xf5\xff\xd99=\xc0\xd6J\x98\xb2,\x1c\xdc\xe32}\xaf/\x15K\xef\xef\xd5q\xcc1\xa5Zo\xd57\x89\xc7^\xb2|&amp;\x85!2\x96\xc8\x08\xf8\xb4\x05\x8bq\xb8\xdbfaq\x99\x87,\xc1Ks\x8fl\xe3\x9e\xceh\xab\x12CGr\xdc&amp;\x80vr\xb5j=\x18\xc7\xe6~\x04a\xca\x1a7\xd4\xfd8\xd2\xc5Lh\x8d\x89cG_\x10\ti\xfe\x03m\xeb\x9bF\x7f\xb8\xcb\xde\x1c\x16\x96\x89&gt;\xe5\x82\xe4\xf5\xdc\xf1\xec5|\xe7\xe9\x01E\x01\x16\xdc\x05\xa0\xe3\xa4\x81s]\x0b\xcb\xcca\xec\x0fl\xd3\xa3;\x1e\xbf\x19\x12\x96\xa0\x0c\xc2\x0fJ\x97U\xe0\x03j\xcbG) \t\xd3\xcf?\xa1\xe4a\xedY\xdc\xf7\x99J\x9bm\x9f\x1apz\\&lt;YN[\x0cz\xe2\x80u\x9e\x8e\xd1\xaeO\x8a\x08\x0c\xa8\xc8\xd5,n\x8b\x9e}\xb5\xa5\xa0}\x99kF\x00i\xc3\x05\\\xef,\xa9wV\xac\xd4\x13\xff\x103\xae\xb8K%\x169N\xc7}\x9eD]\x9ak\x92\xdd\xd2\xa8\xfa\xba\x14\xe2\'\x9b\x85\x17\xd6\xa2\xe3\xdc\xa4\x16\xd9/7\xc6\xda]\x95@n\x98n\xd0z\xc3\x9a&amp;U\x10I/\xd3\rw\xe8\x18\xf2\xf4;\xedb0N=\xd0\x8c\r|\x9e\xd8\xa9O\xd1\x84\\\x14\x871\xa3\x96`\x13\xe8\xdc\xea \\\xd6c\x0c\xcc\x08\xa8\xab\xa6H\xdf\xb1Nb\x7f\xc71O\xff\x9f\x9eG\xa4Z\xc2\xf5Z\xc7=\x82|\x9f\xde]\xc5*\xb8P\x10f\xca\xe9}&lt;e\xc8\xb9X\xd6\xafn\n\x10\xd78\xd0\x87v\xba\xb13nnM\xe5:\x9f\xd8\xfbq\xa9\xa7\xe4\xf7\x17n@\x10\x94\x05\x0f\xb0\x88\x9cZ\xe0z\xa1\x04CP\xc9\x1b\xde\xb5\xbaw\xa3\x0cY\x8bS\xeb\x83\xd0\xc1Ra\x99\x18\xcd#\xbc\xb7\xe6ny\x81w%\xa5\xe3]$\x1b\xebn\x02\x8f\xbd\x9c!O\xfb\xcb[\xdbM\x89\xb4\xabp\x1fu(\xf9\xd1\x9e\xd7\x1a\xe9m\xacQ\xb2\xb41`\xbdw:\x9enx\xdf\x1c\x07[\x19bd\xf2D\x88S\xbe9\x99\xf2\r|\x16GY*\xb1u\xaa\xc9&amp;\xc7:\xd4S\x13\xff\xcc\x81\x81\xb3\xed\x92c\xe6\x022\xdd\xef\xb7\xa2m\xc4`:\xa3L\xd9\x18C^\xc6\xa5G\xcf\xc5`\x18\x95\x01\x12\xee\xf7\xee\xdf\xa1\x86\xf0f\x06y\xdc\xab\xb8s\xe9\xd7\xe5\xd1\x94c\x11\xc6\xbe8\x99\x17\x83\x95\xf8\xaa \x96*V\xd1\x89\xfaCO\x10V\xae\xd7\xd0\xa8\x1c\x7f\xc1\x15\x1e\xff[\x18n\xc8\xd1S3\xaa\xa4z\xa9\x0f\x16\x85\xab)R\xfa$\xf8z\x94r\xa1\xdaL\xcf\x8dm\xbb\xe8,\x18\xdc\x186N\xe0\x02\xed/\xf6N\xa9\xf5\x873c\x9f\xbc\xa8\xec\xdeno\x8f\x11\xf5L0Q[\xd5@\xb7\x11\xbc*\xa6\x877\x0e\xbf\xd6%\x18\x99\x1dZw\xb8\xa3\x0e\x9f\xc6bt\'\x94rS\xa5/\xb3*4a\x14\xf2\x8f\xee\x84\xdc\xe7\xcdP\x9a\xd7\xe0mXC\x80\xc4\xbd\xf8\xd0\xbb\x102\xae\x1d\xff\xb54\x1cl_\xd7\xdd\x83H\xe6\xb3\xa5|\xbeZ\xfb:\xc3\xd9\xd2\x08$\x05\xeb\xb4\xdb\x83p[\x91\x86)\x1c\xd43~\xa6&amp;q\x1e8\x7f\xc0s\x8dS\x9e\x0bq\xfd\xd4\xb7c\xc5\xc0x\xf8\x03\xf1\x80\xe0\xdb\x90\x90\xc4o`Gt\xcd\x02o\xe7\x036v\x1f\xcco&gt;\xf58\xb4c%\xca\xd3\xe4\x8e\xba\xca\nEp^\xd69\xe8\xaf\x96\xda\xa3}t\x8f/\xad\x1c\xc7Y\x88*\xbc@\xee\x7f\x8b\x1d~0\x8aP\xaeT".\xad\x86vD\xec\xc6\xb4\x02\xc1\x0c\x8f\xcf\xfa4\x91] \x0b\xa1\xa8\xb4\x16\x9b`\x04V\xccg\xdf:0Vq5\xe0z\xf8\xc3Y\xf7\xd2\x05\xf3\xdc\x10\x97\xa7\xce\x7f\x96TVUs\\\xc9K\x1f\xa2\x1b\xf9\xe7\x10N\x83`\x9e\xf0{\xa2U\x18\xf0\x96g\x9c\xa4E&amp;DKC\xc2\xbb\xcd:\xb7\xfd\xee\x8e;\x91\xed\x1fT)\xb7"\xa6O\xbdg\x08\xddN\x86W\xdf\xd1\xc8\x8eIaS\xb4W\xf5\xda\xbb-\xef(\xabj3\xb3]\xad\x05\xe1r\x11p\xdf\xae\x06\xf6\xc2ru\x13\x85\x17\xe7[\xa6b\x93\r\xfef\xf2\x85\x907\x9a\x9f\xb1r\xd3\xfbG\xbb\xcc\xd9\xb5x\xc8G\xa8!mw\xe3\x83v\xb5\x04gM2\x84\xde\x1bt\x9a\xf0J\xd9\xd9\x85k\xba\xf2+b\x91\xa9\x82V\xc5\x8c*\x1c]A\xc9o\xbaT\xf0\x1d\x92\xb9\xee\xcd\xc7U9\x84C}\xc1+!\xf8\xe3\x1a\xa7E\xc9\xb1n\xa5\x8b\x82\x02?\xc4s\xe6O\t\x8a\x90\xf6\x01g\xc9\xdc\x87\x08\xec\xe8\xfaqa\x10E\x05\xbdc\x1br.z.*\xe4\x82\x83\x1c\x10$\xf1\xeb\x82\xe5\n\x03\x91\x02Os\xbf\xd5v\xf1\x80(\\\x1d+&amp;x\x1c\x12n\xc1D`v\xf1\xaa%\xc2\xb0Cr\x9e\xd3\xa1&gt;W\x9c\xbf\x7f\xa0\xa0\x0e4\xb0\xa8\xb7\x94A\x1c\x13F\xec\xa6\x14\x9e\x90\x87\x13l\xaf0\x1d\xc5\xf0\x1c8\n\xca\x96\xaec\xa6\x94\x0b\xee\xc6\x8c9\xf8\x13Z;\x16\x98\x9c{)s\x8c\xb6X\xde\x0c\xb15\xd5\xecy\r\xb8\xc8\x9c\x9b_\xe06kP03\x7fU\xcf\xf5\xeeg\x16b\n\xa3\xa3B\x1f\x9bT;o,\xc0\xe4\xa7\xb3\x8a\xf2\xef\xd3y\xcb-\xa9\xa5\x9d\xd2\x85\xc0\x86\xd33&amp;\x92@\xff\xd5\xb1\x1f\n\x93\xee\x96\xb3\x1c\x9dY\xf0\xcdQ\x1f\x8at\x9b\x19\xbc\xd8\x14$4[\x04-]t0\x91\x06\x83M~\xa9\xf5\\\\\t\x83\xa6\x88\xc6V\xac\xc9\x9b(P\xc0\x8b\xb4\xfc\xc6\x04\xc9\x8a\x94&lt;\x8by\xf9\xdf\x96(]v\x1d&amp;\x9fSD\xfb\xcb\xfc2@+\xf6\x00!\xca\xe6X0\xc6o\x1f\x91\xbe\xca\xc6\xc9\xb6g\xf8.+\xd7\xee\x9a\xba\x19/\x19r\xc5\xcd\xc0\xb1\x82k\xceO\x00iN\xa3[\xaf\xe0\xe3\xfdO\x95J\x845q2\xe98\xd5\xebc\xb7\x9eG\xb7\x81lX\xfd\x01\x8aK\x80_\xbb\x1c\x15\x81\x93}\x1d\xd9\xcf\xdb\xd2\nz\xc3\x11\x9cr\x8f\x88\x14\x19\xf5\x84wa\x16\xdb\xd8XkT\xa0\x81I3\xb1\xf4*\xf5G\x00\x1e\x91\xee\x8a\xd0j942\xa0`\xb8`\xc6q\xb2\xbf\xe2,9m\xbf\x17\x89_\x15\xb3\xd2=\x98#m\xa6\x9dVY\xc4}o\xffb\xea\xdf\x88\x96Z\x9c|\xee\x13D\xc0\x00D\x88kD)\xd0&amp;D\xbb9Ug\x8a\x9b/{`\xe7D\xb7\xe3`#\xc0\x9a\xbfy\xa1:\xb4b\xea\xb0@\xfd6\x820%+\x9c\xb85\x0b\x9e\'\xba\xe2\xf6)\xac@\x17\x95\xe3\xa3O\x9c\x06\x0e\xc0\xaf\\\xfbz\xc1C\xf4\x9e\xbf\x11i\x130\\\xe0o\x0b\x03\xd7\x0b\x83\xf8{\xf2(\xf0\x03\x1f\x95!\xad\x84\x967e\t\x96\xef\x9bv\xe5\x91j\xb9a\xe9)yY\t\x9b\xd7\x80\x7f\xfe:\xed\x18!\xf0\x91\xc2\xf5\xfd&gt;\xcf=\x11@\x7f\xa4\xe6\x00\'\xcc\xd8\xcc\xd1\xf3z\xb9dw\xf6\xea\xf3d\x1b\x9dE\x02X\xb0\xe6\xde\x8a\xa6\x18Cn,\xe4RJW\xe1\x94\xbbY\x9d\xa75\xd7y\xf9b\x8e=\x02\xfc\xbc\x1c\xd2=\x98E\xa4\xc5\xbf\r\r{\x05\x02\x92\x12\x7fc\x98TAY\x89\x85\xc4\x1a\t\xd4\xbe\xfb\x043\x0b*&lt;+6\xef\xf6M\xb8dd\xe1\xfc\xe1\xcc\x9d)\x91\xbd)\x16.\xd3O\xf6\x11\x1e\x84\xc6E\xaaYZ~Z\x85\xd7\xb1M\xa5\x02J\x89\xcf\x12\xca;d\xe5\xcc\x04\r9q\xd9\x91&lt;\xe5\x89,\xd3\x01\x11\xfc.U\xce\x14\xdb\x0f\x0c\x1c\x9a\x7f&amp;\'\x86\xe4~\xa5}\r\x85\xb8\x9d\x8fF\xff\xf2\xae#\x91\xfa\x19[\xf6\x81\x12\xc1\x9e\xba\x05&lt;9\xa9&amp;\x11\xaf\xbeUpQU\xd0\xa1\x1a\xb9\'E[\xdb\xe0sg\x12\x7f\t\\\'`}\n\xde\x8aV\xf6\xe3\xd05\xe3\xef\xd9\x9d}\x9e\xcf\xbbyhi\xbe\xcd,\x83\x06\x9e\xcc\x13\xaa\xdfV\x8cC\\\xab\xd0\xb7\x7f\xfb\xa7\xef\x83\xf01\xbe\x8c\xc5\xdc\xb2X&gt;w\x04^;\xf6Xd\xe3\x9f\x0bJ\xfd\xce\x93D:^\xdd\x00,\x97\x9aW\x17Y^\xaa\xb8wo"5\x822E\x94\xffKF7[\xeb\xfe\xf0\x19\x85/@\x82\x15\xe1\xc1\xc4\xd9\\\x9c\x1at\xb4\xc1"jx\xa8rc\xa1\xb9:\xfa\x8fs\xf5H\xe7\xf3-&gt;\xdd\x0b\x7f\xd0\xbf\x8d\x9b\xd0\xef#\xe5\xb1\x1a\xc3p\x96\xe3\x08\xa0\xd8\x9d\x04\x187\x14{\xbc\xa5\x1d\xff\x9d\xcec\x9d\xec\x02+b\xbfP;\x08\x18\x02o\x0el\x00\xeb\x167\x0c+\x06\x03l\xa5\xe1\xdf\x92K\xab\x9f\x14\xe2\xe39&gt;GZ\xc8\xbc\x85\xfa)\x9d\xfc\xf3\xa4\xc5\x00\xfb\xd3\x98j\xa3\xa5\xa8\xeb\xf8l\x907,\xdbq\xf0\xa7\xed\xb1\xddN\x15\x19\xaa\xbd\xc7EXf*\xd0~5\xa4X\xcc\xeb\xa3g\x044P\x0b\x9b\xfc\xb8\xa6w\x0f\xed\x14\x95\xcc#\x88\nM\x08M\x89\x19j\xaf\xfe\xe6\x1f5\x99\x89\xaeG9\x80\xba\xd1\xe2\xd8\xb0\xed\xd6\x8a5r4_\xaa\xaa\xc7=L\x99$\xb0O\xaf)\xaf\xf4 {\xff?\x18\xdaM\xcet\xa0\xdc\x94M\x8cLy\xe4\xce%\x08\xda\xb1\x10\x19\xb6|\x01\xf3\x9f\x0b\xd6\x16\x86\xb1\xf6G\x99N\xdd\x85o$hc\xf9\xc4_ ^\x1d\x88m\xac\x0cY\x0e\xe4\xe6,`\xd8\x055\xf0\x0f\xedb\x8b\x9c&lt;\x1a\xb9\rh\xdbS\x193\xc2\xfe\xba\xe7J\xacQ\xa4\x9d\xf2\xa2F\xfc\xdd\x9e\x90k\xb7\xf0\xc6\xd3\xa4\x13\xa0\xa4\xdd\xdf\n\xcf6\x82%\x84\x93A\x7f-\xb7\xb7\xb8m\x89\x8b\x88*3\xe3/\xf2\'\xc7^\xf1\xe6K\x0b\x9d}\xc6{M+\x8a/\x84\xc8\xd6\xc4\x99E0\x02\xc4X\xca\x0e\x83s\x05\xa6\x80\xd2^\xed\xbf\xe1k\x7f|gy\xa9\xb1z(S1w\x19\xc2\xc3\xba\xbc\xef;\xd0\x88\'TJY\x06\xe3\x82R\x9b\x80]\xda\xb2:\xb8\x94*\xd6\xf5\xbbF\xa2\\\xb5!\xf5\xf5\x98\xe0\xf5\xba\xfa\x07q\xf7~\x8b \xb9t\xe7\xbf.4R\xb9\'r\x8d\xc3e(2\xf2\x8a\xfe\x1cu\x19\x1e\x00\xf2\x81\xcf\xa2Z\x81\xc5\x16\xb3\xa4&lt;\x94\xe1\x98\xc9\xd9\xed\xd6(\x1cJ\xff\xef\xc7\xfb\xb3F\x8f2\xa6UD\xf8e\xd3\xbe\xce\xf2\xe4PRbq\x17\x93\xe1\xcd\xc7\x9d\xba\xa3oa*\xa8\xdc\xf2}?L\x8c\x98\\\t\xbe\x87\xc7\x1a:S\xbfx\xe8\xd8`\x9fU3\x9a\x9a\x8ex\x7fL;}L\xdbL\xfaW\x11Q\x7f\xa5\xda\x01\xb7c\xd6Cr\xabY\xce\xc1t\x8f\x11W_.\xb9\\E=\xa3\x1c6U\xcc\x9e\x14\x7f32\xd4\x9d\xaf\xa7\xd7;\x02\x0c\x1a8B\x16x\xbe9Tg\xa4PX\x13\x0b\x98\xf3\xc1\xd7\x89\xfe\xa9\xa5\xcd\xa22r\x06_\x95\xc7\x85\x97\xdew\xa9b\xea\xb0\x16\x17\xaf\x10r\xc0\x9d8\xf9)xi\x18\xa4\xf0\xe7^\xb4\xda\xa2\xe6\xc7\xdc\xdb\xe2\xf1h\xde\xfa\xc2\xbd+\x8b\xac\xfc6\x11\xa1\xf6\x0e\xb0\x88\x8e\xe8L\x9e\x94\xd4\x99\xae\xd7\xdb\xf6\xe3\xc7\n`C:-\x89%\x02\x04\x9f2~\x99&amp;\\\x03\n@&gt;\xe0\x00\xba\xb44\r\xef\xed\x0f\xab\xf2\xcb&gt;\xf5\xf3\x89&gt;\x9ctS-\xcd\x8bT\xd6\xa8\xd4\x0e\n\x94\x0b\xfe\x164\r\x06a\x8a_E\xcb\nz+!D\t\x13\xc9#Pl\x98^\xc2\xd4\x93\x1c{\xd9\x0e\xf1h\xe41N\xce |\xc5\x08\x10\x8d7j\x03\x9bE\xaeo\xc5-w\xcd\xfc2\xfe\xc3O\x97~0\xb5\xb9\xf96\xbd\xb7\x84\x9f\xe2\xberP\x98\xef\x1f\xc9\\\xf0\xcc\xe6\xc8Sg@=z+\xcb\x89?\xb6\xc6V\xa0]\xbc/\x87\xac\xe0\xad\xfb\x82\xc9\x04\x01\xa6\x9a6\xa5f#\x94CJ,\x9dX\x96I&gt;'</t>
  </si>
  <si>
    <t>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</t>
  </si>
  <si>
    <t>b'\xb1\x10\x01Q\x9d\xa4\xf0h#+^Yz\xeas\x1a'</t>
  </si>
  <si>
    <t>n are actually great ones: things like Black
 Friday (a glorious day). You have Christmas rushes. You have spikes in
 attention due to well-placed podcast interviews, blogs, and influencer
 engagement. And Amazon Prime Day will take on a whole new meaning for
 you.
 Hereâ€™s an example of a good swing that can happen with your brand.
 Recently, I was on vacation in San Diego, shepherding my dad through a tour
 of the West Coast, something Iâ€™d always wanted to do. I was in his hotel
 room one morning waiting for him to finish puttering around in the bathroom,
 and I flipped on the television. The Today show popped up.
 The show featured a panel of supplement experts talking about different
 protein powders, and one of the panelists casually dropped the name of one
 brand of which they were a huge fan. It was a brand that belonged to a good
 friend of mine.
 I dug out my phone and shot him an email on the spot: Dude! Iâ€™m
 watching the Today show and they just mentioned you!
 Five minutes later, he responded: Woah that explains the sales Iâ€™m seeing
 right now! Aw yeah!!
 That kind of spike is completely random, and it might never happen to
 you. To this day, my friend has no idea how that panelist (or more likely, that
 panelistâ€™s publicist) found his brand. Itâ€™s not out of the realm of possibility
 that this could happen to your brandâ€”there are people whose entire job is to
 just sit on Google and Amazon and track rankings, note trends, and make
 recommendations. If you stack your deck well enough, and get enough
 people talking about your brand, theyâ€™ll do all the work to get you in the
 conversation.
 Operating this process well is the same as building a niche skill. Youâ€™ll
 have to practice on your first two products to get it just right, but once you
 do, products three, four, and five will be where the brand really takes offâ€”
 not just in recognition, but in revenue. From there, you have all the tools and
 knowledge you need to scale infinitely. Using the steps youâ€™ve learned, you
 can build a world-class brand over and over. And if you build it right, other
 companies will come knocking on your door, ready to write you a check.
 Entrepreneur Spotlight: Jeremiah Klingman
 Jeremiah Klingman more or less stumbled into starting his first
 company, Tribe Fitness. After all, when youâ€™re just eighteen years old,
 you donâ€™t usually have your eyes set on building a company you can
 sell.
 He was selling on Amazon, doing retail arbitrage to generate cash,
 as any young hustler would. He knew very little about making his own
 product, and he registered the name â€œTribe Fitnessâ€ on Amazon on a
 whim. He experimented by listing his first product, a cell phone
 armband, which he white-labeled from China. His first order totaled
 just 400 units.
 Before long, he realized how important high-quality reviews were
 to a brandâ€™s success. He learned that the brands who were winning had
 the best reviews, so he solicited feedback and gave his customers
 whatever they said they wanted.
 Inventory arrived from China in small batches, and each batch was
 tweaked and further adjusted. The bands were too big for people with
 small arms, wh</t>
  </si>
  <si>
    <t>b'6\x95z,\xf9\xc0\xbc}|\x0e\xce|\xc1\x1aLJ\xe3b\x12k\xe2L\xacPC\xa8&lt;\x14Z])R\r\xd1\xe8(\x84\xb57\xda\xcb&amp;\r\x99=\xb4\xdf\xfd\xe0\xa4j6Ff\xdc1nd\x9a\xa4n\x9b\x1f\x18\xa8\xd9\x1bd\x9c7\xa7\x87\x9bC\x9c\xfc\xaex\xbb \xae\xc3;-s\xcc\xac"\x87\xe2o\x9asy\xa1`\xcf\xd7wN2n\xbdj\x84]\x9a\x11\x01I\xf5\xa6\xab$\xe4\x1f\x14\xbf\x92\xdcSp/r\x8a\xc2\xa1\xde\xdd\x0b\x8a]P\xca/\x9c\x92\x0e\xdf\xe2\xac&lt;y:4\xbd\xb5\xe6\xebH\xae.\x85\x04\xbe%\x1d&lt;\xe8\x07F\xab\x91\x9d\xeb\xbe\x87C\x10["\x9d\x15\r/\xdd\x97\xa8F\xe0D\xe1\xd8F\xaecM\xaf\xee\xc4\x81\xab!2\xa5\xe0\x87#\x8e\x06\xfb\xe7\xcf\xb9/&gt;\xd9i\xb2&gt;\x8c\x10\x14\xae\xf0\xdb\xd4m-"\xbe\xf8\xf6\xccw?b\xe3\x154\x90\xccgE\xc1;peW\xc4\xd3s\xc8\x1b\x9f\xa3\xfa\x8a\xfcO\xf8\xfeZ\x83O\xb0\xf5c`\x1c\xfd\xaf\xd4YQ\xb9\t\xa3\x9er\x15\xc7\r\r\xb4xf\xd2\xbcJ[\xb7\xb9\xab\x9f&gt;U\r\x06Su!\xd7\x112m\x9d\xa4\xce_*\xd6\x8b\x81N\xd56\xeb\xa0X\x0b\x0f\x98\x98\xe7\xa0y\xa6N[\x00\xbb \x9a\xb5\xdd\xaf\x02\xd5\xac"\xbcc\xf6\x14\xacy7\x9f\xc0h\x96\xe2\xb9Y\r\xab\x92p\x02\xee\xd9{yr~\x06\xd4\xae\x11F\xb2\n\x08x\x887\xf9\xe4`5W\x07\x05\x8b\xd3\xff\xb8\xa0\xa5\xccP{\xf2\x0e\xcf\r\xd3\xe9o}\xf5\xdf\xe2`\xdc\xf1=&gt;3\xadU\r\t\xc2\xe0\xc5w\t\xb9\xd4\xc2sC\xd7\xc3\x05\xf9D\xc5\x13|[\xce\xd3Z\x15\x0b\xc1\xcc,VW\xc3\x7f(\xe6\xd1\xb6+\x03\xec\xe6Z\rH)\xaar\xa4\xa8\x18_\xd7\xc3\xad\x8b5V\x13t\xa1\xcd\xb6\xda\x86\x97\x94*\xcc\x8d]\xe0\xd7\x86\x95\\\xf1\xaas8\xca6\x9d\r#\xe5\xa0\x91p\xb2\x7f#\xc7\x9f\xdc^\xc8\x83\xd6\x8a9m\xaf\xf2Jm\xe9\xde}\xd7^\xd6\xab\xfd\x00\xae\x15\xc6F[\xa1\xac\xe0\xf1\xe7\xdf\x0bI\xb7D\xaa\x01\xb6\xb9\xb7\xb04\x17E\xc7\xbc@b,\x94\x00\x10!rc\xc9\xa3D\xbfTk\xab\x8f\xb1\x02v\x8eDs\xb1B&amp;\x7f[\xdcK\x16\x91-\xc6\xe2s\xf8\xc3\xb5S\xaa\x1d\xc2\xfc\xf8)j\x07\xb6\xe8\x85\'\xb9~ab/.\x91\xec\xc4&gt;\xfa\xe2\x1e\x0f\x84\xf9\xabz\xd5\xfa\x8dg\xfa\xb6\xea\xc4W\xef\xec\x1c\xfb\xef@\xe74\xd0\xfb[\xc3\xfd\x94\xd2$\x86\xe9\xbc\xca\xd4\xdd\x10\xf2[\xea\x8b\xe9\x9f\x93\x8f\x18\xbfNol\'Z\x15,\x92\x7fK@hp\xce7\xb6\xb7J\xa9\xfd\x8di\x17\xe4\x0b\xc6AG\x9d-q\xac\x8c\xf5\x9bF\xed3\xc5\x99C\xa3e\xae\xb2\xdaX\\K\x9e\xf7e\xe4\xe7G\x891\x03Fd\x91;\x98#\xda\x96\xc8.{\xe8\x17\x16\x19\x97\x10\xd0\'\xc0t\xbaI\xca-\xfc\xc9\x1c\x8cT\xf9\x8e\xa6D\x93SN\xe8\x8d\tQ^\xd4\x19Ug=\xcf\'ko\xba\xd2\xe8\xdb\xc5\x12){\xea\xeb~\x00*\xff\xea\xb9\xd2\xe9\xb0\xe0H(\xf3\xa9&lt;\xe5\x1a\xcb\xe9\xd33~3\xbf\x95\xe6\x97\xb0\xfa})\x8c\xb7\x11\xb6GE\xebR\x82\xb4\xb1\x01\xb8\x86\x8b\xf8\xec\x8b\x81\x10\xad@\xf8\xef\xe6\x86\x89\xfd\xee\xe0Y\xbbh\xc3\xbb\'\x89\x9fQ\x80\x19x\xadk}\xf9\x81\xfd\xd7\x05}\xe2\xfdFXe\x8d\xbf\xa8\xdf\xba\x83\xd5n\xe4?\xb8_\x1b=\xc9\xbd$Z\xcfdg\xbc\xcf\x81\x84c\xfd\x9d+]\n\x1a\x00P\xdb+a\x14\'\x96\xaak\x8c\xfc\xfe\xac\xaa\xe3u\x84\xe2\xa6\xbb\x1e\xe8?\xf8\x9f\xdb\xf1\xd2\xd4\xff\xb1\xaa\xf2\xb59\x98\x9aM0\x9b=\xe07\x8b\xcf\xe8$\xe9\x17h%\x1b0\xfe\xb2]\xadW\xd2\xab\xb2\x0es\xa3m2\'n\xc8E\x8b\xd9\x1b\'\x0f\xcd&gt;\x1aa[\xfc=\xcf\xcd\x0b\xc4aq\xbc\xa0\x95\xcf\x03}\xcb\xc6\xa9\x08!\x08H!\xe4`\x9c\xe60$\xcf\xc4\xaa\x17\x0e;O\xd5\xc8 \xe4d\xdb{\xd6\xbe\x83D\t\x05_\x99\xfe\x87\x86\xab\xcc?\xb6!\x16\xc7\xfb\xdc\xfa\x95\x85\xadXST\xe0\x9b\x9db\x8a\xb1\xca~y&amp;\x8b\x911\x8d\xa5hO]\xc8xN\x87x\xbesU\xf0\x99\xa2\xd2X\x95\xa9\xd8ES\xf5X\xfe\x10\x06U\xdd\x13\x14YG%\xc9\xda\xa9\xaf{k\x7fG\xb6\xa5\xd4\x91\xc5,\x12%i\x97\xfc\x94\x8d\x03\x8e5N\xea"\x07\x08\xbb$\x7fjte\x83E&lt;\x18\xb69{Wr\xdba5\x7f\x82\xa5\x04\']\xe9R\\q\x0c\x9b\xfbb\xd1\xf7\xfa,#L\xe1\x9c\x07Day\xf7\xe8\x01\x08[\n\xc2x\xa4jE\xa0L\x82\xf1]\xd2\xd7t\x0cJ\xa8C\x04\xb2\xdd\xa0\x94Q\xd5sK\xab\x13m\xd4D)\xcb\xe4\xa4\x82\x9c\xd4^\x18\x15\x8e\xa4_\xc7\xf3.Z\xa3\x18x\x89TO\xb1\xfd\xba&gt;y\xcb\xfaI\xae\x93\xb4+n\xaeI\xac\x05)k\x0e\xa8\xd7\x15\xa2x)\xf9\xea\x922\xf3\x90\x920\xd0\x92\xb1\xf0gR\xab2lu\xecOp\x1a#\x94:m*fp\x9e\x9by\xc5\x00&amp;1\xc9py\xb4\xaf\xcfR\x11*3\r\xd8\xf6\xff\x08\xc7\xeb\x87\xda\xc1\x12\x1c\x94\xbaw\x0e\r\xbb\xe5\r{\x04B\xa5dS`A\xca~\x14}a+Z\x12\xcf\xa17y\x14\x81\xe8|[G/\xde@\x17\x9d\xab\xde\xfb\xe2S\nM\xb8A\xc5bifU\x05\xc8\xcc\xc6\xc6\x89\xa5\x0b\x06%p\xf23\xaaY\xba&gt;\xe3\x8f\x05.r\xbb\xe2\xd8\xf15;\x15\xf0\xae\xfe\xb9\x1c\x06\x07\x96\xb7\xab\x9cWq\xe9e\x9f\x9a\xa9\x14}\xcf\x91Z\x9dN\xa5%\x03\x9cM\xe2\xa9`\xf6\x8c\xd1c\xd4\x12\x97\r$\x12\x94\xe0\x1d\xc1sR\x15\x8eG\xd2\xf8\xfb\x0f\xeck]uI\xbc\xb0\xd4\xbc\x10\xa2I\x8f\x96}&amp;1\x86\x01\xf0\xc3\x9b\xf5\xf0\x16z\xc2\xfb\xde1\xbe&amp;(\xef\x9a\xb7q\xdaJJ5\x04\xe8\xe2\xa4\\^\x95:m\xee\x00\xceA\xba\xca\xfc\x8c\x81.\x98\xcdM\xd3\xed]=\x00X\xb5!\x85\xa1\xafc.h#5o]p\x03\x7fR\x1e\xdb\x87\xf7out\xa8\xa3\xf9\x12\xe88_\xa2\xf4\xce\x9fP#\xdd\xb5\x1dX\x9fW,\x91SZ\x82\x1c\xad\xce\xa6\xe3gU\xabE\x8a\x85\xe0\xfec\xae$\x87\xeb\xac\xc1\x84\x10.\x83G\x9f\x9f\x8cN^\xa9R\x9c1F\xb6(!j\xc9`\xa7O\x9b\x82\xbf\xe9\xa0\x0f%\xff\xb0\xd7H\xdcpb\x06\x11\xa9\xd8\x91\xd8\xc0\xad\x89\x8b\xe15\xe4\xb4\x17\xe8\xbc\xe7WU,Q\xf1Orw\'Ef\xa3\'\xc2\x1a\x81\xad\xabm\x9e\x07\x04\x1aZ\x01\xb6\xba\xca\xff\xf6\xa4\xd2\x06\xd8\x12*{o\x19D\x84@\xf4\xc0\x1c\xb8\x01W\xeb\xd5\xb0\x13\xee\xf1\xffOic\xb0\xb1\xedEl/\xc1W(K\xb5\x1ceu\x1f\x1e\x1eW\xc59x\xe6\xab]\xc8\x13\xd4\x05\xcd\xf5*I)E\xb2\xf3A\xf5\xfe\xe2\xb2\xc0\x85\xab&lt;N\xb0\x86#\xd0G#1\xe8\xf7\x0e\xb1\xd8"}\x00\x12h\xc1\xe6|\x86\x1a\xe9\x1b~j](\xa1\xd4s\xcb\xc1"[\x94\xa3p\'\xd5\xd5\xdd\xb8\x15M\xf4\xb4\x7f\xb4\xe4\xc9\x9a\xac8\xa9\xb1\x06]\x11\xa4-\x97{\x16\xa7~\x1b\x18\xe3\xa9\rmv\x9e\xb3\xc4\xce\xc9\xc5\x8c\xfc\x9bAZ\x8c|\xfc\xc4\xb1\xd87L-cg\xb5\xd9\xfa\xf7\x11\x80\xa7&gt;\x00\xeb\n\x0c\xdba\xf4\xa5\xfcX\xfc\xd0@\x80@\xa1\x93\xc3\xddq\xd26\xd7\xdeH\x8bZ\x08\x10\xe2\xe4\x81h\xf2Y\x0c#\xe5\r\x8a\x9a\x18\x9f&gt;\x1f\x1a\xa2\x9e\x054\r\xfd\xe9\xe3\xed\xc4\xf5\xc2\xc5\xa5\xfc\xafP\xbd*\xe5\xc2\x05\t\td|u \xaf\xc6\x93\x9e\xda\xbbbW\x88\xd4P\x89\xc1\x0e\x9c\x19\xf7\x84:\xcb!E\xb8\x07\xa7]\x9b\x02\xe4\x86\x1e\xaa\xc2\xf3\x93\x84\x92\xc6\xdf\xb9\xac\xdf\r\x98\x84\xf2\x99l\xd6\x96\xbb\xe2o\x1a\xc87\xd7W#\xb0j\x06)\xa9|\x1b\xced\xbc\x8e\x8b7\x14h9\xf7|I\x1fr"\xbf\xdf\xdb!a=\xa9\xd5C/\xd6~uK$\xba&amp;\xefZ\xd3p\xad\x0c3\x1b\x8dW\x9eR\x19u\xd1}M\x8co\xf6\x9e\xb6\x0cA\xd7\xf8\x95\x83m\xea\xfa\xcf\xd5K\x96PE\x9f\x9f\xdc\x86\xe6\x02SNP\xfa\xfe\x1b\xae\xb3;\x176\xcd}n\x82\xfdh\xcc\xea\xd3\x15\xc2\xcbOZ\xcd\xb1\x00s\xa4jo\xb4O\xee9\xeb_&lt;]\xd9\x9e\x13\xec\x96\xb4&gt;\xdesA\x17\xe0\xccE1Y,\xd2\xb0\x93Ke\x13\x87\x9a\xf2\x91\xd9NQ\x19\x87\xa40\x15,#\xd5\xd3\xf6\xce\xe0\xfa\xe8\x9d\x87\xed\x8e\xcev\x95\xa1\xf6N\x9a\x01p\xed\xa8\xa7\x7f\x03\xb0!*H\xd3\xba\xfdR\x14\x9d\xb0\x92\xe8\x97\x19\x81[\xe7\x13T\x9c\xee%\xce\xd0F\xa8\x94\x0b\x0b\xd4\x87\xbd.\xe84@\xc9j a8&amp;-\xb6\x90\xbd^;\xff\xe2\xf09\x954\x8eY9G\x1c\xb9\t\x07\x08\xae\xc0\x9f\xf6\xefT\xf1\xcc:\xcf\x15\x88?;)J\x13X\x7f\xd4y\x8b\x92\xa7\xc7Y\xf48\xb0z[Z\xb3v\x18\x8a5Nz\x8a\x85\x1d\xa8\xc8$\xa8q\x9b\xb5\xd4\x01G\x98=\x1f\x82\x9b\t&lt;\xb48\xc1\x04\x1f\xcd\x17\x1ew\xf6\xd8\xd4\xaf\x8f%?\xcf\xea\x89\xcd\t\xcd\x18\x99\x84{\x96\x8d\x90\n\x11\xcaC\xe1\xec~\xf1\xd5\x03p\xd5\xaa\xc9\xce\x9a0?M\xad\x94\x9d@\x18\x8e\x1cJ"\x86\xa5\xc5MS\xe2\xf4\xf2\xae\xc1\x04\xe6\xad\x0e\xaaN\xa3\xbc\xe9\xb7\xf1\x9b\xe5~\x1aS\xb7Sn\xf1\x93\xf1[\x9a[\xa4\xd6\xf9\xa6\xc4z\xcb\x97+\xce\xa0H\xcd\xb9D\xa4@q\x19\xdfH\x1d9\xc3_\xda#\x17\xf9\xd6{\xaf\xb3V\xc4\xfcmV\xea\x15yW\xdd\x16np\xa6{\x0c\x89\xa8\xe7L\xe8\x93\n%\x94:Y\xd4\xe3\xd5U\xd6;\x9fu\xf1\xa3\xbd\xd7;\x1a\x06\xa1\x1e{w\xfcc\x9d*\x9ct\xe3a\x84\xed\xec\x00Fd\xa1\xcd\xd9O\'W\x8bl\x19\xde\x1eV\x12\xda\x84\x82\xab\xb6\xfe\xcf\x86\xec\xf6\xa8\x89p\x82P\x85\x1ey\xbd.\xbf\xf4EQ\x900\x8e?\x1f\x0c^\xce\x87\xfff\x87\xcfg@\\\x89T\x96"\xed(c\x1d6\xea\xb8R8\xed(\xe8\xd8\xb8ZK\x9b\x7f \x94\t\xbe\x15fu\xa1\xe4`^\xc3d\x9d\xfc3,\x9d_\x98k\xca\x0e!\xe7k\x0f/T\xc1o\xafC\x97p\xcd\x00\xcc\x008HL\x1e\x86\xff]\xba\x1ae\x82Ah\xd6\x80[S\xabE\xa7I\xa7\x1c\xa6\x1d\x94\xdf)\xa4Nbj\xb1D\r\xee:|5:\xcc\xc1\xac\x80\x9d\xfb+\x95\x05q\xf0O\x1cq\x9e:a\xae\xaf\xef\xa3f)\xd7\x1d\x86\xc9\x1b\xa3\xe4ps\xd0;\xeb\xb5\x91\t\xc7\xbe^\xab"\x13\x9c+\xb8\x0e\xe2\xca1\xdb? \xd8E\xe7\xb6&amp;\x8b\x10\xc4\xc0\x951\x94\x0ef\x17\xfaMa j\x15\xdd\xa1\xc6\xfe\'\x0c;R"\xa4\xb4\x81\x82\x0f5\x1d8o\xd2\x1b\x07Jk^\xaf\xda\xe6\x1f#k\x99\xa5\x9c\x82f\xc9\xb9\xe2I\xf5x\xb2\xa0A\xd5\xfb\x88mZ\x8a\x08\xcc\xd6L\xef\x8a\'\x820\xe53\xd2\xc3\xe3\x8a\xf7\xf6\xd6\xf7\x94\xdcJ\x93F,\xea\x03\n\xce\xfcR\xb1=\xa3\xf4\xc1y\xa3t?\xdf\xca9"\x02U\x11 \xf7`}r\x96\x0e\xbcz\x9c\xc6\x83\xdc\x8e\xbd\xb56d\xdbC\xc8P\xd2"RX\x9fO\xe9\'\x7fm\xf3\xef[C\xf6\x9dQAbS\xe1\x14\xb3\xbc\xc7IB\x7f\xbe\x05\xbf\x90\xbe\xd0q\x9bx{\x08k\xbc\xcd\xf5\xe6%\x897\xad\xa9\x86%\xd1\xd4\xa5]e#l\x8d\xb8\xfb&lt;\xfb\\y\xc2\xc3\x14~\xc3w2\xe4\xe1&amp;\xf6\xd2\x19\x1e\xf5\xeaJ\xddxH\xbdd\x10\xfeB\xc3\xc8\x15\xe0z\xea\x8bv\x00\x02\xe8\xd5\xcd gUD\xdf\xac\xe5\xe77V\x91\xdd\x8a\xd6+*\xb2h\n\xdb\xf9\x05_\x9f\xb1\x9b\xde\x83\xcd\xac\x1b\xfbA\xc4\x18T\xb1\x96\xb5\xb8\xb8\\_f]\\\xe3\x1a\x89=nq\xe8i\\\xb7\x1d\x1c\xed|\x83\xa6\x8b%\xcc\x9b\x8d\x8a\xa4\xca\xfe\xdf4_G|\x94\xc7\x11\x06K\n\xc9\xb6\x8b\xd8\x9e\x19aW\x0b.C\xed\xb8\\(\x98\x1edK\x1b\xdb\x13\xff\xd1KH&amp;[\x93\xcf\xe2o&amp;\tF\xcd\x0e;6\xc6\x12\xf8\xd3\xfd\xc6JI\xc3\x07\x15o+\xbe\xebA\x97\x1c\xc6\x83\xa1\xa1,\xac\xc5\xce$2\x8fu\xeb\xce\xe9\x03\x17@\x8f\xae\x9f\x00u\xb3\x04"\xcd\xba\xfd\xb4gQ\xbc\x13m\xdc\x02\xf6\r\x95\xce\xceK-\xe3B\xee)\xa4`\xb6\x1a\x1dL\xe4\xbegT#=T\xf1\xa7\xd9p \xe98~}\xb9\x04]&gt;\x00-\xb3b\x10*\xdbz\x8cN\xe5\xb2\xfa$j\x1c\xder\x94o\xcb'</t>
  </si>
  <si>
    <t>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</t>
  </si>
  <si>
    <t>b'6\x95z,\xf9\xc0\xbc}|\x0e\xce|\xc1\x1aLJ'</t>
  </si>
  <si>
    <t>es
 PP
 Q
 slope = â€“PC /PF
 Quantity of food, QF
 Quantity of cloth, QC
 Figure 5-3
 Prices and Production
 The economy produces at the
 point that maximizes the value
 of production given the prices it
 faces; this is the point that is on
 the highest possible isovalue
 line. At that point, the opportu_x0002_nity cost of cloth in terms of
 food is equal to the relative
 price of cloth, PC /PF .
 Quantity of food, QF
 PP
 Quantity of cloth, QC
 Figure 5-2
 The Production Possibility
 Frontier with Factor Substitution
 If capital can be substituted for
 labor and vice versa, the produc_x0002_tion possibility frontier no longer
 has a kink. But it remains true 
 that the opportunity cost of cloth 
 in terms of food rises as the
 economyâ€™s production mix shifts
 toward cloth and away from food.
 CHAPTER 5 Resources and Trade: The Heckscher-Ohlin Model 85
 2
 The optimal choice of the labor-capital ratio is explored at greater length in the appendix to this chapter.
 rate and r the rental cost of capital, then the input choice will depend on the ratio of these
 two factor prices, .
 2 The relationship between factor prices and the ratio of labor to
 capital use in production of food is shown in Figure 5-5 as the curve FF.
 There is a corresponding relationship between and the labor-capital ratio in cloth
 production. This relationship is shown in Figure 5-5 as the curve CC. As drawn, CC is
 shifted out relative to FF, indicating that at any given factor prices, production of cloth
 will always use more labor relative to capital than will production of food. When this is
 true, we say that production of cloth is labor-intensive, while production of food is
 capital-intensive. Notice that the definition of intensity depends on the ratio of labor to
 capital used in production, not the ratio of labor or capital to output. Thus a good cannot
 be both capital- and labor-intensive.
 w/r
 w/r
 Capital input
  per calorie, aKF
 II
 Labor input 
 per calorie, aLF
 Input combinations 
 that produce one 
 calorie of food
 Figure 5-4
 Input Possibilities in Food
 Production
 A farmer can produce a calorie of
 food with less capital if he or she
 uses more labor, and vice versa.
 Wage-rental
 ratio, w/r
 CC
 Labor-capital
 ratio, L /K
 FF
 Figure 5-5
 Factor Prices and Input Choices
 In each sector, the ratio of labor to
 capital used in production depends
 on the cost of labor relative to the
 cost of capital, . The curve FF
 shows the labor-capital ratio
 choices in food production, while
 the curve CC shows the correspon_x0002_ding choices in cloth production.
 At any given wage-rental ratio,
 cloth production uses a higher
 labor-capital ratio; when this is the
 case, we say that cloth production
 is labor-intensive and that food pro_x0002_duction is capital-intensive.
 w/r
 86 PART ONE International Trade Theory
 The CC and FF curves in Figure 5-5 are called relative factor demand curves; they are
 very similar to the relative demand curve for goods. Their downward slope characterizes
 the substitution effect in the producersâ€™ factor demand. As the wage w rises relative to the
 rental rate r, producers substitute capital for labor in their production decisions. The previ_x0002_ous case we considered with no factor substitution is a limiting case, where the relative
 demand curve is a vertical line: The ratio of labor to capital demanded is fixed and does
 not vary with changes in the wage-rental ratio w/r. In the remainder of this chapter, we
 consider the more general case with facto</t>
  </si>
  <si>
    <t>b'0D\x02 2\xe5F\x05\x87\xb6:\xd2 \xb28Z\x9c\x7f\xfa\x02\xa3(\xaeLw\xaa\x19\x92s\xd3\x05\xdf4\x1a\xe6\x1d\x02 (:Ha\xab\xc0\xb1\x0c\xfd83\xda9\xdf~x\x1b1\x17\x86\xe8\x8dT\\X\xf1\x1f\x1c\xb1\x9f\x89\xf8'</t>
  </si>
  <si>
    <t>3044022032e5460587b63ad220b2385a9c7ffa02a328ae4c77aa199273d305df341ae61d0220283a4861abc0b10cfd3833da39df7e781b311786e88d545c58f11f1cb19f89f8</t>
  </si>
  <si>
    <t>b'0D\x02 2\xe5F\x05\x87\xb6:\xd2 \xb28Z'</t>
  </si>
  <si>
    <t>adly-designed feedback amplifier! The key point
 here is that the signal traveling around the loop experi_x0002_ences so much phase shift (i.e., delay) that, upon reach_x0002_ing the subtractor, it actually enhances X. With enough
 loop gain, the circuit continues to amplify X indefinitely,
 generating an infinitely large output waveform from a
 finite swing at X.
 X H (s) Y
 Figure 13.2 Feedback system for oscillation study.
 It is important not to confuse the frequency-dependent 180â—¦ phase shift stipulated by
 Barkhausen with the 180â—¦</t>
  </si>
  <si>
    <t>b'\xbb\xdc\xa1\xef~$\xadn\x83\xee\x935\x81\x88_\xc9'</t>
  </si>
  <si>
    <t>bbdca1ef7e24ad6e83ee933581885fc9</t>
  </si>
  <si>
    <t>I can, but"â€”she hesitated
â€”"I shall have to look every day for the garden door."
"Yes, you must," said Colin, "and you can tell me about it afterward."
He lay thinking a few minutes, as he had done before, and then he spoke
again.
"I think you shall be a secret, too," he said. "I will not tell them until they
find out. I can always send the nurse out of the room and say that I want to be
by myself. Do you know Martha?"
"Yes, I know her very well," said Mary. "She waits on me."
He nodded his head toward the outer corridor.
"She is the one who is asleep in the other room. The nurse went away
yesterday to stay all night with her sister and she always makes Martha attend
to me when she wants to go out. Martha shall tell you when to come here."
Then Mary understood Martha's troubled look when she had asked
questions about the crying.
"Martha knew about you all the time?" she said.
"Yes; she often attends to me. The nurse likes to get away from me and
then Martha comes."
"I have been here a long time," said Mary. "Shall I go away now? Your
eyes look sleepy."
"I wish I could go to sleep before you leave me," he said rather shyly.
"Shut your eyes," said Mary, dr</t>
  </si>
  <si>
    <t>b'\xcc\xbe(\x19\x97\xd271\xe5&gt;\xbc)\x1d\xae\xad\x11 \xa5:\xa7\xf0\xec"&gt;H\xf8[\xbb\x93\x81^\x9c(1\xa8\xd4w\xfe\xf6}\x9f#\x06\x1de\x87\x10\xb9e#|%\xff\x01\x9c\\\x98\x92\xc0\xe9\xa9\xfd\xbd\xa7\x149\xf5]5}\x05\xa7\x14\x7f\x94\xd0\xd9D\xc8\xf7\x19|\x97t,\xf6\xdf\x9d\xc1r\x1a~\x03\x01\xe7\xfd\xabm\x93\xe1\x1a\xc7\xa9\x1a\xb8-\x055\x954\xd1\xd6F\x89{\x90\x89\x04R\xdf\xa0&lt;\xd5\xfeB+\xb0D6\x86\xa3c\xfd\xc0;\x9a2xt\x0c\xc1\xee\x06R!\x07i\t\x1d\xd2\xf6\xad\xedE\x96\xea\xdcO\x0e\xc3\xd2\xe4\xef=\xc8\xf0\x8c\xf4\xe1\x04\x11\xa4\xbc\xf9C\xd5\x05\xe2\n\x88\x16\x02&amp;\x97\x84\x93\xe6g\x04_\xd9 \xae\xce3\xf1z\xc8\xc9\x91\xc9\xebKc\x0e\x81\xeb\x86\xb1~&amp;$\x1d\x08\x06\xed\xde\xa9\x0ca\xfaSk\x0c\x0c7\xed\xc4f\t?\xda\xaa\xca\xda\xc2\x06\x1c\xea\xfcp\xe4\x13w\x99O\x1a\xba\xd0W\xed\xf4&gt;\xac.\xe9\x1f\xaf%y Z7\x8fB@K\xf9\xe6\xfaq\x0b\xa3u&gt;$\xc6\xad\xdb\x9b\xb6\xb8\xc6\xb5\x7f,\xc1L8\x8b%\x16\xf2M\xb1hG\x07\xcc\xe5cJ\x0e$\xdd\xb7K\xce\x8f\x14\xb1\xc38\xfc\tr\xf6\xef\xdd9\x06\x1b$F6\xa7\xa0\xe1\xea\xaf\xd1O\xfb\xd0e\xe4\xb6\xf6\x8fP\x96\x05z!PM\xe4\x03\xe1\xd1\xfdqx\xa1\x81\xcc\x10\x03\r\xae^.\xd8\xeaQ\xef!\xf2-)\x00US\xfb$\xd5U\xcc\xa1\x8c\xb51\xbc\x08\xaf\x0f\x17{H\x10Lh2\x99\xc6\xb5\xe6\x8b\xe0.\x16\x9a\xb1V+\x9c\x81\xfd\x91x\x90\xf4\x8c\x9e\xcfS\xff\x8f;\x9a6-J\xfeM\xe0,NI\x91\x07C\x81\x91C\x8e\xcf2\x17\xb7\x9aMeX\x1e\x1e\x95\x97\xe2\xd2\xe4\x8a\xf5)\x18\xd9"\xee}=;\xcd\x02$2\x03\xebX|\x9d\x94\x1d!V\'y\x8eZ\xe8\xe4(\x9d]8\xb23\xb6\xb8j^\x91\xe6\xc6\xdc(z\xdf_i\x8f\xa0\x00\x90\xe3\xfb\x9b@!\n\xa3\xc1\xb6\xe5-\x1c\xe7\xfb\x9du\xc0\x93\xf1^\xbf\x173Dt\xa4\'\r\xa0\xe6\xbaGMS=\xa9l\xe3\x8b\xd0\xf9\xef\x1e\r\x9b\xd0\xb7*\xafO\xe1\xc0n\xf9tw\xa8\xed\x9e\xfa%tT\xe3\xb1&amp;ow\xe1\xf5\xe4\xd8\x13dZk`s\xa3\x7fVuB8\x1dC\xfeDD@\xd2\xce6\xc4\x88\x10w\xd3\xfd\xea\xf7JE\xbc\x0e\xf5\xfc\x10f\xe4F\x17\x10\xf1d\x0b\x90\x04\xd4\xa7\x1bGK\n\xf1\x82\xb1\n\xcbs\x90\xa8\x7f\xbdBP&lt;JE\rp&lt;\xc9\xa1[\x17P\x8c\x13\xa4&gt;\x15o\xfb\xeev\x873^\xcc\xb6^\tr\xdc\x96\x1el\xbe+\x1b\x82\x00c\x04\xe2\x1f`\x05\xbf\xe3\x9c\xcc\x919\xcc\x7f\x93\xac\xbf\'\xcaI(\xf2\x85\xf2Y~\xd8/\xf4\x99{-2&amp;d\xb61\xf67\x9c\x84\x080]U\xa0\x00\xa5\x97#\x07wg~?\xd3\xbc\xaf\x08\xfb\x0f\r\xbc\x0c\x10\x9a\xda7a\x1d;@\xb6\xfb\xed\xfa[h\x08\xa1\xacwr\x04\xe4\x1a\xaeuF\xf9\xcd\xf8\xe9U\xfbE#\x8aQ\xe2\xd67b\xb8"\xd9\xcae\xae\x0eI\xb7\x17i\xc37\xcfH\x89\xde.r\xa6\x84\n\xc0\x8b\x97\xd1\xdf\x85F$?`\xc6\xd0\x19DV\xfd\x9fst\xbd\x00\xeet\x13\x90\xe9\xbe\xc9\xddVf\xba\x17}\x92\xa9R\x99g\xb6\x96\xacQ\x9a\xba\x11\xbeKt\xda\x8a\xc8d\xe2\x9er\xdfG\xd1\xd6?\xc6\xc4h\xb0\xc2O\xd9\xab\x19\xda\x16&gt;\x12t\xe6\x18fI\x80W\xb4\xca0\x01u\xfa\xc3\xc4\xda\xfc\xdf\xf9o\xc3\x89O\xfbh\xc5\x0ef\xc7I\xc6\x7f\xd7@\x9f\xf2-\x12V\xbb\xfe]\xc1vwfK]\xe3Gq\xdfy\x03\x0f\xcd-\\\xd5\xf6zA\'y\x89\x8c\xcaz3\xb67\x93\x14|\xfaki\xb7\x96u\xfa\xf3\x9e\xbfK\x87b\x00\x89ZU\x0f\xaaD\xfc\xfd\xa2\x1fZ_\xb0^\xec#\xbf\xd8\xe3\xaa8\xd8\x91\x0bnf\xc9\x1c!|L-\xe6\xf4e8\xfdH\xba\xff\xa5NIE\xf18\xb2\x03\xdbG\xdf\xbf\xce"\xee}=;\xcd\x02$37&gt;\x0e\xe3\x1f0b\x8e\xc2\xfcr\x1c\xac\xc3\xaa\xfccZ\x81\xda\xa8s@t\x85\xdc\x06\'@\xc8R\xb9\xe8\x91N,\x93\xa8\xb0N\x9f\xa9\xdb\xaa\x82t\xe5\xcb\xff\xc1\xa4Z\xc9\x17\t\xcf;z\x7f\xbb\xa1a\xb8G{\x7f\xdc\xeaS\xf43l\xbcl\xdd\xdf\x93\x94\xa6\xba\xc1e\xef\xdd\xd8_M\xd8\xedW|\x1e\xaf\x84L\x8f\xcc"@\xe2\xabQ.\xfcB\xb1\xaa\xa4\xfa\xcd%0{\x85-\x85\xc0_\xa4\x13l\x02\x10\x07}kM|c\xeb\xab\xea\xe6\xfe\xec\xd1#\xc1\xe9-F\x07\xff\x95*-!3\xd3J\xc1\x13\xfd\xa9\x05q\x0c:\xfa'</t>
  </si>
  <si>
    <t>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</t>
  </si>
  <si>
    <t>b'\xcc\xbe(\x19\x97\xd271\xe5&gt;\xbc)\x1d\xae\xad\x11'</t>
  </si>
  <si>
    <t>en to their gentle breathing.'
 Here Michael, encouraged by his success, breathed so loudly that they were
 nearly detected. Nana knew that kind of breathing, and she tried to drag
 herself out of Liza's clutches.
 But Liza was dense. 'No more of it, Nana,' she said sternly, pulling her out of
 the room. 'I warn you if you bark again I shall go straight for master and
 missus and bring them home from the party, and then, oh, won't master whip
 you, just.'
 She tied the unhappy dog up again, but do you think Nana ceased to bark?
 Bring master and missus home from the party! Why, that was just what she
 wanted. Do you think she cared whether she was whipped so long as her
 charges were safe? Unfortunately Liza returned to her puddings, and Nana,
 seeing that no help would come from her, strained and strained at the chain
 until at last she broke it. In another moment she had burst into the dining-room
 of 27 and flung up her paws to heaven, her most expressive way of making a
 communication. Mr. and Mrs. Darling knew at once that something terrible
 was happening in their nursery, and without a good-bye to their hostess they
 rushed into the street.
 But it was now ten minutes since three scoundrels had been breathing behind
 the curtains; and Peter Pan can do a great deal in ten minutes.
 We now return to the nursery.
 'It's all right,' John announced, emerging from his hiding-place. 'I say, Peter,
 can you really fly?'
 Instead of troubling to answer him Peter flew round the room, taking the
 mantelpiece on the way.
 'How topping!' said John and Michael.
 'How sweet!' cried Wendy.
 'Yes, I'm sweet, oh, I am sweet!' said Peter, forgetting his manners again.
 It looked delightfully easy, and they tried it first from the floor and then from
 the beds, but they always went down instead of up.
 'I say, how do you do it?' asked John, rubbing his knee. He was quite a
 practical boy.
 'You just think lovely wonderful thoughts,' Peter explained, 'and they lift you
 up in the air.'
 He showed them again.
 'You're so nippy at it,' John said; 'couldn't you do it very slowly once?'
 Peter did it both slowly and quickly. 'I've got it now, Wendy!' cried John, but
 soon he found he had not. Not one of them could fly an inch, though even
 Michael was in words of two syllables, and Peter did not know A from Z.
 Of course Peter had been trifling with them, for no one can fly unless the fairy
 dust has been blown on him. Fortunately, as we have mentioned, one of his
 hands was messy with it, and he blew some on each of them, with the most
 superb results.
 'Now just wriggle your shoulders this way,' he said, 'and let go.'
 They were all on their beds, and gallant Michael let go first. He did not quite
 mean to let go, but he did it, and immediately he was borne across the room.
 'I flewed!' he screamed while still in mid-air.
 John let go and met Wendy near the bathroom.
 'Oh, lovely!'
 'Oh, ripping!'
 'Look at me!'
 'Look at me!'
 'Look at me!'
 They were not nearly so elegant as Peter, they could not help kicking a little,
 but their heads were bobbing against the ceiling, and there is almost nothing so
 delicious as that. Peter gave Wendy a hand at first, but had to desist, Tink was
 so indignant.
 Up and down they went, and round and round. Heavenly was Wendy's word.
 'I say,' cried John, 'why shouldn't we all go out!'
 Of course it was to this that Peter had been luring them.
 Michael was ready: he wanted to see how long it took him to do a billion
 miles. But Wendy hesitated.
 'Mermaids!' said Peter again.
 'Oo!'
 'And there are pirates.'
 'Pirates,' cried John, seizing his Sunday hat, 'let us go at once.'
 It was just at this moment that Mr. and Mrs. Darling hurried with Nana out of
 2</t>
  </si>
  <si>
    <t>b'X\xf2E\xb7H\x14W\xb6'</t>
  </si>
  <si>
    <t>58f245b7481457b6</t>
  </si>
  <si>
    <t>kname which made her furious.
It was Basil who thought of it first. Basil was a little boy with impudent
blue eyes and a turned-up nose, and Mary hated him. She was playing by
herself under a tree, just as she had been playing the day the cholera broke out.
She was making heaps of earth and paths for a garden and Basil came and
stood near to watch her. Presently he got rather interested and suddenly made a
suggestion.
"Why don't you put a heap of stones there and pretend it is a rockery?" he
said. "There in the middle," and he leaned over her to point.
"Go away!" cried Mary. "I don't want boys. Go away!"
For a moment Basil looked angry, and then he began to tease. He was
always teasing his sisters. He danced round and round her and made faces and
sang and laughed.
"Mistress Mary, quite contrary,
How does your garden grow?
With silver bells, and cockle shells,
And marigolds all in a row."
He sang it until the other children heard and laughed, too; and the crosser
Mary got, the more they sang "Mistress Mary, quite contrary"; and after tha</t>
  </si>
  <si>
    <t>b'\xfc\x15E\xc5\x99_\xec\xf9B\xe5\xfd`\x96\xa6f\xa8\x9bgX\xfe!7\xa1?\xd3A\x7fT\x9bOmAf-\x93\xd3w\xab\xaf\xce\xdcp!\x14\xe6\xe3gc\x9e\xb6\xe0\xba\xaf$\'d\x83\xf5\x1b\x89O\xf0\xafM\xd4\x11r\x0b\xf5\xfa\x7f\'\xcd\xaa\xe0\x82\x9bC\x1a\xebtB\xb5kX\xbc\xf2E5\xb2\x884.Z\xab\x12\x82rm\x11s\xf7\x02\\S\xea\x90\xfc\x84\x8cx\xa1\x8a\xa8\xf9\x0ex\xebe\x9c\xd0\x08\xb8\xf6\x9c#6\xd7\xc0IL\x02\xee\xf1\xd6\x00\xb4/\xc2px\xe3j\x15&gt;&gt;\x92\x03 \x12\x8a\x99\xb7\xa5)\xf9\xcf\x08\xeac\x9c\xa4\x00\xa6%\xe2\xdc2dh&lt;\r\xa94M\xf3\x9cS\x84\x19\xeb\x10R\x83\xed\xa4Wx\xb5F\xac^\xa6]\xca&gt;\xbf\xc2\xef8\x13\xacq\xc7\xceg\xe7I\xbd\xaa!\x96\x07\x83S\xe2?\xec\xcaz_`xO\x8b\xdd\xdae\xe3Gk\xdbU\xb2\x9c\'j&lt;K\xeahlQv\xe0\x9a*\xd7\xe2\xdb\x83\xde\xbc\xda.\x93\xbe\xb2jk{\xed\xea%B{\xad1/\x1e\xdf|7(9[!+\x17)\xf7\x00\xbe\x9f\x9ae\xf9x\xcd\xf2\xf3\x16W\xef\x03\xbaP\xfb\x8e`\xaa?\xee\xac\x80\xeb\xb1\xef\x11\xfa\xbaA\x9es\xf0&lt;\xff\xf2d\x1a\xd4\xe9p\xcf\xab\xd7\\&gt;\xb7\xc6\xd3&amp;\xa7\x8d\xad\x01\xde\xa2_P\xb3\xfe\xcb\xc2\xde\xe80\x93\xaed*D(\xc0&gt;\xcfh\xd6534\xe2\x04\xd1\xa5\x8e.\xde\x86\xba~"\x06\xa6\x1c&amp;4dO\x86\x19\x08\xfa\xa9\xd8\x1e\x01\\17\x17Q\x16b\\q\xa6\x01uie\xb9G\xb7\xa3\x93T\x9a\x84a\x03n\xa9\t\xb1\x87\x8c\x86\xd8A22\xf8\xe1Mw\xf7l\'\xfa\xde\xc8\xdb\xa8\xd4&gt;\x17\x19\x8b\t\x8c3\xef"\xdb_$"vfBw\x05\x1f\r\xae!\x06\xad\xe5u\xe8\xf3\x89b\xe6\x1ciQ\xa3K-\xe6\x0e\xc6\x88=\xa2\xa4g\x17\xf3\xf0\xc3\xe7$\x12\xd2Q`\xca\x89\xb7\xaf\xc1\xd1\x89\xa5\x04E{\xc1N\xc4O~\xf8`la\xdd\xaa\x1f\xe0\x1a\x1b2L\xc3\x1d\xe3\x07\xb3\x06\\\xf7\r9\xab\x9aR\x0f\xa5\x95\xaa\x85\xf9\xb9]\x1e\x90\x8f?\xd7\x01\xa6L\xd2oW\xa6\xa4\xe8\xcc\xd8\xa2\xb0\xf8?bKJ\xf1sL*\x89E?\x7f;$t\xf68y+\x91.~\x99b\xe1I\x8c\xba(U\x95l\x19\xd3Tj\xba[\xee(\xd2\xca\xcb\x0f\xb8\xe9:\x10&lt;\xe6\xb4\x14C\xbe\x1eSL\x9ft\xab\x1fP}R\xce5\xfaS\xb4\t[\x08\x08\x03\x00\xc4\x9b\xfdK\x85\xd7\x84\x86\xe3\xee\x0c\x8fPd\x0ct\xfeE\xa5!\xeff\xc0\'|\x1f\x1c\xf5J\xe5\x84\x1f\xe3\xbfx~%\x92m\x1b\x10\xc4 \xee\x11\xbc\xc5n\xf4\x8d\xefkf\r\x91]\xa9.\x84\xa1\xb5t\x9a2KC\xdb\xc1\xba\xd5B\xb4#\xc5\x8b\x98\xd0\xed\xc5w\xf3\x84S}\x19\xc10B=\\h\x0e\n\xa5\x03 \xa7,\xc5i\xe37\xec\xa3\xc4\xe3\x1d\n7\x1a\xcc;\xc1\xa4\x9a\x88\xfe\xf2k\xfc\xf2\x87\xac\xd8p\xca@2\x92p\x0fcv\xd8J\xc2\x8a\x80\xf726T\xe4L-:\xf0\x01`\xd3\x83i9\xfck\x04\xab\xa0\x1d\xa3\xd9s\x8f\x19\x7f\x8fG\xdd\x81$\x96%\x96\xe2\x08/1\xa6\xd1.\x1f\xc3&lt;p\xfd\x0f\xc1\x86\xbe\x99\x9d\xf3(\x1e\xe3\x18&gt;\x9c\xec\x1aV\xf3i\x1a\xa6z\xbf\x1aC\xb4\x87\x13!\xec?\xbb\x11=\x1b\xb7\xfaF\xd2M\x8c`\xdf\xecL\x1c\x16\xd5\x91s\x075\x98\xbd\xc3Y\x99\xb9,^+\x84\xb3\xa0a\xd2\xe7\x15\x87k\xba\x0b\x81`\xff\x95\xbcC87Q\nmt\x11^\x9b\trq\xe3\xf1\x1c\xfaX\xb0%\x13K!w\xa3\xd9s\xd2X\xe3[\xe8\xad-\x02b\xe1\x9e\xef\xfb\x8f\x9f\xc7\x16o\x85\x043\x99A\xb0\xbf\x1e!\x7fc:!\xe5 \x01t\x81\x83\xbb\x89\xfe\x0e\xf8.pB8c\xb7&gt;\xcaB#\x94\xa8\xde\x93&lt;+4\xc8\xce8\xb0\xe1\xd4(\x08\x8c&amp;\x99\xee\xc5\x8f\x02\x8d\xb3\xc4n\xa3E\xc2\x0f"\xfd4\xa4\x1a\x82!o\x80\xe3\x9aE\xa2*f\x0c\x19\x0e\x81\xb7\x0c\x0b\x1a\xf0\xed\xe8\x83"\xf4U\x99#\x05\xca$\xb0\xf0\xae\x8f\xf98Q\x16\xd8au\xf6K\xef\xf9\xc1\xce\x12'</t>
  </si>
  <si>
    <t>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</t>
  </si>
  <si>
    <t>b'\xfc\x15E\xc5\x99_\xec\xf9B\xe5\xfd`\x96\xa6f\xa8'</t>
  </si>
  <si>
    <t>y
 of cheese, QC
 *
 Figure 3-4
 Trade Expands Consumption Possibilities
 International trade allows Home and Foreign to consume anywhere within the colored lines,
 which lie outside the countriesâ€™ production frontiers.
 CHAPTER 3 Labor Productivity and Comparative Advantage: The Ricardian Model 35
 (3-5)
 or
 But we just saw that in international equilibrium, if neither country produces both goods,
 we must have . This shows that Home can â€œproduceâ€ wine more effi_x0002_ciently by making cheese and trading it than by producing wine directly for itself.
 Similarly, Foreign can â€œproduceâ€ cheese more efficiently by making wine and trading it.
 This is one way of seeing that both countries gain.
 Another way to see the mutual gains from trade is to examine how trade affects each
 countryâ€™s possibilities for consumption. In the absence of trade, consumption possibilities
 are the same as production possibilities (the solid lines PF and in Figure 3-4). Once
 trade is allowed, however, each economy can consume a different mix of cheese and wine
 from the mix it produces. Homeâ€™s consumption possibilities are indicated by the colored
 line TF in Figure 3-4a, while Foreignâ€™s consumption possibilities are indicated by in
 Figure 3-4b. In each case, trade has enlarged the range of choice, and therefore it must
 make residents of each country better off.
 A Note on Relative Wages
 Political discussions of international trade often focus on comparisons of wage rates in
 different countries. For example, opponents of trade between the United States and
 Mexico often emphasize the point that workers in Mexico are paid only about $2 per hour,
 compared with more than $15 per hour for the typical worker in the United States. Our
 discussion of international trade up to this point has not explicitly compared wages in the
 two countries, but it is possible in the context of our numerical example to determine how
 the wage rates in the two countries compare.
 In our example, once the countries have specialized, all Home workers are employed
 producing cheese. Since it takes one hour of labor to produce one pound of cheese, work_x0002_ers in Home earn the value of one pound of cheese per hour of their labor. Similarly,
 Foreign workers produce only wine; since it takes three hours for them to produce each
 gallon, they earn the value of 1/3 of a gallon of wine per hour.
 To convert these numbers into dollar figures, we need to know the prices of cheese and
 wine. Suppose that a pound of cheese and a gallon of wine both sell for $12; then Home work_x0002_ers will earn $12 per hour, while Foreign workers will earn $4 per hour. The relative wage of a
 countryâ€™s workers is the amount they are paid per hour, compared with the amount workers in
 another country are paid per hour. The relative wage of Home workers will therefore be 3.
 Clearly, this relative wage does not depend on whether the price of a pound of cheese is
 $12 or $20, as long as a gallon of wine sells for the same price. As long as the relative price
 of cheeseâ€”the price of a pound of cheese divided by the price of a gallon of wineâ€”is 1, the
 wage of Home wo</t>
  </si>
  <si>
    <t>b'0E\x02 O\x93\x1c\xd4\x95\xf1\x07\x01\xb1\x94\xf9\x1b\xd1\x05\x91_\xa4\x04\x9a\xc4\xfa\x15\xeb\x7f\x95\xb7q:\xd2 S\x0f\x02!\x00\x8aS\xe6\x8b\xfe(V\xf7\x16\x82J\xca\xa6L\xc3.\xbe\x80\x01\xe5\x18\x96U(\xfea\xbbb\xaa\xa0\x0f\x88'</t>
  </si>
  <si>
    <t>304502204f931cd495f10701b194f91bd105915fa4049ac4fa15eb7f95b7713ad220530f0221008a53e68bfe2856f716824acaa64cc32ebe8001e518965528fe61bb62aaa00f88</t>
  </si>
  <si>
    <t>b'0E\x02 O\x93\x1c\xd4\x95\xf1\x07\x01\xb1\x94\xf9\x1b'</t>
  </si>
  <si>
    <t>2
 in the lower left quadrant, that is, with hours in cloth and hours in food. Then we
 can use the production function for each sector to determine output: units of cloth, 
 units of food. Using coordinates , point 2Â¿ in the upper right quadrant of Figure 4-3
 shows the resulting outputs of cloth and food.
 QC
 2 , QF
 2
 QF
 2 QC
 2
 LF
 2 LC
 2
 -1
 56 PART ONE International Trade Theory
 To trace the whole production possibility frontier, we simply imagine repeating this
 exercise for many alternative allocations of labor. We might start with most of the labor
 allocated to food production, as at point 1 in the lower left quadrant, then gradually
 increase the amount of labor used in cloth until very few workers are employed in food, as
 at point 3; the corresponding points in the upper right quadrant will trace out the curve
 running from 1Â¿ to 3Â¿. Thus PP in the upper right quadrant shows the economyâ€™s produc_x0002_tion possibilities for given supplies of land, labor, and capital.
 In the Ricardian model, where labor is the only factor of production, the production
 possibility frontier is a straight line because the opportunity cost of cloth in terms of food
 is constant. In the specific factors model, however, the addition of other factors of produc_x0002_tion changes the shape of the production possibility frontier PP to a curve. The curvature
 of PP reflects diminishing returns to labor in each sector; these diminishing returns are the
 crucial difference between the specific factors and the Ricardian models.
 Notice that when tracing PP we shift labor from the food to the cloth sector. If we
 shift one person-hour of labor from food to cloth, however, this extra input will
 increase output in that sector by the marginal product of labor in cloth, . To
 increase cloth output by one unit, then, we must increase labor input by hours.
 Meanwhile, each unit of labor input shifted out of food production will lower output in
 that sector by the marginal product of labor in food, . To increase output of cloth
 by one unit, then, the economy must re</t>
  </si>
  <si>
    <t>b'0E\x02!\x00\xf2\x9b\xed&gt;\x82\xfd\x15?\xd8q\x11q\x9f\xf6[\xb1\xaf\x9f\x17g,\x80G`\xaf\xb0\xf2f\xe8\x9a\x9d\x8b\x02 L\x14\xf3\x8c\xb7v\xf4\xd45D?\xe9\x0c\x0b\xb2\x15\xf5\xb2+\x1ct\x98\xa0\x8a\xda\x13\xa9\xd8\x8b\xba\x81$'</t>
  </si>
  <si>
    <t>3045022100f29bed3e82fd153fd87111719ff65bb1af9f17672c804760afb0f266e89a9d8b02204c14f38cb776f4d435443fe90c0bb215f5b22b1c7498a08ada13a9d88bba8124</t>
  </si>
  <si>
    <t>b'0E\x02!\x00\xf2\x9b\xed&gt;\x82\xfd\x15?\xd8q\x11'</t>
  </si>
  <si>
    <t>he unchanged interest
 rate . The horizontal stretch of AA becomes longer as a result. With more money in
 circlulation, real output and money demand can rise further than before without driving
 the nominal interest rate to a positive level. (Eventually, as rises even further, increased
 money demand results in progressively higher interest rates and therefore in progressive
 currency appreciation along the downward-sloping segment of AA.) The suprising result is
 that the equilibrium simply remains at point 1. Monetary expansion thus has no effect on
 output or the exchange rate. This is the sense in which the economy is â€œtrapped.â€
 Our earlier assumption that the expected future exchange rate is fixed is a key ingredi_x0002_ent in this liquidity trap story. Suppose the central bank can credibly promise to raise the
 money supply permanently, so that rises at the same time as the current money supply.
 In that case, the AA schedule will shift up as well as to the right, output will therefore ex_x0002_pand, and the currency will depreciate. Observers of Japanâ€™s experience have argued, how_x0002_ever, that BOJ officials were so fearful of depreciation and inflation (as were many central
 bankers during the early 1930s) that markets did not believe the officials would be willing
 to depreciate the currency permanently. Instead, markets suspected an intention to restore
 an appreciated exchange rate later on, and treated any monetary expansion as temporary.13
 With the United States as well as Japan maintaining zero interest rates through 2010,
 some economists feared that the Fed would be powerless to stop an American deflation
 similar to Japanâ€™s. The Fed as well as other central banks responded by adopting what
 came to be called unconventional monetary policies, in which the central bank buys
 Ee
 R
 Y
 R = 0
 Y
 1 3This argument is made by Paul R. Krugman, â€œItâ€™s Baaack: Japanâ€™s Slump and the Return of the Liquidity
 Trap,â€ Brookings Papers on Economic Activity 2 (1998), pp. 137â€“205. See also Ronald McKinnon and Kenichi
 Ohno, â€œThe Foreign Exchange Origins of Japanâ€™s Economic Slump and Low Interest Liquidity Trap,â€ World
 Economy 24 (March 2001), pp. 279â€“315.
 454 PART THREE Exchange Rates and Open-Economy Macroeconomics
 specific categories of assets with newly issued money. One such policy is to purchase
 long-term government bonds so as to reduce long-term interest rates. Those rates play a
 big role in determining the interest charged for home loans, and when they fall, housing
 demand therefore rises. Another possible unconventional policy, which we will discuss in
 the next chapter, is the purchase of foreign exchange.
 SUMMARY
 1. The aggregate demand for an open economyâ€™s output consists of four components
 corresponding to the four components of GNP: consumption demand, investment
 demand, government demand, and the current account (net export demand). An impor_x0002_tant determinant of the current account is the real exchange rate, the ratio of the for_x0002_eign price level (measured in domestic currency) to the domestic price level.
 2. Output is determined in the short run by the equality of aggregate demand and aggre_x0002_gate supply. When aggregate demand is greater than output, firms increase production
 to avoid unintended inventory depletion. When aggregate demand is less than output,
 firms cut back production to avoid unintended accumulation of inventories.
 3. The economyâ€™s</t>
  </si>
  <si>
    <t>b'0E\x02 \x11\xdc\x0f\x88W\x12\xd3G\xa1\xaa\xa1\xd1\xa7\x1e\x04\xba4&lt;8\xcb\xd7\xc9\x1b"\xa6\xed\xd9U\x92\xe8w\x0b\x02!\x00\xdd&lt;4\xcb:\x85\x1fA\rK\xae\x07\xca\xa3k\xb9\x9a\x8b2\xe3E\x13\xdd\xd4@\x92&amp;\x19R\xc2%\xd1'</t>
  </si>
  <si>
    <t>3045022011dc0f885712d347a1aaa1d1a71e04ba343c38cbd7c91b22a6edd95592e8770b022100dd3c34cb3a851f410d4bae07caa36bb99a8b32e34513ddd44092261952c225d1</t>
  </si>
  <si>
    <t>b'0E\x02 \x11\xdc\x0f\x88W\x12\xd3G\xa1\xaa\xa1\xd1'</t>
  </si>
  <si>
    <t>inzen des
roÂ¨mischen Reiches. In Kramer et al.: 320â€“91.
HaÂ¨gg, T. 1987. Callirhoe and Parthenope: The beginning of the historical novel. CA 6: 184â€“204.
Haines, C. R. (ed.) 1919. The correspondence of Marcus Cornelius Fronto. Vol. 1. London.
Hales, S. 2003. The Roman house and social identity. Cambridge.
Hall, E. 2002. The singing actors of antiquity. In Easterling and Hall: 3â€“28.
Hall, J. 1981. Lucianâ€™s satire. New York.
Hallett, J. P. 1977. Perusinae Glandes and the changing image of Augustus. AJAH 2: 151â€“71.
Hallett, J. P. 1989. Female homoeroticism and the denial of Roman reality in Latin literature.
Yale Journal of Criticism 3.1: 209â€“27. (Rpr. in Hallett and Skinner: 255â€“73.)
Hallett, J. P. 1992. Martialâ€™s Sulpicia and Propertiusâ€™s Cynthia. CW 86.2: 84â€“95.
Hallett, J. P. and Skinner, M. B. (eds.) 1997. Roman sexualities. Princeton.
Halperin, D. M. 1990. One hundred years of homosexuality. New York.
Halperin, D. M. 1992. Historicizing the sexual body: Sexual preferences and erotic identities in
the pseudo-Lucianic Erotes. In Stanton: 236â€“61.
Halperin, D. M. 2002. Forgetting Foucault: Acts, identities, and the History of Sexuality. In
Nussbaum and Sihvola: 21â€“54.
Hammerton-Kelly, R. G. (ed.) 1987. Violent origins: Ritual killing and cultural formation.
Stanford.
Hammond, M. 1933. The Augustan principate in theory and practice during the Julio-Claudian period. New York.
Hansen, M. H. 2001. What is a document? An ill-defined type of source. Classica et Mediaevalia 52: 317â€“43.
Hansen, W. (ed.) 1998. Anthology of Greek popular literature. Bloomington, IN.
Hanson, A. E. 1985. Papyri of medical content. YCS 28: 25â€“47.
Hanson, A. E. 1994. Topographical arrangement of tax documents in the Philadelphia tax
archive. In BaÂ¨lno-Jacobsen, A. (ed.), 20th International Congress of Papyrology: 210â€“18.
Hanson, A. E. 1995. Uterine amulets and Greek uterine medicine. Medicina nei secoli 7: 281â€“99.
Hanson, A. E. 1998a. Galen: Author and critic. In Most, G. (ed.), Editing texts/Texte edieren
(Â¼ Aporemata II). GoÂ¨ttingen. 22â€“53.
Hanson, A. E. 1998b. Talking recipes in the Hippocratic corpus. In Wyke, M. (ed.), Parchments of gender: Deciphering the body in antiquity. Oxford. 71â€“94.
Hanson, A. E. 1999a. The Roman family. In Potter and Mattingly: 19â€“66.
Hanson, A. E. 1999b. A hair on her liver has been lacerated. In Garofalo, I. et al. (eds.), Aspetti
dela terapia nel Corpus Hippocraticum. Atti del IXe Colloque international hippocratique,
Pisa 25â€“29 settembre 1996. Florence: 235â€“54.
Hanson, A. E. 2000. Widows too young in their widowhood. In Kleiner, D. E. E. and
Matheson, S. B. (eds.), I, Claudia II: Women in Roman art and society. Austin. 149â€“65.
Hanson, A. E. 2001. Text and context for the illustrated herbal from Tebtunis. Atti del XXII
Congresso Internazionale di Papyrologia, Firenze 1998. Florence. 585â€“604.
Hanson, A. E. 2003. â€˜â€˜Your mother nursed you with bileâ€™â€™: Anger in babies and small children.
YCS 32: 185â€“207.
Hanson, A. E. 2004a. Aphorismi 5.28â€“63 and the gynaecological texts of the Corpus Hippocraticum. In Horstmanshoff, H. F. J. and Stol, M. (eds.), Magic and rationality in ancient
near eastern and Graeco-Roman medicine. Leiden. 277â€“304.
644 Bibliography
Hanson, A. E. 2004b. A long-lived â€˜â€˜quick-birtherâ€™â€™ (okytokion). In Naissance et petite enfance
dans lâ€™AntiquiteÂ´, Actes du colloque de Fribourg, 28 novembreâ€“1er deÂ´cembre 2001. GoÂ¨ttingen.
265â€“80.
Hanson, A. E. and Flemming, R. 1998. Hippocratesâ€™ Peri ParthenioË†n (â€˜â€˜Diseases of Young
Girlsâ€™â€™): Text and translation. Early Science and Medicine 3: 241â€“52.
Hanson, A. E. and Green, M. H. 1994. Soranus, Methodicorum princeps. ANRW 2.37.2:
968â€“1075.
Hanson, R. P. C. 1988. The search for the Christian doct</t>
  </si>
  <si>
    <t>b'\xf0\xe0\xccT\xb4\x03o$\n\xbf\x94\xbdB\x15}\xf1j\xab\x93\xb3I/\xde\xef\x19\xd5\x87V\x13\xa1\xcdK^\xe4\n\'\xaa0d\xb6\x8b\xde\xc2\x1c\xc3t^\xbd@\xc1\xa5\xda$\xeex/\x89\xe7H\xb1\x07\x8a\xf1q-\x17F\xc9\x9c\xe1\xaff?\xd5\xf7\'\xc7r\xd5\xf5u\xcdN-B\xe9\x02Q\xc1k\xb1`\xd8@,\xc9\xd9\xb7\xfbE\xee\x83W\x17H\xa8\xbc\xdb\x9dw\x9f\xc5\xe7\xab\xefT]R\'0i\xd5\x92\xbfl\x94\xd2|\xcf\x9a\xb1\xef~\xd5_\xdcv=;86_\xe8U\x8e\xb4\xbe\xc5B]\x0c\xc4U\x89\x01`\x93TR\xf88t(\x1f\x87\xa5=\xe8\xed\xac@%\xdeFvGI\x10r\xd8\xe2\xc5\x9dtT\x94?/\xa2\x18\x1eD\xbd\x13\x877\xd6\xfe\x9f\x15&amp;\xd8\xc6\xb81\xb0\r!]\xd5p\x02"\x06\n\xd3x\xa8\xad\x7f\xa1t\xb4\x1fK\xa4\xe6"\xe7}\x18\xd9\xa4\xbag\x9d\xee\xf65\x902-g\x00\xf1\x8c\xba\xde\xc2j\xa9\xbd\x8d\xd1\xcc#X\xaat\x04{\x04$\x9f&gt;\xbc\x01\x99\xde\x0el\x07\xa6$kOD\xab\xc2\xef\x05\x98\xe2\x06\x1a\xc8\x84\xe5\x8c\xb4\xf0\xa3R!\xd5y\x8f\xc4L~9\\%\xe13\xe6{cP\xf3M\x82\x97\xecD\x016\xbf\xae\x05~\xe6\xd6\xcfX\x85\xff\x0f\x00X\xa3\x9c\xf3\x10c- \xc1\r\xec)\x1af\x80\x06i9D\x08\tSn\x02\xd4\xe6\xe9\xcbV\xbaN\xf5\xb4\xa7\xe6F\xae&gt;x\x85\xa3\x0ct\xf7\x16\x92\xf4\x0f[\x0b\xd7\x96\xca\xddS\xcf/\xd4\r\x0e\xd5\xeaS\xa6\x16\x01z\xde]#Krm\x9a\xe4\xd6el\xfa\xee}\x00\x1d^7\xaf\xaaf\x07\xb1\xe6\x95\x97\xffk\xef\xef\xa0\xea\x01\xaf\xab\xcc\xff\xf4\x04\xed\xfc!\xf6\xb6\xd6\x877\x0b\xeew\xea_\x01s\xac\xf3\xf5\xd8Q\xb9;\x97\x955\x1fz@&amp;\xb2\x1f\x0c\xda\x0b\x04\x11\x1c9\x1b\x84\x15\xd6\xc0\xcd\x7f\xbb\x13\xedv/\x1f\x9b-{i\xcf\xab\x99\xb7\xc4X\xba=\x15\xb7\xf0\x16v\xda-\xac\xfdA #\x931\xb2O\x90\x1e\xbb\x0c\x86\xbe\x03\ro,\'\xaa\xfd\x81X-\xb6Z\x18\r\xc2\xf2\xef\x98\x14\x98@2b\x97\x8b\x16ySJ&gt;\xe0ZJD\x81\xb5\xc9\x95H\x96P\xb0\x08\xc9JU\x93)\xe6\xfc)\x95a\x97E{\x0cb\xe5S\xd1\x03\xafo\xff\x83\xbf\xf2|t\xde\xaeUa%i\xb2Z\xb2\x13\xb4Y4\x0f)T7\xbd\x82\n\x80\xba\x02\x03\xc6Mc\x19\xa3\x83\xaa\xf4\x15KV\xf9I\\\xc1\x16c\x80\xba\xd1\'\xd5\xb7\xbd\x00\\M\xef\x1fI\xcf\x80b\xf6\x80g\x92\xaa2\xe2.\x96\x082\x7f\xa5s,\xbdm,\xef\x1e4\x8a\xd4f\xda)X\x9e\xa4\xda\x9f\x93\x86-\xc6\xad\xcb\xd97\xce\x8e\xe2\xaf\xc0P\xd3\xb7\xe9N^\xf2\x8e\xb6\x80\xa2H\t\x19\x98\x9d\xad\xaa\xcd\x99\xd2%c\x101\xff\xbc\x05!\xb1\xc3\xb3T\xb3\x1f\xde\xfa\xc5nm\xde=\x83\x0c\xe7\xb2\x1f\xb4=\x0e\xbe[\x92ie\xb8\xec\xbbp\xa5\xebPMJ\\\xcf\xab\x96\xd4w/\x98\xaa\xe5\xb9P\x9aj\x8fn\xa3m\x14\xe5\xc6#\xd7w&lt;\xbe@\xa5`\xb4k\x1f}n\x0f\x1f\xa6\x8c\x8d\x1a\xb3\x1a\x9eI&amp;\xf4\x0b\xea\xbf\x9aL\xe1\xbc\xbeG,\xb8\xa9\xe2\xa7C\xe1\xe8\xad\xaa70\x8d\x00\x95\x93\xd8@\xb0z\xb3\xa9\xf6\xfd\x86\x8f\xd5y\x84]\xe7m\x851"Pm\xad\xdc\x16-j\x96\x99i\x0b\xfcL\x06H\xeer\xf8Q\xae\x84\',\x8bI\xa6^e\x98dY\xccs*\xe9\xcds\xf5\x94\xc4/@\x005\xf5\xc6\xc2[\x0b&gt;\xebdl\r\x15sf\x8c\x1f\xfe\x0e\nNp\x1d\x02\x8dG\xa2\xd0\x9a\r\xba\x9aF\xe3\xa4\x88\xfd\xafA\xa5\xeb_9\xce\xfc0\xd9\x11\xccy\x8dt\xea\xc3\xb0\xb6\xedc5\xbe\xba`C\xc9\xd0\xc2\xad\x10\x98\x12\xe4|\x1dF\xab\xd5\xf2Q\x0fO\xc6nrAs[\x90\xf8\x14\xbafp\xfa\x80\x8b\xcf\x98R\xd4I}^Q\xca\xcc1\xce\xe3\xf4\x07z\x99\x08[\xc16P\xd5\xe6\xe1E^\xc0N\xfe\x00\xe5\xf4\t\xe3\xaa\xe8\xc8\x16\xef\xed\xb27s\x9et\xf4\xe9\xb1t6\xe2\xf94a\x9d\x1a!\x9e\x1b\xd3b\x8d%@~j\xef\x943*\x89P\xa2\xc6\xb3\xf8\xa0\\\x1fR\x8b\xe9\x14\xaa\x9a\xa1b\xf9\xc43\xd2\xadl\x93\xc7P\x9e\xa5F\x9f\xb9e:\xb6\xf0HS\xe5\xbe`T\xf4\xbf(\xaf\x9ep\xac\x89R\xf3\'U3\xbeW\xe1|%#\x8e@\x01\x85\x1c\xe7\xf9/wn\xf0k\x1e\xf3A\x92w-E\xdcc;\xa4\x13\xb0\xce\x06\x84O\x08\x10\x98\xb0\xe2\x80\xde@Y\xa3\'s\xfbT\x83\xf4\xf8H\xd8h\xb2\x92\xfe\xfc\tZ6F*_\xfa\xa6\xe1[\xb1\xc3\n\\+\x920\xd8\xea:)5\xaek\x88\\\x8f\xee\xafT\xeb\x12\xf0\xcb\xde\xbe\xdb(\xe5\xd2\\\x81\xbc\x11p&lt;\x93$\xa4\xdb\r\x0e\x9ag\xc43\xef\xe8\xd8\x9eJjSF\xf1\x05?\xbaEu\x1e$\rg\xe1 \x9b\x02%\xffo\xb4\xd5]XnI\x07\xc0\x94\xa7\xe6NM\xa9X\xe6\rE\xa0\xcadD=\x85\xf5\xbe+\x0eK\x8d\x134\xf1!\xa2\x1c\xedpb[\xc3(\xbbk\xd1\x08\xcb\x12\x8fz\xddD\x16\xa8\x07\x99\xdc\xed\xb8[\xa5\xee.\xa0k\xb4o\xc4\xf4E\x07\xfa\xc0_y\x18\x80Fb\x0b-\xf6\xa8\x0eC\xd2\xee_\x8d\xee\xda\x83\xff$\xf8\xfeB\xd6-\xe0\x13N&amp;\x9b\xa2\xae\x8eu[\xf2\x8bw\xb8\xbd\xfdN\xe7\xd8u\xf6\xfc\x91-Z\xaf\x86f\xa4\xdd\xe2C3\x0b!\xd5B\xac\xc5Vh\xdc\xec\x8e\x94\x81\xcf\x80\'\x8bd|\x9fL\x1c\x92\xbaPo\x0f\t\xe3Y\x11\xf9\xb8\x81\x82\xe0^HJ\xd6\x1aI\x02\xf4\x7f\xb1\x90t\x16|!\xc8\x96"\xbf\xef\xaftA\xf7\xee \xf9\t:$Ak\x94\xf2\x8a\xc8F\xd9L\x10\xce\x15\xbc\x07\xb2\xbaMn6\x86\x8d\xcf\x1f\xbc\x85\x9a\tc\n\xb3\x0cikY\r\xc6W\x82Vvy\x14\x9fK\x85i\xddaD\xf1\xfb&gt;67&gt;\xfd\xe1\x14\xbbg^\x036\x86\x83\x05\xadi\x8f\x7f\xba\x8f\xba\xe0\xd9\xd8\xf5\xaeF~\xd0\xba\x080\xa89WR\x96)\xe3\x05\x15\x8a\xef\xce\xedm\xd8\xbd\xd2\x81\xdb \xc2\xeb\xe6\x13:.\xd5\xc4\xad\xb7Z4\xe5\xee\xf3\x10\xef\xc9\x7f\x8c\xf9j5%\x9b6)\x15\xeb\xf9A\xfb\xee\x10\xe7\x8c\\\x80mo\x08\x96\x97\xc5\xa8\xb3\x07\x11\xf2\x10m\xae]\x0c\\\x06\xa5Cj\x80~P\xc39d\x9e$\xa6\xa0O\xd8\xea\xc2&gt;\x94Ly\xe7\xfbX\xff\xf9\x15\x07d~\xfb\xf6\x12\xd5\\F\xa9\xcd,\xf0BxE\x1b\x0e\xeff\xd3\xd3=\x8ft\xeb\xd6\x91\xa7\xdd@\x0f)\xcbx\xad#\x91\xe8\xd3\xdfT\xceWYJ\x9a\\z/IPW\xc5G\x18\xe9\xa8\xe8\x1dGa\xae3\x8e\xc3\x00\xbc\xb2\x9d\xc6\xaf\xed\xedF\xfd\xd3L\xba|,6@\x1dS7\x90-\x9c\xdc\xe9\xc7p\xe5k\x88\x1a0c\xa6\xec\x88\xb1O\xf3\xbf\xdd\xe8=\xea\xa2Y\x7f\xd4L}\xa8$\x99FYx\xfd\xe7\xad^o\x82q\x0b\x16\xb2\xe5\x04@\x15\xdbv\xf4\x8f\xc38\x16\x96\x12\xd4\x87"\xb9\x94\xb4\xafIIA\x88\x99mu\xfd\xa7\xd7?P\xe0\x13\xeb\xaaG\xb1\x06\xde2\x91\xef\xa6yfyuH\xe9J(\xeeg:B~\xa9VxGU\x96PZy\xff\xf3\xf4\xe5\xdcq\xeai4\x9fh5\xf8 \xbe&amp;\xe8\xf0\x80\x0c&amp;\x9e\x93\xab\xae_\xde2\x86\xf4G\x80\xe3\x0bB4\xd0\xf6[\xa4U\x8b\x9b\x9f\x05\x08grS\x9f\x8c\xb5+\xd9\x93Nr\xb62\xd0X\xe2\xb6\xaa\x02\n\xf8\xe8\x8b\xc9\x8a\x90\xdd\xede\xf0\x0bG\x85/\xdb\xb9u;O\x92\x89\x8e\xd1\xb4/@J\x13\xe3\x9fq\xbcO\xa9:\xa9T\xc0c\x1f\x8b\xdc\xf9[*\xb0\xd6\xb4\t\n1\xcckI\x83u\xfdX\xad\x89\xb2\xc8&amp;\x16\xc6\xd3\xf3\x93=\x00k\xca\xf7\x80\xa5\xb02\x7f\x19N5\xc2GU\x8e\x06\x84T\x84\x11\xb8\x12\xc8\xb3\xb0\xf4\x8fY\xcbr/\xbf|Tg/\x8f\xae\xf5\x84$\x11\xe3\xe1\xf4\x1c.\xc4;\xd3\xa3]=c1\xbb\x00@\xadB\x07\x1f\xf36\x9d2-[\xe6\x99$xH\x1a_\xcf\xda\xf6\xc4\xdet\x10\xf7\xe3\xcd`\x8d\x07\xa4n\x81\xe3\x9ece\xed&gt;\xaa\x94F\x1a\xbd]4\x83\xd8\x8a\'\x92\x97\x10\xdd"\xc3X\xe7Z&gt;\xe8dL\xd9$\xc6\xb1\x9cg1\xcc\xb0\x08\xee^\xbaB4\xb9F\xdaf\\d\xe7Lk1\xa4\x02Id\xa2\xf4!\xa6l\x81\x8c0\xa8F\xce\x0bv&lt;\x0e\xa7&lt;3v\xe1\x08\xe1\xa6\xdb\x90\x11\x10\xfb\x15\x93G\xad\xcc\xbf\x95\xff\xb3\xbfC%\x198\x83l\x16{r\xa1~\xde\xa1\\H&amp;\xe3c\xf0\xe9\xd5\tj_\xa6C\xa0\x05\x7f!\xae\xd6!\xf9l\x11\xf2ouG"\xa9\xc2\x85\xff\x98Bv%\x94\xf7x\xf9\x10&gt;\xd6\xc3#%C\xc0\x86&gt;A\xf2\x1f\x8d,;\xbc+\xf09K\xbe\x06\xcby\n\x83\x1e\xed\xeb\xdf\x87+\x12dXj\xce\xf48\xcc*\xc8\xf0\xb6\x9c5\xde\x0f\xc3\xf9\x8a\x1f\x7f^\xe17\x81\xa4\xb2\x0e\x9c2A5,\xfa\xfd\xc7\xdc\xf5\x19\x1d\x1c\r\xea\x0cJ\x85\xbb\x97v\xa1\x0e\xedg\xe7L6(\x97\x00\xbd\xd0D\xe7LV\x16]\xfd9\x01I#p??~e\xb1\xfeJm\xd9\x10\x04/R\x90\x9cw\xe4}&gt;\xd3\xc3\xe3o\x84dY\xab\xf5\xff|&lt;\xcf\xa6j\xe0\\\xb5%\xdd?\xa9\x19\xc4j\xb8p\x93\x19\xbfF\xc7\xc9\xefg\x0e\xb7\xa5,\'\nq\xc4F\xbe\xd2]y\xdeSC$\x01K\xb2\xf3\x95a\xe6\x14A\xed!~\xd3\xd9\x1bJ\xfe\xfc\xf7\x89\x8a\x11\x8fE\n\x03\x93=(df\xa6\x15\xb9\x01\x9b\xc5\xf4\xe2\x1a\xc1\xd5\x06\xe1\xb4k\x89N\xfe\xe5\xdd\xa5\xe9\xf9\x08\xf4\xb6\xb6\xd8\x8d+\xb6\xee\x88X\x80|\xce\x01\x1b\xc7\x06Ddn\xc2\x04\x85\x04\xc7\xef#\x82t\x88w\x1e\x9d\xf9\xe8\xf0\x02\x9b\xb1R\xec\xfb{\xd3\xf1\x9eFG\x90\xf0[yu\xe7\xa9\xebYP\x99\x99\xa5\xa0\xdf\x91\xa5\xe0\xecT\t\x01\xb1\x90\xedO0\xe3\x80\x04\xac\xb42\x83\xd8\x9c\x11=\xf5z\xcf\x8d9%&gt;\x0e\x08P\x03\xfc\xe4{\t\xfa\x00$,\xf1\xfdB\x81\x1f\x1a\xcf\x15\xb7\xb0\xdd\xd2\xe2\x00\x8c\x81\xef\xf9\xe1\xc6\xe8\xc6\x9b\xa5\x7f\xb7e\xc9\xf8y\xfe\xfb^\xa2\xc3e\xc5\xe0\xce=B\xc4^\x1d\x86\x04\xc4\x9b\xf3\'\xb4|\xf0u\x1f\xf6U\xa9\x958\x86m\xe2G=\x9fF\xd3l\xe7\xd9\x0f\xf57\x88\x937\xb0\xe1B\x17\x19\'\xed\xaf\x7f\xea\x99=;\x07\xaa\xd2\xc03\xc6`\xa1\x1b\xdb\xd1\x9a\xbd\x972\x18\x9a\x97X\xa9Y\xbe\xd3L\xd5\xc8\xe4\xefn[\xdci$C\xdeAG\x06&amp;\x96\xfa[\xe7\x85P3\xe8IYx\x9d\xf3\x03\xe5S\xca\x1b\\\xd6aBS\xfe\xda\xa8\x1bLX\xf7\xa2\x1e-:\xbdm\xda\xf6\xcf[\x7f\x15\xd9\x85m\xa3/|\xa5\xe2\xf3z"K\xd2\xeb\xc1\x89\xcc \xd9\xd2\xb6\xaf\x0b\xd1\xed\xfa\x0bj\x96X\xf5l;\xbf\x9a\xe9RHny\x0b\x83\x92\x0e\xd1n\xd2\xb7t\xc2nU\xb8X9\xe3\xa9-\xba+\x9b\xff\x1dp\xcc\x14\xea\xd7\x01\xda\xcb\xcd\xf9oI\xbb,&amp;9dx,\x7fx\xd3n\x8ek\xbco2\xcb\x05`\x8d\'\xa9}\xf91\x0e\x01\xa9&gt;\xb2\xe7\xd9\xe7Vg@X\x9fg\x97\x84v\xfe\xd3P\xe1I\xf5\xffU\xfa\xa4\xf8\xe5\xba&lt;\x80\x02\xb9\x14\x91*+Z\xa9\xc6\xbd3\xa6[_\xa3\x9d\xf5\xd2.\xe3\xfb\x8e\x15k\xcd\xe4`\xf1&amp;3H2\x84l/\xa8\xf5\x19\x1d\xfa\xf9\x96\xaf`HL\t\x0c\xe7\x1b\x05"_\xba\xe2b\x0el\x882i@\x06\xc18\x17\xab\x1d\x14\xd2\xd6\xc0\x10A\x94\x97\\\xfa\xa6\xf6\xd5G\xf5\xa4\xfc\x97q\r\xad\xbf\xcb\x9cKf\xe3\xbbW\x04\x90 ao&lt;)8\x9fZ\x90p\xb6\x0fu\xca\x8b\x044}\x0e\x13F\xff\xca\xd0\xc9\x12|\xddt\xce\xb2Bb\xc7uS\x9d\xab\x80K \x87G]R o\x92\x00\x0eW\x1d\xe8\x00\xeb\xd7q]D\tU\xe5\xf9\xa6@\xae\xb0\xc3d\xc4\t+\xae\xe5ap\x845\x8c\x86\xf8oC\xbfH\xd1[U\xc3\x00H\x16\x167\x86\xf2\xee\x8fq\x93\xbbmM\xbb\x1c\x81\x14_\x92\xbb\xc2\x14\xd8\x18\xc3\xe7x\xa7\xdb.j\xc4;\x0c\xb6\xedD$\xb1\xfa\xc3\xd5\xab\xc4\x06:\xf6E\xf6\x14sP\x81\'\xe4\xc0\xa1\x8a\xa1t8\xa0\nT\n`]\x04\xcc3qB\x00\x8d\x18L\xb0\xeb\xed\xcf!\x19\x85\xd2\x1d\xcb\xe8\x1c\xfb\xbcm@\xe6wS\xda\xb427\x80\x00\xa9\x04S\x1b\xb4y\xe16\x8a\xa3\xb2\x84\xad\xec\xe3?\xf7\xe5\x92\x07=\xa5\xe0&lt;~\xd1\x1a\x07\x1f\xcd\x00\xd3\x97\x88\x86\xca\xe2\xd7\x12?8\xa3~+\xb2C\xc8\xa0\xf9\x8c\xce\x92\x1d\xdc\xed\x07m\xda\xd2\xb5\x94K&lt;\xe6\xa83\xb9I\xb6QM6\x0c\xf2\x87x\x93\xf3\xce\xf3B2\xf2f\xbf\x0fL\xc6\xca\xd4\xec^$\xd5/\xf1\xa13\xf3l\x87\xa9\xf0\x1e0p\xc9N\xe2+o\xf7\x0c\x02k\x9d6\xa0\x7f\x85\x85\xbc\x9c\xf1\x8f\xa7\xc3\xb9;sPA\x117n\xf5s\\\xfb\xf8\x02#k^\xa240?\rZ&lt;:\xeab\x8b\xc6\xe3\xf5^\xe1\x00\xf3\x99;\x19H\xba\xa4\xfaU=\xad\xbe\x071/\x13\'\xe3\xfa\x93\xc4R@b\ne6\xae\xb8G\xb6\xf5t8\xbbB=;4\xfe\xe22\x88\xdf\x8c&gt;\xb3\xcd\x05cm/\xaa\xed\xc4\tF\xbd\x18i\xb8\xa4\xc6\xdcel5\x04\xcaOc\xa8u\x11\x88D\xcb.A\xe9v\x0b%\x1b7\xc6\xdb\xa4\xf6WdI\x9a\x88TI\x85\x1e!x!b\x0cV\xf9\xb2ap\xbb\'0\x107\xa0\xf3\\Jez\x06\xac\x9aR\x81\xfcY\xa7\x8b\xef\xd7\x9aL\x802a\xca\xf7\xaf\x82W\r\x81V\xdb\x8bL+\x16-pU:\x18\x04\xb5\xe8\xcc\xab\xa2\x93\xa5q\xfcy\xee\x1d\r\xba.\x85z\xf9Ci}\xa6\xbc:\xfb3;C\xec-$\xb0\xaf\xcc]+z\x9dw&lt;3Q"\xffvQ8\x18:x\xef\xca\r)RL\xbc\x9bw\xea\xea\xe4\xc6\xb7\x9e\x9d\xd7g.\xee\xa5\xdc\x85k\x8d\xe8k\xe6|\xc6\x92\x17\x91\xbc%sS\x98\x87\x89U\xd0q\xf4\x12\x11=\xc3 \xdbg]\x9f&amp;\xa1s\xc4\x07\tt\xe9\xc1\xbf\x91\xdd\xcd\x85\x8dp&lt;\x97x=\x00I`n\xe6z\xc15\xf52\xa9\x816\xb7T\x02O\'6\x90\xecG\xef)\x12K\xd1\xc5{\xd9\xae\x9ek\x98\x7fz6\x88,\xb0\xd8\x18\x1a\xe9h\xbe\xcf\x91\xe8\xed\xa83\xdeIr\\t}\x97d?\x13\xaf\xa2\xb9\xd5U\xd9\x0e\x8d\xe6)}\xdb\xf8\x9a&amp;\'\x0f\x14\xf2\xdb\x9di\xff\xb44\x8e\xb34\xf5\xab8A\x81\x90\xdb\xe3\xc2\xa1+1k\x91\xb8\xe8]-\xfad\xee\xfd\x14yh]\x9f\xd2\x9a\x1c\xf3+\xdcUKY\x0e\xd7\xe3\x86\xfc\x81a0\xf7q`v\xdc\x1d^\xb6\x13\xe5G\xc4\xeaZ[\x135\xddY\xd12\x9e\x046%a\xffk&lt;\xcf\x1a\x9f[\x86\xfe\xac3EZ\x88\xf8\xe6~\xac\xcb\xc9\x106\xcf(\xd1@\xeaX\xe6\xedy"B\x06\x86\xbbK\x8btz\xa2\xd5*O\xb9\x80\xf4\x1d-n&lt;\x9a\x1fV\xccL\x10a\xb8\x14\xcb\xcfL\xdf\x87\x91\xd31:\nn\xf4\xdb\xf3\xd4\xd6\x12\x00\x01^QLt\x98D\x1c\xf6\xf6\xc9\xc5|V@~O{d\xd4\x91\x10\xe0\x1a!'</t>
  </si>
  <si>
    <t>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</t>
  </si>
  <si>
    <t>b'\xf0\xe0\xccT\xb4\x03o$\n\xbf\x94\xbdB\x15}\xf1'</t>
  </si>
  <si>
    <t>nd I'll share with you equals, upon my honour." 
 He wandered a little longer, his voice growing weaker; but soon after I 
 had given him his medicine</t>
  </si>
  <si>
    <t>b"\x0e\x90\xab\xe4\x03\x85.,x\x87\x94\xd9$\x98\xeb\xa1_\x0f\x90\xf6\xaf7\x97\x15\\C\xf3p\xf6\xd8\xaa\x95\x12\x88\x1c\x90\x8d&lt;\t\xd2o\x86p\xc9/}\xf1\xe7}t\xa9}V\xba\x03d\xf9=N\xa7T\xbdO\x1744\x86r|is:\x06[\x94c\x13\x1f\x0e\xc0\xae\xac\r&gt;\x9eq\xdf&lt;\x9b~\x0f\xb8\xc0\x1f\xec7\x0e\xa8\xa8\xe2E3\x1f_\xb9\x0cV~\xf3\xd4\x97[\x97\xe9\\\x17\x14\xd8s\xfe\x13\xc6|\xa7\x04y\xcc8\xe4\xeaw\xd9O\xca\xe0\xc9\xdfO\xb5\xb5&lt;'\xab \x80\xbc\xbe\x9b\x05\x90\xed%}0\xd3$\xa9\xc4\x14\x1c\xa0\xccA\x19\xf2mY\x99\x9f\x10\r0,\x91\xbf\xc5S\x8e\xd86\x9d.\x05\x96\xd69\x17gc]\xf7\xb3\xac\x1cGqG\x9a\x10Dw\xb3?\x8ftMs`]\xf82\x86\xd69f\x0c3g\x9c\xea3\xef\xed\xc6\x83\xe4\xces\x08\x89\x10\xad\xa8\xaeP\x06\xdb\x81\xb5?\xf7S\xb4X\xcan\x1b{\x07T\xdb\x95\xa6\xd1\xe4\xda"</t>
  </si>
  <si>
    <t>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</t>
  </si>
  <si>
    <t>b'\x0e\x90\xab\xe4\x03\x85.,x\x87\x94\xd9$\x98\xeb\xa1'</t>
  </si>
  <si>
    <t>e and cytidine are nucleosides. Adenylic acid, thymidylic
acid, guanylic acid, uridylic acid and cytidylic acid are nucleotides. Nucleic
acids like DNA and RNA consist of nucleotides only. DNA and RNA function
as genetic material.
2024-25
BIOMOLECULES 107
Cholesterol Phospholipid (Lecithin)
Fats and oils (lipids)
(CH ) CH3 2 14 COOH
Fatty acid
(Palmitic acid)
Glycerol Triglyceride (R1
, R2
and R3
 are fatty acids)
Nitrogen bases
OH OH
O Adenine HO P OCH2
OH
O
Adenylic acid
Nucleotide
OH OH
HOCH2
O Adenine
OH OH
HOCH2
O Uracil
Adenosine
Uridine
Nucleosides
OH
OH OH
HOCH2 O
OH
OH
HO OH
CH OH 2
O
C6H12O6 (Glucose) C5H10O5 (Ribose)
Sugars (Carbohydrates)
Glycine Serine
Amino acids
Alanine
Figure 9.1 Diagrammatic representation of small molecular weight organic
com</t>
  </si>
  <si>
    <t>b'9ZL\xf3\xfc\x13:m\xf1G\xae\xa0\x0f\x95\x97\x8e\xcd"\x12\x7f\x15]-\xbc\x8cH\x97RB-W{$0.\xdb\xe3\x9f\x89\xc4\xf7D\x7f\x11\x83\x11F\x99\xbd\x83\x160\x86\xf7\xbf\x1c\x1e\xb0\x10\xb58\xbe\xb9\x8eHM\x82M\xf3\x00\x85V\xb5\r&gt;+\xf3\x06\x1eP\xdf\xd15\xc6!#\x90\xcdl\x14{\rr\xf23\x85\x90\xa9\x92\x0e\xd7\x08\xe6{\xe9\xa8\x90\xfd\xc9\xd2\xf8\x85\xd9\x8djIU\xdb\xf1\xeb\x9f6\xd7\xf6\x95\x18\x82\xe9YHA=\xd12\tb\xc1W\x18Y\xa5\xd9\x19\xcaH#\xc6\x13J\x1e\x10\xc6\xa4\'\xa1pgP\xff?\xb7\x11\xdb\xcc\xc7\x14t@\x89H\xad\xe4\x15\xa8\xb4$\x92\x83P\x18}\xf2|]\xd4~\xc9\x1d\x8e\x1as\x0b\x83\xee\x8f0\xdaB\xae\xe3\x8d\x9cgD\xd8z\xb9\x81,\xfe\xcdoO\xdc\xce\xcd\xb3\xe5+\xd6\t\xd4\xee\x8ax\xa3\xf9"\xed\xed\xdc\xea\xb0p\xd6.\x85`\x83&gt;\xe2\xaaA\xee\xde\x9b\x9b\x95\x9en\xc3\xaf\xe9\xd2\x9a\xb4R\xb8l\xdbX\x02\xeda\xd9\xe8N\x94H\xfa,\x04\x1fY\x1f\x89=\xd7\x9eW\xf4 \x08\x99V\x82m\xd27\xc0\xe0"\x80\xf5a!\x85L\x98\r\xc9\x9c(\xff\xc5\xc5\xda!D/$\xab#\x10\x9a\xa2\xf7\x12//y|\xf2\xd8\x91\xdfn\xf2@\xd1\x02\x92N\xbf|\xe1\xee\x10\xc1Z\xbaj\xd5\xa31\xfegG~\x1e\x9aB\xbe^OHDg\xc4\xa4W\x03\x86\x18\n\t\xd5\xd4\xfe\xe8\x94\x1aUz\r\x0cu\xfb\x8eO@\xc6\xa7\x93\xf3v@G\te\x1f\xed\x9f\xfe\x80&amp;\r+\x8f\x96\xf54\x06\xde\x01\xa3g\x08\xcc\x05\xdc\xeb^\xb4\xd6\x16\x00\x910\xd0L\xe8d\x06\xe6\xdc\x97\x0c\xb8\x96\xa7\xc7\xfd\xd3\xa6ehswm\xdb\x0c\\\xd1\xbcv74\xcdk7M\x1fH1\x92(*\xb9\x05\xadD\x9e(7\x86%H\xee3"\x84\xf7D3,\x10\xa5\x99\xe1&amp;W\xfbD\xae\x82\xf5d\x96@v\x81\xbaT\x98\xfc\xb6\x86e\xebZ\xdd$\xd7\xd4\xd7G&lt;\x16\xd7\xb5\xbbH\x11E\x0f\t\x98]\xf7\x8f8U\xf4\xc5bk\xcd\xf7\x1eYj\xbc\xa9\xe8b*x\xb7\x84\xde-Z\xb7\xf7\xdd3\x88M\x16\x02\xdc\xe0gr\xa5\xcb[K"gK&amp;\x16\xfd\x97\x90\xda\x12\xad\xf3\'\xd0\xfd\xd83\xcc=\xb6!\nj\x9f\xee\xa0\xf4\xa5D9\xf9\xb2\xedw.\xfca!{\x86\x9c\x01\xa8\xe7\xc3f\xc5\x82\xc7.\xccJ\xf5K\xfd\xc9\xbc\x9a\xfe\xf4\xa1\xc8\xfc\xaf#\x86\xe4~\x7f\xb9a\x0e\xf8\xeb,\xe7\x13g\x1a\xc6p4&gt;\x8e5\x7fwHl\x17Q\x80\xed\xf2\x80JIwr\xd3\xc4\x0f\x0e \x16xU\xfe\x1f\xac\x16x\xad\x98\xdf\xb2\xcd\xa9 q\x84C)\x8f)\xa5hy\xb3i\xee\x00\x8c\x0f\xfb\xa9\n%#\xa6\x8b\x11\xe0\xfdR\xc1su\xde\xd1Y\xae\xfa\xe2\xc8\x9b\x97\xb3\x11\xbap\x01\x145\xa6jMo\xd1\xf1\x91 ~\xce\t\xfd\xdd\'\x18\xee\x8b\xb4\xe7\xd5\xb3/`\xe8\xf0\xb1`t\xf2\x89\xb7hk\xec\x10\xc1\xca\x9cc\xae\xfaD\n\x89Q\xdb\x1f'</t>
  </si>
  <si>
    <t>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</t>
  </si>
  <si>
    <t>b'9ZL\xf3\xfc\x13:m\xf1G\xae\xa0\x0f\x95\x97\x8e'</t>
  </si>
  <si>
    <t>since, and I am sure my lord's
 vassals have! But you have lost yourself, ma'amselle,â€”shall I shew you to
 the other side of the chateau?'
 Blanche enquired how long this part of the edifice had been built. 'Soon
 after my lord's marriage, ma'am,' replied Dorothee. 'The place was large
 enough without this addition, for many rooms of the old building were
 even then never made use of, and my lord had a princely household too;
 but he thought the antient mansion gloomy, and gloomy enough it is!'
 Lady Blanche now desired to be shewn to the inhabited part of the
 chateau; and, as the passages were entirely dark, Dorothee conducted
 her along the edge of the lawn to the opposite side of the edifice, where, a
 door opening into the great hall, she was met by Mademoiselle Bearn.
 'Where have you been so long?' said she, 'I had begun to think some
 wonderful adventure had befallen you, and that the giant of this
 enchanted castle, or the ghost, which, no doubt, haunts it, had conveyed
 546
 you through a trap-door into some subterranean vault, whence you was
 never to return.'
 'No,' replied Blanche, laughingly, 'you seem to love adventures so well,
 that I leave them for you to achieve.'
 'Well, I am willing to achieve them, provided I am allowed to describe
 them.'
 'My dear Mademoiselle Bearn,' said Henri, as he met her at the door of
 the parlour, 'no ghost of these days would be so savage as to impose
 silence on you. Our ghosts are more civilized than to condemn a lady to a
 purgatory severer even, than their own, be it what it may.'
 Mademoiselle Bearn replied only by a laugh; and, the Count now
 entering the room, supper was served, during which he spoke little,
 frequently appeared to be abstracted from the company, and more than
 once remarked, that the place was greatly altered, since he had last seen
 it. 'Many years have intervened since that period,' said he; 'and, though
 the grand features of the scenery admit of no change, they impress me
 with sensations very different from those I formerly experienced.'
 'Did these scenes, sir,' said Blanche, 'ever appear more lovely, than they
 do now? To me this seems hardly possible.' The Count, regarding her
 with a melancholy smile, said, 'They once were as delightful to me, as
 they are now to you; the landscape is not changed, but time has changed
 me; from my mind the illusion, which gave spirit to the colouring of
 nature, is fading fast! If you live, my dear Blanche, to re-visit this spot, at
 the distance of many years, you will, perhaps, remember and understand
 the feelings of your father.'
 Lady Blanche, affected by these words, remained silent; she looked
 forward to the period, which the Count anticipated, and considering, that
 he, who now spoke,</t>
  </si>
  <si>
    <t>b'\x08)s\x00\x7fv\xb6\xff\x00\xe8\x0f\xa5U\xae\xb1\x0f\xb6\xce\xaa\x04\xc8{\x90\x96\x95[`{VO\xd0\xf0\xf9\t\xfbki$\xf2\xa2PP[\xad\x01\xb9&gt;\xce\xaeL\x1dk\xa8\xc7\x96\xd5\x82\xdfr=J\xfbr$'</t>
  </si>
  <si>
    <t>082973007f76b6ff00e80fa555aeb10fb6ceaa04c87b9096955b607b564fd0f0f909fb6b6924f2a250505bad01b93eceae4c1d6ba8c796d582df723d4afb7224</t>
  </si>
  <si>
    <t>b'\x08)s\x00\x7fv\xb6\xff\x00\xe8\x0f\xa5U\xae\xb1\x0f'</t>
  </si>
  <si>
    <t>"
"Why?" asked Mary in spite of herself. Here was another locked door
added to the hundred in the strange house.
"Mr. Craven had it shut when his wife died so sudden. He won't let no one
go inside. It was her garden. He locked th' door an' dug a hole and buried th'
key. There's Mrs. Medlock's bell ringingâ€”I must run."
After she was gone Mary turned down the walk which led to the door in
the shrubbery. She could not help thinking about the garden which no one had
been into for ten years. She wondered what it would look like and whether
there were any flowers still alive in it. When she had passed through the
shrubbery gate she found herself in great gardens, with wide lawns and
winding walks with clipped borders. There were trees, and flower-beds, and
evergreens clipped into strange shapes, and a large pool with an old gray
fountain in its midst. But the flower-beds were bare and wintry and the
fountain was not playing. This was not the garden which was shut up. How
could a garden be shut up? You could always walk into a garden.
She was just thinking this when she saw that, at the end of the path she was
following, there seemed to be a long wall, with ivy growing over it. She was
not familiar enough with England to know that she was coming upon the
kitchen-gardens where the vegetables and fruit were growing. She went
toward the wall and found that there was a green door in the ivy, and that it
stood open. This was not the closed garden, evidently, and she could go into it.
She went through the door and found that it was a garden with walls all
round it and that it was only one of several walled gardens which seemed to
open into one another. She saw another open green door, revealing bushes and
pathways between beds containing winter vegetables. Fruit-trees were trained
flat against the wall, and over some of the beds there were glass frames. The
place was bare and ugly enough, Mary thought, as she stood and stared about
her. It might be nicer in summer when things were green, but there was
nothing pretty about it now.
Presently an old man with a spade over his shoulder walked through the
door leading from the second garden. He looked startled when he saw Mary,
and then touched his cap. He had a surly old face, and did not seem at all
pleased to see</t>
  </si>
  <si>
    <t>b'\xeaw]\x19\x8a\x88\xf94n\xa8\xbe\xe1\x07\x8d^z\x83my\x02\x97\x8c\xee&lt;d\xcc\x90&gt;\x0e\xce\xdc\x14z\xd0\x8a\x8d\x8cU\xb6\xb1D\x91=Q\xf3\\\x99\xfaWB!)0\x02c}\xaa\x17\xa4F"\x00\x9d\xb8\xc3leo\x88\xebqI{(\xad\xf7\xb9\x18\xeb\xb7\xce\xc3\xea\xb0\xe1\xff\x19\xad\xd72:\xa2\xacr\xe6\xd7k\xd3;F\x920\x94%\x0b\xba\'9"\xa5\xa7\xb6t\xb3\xc0LG\xc3\x9f\x0c\xc8\xcb\xb4f\xaa&lt;\xed\x90;\x17\xc3\x81*\xa8+\x1e#S\x11b\x13/\x8f\xdf\xfa\xdb^y+L\xd4\xf0\xa0q\xd5$\xa9\x98i(\xaa\xee\x99\x14&lt;\xd3;b\xee`*P\x03\x0cl\xdcU\xcf6\xb0\x96&lt;\xf6~v\x9diQ\xfc\xa4?\x80O\x05\x8d%\xa5\xe9\x1e\xffK~\xba\xeef\x8a\xf4\x85\xc8\xc6l\t\xf5;[\x90\xd6@\xa1\x89\xfa\x82\xdaE|\xc8sJ\x82?t\xda\xfe\'\xc4\xe2qnw\x8f!\xfe\x93\xb2Q\x1aq\ty\x91\xf9\xbfRQ\xa4\xf7\x08\x9c\xa3\x13\x92\x11\xf3\x94\x1a\xba\xb8\xb6/\xea\x89#\\jH"\xeb\xc8(}\x00\xb6\xb3\x83{t\x12\xcb\xbfI\xff\xdd\x92\x18P\x93\x19\xbdXwix!N&gt;\n]\xacB\x8bd\xabEx\xcc\xd8\x15\x1b\xba\xb1u\x85a\x8e\x7fu\xfb\xea\x0c\x12~\xdc\x82\xf9\tv1`\xe3\xef*\x136\x03\xfa[\xe8\xfc\xda\x91\xa3\xe3\x86&gt;\xdc\xa5\xca\xdb\xa2\x96%\x83x\x94\xae\xf7JB]\xaf\x8c\x88hl\xddC\xa3\xd5/^\xfa1&lt;e\xd8\x9c\xe0\x9f\xf9P\x19"\xae~j~\\\x94\xe1\xdd\xf9\x97\xca\xa1X\xd3:g\xa04J-7\x04\xe9\x8a\x93\xdb\xa2\xf1\x97\x07\x17\xea\xf4\xfd\x85zs\x13\xe5\xeb\xdb\xb9m{\x94\xa6s\x0f\xb1ux\x98&gt;\x82\xf4\x98\xb4\x83;\x93\xab=\x94L\xbeFr?\xad\xc5S\xaa\x8b+\xda\x8cv\xc4\x02.T#,S5Q\x8c\xcd\xc3\x7f\x81\xd4Q\x9crN\x83\x0cL9:GM\x13&gt;\xc0\xa6e\x1e\x900N-\x10n\xf9\x1bB\xa0\x03\n\x90\xf4\xder\x92\xd0\xdd\xc7\x93\xe2.\x87\xa5\x99Nb\'\xe9\x01\xe7Q\xe60\xb8\xcc&gt;c\xc7\x93\x95\xdd\x93\x81\xe4\x80\xd2\x0f\xbb+]\xe8\xf3vQK2\xd2Z\x82&lt;\x81\x1a\x16u\xa7:\xc5\x12\xf6\x81W\x06\xc4f\xe2F\x86\xcbp\x8e{\xa4\xec\x15:F\x1b\xfc/\x8a\x04\xfa\xff"\xceW\xd1\xed\xb2\xb2+\xbe\xcb\xd5)\x12\xe9\xd0\xfa\x9fX\xf7\tn\xb5\x86\xc3\xeaKG\x9aB\xb9LMX\xda\xa2\xdf\x7f\xbf\xae\x089\xffr\t,\xf0\xc3\x07\xfb2\x0cE\x99\xf7\xc9\x12\xe2\x11\xa0\xbc\x99\x98\x99\xde\x1cI\xb9\x16nv\xcfV\xc9\x0c\x9e&gt;\x8ee\x02\x18\xa2\xe5\x89\x06\x02.l\\\xc3\x05w\x14\x0c\x88\x0f1\xd9~5E\xe3H\xfait\xd1\xa0\xaf7\x96\x10\xc8\xb8\xf14\xdcMIQ\x0b=\xf1\x92r\xc5[\xb9\x0c\xf9\xbas\x9e\xa5\xdd\x8e6\x0c\xc7H\xc8\xe5\x87\xb4\xdf\xb5\'\x9a\xee\xfeI\xc3\xb7\xe1E\xd8~\xe0I\nv\x1dDI1\xf8+\x91\x06\x8bO\xe7\xd7&amp;\xfeu\x9au\xca\x0f\xb2\xe5\xbe%\xaf\x91\xdaJ:\xbe\x80b\x99/\xb3\xa4\xde\x91i{8]\xd5\xed2\x14-\xdc\x8b\x04&lt;H\x12\xab\x8emH\xa1\xfe=\xbfm\x968m\x82\x11\x17LQ\xc3_\x93\xd0/G\x8e\xf8G\xad\xb42\xf7\xf9\x9e\x9b9\xa5$\xb3\x11U\xd0\xc6L\xf7\xf7OO\xdd\xe1\xe02\x98t\xe2\xe1\xcb\x07Q\xf2\xfd\x88\xb1\x08\xd8M?\xa8W\x96\x94Q\xe6\nR\xb2\x93\x9a\x02\x04\x856Y\x04\x9c^\xb5\xed\x86y\xe6\xf5]\xc8I\xfe+\x0f\x9dg\xb9\x06\xd5c\r\xc7\xe4\xacR\xcc$L\xd4\xd1\xcd]\xb6u\xd6\xe2\xc7\xa4/*\xdb\x00\t\x05\x1a;#\x9f\x1a\x87\x1b{feq\xf6\xfa\xa6\x1f\x1cGZ\xd13\xbc\xb3 3#n\x80x\xe9\xc6&amp;\xbaa\x8c\\\xd7\x15\xe9\x9b/\xbc\x84\xcegJ\xa5-\xd3\x7f9\xf7\x1b\x13/\xd9\x996S\xf7\x19\x07]\x9a\xa3N\x8c\xd3\xd6PP\xb7\xf3&lt;\xc4\x19\xfa:r\x1d\xc3S\xe0D\xf5M\xec\xe6h\x1a\x8f\t|\xbe\xde\x99@\xdb\xa2=\x99\x1a\xa1\xcd\xe7XQ\xe8\x03=\xcb8\x04\xc7\xdb\x18Q\xd2\xbdu\xae\xcd\xc0\xf1\xbd\x13\x0eW5\x95sr\xf4\xe2\x11\xef\x83\xa6\xf3h\x96\xc7\x9bdO\xca\xa6\xd5\x93\xeel\x06\xbf\x87\xa7V\xc5\xd5ff947\x8fg\xbc\xb9\x8c\xa2\xd6\x0f\xab\xef\xa8\xaej\x8f\xcf\x01\xeaj\xaa\x1f\xad\xf5\x06h\xa1\x00\xf1\xa4\xd6\x8a\xf5\x83\xc9\xdd\x04\xad\xec\xcd\x06#\xd3I\x05"\xcd:tsp\x16\xce\x87n\xc9}\xbf:#\xfe\xc2\x1aZ\xa7\x8f\xa4\xcb\xc38\xee8n\x84,#\xa6R\xa3\x17\x15\x8e\\\xe0\x93\x85\xb0\x14\x9f&amp;\xac\xf7{\xf6\rk.\x07\x98\x84|]\xb6b\xccow\xa0n6L\x0f[\x1a\x98\x92\x96\xb7\x9c\x1c6F\x02\xee\xf5=\xee}7\x04[\xcc0}\x8b\xb6\x85=\x15\x91\xe5O\x8e\xcc\xca\x91\x9ba\x8e\x18\x1e\xa8uL\xd8\xb0\xc7\xedA\x81\xa4{\xda\x14\xc7\x99\x04\x97O\x92mJ2\xa3a\x1fJcQh\x0fW\xcdt\x13\xe3BW^\x91\xc1\xea\xa0\xff\xfbq\x8c\x0eb?,\xeb\xbd\x94\xe6\x82\x1d:\x0f\xdf\xdeZ(\xb4\x80\x9d\x88\xf4p\xe5\xf1\x02\xef\xd6\xc5\x00\x16`\x92\x14\xea\xbe\xc2\x0b\xf8M^\xbc&lt;\x1c\xd4Xk\xddD\xe2\xd3V\xb6i{ 3Z!s\x03\xd4\x0b\xc0\x04\x84\xc8\xfa\\_\xb1E5\r\x04\xe1\xb7p\xbc\x0c\x00\xa1\xf3\xa2L\xfe\x96\x9cF\xc6\x1fD\x89\xa82Y\xb8\xe3{\xb4\xd8\n\xc4L6\xb2\xe13,\xa7\x8c\xb2\x93\xe0-l\x07\xa0\x02\x0b\xa3\x86 \xec\xe0?c\x81\xcc$|\x9b\xf7K\x12\x94Q\x82\xd4\xe3/\xa3\x8e\x05q4P\xbcLp\xca\xe1\xccMe\xec\xb0\xa8\xd0$\xf4,&amp;u\xb3\xb1\xf6\x85\x7fy4\xb1\x00\xcb{\xcd#\xed\xe5O\xc2\xedJ\x13\xcf\r\xc5\x08\xb4\x9f!^\x13R#\xa0I\x81\x94&amp;FNV\xb2`\x89\xbc\x9e%\\{\xa5\x9be\x15wc\xc3h$\xab\x0e:\xb6\xfd\x92\xa8\x9e^uE\x1b\x04tj;\xdb%^\xea\xa4s\t\xcd\xcbU3\xd1\x02o`\xe7U\x0e5v\xef\xec\xfa{\xa1|\x05l_\x98\xaf\x80&amp;\xe1d$;=&gt;]\xb7\xdc\xc5\xc8\x9cd"\x99\xf6\x8aK\xdc\x16(c\xa6\x89\x93\xf1*\xc6N\xdeti\xb2\x9e\x87\xd1FW\x85\x9f\x93]\xd6\xf8\x88w\x97\x83\x8a%\x9a{\xea\xa2\xfe1\xaa\xd0g~:/\xa7PO8=\xe8\xb3\x14|cnZu\xfc\xb4V\x02X6i\xf8\xae\x86\x91U\xfd9\x81\xc0\xac\xa3;Sd\xe4\x86\xaeY\xc9PLYD\xd8\x92\xd2\x9a\x9f@\xcb\xd0m\xc7\xb2vm\x82\x1d`\xde^\xc3(_}\xb4\xfa,J\xc7A\x07\xf7\xa2\xe35so\x03\xd8\xe9\xd7\xc4\x11\xffz\xaa^%\xcc\x1dU\x9a\x16\xce\xe2\x81\xdb\x93e\x93&lt;\xbbh\x1e\xe7p\xd3\x9c"4\xf55}\xa5c\r\xb8d\xc4\xd3\xaa\x8b4\xe5\xf8\x02\xb8\x17+\xb7\xb9\xbfE\xcb\xd2\xf4\xcf\t)V\xd3\x02E\xc5v\xfe\xf7\x91a|\xfa\x9a\xd6R/\xc5\xe6\xb1c_\xc2c\xdf\xf5\x8d\x921e\x1a\xcc\xbe;Ve\xf9O[\n\xe3\x07\xebW\xb7\x0crp\xe0\xd8Ay\xc8\xa8\xac\xeeb\xc1\x93Gx\x03\xb2{&amp;N\xf8\xa8\x10\xaf\xd5\xa4\xebS\x90\xfc\'I\x07J\xff\'=\xa0T5\xa1;(\xcf\x16\xdf\xc9\x89\xc8\x1e\t\x8b\x7f\xe06\xf3\xc0}\xee\x98\xb9\x88i\x94\xbc8\xfd`\xf1\xfa\x07\xc9o\xd1=\xd5\x12\xc4\x97\x0c\xe2\x1c&amp;\xf41@:A&lt;y&lt;\xb8\xa7\xdb\x86\xdd\x8e!TO\xff\x909lwd\xe1\x9b}p\xe0\x8a%!\x00\x08R\x06\xcd.\x1f\xc4\xbf]\xf7B\xf3\x18\x02\xed\xdc1q\xc5\x1b{IP\x80\n\x81z D\xf85\xdb\x8fv\xae\xc0D\x90a\xccN4@3OXGH(H\xa7q\x00K\x0c\xb4\x96\xf4\x91\xb3\xdbe\x91\xd6\x9b\x04q\xa5`\xcd"\xaf;@\xd7 \xb9\xcfn\x0c\xae\x05\x85\xe9\x7f\x90@\x12\xde\xc7+\xa9\x9f\x91\x1ed\x9f\xbb1\xda@\xe78e\xfe\xddq\xc6\x96\xa6w\xcf`\xe1\xbb+\xe6\x13M\'\xf7Btam\xd4\xe9_=$\xb7\xdf\xb7\xd4?\xb9Rp\xdd\x15\xb1-w\x8b\x8fj\x08\xdd\x88;G\x87\xba\xd2\tjL\x9a\x0b&lt;\xc6\xe7&amp;\x03\x0b\x8ct\x86\xfa;\xb3\xf8n\x88!\xb1mw%$\x89(\xb1\xa4\xc3\x10\x82\x9f\xe0\xb7\x97N\x7f`\xbf\xda`s\xe1_uQ\x8d"\xc7\xae\xff\xafZ\xfc\x90\xcb|J\xf4\xf0\xe4^\xaf\xcb\x158\x84t\xa82\xc9\xf7\xfd\xb5\xec\x88\xe9\xee\x90\x0e\' \x05BX\xbb\xb0O\x9e\xdd\x80\xd9\xe9s\xc9$J(%\x06\xcb\x8c\x1cIL\'\xd1\xce\xbbb\xbc7D/}f\x06\t(\xf7\xe8\xb8\xc5\xb22W\x93\n\x17Ump\xfd\xb1\xc0\xd5\x8er\x04\xb4b\xe8\x8e\x91\xf0\\\xc2\x0b(\xfa\x02"\xf5\x88\x1d\xab"\xda\x0b\x01\xa1\xf2\xb9\x90\x14\xfd\xc1a}Q\x1c}\xb3a{\x9faF$\x80cOP\x93\xe0\xeah\x1c\xfa\xcbIy$\x8b@\x92\xb7]\x8e\x05\'\xab"\xa6\xa2\xbb\xc9&gt;\xad\xe0\xcf\xf4!.\xff\x82Cs\xd7'</t>
  </si>
  <si>
    <t>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</t>
  </si>
  <si>
    <t>b'\xeaw]\x19\x8a\x88\xf94n\xa8\xbe\xe1\x07\x8d^z'</t>
  </si>
  <si>
    <t>with free trade (Figure10-2). As the tariff rate is increased, however, the costs
 eventually begin to grow more rapidly than the benefits and the curve relating national
 welfare to the tariff rate turns down. A tariff rate that completely prohibits trade ( in
 Figure 10-2) leaves the country worse off than with free trade; further increases in the
 tariff rate beyond have no effect, so the curve flattens out.
 At point 1 on the curve in Figure 10-2, corresponding to the tariff rate , national wel_x0002_fare is maximized. The tariff rate that maximizes national welfare is the optimum tariff.
 (By convention, the phrase optimum tariff is usually used to refer to the tariff justifi</t>
  </si>
  <si>
    <t>b"0E\x02 R`)\xa1\x19\x1b\x86\xafU\x1d{/\xc6\x02wJ\xd7\x0ey'D\xd4\x99\xdcW2\xb1\x0f\x0c$H\x92\x02!\x00\xc8\xe0j\x1b|&amp;\xcf\xe7\xcfkpLr'\x86\x9f\x9f\xf0g\x8d\xd5\tTE|\xd3\xfc\xdf\xa2\xeao7"</t>
  </si>
  <si>
    <t>30450220526029a1191b86af551d7b2fc602774ad70e792744d499dc5732b10f0c244892022100c8e06a1b7c26cfe7cf6b704c7227869f9ff0678dd50954457cd3fcdfa2ea6f37</t>
  </si>
  <si>
    <t>b'0E\x02 R`)\xa1\x19\x1b\x86\xafU\x1d{/'</t>
  </si>
  <si>
    <t>t analysis.
 We should remark that the design of amplifiers follows a similar procedure. First, the
 circuitry around the transistor is designed to establish proper bias conditions and hence
 the necessary small-signal parameters. Second, the small-signal behavior of the circuit is
 studied to verify the required performance. Some iteration between the two steps may
 often be necessary so as to converge toward the desired behavior.
 How do we differentiate between small-signal and large-signal operations? In other
 words, under what conditions can we represent the devices with their small-signal models?
 4We say all constant voltage sources are repla</t>
  </si>
  <si>
    <t>b'\xdc\xa8\x80\x9b\xbb\xe6\x86\x00\xcd\x96&gt;.\xb5\xeab\xea'</t>
  </si>
  <si>
    <t>dca8809bbbe68600cd963e2eb5ea62ea</t>
  </si>
  <si>
    <t>; L = Length of Conductor A = Area of Conductor
Electrons in motion are constantly colliding as voltage pushes them through a conductor. If two wires are of the same material and diameter, the longer wire has more resistance than shorter wire. Wire resistance is often listed in ohms per foot (e.g., spark plug cables at 5 ohm per foot). Length must be considered when replacing wires.
(vi) Diameter
Large diameter allows more current to flow. If two wires are the same material and length, the thinner wire has more resistance than the thicker wire. Wire resistance tables list ohm per foot for wires of various thickness.
Replacement of wires and splices must be of the proper size for the circuit current.
(vii) Temperature
In most conductors, resistance increases as the wire temperature increases. Electrons move faster but not necessarily in the right direction. Most insulators have less, resistance at higher temperatures.
Semiconductor device called thermister have negative temperature coefficient (NTC) resistance decrease as temperature increase.
 20
                 (viii) Physical Condition
Partially cut or nicked wire will act like smaller wire with high resistance in the damaged area. A kink in the wire, poor splices, and loose or corroded connections also increase resistance. Take care not to damage wires during testing or stripping insulation.
(ix) Material
Material with many free electrons is good conductors with low resistance to current flow. Material with many bound electrons is poor conductors (insulators) with high resistance to current flow. Copper, aluminium, gold, and silver have low resistance. Rubber, glass, paper, ceramics, plastics, and air have high resistance.
2.1.2. Voltage, Current, and Resistance in a Circuit
A simple relationship exists between voltage, current &amp; resistance in electrical circuits. Understanding this relationship is important for fast accurate electrical problem diagnosis and repair.
2.1.2.1. OHMâ€™S LAW
Ohmâ€™s law says: the current in a circuit is directly proportional to the applied voltage and inversely proportional to the amount of resistance.
This means that if the voltage goes up, the current flow will go up, and vice versa. Also as the resistance goes up, the current goes down and vice versa.
Current is directly proportional to potential difference
I directly V
         current
(amperes)
proportional
potential difference
(volts</t>
  </si>
  <si>
    <t>b'\xe7\xfa\x8a\xc7\x08\xee\x82\xac\x17`\xf8\x142/\xba\xdczt\xd5I\x95\xc3 9\xac\n\x89Me\x98\xca\x7f\xec\xd3\x8d"Q\xb1\xbdhN\xd8;i:%6\x1f\xa2E\xf6e\xa2Cr5\xab\xc02\xc4\xf6qb\xf5\xe9s\x1f\'\xa6\xf3\xf7\xac\x8b\xcd$g\xa9\x8cE\xcb0\x9frwQ\xdf\x05\x1a\x8e\x10\x02\x8e\xbd\xc7\xe0v7\xacA\xe6\xbd\x03\x81s\x86\x86\xcd\x85\xbeQ\xe7\xb6|\xd5\xd8N\x0c\xf3R\x94\t\x9as\xcd!1\xc5\x81U\r\x11\xce\xd9\\\x08\xaeA\xbf:q\xees\xd6\x8d\x18$\xdc\xbf\xadA\x19\xf7\xf4#\xa88#\xf5\xe9\xf0O\x9b\xf6X\xfd\xe2\xb4\xe9V\xd9\xca\x8f21\xf7&gt;\xc1\x17.\xf9\x9d\xd4\xa0T4\x8ey\x9e\x043_{\xd7\x92\xe0\xdd\xa7\x16\xce+\\\xcd\xaa\x86\xfc\xf1\xb7\xed\xe1\xf3\xc2w1\xc2\x11f\x9d\xd0\xeeLZ\xf6\'* \x0e\xb6G\xd6\xe3\x91\r\t\x00 \x01\xeb\x92\xb5\xa9\x93\x93\x90\xe7\xf8\x88\x01~\xd2\x8d\x17\xe1\x80\xaa\x08\xcf\xfd\x13L\xe0\xec\xd0\xd5\xf6y\xf8\xa6)W\xa91\xb7N\x9cd9(\x1f\x10\x97%T\x05"\x1b\x8a9+j\xfc\x1c\xde\xd92\xff\xd1\xc6\x8a\xa6\xe7z\xf1\xb9P\xb2\xe5K\xed\xce[\xe2]\xe3b\xf5y\x9e\xa1\x8a\x11xt+\xfa\x82,\xf8\xaa\x7fT\xf3\xb2\x9f\x03(C\x1e\rr\x94\xbb\xc3Q\xe9T\x80"#\x16\xd9rY\x13\xeb\x07\xc8\xc6\xef\xfbVl\x93\xf6\xaeF\x1f\xa3ch\x00\x9fg\x11W\xfc s\x99\x0f)\xf1a"\xb83o\xca#\xe08KX;N0\x80\x18\xa2 \x02\x0c\x93\xeb\xf6#u\xa6M\x12?j\xcd\xef\xea4\xdc\x17\xec\x1c\xb6p\x91\xa6\xfa0D\x12\xe0&gt;\xc7\x11\xf4\x0b4w\xa6\x02\xfbu\xc7\x8d5|\x99\xc2\xe1)\x88\x88\x99;\x7f\x19\x17vpa\x97\x0c\x15\xd6\x96\xf2L\\\r$\x1d!A\x0b\x8e\raUY\xebU\xc1\xae\xc8\xd0\x1b\xee\xae\xb2W\xc4~3s\xaa\xcc\x8be\xe2\xcc\xba\xf6\xdc\x00\x14\x95\xcf\xa2W\xcf\xe5\t\xb6z\xf9*;\xf2\xc6o\xbcz\xe4H8\xe3I\x8a|&gt;\xee\xd3GR~\x0b\x01\x10\x88\xd5I8L+\xc1\x9eP\xdf\x80\xcd$\xd5$\xba\xb7$w6L\x01\xb4\x06h8\x94\xb7\xdd\x94\xe3\xd3C\xc5\xebm\xa3\x84\xe7|]u-\x85\x00\x14#\xa07\xc8{\xe4\xfdpg\xe4\\\xcd\xe9\x1aP\xcbG\x86\rE\xa5\xca\x92\xe0\xab\xa2\x97F\x92\x86e\x06\x1ei\xee\xd1\xd8\x9f&lt;\x07L\xa2\xc3&gt;Tx\xe4\x90Z\x8e\xec\xc6;T\xe9\xf9\xed\x021`?\x19\x1c\xaf\x11i\xdf\x05\xbc\xc2\xdb\xe7\xf9\xca\x10\x05\xe4\xc34\x9aJ\x08\xbd$\xc13\x8c\x8b\xd0x\x9c\xd6\xff\x15\xd5\xb0\x89\xa5\xbem\x1a\xe9\r&gt;\xe8\x1do7\x0ec\xf9o{\x91\xfa\x13\xe2\x9b\xe6\xca\xd1\x91\x835!\xec-\xcb"\xd6]|Xea\xb6\xd9\xb0W\xd7\xc9\x13\x97\xc9\x11w\xea\xc2\x17\x13\xfc\x01\xaa\xaaA\x9c\xa1\x82-\xa7\xe5\xf9\xe7\x19\xa6"4\x98\xb4b4\x88\'\x8f\x19\xf9\x9c\x83I\x08\xad(\xcf\xdf&amp;k:\xa0\x80\xfa\xdc5\x82x\x01\x8e\t\\\x97\xf0\xe4\x93\x83\xfe,v6\x91[4_.\x9d[*,]\xf5\x06\x1d6I\xb3\x9e\x97\xeb\xc9w\xb8\x87Z7\xecX\x1d\xb9\xdeFg\xce\x94gkg\x13&amp;j!\n\x062\xb4I\xae\x1c\xee\xc1}}\x84\xca\x10\xd3\x82&lt;hS\xf9\x0f\xb2\xc9\x0b\xbb\\\xf7c\xa9\x9eG9\x14\xa6$p\x14\xd6\xc7\xecz\xdc]\xce\xa5\xcc\xdb\xf1T?\x13CY\xf5UKY\xd0gK\x1d\xb2\xde\x1fS^\xf1{\xec\\\xa6\x81\x89\xb1;+\x05mC\x1c\xa8\x16\xd4c\x92r\x0f\\\xa5\x1a\x83-`^F\xfa/76\xe8kr9J\x95\xbd\xb3W\xdd\xbc\xe9\xe6\xc8\x08\xa0\xd8\xe3J\x8a|\xcd\x16\xb7\x9f\xbe\xa6V4\xe2\x0e5*lAE\xd7\tdQ\xf4\xf97n1Tqz\xac\x04\xcf#S\x9c\x8e\x13X\x1f\x90\xcc\xc98\x17|\xaa\xe1\xb6\x8eI\x14\x10A\x8a\x1d\x11\x1d\x9aS\x04x|\xb1\xfe\x92\xf5\xc0\x05\xf3\xc6R\xe8\xbb\x00\x9d\x1c\xec\x91\x8e\xceB-\xc2\xe2\x8aT\xb6\xde\xde?!W;\xf1X\x8eg7\xd2\x87\x81^B\xd2\xcf\xeb\xb0,\x17\xb7\x9fMv?J\x05e\x00\x97\x82\x95J\xed\xc7\xc6\xef\x84\xa7\x94o\x0b\x0c\xa1\x18P\xfe\xdeR\xecd\xa8n]\xf8O\xa0\xab9\xd9\xd9\xaf \x97\x98!@\xd8H?\x81K\xf2\xd3\xe1=/+\xe52\xf78\xf5\xcc\xd4\x86\xde*Y\xc1\xe5p\r\x10Kj\x15\xee\x14\xc4\xef\x12\x19z@\xbe\xd6\xcc$\x8d\x10M\xac\xc1\xc4\xab\x85q\xa7\x10\xc3\x07\xdb\xa3\x925\x18V\x99h\x02Z\x99\xeeVm\xc9\xf4\xa6\xaf\xed\xb7[ \x1c\x04G\xf2\xaf6C\xaa\x97\x04*kGn\x8797\xf1\x1ck&amp;g\xf3x\xc4\xdb\xd8g+65\xe4\xd4\x95"\x12\xbd\x84%\x07\xdf\x01\x80\x1c\xf4\xf0\x16p\x1ei\x7fV\x1f\x1f\x10\x93K\xb9\xb6\x85\xb5\xf3\x03\x1aY*\xda\xad\xc9\xb2T\xf1\x83\x7f#\xb8\x94\xbe4F\xde\x81Xy0\xe1LM\xf9\xda\x8duf\x81\xb4\x9e\xe03\xec\xc1\x18\xa6C5\x0c\x1e\xbc\x18\xa3b\x81\xf2\x16\xfc+\xa4;!\xba\xb1So\xd0\xe6\xd3/h\xb6i!\xc9\x1f\x99/d\xd3\xf8\x9a\x1b\xc0\xf1\x15,\x96\xdc\xf1\xa8\xce8%j\xf6@\x00O~fB\n=\x1d\xe2\xf0\xc5x\xfa\xad\x13\x1dJ\x8a\xbc\x87\xd2\xd5\x04-\xc0h\xe1\xc5\xc9[\xa3D\xdc\xe3\x97\xf3\x98\xfcV[\x0b\xe9q5\xb2\xcd\xda\x93t\x07\x8a\xd3\xb1&amp;n\xd5^\x8c\xb3\x7fG\xc5z\xfe\x88tR/\x9cG\x03U\x03\x8d\x02O*\x11\xbd\x8a\xb1\xbe\xd6\xcb\x10w?\xfe[#\xf8&lt;\xf3\x12\xa4\xde6\xf1\xfe\xf0\xdc\x9c\x97T\x13,\xb0b(\xee@\x1c\xec((\x12\x99t%$\x02\xad)-\xa8=\xc4CD\xa8+nn\x02O\xcaN\xcd\xe0\xb5d\xb1\x18V(\x97\xf8\xe8\xcb\x91\xdfEGy\xb5F\xaa\xc9\x7fT\x85I\xc0\xfbf\xbd\x17\x9d\xb8\x98\x01o;\x8f;\x99W-\xe2\xca\x94\xeb6\xfa\x9d\xc1\xd6\xbeu\xdd_3\x9c\xc2\xfaQ$+\x12v8K\xf9\xc1\xe2\x14\x85\xdcr\xb5dV\xc9\xe9\x00\xc2\x9fQ,\xea|)3\xba,T\xd8\x02v\x9bs\xb3\t\xe6[qZ\xe5\xba\n\xc7t\xf3\xe31\x8d*\x89O\xe3m]O\xd5\n\xefF\xd5J\x1e\x9e\xb7\xf42\x19uC\x1c\x85\xa3\xb6\x89i\x99-m\t\x8c\xe4\r\xa1\xbb\x95\xa4V\t\x9d\x96e?\xf0J\xab\x8c8\xf3\xe0;\xc1&lt;\xcda\x05\xd8V\x07n8H\x05X\xdf}\xd9\xc7\x96\xc2\xde\xef\xc6\x14\xd7\x88\x8dx=\xee\xcc,\x91\x92\x99\x19me\'oVjn\x1dtf\xf0\x95\xe0\\\xb3\x8d\xa8\xecC\x9a\xdci.\x9f\xdf\x08\xcf\x8a\xd1\xb0mY\x8f\x9d:\xb0\x8b#\xac\xc9\xc5\xab^\x1fXq\x9e\x0e\xee\x9b^c\x90\xbc\xb2\xc1\xd4nhd\ro\x9b\xab\xa4u\x9d~\xf6\xd0\xef\x17D\xf6\xd5T8\xdbL\xb2!\xae\xd2\xcc\xb4\xe2\xe8\x8fb\xb42d\xd3\x07\xb0\x0c\xb5\x8b$\t\x1d\x87\xe5\xe8*R\x94\xe3[\x83\xb1#\xe8\xef\xc5\xd1\xf9\xd3\x99g\x14#\x94#\x13y\x99\xf9\x8c\xc7p\x18\x0foE7\xbaz\x00\xc5\xc7\xdfm\x89X\xabb\x81\x98\r\xe5U\x95\xbe^T|l\xb2/b[\xcec\xfeH\xa4\x7fd\xe9&amp;[\x16\xc6$\xfa\xe9\x11D/9\x9c\xeb4\xd0f\xa3j\xbe\x0e\xbe\xdaN/\xc3n\xb5\x1ax\xa0\x17\x84=\x99#\x9a^\xcc\xcc\xf6H,)\xff\xb3\xdf\xf4\x8d\xf6VL\x04\xfb\xd7S\xcaVkT\x087|\xe2@\xfc\xc4\x00tg\x1dgP\xdb)y\xbe\xdd=,\xcb\x97t\xe1\xe6\x83\xe6f\xa6\xe8e\xe7\xce\x95\x9fB\xf6Y\x83\xf6\x00\x13\x8f\x83\x16#\x9dW\x13\x16\xb6g#\x90\x14\xd6,\xf2oD\xb6h\x8aH\xed\xb2A\x9f-&gt;\xb9i\xd7\xda\xa37\xab\x85\xf2h9\xfe\xd8z\xf3y\xaa\xdb\xe3\xe5g\xe9S\xd6\x1d\x0f\x9fw\xccU\xbd\xac5\x9f\xa6\xa1;\xe2\n\x89\xfa\xb2d\xa0\x83p\x9e\xf4\xde\x80\x8e\xc9!Qk[\x85\xea`\xe4\xd2\x87O\xbb|\xe1\xdb\x9e\xf5\xad\xfd_\x0ee\xb8\xa7^\x85%\xf5\xfc\xc2h\xf4\n\x91 \xb3\x95\x1b[sK\xce\xfdXT\xf7t\x93\xceCu\xefw\xee\x82\xbe\xcdMK)\xc4\xebL\xbaVY\xbbb\xa5I! \xebO\x01\x90\x9d\xfe6\xe6\xcf\x86\xd7}\x9a\xa1\xc3g\xe8\xd1A\xbc\x89\x1b|\xb7a\x04\xd0\x1cf\xf8\xc0\x04&gt;2\xc1\x822\x7f\xf2\xbej\xa5\x97\x1b\xbd\x02q\xaa\xfc\xad\x84\xe7\x8c\xd1\x8f\x01\xe8}\x98\xe11\x01\xfc9\x97\xa2\x8b\xcc\xb52\xbdEY\xdd\x84\xeaI*:\xd7\xa8s?\xb1\x95\x83\x17|\xbc\xe5\x0f\x86MI\xe2r\xf3\xd3\xa7\xc8a+I\rm]k\x06\x85\x83\x16V\xdf\x03az\x11d=\x0b4\x9dPQ\xad\xe8\xb5\xad\xea$\xf8\xed\x1bc\xdc]\x88\xcdXz\x11p\x9ec\xb1j~\x0cb\x83\xcf\xa1\xe4\x18\xae\x19u\xe3]T\xac\x87\x83~Ul-bT*\t\x19\x9a\xeb\x1d^\xd2N)\xc4B\x81\x9b\\\xbc\xec&lt;`\x00\xa2b\xd7\x9cvl\xdd\x0f\xa9\\\x9au\xf2i\xf5\x06\xc6\xc2\xea\n\x0c\xa6\x98\xfe}\x91\\\xf7y\r\xbfx\xf8\xa3\xe6\xdd\xfc\xbe%\x02\xe4F\xa1\xd2\xd40\xb5F\xc1\x8bVid\xe2#\x14L\x04Q\x809q\x8a5\xa2y\x94+\xea\x98=\xd5J\xfdh\x90\x90)H\\i\x9cZ\xe9\x0c\x17\xc3\xb0\x8b\x04w\x14\xd2\r3\xd7\xab\x83\x92h\x80\x8d\xc1\xd7\x14\x93\x13\x9b\xf0\xc5\x17\x15\x8c.\xf0\x81N\xc6z\xb6\x05\xab?\xadv\x03=\x89\xa4&amp;v`\x12\x8a\xc7\x08('</t>
  </si>
  <si>
    <t>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</t>
  </si>
  <si>
    <t>b'\xe7\xfa\x8a\xc7\x08\xee\x82\xac\x17`\xf8\x142/\xba\xdc'</t>
  </si>
  <si>
    <t>topics
 within the communityâ€”and then let your followers know when theyâ€™ll be
 able to buy your product.
 5. Reach out to your own personal contacts and start lining up that
 one influencer. Many people discount the power of their own personal
 network. If youâ€™re passionate about or involved in the market to which youâ€™re
 speaking, then you absolutely know ten people who are customers in that
 market. If youâ€™re launching a CrossFit brand, then you know ten people who
 also do CrossFit and are posting about it on Facebook. It doesnâ€™t matter if
 these people arenâ€™t at the level of â€œinfluencer.â€ If youâ€™re only trying to get
 100 people to buy in the first part of your launch, then you only need these
 ten people to influence ten other people. Today, the average person has a few
 hundred Instagram followers and at least 100 Facebook friends. Line up ten
 of them, and youâ€™re in front of thousands of people. Thatâ€™s more than enough
 to do damage.
 6. Finally, build your hot list. Start moving people to the front of the
 line so they can be one of the first people to try your product.
 Real-World Stacked Decks
 Roxelle Cho is one of my favorite students. She started Fused Hawaii, a
 handmade swimwear brand that empowers women to live comfortably in the
 skin theyâ€™re in. Not long ago, Roxelle was making products in her garage, but
 then she gained the loyalty and support of a growing customer base through
 Facebook Live, Instagram, and emails. She didnâ€™t consider herself a
 marketer; she just showed up for her audience, which caused Fused Hawaii to
 scale incredibly fast. She quickly passed $120,000 in sales per month with
 only social media.
 â€œI sell swimwear, but I donâ€™t consider Fused Hawaii a swimwear
 company,â€ she told me. â€œWhen I started out, I was making handbags, screenprinted shirts, hats, anything I could make out of my garage. I named the
 company Fused because I was fusing together all my artistic instincts. I didnâ€™t
 know what I was doing, but I knew the business was something that was
 going to continue to shift through the years.
 â€œGrowing our audienceâ€™s brand allows me to experience these incredibly
 cool moments with our customers as we grow. When something great
 happens, our first instinct is to share it. Thatâ€™s what all of this is about:
 growing alongside people.â€
 Roxelleâ€™s swimwear mission was to differentiate from all the other brands
 out there selling confidence, both real and false. â€œAs women, even when you
 feel good in your own skin, youâ€™re always going to reach a moment where
 you have a lack of confidence,â€ she said. â€œSo for the ideal Fused Hawaii
 woman, itâ€™s not just about feeling confidence or saying weâ€™re confident. Itâ€™s
 more about taking the leap when you donâ€™t know the results or the outcome.
 Itâ€™s about going in the direction of your beliefs and intention. As Iâ€™ve</t>
  </si>
  <si>
    <t>b'\x8flM\xd8\xd7\x1e\xe6\x91\xe1\x0eGz\x02\xd6\x19\x06(\xaej\xf1\xf9W\x85\xc9\x17ro\x19a\x9b\x00ViN\x1c\x0e&lt;&gt;\xd4D\xf2\xcd\x08\xd2\xa7N~-\t\x8b-\xcb\xef\xa4\xab\xbb]Qq\xfeY\xab\xbc\xbc\x80!\xfe\x16\xaa\xe7^\x88\x83nV\xcc\xb2\x88\x0e\xa5%\x93}N3{hbQ\xa5~\xa0l\xfa\xbd\r\xf4\xc8\x1eO\x11\x8c\xb3\xc7L\xa7w\x8b\xb5F\xc8\x88\xc0 \x8b\x16#M\xb3\x06\xb4=S\x10\x7fN9\xa4\x197\xff]\xb7\xe1Q\xe7\x95\xb5\x03%}8\x95\x06\xa0\xb8\x16\x11\x87\xfe\xcd\xd4\xfeR\x92\xcc#\x1dA\xac\xf7\x16\xb6\x14\xbd,M\xdc\xb7\x8b8\x7f%K\xc5\xde6\xc9*\x18\xb6\xccN\x01\x81\x0e*\x00\xf6\xa1N\xb3[\x88[}\xec&lt;\r\xb5\xe59\x99.2x\xa6|Z\nW\x0f\xc6\xc7\x02\x8e\x1d\xa1I\xc0SG\xba\xd8\xb5\x18\xc3\x02bu\xf2\x17\xa0c;0\x0b\x7f\xbf\x834\xb6\xf9\xba\x19\x8f\x8bl\x7f\xed\x7f\xaf\xd3/\xa8\x0b\x19\x00P\xeb2\x86\x13\x99\x9d\x06\x93\rT\xd4\xd8\x161Pas\x8f\xadD&amp;\xfe\x8c\x87\x8c\xfa\xbc\xb4v\xc5~\xd7\xab\x97\xebf\x04\xdc\xff~\x9d\x0fe\xa5\xf0L"\xc6\x88M\x90\xf5\xe4Z.\xdb\xfe]\xe4o\xf4F;\xa0\xe4\x98#\xa3\xb6amO1yI7N\x83\xb2Q9W\x10\\\x99U\x8f\xee\n\xde\xf5\xcc#1\xcf8&gt;?)\xdf\x9a8\x01\xb2\xd1#r\x14\x05q&lt;6\t\xb6\xdfg\xff\x94\xa8\x18\x17L\x8f\xae\x91\x86\xa06L\x0b\xe9\x01}\xf7\x98\x19x\x89\xbd!\xbd\xc8S\x0c78\xb5\x81;&amp;[\x85\x1f\xcb\xf8\xd1]k\x1bU\xcdh\xee6\xf8\x0f\xfb\xcc\x86\x13\xa4l\t\xf8;K\r\x05\x9c\xa6\xdf\xafw\x03\xb27\xb9\xe5\xb7\xaf\xfc\xd8 A\x85\xfa\xbb\xf1&lt;\xff\xff\x9c&lt;\xf7\xca\xe2o}\xe1\x04\x00\xafX\xf0\xabAw\xba\xa8\xca\x05a\xa3\xb3\xe5= \xf0=\xf9\x1d\x0b\xf1h\xfe\xc3\x97x6\x8fi\xa3\xd5\n\xea\xf3hA\n\x13]\x1d&gt;\xc2?\x8d(\t$\x1aO\xf0V\xd2\x90Iv{\xe0\x91\x84\xa1(\xed\x89\xbc\xfe\xcf\x18\tZ\xef\xcf\xed\x04\x9c\xf2X\x03\xbe\x98\xcb\x8c\x94\xb8\xd0\x0c1\xa9\xb2f\x97S5\x1baV\x82\xbc\x9fj\xdagm\x95\x08{A[\xe2\xe0(PDR\xc4\xd0\xda\xdc\x18\xcc\x01P\x12\xf6\xe4\xea\\\\\x07\x00\xd5\xb6p-\x83\x8dk\xf7\x82\x89q\xd9\xc18\x15\xfa\xf6wD\x15\xf3?\xe7\xc8h#\xe3\xc1~\x18\xf4\xb9\x9e\xbd\xc1\xb1\xaa\xc8\xb9\xb5\x9d\xf0\x81u\xc9^\xb4\xa7(d!\x87*&amp;\x87\xd1W\x98j\x90\xfdz\xbf\x0b\xb0\x0c\x85\xde\xa5~\xa5\x9a\xf9rr\xf6\xd8^\xe3\x026_\xc9\x8e\xf8\xd5i\xa7\x98\xf8j\xb9_\xae_\xc0\xd4`|\x95Q\x89tF\x1d\xe8]3]{fex\x06\xf7\r)\xe7\xb7;\x14g\x84\xfd@AS\x07\xb6\x87:oL\xd4\xce\x9e\xfb\x11\x8bc\xfa\xef/S\x08\\F\x7f\x1d\x98\x93k~\x0b"\x97]\xb3\r)\xa0\xc9-b\x18]L\xe8\xc6\x02m0\x02\xa8\xf5{K\x1e?[\r\xa1\x01\xf2\x1d\xc4T\x92&gt;\xa6:\xdc\xa4\xfd\x12V\x1cV*\xc8\xa3\x0f\xfe\xaavHK\x1a\xb12\xd6r\xe2\x9b\xc2\x8e\x8d3\xd8\xa48\x1f\xfee\x13!=\xe0\xf9\xa1\x19\xcfb&lt;VxjC!h\x7f\xe9\x16:%tu?\xf5\xedMpI\xc8%pEf\xc8\xd1\x8f\xc0W}\xda\xff\xb9\xb1R-\x18\xe5\x9f\x92\x99\x89g"Jk\x0f\xc9\xf1\x88b\x16$\x87S\x1a\x12\x89\xc7\x07\xa4/\x12\xba\x9f+(8!6\x03\xff\xba\xdc\x14-_B\x9aAW\xefs\xf5\xd0g\xeb\x8b4\xfdD\xad=\x96\xf9\xbe\x9a\xc1i\xff\xce\xf4\xab&amp;:\xaa\x1d!\xa6\x98\xc6\x90}\xe8d\x15\x88M\x99yW|\xf2\xa2\xee\xc2\x8f\xf61\x91\x91q\xa8O5\x9eSd=\x10=D\xe9\x06\x8a;o\xa0\t\x16:\xd2J~\x91\x17\x9a]AnQ\xab\x8e\r\xb7\xc5\x81\xca.yk\xb4\x14\x91\x90\xc6\xcf\xef\xeen"\xdd\xa7\xb6\xe1\xa4\xb4\xc2\xdf#-\xf5\x06\x1d\xd7\x0c\x87\xae#j\x04~p\x0f&amp;I3\x88\x0bKa\xfc&gt;~Q\xf46I\xc6\xd7\xa5|P\xe2\xea;\x95\x07\xcd?\xde\x91k\xc4&lt;^\x01\xc1-\x82\xd3\xa7I\xb0]`\x89B\xa4\x81M8\xa0o\xa5\xd7s\x9a\xa77\xb8\x97\x98\xf8\x08\xb4\xae\xad\xb2]~\x11\x15n\xd8lm\x8c\x98\x06iJ=\x9a_\xd8\xb34\x90\xa2e\xc8\xc3\xb7\x8e\x81\x1a\x0f\x97W\x95\x03\xc2\x08\x00N\x80\xe1\xc0\x7f\x8b\xef\xe8(\xee\xe2\xf1K\xee\xf8n/&amp;?]\xe3\xa0\x8b\xab1N\xb45\x0f*\xa8\xf2\xe4\xb3\x80\x855H\x1a\xaa\x1b\nU$\tY\x10c\x83\x18a\xd8\x9d\xbb\x9f\xec\xfe=\xfaP{Q\xc5\x19\xf7\x18s\xb8\x00\x00\x148E\xfb\xa6\x1c\xbez\x92\n\xa0A\x98\'\xb3c\xced\x97\x08o\x0b!9\xf9\x0e\x86\xd2\xf8\xe9b\x83\x96\xab\xac\x87$\xc5Q\xaf\xd1M\x17\xef\xcf\x12L\x19\x86\xe1fv\x9b\x97\x0e\x1f\xf6\xc9\x04i\xcci\x8f\x9e\x1ad0fK\xa8\xa4\x91\xf4\x014\xdd\xb1\xc1\x9b+\xe1u\x14\x82\xd4\x0e\'uF\xbb(\x1cI\xc8\xee\x8bh\xe3\xf5j\xc9P\xe9\x93\x03\x9c\x17!\x0f\xf6&lt;\xf9\xbd\x92\xe8\x13\x01\x1f\xe4[\x8c&gt;AR\x00\x93m\xd2I\xbd\xf7\x8c\xbd\xe9K\x14}\x1f\xbc\xe1ssT\t\x05\x8a\xb8A\xc2\xd6\xb20\xca\x14C\xdc\x0f\xa3H\x98\xa6\xfa\xb5\x8b3K\xea\xff\xe7\x9f\xe3\x9b\x02s\r\xae\x891\xbaX\xc1^l\x0eB\x8387\xf2+\x0b\xb4/W\xdd\xb0c\xdd\xd1\x9e\xe3\xdehx\x0597\xf4B}^\xf5\x88\x82HE\x1d\xf9&gt;\xe4\xb2=sG?\x94\xeb\x7f\xbd3\xe4\xd0\xa6\\\x81&gt;;\x0e\x8bm\xd9\xa1A*\x05\x96\xd5\xa5\xff\xc5|b`\'\xbd\xbbO\xfc\x17\xe9\xcd\x97\x1co\x9a\xb0.u0\x8a\x0bJ\x1el\xbaC\xcd\xc3x\x83P?\x17\xf5\xef\x0c\x10\xf2\x06ti\xd5\xc3\xb2w\xf1\xf5\xa0k\x15\x81P\xcf1\xa6\xfb\x03\xb1\x157\';@\x93r~a\xd4\x91\x03\xd6\x1f\x7f\xb6\xffu\x88\x18\x92\xd6\x02\x8e\xc0&lt;\xaa\x9e\xc2\xbfa\x19M\x961\xa8\xad\x9cz\x94\xa2\x0f\x139\xe3\xfe"C\x83U\xc5\xc8\xf2\x05\x85\xa3\xfd\x85\x01\x16\x02@\xa3B\xa0\xc8\x81\xdb\x10PqT\xcee\x90\xf6\x19\xcc\x96,\xf0\x8b]\xe6\x18\xc6\xb8kp\x04\x83\xab&lt;\xae\xac\xb8\x06hpB.\xb0\xf0?rMO\x05v\xaa\xfcpd\x8b\tfA\xcd\x81\xc7&amp;\x8c\xc9\x9b\xc2\x17P\xfa\xaaK\xc0\x90-\xb2\x1f\xca\xb7@\xe9\xa0C#\x873&amp;\\\x11QtO\x90\x92U\xbe\x04\xeaGB\xb5i+\x8a\xad$\xb0Y\xc8`@\xdcg\x9a\x8e\'\xf4*\xd8\xd5\xdah\xf3\x1d+\x11\x12\xd0b2\xe3ms\xcd\xda~\xf8\xef\x99\xd4\xd8\xc9e\xc9 \xfc\x80\\\x84\x15E\xad/$\x90\xa0\xb7\x1dZ\xc7\x87\xae\t\xe8\x98u\x89A\xe4\x83I\xc6\x81:\x90\xcb\xda&amp;]4\xcd{\x8d\xde\xeb\xdd\xb7\x9a\x99\xf9\xfd$2\x1e\xda\xf5\x88\xb3\xfb}\x9d\xd5\xdf\x80,\x94\x9a\xf7\xe4\xea\'\xa1$\xe3\xa3\xca\x11\xc2L\xf5\x15|;\x12\x9d\x15k\xe5j\xde&amp;\xf3\x8b\x1e\xe9\xfd\xab\xbbJU\x8f\x84\xa7al\x15R]yxt-jj\xa0\xf3\xfa\x03\xab\xf7\xaa(\xa8\xaaO\\\x04\x92\x8f\xb7r*\x1d\x9a\x92(J\'\xf0\\kW\x15Y\xc7d\x05\x0f\xff\xb9g&lt;E\x114M\x13\xb9\xc8\xb5\xc7\xe0.#M\x08\x94\xe8\xa4\xd8\xb8\xa7\xf51\xe27\xdb\x8c\x8a\x16qA\xfd\xd2\x13\xb2\x86\xc9\x15\xb3\x84\x8bm.6L&amp;\r\xd1\xa0%\xcd\x92\xde|\xed\x85\xbe\xa6!9|kcB\\\xde\xa6;+h%\x89U\x88#\xef\x85+\xd5\'\x07\xbeU\xc4\x9a\x9a\x85\xb8\x1dz/\x14@J\x0e\xcfYc\xcf\x04\xd6X\x92\xc2\xc3.7|\xd3\x8c\x1e\xce=R\xee\x19\xc6\xce\xff2\x97\x94D\xc6Z\xa0\xa5\xd4\xb2\xe4\n\x80\x19E\x88:\x1cl\xfb\xae\x88E\xbe\xca\x1d\xeb\xc9Me\xff\x8a\x06\x16\xe9d\x03\xea\xb2$\xa5\x94\xeb\xd8=\xea\xcf&amp;f\x90\x87jE\xad/u%\xa4k\x952\x9fg\x9cs\xdfV\x8b*\xf0\xa1\xf9e\x16J\x89^\xa3v\xf5n\x9a\x83\x9d\xb5\x96\'GuD)\x00h\x14\xb6\x05vw\xf3\xf5\xfe\x01D&amp;\x82\xeaP\x9c\xf6\xe1\xb7\xe6\x86\x82\xce\xcd\x1c$\x92\xee\xfb*y\xeb\x15\xfe\x9e\x15\xea!\xde\xdc=F\x7f2\x0eh(\xdc\x11\xb3u\xb5\xd5\xb6D\x1e\x922i]sa\x05{\x7f\x97\xf6\xb1\xa1lk\xe1-\xd4\x92\xdc\xfa\x0ci\xc0\xf7\xfe\xd4&gt;\x87K\xb3l\x8b\x1e%\xd4\xb1\xe1\x8b\x15/\x11\xfa\xd9\xc2\xa8\xc5\xcf5\xb2\xc75\x18e\xda\xdf\xa5\xe8\xc9:\xe0\xb7\xa4o\x8bJ\xcf4DabH\x94\x91\xe0\xaa-\xb0\x86\xc6\x19\xba\x98\x8c&amp;\xbde\xcfNg$\x91\x0e\xd1lS\x9b\x0f\xf04\x8eW*z\xb9\x90N(\xc2\xfc9\x9f2\xfc\xcd\xe0\x95yV\xed\xf9\x1d\xe1\xc0-\x9a\x92\x00\xbb\x0fV"z\x8bW\xf3b\xe3\xd07~\x9c\x89\xf5O.\xc3\x9cn\xc0\xd8\xa5\xa1N\xcc\x9f2\x93\x8f\xc1\x0fl\x90x\xcb\x99\x99&amp;\x0f\x91\xad\xc0\xf5\xe6O\x85\x1f\xa3\x06}\xfb\xcf\x9fp6F\xba\x88\x9b\xad&lt;\xaa\xd1\xce\x97\t3\xed\xf6\x04\x86X8qNh\xab:i(\xbf\x94X\xce\x1b7\xec}\xd9\x98\x87\xec\x8fy\xa6\x94]c_*j\x08`\xaa\xb9W\x84\x84\xbf\xd6\x01\xe3\xf3V\xd6\xcakz\xb4:\x13I\xf48\xe0\xcf\x13W\x810\x9b\x171c.\xf7\xd3\x9e\x8a\xf1;\xe9tF\xbaG\x9f\'g\xee^\xb8a\xc5\xf1\x10K\xb6\xc1\xed\xc8R\x8c\x19\xee&gt;\x05\x9c\xdc\x86l|H\xc6\xb0\x7f\xedq"\xa1\xb4aR\xe6\x06Q\x97\x05\xc2\xb9\xc6\xb9\xaf\xdeW\xc9\xbc\xd2\x8ey"l\xdc\x83\xbd#\xd3\xcc\x81\x19\x9ffg\x1b\xb0,\xf3\xba1`w\x8fH\xd2(,\xa32\xe4\x9cG_\xe0\xaf6\xa9\x9f\x8f\xd9\xa2\x06\nn\x08QC\x92\x18\xb2m\xef4\t_\xd7~D\xa7\x93\xd7\xb5Z\xe2\xee~\xa5g\xbfjw\xfc\x06yj\xdb\xaax\x10K}\x8f:O\xb8\xd9\xe9\x12\x05\x86\xc7\xc9_\xbdC\xa7"\xe9\x8d3\xa1\xae\xef\x81\xaaE2\x0b\xd4\x98\x162\xfd\x8e}\xd6\x17\xf4X\xc8\x02iM\xe5#\xa3=mHogm\xfb31J\xf1\xce\xd4\xdeX7\xbaj\x0f!\x1d\x7fI\xb6\x10\xea\x08\x9d\xb2u\x06+\xf6\xe4!\x8fL\x1f\x1b\x85w\x02B\xb3\xbf\xc5:\x11\xe0N\t8O\xcb\xfdRYi\x9a\xac\xf5a\xa9E\x87\xf1\x07\r\xc3Kp\xeeR\x94\x97\xbe\xf2\xb5\xd1\xacY\'\xe1\xf2\x8fB\x8fB\x9c[\xa1\xd1dH\x89\xb2k4% \x9bM\xbc,\x94\x8c\x9a\xb9\xf5\xd4_2\xc82\x9bw/\x92\xee\x00\x9e(Ag0\xe0J,\x027\x15\xee\x80\x1f\x1e-T\xed2\x95n\x013\x1aU97\xda\x8e\xe1\xbf\xdb\x96\xd8\xb7{\x10Y\x84\xca\xbd\x1fe\xc7\xf2\xd6\xe8\xc1+\x99\x10\x08\xae\xde\xb9\x17D\x87a\xe8{c\xf7\xac\x17\xe6_ai\x1f9\xe1\x9e1\x99;\xa2\xa7e\xfb\xb4\xf4\x17A\xa2\xf8\xef5!o\xef(\x9c:\xc35\xaa\x1cA\xdc\xda\x84\x1dA\xea\xeb\xeb+eT ;g\x97(&amp;3\x9b\x9bCm\x1e+\x7f\xa0{\x15\x95\x98\xd7!*\xe7\xcf\x06#\x90%\xac\xf7U\xd78[5\xdav3\x19\x8e\xc0\x9b\xf0\x8c\xbe\x92\x12\xc9\x87t\xee\xc9z\x01wU'</t>
  </si>
  <si>
    <t>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</t>
  </si>
  <si>
    <t>b'\x8flM\xd8\xd7\x1e\xe6\x91\xe1\x0eGz\x02\xd6\x19\x06'</t>
  </si>
  <si>
    <t>the dead people any more, so we took one apiece, and some pistols. We
 took a small box, too, because it was so handsome and inlaid so fine;
 and then we wanted to bury the people; but there warn't no way to do
 it that we could think of, and nothing to do it with but sand, and that
 would blow away again, of course.
 Then we mounted high and sailed away, and pretty soon that black spot
 on the sand was out of sight, and we wouldn't ever see them poor people
 again in this world. We wondered, and reasoned, and tried to guess how
 they come to be there, and how it all happened to them, but we couldn't
 make it out. First we thought maybe they got lost, and wandered around
 and about till their food and water give out and they starved to death;
 but Tom said no wild animals nor vultures hadn't meddled with them,
 and so that guess wouldn't do. So at last we give it up, and judged we
 wouldn't think about it no more, because it made us low-spirited.
 Then we opened the box, and it had gems and jewels in it, quite a pile,
 73
 and some little veils of the kind the dead women had on, with fringes
 made out of curious gold money that we warn't acquainted with. We
 wondered if we better go and try to find them again and give it back;
 but Tom thought it over and said no, it was a country that was full of
 robbers, and they would come and steal it; and then the sin would be on
 us for putting the temptation in their way. So we went on; but I wished
 we had took all they had, so there wouldn't 'a' been no temptation at
 all left.
 We had had two hours of that blazing weather down there, and was
 dreadful thirsty when we got aboard again. We went straight for the
 water, but it was spoiled and bitter, besides being pretty near hot
 enough to scald your mouth. We couldn't drink it. It was Mississippi
 river water, the best in the world, and we stirred up the mud in it
 to see if that would help, but no, the mud wasn't any better than the
 water. Well, we hadn't been so very, very thirsty before, while we was
 interested in the lost people, but we was now, and as soon as we found
 we couldn't have a drink, we was more than thirty-five times as thirsty
 as we was a quarter of a minute before. Why, in a little while we wanted
 to hold our mouths open and pant like a dog.
 Tom said to keep a sharp lookout, all around, everywheres, because we'd
 got to find an oasis or there warn't no telling what would happen. So we
 do</t>
  </si>
  <si>
    <t>b'\xb0\x12 \x1a(\xb5Hy\xb3y\xbe6\xe3p\xa4\x14"\xdc3k\xb8\x87t\xfa@\x18\xa0\x08[g\x85\xca'</t>
  </si>
  <si>
    <t>b012201a28b54879b379be36e370a41422dc336bb88774fa4018a0085b6785ca</t>
  </si>
  <si>
    <t>b'\xb0\x12 \x1a(\xb5Hy\xb3y\xbe6\xe3p\xa4\x14'</t>
  </si>
  <si>
    <t>rd to keep up. On market nights he used to stay very
 late at the inn, and then drive home at a gallop.
 "One dark night he was galloping home as usual, when all of a sudden the wheel came
 against some great heavy thing in the road, and turned the gig over in a minute. He was
 thrown out and his arm broken, and some of his ribs, I think. At any rate, it was the end
 of my living with him, and I was not sorry. But you see it will be the same everywhere
 for me, if men must go so fast. I wish my legs were longer!"
 67
 Poor Peggy! I was very sorry for her, and I could not comfort her, for I knew how hard it
 was upon slow-paced horses to be put with fast ones; all the whipping comes to their
 share, and they can't help it.
 She was often used in the phaeton, and was very much liked by some of the ladies,
 because she was so gentle; and some time after this she was sold to two ladies who
 drove themselves, and wanted a safe, good horse.
 I met her several times out in the country, going a good steady pace, and looking as gay
 and contented as a horse could be. I was very glad to see her, for she deserved a good
 place.
 After she left us another horse came in her stead. He was young, and had a bad name for
 shying and starting, by which he had lost a good place. I asked him what made him shy.
 "Well, I hardly know," he said. "I was timid when I was young, and was a good deal
 frightened several times, and if I saw anything strange I used to turn and look at itâ€”you
 see, with our blinkers one can't see or understand what a thing is unless one looks
 roundâ€”and then my master always gave me a whipping, which of course made me start
 on, and did not make me less afraid. I think if he would have let me just look at things
 quietly, and see that there was nothing to hurt me, it would have been all right, and I
 should have got used to them. One day an old gentleman was riding with him, and a
 large piece of white paper or rag blew across just on one side of me. I shied and started
 forward. My master as usual whipped me smartly, but the old man cried out, 'You're
 wrong! you're wrong! You should never whip a horse for shying; he shies because he is
 frightened, and you only frighten him more and make the habit worse.' So I suppose all
 men don't do so. I am sure I don't want to shy for the sake of it; but how should one
 know what is dangerous and what is not, if one is never allowed to get used to anything?
 I am never afraid of what I know. Now I was brought up in a park where there were
 deer; of course I knew them as well as I did a sheep or a cow, but they are not common,
 and I know many sensible horses who are frightened at them, and who kick up quite a
 shindy before they will pass a paddock where there are deer."
 I knew what my companion said was true, and I wished that every young horse had as
 good masters as Farmer Grey and Squire Gordon.
 Of course we sometimes came in for good driving here. I remember one morning I was
 put into the light gig, and taken to a house in Pulteney Street. Two gentlemen came out;
 the taller of them came round to my head; he looked at the bit and bridle, and just
 shifted the collar with his hand, to see if it fitted comfortably.
 "Do you consider this horse wants a curb?" he said to the hostler.
 "Well," said the man, "I should say he would go just as well without; he has an
 uncommon good mouth, and though he has a fine spirit he has no vice; but we generally
 find people like the curb."
 "I don't like it," said the gentleman; "be so good as to take it off, and put the rein in at the
 cheek. An easy mouth is a gre</t>
  </si>
  <si>
    <t>b'x\xd4\x01\x80\x99\xb3&amp;\xd0'</t>
  </si>
  <si>
    <t>78d4018099b326d0</t>
  </si>
  <si>
    <t>I had such perfect trust in him that
 while he was guiding me I was ready to charge up to the very cannon's mouth. I saw
 many brave men cut down, many fall mortally wounded from their saddles. I had heard
 the cries and groans of the dying, I had cantered over ground slippery with blood, and
 frequently had to turn aside to avoid trampling on wounded man or horse, but, until one
 dreadful day, I had never felt terror; that day I shall never forget."
 Here old Captain paused for awhile and drew a long breath; I waited, and he went on.
 79
 "It was one autumn morning, and as usual, an hour before daybreak our cavalry had
 turned out, ready caparisoned for the day's work, whether it might be fighting or
 waiting. The men stood by their horses waiting, ready for orders. As the light increased
 there seemed to be some excitement among the officers; and before the day was well
 begun we heard the firing of the enemy's guns.
 "Then one of the officers rode up and gave the word for the men to mount, and in a
 second every man was in his saddle, and every horse stood expecting the touch of the
 rein, or the pressure of his rider's heels, all animated, all eager; but still we had been
 trained so well that, except by the champing of our bits, and the restive tossing of our
 heads from time to time, it could not be said that we stirred.
 "My dear master and I were at the head of the line, and as all sat motionless and
 watchful, he took a little stray lock of my mane which had turned over on the wrong
 side, laid it over on the right, and smoothed it down with his hand; then patting my
 neck, he said, 'We shall have a day of it to-day, Bayard, my beauty; but we'll do our duty
 as we have done.' He stroked my neck that morning more, I think, than he had ever done
 before; quietly on and on, as if he were thinking of something else. I loved to feel his
 hand on my neck, and arched my crest proudly and happily; but I stood very still, for I
 knew all his moods, and when he liked me to be quiet, and when gay.
 "I cannot tell all that happened on that day, but I will tell of the last charge that we made
 together; it was across a valley right in front of the enemy's cannon. By this time we
 were well used to the roar of heavy guns, the rattle of musket fire, and the flying of shot
 near us; but never had I been under such a fire as we rode through on that day. From
 the right, from the left, and from the front, shot and shell poured in upon us. Many a
 brave man went down, many a horse fell, flinging his rider to the earth; many a horse
 without a rider ran wildly out of the ranks; then terrified at being alone, with no hand to
 guide him, came pressing in among his old companions, to gallop with them to the
 charge.
 "Fearful as it was, no one stopped, no one turned back. Every moment the ranks were
 thinned, but as our comrades fell, we closed in to keep them together; and instead of
 being shaken or staggered in our p</t>
  </si>
  <si>
    <t>b'\xcfL\xf9\xf9\x7fKH*'</t>
  </si>
  <si>
    <t>cf4cf9f97f4b482a</t>
  </si>
  <si>
    <t>g that we would consider a proper constitution for the new
imperial order. But aside from that, the Romans, a people fanatically loyal to tradition, traditionally had no written constitution. They were, from their very beginnings, accustomed to a government whose form evolved continually, and gradually,
sometimes in written form, sometimes not (Lintott 1999: 1â€“2). Thus, insofar as
constitutional matters generally are concerned, especially with regard to the transmission of imperial power, we are justified in perceiving the first three centuries CE as
an epoch of continual experiment, or gradual development.
Rome the Superpower: 96â€“235 CE 127
If we are to understand Rome as a superpower, which it surely was during the
period here in question, we must admit that this particular superpower had at best a
rudimentary system â€“ and a rudimentary system in a state of constant flux â€“ for
picking the man about whom literally everything seemed to revolve. Moreover, the
period treated in the present chapter is especially significant in this regard, since it may
be that the second century witnessed an attempt to regularize, indeed, to create, what
might be perceived as a nearly constitutional arrangement for imperial successions.
But regardless of this, all the principal mechanisms that might come into play when
the Romans made monarchs were already well formed when the last of the Flavian
monarchs perished. By way of introduction to these mechanisms, let us briefly return
to that moment.
It was mid-September 96 when the emperor Domitian succumbed to a conspiracy.
Although the act itself was perpetrated b</t>
  </si>
  <si>
    <t>b'\xb7g\xc1\xfe\x90 \xff\xbf\xf3\xfa \xd8\x924\xe1\xc1\x93\xf6sc6\xf9\xc6\xf2r&lt;{I\xf7\x00\x88\xedT\x0f\x1c\xfd\xa9\xa3\xf6\x12\x8b\xe1Uz\xdb\xd6\xf3\xff\xc0\'\xdb"\x8f\xb7\x85\x140-}*\x9e13\x87\xd2\xa3\xd74\x97\xdb{\x11V\x00+&lt;e}\x1ae\x8b\xf3\xc4+w1\xc4\x1bw|\x05rs\xe1\xa3f\xcep\xf2\xb1\xfc\xad\xb9\x91c=G)\xfa9fd"\x93\xd7i\xa2\xfe \xa5U\x14\x90\xef\x0e&amp;\x1a\xc6\x7f\x1b\xae~qqXNjK\xf2\x81\xd7\x08}H-\x9d\xff\xb9\xb5\xd0L\xe7SI\r\xc3w:\xdb\xa64\xa0\x04\xf4\x1a\xf6\xeawgB\xc4\xd4\x8c\x0c\x97j\xaaCsV\xf4\x84\xfa\xc2^oZ@\x06\x95\xees\x10\xd8\x07\'%\xa0\xe7\x82\nq7\xaf\x1a\xe3\xd4\xd4&gt;\x02SB\xff)\xbd\x0e\x02\x08\xcfT#\xbedGV\x83\x1aa]\x89\x97\xa7\xdc\x10\xc2\xe2\xba\x163zJ\x90BF)\x147yY\xb6+?\xbf\nT\xd1}\n@\xe0Zn\xaa\x1b!\xdbWw`?\xbf\xfdd\xf7}\xf2\xff\xb6\xbb\xb1.\n&lt;\xc7\x8b\xe0D\x02\xa2\xa4\xc2N\xb6d}\xd1\xb1D"\xe6\x04v\x92-\x99\x8foqdPG}\xfe\xe3;\xd50n\x85i\xe9@\x08\xbbE 5pP\xe6\xf9B\x05\xf5\x1a_X1hGj\x88\x8eV\x08A\xcc\x18\x966)\xb1,\x15\xd7$\xa9+P\xfcS\x01\x01\xc3\xe1\x01\x9a6\x94\x9f\x8a\xb2\x02sL"\xd8g\xb3c\xacTx\xa5\xd3d;\xbc\x92\xfa0\xaf\x85\x18\x01\xae;\xc8\xdf\x01\xe5\x9a\xd5\xdb(\x88\xe0z,\x97\x81\x11\x11\xc8\xa4\x80\xe4\x1e\xab\xb0\xe8~8]g\x9a\xe2\xd6\xdf\x8c\xe1\'\xe0l\xe3Lk.\'\xe3i\xfa),\xddbl\xf2\x81\xf2|b\x1f\xfc\xf8\x96\x88\xb0\x89\x8d\xdb\xa9\xc7\xfc\x97\xbe\xa9&amp;\xaavgh4\x0e\x0bm\xa3z\x1a\xf2n\xa2\x96\xeaj7\x08\xa1\x90\x14\xd4x\xf0\x86\x95\x80\xf1\x85pJ\xae\xa2k\x11\xfb\x9d\xbe=G\x9e\x84L\xee\x99\xab\x03\xe4\x17\\\xbd\x86_\x026B\xaa\xf1\xceR\xb1\x84A\xee.\x80F\xb1&amp;\xfc\xa6T\x8a\x8cl9\x1d+\xc8\xddsY"\xbbX\xf7DR\x19\xb4\xdeE\xd6\xe3\x9c\xd9\x9d2&lt;&lt;-\x9c)\x13\xb8\xc0\x95\x98\xf5\x8e\x0e\xc5\xc9\x1a\xed\x81\xaf:\x0f\'\x0c\xe1\xc5\xb5\xf32\xb5\x0f{\n\xban\x0b\xb1\xbe\xab25b\x15\xe0C\x9c\xd5\xb2\x9c\x0f\xf3\x1fS\xbf\xc5\x95\xdc\x17\xa9!!\xa4\xa6B\x1f\xca\x81\xa4\xfbRu\\\xd31YB\x1ec\x10\xd92\xa8\x82\x88\x95(\xc8\x1a&gt;%\xbb:"\xef\xd3\xf6M\x110Q\xc4&lt;L\xe2;\xfd\xf6\x92\x9c\xa5Vn\xbc\x16\xa4\xf4\x7f\xff\x15\xbd%\\\xff\xa3:\xd8\xb8z\x10!]\x11\xe8\x0f?\xe4&amp;E\r\xed\xfb\xb4\x8a\xd7\xb3\xc2\x07\x96~*Z\x05\x94&lt;\xf9\xc2\x9a\x04\xa9\xbc\x03/\xe9\xd1\xac\x1e\r\xb7\xa6\x04\x86wr\x8b9=\xc5\x88"\x1c\x9b\xf8c|@\xf5\x9bx6s\xf5$\xedB\x89H\xc6i1\x05\xcb-D\xd6TsFx\xea\x1e\xba\x8b%\xbf%\xe8\xc9C\x1e\x12\\\x92Kx\xda\x14y=\x11\x8d\x10\x13\xb0L\xf7\xaaGt\x06qr\x15\x90w]Qc\xa7*\xed\xc4\xdbk\xd0\x0f9\xbc-&amp;}\xe3\xe4\xd8\x97+$\x1ah@;\xc8Q\x12!f\xa8R,@\xf9\x16R\x1d\xb6\xea\xc8\xf5\x02\xb6\xb1`\x0e\xa39i\xf0\x1b"+q\x8d4\x02*\xc2\t\x18\x97}\x91\xf1\xda\n\x98l\xd9?\xf9\x04-\x07\xd9\xcb&amp;\xad\xde\x12.T;\x93\xd5\xfb\x0e\xc2}|\xbeq!\xd9\x10O\x14[\r2\xddR\x99\x90\xa8\xa1U\xf5\xd6\xc8\xec\xd1\xd5\xbc%4zp\x8d]\xa0\\\xcc\x16\x160\x06]\xc2+\xbfAU\xa6CI\x8f]\x9c\xf4\x8d\xc4QT\xce\xb4i\xb1Lb\xa2@\xfe"\x00\x98\xd5&lt;\x96i\xfc\x10\x84\x16\xf4K\xb4\xa8y\x04\xca8G\xa3Z\xf4e\xc2\xca+\x08\xdc\xf4\xfe\xb8f\xec\xc4jZHJ7^\x16\x9c\xd8\xd3\xd0\xf2&amp;\xa3\xe4\xeb\xc1l\\d\xe7\\\xc0\xc1\xb7\xa4\x18\xf7~\x144s}B\xfcI"\x10C\xf4&gt;S\x10^\xc7\x1a\x87\x11\x0e\xc0l\xa1\x1d\xd5\xb9\xd9\xe0\xa8\xaa\x95F\xc6\x13\x9fx\x0bK\xaa\xcc\x85\x19\xad=).\xa7\xb4\xe1\xa5\x12\xd1\xc9D\x1d)\x8eE\x08\x9f}H\xf4\x83\xaa\xd4\xa2\xc1\xc1\xf5m\xd3\xecu}A\x84ke\x14Rn\x81\x02\xc6\x10\xa7\xd6\x7f\x06\x010\x1b\xf9\xac\xde\x9b!H\xce\x0c\xc4\xa4\x0b{!&lt;\x19z@I\xe7.\xc7\xf6\x16JgC\xe9SF\xf3\xc6\xad\x14j\xcc\x82\xd1f\xbd\x99\xcc4\x82\x87Q1g\x08\x83o\x07\x10\xa7y\xdd&lt;\x80\x86\xef^\xbbpZb\x88\x0ejTi\xfc\x07\xee"\xa1\xcb\x00{\xf5\xd5"\x8c)\x99\x89\xca\xcb[\xfc8\xcc\x8d5e\xf9/\x85\xa6\xe5\xc0\xc8\xbf\'\xb1lN\xdb\xa4F\xfe\xc0O\x18K\xcb\xfd\xf2[\xc1\xfa|N\xc7\xf9\x0c\x8b\x04ao\xd6I\x10\x8a\x1a\xbf#\xa2\x8b\x9d\xde\x1a\x9b\xf2\rh\xa7\x83w\xb6SYtWr\xf6\x19\\\xdc_t\x1ez\xa8J(BV\xfa$\x9e\x1a\x8e+\xd2\xbf\x85L\xd9\xa7\xac\xc5\xf7\n\t\xd7\xa5\xf9\x82Jf\xca\xa6\xe1\x05\xc4e\xde`\x1f\x1a\x83\xbcX\x84\xb3\xf2_\x9c\xe3\xe4\x9b\x81\x88\xdf\x85R\x98\x06\xea\xa5y\xdb\xb6yVI\x9e\xae\x16\x17-\xe2~$we\x81\x0c\xaev\x81\x95Vbkm\xd5R\x12\xce\xf9P\xf0\xed\xebb\x19G3giHR\x8f\xa6\x0b\xae_\x0c\xc1\xef\xe6\xef\xdc\x02\x82\xa3\xfa\xe4\x93YB\x00\xab\xea\x97\x9d=\xf2BTgVG+*\xa8\xdaE&amp;u\xc7\x97\xee\xe6\xd83_?\x9f\xb3\xc5\xc9{\xbf\xb4\xd9\xa4tQ\xa5\x03\x8e\xf0J\x8b\xc8L\xc9\xd6\x94\x9e\n\xbf\xf64\xe6z3\xf99\xa6D\x02\\\xf8\xf1\x9f\xa3VO\xcf\x9eB\xcbg!\x9c\x04\xdf\xc9\x7fv\xf4\x1c\x1a}Ml\x18\x1b\xc5\xa9at\xcdjT\'s\xcc\xed\xb7\xc8#\xed\xfa|\x17b8L{46ne\xdb\xc8\xfc\xe3\x89\x86\t\xb7\xf3\xc2\xc1\xa1`\xb8\x17&amp;\xba\xc3\x8111@&amp;\xb6}36\xa2\xde,\x08\xaf\xc0\x1boECT\xd9L\x88\x89\x8dZ-\x8b0\x7f\xa3\xe9In\xf1\n\xad\xde\xe7\x08\x0c=\x08\x1d\xc7\xfe\x04P\xac\xca~B(\xbe\x91c\xa3b\xb9\x08|z\xa6(\x1f\rC\x15\xb4&gt;\xd3UY\xe8t(\x13u%\x04={\xf8\xd8\xcd\x83\xa0v\xfd\x97\xd4\xee\x8eI\xa4\xabW\xed7yG\r\x95\x1ay\xb8f\xa2\x8f\x94\xb3'</t>
  </si>
  <si>
    <t>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</t>
  </si>
  <si>
    <t>b'\xb7g\xc1\xfe\x90 \xff\xbf\xf3\xfa \xd8\x924\xe1\xc1'</t>
  </si>
  <si>
    <t>traditional Roman private law, but on local customary arrangements. The
Roman government consistently tried to respect local arrangements and recognize
them as legally binding in terms of Roman law. This was the approach that the
emperor Diocletian used in responding to a petition concerning a remission of rent:
Concerning leases the faith of the contract is especially to be observed, if nothing specific
should be expressed against the custom of the region. But if some landowners have
remitted rent payments in contravention of the terms of the contract and the custom of
the region, this should not be able to prejudice the claims of other landowners. (CJust.
4.65.19, 293 CE [Diocletian])
The Roman legal authorities displayed this same flexibility in adapting other areas of
the law to the realities of the Roman economy, such as in their interpretation of the
tenantâ€™s security of tenure. In classical Roman law, tenants did not enjoy possession of
the land held under lease, so that they could be evicted from the land every time it
changed hands. But the example of Pliny suggests that Roman landowners found
ways to be more flexible in assuring tenants greater security of tenure. As in its
treatment of risk, the Roman government occasionally recognized as legally binding
traditional tenure arrangements offering the tenant greater security of tenure (Kehoe
1997: 181â€“236). This approach to land tenure explains a rescript from the emperor
Alexander Severus to a tenant who had lost his lease when the farm that he was
cultivating was sold. In this rescript, the emperor recognized that landowners and
tenants might make agreements that offered the tenant much greater security of
tenure than that implicit in conventional Roman lease law:
It is not necessary for the purchaser to allow the tenant to whom the previous owner had
leased to remain, unless he purchases under this condition. But if it should be proved
that he had consented in some type of agreement that the tenant remain in the same
lease, even if the agreement is not written, he is compelled in a judgment of good faith to
comply with what has been agreed upon. (CJust. 4.65.9, 234 CE)
This survey of the evidence allows us to identify some of the basic relationships that
defined the Roman agrarian economy. Even though the situation of the landowning
elite was quite enviable, we must also recognize the limitations on their ability to
310 Dennis P. Kehoe
make profits from agriculture. The revenues that the state and the landowning elite
derived from agriculture helped to sustain the magnificent urban culture of the
Roman Empire, but these revenues depended on extracting surplus production
from numerous small-scale tenants. This system of agriculture tended to become
fossilized, with l</t>
  </si>
  <si>
    <t>b'1\x1f\x9f"Y\xff\xe9L\xda\xd0Y\xdf\xdf(yx\xd6\xe6g\x1f\xd5\xdf\xdc\xbe\x118\xd8\xd8\x05m\x19\xf0\xf7\xb8\xd4s\xef"\xe9\xc6\x1b^\xf5\xd6K\xe8\xff\xdfDS\x1f\xf0[\x1f\xb3\x97\xfb\xd6\x84\x908\xfd\x04\x89\xbd\xadiFYE\x0b\xe8\xacfrd\x18\x11\xc1{\x8c\xf2\\u\\\xfe\x80\x8e\xb6\xb8B\x13\xf1e\xa8Iw?\xb8\x8a\x97\xe3p\x1b\xc5\xbd\n\xa1\xd1\xb4\x81\xe5\x00\xbd\x0e\xc8\x82/\xe0\x05j\xdb\xc6\xe92\xec\xfd2jI\xd1\x0b\x91\xc4\xb7\x1e\xae\xa8\xcf/r\xd5U\xe4\x95\x1bV\x14\xc1\xf1\xfe\xf219A\xef\xea\xd3\x1c\x9f^\xe6\x87C\x04\xc6x\xe5:&gt;iJ\xa5\xdf\xb6\xfa\xb0/t\x17\xfb\x8eQq~u\xf2\x99\x85n\x80\x90\xb0\xdd\xa6\xac_\xb7I\xf0\x15\x9e.\xbd\xd7\x06\xe8\xf65rT\xb1\x81\x19z\xecf\x1f\xa1\xc3\xe4\x7f\xfb\x94\x0b~K\xd7\x87hM\xb6\xd8j\x0eUV\x91\x1fC\xbb\xd7\x0c\xb1Z\x9c|\xde\xfa=&amp;\xa4\xb5\xa3f\xacg\xab\xef\xf33\xbb\xd5e\xd4\x05\xcd\x1cN\xdc+\xda\x86Y\xde\x83\xce\x97\x9a\x0e)\xc8@\xc4\xc1\x08\xd2\xf5\xc0O\x9f+_\xe3\x8dhJc#\xe7\x01}\xdbZz\xad\xac\x84\x01\x12\xa9\x9d\xb1\x9b\xc5?\xf1}W\xd6\xaf:\'\xbe\xcdX\xb6\xee4Vp\x1d}\xe4\xd0\xaf\x8b\xd1\xf5\x1e\xf5)\xef=\x07\x8e\x82\xe4\xcb\xd6\xa4\xd7\xea\xd9,&lt;\x15\xab\xe5\x97\xb4\x11\x9f\x8d\x82\x95\xc0\x0b\xc7\'\x06\xbb\x85\xb1\xfa\xb7\xc6\xa1\r\x8dV\xc8\xa2^u\xb89\xe3\xcd\x04nc\xcf7:6m\xcc\x11;\x9b\x9623e\x8a\xd9\x13\x94\x84\xa3\t\xa9\x00\x1b\xdf*i\x1f\x97:\xc8\x87\xc7BtL\x9b\xa18\xb9\xc2\'\xe0^\xc0\xe2\x9a\xcb\x8c\xff\xe5\xd9m\xc0\x1c\xb8eNK1M\x08f\x97\xcdmw\xaa\xd6\xc7\x11\xbcq\xc58;\xed\xc3\xbe*\x8c\xb1\xbfXbs\x93f\x03\x01\x93\xed)\xc6\x1f\xbb\xb0\xc0\x98\x81%^\x059\xc8\xc2\x04+\xe2\x12\x94\'\xb5E\x03B}\x96\xc4\xa1W\xdc9\xcc\xf7\x95\x8aO\x1f\xce\xfe\xbb\x16\xf2J@\xcabh\x1a\xfb\xac+\x86h\x1b\x04\xc3-y&amp;\xa4\xc8\x1e[v^\xad\x10$\xd7fg|;%\xc5eC&gt;\x88Q\x81\x8eV9\x05E\xc75\\\xee\xed\xe5\xdem_\xd4\x8a3\x18\xa8A\xbe8\xcd\x14_\x16\x9b\xeb\x90\xe0\xaai\xd0r\x8e\xafH\x17\x87{X\xdc\xfd\xad\xd0!\xb8.\xd0\xd9.\x96\xb7\x1d\xa6\xfdz\x05z\x90p+\x1f\x94\x18T7D\x1c\x91/iw#*[\xc5$\xf2\x98)l\x93\xeeh\x85\xee\xaa\x02\x04$\xb3\xfdz*\x10%\x89W\x15\x9aa#U9\x15\xac6\xc8\xe2Em\x9eo{\xb9l\xc4\x05u\xcd5\xf5\x15\xe5lA%t\xea\xe8#\xb7\x16\x8dTs\xa2\xcd|w\x0e\x91\xfc\x1f\x10\xd1\x98\x855B\xc5f\xe5\x86\x1b\xd3m\xf6\xe1\x15\xba\x9ev\x91\xa8K\xfb\xc1\x15\xb1.\xe0#\xd3\xe2-\xc2\xa4/\x04\xb3h\xba\x11\xbb\xb8\xde\x1b\x92]\xe8\x1350}@\n\xf8\xc0\x81\xad\xf9m\xac]\xc7\xa5\xae`\xbe\x1f\x15\xbeA\xf7^?i\x18\x03\x9d\xe72\x1da\x8c\xbe\xda\x9dX.\xceF\xbb\xa0\xbe\xa9\xbb\x14\x01\\\x1f\xe0\xec\xdd\x9b\x13\x8d\rp\xa5:\x8dU\xcdL\x14@\xf1i\x1f\xd1u\xbd\xfb\xdc-\xce\x15\x84%VR\xc3(\x91\x10\x8e\xf3!\x12\xbf\x03E\x13\xfcz\xd8\xe1\xb0Qi\xb5i\x1e\xd6\xac\xfd\x9a|\xa7rZ\xeb\x14/M\xdc\r\x11\x80\xc9\xc6k*\x80\xabb\xf8\xab\xf7\xcab\xb6\xd5B\x1e]J~X\x91\xdbl\x18c\xfa\xbdP\xf1k\xd1W\xb29\x17z\xc0\xe5R\xf9\x0f;\xf9S\x01\xfc\x9b\xf5\xb5\x1du+\xf5=\x01\xdb\xae\xce\xcf\x89P\x0b\xc0U/\x00\x06p\xa1\xc0\xdf\xa1\x84\x8e\xdfm\'\xaeK\xaf\xca\x0f\x9e \x0c\xf8\x9b_x]\xc3(\x90\xcb?w\x9fr\xacD\x10.\xb8g\x106\xf0\xc0\xed"\x08\xbd\x94\'\xa76ir\r\xbf\xe9\x01M\x1a\xf8\x99\x11\xcb\xe1T\xfd!D\xfddFMfEvFe\xb4\x90\xfb\xe2\x1e\xb4\xc5\xc7k:N\x93\xda\x8f\xdc\x8fK\x1d\xa4\xda\xba\xe2\xb3\xfa\xae\x9e\xa0\x02\x8c\xf0sp%\x02\xc2\x1c\xf1C+/\x85`b\xb7\xf6\x1e0&gt;0#\xac/I\xa8s\n\xa9$\x1e\xb7\xa9(Y\x16m&gt;\xb5\x1b\xcb3\xdb\xfbP\x002Z\xd7\x7f\x06$H\xee\xbbg\xa6:\xebh\xed$\xfc\xd3\x89\xcbT\x175\x12\xcciP\x9d\x8e\xa84\xd7\xfd\x91[0\xaa\xb6|=0\xceq\x08\xe3\x86\x1e\x8a\x0e\xe9\xcbhKN;\x9e\xd4\x15Je\x1f\x8d\xd6\xec\x9c;\xb9d\xde\xf4D\xdd/\xf0Gv\x1e\xef\x96`\xf1H\x8d\x90\x1f\xe9\xd7\x1e+l\x1b\x80\xa7\xfd3g9k\x8d"\xdf\xec|\xcd\xe9\xe1\xcde\xbf\xc7Q\x9c\xfc\xdbcZ\xbd?\x086J1!\xed\x06\x11\xf1\xa0f^fp\x9d\xedF^\x7f\x8ck\x82\xd3\xcdA\x83\x9b\xa3\xe9\x14\xa7\x9e\x9c\xae\x1d_a\x19\xa4$Q\xcd\x1c\xdd\xea\xec\xbd\xe3\x85M/\x12\xcb\xd3\xa9\xc0\xf5\xf6\xc8\xdf$\x00\x87%\xedk\xc0\xe8\xf6\xa4\xed\xddq%\xe6B\x07\x94U\\;\xcbUmk\xb3:o\xfd\xda\xc5R5.\xab?F\xa25\xf7\x0f\xcf\xf8\xf5\x95S\xa7\xf7\t\xa0\xb2\xcc\x17\xce\xc0yj\xa0\x95\x17\'\xbcD\xe9\xedrm\xae\x8b\rVI\x9e\x7f\x94\xd0\x13\xc2\x94!H\xc9e\x83\xb6\n6\xc4\x7f\xef_\x0b\xd8-)fS\x0e\x81Naa\xf8\r\xc1\x04\xe9\xbaO\x83I3S\xf9\x82\xff\xc3\xb3\xd6q+\xb0\xcd\x1cB\xae\xfc\x8f\xf2"k\x08\x17\xcc\xf4\xf1/\x1f\xf9\xf7\x1213\xcc\xf1\x1bU\xfe\x80E\x1a\xac\xb2pd\xc2\x85*\xf2\x9c7\xbf\xcc\x86?\xdd2\x86\xde\x9f\xf2\x88\xd1\xabY\xfeg\x1b\x88\x92\xd5C\x9d\xa4\xa5p\xb9\xb7\x9e]*\x92\x8c\x10v/&amp;\xa7\x8ew\x10\n\xd1\xd7^T&gt;\xe5,\xe7&lt;(\xcc\x07\x9f\xce\xf0\x8bl\x1d_a\xa6\xce\xcfe\xf5@\xbfq\x11\xb8\x0eK\x82\x84"\x97\xc02\xb2\xee\xdf\x91\n\x12`u1\xa9rg\xd1})\xf4\x985d\xf9_Ng0c&gt;\xc5\x86\xf0F0\xb3--,\xf9\x86\xddc\x81\x04(X\xdd\r\x93\xfa\xa8N\x82\xed\'(\x86\xa4N\xebT\x06ho\xf8\xed\xfd79&gt;\xbb*B\xab,\xe0N\xaf\xbe\xa7\x1dN\xf5\x93xz\x83\x8b\x83\r&amp;\x07\x8fIZ\x9f\xa9R\xdc*\x8b\xba\x13\xd1\xa6AZ\xad\x8a=wc\x1aTM6)\xe7\xa7B\rf]\xca\x06\xc9:\xe8\x086\x1b\xb2\xdao\xbd\x84R\xd8\xc81\x17?\x89\xad\x8aj8&lt;27\xa8\xa2\x9a\x8c\r\xfdc\n\xeaP\x87\x19\xf4\xb8\xbbV\xc5==\xdf\x8c\x92\x86\x885[\t\x01\xd3+\xc5\x86D\xe5\x0f\xde&amp;U|`\xa8\xdbI\x1e\x01\x98\x96\x1a`1L\xe4L\xb7rf\xf6\x06\xccdO\xe6\xb1\x85w\x1b\xa2\x9c\xe8n\xb9_a:g\\g*\xcc\xf0|\xd4\x9e\x08\xab\xa8\xc4\x1d\x82\xcaQZ\x14\xaf"G6X\xb9\x91\xed\x85y\xb5\xad%\xcc\xeb#\x95r\x01\x00\x11\x86\x15\x94]\xc2\x82\x19\x04\x0f\xfe\x04\x8c\x1d\xb7\x94\x91\xec\xc9T&amp;B\xc3\xea+\xbb!\x9f\xe5S\x82\xe0\x91\x85\xe6\xdcE\x14f\x16\x8b\xb9\xe0i\xd1\xdd\x9d\xc71$\xf2\x03:\xe5k\xa7\xdd\xca\x97\xdcH\x0b1~U(7\x13cto1B8\xef\x1b\xfdow\xc3\x9c\xdbG1\xb2\x13\x84/Rc\xbb\x87\x8e;+M\xc4\x97\x81\xf9\x19%\xee:\x90:\x07\xe2z\x14m\xb5\xd9\x8c\x85\x08\x03\x8f\xe7\x18\x1d\xe1\x1e~\xce#\x11\x02\x82\x9f\x005\xdd\xa4\xd2\xe4R_\xb2\xc1\xb0\xdcL}"\xfaG\xac\x9d\x95\x9e\x85\x0b\x11\x13\xd8\t\x86\x88;\xb7\xda\xd1\xac\xcdM\xa3\xcc\x95\xe0V\x14\xa8\x17\xe3ku\xc6R\x98\x9dI\xa2\x03\xe0 \xb7\xfcnz\'\xe4B\xd9\xc6r\xcb/\x82\xed\xf7\x05L\xfe&amp;\xc5\x90p\'"Z*\xa4vn\xd2\x9e3Q\x89\x92\xc2\xda\x02\x8e\x89[\xfa\xce\x045\xb0\xe1m\t{y&gt;\xe0S\xce\xb6\xb6T \xae\xb4b\x14\t\r\x0e\xcd\x96#D\x0f\x82\xffj?=Z\\C\xab\xd6h\xe0\xef\x85\xa4\xc5O\xe47/\xd3\xfe \x8a\xc7,^IJQ\xf6\xeaw\xe1W\x9f\xfb\t\xa2\xc0N\xae\x8f\xe9&gt;n\xa5Y(8\x12\xdf\x00\xd4y\xb6\xba\xcb\xafpn\x18I\xc5\xce#\xb7\x8f\xa9\x1a\x19S\xdc\xd8\xb1\xec\xad8\xe2|\xbek/\xbe\xd1\xdd\xc7qr\x95 hV\xd0\x89\xfa)\x8aZ,\x95\xab\xcc,\xf3\xf45\xcb)~^J\x027\x90\x8f\x99\xcc\x18\x0cSxx\x9b4\x8a\x0f&amp;\x7fP1\xed\x82\xfa/\xb0\x15\x04\xbf9\xa6\xd2\xda\xefA!\x0e\x1a\xcc\xb6\x82!f\x11\x9e\x0b"]1h\xba\xb96\x9dP\x858U/\x95\xc8\x8c\x90\x98U\xd7\x1f\xac\x11\x12\xa17\xa4\x9e\x07\xb2\xd2\x1bUC\xc9\x1c\x07\xa2\xba\xb8U\x01\x88\x07\xaet\xc6\xd7\xc7$\t\xdce7\xd1h\xee\xad)\t\xd2\xde\xc0\xd3\x10\xe8\x1eL0\xccW\x88\xac\x19h\xea\xd7\x17\x8a*\xd6\x10\x94\xd4\x85Su\x05\x97\xba\xd5\xd21\xfcyw0{\x03:\xd0D\xfa\xff\x1cW5^Vp^CP\x98\x91\xef\xb8_\xd8\x19.\xe5\x19\x04\xea\xcdc\\Jd\x9c\xe1\xb0\x9a\x14\xac\x03\x1a7F\xaf1\x18\x9e&lt;\xc7vI3\x8a/\xf5\xea0M\xder\xd7\x00y?\x90T\x8f\xcc\xae\xdf\xb7[Q*b\xd2\xd1\x1dc0\xd7\xee@\x96\x12E\x1c.\x85/A\x96\xa1\xa1 \x8e47\xdd\x08 \xe4\x9b\xc2}A\xa4w\x90\xc6\xd9\xc1e\x82-W\t\xdb+&gt;\x01I\xe7\x07F\xf7\x06]\xe0\xf0I\x16\x8b\xd3\xb5NyH\x0cs\xa8\x9a\xec\xee\x1a\x03CJ\xba3\\\n&gt;\xc0&gt;B\x92\xed\x87\x9e\xb4\xd0\xec\x9c\x90\x97\x9fm\x8c\xcd=`\x19\xa1\x83W#\xc9\x0b\xb1\xc8f\x82p\x85\xbal\x92\x94\x89\xa07C\xd0o\x1c\xa1\x10\x7f\xc6#\xdcL~\xb2J\x85`\xf3N\x90\xb1\xb3\x06=A\xa6\xad"\xaf\xf8\xa2i\xf5\x18`\x91\xea0\xd1\x98\x04\'\x06\x0cH\'\x19\xbd\x9f\xdaja\x0e\x18\xe1\x8b\xf0Y\xefF%R-s\xaf\x83\xd3\x0f\xb6\xe9fxY\x14\x02]+\x1cH\'\xc2\xa1\xc8\xc9[\t\x88\xa0\x87\xfc\xf1\xe7\xe8\xcf\x9a6(\xa52-O\x83=\x19\x97\x06\x7f6\x01\xbab\xb0\x0f\xb6A\xf14\xc5\x17\xc2\xe9\xba\x86\n\x05\x8e\x8f\xd4|tnu\x90\x8c\xf4\xbf\xaf\x99\x11\x8c\xe2l:\x17E\x07n80l\xd6v\xf3\xebxE"h\xea\xba\xfb\xf3\xedi\x1b[\x1e!\xe16\x17J\\t\x1d\xc8\xf2\x8a\xd3\x94\xf3\x10\xb2k\x9d\x86m\x1dn\x9dV\xab\x9e\x08vx\xb8\xe8\xc7"\xa3j\xb2\xdb\x1eM\xb6D&amp;\x8eSoM\x95\xc2o\x04\x04\xd0&gt;B\xdb\x14[Oh\xf6\xf45\xcdZ{\xe83|\xeb\xbb29n\xc3\xd5\xcc\xa2\xaa\xd3\xcf[\x9e\xa6=A\xfd\xac\xf9y[e\xe4@\xa8B]\xd8\x1a\xd6\xf7\xdc\rO\xa7\xdd\x83\xb1K/\xe2%\xf1\xb3\x17\x94\x8c\xc4]\xccNT\xd0\x10\xab\x08\xed\xfc\xdc0\xb8\xb2\xfem9i\nT\x0b\x10\xda\x18mO,\xd7\'ZK\xedp\xca\x1d\xfb;\x07#N\xdf\xd6\xc0\xd6\x82'</t>
  </si>
  <si>
    <t>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</t>
  </si>
  <si>
    <t>b'1\x1f\x9f"Y\xff\xe9L\xda\xd0Y\xdf\xdf(yx'</t>
  </si>
  <si>
    <t>comfort, and there was not a drop of
 water to drink. The afternoon wore on, and the sun got low. I saw the other colts led in,
 and I knew they were having a good feed.
 "At last, just as the sun went down, I saw the old master come out with a sieve in his
 hand. He was a very fine old gentleman with quite white hair, but his voice was what I
 should know him by among a thousand. It was not high, nor yet low, but full, and clear,
 and kind, and when he gave orders it was so steady and decided that every one knew,
 both horses and men, that he expected to be obeyed. He came quietly along, now and
 then shaking the oats about that he had in the sieve, and speaking cheerfully and gently
 to me: 'Come along, lassie, come along, lassie; come along, come along.' I stood still and
 let him come up; he held the oats to me, and I began to eat without fear; his voice took
 all my fear away. He stood by, patting and stroking me while I was eating, and seeing the
 clots of blood on my side he seemed very vexed. 'Poor lassie! it was a bad business, a
 bad business;' then he quietly took the rein and led me to the stable; just at the door
 stood Samson. I laid my ears back and snapped at him. 'Stand back,' said the master,
 'and keep out of her way; you've done a bad day's work for this filly.' He growled out
 something about a vicious brute. 'Hark ye,' said the father, 'a bad-tempered man will
 never make a good-tempered horse. You've not learned your trade yet, Samson.' Then
 he led me into my box, took off the saddle and bridle with his own hands, and tied me
 up; then he called for a pail of warm water and a sponge, took off his coat, and while the
 stable-man held the pail, he sponged my sides a good while, so tenderly that I was sure
 he knew how sore and bruised they were. 'Whoa! my pretty one,' he said, 'stand still,
 stand still.' His very voice did me good, and the bathing was very comfortable. The skin
 was so broken at the corners of my mouth that I could not eat the hay, the stalks hurt
 me. He looked closely at it, shook his head, and told the man to fetch a good bran mash
 and put some meal into it. How good that</t>
  </si>
  <si>
    <t>b'z\xf3wC\xa8\xdc\xb4='</t>
  </si>
  <si>
    <t>7af37743a8dcb43d</t>
  </si>
  <si>
    <t>Ï€ m v Ï€v r Ï€
 P
 r O X v
 i X
 R E
 i X
 (b)
 Figure 5.46 (a) Output impedance of degenerated stage, (b) equivalent circuit.
 212 Chapter 5 Bipolar Amplifiers
 where the negative sign arises because the positive side of vÏ€ is at ground. We also recognize
 thatrO carries a current ofiX âˆ’ gmvÏ€ and hence sustains a voltage of (iX âˆ’ gmvÏ€ )rO. Adding
 this voltage to that across RE (= âˆ’vÏ€ ) and equating the result to vX, we obtain
 vX = (iX âˆ’ gmvÏ€ )rO âˆ’ vÏ€ (5.195)
 = [iX + gmiX(RE||rÏ€ )]rO + iX(RE||rÏ€ ). (5.196)
 It follows that
 Rout = [1 + gm(RE||rÏ€ )]rO + RE||rÏ€ (5.197)
 = rO + (gmrO + 1)(RE||rÏ€ ). (5.198)
 Recall from Eq. (5.146) that the intrinsic gain of the transistor, gmrO _x0002_ 1, and hence
 Rout â‰ˆ rO + gmrO(RE||rÏ€ ) (5.199)
 â‰ˆ rO[1 + gm(RE||rÏ€ )]. (5.200)
 Interestingly, emitter degeneration raisesthe output impedance fromrO to the above value,
 i.e., by a factor of 1 + gm(RE||rÏ€ ).
 The reader may wonder if the increase in the output resistance is desirable or unde_x0002_sirable. The â€œboostingâ€ of output resistance as a result of degeneration proves extremely
 useful in circuit design, producing amplifiers with a higher gain as well as creating more
 ideal current sources. These concepts are studied in Chapter 9.
 It is instructive to examine Eq. (5.200) for two special cases RE _x0002_ rÏ€ and RE _x0005_ rÏ€ .
 For RE _x0002_ rÏ€ , we have RE||rÏ€ â†’ rÏ€ and
 Rout â‰ˆ rO(1 + gmrÏ€ ) (5.201)
 â‰ˆ Î²rO, (5.202)
 because Î² _x0002_ 1. Thus, the maximum res</t>
  </si>
  <si>
    <t>b'\x8b \xdbG{]\xc7\xed\xdby\xec\x94o\xec\x8f\xed'</t>
  </si>
  <si>
    <t>8b20db477b5dc7eddb79ec946fec8fed</t>
  </si>
  <si>
    <t>o increase due to a tem_x0002_perature change, then resistor RB passes this
 voltage increase to the base, raising the V B E and
 hence the collector current. The collector voltage
 thus falls back to nearly its original value.
 The use of negative feedback also improves
 the speed of the circuit. In fact, optical communi_x0002_cation links used in the backbone of the Internet
 often employ this type of amplifier topology so as
 to accommodate data rates as high as 40 Gb/s.
 Next time you send an email, bear in mind that
 your data may go through a self-biased stage.
 Figure 5.23 summarizes the biasing prin_x0002_ciples studied in this section.
 5.2.5 Biasing of PNP Transistors
 The dc bias topologies studied thus far in_x0002_corporate npn transistors. Circuits using pnp
 devices follow the same analysis and de_x0002_sign procedures while requiring attention to
 voltage and current polarities. We illustrate
 these points with the aid of some examples.
 Example
 5.15
 Calculate the collector and voltage of Q1 in the circuit of Fig. 5.24 and determine the
 maximum allowable value of RC for operation in the active mode.
 R
 I C
 R Y B
 I B
 X
 C
 Q1
 VCC VEB
 Figure 5.24 Simple biasing of pnp stage.
 Solution The topology is the same as that in Fig. 5.13 and we have
 IBRB + VEB = VCC. (5.89)
 That is,
 IB = VCC âˆ’ VEB
 RB
 (5.90)
 192 Chapter 5 Bipolar Amplifiers
 and
 IC = Î²
 VCC âˆ’ VEB
 RB
 . (5.91)
 The circuit suffers from sensitivity to Î².
 If RC is increased, VY rises, thus approaching VX (= VCC âˆ’ VEB) and bringing Q1 closer
 to saturation. The transistor enters saturation at VY = VX, i.e.,
 IC RC,max = VCC âˆ’ VEB (5.92)
 and hence
 RC,max = VCC âˆ’ VEB
 IC
 (5.93)
 = RB
 Î² . (5.94)
 From another perspective, since VX = IBRB and VY = IC RC , we have IBRB =
 IC RC,max as the condition for edge of saturation, obtaining RB = Î²RC,max.
 Exercise For a given RC , what value of RB places the device at the edge of saturation?
 Example
 5.16
 Determine the collector current and voltage of Q1 in the circuit of Fig. 5.25(a).
 R
 I C
 R Y
 X
 C
 Q1
 VCC
 1
 R 2
 I 1 I B VEB RThev
 VThev
 R
 I C
 Y
 X
 C
 Q1
 VCC
 I B VEB
 (a) (b)
 Figure 5.25 (a) PNP stage with resistive divider biasing, (b) Thevenin equivalent of divider
 and VCC.
 Solution As a general case, we assume IB is significant and construct the Thevenin equivalent of
 the voltage divider as depicted in Fig. 5.25(b):
 VThev = R1
 R1 + R2
 VCC (5.95)
 RThev = R1||R2. (5.96)
 Adding the voltage drop across RThev and VEB to VThev yields
 VThev + IBRThev + VEB = VCC; (5.97)
 that is,
 IB = VCC âˆ’ VThev âˆ’ VEB
 RThev
 (5.98)
 =
 R2
 R1 + R2
 VCC âˆ’ VEB
 RThev
 . (5.99)
 5.2 Operating Point Analysis and Design 193
 It follows that
 IC = Î²
 R2
 R1 + R2
 VCC âˆ’</t>
  </si>
  <si>
    <t>b'\xd6l5\x90\'\xed"\x87\xc7\x9d\xb2Z(\xc2\xad\x89'</t>
  </si>
  <si>
    <t>d66c359027ed2287c79db25a28c2ad89</t>
  </si>
  <si>
    <t>part of the
 chamber. 'We are betrayed,' said they; 'but let us listen a moment,
 perhaps it is only our comrades come in from the mountains, and if so,
 our work is sure; listen!'
 A distant discharge of shot confirmed this supposition for a moment,
 but, in the next, the former sounds drawing nearer, the clashing of
 swords, mingled with the voices of loud contention and with heavy
 groans, were distinguished in the avenue leading to the chamber. While
 the ruffians prepared their arms, they heard themselves called by some
 of their comrades afar off, and then a shrill horn was sounded without
 the fortress, a signal, it appeared, they too well understood; for three of
 them, leaving the Lady Blanche to the care of the fourth, instantly rushed
 from the chamber.
 While Blanche, trembling, and nearly fainting, was supplicating for
 release, she heard amid the tumult, that approached, the voice of St.
 Foix, and she had scarcely renewed her shriek, when the door of the
 room was thrown open, and he appeared, much disfigured with blood,
 and pursued by several ruffians. Blanche neither saw, or heard any more;
 her head swam, her sight failed, and she became senseless in the arms of
 the robber, who had detained her.
 When she recovered, she perceived, by the gloomy light, that trembled
 round her, that she was in the same chamber, but neither the Count, St.
 Foix, or any other person appeared, and she continued, for some time,
 entirely still, and nearly in a state of stupefaction. But, the dreadful
 images of the past returning, she endeavoured to raise herself, that she
 might seek her friends, when a sullen groan, at a little distance,
 reminded her of St. Foix, and of the condition, in which she had seen
 him enter this room; then, starting from the floor, by a sudden effort of
 horror, she advanced to the place whence the sound had proceeded,
 where a body was lying stretched upon the pavement, and where, by the
 glimmering light of a lamp, she discovered the pale and disfigured
 countenance of St. Foix. Her horrors, at that moment, may be easily
 imagined. He was speechless; his eyes were half closed, and, on the
 hand, which she grasped in the agony of despair, cold damps had settled.
 712
 While she vainly repeated his name, and called for assistance, steps
 approached, and a person entered the chamber, who, she soon
 perceived, was not the Count, her father; but, what was her
 astonishment, when, supplicating him to give his assistance to St. Foix,
 she discovered Ludovico! He scarcely paused to recognise her, but
 immediately bound up the wounds of the Chevalier, and, p</t>
  </si>
  <si>
    <t>b"c\x15gL\t\x9a\xa5\x18k5\xcf\x05\xeb\x84\x80&amp;*-\xba\xf0\x0fc\n\xad+\xe2D!?\x00r\n\x13W\x96\x0f\xd6\xc3'\xb4\x86\xa0\xa8\x90\xe2)L\x87\xe6\xa7u\x85;\t\x910\x07\x15\xf2\x02\x98\xaf|\x87"</t>
  </si>
  <si>
    <t>6315674c099aa5186b35cf05eb8480262a2dbaf00f630aad2be244213f00720a1357960fd6c327b486a0a890e2294c87e6a775853b0991300715f20298af7c87</t>
  </si>
  <si>
    <t>b'c\x15gL\t\x9a\xa5\x18k5\xcf\x05\xeb\x84\x80&amp;'</t>
  </si>
  <si>
    <t>ationoverÎ½implied),where istheLorentztransformationmatrix.If Â¯ S
  ismovinginthexdirectionatspeedv, hastheform
  =
  âŽ›
  âŽœ âŽœ âŽ
  Î³ âˆ’Î³Î² 0 0
  âˆ’Î³Î² Î³ 0 0
  0 0 1 0
  0 0 0 1
  âŽž
  âŽŸ âŽŸ âŽ , (12.114)
  and Î¼
  Î½ istheentryinrowÎ¼,columnÎ½.A(second-rank)tensorisanobjectwith
  twoindices,whichtransformswithtwofactorsof (oneforeachindex):
  Â¯ tÎ¼Î½= Î¼
  Î»
  Î½
  ÏƒtÎ»Ïƒ. (12.115)
  Atensor(in4dimensions)has4Ã—4=16components,whichwecandisplayin
  a4Ã—4array:
  tÎ¼Î½=
  âŽ§
  âŽª âŽª âŽ¨
  âŽª âŽª âŽ©
  t00 t01 t02 t03
  t10 t11 t12 t13
  t20 t21 t22 t23
  t30 t31 t32 t33
  âŽ«
  âŽª âŽª âŽ¬
  âŽª âŽª âŽ­
  .
  However, the16elementsneednot allbedifferent.For instance, asymmetric
  tensorhastheproperty
  tÎ¼Î½=tÎ½Î¼ (symmetrictensor). (12.116)
  In this case thereare10distinct components; 6of the16are repeats (t01=
  t10, t02=t20, t03=t30, t12=t21, t13=t31, t23=t32). Similarly, an
  antisymmetrictensorobeys
  tÎ¼Î½=âˆ’tÎ½Î¼ (antisymmetrictensor). (12.117)
  Suchanobjecthas just6distinctelementsâ€”of theoriginal16, sixarerepeats
  (thesameonesasbefore, onlythis timewithaminussign)andfourarezero
  (t00, t11,t22, andt33).Thus,thegeneralantisymmetrictensorhastheform
  tÎ¼Î½=
  âŽ§
  âŽª âŽª âŽ¨
  âŽª âŽª âŽ©
  0 t01 t02 t03
  âˆ’t01 0 t12 t13
  âˆ’t02 âˆ’t12 0 t23
  âˆ’t03 âˆ’t13 âˆ’t23 0
  âŽ«
  âŽª âŽª âŽ¬
  âŽª âŽª âŽ­
  .
  Letâ€™sseehowthetransformationrule(Eq.12.115)works, forthesixdistinct
  componentsofanantisymmetrictensor.StartingwithÂ¯ t01,wehave
  Â¯ t01= 0
  Î»
  1
  ÏƒtÎ»Ïƒ,
  butaccordingtoEq.12.114, 0
  Î»=0unlessÎ»=0or1,and 1
  Ïƒ=0unlessÏƒ=0
  or1.Sotherearefourtermsinthesum:
  Â¯ t01= 0
  0
  1
  0t00+ 0
  0
  1
  1t01+ 0
  1
  1
  0t10+ 0
  1
  1
  1t11.
 564 Chapter12 ElectrodynamicsandRelativity
  Ontheotherhand,t00=t11=0,whilet01=âˆ’t10,so
  Â¯ t01=( 0
  0
  1
  1âˆ’ 0
  1
  1
  0)t01=(Î³2âˆ’(Î³Î²)2)t01=t01.
  Iâ€™llletyouworkouttheothersâ€”thecompletesetoftransformationrulesis
  Â¯ t01=t01, Â¯ t02=Î³(t02âˆ’Î²t12), Â¯ t03=Î³(t03+Î²t31),
  Â¯ t23=t23, Â¯ t31=Î³(t31+Î²t03), Â¯ t12=Î³(t12âˆ’Î²t02). (12.118)
  Thesearepreciselytherulesweobtainedonphysicalgroundsfortheelectromag
 neticfields(Eq.12.109)â€”infact,wecanconstructthefieldtensorFÎ¼Î½bydirect
  comparison:25
  F01â‰¡Ex
  c , F02â‰¡Ey
  c , F03â‰¡Ez
  c , F12â‰¡Bz, F31â‰¡By, F23â‰¡Bx.
  Writtenasanarray,
  FÎ¼Î½=
  âŽ§
  âŽª âŽª âŽ¨
  âŽª âŽª âŽ©
  0 Ex/c Ey/c Ez/c
  âˆ’Ex/c 0 Bz âˆ’By
  âˆ’Ey/c âˆ’Bz 0 Bx
  âˆ’Ez/c By âˆ’Bx 0
  âŽ«
  âŽª âŽª âŽ¬
  âŽª âŽª âŽ­
  . (12.119)
  ThusrelativitycompletesandperfectsthejobbegunbyOersted,combiningthe
  electricandmagneticfieldsintoasingleentity,FÎ¼Î½.
  Ifyoufollowedthatargumentwithexquisitecare,youmayhavenoticedthat
  therewasadifferentwayofimbeddingEandBinanantisymmetrictensor:In
 steadofcomparingthefirst lineofEq.12.109withthefirst lineofEq.12.118,
  andthesecondwiththesecond,wecouldrelatethefirstlineofEq.12.109tothe
  secondlineofEq.12.118,andviceversa.Thisleadsto</t>
  </si>
  <si>
    <t>b'\x91s7%fc(&gt;\x16\xffv?\x94XkO#\x19S\x00\xc29\xfe\xb71\xc1q~\x81A+\xe3'</t>
  </si>
  <si>
    <t>917337256663283e16ff763f94586b4f23195300c239feb731c1717e81412be3</t>
  </si>
  <si>
    <t>b'\x91s7%fc(&gt;\x16\xffv?\x94XkO'</t>
  </si>
  <si>
    <t>when you do the same thing to number (iv), you get
  into trouble:
  âˆ‡Â·(âˆ‡Ã—B)=Î¼0(âˆ‡Â·J);
  (7.36)
  the left side must be zero, but the right side, in general, is not.Forsteady currents,
  the divergence of J is zero, but when we go beyond magnetostatics AmpÃ¨reâ€™s law
  cannot be right.
  Thereâ€™s another way to see that AmpÃ¨reâ€™s law is bound to fail for nonsteady
  currents. Suppose weâ€™re in the process of charging up a capacitor (Fig. 7.43). In
  integral form, AmpÃ¨reâ€™s law reads
  BÂ·dl = Î¼0Ienc.
  I want to apply it to the Amperian loop shown in the diagram. How do I deter
 mine Ienc? Well, itâ€™s the total current passing through the loop, or, more precisely,
  the current piercing a surface that has the loop for its boundary. In this case, the
  simplest surface lies in the plane of the loopâ€”the wire punctures this surface, so
  Ienc = I.Fineâ€”butwhatifIdrawinsteadtheballoon-shaped surface in Fig. 7.43?
  No current passes through this surface, and I conclude that Ienc = 0! We never
  had this problem in magnetostatics because the conflict arises only when charge
  Capacitor
  Battery
  FIGURE7.43
  Amperian loop
  I
 334
  Chapter 7 Electrodynamics
  is piling up somewhere (in this case, on the capacitor plates). But for nonsteady
  currents (such as this one) â€œthe current enclosed by the loopâ€ is an ill-defined
  notion; it depends entirely on what surface you use. (If this seems pedantic to
  youâ€”â€œobviously one should use the plane surfaceâ€â€”remember that the Ampe
 rian loop could be some contorted shape that doesnâ€™t even lie in a plane.)
  Of course, we had no right to expect AmpÃ¨reâ€™s law to hold outside of magne
 tostatics; after all, we derived it from the Biot-Savart law. However, in Maxwellâ€™s
  time there was no experimental reason to doubt that AmpÃ¨reâ€™s law was of wider
  validity. The flaw was a purely theoretical one, and Maxwell fixed it by purely
  theoretical arguments.
  7.3.2 How Maxwell Fixed AmpÃ¨reâ€™s Law
  The problem is on the right side of Eq. 7.36, which should be zero, but isnâ€™t.
  Applying the continuity equation (5.29) and Gaussâ€™s law, the offending term can
  be rewritten:
  âˆ‡Â·J =âˆ’âˆ‚Ï
  âˆ‚t =âˆ’âˆ‚
  âˆ‚t ( 0âˆ‡ Â·E) =âˆ’âˆ‡Â· 0
  âˆ‚E
  âˆ‚t .
  If we were to combine 0(âˆ‚E/âˆ‚t) with J, in AmpÃ¨reâ€™s law, it would be just right
  to kill off the extra divergence:
  âˆ‡Ã—B=Î¼0J+Î¼0 0
  âˆ‚E
  âˆ‚t .
  (7.37)
  (Maxwell himself had other reasons for wanting to add this quantity to AmpÃ¨reâ€™s
  law. To him,therescue of the continuity equation was a happy dividend rather than
  a primary motive. But today we recognize this argument as a far more compelling
  one than Maxwellâ€™s, which was based on a now-discredited model of the ether.)20
  Such a modification changes nothing, as far as magnetostatics is concerned:
  when E is constant, we still have âˆ‡ Ã— B = Î¼0J. In fact, Maxwellâ€™s term is hard
  to detect in ordinary electromagnetic experiments, where it must compete for at
 tention with Jâ€”thatâ€™s why Faraday and the others never discovered it in the lab
 oratory. However, it plays a crucial role in the propagation of electromagnetic
  waves, as weâ€™ll see in Chapter 9.
  Apart from curing the defect in AmpÃ¨reâ€™s law, Maxwellâ€™s term has a cer
 tain aesthetic appeal: Just as a changing magnetic field induces an electric field
  (Faradayâ€™s law), so21
  Achanging electric field induces a magnetic field.
  20For the history of this subject, see A. M. Bork, Am. J. Phys. 31, 854 (1963).
  21See footnote 8 (</t>
  </si>
  <si>
    <t>b']\xf4"|\xc9L\x8b\xf5\x18J\xea\xa48\x91X\xa6d\xce\x1b\xe7\x0bmZ\x8d\xbcU\xb7~\xe4&lt;\xd2\xe4'</t>
  </si>
  <si>
    <t>5df4227cc94c8bf5184aeaa4389158a664ce1be70b6d5a8dbc55b77ee43cd2e4</t>
  </si>
  <si>
    <t>b']\xf4"|\xc9L\x8b\xf5\x18J\xea\xa48\x91X\xa6'</t>
  </si>
  <si>
    <t xml:space="preserve">.0 Unit Overview and Description
?Overview
?Knowledge and Skill Outcomes ?Assessment Plan ?Learning Outcomes ?Resource Material
?Topics Covered
Voltage &amp; Current
  Resistance, Ohmâ€™s law, V-l Characteristics, Resistors, Capacitors, Inductors, Voltage and Current Sources, Symbols and Graphical Representation, Conversion of Current and Voltage Sources, Overview of AC, DC, Cells and Batteries, Energy and Power.
Overview
This unit starts with the understanding of fundamentals of electrical parameter (Resistor, capacitor, inductor) their Properties etc. Further different types </t>
  </si>
  <si>
    <t>b"\xecb6Y2\x86\x1d\x15\xa6\x90\xc3\xae;\x8f]\x9eS\x11\x18C\x02\x00\x07\x00\xa3\xa0\x15m\x12\xc6h\xb8\xa4\xb9\xe2\xbd\x91\xe1&lt;\x19\x1ek\xc7\x1aN\xd24@]8\x8a\xb5\x1e\xd9|yM\xa4B\x00\x05\xcdAq\x10\xae\x82!\x8c\x8a\xdc\x81!\x97Z\xacr\xb3\xcb\xdc\x83\xe3\n\xfe\x95\xbd\x9c\xe4\xf8\x86g\xd9\x1a\x98C\\.\xaf\xe3\xc9UTa[\x0c:\x16/&gt;r\xad\x01\xcd\xd4\xce\x8a\xf4\x03\xfe\xab h\xcf\x198\xe9\x11Y\x95\x18\xd9\xb3jN\x99\x1c2\xb7{){Q\xcc\x1c\xfd\xe0\x12\xa5\x86\x1bu]d*~\xe2\xd9f\x0c7H\xe5r^\xf7\xc4h\xd6\xc3\xd3V\xf2H1&gt;\x0c\x00\x83?\x1ei\xf7\xf4O\x87\xb2A\\\x15[Nfm\x14\x82\xb0\x17\xc9\x9fM\xebY\x8f\xa4C\x1c\x9b\xf7\xe8\xdc76\xb3\x82T\xa2H~,t\xff\xff\x15\x9b\x0c.n\xbd\xf6%\x11\xa9\x1a\xa0\xd3\x86\x1e\x80\xcc\xec\x81'S\x0c\x9a`\x0b\xdar\xb9;gu\xa2\xca1\x89{@\x87\xa3\x0c$\x0ep\x8e\xb6\xbc\xb3\xf9\xabN\xc0\x86\xa6#x\xcdEk\x02\x7f\x87\xb4\xa3\x8eG\xb0@\x90\xc47\x8d\xfe=\x02c^\x9d%\x7f#\xb9pR\xceg\xc0P`M\x99y\x8c\xcd&lt;\xe9\x1b\x83E\x1d\xa3\x12\x93!\x7f\xe0G\xac\x8a8`\xab]wL\xef\xa5\xdf\xeb.\x83o\x19\xc9\xfe\xeb\x99\x08)=`\xae\x9f\xc7~|\xa8W\x08\tb\xe8\xa0\xdf\xe7\xb9\xb3\xfc\xbb\xd2\xdd\xfc\xc9*\xfe\xf7\x18&lt;\xbb\x8eY&lt;\xeb\x0b=\xdf$!;\xe3\xfdG\xe71\x0fz\xe4\xcc-^\xfb\rL\xda\xf7\xf3]z\x16\xdcW\x87\x90\x1c\xee\xd1Y\x91\x0b\xa5\r\xad\x1ec\x8c\xb1\x1bg\xc8K\x9c\x0f\xe5c\x15\xe6\xa3V\xd3L\x8fp\xceT\xf4\xb9F\xe2\x90'\x8e\x9d\xefJ\xef\xda\x8c\xd4\x19\x18R\xba\xb0\xef\xcb\xd1\x1c\xba/\xd9,Y\x1fP=\x07c\xba8\x8c\xb1\xbf=\x14\xd3o\xf2\xe5\xde\x94\xb4\xe5\xfa7\x11v\xe7a\xfb\xa8\x8c\x8c*\xd0\xbf\xc0&gt;\x9f\x9fT*\xcd\xcca\x1e\xc3\xf5\xa3\x88v\xba6#\xb5\xd7\x86\xdaR\x0e_\xc2\x8f\x98\xedu9\x02\x92p\x15\xdc\x95\xa3VZ\xb4\xe0\xad\xe0\xa6.\x14\xba\xb3\xa0kk\x0b'\xd8\x99)g\xf8D\x12\xf6\xe6\x07\x04n\x80\xbd\x8b&gt;\xbd\xe3\n!"</t>
  </si>
  <si>
    <t>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</t>
  </si>
  <si>
    <t>b'\xecb6Y2\x86\x1d\x15\xa6\x90\xc3\xae;\x8f]\x9e'</t>
  </si>
  <si>
    <t>ho Chung, National University of Singapore
 Jonathan Conning, Hunter College and The Graduate
 Center, The City University of New York
 Brian Copeland, University of British Columbia
 Barbara Craig, Oberlin College
 Susan Dadres, University of North Texas
 Ronald B. Davies, University College Dublin
 Ann Davis, Marist College
 Gopal C. Dorai, William Paterson University
 Robert Driskill, Vanderbilt University
 Gerald Epstein, University of Massachusetts
 at Amherst
 JoAnne Feeney, State University of New York 
 at Albany
 Robert Foster, American Graduate School of
 International Management
 Patrice Franko, Colby College
 Diana Fuguitt, Eckerd College
 Byron Gangnes, University of Hawaii at Manoa
 Ranjeeta Ghiara, California State University,
 San Marcos
 Neil Gilfedder, Stanford University
 Patrick Gormely, Kansas State University
 Thomas Grennes,</t>
  </si>
  <si>
    <t>b"0E\x02!\x00\xe3mrE2l\xf7\xd7\xadaw&amp;yiJe%K\xf7\xf0\x83\x15\xb4Y}%n\xde&gt;\x89\xdb3\x02 V\xd8\xa1\x12\x8dS\xe0\xb0\xf4_\xfcm\x89\x1a\x03\xecW\xff-\x9b\x88}\xdd\xca\x9c\xf5\xb3\xcb\xca'\xb9\x8b"</t>
  </si>
  <si>
    <t>3045022100e36d7245326cf7d7ad61772679694a65254bf7f08315b4597d256ede3e89db33022056d8a1128d53e0b0f45ffc6d891a03ec57ff2d9b887dddca9cf5b3cbca27b98b</t>
  </si>
  <si>
    <t>b'0E\x02!\x00\xe3mrE2l\xf7\xd7\xadaw'</t>
  </si>
  <si>
    <t>er.
 The terms of trade argument against free trade, then, is intellectually impeccable but of
 doubtful usefulness. In practice, it is more often emphasized by economists as a theoreti_x0002_cal proposition than actually used by governments as a justification for trade policy.
 The Domestic Market Failure Argument Against Free Trade
 Leaving aside the issue of the terms of trade, the basic theoretical case for free trade rested
 on cost-benefit analysis using the concepts of consumer and producer surplus. Many
 economists have made a case against free trade based on the counterargument that these
 concepts, producer surplus in particular, do not properly measure costs and benefits.
 Why might producer surplus not properly measure the benefits of producing a good?
 We consider a variety of reasons in the next two chapters: These include the possibility
 that the labor used in a sector would otherwise be unemployed or underemployed, the
 existence of defects in the capital or labor markets that prevent resources from being trans_x0002_ferred as rapidly as they should be to sectors that yield high returns, and the possibility of
 technological spillovers from industries that are new or particularly innovative. These can
 all be classified under the general heading of domestic market failures. That is, in each of
 these examples, some market in the country is not doing its job rightâ€”the labor market is
 not clearing, the capital market is not allocating resources efficiently, and so on.
 Suppose, for example, that the production of some good yields experience that will
 improve the technology of the economy as a whole but that the firms</t>
  </si>
  <si>
    <t>b'0F\x02!\x00\xe0\xa0\xc8\x06_\xc0\x06\xf95\xe5\xff\x04[\xb8\x8f\x98q\xa6%\x9eX\x1f\x051M\xd6\xf86\x1ct8\xcd\x02!\x00\xff\xf9\xaa!\xeeI,\xaa1\xb8\xbf"\x82z7\xae\x87\xf7\xb6B\xce\xcar#e\x98\x85\xd2;\xa0\x18\x8e'</t>
  </si>
  <si>
    <t>3046022100e0a0c8065fc006f935e5ff045bb88f9871a6259e581f05314dd6f8361c7438cd022100fff9aa21ee492caa31b8bf22827a37ae87f7b642ceca7223659885d23ba0188e</t>
  </si>
  <si>
    <t>b'0F\x02!\x00\xe0\xa0\xc8\x06_\xc0\x06\xf95\xe5\xff'</t>
  </si>
  <si>
    <t>ere, light was admitted, and
 smoke discharged, through an aperture in the roof; and here the scent of
 spirits (for the travelling smugglers, who haunted the Pyrenees, had
 made this rude people familiar with the use of liquors) was generally
 perceptible enough. Emily turned from such scenes, and looked at her
 father with anxious tenderness, which the young stranger seemed to
 observe; for, drawing St. Aubert aside, he made him an offer of his own
 bed. 'It is a decent one,' said he, 'when compared with what we have just
 seen, yet such as in other circumstances I should be ashamed to offer
 you.' St. Aubert acknowledged how much he felt himself obliged by this
 kindness, but refused</t>
  </si>
  <si>
    <t>b'T\x8d\xb2\xbd\x1c\x96r\x88\xf4\xac\xd7}:\x98\x80\xd4\x056\xdc7;0\x90\xc4\xc9\xe4i\xde\x91j9IP\xddz\x14\x89:dk\xcd\x10t\x14e\xe8\x98\xd4&amp;\xa5\xbbi$X{\xfdHO\xae\x98\x88\x91\xf6&lt;'</t>
  </si>
  <si>
    <t>548db2bd1c967288f4acd77d3a9880d40536dc373b3090c4c9e469de916a394950dd7a14893a646bcd10741465e898d426a5bb6924587bfd484fae988891f63c</t>
  </si>
  <si>
    <t>b'T\x8d\xb2\xbd\x1c\x96r\x88\xf4\xac\xd7}:\x98\x80\xd4'</t>
  </si>
  <si>
    <t>entific discoveries.
It was the first time Mary had heard of them, either, but even at this stage
she had begun to realize that, queer as he was, Colin had read about a great
many singular things and was somehow a very convincing sort of boy. When
he held up his head and fixed his strange eyes on you it seemed as if you
believed him almost in spite of yourself though he was only ten years oldâ€”
going on eleven. At this moment he was especially convincing because he
suddenly felt the fascination of actually making a sort of speech like a grownup person.
"The great scientific discoveries I am going to make," he went on, "will be
about Magic. Magic is a great thing and scarcely any one knows anything
about it except a few people in old booksâ€”and Mary a little, because she was
born in India where there are fakirs. I believe Dickon knows some Magic, but
perhaps he doesn't know he knows it. He charms animals and people. I would
never have let him come to see me if he had not been an animal charmerâ€”
which is a boy charmer, too, because a boy is an animal. I am sure there is
Magic in everything, only we have not sense enough to get hold of it and make
it do things for usâ€”like electricity and horses and steam."
This sounded so imposing that Ben Weatherstaff became quite excited and
really could not keep still. "Aye, aye, sir," he said and he began to stand up
quite straight.
"When Mary found this garden it looked quite dead," the orator proceeded.
"Then something began pushing things up out of the soil and making things
out of nothing. One day things weren't there and another they were. I had
never watched things before and it made me feel very curious. Scientific
people are always curious and I am going to be scientific. I keep saying to
myself, 'What is it? What is it?' It's something. It can't be nothing! I don't
know its name so I call it Magic. I have never seen the sun rise but Mary and
Dickon have and from what they tell me I am sure that is Magic too.
Something pushes it up and draws it. Sometimes since I've been in the garden
I've looked up through the trees at the sky and I have had a strange feeling of
being happy as if something were pushing and drawing in my chest and
making me breathe fast. Magic is always pushing and drawing and making
things out of nothing. Everything is made out of Magic, leaves and trees,
flowers and birds, badgers and foxes and squirrels and people. So it must be
all around us. In this gardenâ€”in all the places. The Magic in this garden has
made me stand up and know I am going to live to be a man. I am going to
make the scientific experiment of trying to get some and put it in myself and
make it push and draw me and make me strong. I don't know how to do it but I
think that if you keep thinking about it and calling it perhaps it will come.
Perhaps that is the first baby way to get it. When I was going to try to stand
that first time Mary kept saying to herself as fast as she could, 'You can do it!
You can do it!' and I did. I had to try myself at the same time, of course, but
her Magic helped meâ€”and so did Dickon's. Every morning and evening and
as often in the daytime as I can remember I am going to say, 'Magic is in me!
Magic is making me well! I am going to be as strong as Dickon, as strong as
Dickon!' And you must all do it, too. That is my experiment Will you help,
Ben Weatherstaff?"
"Aye, aye, sir!" said Ben Weatherstaff. "Aye, aye!"
"If you keep doing it every day as regularly as soldiers go through drill we
shall see what will happen and find out if the experiment succeeds. You learn
things by saying them over and over and thinking about them until they stay in
your mind forever and I think i</t>
  </si>
  <si>
    <t>b'\xf9\x9d\xb1yE\n\xe5g\x0c;\x85;v\xe8w8\xf5\xaeWO\x18a"\xabc\xb3\xda\xea&amp;\xd3a6\x06ka\xc1\x1d\xbd_`\xaf\x95a?\x1a\xc7\x87\xba\xca\xe1\xf6\x02\xe9\xc0gs\xbd|:v\xc5\xf6x\xd50S\xeb\xc5\x14\x84c\xfb\xba\xe7F\x0f@ot\xbf&amp;0\xfd\xe8\xca\x08L\x83r\x96y\xd7\x08&amp;{\xbdy\xc0\xc3-X2\xa59%Ch\xc5r\x93S~$\xb6\x0eL\x14\xc0\x07u\x06\x84\xc5\x05\xfet\x04,\xbb.;\\\xb9b\x8d\xde\xa7\x851\x9e\x106\xdbeV_S\x9f\xe7\xb0\xa2\xe2\xe7\xdd\xdc\xe8V\xa9\x83\xb3\xdd\\\x1f\t\x92\xa2d\x7f\xeb\x0b\x95S*\xec&gt;\x19\xb8T\xec\x1eKtp\x9a\xa9\xca\xb0\x07\xef\x1a*\xf5\xbad\'\xef\xab)t\xb9?\x04\xa7\xfd\xd4\xc1\x7fbs\xfe\xb9B\x92\xd4v"X\xb4\xdar4\xc3.t\xc6\x19\xf5L\x8b\xf8\xd2\xf4\xfa\xfc\xcd\x01n\xb3*\x18\xddj\xc9\x8a\x01\xa8\x81\xee\t1V\xcf/\x10X\t\x9b\x02$\x00\xad;\xcb\xc5\x93\xd0XW\xd6[\x1d\x97Z\xdf\x0f\x8b8V\xdd\x19\xa1\x0e\x96q=\xe9\xf9\x82o\xeaY\xabF\xc9"\x96\xb0\xf2\x93\x8ahl\xc5\xc9\x04}\xbc\x0e\x18\xc4!\xde\x81!\xcf\xe5fG\x8cz\x10Yj\xff\x91\x9a\r\xf9\x1dif\x0e\x9f\xc0h\xce-\xe8x\xb4\x17\xa1$E\xcd\x90L\x9d\xd9\xe8\xff\xfc\xd96\xfd\x9e\x7f\xd1\x98+\x1d=O(\xc8\xf8\r\xd9(\x93]V\xddf\xe0\x86\xf3\xa7\\\xd8\x8d\x97\x15?9\x8c\xdb\xa5_W.\xd4$\x03g\xe4\x89T:\x95\x8c\xffp\xce\xb1\xe6\x8a&lt;\xcd\x10\xe7\xbe\xa0\xf5\xd4\x9e-\xb4\xd0\xd4\xa5\xb3W\xa0\xec&gt;1r=h\x12S\xab3\r\r\x04#CPaH\xa8@\xe6\xcf\xdf\xa2\xd9\t\xfa8ig\x9d\xa8\x8fi\x1a\xbf12D\x97\x184\xa6\x0f\xfd\x86Z\x97\xf5g\x06\x87lX\x1f\xf2s\xc1\xad\xe8\x1e\xf5\xf4\x95]\x98\x1c\x10\x05\xa2\xef\xdf\xaf&amp;\xed\xe6\xd6&amp;\xaa\x9b\x8c\xda\x91\x179.\x82W\xb0/\x80~7\x0fcb#p\xf3v\xc5\xf49\xc4\r\xeb\xdfG\xb3\x91\xa3\xa2\xd2\xc5n\xd4W\xd8\xd9+\xfet5\x85\x90M\x88\x01`\xc0\xdf\x15\xe4\x93f!\x05\x18RQ\xb6&lt;a\xe7_\xb4\xaeURH\xdd\xf2\x8f\x01\xfd\x8c\xb8\xdc\x12-\xe6\xc3\xce\x077m_\xba)\x89\xfbZ\xc1\xa3E~\xe6\x04\n\xaa\x08\xe5\xba\x1f\xf0\xae&lt;A}J\xbc\xc8\xc5\xedF\x93\xb9G\r\x9f\x1d\x91s\xf9\xccw\x04{\xf7\x9c\x02\xd8\x1eo\x98bC\x92G[\xf9\xdf\xb7z\xb6\xb1v~6\xc5\x1d[\xc4\xe9\xbck\x19\x90`\xcde\xa0y\x8f\xbb\xe5\xb5\xbc&lt;\x02y2\x0e0\xce\xa9\xbaT|\xde\x06!\x8b\xd5\x98\xc7\xeaY\x19="3\xb4=\xde\xd7\xb2\xcaX\xaf\x1d\xef\xfbs\xcd\x00Z\xab&amp;\xc2\xf3\xc2\xbc\xc2n\n\t\x84y\xf4A\x1c\x85;&lt;\te\xc5\xc9\xabM\xb1\xe0\x96"7\x06\x04\xb0\xb9\xe0\xbf\xc2\xfd\xdf_\nM\x99r\x9f\x12y\x97\xb9\x9c +\x1b\xec8\xaabF\xef\xfdN \x89x\x89r\x044e\x1f\xbc\xa4\x15\x8du\xbf\x00\x1c\x07\xadyv"\xee\xfa)hx\x94\xb5Y_[\xdf}t8\x18-\x177`S\x8e\xfc}\xfb\x0b\xeb\xab\rqK\x0eq\xb58\x80\xe6\xcal\xbcv\xd6\xac\x02c\xd8\x99v!2+\x06\x10\xb3S\x9f\x0c;;\x89\x92\x88\x8a9 \xaf\xd4"S\xf2\xd1\xfd\xef\xb7Sd\xaa\xd5\xbd\x04\x93&amp;\xf8\x06w\x075\xc5\xac\xbc\xb5_\x00\x91\xbb\xdb"\xea\xce\xfbVB\xaa\xc6J\xbas\xee\xb3.\x0bSF\xec\xbc\xfa\xc3\xab\xb6%\xcc\xa5\xc3\xf3\xaa\xc2_T\x16\x91t8\xbf?\xfa\x8e\x1b\x88\x06!J2k+\xb1\x03q\x81\x0e\xcd\x8f(\xa5\xb4\x95\x193_O\x88&lt;O\xb2\x007\r\xb1~\xad\xa6U\xf1\x03k2\x14|D.\xd5=M\xcb\xa3\xc9\xfd\xe5\xf6\x9aH\xccp\xff;\xeel\xf67\xc8-\xe7\x14*e\xa7c\xe0s\x95q!\xbc\x85)\xb1\x1b~W\xad\x1d\x02\xb0\xa72&amp;=GT \xdeF\xc7\x1f \x96aA\xa4\x1f?|1\xbd\x9d\xa80\xf0\xe2|/\x07\x81b\xcd\xf5\x9e\xde\x8b\xfb\xba\xa4\xab\xc9\xf4Q\x11\x87*\x94\x9d\x01\\\xaa~%d1;\xdd|Om=:\xd6\x836\xe5\xfbH\xb5\xb0)\x04\x0e\xe5\xe2\xe0\x0e\xfb\xaa\x12.38\xe85H7j\xab\xc4\xbb\x1eL#f\x85\x14\xf6\xe3\xeaX\x7f\xb2\x0f\x02\x04\xe8\xcd\n\x06]jx\xad\x91\xbf\x07\xdc\xa8\xe6\x1b\xa7\xc8\xb8\x92\xba!\x1b\xdf\xd7\x82\xa4\xcd\xeb\x998\xa8\x0cxw\x12\x0eXx\xb5\xde\x95\xb1\x971o`\x92\x90JX L\x02;\xea$\xb3T\xfed{\xf1\xb2)(\xbdD\xa1\xb0[F\xa0+\\v\x0f[/\x8e\xc6\xca&amp;g\xa9a&lt;\x16V\xebgFy\x08.\xab\xbe\xec\x05\xcd\xe9\x85\xc5\x05:Q\xbc E\xc9*\xe0\xffrR\xaa\xc2K\xaf6yh\xe1\'\x96\xc2KN\xcd\xba\xdd\x1d\xd6\xbb\x0bB\x1f\x03\x92\x8f\xf6\xad\x92B\x18\x8d\xdb\xc6\x16G\x16d03\x9d\xb6\x18\xddUe\'\x86[\xd1\x96\xb2\xb8\x8e\xaa\\SL\xb3;\x91\x90\x1d\xeav\xf9Jb\x9c\xe0\x17.\x0fK\n\xd8g\xc4\xed\x0c#)\x04\na\xa5\xefn\xfa\xbcf\xf5\xccq\xd2\x8c\xe7\xf8&lt;:V\xd7\xc6N\xa7\xa3\xff\tC\x9b\x9d\xec\xa5R\xbeL\xebM\xa3\x17\xe1`\xf1\x03\x1a\xcd\xee\x7f)\xa2\x8e(1\x98\x16\xf0\x16\x0c\xdf\x10\xc9\xf0\x0f\x15KN6U!\'#\xe4\xd1Y\x94\x9d\x87\xde\xe40\xd3R\xe9\xe6j\xd1V&amp;\xc7\x9d/-"\x14z+_\xcb\x1bn\x91l\x18\xa4\xd9\xecly\x15\x98\xac*M6IANe#+en\x8f\xfb:X\xd4_K\x98\xd8@(\xc2xi\xb8\r\xf1\xfeO\x05@\x18\x15\xc2\x98\xcb\x15\x88\x8a\x8c\x0b\xd9\xb9\\S\xab"\x91\xe7\xea\x1b\x83\xe5da\xec\x9d\xdaTs#\x01e\xf9}\xe7\xd7L[\xf6r\xb1\xecp\xfc\x1c\xc3\xbf\x8c\x114%\xd1S6\xba(\x85\x14\xb8\xd4Ogd\xce0\x1ao\x87\xb92\x90\xd7\xd3\xe8\xd8E\xa4\xe7-{\x903\xe9-\x8e8o\xady\x8dCU7\xba\xe4`\x10w\xb2Tw\xeb\xea\xf8e\xe7\xa0~A\x1a\xc4\x12.\x00R\xbb\x7f\xe7n\xc2\xf3@\xb8\x02\xf3%\x13\xcfv\x02\xc9\x88\xfad\xea\xf1\xe0\xe6K\x1fR\xfdw\x8fO\xcc\x14\x8f\x97\xe0\xc8\xbf\xe4\xa5kd$\xcd\xe6\x1aizJ\x0f?\x1e\x98\xc6\x81\xeb\x1d\xd5$\x96\x11\xc9\xaa#\xf7\xe4\x8d\\\xa3-\x81\xac\xe2_^A\xd1\xe0+\x81\x89\xe9\xb3\x96\x9fy\xed\xdf\xc1\xf0\xb6OsP#qVZ\x9b\xc2\xaa\r\xfc$j \xfc\xf1Bu`O1b \x00\x88\x8b\x8d7\xf0\x8e\xf4\xa6I\x1a\xfe\xdf\x96\x87\x89\xe4\xf8G\x1a96a\x04zq\x9a\x00\xbb\x02\x98\xb8\x95}\x91\xbb\x83^*\x8a\x92pW\x01\xae\x1ar\xd9\xee\xa0/d\xa3\xbb\xf6\x94\xaaid=J\x15\xfc\xad\xcc|d\xa6;K\x9b\x15\xb9\xa6P\xeb\xc2\'\x98=vl\xa5R\xc1\xac\xc8x\xbc\x00\x0bapU`\xf5_\xa5\xba\xf9\x15I\x0f\x10c\x16\xcer\x17l\xed|\xef%\x85=gJ\xfd\xdd\xf8|#\x0cn}\x1c\x9du\xdd\xeb\xafdj\xdcq\xce\xc1\x17i\xd4L\xbd\x8a\xe4\x9d\x15!\xc9J[\xf3F&lt;N\xbe]6\x8b\xec|\x08\xe0\xb8\xe7\x06\xe6\xa16\xef\x19\xab\xfa\x81\xa8\x86\xb9\xf1\x1a\xf0\xfc\\\x1fN\xfc\xefT\xd9\r\xb3\xaf\xebr\x846\x02\xab6B\x1b\xb59Ah\'\xe7\x9b\xb4\x19?\x1aF\xad\xf2ksk\xd3\x00\xf1\xee\xa3\x97z\xbd\x87Y\x08!\x8a\xfe\x1b\r2}D\x94\xa1#T\n\x14\xe0\xb6\xc4:H\xba\xda\xb2\xbd?\x1f.&gt;\xf4\x9e\x8a\x0e/\xb7\x80\x82A\xb0\xb3H\x0b\xd1\xbd\xb5x\x14e\x97:w\xbe\nN\x92\xad\xacYg\xa0\x8eU\xef\xcbX\x03\xb7\xce\x19"\x06\xf2\x81\xf4JM\x03)VW\xeaT\xa82\xca\x9b\xa7X\xd9\xfb\xa9\xf4\xcb\x1es\'^\x94\xb4\x08\xf1\x1d\'uP]\x87\x1a\x18\xb8\x98\xdf\xa1(-\xf5\xd7\x83\x83\xfa\xeb\xe2\xaer\xc6\xe1\xc3\xc3\x05|\xb1WIQ\xd3\xc2d\xb0[}q\x16\x17*Q\x08_\x9aX3\x99g\xdc\xec\\l\xe38\xcbk\x1ey.\xd8\x87\xac\xd2\xe5\xd0\xb8%5o\x1e\x9f\x90\x99\xe7\x1a\xf9G#\x0b{\xc8\t0\xcc\x0c\xb7\xf6&gt;\t$GUU-\n\xbb4\xd6ip\x82\x84\r\xb4ax\x7f\xca\x14y\xa9\xbb?[\xe1\x97\x13pp\x92\xee\x12h\x188\x16%\x0b*Yi&lt;[\xa2\x988\xa0\x9e\xec\xa8l\xf1\xcc\xd1O\xceUcp@\x1c\xaa\x0eN6\xcc\x80B\x16\x04\x9a\x19l&amp;I\xe7\x90\x81(\x8a\xd4\xb2\x1f\xa14\xeb\xd9\xc0\xe4\xfe\xd0\xd9@\xdf\x9d\xfa]d\xe5W\x82\xcf\xb3\xad\xff4(p\x10/\x12aX~\xe7\xba\'\xda\xe2V\xa3oh\x1b\x9c\xf2\xed\xf4\xf6\x01z\xea+\xc6\xb8\xbe\x82\xa6R\xdc\xda\xad\x97\xb3\xb1\xbc%f\x07\x81|.\xfa\\d\xc3v\xb3^\x13\xef\xbc\xe3\xaf-\xbd\x88\x84mK=\xb7r\x94\x9d^\xbb\xf5{t\x81\x150S\xdc\xeb,k\xfb\xf8o\xd4WT\xab\xf9\xd6\t1M\xa9\xe0\x851 \xfb\x0c\x8d7\xa5\x80\xdf?\xfa\x15\xeb\xe3`\xd2\xb7\xc9\x84//0\xa3J\xc7`9\xe8\xd61\xf5\x8c\x07`E\x91\xc7\xb3\xe7\xa8-\xdbwG\xf9NMM\xc0\xe2\xda\xfbE\xd2\xbcZ;\x80\x87\x07Qq\'\xca\xec\xff\x96\x98~\x8dh\xe8wY\nS`\xbco\xd5S\xa6\xe9\xd6\xbd\xf1\xb1e\xeaC\x08b\xd1\xc72L\x9a\xa4\xa9\xe0 \x98\xf3\x1a\x7f\x03\x05\x19\x82\x7f\xf0&lt;d\xa6\x99\'\x976\xbfo\xa2"\xaaW\xba\x8a\xbf\xb1\xcf\x1ff\x8f\xc9\x082!\xb1ZvK\xaf2o\x93\xcaa`\xf7\x03\x0e\xed\x82\xd7\x99\x11UN\x96_\x9b%\x85\xfb\xa0\t\xa8L\x1c8\xe9C`\xf9\\\x02\xab\xa5\x08RgY)\xc57\xa4\xdb\xdc\x00\n\xc2\xfbw{y\xae\x1d\x9c}\x1f`%3!&gt;+\x93i\x90\xb5\x03w\x94\x1c\xe2I\x00\xab\xef\xfe#\x0fK\x947\x1b\xee^W.\x96z\xfb\x04\x8c\x08\x1e\xafp\xb7\x05\xef\x9b\x8d\x12\xff\x8e\x05!\x87\xbd\xd0\xa6{\x1e2\r\x8d\xbc\x8c\xe2$\x9d6g\xf2\xd5\x9d\x8c\x11\xd3:\xec5\x18}o\x01\xc4\xe4\x81\x18\x11\x8e\xdd\xa3|\xa31\xdav\x95{\x8cE-\x1e\x91N6\x96\xac\xc7\xdc\xf9\\\xac\xd1\xb5\xb7M\x01\xa4\xbd\x86\xb8\x15\xbb[\xb4\xe1R\x1d\x92\xf8j\xe4HW\xad\xdb\xb5j\x10\x00\x96\xf0\xb9\xb9\xaa\xd2\x081\x86F\xf6\xcaC\x15$\xae\xa2\x1dV\xbe\x9c\xbaf\xfe\x8d\x05\xab\x013\x97\xa3\x10\xea1\xed\x80\x0bX\x9f\xec\x0b\xc3\x0c\x1a\xae#\x1dNF\xf5B\x03\x0eVP\x10q\xd6QvH\x8e\x9b\x00\x90\xce\xec\x8a\x08\x11+\xe1BQo\xb9I\x93m\x8c\xb2\xa5\x1e\x1a\xb4akL\x06\x14\xd0\xfeKeu\xe0\x9f\xa0\xc7=\xebT\x85\xfb\x91r\xaf&lt;\xf3\x0b\x86\xb8\xd8p`\xdf\xb5\xb9\x054\xc9\xf6\xd36\xe5k\x123\xfe\x0f"\xcd\x9esZ\x15(\xde\xd2\x94a\xb6\xae\xf8\x8cg\xa9\xc6\xd8\xa4\x85ZV3Tj\xb9G\xc2\xaa\xe6\xab\x88\xed\xe9\x9e\xef\x10EI\x87\x9e\xcbT\xeds&lt;\r\x86\xe3\xc8\'\xe3e\xa1\xe0\xc0n)R\xb74\xf3\xd6v\xc0\x04t\x99\xf1\xa6%xT\x93\xd7T\xe9\xaeP\x98\xae\xe0\x01\xf5QQFt\xab\xcb\xb0c\xec\x9e\xdf\x8e\x03#\xdd\x17\x9a\xdadn\xa0)\xb44\x86\x1e8\x9f\x96Pb1\n\x1a\xab\x03\x98\\8|i:\x17\x1e\xd3bv1c\xa3\x9c\x83r;\x8e9\xd0\x13\xda~l\xd4\xe3\x97\x8f\x88ke\xc6d\x8e\xa2\xf9\xdfsq\xbf\xdd\x1a\x7f\x8e\xb7_\x9c\x8b^\xde\x11\xbc\xb1\xf0iQ\xf8p\x83\x8f\xac\xd8\x89f!\xfb\x80y@\x11\x91\xca\xd1(\x8ei.Q)i?\x80\x1e2\xe0\xbcPzR\xb6\xb4~`h\xb5\xba\xb7"w\xd6vF\x05\xc58g\xef\xee\x964\xb8\x85L\x133}s\x10\x0b\x84\xa4jJo\x907\x1bV:\xde\xf9a\xf5{7&lt;oWoc@Y\xdcw\xeb"\xb5\x9f6\x06\xc0T/\xea\x06f\xb4\\[;\xe2\x0cK?\xb2\xf9\n\x13\xe0@\xab\x1dP\xe7S%\x8ems\x9a\xad\x81y\xea\xdd\x9c\xf7\xa3e\\\xa4;\x1b6\xa1\xf8$\x85\xd6\x97\x8e\xce\xf7\x95\xb4\x11g\xe0\xe7\x1d\x1c&lt;\xa68\xd4\x90\x02\x0ey\xb67\xf3}\xec\xa8t\xda7\xc7\xbaq}\xba\x1c\xd7\xba\xf5\xa0\x05C\x97\x92}ta\t\x1e~\xfc4\x858\x19s\xe9\xa5[\x93\x16\x01\xaf\xa9=\xc4\x82)\xaf\xe2\xb0?F\xf5\xca\x10\xef\x7f\x10\x0c\x9eay\x8f{\x82\'&gt;\x05FZ\xd6\xf5\xc8\x04\xd7\x14\x91\xe3\xc2\x13\xfb|\xe9\x0eS\xaa\xc2\x8d\xf4o\x93\x83\x0f\xb8m\xe3\rS\xb8\xbc\x8eSe\xd0V\xa0\xb2\xde\xa8\xd2\xc5dw\x91\xc9:\x94\x08\xac\x89\x06X\x05\x89/\xd4\xfa\xfd\x11\x7fVd|\xf8\xd1\x9bm\x02\xed=5\xc9\x8e\x92\xcd\xfbS9\xaa\x069k\x11\x05\xd6+8\xdd#\xfc\x9b\xd3\x86$;\xaa\xd9!y\xdf\xdd?\t\x06&lt;\x1eW%r\xe5H\xa3\xfc_\xcc\'\xa1\xbc\xd0\xe4`\x9a\xbe\xbd\xd4Bo&amp;\x84Z\x95\xd9\x15\x18\xf9E\x8c R\xddC\x84\x86\x13]\xa1\x94@.e#z5\\3e\x8e\x85\xa5H\xf9)\xcd\xd7\xae\xd2f[\xd4\xd1\\\x0bXB\xe8\x16\xa2\xd9\x8dn\xe2&lt;\x1d\x8ac\x94v\xbeEk_\x9b\xc9X\xa9?nKX\xcaQ6\xaef\x8cV\xe9\xdf\x0f\xa8OZ\r\xbe\xb1\xc63\x8c\x9c\x07\xa5\xc8\xe8\xfc\x1fS\xe6I\xab{\xf3\x8e\x8b\x9f\xc1\x85\x10K\x95\x84\x8aLM\x9f\xd2\x0b\xe9\x83\x8a\xfe\x9dU\xcd\x04\xfb\x14R\xe30\xbfM"\xb2p\xd9\xab\xb5\xca\x9f\xd8\x8c\x9e\x8e_\xb6\x14x\xdf\xf9\xeb\xa6l-&lt;s\xdb\xe5\xd4\x00[\x16\xe8\xa3%\xa3\xc2q\x04\xf4\xbb\xbc\x9b\x0e\xdc\xeb\x99(X\x159\x88"j\x85\x9cy\xc5\x83?\xba\x8a\xf0\xa5\x03\xf1\x06\xea&amp;L\xd3\xb9\xf4&amp;\xbbf\xce\xe5\xe5\xba\rC\xf5\xc7\x879\xe8\xe4\xe96\xaaR\xae\xb6\xaf\x97&gt;\x8fxI`iZ\xf0\xd5D\x17\xe1\x8d\x16\xecB\x9f\x90\x08f&lt;\x1f\xbf\xad=\x02[\xe0W\x96\xd4\xc7d2\x04\xba\xaf\xe0e\xf9\x04\xcf\x15\x80k\x9b\x04\x0cIpk\xbe]6\x11Z\xeb\xa3]/0\xda\xa2\x08\x9f\xe56\xf7;\xd2\xa6q\x85\x19\x0b\x07\xc9\xd7\xfa\xc9]\xe5)QPg/\xcdR\xf2\xd5\xf2^\xfd\xf8\x9d&lt;\x01\xcf7\xc9\x16\xb2\xab\x9d:y\x12LpM\x18\xe7\x14e\xce\xb2\xf5\x88\x83j\x8cx\x97@3;\x8c\xa0\xf9\x9a%G\xca\xa1\xe9\xdf\xe6\x993\x9f|\xd6\x14\x11\xd7\x88\xbf\x85R\x96\xb8\x0f\x7f~\x85&lt;\x80\x93\xd8\xdc/\xa4\xde\xc3`\x95;\xfc\x16J\x17\x11'</t>
  </si>
  <si>
    <t>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</t>
  </si>
  <si>
    <t>b'\xf9\x9d\xb1yE\n\xe5g\x0c;\x85;v\xe8w8'</t>
  </si>
  <si>
    <t>es and richly
frothed new milk and oatcakes and buns and heather honey and clotted cream.
"They are eating next to nothing," said the nurse. "They'll die of starvation
if they can't be persuaded to take some nourishment. And yet see how they
look."
"Look!" exclaimed Mrs. Medlock indignantly. "Eh! I'm moithered to death
with them. They're a pair of young Satans. Bursting their jackets one day and
the next turning up their noses at the best meals Cook can tempt them with.
Not a mouthful of that lovely young fowl and bread sauce did they set a fork
into yesterdayâ€”and the poor woman fair invented a pudding for themâ€”and
back it's sent. She almost cried. She's afraid she'll be blamed if they starve
themselves into their graves."
Dr. Craven came and looked at Colin long and carefully, He wore an
extremely worried expression when the nurse talked with him and showed him
the almost untouched tray of breakfast she had saved for him to look atâ€”but it
was even more worried when he sat down by Colin's sofa and examined him.
He had been called to London on business and had not seen the boy for nearly
two weeks. When young things begin to gain health they gain it rapidly. The
waxen tinge had left, Colins skin and a warm rose showed through it; his
beautiful eyes were clear and the hollows under them and in his cheeks and
temples had filled out. His once dark, heavy locks had begun to look as if they
sprang healthily from his forehead and were soft and warm with life. His lips
were fuller and of a normal color. In fact as an imitation of a boy who was a
confirmed invalid he was a disgraceful sight. Dr. Craven held his chin in his
hand and thought him over.
"I am sorry to hear that you do not eat anything," he said. "That will not
do. You will lose all you have gainedâ€”and you have gained amazingly. You
ate so well a short time ago."
"I told you it was an unnatural appetite," answered Colin.
Mary was sitting on her stool nearby and she suddenly made a very queer
sound which she tried so violently to repress that she ended by almost
choking.
"What is the matter?" said Dr. Craven, turning to look at her.
Mary became quite severe in her manner.
"It was something between a sneeze and a cough," she replied with
reproachful dignity, "and it got into my throat."
"But," she said afterward to Colin, "I couldn't stop myself. It just burst out
because all at once I couldn't help remembering that last big potato you ate
and the way your mouth stretched when you bit through that thick lovely crust
with jam and clotted cream on it."
"Is there any way in which those children can get food secretly?" Dr.
Craven inquired of Mrs. Medlock.
"There's no way unless they dig it out of the earth or pick it off the trees,"
Mrs. Medlock answered. "They stay out in the grounds all day and see no one
but each other. And if they want anything different to eat from what's sent up
to them they need only ask for it."
"Well," said Dr. Craven, "so long as going without food agrees with them
we need not disturb ourselves. The boy is a new creature."
"So is the girl," said Mrs. Medlock. "She's begun to be downright pretty
since she's filled out and lost her ugly little sour look. Her hair's grown thick
and healthy looking and she's got a bright color. The glummest, ill-natured
little thing she used to be and now her and Master Colin laugh together like a
pair of crazy young ones. Perhaps they're growing fat on that."
"Perhaps they are," said Dr. Craven. "Let them laugh."
CHAPTER XXV
THE CURTAIN
And the se</t>
  </si>
  <si>
    <t>b'\x11\xd2\xfa\xf9\xee)\xd6\x06\xa6b}\xd5\xbb3UG&gt;\xfcP\x9a\xd1\x94C\x80\xf0\xad\x91\xc5Z\xa0mQ\t\x12\xdbu2\xb6\xf0\xe6Fr\xb0\xc2O2\xf1\x13-4h+\xcfM\xaf\xb17;?\x8f"\x0b*\xe9\xae&amp;?c-\xfe\x1c\xbb\xd0F\x05X}pF\xf8\xdbi\xf1c6K\x11\x0b\x92!I\xdd\x9d\xca\x12\xa6\xe9\x8f\xbb\xad\xee\x88CLE\x0e\xe7q\r\x99\x0bO\xd2&lt;\xea\x11\xd8e\xa2/\xdfT\xd9\xc4Xy\xcf\xa0\xa9\x0c\x17\xcd\xe1e\xbd\xcf\x85\x12}s\xb1}Y\xa5\xb8Z;\x8f\x88_\x9dJ[\xc6{\xb9/H\xbae\xca"\xeeh\xa9\xac\xf1\xbe\xa4\x9a\xc0\xe2$t\xbe\xf9\xdc\x88\xeb\xa6R\x96\x97#m\xef\xf6\xe2\xbd\xfe.n3\x9e\xe4\xb5\x9e\xe6H\x9c\x8f\x8bBd 5\x9dlB\xf9y\x8b\xf1\x9b\xf8I\xf9I\'\xa9F8+\xf6\xc7\xc3\xed\xf4\x85\x10w4\xd4\x90\x0b?L\xfcfM!\xc0\xa6\xed\x8b\x98\xd6\x1d\xfb5:\xd4j\xb3i\x0bm\x16q\xc0\t9\xd1\xfb\x8fQ|\xfd\x8e\xc6[3\x95\xe7\xd9\xfe\xe1\xfa(C\x1d\x17\xe8LEw\xdf\xb4\x8a\x11\xb1\xe9KS\xb9}Fi&lt;\x999\xe9[t}\xdc\xce\x16\x8c/]U\xa7\x9b\x9de~"\x7f\xd6!\xa2\xc5px\xcf\xa74\xf5\x0c\xa3d\xc8N\x98\xfaX\xe6\x92\x99\xf7\x07]\x80\x95\x96\xe8\x1c\x95\xf4&gt;\x16bta\x95\xab(\x04\xf0\xd5\x80E\x96t\x1fSN\xa9\x10\xee\xdc\xb8\x01\xcd\xe3\x12\x8c\xc4v\x92\xe6\x15\xf8"\xb8\x81[\xb5\x1f\x1a589\x9f\x83\xcd\xf1d\xc8b\x9d!\x95\x96!\x82\xa62\xb0\xb5:?\xbb \xdb\x85\xf4=\xfaxTB\xe8\x8d\x12\x88$z\xd5\xcc\xa8\xed\x809\x00\x8e\xf3"\x97\xdb\x84-\x07p\xf8\x8d\xf43\x8f\xcf\'\x8cD\x0c\xbb\xa3\xd7W|\xbd\xbc\xfbw\x88\x98\x964\xd0\x84\xf0x\xab\xa2C\x86d\xb2Gt!kW\xb5\xb7\xea\x9e,\x80]\xaeU\x91\x1d\xbbw\x85Z\xe5\x9e\x9d\xbf\x0f\x9aKJ\x8b\xc2\xbf8\x89\x12o\x8e\xa8Xm&lt;\x85\x1d.!\x17\xc2\xa4\xc3\x1d\xc3\x9a\x92mzD\xc6\xd3z\xd0A\x04\xee\xde(\x02D\x89\xc5\xbc47,\x84\xa3\xca\x90\xf2\x86\x07k\xdb\xcc^\xfe\x05\x99\xf2\xc7{\\)\xbf\xa59\x1a\xde\xed9DA^\xa3\x89\xc8\xad\x9b\x06\xc1\xffC}\xfc\x87\xfe\xa9\x9b\x86\xfb\x94\x8fH\x16\xf7^}\xd19\x9e\x87\xe0\x94H\xd8{\x9c\x90n\xdf\xfa\xd4\x07\xc7`\xdd}\xd6\xe6\xfak\xba\xd3$\x84.\xaa\xf4\xacW\xc0`\xceEJ\xc9\x10-Z\xd3\xff\xd7u?C\xf5\xd2\xf5%g\xd3\x81_,\x16\x8b\xeb\xe2-U\x08\xc9\xd7/3\xdapt\x7f\xc3\x02W\x8f\xd4\xe3\x152\x95&lt;z\xb4.\x9ft\x8dw\x93\xb8\x11f\xbbg#P7\xe6\xd5\xb4.\x90\xb3\x00\xe9\xbd\xb5g\xa8\x8b\xbe\xc0\x10G\xc6\xbf8\xdds\xe7\x81\x92\x9d$\x9f8sMcp\xb4W\xc5\x0f\xbf_\xc56H\xe2}~7\x94\xd4\x9a\x1d\x8c\x9f\'&amp; \xfe\xba\xc6\xf1\x1dm\x01\x0eS\xae\xd4\xb5\xd8\xaaw\\X\xbb\x83\xfe\xc7\xf7\xc8\x14\n\x1b\x14B \xb0\xafX\x8ak\xe6\x8a\xd4\x94\xf2\xe5\x12o\x19\x1b|2a;\x19\xcd\xc4\x8a\x96\xde\xb1\xee\xbb\x90\xe0B\tGg\xeb\x1d1\xa9\x1f\x11IGV\x06\x10\xbb\x94g\xbc\xc2aa*\xed\x82\xc6\xf5\xec"y\xfa\xd4\x00\x9c\xe61\xee\x8b\xa0&lt;\xadO\xa2\xb7\xcf6(\xd22\xc2\x8b\x82pc#:J\x814t\xe6Y\xb7\xc9\x12\x8f\xad\x81L\xcdG\x01\x9eNe\xdb\xc4\xb1\x8d\xf6\x97y\x82\n\x95\x02\xbe\x05vt\x1e@\x05\xb6[\xf3u\xac&lt;_\x89\xb2My\xac\xdb\'PN\xea\xf6\xa1\x10\xe5s\xbd\x84\xe6\xae\x9a\x92\xf2\xab \xd4X\xd5\r\xd4\x1e\x0bc`\xab\x81\x19\x17F\xa1\xc3\t\xb7\xab\x8b\xa2\xd6xf\xd4:\x81,n\xfd\xfe\x94\x93\xba:L\xa2\x14\x811-\xdb\xcf\x943\xd6\x8a\x0e\xd9\x08"\xd4\xe0\x91\xdc\xab\xf5)\xbapZ\xf3 \x1a\x99\x98\xdbq\x18\xd0\xeeBM\x7fn\xd8\xe4\xdf\x03\x0f\xc9X*n\xa4%\xd0\x12\xb2g\x16\xcc\x13\xdc}(\x95\xaa\xcd\x95\x98\xc2&lt;\xe8\x87\'\x86Z\xdb\xb7\xce\xd0\xeb/\xb3T(\x14\xef]5-\xff\x1b\xcfA\xc4\xb7:O\x82\xa2\x8d\xb0{,\xddHj\x89\xc3\xeet\x00\xb3\x86\xc0\xa0\xbe\x04\xc1\xb0\x1et&amp;\xfb4\x06\xe7\x8f\xbe\x9f\xaed\x93\xc7\xc6\x81\xcb\xa1\x04\xe7\xc9hf\x06\xdc\xa2\xcaSS\x81cn\xceW\xc5\x04\xf3\xa9\xf6\xde\xd7w\xaf\xc1\x95\x11l\xfb\xefa\xd7\x8c\xebn\xaf\xa5\xfc\xdeV\xa5\x13\x91\x8f\x89\x15\xf5x\xa8G\x85\xbef\xad5\xac8\x07\x1e.\x85\xdc\xb8.^\xd5.\x0b\xd9\xb7#l\x8c1\xe6B$\'M\xb2\xa0C\xddn\xbe\xc0\xe7AC\x8a\x0e\xd6\x1fA\xdd\xc1(\x7fn*\x99\xea\xf1e\xa3M@\xb8\xd6\xb5\xe00-rW\xb9\x0b\xfa\xcf\xe6\xb3\x9e\x84\x9b\xce\x19\x033LB+\x1d%;\xa8\xc9\x80\txJ\x8e\x1c6\xaa\xe7\x0fh\xee\xaa\xc5\x92\xe4X\x82\x8d\xf4\xb3\xc9\x04\x8d\xab\xaa\x88q\x1d\xd7c\x952J\x8d\x98\xf3\xf2&amp;RW\xe5\xa8\xaa\x11\xe9I$s\x07\x06\xc1\x08\x17\xfd\x15\\\xf2h\xb9ZS\xb7\x85\x08\xde\xcd\xdb\x0cI\x05\x80rJ\xa5\xd2:&amp;qk\xeb\xbb1\x8d\xa1\xff\xfc4Y\xc9\x90\xec\xbd\x12\x05\xdd\xa8aF\x1fx%\xbd\x15~\x96\xdb\x83f3\xd1v\xd8\x8b\xbc\xdf\x00@\xff\x0c\x9d\xb8X\t\xa6&lt;\xefv\xebR*\xd7\xd4\x06\x98;}\xee\xd4T\xe7\xaf\xb2\x0f\xe9\xf7\x06\x91\x1b\xe4)\x1006r#\x95\x91\x00\xfaC\x98;\x15\x10\x1c8\xe0[\x82\xb6&amp;\xeb1\xe9\xe6P\x83pg\x03\x9b\x04\xfd\xfb\xd7\xabMv\x13\x02\x12\xd6Z\xb4\x06\x1b\x16o\xe3\xc3\x17\x06Z\xc9\x9b\x03G&amp;}[\xe5^0\xa8\x90jK\x17\x8fl:L+:\x13X\x98\x86\x91]\xea\xc5(n\xe9R\xbf\xb3#\x97\xf1\x91\x93\xfb\xbfk\x8d\x9f\x9c\xbe\xb4\xc8\x1a2\xb4\tU\x1d\xabw\x84\xe3Li\xear\xd2\xf6m\x1e\x1e\x18)\xe7\xdc\xd2\xfaI\x08I\x07/\xc7\x9c\xc1V\x97\xe8\xfe\xee$t\xdb\x88\x89\x9c\x1a\xfftx\x87\xf5\xef\x18\xe3c^\x81\xa0\x9b/|\xf3\xf3u\xe5\xb4\xb1\xfa\x81 \xbdn\xa6{\r\x08\x8d/T\xd1\xaf\x19I\xfb!!v\xfd\xdc\xf3K\x04\x10\xd0\xfcA\x0f\xf4y\x0e\x00\x8c\x9f\r\n\x80/\x01\xcaj\x84O@zN\xd3\x9e}q\x12o\xc3\x81\x9f\x9cO\x81\x12\x8c=\xcek\x96@4\xa7\xb1\x81\xb7\xc2B\xc0\xe2\xb0\xf7(c\x99\x1e\x13|\xe1\xc8%\x93\xc2\x8c\xbb\xd0\x95\x9f~\xe0\x1c\xfewc\x19\x95\x9f\x8a!\x99:\x11:\x9ae\x06S~\x9a\x9ch\x98\x8bp\x90\xc6*\x8a:\xac\xa9\xf4\xc7Vxv\xb3\xe8\xb8(\xa1\xecA\xe0\xc2\xf5\xbcF\x9dg\xe1\x82x\xdf\x1fV\xb1\xf5\xb1"&lt;G4\n\xa3H\x15\xd35\x04&amp;\xfc\xe5\xe8ei\xe4c\xdfn\xc2\x06\xf5\x83n~\x8a\x9aU\xe9\x15\x00\x9a\xf3\xb2\x1d\t(l&gt;\xcc=\x00\xc7\x08\x12~8\xd9\xd4\xc5k\x0e\xd5!\xf3\x18\x8ai\xc2\x17&gt;=\x1e\xf1\xd9\x08\x9b\x8a\x0c\xfa\xe1\x1e\xafB(\x91\xc2\x10w\xb8Z\xa4\xb0\xac\xddL\x8f\xd2\x91I\xae\xf3]\xe1\r!\xf6E\xc42\x9d\xe2V\xe5Pv\x89z\xb7\x08\xe3\x9b\xf5\x03j\xa9\xeb3 \x13\x1a\xb5\xeei\x8d\xc3\x1fU&lt;\x9dtI\xebN\xa7\x8e!~R\xcf\xa1P$\x8e\xf01FQ\xacM\xcc\xd4k;\xb7\xa6\xbck\x17c\xf6a\xda\xd8J*\xb2;\xe2\xdbY\x9b\xf3\xf5\xa7\x15\x9dp\xc6\xf4\x94?\x19\xc3Z\x96G4\x05\xca\\\xbc\xcb\xc0\x9aB&lt;\x07zC\x80-\xd7\xf8\xd0\xad4MF\x843\x87\xa4\xcf\xed\x7f&lt;\x88\x9b\xc9\xee@r\xa2\x1e\xea\n\xd9dRt\x01\x089\xe9aj\xd7\xcf\xd6\xbc/.Hm\x88\xbb\xf31\xf1\xaa}\xd8\x18\xc6\x8c\xc4\xf1{oX\x08\xcaA\xfaV\xea\xb2\xe4\xee\xf1`$\x88\xbd[}\x85\xd9\xdd\xdeU\xbd\'q\xf7\xc1\xebZ\x9f\x83\x9f\x89_d\xe8_4\x02\xcc\xd8\xaa\x8f$\xa7X\xe3\xe9\x89\xea\xaeMJ\xa9\xcf\xa1\x89\x08\xb1\x9d\xf8+!3M\x03\x06\\\xc6\x97\xb4\x84,\xe4\x002\xfa\x08\x89\x9c\xa9\n47\x92\xb6\xbb^\xa0(\x99R1\xad\xada\x1cn\x8dC\xb7\x90E\x90a\xc9\xc7\xfe\x1aB\xf3\x95\xad,Z\xcb \x8f\x0b\xcb\xef\xeb\xb1\x94~7-(\x14\'\x94\xc6?\x17\xef=i\xc2\xd8^\x1cp\x83\x06\x13\xc7`u\x8b\xf0\xb9\xf9\xfe\xbe)\x84\xa8\x1e%\\\xa2\xf3\x9e\x17&lt;~\xcb\xf2K\xdf#\xd9\xedk\xed/\x10\xf4e\xb9K\xeaUh\x1b\x076\xf7s\r\xd6y\xee\xe95\xea\x87\xf3Az\x0e;i\xd4\xe1\x7f\xf8v\xd9.\xd4\x9c\xbe\x9dM\x83\xfc\xab\x82\x86h\xc8\x1b\xcc\x03y\xe3~\x08\xf9\xaeGF\xf2Kg\x97\x8c\x15\x07\'u\xa7\xbb\xdeN\xee/\xc3&amp;b{\xf0\x11\x1c:\x91{\xfa\xaa\xd4\xa6\x80\xcd\xd9\x8c\xb1\xd6\xa4\xfc\xce\x01]\xc2B\xfbR\xa4?\xdf\xad?\xb2\xb4\x0e\x02.\x02\xa7kvN}\xf4\x1e\x08\xc4\x0e\xc3\xc7N \xe4\xcc\xb3\x81\xf8e"\xf2\\\\\xa33\x9a\xf8\xad\x15\x00\xb0S\x0e:\xda\xb7&lt;A\xaf/\xe1o?\xef\x0c\x11\xaa\xb6(R\xe5\x11\x9e\x904\x8d\x1c\xbaMh#\xe1,\xd2\xb3y\xd8u\x8dZ\xb8\xe1\'\xea\xbd\xbeG\xaf\x00|\x923Y\x92\xe5\x9b\x16:$\xcc\xcd%q\xf8A\xf5\xab\x82qN&gt;Ce\xff;O\xf3\xc7\xef\xd4\x88\xc9Mc(\x9e\xf4\\\x9f\xce\xecTG\xac\x87\x97\xae\xee\xca\xfd\x00sJ"\x92\xf1\xf8-\x8a\xb0\xbc\x1cN@@\xc5\x9eI\xc6\xe3EA\xbcq\x96\x94\x0c\xa7\xf7\x8f\x1e\xc9\xcaHHx\x08 /\x9d0f\x9b\xb9M\x8c\x97r~\xbcN\x99\xf4\xaa\x8c\xa7p\xe4\xe0X\x8d\xfe\xa6\\\xdb0\x0c=\xbd.\xe1\\\xe0\x12\xc0]\xe0\xbep\xbbC\xff\x9b\xad^\xf9\x08\x072\xb2YU\xf5{\x13\x0b\xc2\xce\xd0[\r\xe9\x8el#3\xc0\x91\x9bg\x10\xfc\x85w\x18\xbb&amp;\xc9\x02e\x18O\x06\x9f \x8d\x00\xfd\x8e\x92hi\x88\xa7\xd3\xbe\x92\xf5b\x84\xfa\xd6@\xde\x05\xc0\xfd\x8e\xa4\xa5\x0e\xc83\xbfwda\x1fpZ\xa0g\x00p\xff\x18\'\x1b\x1c\x976U\xc0\xf8\xc3N\xcepZ=\xa4\xfa\xef@&lt;\x08~\x99\xabf\xd9F\xf7X\x88`\x9c\x82}p\xfc\xaa\x0e\x1f\xd8\x8d4b|\xa4\x8d0\xf2\x1c\xcdu\xc6\xa2\xf1\x97\x946\x18\\S/\x81RAg\x1fsI4N\xdb\xccD\xf7\\\x97\xcct9\xd9\x14\x0c8&gt;\xab\x8b\x0f\xef\xcc\x8eBC\xbf\xcd\xb6\xee\x97\xe4\xe0U\x98\xcfo\xeb\xea\xd7\x9e\x07s\xf6\xde\xd2\t\x01\xaf\xa4\xf7Cw\xd2i\xf7\xf8;\xb2$\x1fV{\xa4\xf5\xd1\x1e\x92\xef4\xfa\xa2\xea\xf1\x0c\xea&amp;\x03\xf8:\xfa=\xb2\'\x91\xabd$\x01?\t\x80\xb0^Z]\xab\xfd\xc4\xef\x01\x80\xf6\nH\xaa\xb5q\xf4\xa65=; \x9e\xb6\x88\x9fC\xe6g\t\xe3\x9br ^q\\\xa2w\x1e\x8a\xe6xV\xd3\xe9\x98\xbe\x14\x19\xca\xd4\x18\xc0\\\x86~\xfb\xfe\x04\x07}MxZY\xbf\xca\xc2\x01y\xf1Z_\xaa\x97\x17\x9e_\xce\xf7\x81\xd6h\x04KuX\x97\xb4\xe6:\xb6\x9f\xfc\x15\x97\xf1\xc4\xe7\x86\xdb\xa7\n}/\x86\x83\xfef\xf1\x18\x946\xbf}i8\xc2D\xca#\x1e\xbf\xbe\xbc\x118\xfb\xfd\xae\xc2n.\r\x03\xb3\x11\xd1\xceq\x96#Q\xfbUZ4\x02&amp;X\xaf\x1dq\xd6\xd1\x97\xaeB{\xffp\x15b"]\xf0t\x1cL\x8aQ\x17#!\xf8\xea\x81r_I\xe2\x95S\xabf\x81\xd7\xf6\x1b\xfdq\x1d\xae\xfc\xd9Xp2h\xdb\xb39\x8e+\xe1}^lG\x94\x13%\xc7T\x0cS&lt;\xa2fEH\xc6\xee\xa1\xdc\x1d?Y\th\r\x99\x18\x0b\x93\x11\x04o\x9b$X\xb3\xec\xf9\xf9\xb7/\xafi\xeb\xb9\x96%\xf4[\xef\x01I\xb5\xd1\xf6\xe8\x16\xf85Z\xf6\xda\x85\xd3h0\x0b\xda\x87H\xe13L\x1f\x84\x85\xcc\xcb!*\x9e@\x7f6Exh-\x9bN\xba\x89\xac\x8f\x066\xce\xa2\x92z"T\x95\x10]d\xde\xed\xce\x1c\x02%U\x9d\xd7V/\xa8\xee&amp;\x05\xe3\xa4\xca,\xdb\xf8tT\t\x16\x10e\xc3u\x0f\x99\xac\r\xa8\xb5\x8a6;\xf2\x8ad\xe3\x0b\xe1\xda\xb2\'\x85\x02\x80\xfd6\xa1\xbb\xffk\x13\xe1\x98Z5\xcf\xa4.E\x9a?\xf2\xe6O\xa9\xd5\x91\xe9\xfdY\x13\xda~\x14~\xc1\xe6\xc3N/\x0b\x8c{\xad\xa3\xdeW\xdc:\xf1g\xbf\xa4\xe3\x08\xa4\x8c\xa3Ip\xd5\x84+\\\x9ea*V\x18\xc7\x83\x1a%&gt;T\xe6\xd2\xae\x18\xae\xb7m\xaao\xd8\x11\xba\x1f\x19\x0c\xab\xe4\xf1\xd7+\x93\xfc\xd4\xd9\x9a\xba\xcc[\xfe\x08 \xa9\xbb\xe0o\xd6\xa0\x85\x05\xd2&amp;\x08\xa4\xfb\xd5g\xfe\xa2t_\xfc\x8d69\x1c\x9c\xc0\xb3\xdb\xdd\xcf4L\xa7\xdd\x1f\xd0\xa5W\x0b\xdc4\x10\x13\xd1\x9a\xa4?O\xd1\x0e+\xd1\x82\x83R\x11\r\xa6\xc3\xfd\x9c=\x06\xc9q\x89\x93\xcf\xec\xb8;\x8a$$\xcf\xff\xff9%\x92/K\xa1\x9b+-oRmM\xfe\x9aP~#\xdd"\x98)\xee\x9cc\xf1i\x12\x80\x9d\xe2Z\x9bf\xa9\xa1\xc5\xefw\x06\x87\xbd[\'s@\x15\\\xf5\xa7)\x82m\x91$\xad&amp;\xc5\x8eg\x0c\xc8\xd7\xea\xdb\x7f\xe6\xd7i|\x7f\xdd?\xd2r\x8f\xacHr\x17&gt;\x9a\x18\xe8bU\x9f2_\xeb&amp;SE\xb1\xd4#\xff\xee\xf7\xe5^\xc5\x03\xdc\xbe"\xff\x0f\xe3)h\xe9\x89\x0ci}j\x82YY\xa3at\x15\x8a\xb2th\x08\xcbE\rq\xb60\x1f$\x9c\xae\x06\xa3k\x19\xe2\x0c\xb4\xe5\xce\xcd\xe5\x88\xa0\x07@i=\xd815\x0c\xc8\xb3\'\xbe(\x9e\xc1\x84\xef-\x00\x1e`\xe8\xce\xcc\x91z\xf8C\xa6\x10*H3q\xd3`\x0eH\xd8#\x16\x07\xee\xc2\xd4\xee\xc6\xc7\xdeb\x8bp\xf49\x9dY`wt\xb4\xb4\r:?bj/QA\xcb\x8bL\xfd\xc5\ty\x08\xb5\x87?\xc5\xd2\x05\xabN\xd4)9 \xcd\xfd\x9af\x0c\x95\x17\xc6Z\x9d\xe5\xd5\xea\xe0~\xa7~\xe1\x81\x9d`'</t>
  </si>
  <si>
    <t>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</t>
  </si>
  <si>
    <t>b'\x11\xd2\xfa\xf9\xee)\xd6\x06\xa6b}\xd5\xbb3UG'</t>
  </si>
  <si>
    <t>paid out big: After about three months, he was making more than
 $100,000 a month and was on track for a million-dollar year. And just
 thirteen months after his first Argan oil sale, heâ€™d blown far beyond
 that million-dollar-a-year mark. He was making seven figures every
 single month.
 AJâ€™s path wasnâ€™t without its stumbles. In that first year, he tried to
 do everything in the business, which was a real learning experience.
 He finally realized going it alone just wasnâ€™t scalable. He needed help.
 He began hiring, discovering that to be successful you need a really
 good team thatâ€™s collectively smarter than you alone. â€œBasically,â€ he
 told me, â€œyou need a team that will mask your weaknesses.â€
 As the business grew, he built his team faster, became quicker at
 delegating work, and learned to be a better leader. He focused on
 scalable infrastructure, thinking about the resources heâ€™d need in six
 months or a year, so he could get ahead in hiring the right people.
 After a couple of years, AJ had close to twenty products in his
 brand. Every new item built on what he knew his consumers wanted: a
 wider selection of natural skincare products. He added deodorants,
 moisturizers, and toners, and paid attention to see how the market
 reacted.</t>
  </si>
  <si>
    <t>b'Qif"\xa3\xb1\xb8 \'\x00\x96\x90\xcc\xaf )\xe5KqE\xa9\xe1\x97\xd7K\x98\x13f\x7f\x87J\x1d\xf1H\x80\xbc\xbc\xd8=9\x02\xfe\x0f\x9b\xdd\xeb\x07\x08\x17\xdft5,T\xadi_\xc2\x0b\x07E\xde\xd6\xa7\xc1y\xcd\xa6\xf2L4\x9a\xf9\xec\\rH\xdb\x83\xc3$\x9d3u\xd0?\\\x0c\xea\xe1\xaf\x01\xab\xf3\xc1f\xd7Q-\xe6\xf6\xf87\xa7&amp;\x17\x01\xeb\x83\xa3\xe0\xc4\xe5\t\xa6\x94\xf4\xfd\xf5Hhc\x9d,\x1f\x81uQ\xc0\xa6\xfdD\x8f\xf4\x18\xa6?\xa4\xaf\x9c\xb0\x85\xcc\x14\x10\xedwU\xd9g\x83H8\x96J\xad\x9fL\x15$\xd1r\xc6\\\x87\xb5\xcc+\x86\xd3K\x89%\x84\xb6\x1er;\x10"&lt;o\x140\xd9\xb1\xe2\xbff\xbc\xadx^Js\x1d\x7f\x04\xd5\xdb\xeeX\xc5Q\x82\xeb\x07\xcc T\xdd\x9a\x95g\xcb\xb4\xec\x0e8\x0c\x0b\xd5\x1bTV\xc1S\xbb\x81O\xb9\x1f\x96\x98E\x04"Y;6!\x17a\xd6\x0c\xeb\xe6Q\x8f\x15&amp;Y\xa7\xc2(\xca`\x1cl\xddqDpI\xcbn\xe4?\xa6\xb9\xbc\x17\x19Z\xf0\xec\xdd#\xe5hv\x90#7\x91%\xd6\xc9`le\xdf&lt;\x8f\x83G\x19f[\x8d\x1c^l\x0f\xf3\x13)\xcc~+!Q\xa0_C\x97|T=\xddA\xfao,eg\x86 *\xd8$\xf0\x11\x1b\xd9X\x8c\xfe\x10\xc6\x19\x8d\xdb\x01I\x06\xf8"T\xb3\xfb\x9b\x96\x95RV\xdb\xd0\'I4u]3\x16\x12\xac_\xab\xbb\x8e\x04\xa7\xb65\xd6E\rf&lt;&gt;p\xc8\x1c\xe4]\x89Rm\xc8\xe9M\xcaW)U\xb2Q\xfe9\x00h\xef\xb5\x11\xeb9\x13\xca\x857\x8b\x0cN~M\xbc\xd1K\xd8y\xa5\xa5\x82\xe1\xf4}\xb8\xed\xaa\xe8\xc9\xf2\xfem\xb1\x17\x88\xbf\xad\xff\xb4`Y&gt;\xc8.\x15&gt;C\xc8\x8b+\xffS\xef\xd6o\xb2\tj\x9a\xb7!\x19\xcc\xbd\xa3\xaeXb\x14:3\x85\xdc\x81Q\xe6\xe5\x89\xa9\xdf\x08\r\xa0\x82O\xc0\xfaq}\xe4+\x14 \xce\x9d\xe3\xa1\xf2\xf7f0K\xba\xfeT\xbb\xe7q\xb5\xb0\xc5\xb73\x1cX\'\xccP\xbc"o{d\x99\xb18\xf9\x90\xbcZ\xbf\xdb&lt;~E\xe7\xd2\xefo\xe7"d\xe1\x18X\xbe\xe1c`\x9b?WEr\xf3\'\xb5j3\xac-\x14\x1a\x84|\xd8\x1c\x17\xad\x80\xe3EYe\x1c\x13\xcbN\x93\xbdP \xae\xa6\xd7\xc9\xc7\x83Q\xaf\xe1v\xb2\xc8\xcb\x8c\xbec\x1e\xee\xb2\xd6Q\xec\xa6!el\xae\xb3\x8b\x89c\xc1\xfaoW.\x15\xf1\x1a\xc9\x0c\x90\xcd\t\x13,\x96\x19\xa8\\\n\xa2)\xad\x15\t\xd0\xff\x8dT8-\xdf\xc4\xebY\x94)\xc9\x95\xd7\xafz\xdf\x05\xbe\xaft\xf6\r-i&gt;y\xe6\x84\xa4\x9eT99\xa1\xd7\x055\xe1\xdf\xa63;\x90\xbd\x15i0\xf7\x10\x8e2\xd7\xccy\xd6\x83|ke\xb2\xe3v\xac5\xfd\xc1\xd3&amp;\xf1\xf3\x1b\xac\x1fzi\x0b\xf7\xc9\xd0\x07\xd4\xb0\x18\x1d\xe5\xa4H\x1aUb\x8b\x80z:\x85g\xbc\x1ft8`\xf0/\x8aK\x99?v}\xe1\x9c\xa5C\xb4\x1b/V}\x85\xa7T\x02\x9bv&gt;\xe4:\xd2\x13B\xed/-\xb2\x87\xb0Q\x85CNi\xc9\x1b\x7f\r\x90\xd7\xca\xc2\r\x0f\x04\xc3\xcd\x1fZ\xb4\xda\x18I\'[\x02\x96)\xba\xc48\xcc\xcbbg\xb3\x04O\xc8\xc1\xe3\xa7\xa4\xd4\xe0s\xa7=\xc0\xd9\x84^\xb8\\\xfe\xe3\xb4\x07\xa9v\xa0H\x85\xbd\x99P!\xdcq\xed\xcfd\xa5"\x02o.\xfb \x1c1\xc5)4J\xa4\xaf.\x93y\xdb\xf7B\x14\x07T\xa4\xd3\xfe\xc8\xd7\x00\xb5\xcc\xe9z\x9a\xc9m\xdd\xbck*\xc6\xe3\x19^\x12&gt;\xd3G\x10a\xb3\x99\xac_l\\#\x8f\xd2\xf2\xa8)\x7f\x17\xfb9\xcf7\x9f;/\xa3\x8b$Pa\xc5\x97\xd4\xaa$\xc90y\x9a\xd0\xaf\x97\xa3k(\x03\xdf\x94\xf1\x11\xb3j\x1b\xec\xdd\x8f\x0f\x10\xab\xf3\x80H\x95\x03q\x9e\x87\xf6\x06-\xf5\xf3l\x85h\x0b/\x17\xc8\xa1\xb9\x1e\x1c\xb8\x8a_\xed_\xad*\x0c\xa5\xad&gt;\xd7\xee\x17Es\xc9Z\x8f\xbb\xc8\x0c\x8eN\x90\xa4\xf8\xb6_\xcc\xe0,\xf9G\xbe\xac\x8fD\r\x1d\x8d\xca\xbc\x83\xb5H\x14&lt;\xd2e`|\x8a\r\x95`\x7flEe1(\xe6]\xbe\xf9D\x84=\x16\x8f4])u\xc2{\xef\x94\x9c{J\x81\x9c\x84\xfaT\x1b\xec[\xd5dw\x9a}\r\xa7\'\x82\xad^\xc0\x93\xf9\xa0*sk\x9b\xcf\x8e\xc1f\x05\xf9e\xe1\xa9\x06\xd8\x9afb`\x96q\xe3\x0c\x80\xe1\xb7\x08\x08\xbd\x827\x1f9\xf1\x85\xde\x98&amp;\x93\xb495\xb9^\x911K\\v\xb3}\xb7\x163Q\xc6\r\x9b\xa5\xd6\x80[\xb6\xa1\xdf3Ud\xfd\xc6\xa4V\x04\xa7\x1e\xb5,,\xed\x06IW\x1dl\x9frcn\xf8\xc3.\xf9\\\x1e\x13\xc6\xacU\x0c\xfe\x1f|\x98\x80\xa0\xa2\xe9?1\xfc\x13\x1bYh\x13\xaa\xdb\x8d\x1e\x18\x12\xdbt\x84\x16k\xac\xd8\xef\xaafv7\x99 }\xd9Uji\x08\xc0\xf3\xdf$P\x15\xd4\xc5\x15\x05\xd4\xc487n\x91X\tQ\xa3\xa8\xb08\xfe\xae\xf1\xc0\x13{\xcf\xf8?!\xb2'</t>
  </si>
  <si>
    <t>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</t>
  </si>
  <si>
    <t>b'Qif"\xa3\xb1\xb8 \'\x00\x96\x90\xcc\xaf )'</t>
  </si>
  <si>
    <t>t require my departure, I know not when I should have
 resolution enough to quit the neighbourhood of a place which is
 endeared by the remembrance of you. The vicinity to La Vallee has alone
 detained me thus long at Estuviere: I frequently ride thither early in the
 morning, that I may wander, at leisure, through the day, among scenes,
 which were once your home, where I have been accustomed to see you,
 and to hear you converse. I have renewed my acquaintance with the good
 old Theresa, who rejoiced to see me, that she might talk of you: I need
 not say how much this circumstance attached me to her, or how eagerly I
 listened to her upon her favourite subject. You will guess the motive that
 first induced me to make myself known to Theresa: it was, indeed, no
 other than that of gaining admittance into the chateau and gardens,
 which my Emily had so lately inhabited: here, then, I wander, and meet
 your image under every shade: but chiefly I love to sit beneath the
 spreading branches of your favourite plane, where once, Emily, we sat
 together; where I first ventured to tell you, that I loved.</t>
  </si>
  <si>
    <t>b'\xd5\x0c\xbfQ\x8e\x9c\xd1\xef\xe5pX&amp;,|gb\x8e\xee\xde\x8e\xdb\xe5&amp;\xf1G*\xc9\xa3[\x1e\xd6\xac\r"s\xa5-\xdcu\xee\x05\x91\xa3\xf6\x03\xdb%\xd2\xed\x96kw\x9fB\x1e\x14\xf3\x10W\x1e\x0b\xf5I\xf8'</t>
  </si>
  <si>
    <t>d50cbf518e9cd1efe57058262c7c67628eeede8edbe526f1472ac9a35b1ed6ac0d2273a52ddc75ee0591a3f603db25d2ed966b779f421e14f310571e0bf549f8</t>
  </si>
  <si>
    <t>b'\xd5\x0c\xbfQ\x8e\x9c\xd1\xef\xe5pX&amp;,|gb'</t>
  </si>
  <si>
    <t>es of the Henrietta. Often, also, the
 worthy fellow revolved around Fix, looking at him with a keen,
 distrustful eye; but he did not speak to him, for their old
 intimacy no longer existed.
 Fix, it must be confessed, understood nothing of what was
 going on. The conquest of the Henrietta, the bribery of
 the crew, Fogg managing the boat like a skilled seaman,
 amazed and confused him. He did not know what to think. For,
 after all, a man who began by stealing fifty-five thousand
 pounds might end by stealing a vessel; and Fix was not
 unnaturally inclined to conclude that the Henrietta under Foggâ€™s
 command, was not going to Liverpool at all, but to some part of
 the world where the robber, turned into a pirate, would quietly
 put himself in safety. The conjecture was at least a plausible
 one, and the detective began to seriously regret that he had
 embarked in the affair.
 287
 As for Captain Speedy, he continued to howl and growl in his
 cabin; and Passepartout, whose duty it was to carry him his
 meals, courageous as he was, took the greatest precautions. Mr.
 Fogg did not seem even to know that there was a captain on
 board.
 On the 13th they passed the edge of the Banks of
 Newfoundland, a dangerous locality; during the winter,
 especially, there are frequent fogs and heavy gales of wind.
 Ever since the evening before the barometer, suddenly falling,
 had indicated an approaching change in the atmosphere; and
 during the night the temperature varied, the cold became
 sharper, and the wind veered to the south-east.</t>
  </si>
  <si>
    <t>b"\x08\xe2'\xb9\xc1\xed'h\xe9O\x1d\x14'\xabnp\xb2\xb0'\x11\x17\x9a\x1c4\x14\x9cq&gt;\x8a\xda\xbc\xa6"</t>
  </si>
  <si>
    <t>08e227b9c1ed2768e94f1d1427ab6e70b2b02711179a1c34149c713e8adabca6</t>
  </si>
  <si>
    <t>b"\x08\xe2'\xb9\xc1\xed'h\xe9O\x1d\x14'\xabnp"</t>
  </si>
  <si>
    <t>her heart gave quite a quick beat of
 recognition. Several pieces of furniture had been set out of the van upon
 the pavement. There was a beautiful table of elaborately wrought
 teakwood, and some chairs, and a screen covered with rich Oriental
 embroidery. The sight of them gave her a weird, homesick feeling. She
 had seen things so like them in India. One of the things Miss Minchin
 had taken from her was a carved teakwood desk her father had sent her.
 "They are beautiful things," she said; "they look as if they ought to belong
 to a nice person. All the things look rather grand. I suppose it is a rich
 family."
 The vans of furniture came and were unloaded and gave place to others
 all the day. Several times it so happened that Sara had an opportunity of
 seeing things carried in. It became plain that she had been right in
 guessing that the newcomers were people of large means. All the
 furniture was rich and beautiful, and a great deal of it was Oriental.
 Wonderful rugs and draperies and ornaments were taken from the vans,
 97
 many pictures, and books enough for a library. Among other things there
 was a superb god Buddha in a splendid shrine.
 "Someone in the family MUST have been in India," Sara thought. "They
 have got used to Indian things and like them. I AM glad. I shall feel as if
 they were friends, even if a head never looks out of the attic window."
 When she was taking in the evening's milk for the cook (there was really
 no odd job she was not called upon to do), she saw something occur
 which made the situation more interesting than ever. The handsome,
 rosy man who was the father of the Large Family walked across the
 square in the most matter-of-fact manner, and ran up the steps of the
 next-door house. He ran up them as if he felt quite at home and expected
 to run up and down them many a time in the future. He stayed inside
 quite a long time, and several times came out and gave directions to the
 workmen, as if he had a right to do so. It was quite certain that he was in
 some intimate way connected with the newcomers and was acting for
 them.
 "If the new people have children," Sara speculated, "the Large Family
 children will be sure to come and play with them, and they MIGHT come
 up into the attic just for fun."
 At night, after her work was done, Becky came in to see her fellow
 prisoner and bring her news.
 "It's a' Nindian gentleman that's comin' to live next door, miss," she said.
 "I don't know whether he's a black gentleman or not, but he's a Nindian
 one. He's very rich, an' he's ill, an' the gentleman of the Large Family is
 his lawyer. He's had a lot of trouble, an' it's made him ill an' low in his
 mind. He worships idols, miss. He's an 'eathen an' bows down to wood
 an' stone. I seen a' idol bein' carried in for him to worship. Somebody
 had oughter send him a trac'. You can get a trac' for a penny."
 Sara laughed a little.
 "I don't believe he worships that idol," she said; "some people like to
 keep them to look at because they are interesting. My papa had a
 beautiful one, and he did not worship it."
 98
 But Becky was rather inclined to prefer to believe that the new neighbor
 was "an 'eathen." It sounded so much more romantic than that he should
 merely be the ordinary kind of gentleman who went to church with a
 prayer book. She sat and talked long that night of what he would be like,
 of what his wife would be like if he had one, and of what his children
 would be like if they had children. Sara saw that privately she could not
 help hoping very much that they would all be black, and would wear
 turbans, and, above all, thatâ€”like their parentâ€”they would all be
 "'eathens."
 "I never lived next door to no 'eathens, miss," she said; "I should like to
 see what sort o' ways they'd have."
 It was several weeks before her curiosity was satisfied, and then it was
 revealed that the new occupant had neither wife nor ch</t>
  </si>
  <si>
    <t>b'6\xcc\xe4\\r\xcd\x99\xa4'</t>
  </si>
  <si>
    <t>36cce45c72cd99a4</t>
  </si>
  <si>
    <t>nonsense talking
 of compensation! If there's one devil that I should like to see in the bottomless pit more
 than another, it's the drink devil."
 "I say, Jerry," said the governor, "you are treading pretty hard on my toes, you know; I'm
 not so good as you are, more shame to me; I wish I was."
 "Well," said Jerry, "why don't you cut with it, governor? You are too good a man to be
 the slave of such a thing."
 "I'm a great fool, Jerry, but I tried once for two days, and I thought I should have died;
 how did you do?"
 105
 "I had hard work at it for several weeks; you see I never did get drunk, but I found that I
 was not my own master, and that when the craving came on it was hard work to say
 'no'. I saw that one of us must knock under, the drink devil or Jerry Barker, and I said
 that it should not be Jerry Barker, God helping me; but it was a struggle, and I wanted all
 the help I could get, for till I tried to break the habit I did not know how strong it was;
 but then Polly took such pains that I should have good food, and when the craving came
 on I used to get a cup of coffee, or some peppermint, or read a bit in my book, and that
 was a help to me; sometimes I had to say over and over to myself, 'Give up the drink or
 lose your soul! Give up the drink or break Polly's heart!' But thanks be to God, and my
 dear wife, my chains were broken, and now for ten years I have not tasted a drop, and
 never wish for it."
 "I've a great mind to try at it," said Grant, "for 'tis a poor thing not to be one's own
 master."
 "Do, governor, do, you'll never repent it, and what a help it would be to some of the poor
 fellows in our rank if they saw you do without it. I know there's two or three would like
 to keep out of that tavern if they could."
 At first Captain seemed to do well, but he was a very old horse, and it was only his
 wonderful constitution, and Jerry's care, that had kept him up at the cab work so long;
 now he broke down very much. The farrier said he might mend up enough to sell for a
 few pounds, but Jerry said, no! a few pounds got by selling a good old servant into hard
 work and misery would canker all the rest of his money, and he thought the kindest
 thing he could do for the fine old fellow would be to put a sure bullet through his head,
 and then he would never suffer more; for he did not know where to find a kind master
 for the rest of his days.
 The day after this was decided Harry took me to the forge for some new shoes; when I
 returned Captain was gone. I and the family all felt it very much.
 Jerry had now to look out for another horse, and he soon heard of one through an
 acquaintance who was under-groom in a nobleman's stables. He was a valuable young
 horse, but he had run away, smashed into another carriage, flung his lordship out, and
 so cut and blemished himself that he was no longer fit for a gentleman's stables, and the
 coachman had orders to look round, and sell him as well as he could.
 "I can do with high spirits," said Jerry, "if a horse is not vicious or hard-mouthed."
 "There is not a bit of vice in him," said the man; "his mouth is very tender, and I think
 myself that was the cause of the accident; you see he had just been clipped, and the
 weather was bad, and he had not had exercise enough, and when he did go out he was
 as full of spring as a balloon. Our governor (the coachman, I mean) had him harnessed
 in as tight and strong as he could, with the martingale, and the check-rein, a very sharp
 curb, and the reins put in at the bottom bar. It is my belief that it made the horse mad,
 being tender in the mouth and so full of spirit."
 "Likely enough; I'll come and see him," said Jerry.
 The next day Hotspur, that was his name, came home; he was a fine brown horse,
 without a white hair in him, as tall as Captain, with a very handsome he</t>
  </si>
  <si>
    <t>b'L= \x1ch\xa5\x94|'</t>
  </si>
  <si>
    <t>4c3d201c68a5947c</t>
  </si>
  <si>
    <t>apital markets with domestic monetary autonomy. The
 individual member countries of the European economic and monetary union (Chapter 20)
 have followed a different route with respect to their mutual exchange rates. However, the
 euro floats against foreign currencies and the euro zone as a unit orients its monetary policy
 toward internal macroeconomic goals while permitting freedom of cross-border payments.
 Offshore Banking and Offshore Currency Trading
 One of the most pervasive features of todayâ€™s commercial banking industry is that banking
 activities have become globalized as banks have branched out from their home countries
 into foreign financial centers. In 1960, only eight American banks had branches in foreign
 countries, but now hundreds have such branches. Similarly, the number of foreign bank
 offices in the United States has risen steadily.
 The term offshore banking is used to describe the business that banksâ€™ foreign offices
 conduct outside of their home countries. Banks may conduct foreign business through any
 of three types of institutions:
 1. An agency office located abroad, which arranges loans and transfers funds but does not
 accept deposits.
 2. A subsidiary bank located abroad. A subsidiary of a foreign bank differs from a local
 bank only in that a foreign bank is the controll</t>
  </si>
  <si>
    <t>b'0E\x02!\x00\xee\x89Wa\xf5\xd4\xd7L\x068\x08\t\x06\xc3\xadk\x1e\x14v\xdfe\xf87\xa6\x7fw\xa7\xac\x03(\xde\xb8\x02 -\x9a\x94\tp}\xc3\xc5=\xf5\x7fl\xa3.\xd4\x00]\x0f\xd3\xb3\xf8\x82y"\xa2\x80\xb7\xadaH$Q'</t>
  </si>
  <si>
    <t>3045022100ee895761f5d4d74c0638080906c3ad6b1e1476df65f837a67f77a7ac0328deb802202d9a9409707dc3c53df57f6ca32ed4005d0fd3b3f8827922a280b7ad61482451</t>
  </si>
  <si>
    <t>b'0E\x02!\x00\xee\x89Wa\xf5\xd4\xd7L\x068\x08'</t>
  </si>
  <si>
    <t>ets that individuals can choose from do not pay their returns in the form of interest.
 Stocks, for example, pay returns in the form of dividends and capital gains. The family summer house on Cape
 Cod pays a return in the form of capital gains and the pleasure of vacations at the beach. The assumption behind
 our analysis of money demand is that once allowance is made for risk, all assets other than money offer an ex_x0002_pected rate of return (measured in terms of money) equal to the interest rate. This assumption allows us to use the
 interest rate to summarize the return an individual forgoes by holding money rather than an illiquid asset.
 358 PART THREE Exchange Rates and Open-Economy Macroeconomics
 We can also describe the influence of the interest rate on money demand in terms of the
 economic concept of opportunity costâ€”the amount you sacrifice by taking one course of
 action rather than another. The interest rate measures the opportunity cost of holding
 money rather than interest-bearing bonds. A rise in the interest rate therefore raises the
 cost of holding money and causes money demand to fall.
 Risk
 Risk is not an important factor in money demand. It is risky to hold money because an un_x0002_expected increase in the prices of goods and services could reduce the value of your
 money in terms of the commodities you consume. Since interest-paying assets such as
 government bonds have face values fixed in terms of money, however, the same unex_x0002_pected increase in prices would reduce the real value of those assets by the same percent_x0002_age. Because any change in the riskiness of money causes an equal change in the riskiness
 of bonds, changes in the risk of holding money need not cause individuals to reduce their
 demand for money and increase their demand for interest-paying assets.
 Liquidity
 The main benefit of holding money comes from its liquidity. Households and firms hold
 money because it is the easiest way of financing their everyday purchases. Some large pur_x0002_chases can be financed through the sale of a substantial illiquid asset. An art collector, for
 example, could sell one of her Picassos to buy a house. To finance a continuing stream of
 smaller expenditures at various times and for various amounts, however, households and
 firms have to hold some money.
 An individualâ€™s need for liquidity rises when the average daily value of his transactions
 rises. A student who takes the bus every day, for example, does not need to hold as much cash
 as a business executive who takes taxis during rush hour. We conclude that a rise in the average
 value of transactions carried out by a household or firm causes its demand for money to rise.
 Aggregate Money Demand
 Our discussion of how individual households and firms determine their demands for
 money can now be applied to derive the determinants of aggregate money demand, the
 total demand for money by all households and firms in the economy. Aggregate money de_x0002_mand is just the sum of all the economyâ€™s individual money demands</t>
  </si>
  <si>
    <t>b'0F\x02!\x00\xf0\xefU\xb1\xe3*\xe0\xcf\xad=$\xd2\xe5\x1a=Z\x81\xb1I9\x91\x13\xe1#\x9f\x8f\x9e%\x8fo\x1e\xb7\x02!\x00\xfd\xbb\x9a\x8d\xa0B\xfdm%p6\xfa\xf1\x17^\xf5\xa9\x01\xa5\xe1k\x97\xb9A\x94\x04&lt;\x83)\x9e\x83\x7f'</t>
  </si>
  <si>
    <t>3046022100f0ef55b1e32ae0cfad3d24d2e51a3d5a81b149399113e1239f8f9e258f6f1eb7022100fdbb9a8da042fd6d257036faf1175ef5a901a5e16b97b94194043c83299e837f</t>
  </si>
  <si>
    <t>b'0F\x02!\x00\xf0\xefU\xb1\xe3*\xe0\xcf\xad=$'</t>
  </si>
  <si>
    <t>of the upper-class men who produced these
texts. Where their interests lay is made quite clear by Tacitus: the activities of the
economic and political elite, politics and war above all. Such topics have traditionally
been the focus of Roman history, and I will suggest in my conclusion that in certain
important respects they continue to be.
Over the last century or so, however, and especially over the last 30 years, scholars
have become increasingly dissatisfied with the limitations that this traditional model
of the discipline imposes on the study of the Roman Empire. As Garnsey also
indicates, there are matters of fundamental importance that simply do not receive
much attention in the literary sources. If Tacitus can dismiss as trivial (albeit with
calculated effect) such matters as political trials and court intrigue, we may guess how
he would have regarded the suggestion that a historian should write at length about
issues of food production and distribution, particularly among rural peasants; surely,
neither he nor any other Greek or Roman historian would have considered this a
serious topic. There is in fact a whole range of important issues on which the literary
sources are either totally silent or at best provide only incidental data. Historians
interested in these issues must therefore make use of other types of evidence and
employ other methodologies, and they often look to other disciplines for ideas.
Similarly, a familiarity with other disciplines can in itself lead to an awareness of issues
and problems other than those that emerge from the literary sources. In this respect,
then, we might reasonably regard as interdisciplinary any approach that, by drawing
ideas or techniques from other disciplines, seeks to move beyond the interests and
orientations of the standard literary sources.
This brings us to the second of the questions with which I began: how do we define
these other disciplines on which a Roman historian might draw? One way is to define
them by the type of material on which they focus; so for example, the disciplines of
epigraphy, papyrology, numismatics, and archaeology that have already been discussed in the previous chapters of this section. Although non-specialists might be
tempted to see these simply as different fields within the general discipline of Roman
history, there are two reasons why it is useful for the purposes of this chapter to regard
them as distinct. Firstly, they require specialized knowledge and expertise that many
Roman historians simply do not possess; archaeology above all, with its numerous
and highly technical sub-disciplines, constitutes a broad field of its own, with distinctive orientations, controversies, and sets of methodologies. Secondly, as I have
already suggested, the study of different types of evidence has led scholars to address
concerns and develop analyses that go beyond those of the literary texts; as we shall
see, these disciplines have played a crucial role in broadening and enriching the study
of the Roman Empire.
Interdisciplinary Approaches 99
A second way to define other disciplines is in terms of their characteristic orientations, questions, and methodologies. These are the things that tend to distinguish the
major academic disciplines within the social sciences and humanities, for example,
sociology, anthropology, geography, history, literature, and art history. Researchers</t>
  </si>
  <si>
    <t>b']\xd6tSv\x03\x81\xcf}\xaco\xfd\\\xe71L\xbf\xb1\x0f\x07V:\xafmY\xc3Lu\xba\x9b\xc6\x06\x8b\\\x87\xa1+h\x05x\xad[w\x99\xfbZ\xe2\xbd\xe1\xc4\xff\xe8\x11"#\xae\x04WL\x1c,\x92&amp;\xcc(.\xbdzv\x1eAx\xd6JZ\xd0\x12\x0f\x99\xb7\x9c\xea\xd5\xed\x86\xcb\x15\x90\x8av\xa3\xcf7c\xcfR\xe3y\xc1\xbf\xc9\x969D\xfc4\xec2\xbc@\x0c\xaa\x01\x8d*\x1ajk\xb2d\xe6\x80P\x14)d\x87\xb5\xe3Q\xe5\xf3k\xdb\xba\x860\xd7\xa1\xb2$\xa5m\x9c\xf1\x8a\xee\xed\x7f\xe5\xd7\xbe5\xe3\x0bG\x18j\xfc[\xf9\x98S{\x82\x89\x7f\xb6\x9a\x00\x0e\x05B`\x98\x02\xa4\xcf\x0e~z\xeei}o\xa5^\xdb\xed1\x9e\x16\xb2\x89\xfcLL\xd4\x95\xe7\xcb\xd2\x1a\x1f\x91\x98\xe3JzwA\x97\xafx\xc1\x0c\xdf\x18\xb4\x88\x8dL-\xb4GV\xc1,\x18\x90o\x8dg\xff}\x92\xfc(\x81\xc7h\xbb=\xdaY\xeeJ\x1b\xb1\')Kn\xcbs\xf2;\xbb\x87\xe0\\\xdb\xdb\xec2\x84\xca\xbc\xfc\x87H\xf2\xa0Xn\xd1\xcf\xf5\xc68\x0331\x06\x05\xab&gt;\x94;\xd7\xd2q\x84,!\xd5\xef\xf8&gt;\x86D\'\xe5 \xf3\x87g0\\\xf4)\xa8H\x9c\xd3\xd9O\x05\xb49QQ\xe04;\x97\x9b\xa1\xa6\x81\x08Dev\xdfJ\x0f3d\xa36%\x823\x1cWd\xb6n6}\xbe\\@\xf7E\xaf\nY\x81\x84s\xa5-k\xcc+s\x04~\x00\x0fl\x8b6`#\x84|\n\xe9\x8d|L\x0f\x16&lt;16/\xf0M\xff W[riB\x98\xbf$\xe7r\r_\\\xa0\x9f\x8f\x1c"\xcdf\x8f\xceg\xbf^\'\x8c\x8f&gt;\x8bx5R\xc0Ka\xf1\xedF"\xa0\xa4\xba{\'E\xfe!\xb2M\x10\xc9\xec\xcf\xbb\x04\xac1\xe1\xb6\x9d\xbb\xcc-\x0b\x98A\xb4\x0c\xe9&gt;7d\xf6\xb1\xbb\x0eG0\x15\x10#e\xe8\x84O\x18\xc9\x8fn\t&lt;\xc9\xe6h\xb0\xf5\x82\x19]\xdf\xb3P\x05\xf6\x97z\x8e\xb3\xdd\xe8\xacZ\xa2;f\xbb\x01\x92\x05\x99\xbfE\x97i\x19\xcf\x9b\xd8\xfa\x90@\xa4\xc0\xa9\xbd\x99\x8f\x87\xe0Y\xd6\x9c\xf2\xd2\x83)H`\x84&amp;\x07&gt;\x0f\x1f\x82\x04\xdb\x96\xac\xfd\x92s\x9c\xa8\xd1\xd4\xca\xa3\x8c\x84\xc5\x9bE\xfa}4\xdeg\xb9+U\r\x13\xbd$\x07\x99\xd5$\xcd\xb0%\xcb\x1a\xaa#`\x0f2\x98{O\x02\xe6+\xaf\xc9\x9b\xe2\xd9\x15eD`\xcb\x17\x8b\x01\xde\x17H\x82\x8d\xf8\xff\xaf7[o\xeb\x84\'\x86\xcdt\x02\xa9\'Y?;\x1cV\xfaJD\x02\x90\xfd\x8f\xb0\xa7\xcf\x855\xf7\xc0\x13d\x98\xf3o}\xb1\x88=\x9c\xec\xf6#\xed\xb0\x1c\xfd\x07y\xad?u\x0c\x01\xb9\xb2X\xdb\\\xf4\xb6p^\xcd\xb2|\x08\\*\\\x19\x8d\xfc-\x01\xb1Y\xc3e\x105\x1e\xcdIw\xbd\xda&lt;\n)\xf2\x89\x1c\xd6\xa6\xcb\x9fAd\xb7\xe8\xf9&gt;\x01-\xd7\x84NL.\xb1\x8f\xda/\x03\x18\xa4\xd0\xd0,\xbf_m~\x801\xb2\xe3\xca\xd64\xe3\x11^v\xe0\xfc&amp;\xfa\xdc\\\xa7IeP\xf6+\xf6GU$X\xb4\xa1N\xc2\xdedi\xf6\x84T\x9b\xa6\xfc\xd5d\xd2jro\x98\tZ`\x89A}-7,\xe0\x08\xe1\xe1\x190/\x01\x93\\\x88r\xa6u\xd9rm0\x93\xce\x15\xfc\x9dD\xa2%~f\xc6J\xb3\xd1\x89\xf9b\n\xe8\xf8\x1f\x95\xb6\xc8\x17x\xdckPuSK|\xa2\x94S\xa2\xd5\x17%\x96\t\x83\xb6\xa0\x98\xe3h\x86\x07\x07f\x1c\xe7\x84\x8a\xfe\xb1\x05s \xac \xbc\xb5\x80\xe3\x8a\\\x95\xdd\xddi&gt;\xfb\xa0\x19\x04\xbcW\x0bj\xda\x13\x80\xfaA:\xfc\\\xd4\xcb\x0f\xe2`\xe9\xb8\x00\x8c&amp;"N\xb6K/\x82\xe9\x1c\xa1ul\xfd\xb1\xbc_\x92,c\x9e\xe2p\xa0\x8c\xa3\x16\x8c_u\x1c0\'\xaa\x08\xda"1/3\x1a\x98\x85tpG\x10\xda\xf6\x05I1]\xce\x80ew"i\xeelB\xf5\\N\x15\x1d\x94\x91RxW\x91\\W\xa8e\xe6\x11\x8c\xc0=\x89l\xf2\x98\x08\xf1FJ\xd1Q\xfc\x89\xa1=B\xeb\xb3\xdb\x8e\xf6\xd9A3R\xceg=\t\xe4A\xdb~\xe1\xb27|\xfa\x07\x08\x8d\x98\xed\xacodA\x15\xf8\xe1\xf3P\xdc\xc6;\xe0e0\xd5\x1e\xcc\xc2?cJ-39\xa9\xb4\xb3\xd2\xa3\x89h\r\xc3Y\x85Gvt\xd2\x1b\xf1j#\x1ai\xf0\xe9\x9c\x0b\x8ad!\xecS~P\xb2\x04\x11\xe5\xbb\xdd\xaa7\x0e\x8d/\xc1&gt;\x1d\xea\x9f\xcekze\xbaZ\x16\xaf\x08\x83\xee\xad+Q\xfe\xa8(S#\xeb\xeb\xae\xcf\xf7\xa1C\xe5.\xf8\x9e\xaa\xdf\x8a\x91\xe9\xa0\xe3\xe6\xdb\x96\xd9C\xfa\xd1\xbf\xb9\xa8\x1d\xca\x8etV&lt;y\x1aC \xd1\xd5}\xcb\x83\x87rh\xa6(\x00\x7f{\x9ed ^\x1ayh\xa4,{x\xb4\xa1N\xc2\xdfi\x9a`\xc4\xf3\xea\xe1\xdf\xf3\xaf\x08\x9c\x8b\xea\xc8\xd5!\xb0\xf0\x1d\x8f@h\x97\xeb~6\xbe\x07j\x8c&lt;%\x8bw\xeb\x9f\x0c\xc1s\xe0\xf6t\xbf\xe22\x05\x19R\xc6-4\xd80U\xa8\x80\n\xd9W\x80\xa6=[\xc5y\x89`;\x93\xd0\xbe\xefp\x8d)u\xf7%\x8e\xe8?\xcfq\xe0\x80\x1dx\xa8\xe5x\xad&amp;\x87\x0b\xb5\xecqs\x17\xe7mU\x97\x04\xfe)4\xc8#\xe9\xe1\xaa\xd2bls\x03tt\xef\xe7l&lt;0\x81 \xa4\x89\xe0\xd5^\xb4?1\xba\xa2I}\x8b\x8f\xf2\\\xbbc\x81\xa5zmS\xd1\xffM\x1b\x04\xe8D\xc4@\x17--\x8d2\x83\xf3\x10\xda\x95\xff\xa7\x03\xbb^\x01\xe2\x99 \x8b\xcf&gt; \x8b\xec\xf3\x97q5\xb0]\x15\x89\x96L\x9e\x08\xdd-\xf8\x9f\x86\xcd\xd9\xdd\x1d\xab\xb8$\x128}\xd5^\xa2\x0e\x0c\x94z;\x91;\x06\x87\xe3\xd0N\n\xcd\x8c6\x86\xc1\xc7+\x8fi\r\xf0\xc6I\xe3\x01&gt;04\x8a\xa7\xd9An\x9b\x0f\xda\xe0D\xca6dpA\xc6\x95\xc1\x865O\xbet\x1d\xd3\xde\x17#\\\xd6\xe7in0D\xc0\x10\x18\x80\xf7\xcf\xa9\xa4\xbd\xe4\xf1\xdc\x93\x0b\x12U\xe3j\xe7\x1bI V\xfb_\x82J\'\xbb\xc3W\xf0\xde\xf2\xe8HuH\xaa \xe3\x90:}t\xf4&lt;\xa1\xedT\xcc&amp;%.D}F\xe8\xdd.Erg\xa8USR\xd2D\xe3b\x1f\xe1\x98\x87\xc6\x15B\x1d\x80_\x1b\xef7\xed \xf2l\x9f\x0b\xc6sw\x92\x11\xday?40;\xb3(\xc6\xb3+\x9a\x7f\xc9Qk\xa5#S\xe0kk2\xa96\xcc\x17\x0b\x98\xf2\xb9\x0c8\xfb{\xe3\x03[6\xe6\xde(#\xa5c!\xd3\xb0|*L\xe5\xcaiJ\xc4\xa08q\xd1\xa6\x13\xa5\x93\'\xbf\x0b\x83Dd\xe2gLNV\xa9Q\xf7/$\xa7\xbd\xe7\x96@\xb0\xf9\xc3&amp;\xc5\x9e\x19\x82\xa7\xa4+c\x9e\xff@\xeb\'\x01\x8e\xbd\xf0N\xd8\x00\x1b\xcaD\xc0\xb7\xba\xa8D\x8b \x03er\x1cF\xad\x10\xcd\\]\xa03\x06\x1d@\x1a\xdfAR\xd0\xca\n\x1e\xd8}\xca\xbd"E\xea\xca\x93\x9es&lt;\x93\'\x00\x02/\x17V\x1b\xcb.\xa6\xca\xfe\x94\xd6\xb1j\x17hN\xa3\xb3\xb9\x1b\x10\x8a.\xd4\xb4[b&amp;l\xea\xdd\x80\xb3A\xf1P\xd0\xf2\x1c[\xbc6\xa4\xef\x9d\xe3\x8ck\x971\xc3\xcal\x05\xea\x05\xb2\x7f\xe3LE\x9a\xf4\x90N\x9e\x16\n\xf7\xc7e6\xb1\xea\xf7$\xc7\x07\x94\x0b\xadyQ\xe3\xd6\xc6\x1d\x80|\xa5\xed\xed\xca&amp;\xa9\xa5mt-\xdb\xbax\x16@\x1c\x0bG:\' Z_\x84N\x85\xfdH}\xa3xZO\xe3\xca\x1c\xaey\xe9]\xb1\x08\xb13\xea\xe6\xdb\xfc\xfdn\xb3hN\xb8\xfe\xa5\x0c\xf6D\x89\xc2\xc3\x94\xd8\xac\x18\xf1\x88\xf9\xb3\xbc3\xf1\x18*\xc6,\xd1Q\x82\x100\xeaj\x98\xf9\xf0\xcd\x84\x9at\xf2`\xc2ZT171h\x99\xe94\x87\xa2z\xf5]\xfd\\\x98\x8b:N\xe79\x0b.\x9f\x18|G\x81\x9fd=U\xe3\xd9GT\xf2\xfeRr\x0f,\xb3f\xe4\x8d\xdd^a=W!\xfb8\xbb,\xb8\xaf\x89\xaf\x9d(N\x8eWu\x13EL\xa7\xe0E\x17\xe3K\x02\xb2z\x9a\x9f#K\xa7\x9a\x86\xdb\xbbU\xbe\xa6\xc3\x95d\x8a\x0f\tMh\n\xf8\xe5dY\x92\'R" W\x1b\xb5\xc5\x1b\xb7\xc1\xbbr\xe6H\xf4UG\xf8\r&lt;\x06qd\xaf\xea\x10\x99W\xa0B~\xc5Txk|jj\xec\x1av\xe9\x19\xce;\xac\x9f\xc1\xf9\x92w\xe48\xb7\xdd(\x9f^*\xee\xd3S\'\xf2&amp;L\xd3\xe1\x19e{\xfc\xe0\xeb\xb5d&gt;\xdc\xb0n\xc3\xc1\xffu\xf3N)\xc9\x96\xa4Q\xea\x8f\xa1;=\xb5\xf6\x89\xe9wZ\xddV1\xde\xff\xce\x8e\xef\x01\xb5\x87\x1e8\x08g\xe1\xf3[IL\x82ens5\\\xb1Q\xab\xd0\xbc\xa1\x04\x19\xafuBa\xab\xf9O*1"\xd0\xf1B/\xda&gt;\xa9\x96\xf3\xa6\xb9\x04\xd6\xe0 o\xa7\xd5\xbb\x02`\x0b\xc6\xebP\xcb}\xf3f{\xafdQ\xd1\xd0\xeb9\xe1Ih\xfc\xfd\n\'\x00Z\x05\xb9\x19\x1fF\x82\x81d\x88-O)\xe9JZ/~p\xcd.rs\xee\x0c*\x1c\x92\\\x19\xd3\xea\n\x94\xbd\xe9\x8ePn\x14A&amp;\xc4\x199\x91\x94&amp;4\x8d*Mt\xfc\xf9\x04\xe3\xb1\xf2\xec2\xf0\xcfe\xc1\xcb\xa6%6\xa95\x9c\x15\x90\xc6md\xcd\xd2\xdbQ\xb8\xc1L\xb6\xed\xa2\x82\xccD\xb7\xf8E\x14N\x1a\xd7E^\xb6\xc6?\x8f?\xfbr\xffM\x88\xa9_$\xf0\xdePN\xf0\x92\xc3\xe85\xc6^X\x81\x1cM\x82:\xe0\xc1\xa4\xfa\r3\xb8\x83\x14\x8fG5,\xa2\x14\xd2\xa30VC\xc4\xb5\x83U|&lt;9\x117\xfb\xd4\xfe\x8d\xf5\x07\x9d9\xe83\x91\x98\r\x18P\xc8\xaa\x03q\xf4.\xcf;*(\x15{\xe1w\x8c\x9c\x85\x12\x1b\xf2\x14D\xbeN\x06l8\x9f{\\\x9f\x05^3\x13\x93\xa0d\x03\x1f\xc6\x04a{c\x80\x8d\xaa\x92\x82\x94\xd8\xf3\x9d\x0e\xf2-Z\xdf\x16L\xe2Mrp[\xe4\xd8\xee\x8f\x18\xa0\x07uI#9\x9b\xa5\x86\x82/g$r!\xf2\xae\xb5,\xf4b\xb4\x12R\xab\xf5z[\xc6\xcft0\x1d\xc1_\xberh4i\xd8T\xeal*\xe7bu\x87\x085\xb9xuu\xeb`\xffp\xb9\xd2\xab\x06\xd6P\xbf0\xdc\xe0e\xe1\xc0sr\xb9R\xe3\x84P\x98\x8fw\';\\\xf0\x1a8\xe9I\x84C\xba\xfd\x0c\x0c&amp;Q\xcbc&lt;\xed\xfdLA\'\xca\xed\x0f\xbd\xb0w4\xbd\x8bw\x0fTv\x80\x11$\x15\x9d\xba\x16KlV\xc1P\x14!\xc25L\x04~~\xeb2\xd3\x12\x8d\x8f\x18\x13OIk+\xa1l\x88B\xd4Q\x1b\x80\x16\xd4vC0a@\x9f\xc9\x13Va\xac.`7\xd3\xd5H\xe5l-\x833\x87Z\xfa\x9bom\xc3r\n9EE\xc4\x99\xbbQ\xcc\x9c\x9d\xfd\xf8\x19z\xf9\xb8\xe9/\xa4\xaa\x1a\xb2m .\xbf\x7f\x04\xe4N\xa9\x9fh\xa19\x8e\xf5\xc9D\x1c\x0c{\x80\x94s\xa4\xca\xd8\xbb.\x85]\xd9\xacv\x96\x0e\n\xaa7\xed\xed\x91\xa0\xe9\xcf\x84\x8a^\t\xe8}B\x91\xd1*Ex\x85\xed\xcb\xfd\x9f\xec\xee\x01s\xd2\x1c\x17\x17&amp;\xab\x0e\x05\xe7\x99v\x8fr\xcb@\x05\x1c\xbfs\n\xab\x08\xa8p)%\x99\x17\xe7R7h\x91&amp;\x97\xff\x14\x7f\x1d\x8an\x82\xf0"|\x04\xc4\xcf\xf2\xbd\xec\xa3\xafkZSw\x82\xdd\xb6m\xab\x12!X\xceW\x01\x9a\x9b\xa2\x98LI\xc2\xc8\x8d`\x1c\xc3\xa2\xbd\xec\x84e\x04m\x8d-o8\x19\xe3\xc1\xad\xde\x1c\xd7\xe8\x89nj3&lt;\xb9I\xeaqD,7\xcb~\xac\xad)\xceW\xd0\xc1z\x8b\x14\t \x81\x83|&amp;U\xf8E\xbas\xf1\xd2\x9f\xa8U\xca\xbb\x9dD\xe7\'\x97\xbc}@\xb2\xc0\xf3%I&amp;\x8c\x0c\xbb\x87\xc3\xd8\xec\xf3\x8a1\xf8\xb7\x97\x02G\xe1\xdd\x1b`\x9e=s\x04Rs|\xde\x88\x04q\xac\xbe\xbbj!\x85\x87j)\xbf|\xd6\xb8\xb6\xb9\x90\xe7\xa8)\x8f\xe2\xf2x\x15\xcd\r\xf3\x83\x8c\x0b\xbdT\xa5\xb7\xe0\x01\x8c\xd1J\xd93\x91\x88^M\n\xfa3\xd7g\x14\x92hM\xdb\xeba\x0c\xa3\xae;6n\xe0\xe2\x90\xf43\xb9\xc0\xf9E\xdfrz3L\xda\xf4\x00\xb2\xe5\x82\xa0C\xeb.{\xfb\xd4\x85PJV\x00\xf0eO\xbc:Vg6\xe2\xf6\xa5fmK+d\x046\xd5\x91e&amp;\x89\xf0$#"\x89\xcf\xddb&gt;=\xdb~|\xb8\x0b\r\xc7\xcc\x81\xaf\x000\x9a \x07\xees[\x1f\xae\t\xa5\xcf\xd9\xfa|\x89\xff\x82\xe1\t\x92+\x93\xf3\xba\xe0\xbb\xfc\t\xac\x99r}\xfe\xd0\x9c\xb2o;\xd0\xe4[\xb9\xb9%\'\x9b\x05N\x7f\xbd\xcaN\xb25\xb2\xe6z\xfbd\xb23Z\xfc\x8b\x90J&lt;oE7o\xa6|^&amp;\xba\xbf\x86\xa8\x9b\x1b\xca\xb0z\xbb\xd7\x16\xea\x1d\xe7\x03S\xb2@\xbf\xfa\xd9u\x95\r\xab\xe3O5\x85\xf4d\x8e\xb6k\xab\xb3E\x83t\xf2Y\xd6&amp;\x05\xef\xff\x0c\xc7\x10)bL\xd5=\xd5b\\a6]\xfd1K\x88\x06\x10\x16*{v\x96K\xc1r\xdc\xf2\xe4yHj\x85\xea\xe0D4\x84z\xc2\xfa[\xc0\xb8r\xfdR\x82\x06\x19\x92Y|L\x1f\xa6\xb8y\x87\xeaT\xaap_\x9e\xb0\xc4\x96\x0f\xf5\x00\x00\x06y\xafe\x88!\x19\xa3\xeeI&lt;\xc2\xb2\xbc\xc1\x91\xb0T\x13\x8f\xe8\xf8/\xdb_\t\x98v\x96\xc9\x11\x7f\xdc\xc7I \xb4&gt;\xd1\xddF&lt;c\xd1\xd1\xf7qpe\x15\xad\xf6H)\xc7\xad\x9a\xe8\xfb\xd4W]T\xd7w&gt;T\xcf{t(\xb4\xac&amp;[\x1a:\xc7\xb2vX\xb8\x86V\x91\xfd\xf5B=b\x9dt0D9\xc8\xc5\xc4G\xd7\xb4\x98\xfb\x94\xf9\x87\xeb\xd1+"\xc6\'\xcd\x9dy\xd8\xf4g\x81\xc2f[\x13\xe9\xcc\xed\xea$\x85z\x0e\xa6\x17\xcc\xcc\x00\xe3#T\x92\xf9U\x82\xbb\x87\xaf\xa1\xa4.dy\xcf\x80*\xcdO\x17r2\x19\x9d\xa9t\xaf\xd8\x80\x106\xb2\x89\xf5\xe2m1\xac\xe9\xb5"\xae\xe5\xb9\xe9\xd9\'\x0c'</t>
  </si>
  <si>
    <t>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</t>
  </si>
  <si>
    <t>b']\xd6tSv\x03\x81\xcf}\xaco\xfd\\\xe71L'</t>
  </si>
  <si>
    <t>te different resonating
structures of aniline, you will find that aniline is a resonance
hybrid of the following five structures.
On the other hand, anilinium ion obtained by accepting a proton
can have only two resonating structures (kekule).
We know that greater the number of resonating structures, greater
is the stability. Thus you can infer that aniline (five resonating
structures) is more stable than anilinium ion. Hence, the proton
acceptability or the basic nature of aniline or other aromatic amines
would be less than that of ammonia. In case of substituted aniline, it
is observed that electron releasing groups like â€“OCH3
, â€“CH3
 increase
basic strength whereas electron withdrawing groups like â€“NO2
, â€“SO3H,
â€“COOH, â€“X decrease it.
2015-16
Chemistry 392
2. Alkylation
Amines undergo alkylation on reaction with alkyl halides (refer Unit
10, Class XII).
3. Acylation
Aliphatic and aromatic primary and secondary amines react with
acid chlorides, anhydrides and esters by nucleophilic substitution
reaction. This reaction is known as acylation. You can consider
this reaction as the replacement of hydrogen atom of â€“NH2
 or &gt;Nâ€“H
group by the acyl group. The products obtained by acylation reaction
are known as amides. The reaction is carried out in the presence of
a base stronger than the amine, like pyridine, which removes HCl so
formed and shifts the equilibrium to the right hand side.
Amines also react with benzoyl chloride (C6H5
COCl). This reaction
is known as benzoylation.
3 6 5 2 3 6 5
Methanamine Benzoyl chloride N Methylbenzamide
CH C H CH C H H NH COCl NHCO Cl
âˆ’
+ â†’ +
What do you think is the product of the reaction of amines with
carboxylic acids ? They form salts with amines at room temperature.
Arrange the following in decreasing order of their basic strength:
C6H5NH2
, C2H5NH2
, (C2H5
)
2NH, NH3
The decreasing order of basic strength of the above amines and ammonia
follows the following order:
(C2H5
)
2NH &gt; C2H5NH2
 &gt; NH3
 &gt; C6H5NH2
Example 13.4
Solution SolutionSolution
2015-16
393 Amines
S
O
O
Cl + H N C H2 5 S
O
O
N C H2 5 + HCl
N,N-Diethylbenzenesulphonamide
C H2 5 C H2 5
4. Carbylamine reaction
Aliphatic and aromatic primary amines on heating with chloroform
and ethanolic potassium hydroxide form isocyanides or carbylamines
which are foul smelling substances. Secondary and tertiary amines
do not show this reaction. This reaction is known as carbylamine
reaction or isocyanide test and is used as a test for primary amines.
5. Reaction with nitrous acid
Three classes of amines react differently with nitrous acid which is
prepared in situ from a mineral acid and sodium nitrite.
(a) Primary aliphatic amines react with nitrous acid to form aliphatic
diazonium salts which being unstable, liberate nitrogen gas
quantitatively and alcohols. Q</t>
  </si>
  <si>
    <t>b'\x87\x11\x0e\xf1\xd1\xfa\x8e\x1e\x9f\xd6\x83c\xf6\xaf\x9c\x04\xe0eej\xe6\xa5\xfe9\xa8\xe1=%\xb4\xc6\x97a\x95\x97\xba\x83\xc10\x95E:U0\x91n\xfd\xe5\xd2\xce\xa7kR\xac\xb0\x07\xb8t\xd1\xd1\x19\xddk\x84_6qe%\x98\xc9R\x01\xef\x96\xa9_i\x98\xb69l\xbed\xea\x1f/\xbe\xb5\x9be\xad\xef\x92\x08\x18\xcf\xb2D\x07\x9a\xa7\xb1\xb9\x80\x02b\xc3\xb2A\x0cnm\xd2\xb4w\x8f\xcc\xb0\xb7s\xdb\xaf\x18\x82\xfe\xd9\xdbm\xf6gn\xfe\xb8\x1d\xc7q\x15\x7f\'l\xf8F\x87\xde\xd0|\x90\xdf\xbbU\xd2\xde4\r\xd9\x10|\x14\x05E\x1e\xa4W\x1c\x94\xb2,\x84T\x18&lt;\x11\xc9\xafg\xf0\xfd\xe2\xb3\xbf\xa22\x0f\xe4\xc7\xd6\xd2\tr\xa9\x95\xaem\xafH\x8c\xd6T\xa3z\xb7\xaf\xb4\xb6e\xdek\xa2+]\xfde\t\xa1\x0b6\xe8\xbc\n\xb2;\xe2\x11s\xe1\x86\xb8\xbf\x9b\xb7\xfc\x98\x1f\xb7\x96S\x8bSN\xb0\x0f\xcb\xf3(\x96\xe55\x16\x8d\xbe\x82\xd1#\xceKL\xbc*\xa6@\xd6\x19\x84-\x0c}\x8a\xf4\x8d\x04\xa4C\xa8\xc2,\x8a\xb5\x10\x03*\xb5\xc64sa;\x00\xf8\x98@\xa3oJ\x8f\xdb\xa7k\xa4\xff\xaa\x8e\xe4\x9d\xf7\xc6\x81\x1b\xc8\xdd\x19\x18\xffF\x9a\x9f&amp;&amp;\x85\x9b\xbf#\xc3B\xa4[\xf3\xb6B\xda\xf0&amp;\xa0\x8f\xa6\x85\xff\xe6\x86\xceH\r\x91\x96\x01\x97W\x99X&lt;\xb2{Q\x0e)\xef\xa4\xe8\x9c\xe3\xf4\xa0\xe5\xb3l\x97\x9a&amp;_\x052\xdc\x10g\xa4U\x9f\xc8y\xa3\xbc\x00"Au\x98\x87AX\xe7\xb2\x8ft{PZ{\x19\xaf\xe3\xdeTP\xfbV\xddJoxf"\xea\xa7\x90K\xd3\xbb\xa2s\xba\x06]\x13t}\x95\xb6\xb7\xdc\x95\x9a\x9bK\xef\x05\x9c\xc1V\xcbD\x17p \xe7\xdd\xac\xd9\x82\xeb\x9e\xfd\xb4\xc1\x8d\xdbp\x904\x9b\x99\x0f\xa4n$0\xd1\xc2\x01$@\x0e$\x07\x84\xcf\x15\x83h\x0c\xcb\xb6\x8a\xae\xe4\xad\xc3b5\x90\x1e%\x18r\xa8Eg%\x92:F\xebA:\x95\x16\xbfn\x14RM\xaf\xfa\x07\xb3\x029\x85 \xf2g\xbe\x06\xf2\x05\xc6)7\xbc\x8b\x83\x04\xbf\x0b\x96&gt;\xcdX\x1d%b\x7fo#\x7fB\x90\x97\x0cF\x89JW\x1cL\x95\xdbx\xda"\xf6c\x8c\x96\xbe\xd0\x05e+\x91\xd8A\x9a\xe4\x19n\xd8P\n\xc5\xd0\xdb\xb3\xc6,})\xfa\xc2\xea\xb9E\x04\xaeK;-\xa0\xa5}\x99\x92I\x025\xd8^\x92\xe1k\x9f\x1f\xce\xab#\xb5W\x1e(\x95\xdc\xbb\xe8O\x14\xff\xfb4WZ;\xa4=|\xfd(\x88\xa0H\xe1\x04\x98\xf7)\xd6&amp;\x9b\x1eBG\xfb\xce\xab+\xd0\xc4\x8fy\xd9#\x8f@\xfa\xff\x02\x97\x9eal3\xa4\xf9$!\xb0\x16m\xfc,!\x16\xd3R\xe3\xd7\xf6\x81\xd7\x82$\xb1\x98\xdc\xd08\x9a\x1d\x9b\x0eO\xeerH\x07\xc8i\x8d(\xe7\x02\xaa}.\x7fd-`Q\x16K\x89\x9eTL\x1b\x04p\t\xaa\xd8N\xd3.\xe8\xf6\x02\x13&lt;\x84\xb6\xee6\xbc\x8d\xe4&lt;\xbd\x90m\xdb\xf1\xa3\xcc\xc0\xf1\xda%\xb4\xa8\xb6h\xfe\xb3\xe6\xec:\x01\xa6L\x8a\x86n\xb7s\xd4\x93p}\xda\xce05*\xcb\x8f\xa7\x1dJ\xb7\xcacn#c\xe1;\xa1\xcf%\xf9%\x04qH\xc0\xe7C\xf0\xd0\xd5\xaa\xf1\xf9A\xfb+\xeb\xaf\xb0_\x93\xc0\xb2\x9c\n\x14M4-\x8f\xd6b\xce+c\x17\xf7kw\x1a\xde#\xff\x08M\xfe\x9b\x08\xf8\x99\xd7\xe2\xb9\xcc\xee~\xe2\xbc\xd6\xe2\x10t&gt;\xed\xfe&amp;\xc0&amp;\x80\xff\x13mL\xbdu\xb4Wp@\xdf\x00]\xfc\xef.\xf9\x0fuJ\xf1\n\xf6C\xa8@w8:\xc4\x81\xe2\xb1\xd8\x1a\x98\xa6IZ\x1b\xea0\xc6\xde\xc3\x044\xe4&lt;F\x08\xa2\xfe\xe1V\x9d\x07.\xa2*\x7f\xa7M\x8b\xa8\xf5\xa0&lt;W\xffMU\xcc\x9dx?\x81\x85\x99\xe3\xebU\xc8\xf0&gt;\xf1\xb4\x81\t\x18\xb4O\x1d\xdf{\xb9\x92\x8a\xba\xc5\xdf\xdb\x06\xfa\xce\xd2\x1c)?8\xb3\x02\xa06\x9b\xa5\xa5M\xdb\x7f\x1a)\x8e\xad\xfc\xfah\\\xc7\xed\x92\xf2w\xb4\xe7j\x8b\xeel)\x14\xe3A\x80\xe3V3\xa1\xdc\x9d^.7\x82\xce:\x93\xe3\x1d"\xc0\xe4\x1b6\x17*=\x13\xfe7\xbc\xe4/\x1a\x03h\xdf^/;\xd2u\\3\xe6\x1e\x9d\x9f\xcf\xf1\x8dJ\x03\x1a5\xb5\xc0\xc6\x1f\xea\xc6c\x9a\xba)\xfd\xa5\xf1\x8c\xa1\xc4\xa5\xf6\xd9\x1dv\xe0F`\xecs\xe9\xfet\x05\x89\x8e\xf5\x11]B\x93\xf3\x13.\xc0\x9dD\xea\xa6\xa9\x037\x0c\xbb-\x88\x93S5t\x89\xa8%7w)\x03\xa7\x8b\x02\x9b\x14\x19\x8d\x9a\x13n\x99\x0e{\x8dO\x0fA~hK/\xaa\x1a\x85\xbdC5\xc7\xcc\xac\x9a|j\xb4\xa1\xc8\x8fMw\xf0M@\xe2{\x99g\x98?\xe1\x9e\x04\xec\xde\xeb\x8cE[\xfa\xd7\xe0\xde@\xac,\xd2\x0f\xbf`\xc2\xb8\x93\x15Q\xdfK\x9b\xaeS.\'\x16\x05\xa1\xe3\x06\x8a@\xe8m\xf9\x08ocV\xf1\xed\x9f\x91\x81P\xe1{\x8b\xe0\\\x03\x05v~\xf0\x19\x94\x9a6g\x19\xc2\xd3\xd5\xd4\xef\x0c-&gt;\x89\xee|/\xfd\xc1\x9e\xf1Y\xd2_\xb9\xc3\xd0T\xf6\xa4\x98TF\x14\xb3?.6r\xef\xfb\xf3a|!8Pd\xa0\xb2\xb3l\xf9\'\xe3\xfc\xf8N\xda\xc2p\x03h-+\x1d\x9b;\xe6\xdf\xbf\xc66+\xb4a7\x80\xb0\xde\x91\xa1]\xd2\xe2P\x1f\x00=\xcf+grq\x14H8\x85\x85\xee5$\xa9\xf6 C\x80\x9a\xe0\xb2]*\x7f\xa6\x02|\xd0{\x84D\xa9j\xac\xe7\x84!\x82}\x9c&lt;\xc0K\xfd\x0b]\xb2\x88\xcc\xa3\x96xl\x8cj\xb5\xad\x9a\xce\xaaV\xc2JkTe"q\xcfMooM^\xa3\xfew|\xe6V\xfa\xca\x91Q \x18^R\x8f\xafuI\x8b\x0e\x9aZ\xe4\xf2\x91l\xf7?\xf6\x98\t=\x02\x9e.\x90\xee\x88\xdb\xdc\r\x95\x8f\xeeT\x94\xd0\xa2\x97\xa1\xb2\xc7\x1fWN\xcf\x1e\xac\x9cR\xb2\x06(\xf5\xe44\x13\x0b\xc9J\x05\xe5\xddV\xd9\xdes\x19\x96r\xb6,\\)\x85\x9b\xb6;\xb0\xdb\x0f7\x8e\x0e\xb0\xd4\x8a\x1ap\xc0\xce\x02\xb2h\xec\x8f\x9d\xb5\xd3\xa6*\x19\xb3\x0f\x1b\xcb\x15.\x1a\xc3\x0f\x93\x95P\xf5\xa8\xf7\xc1^\xbc\x07\xea\xb2\x04\xe9k\xc2b\x98\x89%a\x18\x8e_\x17\x01\xd4\x0cM\xc6\xc9\xa8\x88O7\x02-\xa8;\xd4n\x072B\x00Rk#1\x8d\xea\xc9o\r@d\x8f\xf9E\xf9\x9c\xe5\xf1\x15\x90H\x18I!\xdd\x8a\xcd\xcd\xad\r\x1f\xa2\r\xd2i \xcc\tD\x119}\x07\x8c\xb3\x04J\xa2\x1d\xd8\xae\x18\x0bZ\x17 =\x02\xb4YT\xa8\x9a\xfb\xc3\rASG\xe0}\x865s\x1bZ~OK\xf8;\x1a~f\xe09~#\xce\x00\x97\xc4\xa9Q,l\xd1k\x18\xde4\xacf\xa2h?B\xd3\x85\xc6\x807[\xb8\xd0_Q\x06\xdfI\xfd\xb1\xc4@\xf3\xcd\xd9\x9c\xc1aC\xde\xbe\x8e\xbd\x94\xfb\xb8\xa6\xbb\xb3\xae\xa7\xa4U\xb0\xef+\x02\x04!t\x10`M\'^\x0cl\x94\xed\x96\x7fbsL\x8d\x10X\xae3\xbb\x9e\x8a\xd0x\x04=|\xe1\xe9\x87\x99\xff\xd3\xc0~\xb7\x7f\x99\x92\x9aQ.\xca*F\xca\t7\xa6\xa0C\'"\xef\x03[\x15\x92\xdf\xe7v+\xca\xbf\xe7\xb7\xe2\xa2\xfe\xba\xb97(\xad\x0c\xf8\x14\x908\xbc\xd9\xd4O A\x17\xa2\x8e\xba\xaaL\xf9\x90\xe4\t+\xb3\x1c\x01\x0b\xd6\xc7\x81u\xe4c\xe6\x98^jP_\xb2\x9bW\xe2 \xe4L\xa4\x8f\xe3m\x11\x92\xaf\x95\xbbX\x97\x0c\x03\xff\xc1O\xee\xfa\xe0\x18\x81Cu\xe3\x958P\xd0+\rZ\xb9$M[O\xe6%\x8d\x8f\x05\xde*\x12\xb1%\xa5\xbb\x1ac\xc14\x7f&gt;\xd6\xc2\x00\'\xba\x88\xcc=\x83\x14\xea\x1blDT\xa3x\xbe\x1b\xc6~\xa0\xb0\xceN\xd5\x91\'\xfb:jJHS.X\xff\n\xeai\x82j\x1a\xcb\x11]\x1b\xdd\x12#\xf7%=8wV\xfc\xbc\xec\x06\x95i\xb8}+/\xd2\x91\xc8\xe4\xbe\x94\xd5/\xf1\xdbVt\xd4\x1b\x07\xed\x03\\"tCMO\x8c\xbe\x96\x15\x16y\x12\xfeL\xb4\x18\xfb\x01\x14\xcaK\x0e?\x1b\xf0^\xef\xffX0\x14t\x0e\xc5\xfd\xaa\x1f\xfb\xcc\xcb\xca\xe4\xb5RL(0C\xcd\xdd\xb3\xef}\xd3\x9f\x9a\xac|o\xbb\xfbIM}8&lt;\xeax&gt;\xeeW\x02\xfa:\xd4\xeb\x84\xc39\xe1\xa3:\xd6TU\xc4})\x08k\xcf\xff(\r\xe3G\x98\x80^\x83/\xfb\x89=N\xa4\x0eA\x94#\xcd\xf7\x87\x80\x1f\xb6\xc1\xee\xbeN]\x06\x18\x8c\xe5\xf6\xdc\xf0\xf6\x00\x95=\xa3\xc2\x7f\xe8$\xab\xa7&lt;\xedR\xb42zJy\x9b\xf9\xa6T\x17r\xbf\x9cV\x9f7\xe4\xeb\xe3\x04\x92\xf3@W\xcf?vFH\x976\xf5\xc5\xf4\xb4tF]\xe9\xfa\xda\xf7\xea\xf4-\x01\x84\xad}\xc8fh\xdb\xffj\xaf\x9bb\xe0\xabV\x9bk(\x00W^c\x8eS6\x1b\xd2\xb1&gt;\xdcg\x9f\xd8\x1e[\xff/\xb5\xbf\x11\x06\xfa\xd2\x06\x9dx\xbdL\x9fh\x81f\xbc\xe5\xb0^\xe9\xc9\xa8\xabE\xc9*\x1d\xe7\x167\xbe\xfa\xae\x87\x1b&amp;F#\xae\xf5a\xf5\xdf;\xb6h\xa4\x87#\x83[\x89\xa3!;@\xfc\xa3\x82\xd2;v\xfbk\x13&lt;n\xdf\xb2\xee\xab\x8e\xcb\xf4\x1e\x85{\xccR\xe5\x9a\xaf\xc6(\xe1\xf7|~;\x15\x19\xd0~\xd1M*\xf2\xfc\xeb\xd2N\xcd\xc7\x16\xe2\xd80(\xc9J#\xe7q\xeef\xa3\x1c\x1b\xa7\xdb\xa0-z\x8c\x81\xf8`\xdf\\\xf9\xa8\xccO\xcf\xd2\xed\xa2\xe3\x06\xb0yb\x127\xf0\xe5\xf5lu\x19\xf1"\xa1;\x91p\x05v\x8b\x89uMt\x8c\x91&lt;~\x17\xc2Kl+@\x9c\x89\xf0\x8d\xf2\x15\xba\xbd\xe1\xa8\x9a\xf6c*\x1dY=\xa3r`8h\x81\xc6\r\x89\x04dR\xea9\x98\xc45RB\x80\x91o\x16n\xd5\xd2;\x82\x9f\'\xceVy\x04W\xa8\xedY\xf3\x05eT\xed\xf1"\xe5\x8f\xcd\x1ds\x036P4UDP^6z\x00\x8f\xacy\xda\xcc\xa5\x13\x1eL\xb89\xd9\x08[\xc8q\x9a\xb7O\x95\x97\x90\x1f\x98\xbc\x18\xb7\xa4\xcd\xd9S\xf6\x91w7\x15\xa4A^f\'yG\xa6\xa8s\xd4W\x0e\xa4:\xf9a\xa7t\xd6\xb1U5\x1a\xf5=@\x9f\x95h\xb9\xa0\xbb\xbe\x02;_\xd9C\x03\xf4[|7S\xbc\x1az\xc2\x00\x88\xe0\xaa+\xdeV\x12\x92&amp;\xc8\x7fYeX\x92\xe8(\xfac\xfb \x86\xb6\xdd(dh\x14\xe2\xec\xa0s\xa3_\xe1h]t\xe9"P\x95n\xbc\x08T\xe5\xec\x04\xa96J\xa0\xd6\xa9}q\xa1\xac\xb4mc\xd4\xe3\x83[\x9d-\xbd\xa2"\xfb\x89\xcao\xa8\x08\xa96mwR\x84A\xc7\x9f:\xfc\xe8`\x9bWY\x99\xac\xa0\xb3E\xd8\x82\'%b0\xf2\x8a\x886\xe3i#\'\x17\xfcl\x85\x94*\x0e\xd0\\a\n\xe0\xe4bo\x99`\xb4%1\x99U\xe7:\xed2N\x89=\n\xc2\xb3\xc6\xd75\xe3I(\x14Y\xf7\xa2\xc3\xd1\xa3\xad\nG\x06uk\xc1\xc6X"T}\xabxt\xf9\xd8\xcaXp\x9bI\x85FC1Qz\xf6A9\x06\x93\x17r\xe8X\xc7I\x02\xdf\xaem\xe6f\xb8z\x8e\xe4Y\xa4\x9d2wK\xfb\xd4\xf9\xcdt2\xafv\xf6N1\xee\xe0\x86\x8f\xae\xf1%\x8c\x8dE\xd7\xff@\xe2\xecM\xf5n\xda\x11\xb3}o\xc1Z+\xcap\xd9\x9e\x85\xab\x82\xec\x89O&lt;`\xa0\xc1\x85\x10X\xe7b\x94\x1a\x8c\xa4\xe72\xb2\xfdZ*\xdb'</t>
  </si>
  <si>
    <t>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</t>
  </si>
  <si>
    <t>b'\x87\x11\x0e\xf1\xd1\xfa\x8e\x1e\x9f\xd6\x83c\xf6\xaf\x9c\x04'</t>
  </si>
  <si>
    <t>half-drunk, hurrahing out of the cab
 windows if their own party came by. It was the first election I had seen, and I don't want
 to be in another, though I have heard things are better now.
 Jerry and I had not eaten many mouthfuls before a poor young woman, carrying a heavy
 child, came along the street. She was looking this way and that way, and seemed quite
 bewildered. Presently she made her way up to Jerry and asked if he could tell her the
 way to St. Thomas' Hospital, and how far it was to get there. She had come from the
 country that morning, she said, in a market cart; she did not know about the election,
 and was quite a stranger in London. She had got an order for the hospital for her little
 boy. The child was crying with a feeble, pining cry.
 "Poor little fellow!" she said, "he suffers a deal of pain; he is four years old and can't
 walk any mor</t>
  </si>
  <si>
    <t>b'\xed!I\x85\x15\x04t\xc7'</t>
  </si>
  <si>
    <t>ed214985150474c7</t>
  </si>
  <si>
    <t xml:space="preserve">chess sneezed
occasionally; and as for the baby, it was sneezing and howling alternately
without a momentâ€™s pause. The only things in the kitchen that did not
sneeze, were the cook, and a large cat which was sitting on the hearth and
grinning from ear to ear.
â€œPlease would you tell me,â€ said Alice, a little timidly, for she was not
quite sure whether it was good manners for her to speak first, â€œwhy your
cat grins like that?â€
â€œItâ€™s a Cheshire cat,â€ said the Duchess, â€œand thatâ€™s why. Pig!â€
She said the last word with such sudden violence </t>
  </si>
  <si>
    <t>b'\xf5\xa4M\x9b\xae\x85q\xa9=/\x12\x1aQ\xe9\x8c\xda_\xd1^H\x03\x81=\xbb\xc80\x1e\xde\xa6ejAH\x10\x18\xd9\x98\xdc\xf2\x0c\xcaS\xb0:k\xe5\xaa\xbf^%\xe7\x12\xc9AkLd\x02\xbbm\xd3t\xd5\xda\xd77h\x97j\x07U\x7fx\xf0 i\x7f\x9clJ\xe3\xd5B\x8b\xd8\xd7.h9E\xa7\x0e\x8c\xc2\xdb5\xd0\xa1#\xcdW\r\xd1Ph\xf8W\xe6\xd1\xdbz\x1fM\x05\xa6\xf6\xdfLBr\xaeR\xaf4;;)\x91\xda\x17|\xbcV52\xd6\x95\xbb7\x7fb\xc7Z\xca&gt;}8A!\x9f\xc8C\xffX9\xda\x9e\xe5\xbc:\xef\xbf\x12$\xb6\xdc\xed\x10\xbf&gt;\xc3\xa3E\xd1&lt;\x1b\x92\xbeGSf\xdcfcN\xb8";\xd9o\xca\xe3P)\xe4i\x9e\xbew\x7fQ\x8a\x06\xccM\xb2\x88.3\x03M\xb4CLU[%c\xd8\x9cT\xa1\x1a\xea\xf2\xab\xcc78\xa6I7\xf3\xfe\x80Q\x11\xf7\x1e\xdc:\x8d\x07\xf1\x00\x1a\xbc?\xe0\x8a\x89M\xbf\xd8^\x17U\xb4pY\xe1\x924\xf5\xe2\xd3\xfbj\xfe{\xbee6\x07\x95\xcf3w\xb2\xae7\xf6\x8a5k\'u\xf5\xfb\xf5\x1e\x1c\x9an\xa2\xcd\x11(\xad\xa9\xbf\xe4\xf1\xcd\x1f\xd5s\x17\xd2}\x91n\x90\xf62\x86\xd9\xa3G\xede!]\xe7\x08_$L ![\xe0\xf9j\xc6\x87\xcf\x10\xf5\x0e\xafS\xe8/O\x92\x98w\n\xa8\xc05Bu\xf5C\xc9\xfaX\xd3\xb9e\xf5d\x1d5\xc3\x0bj\x11\xa0|\x8e\xcf\xea\x14\xd0\xa8\xd0\xfbV\x85\xd4I\xe4\xda\xab\x83[\x91\xc9\xafYG\x84\x16\x1aC\x8f4]\xdd\xc6\xd9[\x90\xdeD\xc5\x96\xea\x7f-\xbe~n\xcc\xbb\x04\x1e\x80m\x11\xaa\xfb\xe6\xb3\xa6\x81\x87O\xadO0+)\xb6\x02\xad\xeeW&amp;\xc3o\x17j\x98\xa0N\xc4RF#\x1f\x06T\xd3#\xb0\x12\x12)(o\x8d\x8f9\x97\x83\xdb\r\x03\xe5\x19+#\xfa9\x96\x8a*+\ry\x07\'\x0b K\xab\xb7\xafI\'\xc3\x8a\x8e\xf0\x99u[\xcb\xd3\xd5M\x1e\x0c\x8d\xe5{\xac. u":\x03\xd4\x99\xba\x9f\xbd\xcd\xc7\xb19\x08\x1a\xff\xaf\x8eb\x9e\xc0^\xf1\xc3\x97\x01\x7f_\x80\xd2)N\xa9\x9b|?\\g}\x05\xef\x04\x17(k\xbf\xa7\xd2.r\x1b'</t>
  </si>
  <si>
    <t>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</t>
  </si>
  <si>
    <t>b'\xf5\xa4M\x9b\xae\x85q\xa9=/\x12\x1aQ\xe9\x8c\xda'</t>
  </si>
  <si>
    <t>f once 
 we dropped to leeward of the landing-place, it's hard to say where we 
 should get ashore, besides the chance of being boarded by the gigs; 
 96
  w</t>
  </si>
  <si>
    <t>b'E\xfa\x89:)\xf2\xebh\x0bt],\xb2\xde\x90c\x7f\xadG=\xf5\x0f\xe7\xa1y\xb6\xe6\xb6X^\xce\r,c\x08T^\x10n\xaf\xff\xad\x1c\x02\xcbEuF\xd0\xa9\xa2\x8c\x04\xfc\xa51\xa6\xef\xe8\xec\x17N\xe6~\xfc&amp;6\xc2zw\xff\xd8\x97x\x06x\xcc\xd7\x14\xc6\xcb\xd4\x12\xab\xfe4\xb4\xf7\xaa\xc1\xbf\xad\xbf\xf2\xd3jP1#\xc5\x8c\xe054\xaa~\x13\x8ar\xc9\x81\xd4\x93\xce\xccS9\x0b\xe2\xda\xb4c\xea\x14\xca\xc0\xcd.W\xe3Wn\xabm&lt;\xfa\x14|T\x93\xb3)Z\xa8\x8f\xf1\x18\xd9\xd2i\xb2\xf6\xe6\x04\xd1\x07\x02m\xfc3.jv].@\x9d#\xf8\x85\x0f\x88\xbcq\x11\xda/\x84XC\xc7\x08\xe1\xd3d\x08\xd5\xd5)\xbbG2\xd0&amp;\xb4\x11_\x0b7\xc5Z\xcf}U/\x91Z&lt;F=\xe1h\x89#)\x13\x1a\xfc\xd1\xb6|2\xfbJs\xaa\xbe\xd2\xaa\xc5\x94\x83jA\xa5\xa0\xc4h\xbaq\xac\xa6\x0e\xe6K\x118\x9c%G\x96\xa8\xeb\x16_z'</t>
  </si>
  <si>
    <t>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</t>
  </si>
  <si>
    <t>b'E\xfa\x89:)\xf2\xebh\x0bt],\xb2\xde\x90c'</t>
  </si>
  <si>
    <t>to sleep and I
heard some one crying and wanted to find out who it was. What were you
crying for?"
"Because I couldn't go to sleep either and my head ached. Tell me your
name again."
"Mary Lennox. Did no one ever tell you I had come to live here?"
He was still fingering the fold of her wrapper, but he began to look a little
more as if he believed in her reality.
"No," he answered. "They daren't."
"Why?" asked Mary.
"Because I should have been afraid you would see me. I won't let people
see me and talk me over."
"Why?" Mary asked again, feeling more mystified every moment.
"Because I am like this always, ill and having to lie down. My father won't
let people talk me over either. The servants are not allowed to speak about me.
If I live I may be a hunchback, but I shan't live. My father hates to think I may
be like him."
"Oh, what a queer house this is!" Mary said. "What a queer house!
Everything is a kind of secret. Rooms are locked up and gardens are locked up
â€”and you! Have you been locked up?"
"No. I stay in this room because I don't want to be moved out of it. It tires
me too much."
"Does your father come and see you?" Mary ventured.
"Sometimes. Generally when I am asleep. He doesn't want to see me."
"Why?" Mary could not help asking again.
A sort of angry shadow passed over the boy's face.
"My mother died when I was born and it makes him wretched to look at
me. He thinks I don't know, but I've heard people talking. He almost hates
me."
"He hates the garden, because she died," said Mary half speaking to
herself.
"What garden?" the boy asked.
"Oh! justâ€”just a garden she used to like," Mary stammered. "Have you
been here always?" "Nearly always. Sometimes I have been taken to places at
the seaside, but I won't stay because people stare at me. I used to wear an iron
thing to keep my back straight, but a grand doctor came from London to see
me and said it was stupid. He told them to take it off and keep me out in the
fresh air. I hate fresh air and I don't want to go out."
"I didn't when first I came here," said Mary. "Why do you keep looking at
me like that?"
"Because of the dreams that are so real," he answered rather fretfully.
"Sometimes when I open my eyes I don't believe I'm awake."
"We're both awake," said Mary. She glanced round the room with its high
ceiling and shadowy corners and dim fire-light. "It looks quite like a dream,
and it's the middle of the night, and everybody in the house is asleepâ€”
everybody but us. We are wide awake."
"I don't want it to be a dream," the boy said restlessly.
Mary thought of something al</t>
  </si>
  <si>
    <t>b'i\xe0w$\xc6q\xf2p\x8d\x82@J\xdc\xaf\xdf\x02\xb5\xc06\xae\xad\'\x1d\x14\x86@\x04\x14\x98\xe4\xcbw*\x1b\xd8\xff\xe0\x05r;1\xe1\x1fg\xae\xaf\xb6\x8b\xf3\xd2B\xdc\xe4\x1a\xfe\x87J\x91\t\x10\xd0f-,&lt;\x89\x9e\xb9\xfd\xc6\xe8~!\x88a1v\x02\x81]\xf9\x81\xcc\xf72\xe5\x9d\xaf#\x01]\xb3s7\x15Q\x8e\xd9S\x81\xb6oM\xfa\xdd~\x1c\x9b(\xee\xec\xd8U\xcd\xd6d\xc5\x17\xd6~\x85d\x8b@\xdaQDxp\x9c\xd9\xa5~\x17\x9a\xa7\\m{O\xcb\x06\xe1\xa0m+\xf9\x0bIj\n\xdfw\xc6T\x83\x9f\xdd\xe3\xc2\xb6\x91\x12\xb2y\x86SZp\x83L$&amp;jEc\xaa\xa4/\xdc\xda\xbf\xc9I\xc8\xa7\x92a\xa9M\x068v\x10\x12\xe6\x06n7\x1c\xa0y\'\'?b\xeb\x96U\xb4\x04\xd5\x04~\xd08\xf2\x04\xc9B\xb4\x08F|\xc9\xe9\xd3\x19\x82^\x84\xb6\x951\xaf\x14\xdf\xf9K*\x85\xb3\xae\xe5\x0c\xaf7\xf4\xd7O#\xb1\x8f\x1a#\xd7\x89]\x18\xa8\x18\xda\xb2\x1bj;;M\xf4\x8c\x99,\xb3\x98\x9co4\xd7\x1cT\xf9\x8a\x0c\x0cE\xda\xe7\x86\x8e\xe2(\x18\x13\x9b\xd5I+\x8b\xeb\xaf\x8b\xd4\x7f\x15\x8f\\p:q\x13\'8\xdaV&amp;\xd2&lt;\x98\x05\xe6\xe8\x1f\xa2\xe3)\xba\xa1t\xbc%@\xbc\xd7\x99^\x9c\x9f\xf6TY\x04\x8a\x12\xa9\xd4\x85,\xcf\x1f\xd2\xfe\x8d\x8a1\xa8I\xf2]\xe8\xdc[\x073\xd2\xd7\xb0\t\xc5+\r\x9f\xfb\xf7\xdb\xc2\xfd\xcfs\xeb\xfbp2Lop\xf30\xf1~F\xed\xbfLZ\x80*\xeb\'\x80\xfe\xb5\x88\xd7\\\x8a%\x82&amp;6\x05H%\x0b\xf8\x1an\x13\x81\xc6A\xc8\x8cJ\xdd\x0e\xa5\x15b\xf4\x9c\xacz\x98\xf6\x93\xddbk\xa1%\xc6\x9b\x92\x1dB\x06\x99{MV+\xca,\xcd\xbe\xb8\xead=\x91\x8e\x93zr\xa6\xdb\x87\xe3\xae|K]a\xe8\'\xc5\x03\x1b]\x12\xafj\xefU\x1f\x0f8v\xe8\xf2m\xc8h\x84\xfa\xba\x96\xbay\xec\x90\xc6\xe39\x0bP\xce\x97m\x11\xe4=/\x1a\xe9\x9a\x06Am \xde\xbeiCJd\xb4\xd07\xed\x88\xd2\xfe\xe3\xf8#\xcf\x1e\xd1o\xdb\x80b\xd8I\x07C\xbfN\xb3\xf6\xf5je\xb3\xd2\xfd\xfc\xe5\x0c\xc2!\xa4\xc4\x96\xe3\xef\x0bv+\xb2Xl\x14\xae\x1b[|\xbbZ\xc1\xb5\xc0\xb2\xb1q\x9ab\x9bx[\xf1\xc9\xbc&lt;*\xdf\xfb4\xee(\tq_\xb2\xf4}\x94\x87YL\xe3S\xef\x02o\xa8\x96d\x83{\xaf\xae\xd2G!\x08\xad\x07(:3\xfd\xc0\xd5\xf1\xf4\xfb\xae}L\x9b\xd5w\xd0o\t\xa7\x0e\x8dU\x8c4b=\x9f&lt;QO\x95\xe8J?p\xc7p\xc0\xe0\xa1\x01\xea\x00x\xae\x9czo.VOD\r\xbeN\x88\xac2J\r\x97\x1d\x9c\xb8\x171,pQ\xf5k\xa1\x1b\x05D,W\xa9\x8ea\xf4Q\x14~\xc8iI\x910\xac\xe9\xaexuVfT\xf9\xc9\xf1ehH\x90\xbd\x05\xa5\x07E\xe6@M&gt;\x1b\x84#M\x0e\xa8&amp;\xeb\x17\xf1\xf59|\x1c\x01l#~\x18\x07\x9e\x13\xe4\x80\xefP-\x80\x8b~\x82\x1afnu6j\x9d\xd7\xd9\xe1t\xed\xa8\x1e_\xf8\xc6\xb8\xd7\xb5\x95\x98t\xcbLs\x82b\xa0qm\xbc(\xa8\xdb\xe4O\xb5\xc7\xa0\xce\xc5\xd9\xe4X-\xa3\xb4(\xae\x89\xf9\x92\x83(\xecpLr\r\xcel\x07\x1c\xd0=O\x1f-\xb9\xf0\x1c\xc0\xe9D\xba\xedQy\xd5\xc9O\r\x8e\x0f\xb0=V\x07\xb9\x8eB\xf7\xf9Vo\xf4"Dh\x18\x99\x10\x8d\xf2\xd66\x1f`\xde\'\x01Kw\x85\x95?E-\x9f\xc7\xec\xf6\xbe@ud\xc7i\x1a\xd6i\xab\x00\x82$r\x96\x0c\xd8\x8fl\xcdx\xe4\x99e\x819\x9c\xa9\xb2\xe3D\xe4\xbf\xda\xc8\xb2vE[`\xd0\x8fi\x82\xcd\xe3e@\xa0\xb3z\xd6\xbb\x13\xcc\x98v\xe6\x08iD\xd6\xaa.]I\x0e\x97J&amp;\xcf\x9f\xbf\xab\xad\x00y\x93\x10\x92{\xd3k\xda\xe9\xce\x17\xa4\xe6\xa7\xd7 \x17\xd3\xce\x9d\xd7\x19\xa7\x8b\xdf\xd7\xe5\xe0\xceB*\xa6A+\xd0\xcb\x12\xf7&lt;\x86\x00\xa0\xff\x03\x14~*2\xf6\xab\x80`\x05CsG\x0fX\xc6\x9a\x88\x0c\x83`\x7f\x10\xfb\x1a\xb0\xb0\x1a\xaa\xa5\x9d\xce\x1c\xf9\x81\xb2\x12=}\xf7\xe2\x99K\x1a!\x8fUX\xccF\xa1t\xfeT\x99L5-~\x1c\r\xa1\xcb\x87\xed\x94\xd3y\x008\xbfD\xe0\x94a\xf6\xe7\xba(#\x93\xca\x11\xdfPy\xbe^\x92\xf8K\xce\xc6\x11\xf9e\xc5\xeb^\xc3\x9fq\x10O\x8f\xc8B\x19\x07\xf5y@\x8a!\x85\x97h+B\xce@\x84\xaeU\x9a\xcbn&amp;s\xb7\x1a-\x9f\xf6\xe8\xbe\xc2\x1f%\x19h8\xb8\xd58s\xe5!\x9e\xe2\xe4\x86\xa9oM\x80\xe9u\xd9r9nj\x12{#g\xbc\xaaw\x05\xb5\xc8\x1c\x8c\xf6\x0c\xd6Xx[\xa6\xd8\xb4\xf1\xfb$\xb2\x17\x9fO\x986A:wgf\x90\x0f\x07rX\xf1\xb3|\xc3\xa5T\x0eu\x8fx\xc2\xe0\xf0\x16s\xe7D\x9b\xebZ)\xda\x8eI\x8c\xac\xf7\xe7\n^\x8908\xb0\xc5n/\xca\xef\x98\xfbO)i|\x93\xb8\x83\xbc\x818\xc7\xb7M\x10?\xb4\x07\xb3^\x12I\x01M&lt;n\x91Y\x84#0\x8a\xe7\xfe\x9eC\xf1E\xc2\xd5\xfa&lt;P4\xab\xbe\xfe\x9a\xc5C\x98\xa0,\x12\xcd}\x070\xc6,\xa8kHe\xce\xab\xe5\xf3\x82\x8e/(N 9\x16M\xad\x1d\xfc\x1c5&gt;4\xe5\xd8\x8c\x9f\xf8\xb90=[\x1am\x9a\x9f5\xbd\xd3\x08!\xa2\x98&lt;[x\xb2\x8f\xbb3~@\xbb\xc1\x81\xf7r\xf7xk\xf5\xb2\xa0\xdd$w\xcd\xa6\x8d\xbe\x11\xec\x833;\x9d\x1ek\xbcs\xde\xa7\x9c\xdd}\xe8\x11\xa4\x17\xce\xf3\xab[\xe5\x0e_\x16\xb9\xf47h\x14\'\x82V\xf3\xec\x9d^\xfa\x04\x1c2\x1d\xa0\x17$\x81\x02\xae&amp;\x88\xf2\xd6\x91:m\x1b\x15\xbdp\x97\xa59Q\xf6m\xca\x1c\xf2\xd6\x19q9\xed\x91\xc0a\',|\xd1K\xf1q\xdb\x9dD%\xa9\x82\xe627e\x8eX\t\xb3\xc00\x04\x15n+\x05\xb5\xe8\xf4W\xaf\x1d\xdc26O|\x89\x0f=-\x14+V\xb4G\xcf&amp;\xfbT\xcc*\xea\x07\x87z\xf8J\xbb\xd7F\xc7\x16\xe5\xda\x14\x99.\xc3@\xd5\xf7m4\x85\xb9\xef\xd0\x11\x8e\xb1m\x1a\x97a\xe7z"\xce\xd1\x898\x86D\xd5g\xdb\xa7\x8d\x8f\x92\x1b\xfd\x9a\x0f\xc0\xf8\x1a\'\x95~\xdd\x07\xfe\x00\xbc\x18\xefMH\xb9\xe2\xb8\xf5\xe6\xd1\xaf\xbe\xba\xa7^v\x0e\x95\x1b|+:v\xf9\x0bH\x9b\xd0\xd8\xdb|\xb4;S\xe3\x9few\xb0~\x8c\xa2em\x94\xb3[;wdrn\xf1\xe0Y\xaf\x02\xc5\xd2\xf9\xb7\xeb\xa5\xdb\xf5\xf0\x8bv\x81\x87\x01\xf3q{\x9d}\xdf\xbcC\xf4\x95\xc1\xe1C\x89\xd6\x01\xdd\x81\xdf\xa0&gt;}\t\rBO\x8b\xfb\xbb\xb6\xee3\xf1\xc2*\xe0\xcf}y\x16\xfd]\x185\t\xf3\x15A\x99"n\xf6\xd9u^\xe1\xb5\xbaH\xcf5\x0e\xdfB\xb7\xae\x0b|\xf7|&lt;\x01\x9a\xab\x00\x0c\xe5\x9f\xeb\x9e\xbb\xbf!J3j\xfa\xee\xed\xdc\xe6\xe9X\xd7O&gt;\x99\xb3\xc8\x9b\xc8u\xa4\xea1/\x91\x1cn\xb5\xeb\xd3\xc5E\xfd\r\xa5\xaby\xb4s\xe2\xf1\xbe\x03\xd1\xff\x91|\xfd\x07\x10 G\x84\xd9\xf7\xa96\xe7A\xf0\x96p\xaevvd*\x9f\x1af\'\xcaF\x02\x07\x189}@\nlA^Y\xc6|\xcc\xd3&lt;\x87E\t\xf8\x93\'C\xa3p%\xd5\x88\xd8~\x14e\xfeD\xc201\x8e\xa6\xa7\x9dP\xc0/M\xfc\x14\xd3\xe0\rC\x06:\x87\xe1\x8e\x0e\xa3\xde4\xc0\xbdv\xc3\xc9z\xf2{E_\xc3u5\xc7\x85\x01\xf6n\xbac`\x93\xc9,G\xc9\x04v\xcc\xc92\x9f\x80\xe8}ncBOi\x86\n\x08\xd5\x10G\xf9\xb7qn\x8a\xae\xba\x9b\xb8v\xcc\xef\xc7\x9e$7\xde\x85\x80\x05(\x9f\xcd&gt;\\\tqa\xa9\'"\x0e\xbbixX\x17\x82\xac\x97\x05pG\x97\xe4\xfc \xb4\x91xE\x03\xcf\xf5\xfb\xbb&lt;\x83\xc24q\xd9\xd9\xcb{\xe0\xb3\x00\xd0\x06\xe5\xdb\x0fk\x16\x07n\xd7\xe8hET\xf4H\xd6\xe16\xaf\xd9&lt;\xaf\x0b\x7f\x95\x0e\xb3&gt;\x146A\x01\x88I\xf9\x10\xf7\x86\xcd\x04r#\xe9\xbb\xe04\xcf\xf7\xad\x82.Ft\xb2R\xec\xa2\xd8\xd0m\x9eu\xb3a\xa8\x91\xc5F\xad\x06\xa5\xd31\x0b\x94\xb7$\x06\xc6B\xa2\x14|\xaf\x0b\x1b\xe7\xa4\\\xa0\xd7\xc3Th\xfd0\x89D\xc6P\x1dcNl4\xb0\xfd%{-?\x98\x1e^\x06\xb8\xbe#\xac|\xa1\x11l\x8f\x97E\'?\xcf\x17\r\x80\x87\xfd.C^\xd4\xd7\xc8\xc5I\xe0\xcc\xea),\xe7]\xe1U\x9e/o\x06\xc3\x90?\xbaG$\x91\x8b\xa8\xf4\xf6qT\xf0\xf3\xf4\xe0\x90U\xbf\x05\xf0\x0b?\xd7t\xb6\x96\xcd^){\xb2F(10\xe5\x16\xde\x1e\x9e \xbb\x94f\xf0_\xd0x\x9f\xb2\xad\x16\xb15|\xfe\xeb\xaeV!Q5\x97\xfd\xb6\x19&gt;\x0f#\xfe\xf5\x00X\xc7\xa7^\xbf}\x892\x927\xc0\x8c\xd1O\xb6\x1bV\xe8\xe0\x95\x0b\x8a_\xbd\xd4\x10\x08\xe8G-\x98\xad(L\x80\xe0\xfc\x84\x1d71\xcf\xef\xfc\xd1t`7\xe2\x01\xb8%\x0e\xba\xf5xA\x80RoJ\xdd\xf7\xca\x8e\xfd`\x0cz2\x10\xcf\x89\x0e8\'e$\x07V\xc6RQR\xc7\xc2Z\xa3\x12\x98\x89\xa7H(\xa7\x02\xbe\x95\xbb\xfep\xf5e\xe5"W\xf8\x1b\xf5\xd3\xcd\xf5\xab9\x03c\x86Q&amp;\xd3\x83\x88\xd5w\xa0\xd5\xd3\x13\xff\x00\xf0Y3&gt;\xb8\x8c%+\xd8]\x9ejU\xb5`\x1b\xa9v\xa0\xf0\x8f\xf73\xb6\x07\xc1Q\xccV\xa4\x1b\xd0H/\xf9~\xe9\xda\xc6\xf4y\xd8\x13/\x1eL\x0f?:G\xf1B\xd5\x15\xd8\x160\x83`T\x9f\xa5\xd1\xa6\xd9\r$.\xa0\xbfsu\xaf\t\x911L\nQ%-\xc7\xb71\x1c\x19\xac\x008D0\xeaL\x11\x1b\xae\xecb`\xd5\xd5y\xf2\x1e\xa9D\xbc\xfb\xd1oEJE\xe6"B\x13\xd9[\nt\x11\x10\x8c\xf0\xfb\xaf\x97=\xb9\xbd\x1a\xf2\xa8\x06^\x80\\\x93\xa8\x9f1#\xec$S\xf3\xeaj\xd0\xd0\xe4"\x85[\x14\x1e\x07\x11{\x17\xb6\xfa]\xb8SB\x87Pi\x8e|_*\xaf\xbco\xb3\xab%\x13\xf4\xe1\xa0\xf8\xf1\x81\x84\x1c\xb6 \xbe\r\x94\xa6\x92\xd9o\x99*\x00`5R\x18\xbc\x98\x17\xca\x08\xbbV\x90\xba\xe6\xea\xc3\xec\x1c\xba\xb5m\xf4\x14R+\xe4\x00\xd6bB\x04\x10`\x1b\xe9\xf2\xb8\x8e'</t>
  </si>
  <si>
    <t>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</t>
  </si>
  <si>
    <t>b'i\xe0w$\xc6q\xf2p\x8d\x82@J\xdc\xaf\xdf\x02'</t>
  </si>
  <si>
    <t>chanics, a free particle of mass m traveling in the x direction is
  described by the wave function
  (x, t) = Aei(pxâˆ’Et)/Â¯ h,
  where p is the momentum, and E = p2/2m is the kinetic energy. Calculate the
  group velocity and the wave velocity. Which one corresponds to the classical
  speed of the particle? Note that the wave velocity is half the group velocity.
  Problem 9.24 If you take the model in Ex. 4.1 at face value, what natural frequency
  doyouget?Putintheactual numbers. Where, in the electromagnetic spectrum, does
  this lie, assuming the radius of the atom is 0.5 Ã…? Find the coefficients of refraction
  and dispersion, and compare them with the measured values for hydrogen at 0â—¦C
  and atmospheric pressure: A = 1.36 Ã— 10âˆ’4, B = 7.7 Ã— 10âˆ’15m2.
  Problem 9.25 Find the width of the anomalous dispersion region for the case of
  a single resonance at frequency Ï‰0. Assume Î³ 
 Ï‰0. Show that the index of re
 fraction assumes its maximum and minimum values at points where the absorption
  coefficient is at half-maximum.
  Problem 9.26 Starting with Eq. 9.170, calculate the group velocity, assuming there
  is only one resonance, at Ï‰0. Use a computer to graph y â‰¡ vg/c as a function
  of x â‰¡(Ï‰/Ï‰0)2, from x = 0 to2, (a) for Î³ = 0, and (b) for Î³ = (0.1)Ï‰0. Let
  (Nq2)/(2m0Ï‰2
  0) = 0.003. Note that the group velocity can exceed c.
 9.5 Guided Waves
  425
  9.5 GUIDEDWAVES
  9.5.1 Wave Guides
  So far, we have dealt with plane waves of infinite extent; now we consider elec
 tromagnetic waves confined to the interior of a hollow pipe, or wave guide
  (Fig. 9.23). Weâ€™ll assume the wave guide is a perfect conductor, so that E = 0
  and B =0 inside the material itself, and hence the boundary conditions at the
  inner wall are21
  (i)
  E=0,
  (ii) BâŠ¥ = 0.
  (9.175)
  Free charges and currents22 will be induced on the surface in such a way as to
  enforce these constraints. We are interested in monochromatic waves that propa
 gate down the tube, so E and B have the generic form
  (i) Ëœ E(x, y,z,t) = Ëœ E0(x, y)ei(kzâˆ’Ï‰t),
  (ii) Ëœ B(x, y, z,t) = Ëœ B0(x, y)ei(kzâˆ’Ï‰t).
  (9.176)
  (For the cases of interest, k is real, so I shall dispense with its tilde.) The electric
  and magnetic fields must, of course, satisfy Maxwellâ€™s equations, in the interior
  of the wave guide:
  x
  z
  y
  FIGURE9.23
  21 See Eq. 9.139 and Prob. 7.44. In a perfect conductor, E = 0, and hence (by Faradayâ€™s law)
  âˆ‚B/âˆ‚t = 0; assuming the magnetic field started out zero, then, it will remain so.
  22 In Section 9.4.2 I argued that there can be no surface currents in an ohmic conductor (with finite
  conductivity). But there are volume currents, extending in (roughly) to the skin depth. As the con
 ductivity increases, they are squeezed into a thinner and thinner layer, and in the limit of a perfect
  conductor they become true surface currents.
 426 Chapter9 ElectromagneticWaves
  (i)âˆ‡Â·E=0, (iii)âˆ‡Ã—E=âˆ’âˆ‚B
  âˆ‚t ,
  (ii)âˆ‡Â·B=0, (iv)âˆ‡Ã—B= 1
  c2
  âˆ‚E
  âˆ‚t .
  âŽ«
  âŽª âŽª âŽ¬
  âŽª âŽª âŽ­
  (9.177)
  Theproblem, then, istofindfunctions Ëœ E0and Ëœ B0</t>
  </si>
  <si>
    <t>b'\x0e\xdb\xf5\x05\x84y\xb8Wk{p\x95p\xc3,\x9d\x86_:l\x85\xb5W\xe3\xc628\x1e\x8166X'</t>
  </si>
  <si>
    <t>0edbf5058479b8576b7b709570c32c9d865f3a6c85b557e3c632381e81363658</t>
  </si>
  <si>
    <t>b'\x0e\xdb\xf5\x05\x84y\xb8Wk{p\x95p\xc3,\x9d'</t>
  </si>
  <si>
    <t>opened the casement to watch for
 its return. The planet she had so particularly noticed, at the recurrence of
 the music, was not yet risen; but, with superstitious weakness, she kept
 her eyes fixed on that part of the hemisphere, where it would rise, almost
 expecting, that, when it appeared, the sounds would return. At length, it
 394
 came, serenely bright, over the eastern towers of the castle. Her heart
 trembled, when she perceived it, and she had scarcely courage to remain
 at the casement, lest the returning music should confirm her terror, and
 subdue the little strength she yet retained. The clock soon after struck
 one, and, knowing this to be about the time, when the sounds had
 occurred, she sat down in a chair, near the casement, and endeavoured
 to compose her spirits; but the anxiety of expectation yet disturbed them.
 Every thing, however, remained still; she heard only the solitary step of a
 sentinel, and the lulling murmur of the woods below, and she again
 leaned from the casement, and again looked, as if for intelligence, to the
 planet, which was now risen high above the towers.
 Emily continued to listen, but no music came. 'Those were surely no
 mortal sounds!' said she, recollecting their entrancing melody. 'No
 inhabitant of this castle could utter such; and, where is the feeling, that
 could modulate such exquisite expression? We all know, that it has been
 affirmed celestial sounds have sometimes been heard on earth. Father
 Pierre and Father Antoine declared, that they had sometimes heard them
 in the stillness of night, when they alone were waking to offer their
 orisons to heaven. Nay, my dear father himself, once said, that, soon
 after my mother's death, as he lay watchful in grief, sounds of
 uncommon sweetness called him from his bed; and, on opening his
 window, he heard lofty music pass along the midnight air. It soothed
 him, he said; he looked up with confidence to heaven, and resigned her
 to his God.'
 Emily paused to weep at this recollection. 'Perhaps,' resumed she,
 'perhaps, those strains I heard were sent to comfort,â€”to encourage me!
 Never shall I forget those I heard, at this hour, in Languedoc! Perhaps,
 my father watches over me, at thi</t>
  </si>
  <si>
    <t>b"\x17@\x14)\r\xa7\xa7N\xe8\xfbd\xa5\x19\xc0m\xbd\x14\t$^&gt;\x96E\xde5\xeb\xf1\xe6\xe9\x80!F\xaa&lt;[O\x15'{#\x07\x08\x1eY\xfa\x1b\xa2\xbb\x166\x14Cs\x89\x97\xa3B\x98\xe9\xab8\xe8\xd9\xe8"</t>
  </si>
  <si>
    <t>174014290da7a74ee8fb64a519c06dbd1409245e3e9645de35ebf1e6e9802146aa3c5b4f15277b2307081e59fa1ba2bb16361443738997a34298e9ab38e8d9e8</t>
  </si>
  <si>
    <t>b'\x17@\x14)\r\xa7\xa7N\xe8\xfbd\xa5\x19\xc0m\xbd'</t>
  </si>
  <si>
    <t>is
 flowing into your bank account.
 Refining your product is a never-ending process. When we first started
 selling yoga mats, my attention was solely on moving those first products.
 Shortly after weâ€™d gone up on Amazon, though, we found a more affordable
 manufacturer whose mats were thicker, higher quality, and a dollar less per
 unit. A better deal for a better product was out there, but I didnâ€™t put our
 momentum on hold to look for it. We made the adjustment as we progressed.
 That never-ending, purpose-driven quest for improvement gives you the
 freedom to direct your focus right now on getting that product on the market.
 Whenever I catch myself overthinking a product and delaying the crucial
 move from concept to sale, I remind myself, â€œLetâ€™s make some mistakes.â€
 After all, thereâ€™s so little risk involved in this method; when youâ€™re working
 with small orders up front, the downside of a mistake is very low. Youâ€™ll find
 a way to sell those first 100 units on Amazon eventually. Even if you donâ€™t,
 the loss is minimal.
 Mistakes, even bad ones, are a part of this busi</t>
  </si>
  <si>
    <t>b'\x1f\xb3H\xa1\xfd;\xfe\xca\xd1x\x9eX\xa2\xdd\x05eel\xcb\x87x[\xfc&lt;\xe3\xb1\xa2\xf3\xe7\xf1\xce\xd7\x9fPI\x04JYKe\xe4{F\x85\xa56tW\x133\xd5D\xc3\x7fC\xb4\xd6\x88Z&amp;\xc2A\x08L\x9845\x06}VW[j|,q\x13\x961\xe3!u\x13\x10\xf0Zj\x0e-iSE4\x80B\x94\x01\x90\xed,\xfa\x84\xe9\xaa8!\xa3Y\x1a\x13\xe0\x96\xd1k\xb6\xee\x7f\x9f\xc11\xb8\x85\xf7\x13\xaa\xf8)R/l\xcep\x9c\xd3\xb4\xe1\xb5x\xb9\x0f:\x1b\xcd\xe0\x14\xe4\xc8PF\xdd2\x01\xfd\xce\xdb\xead\xff&lt;2\xb4\x90\x15g\x85\x87\x0b;`\xcb\\3k}\xfd\xc2\xc3\xdb\x06^cBK\x05\xca\xb8\xad\xca\x90FK\xc6\x98\x0f\x94\xa8;\xb7\x13}l[![xJk\xbc\x03\xa3zu\xec\xe2\x0b\xa8\xe5\xf1\xef\xdaGNH\xc5\xc8\xcf\xef\x19\xf0\x13,\xa6&amp;+\xb6\xb2\xe5\x19\xf2\x1dm;6\x16\xac!\xba\x00\x90\xdb\x17\x9bze\xfe\xd4\xfe6\x92\x80\xa7\xefb$zza\x0b\x8e\x1f\xbc\xb6\xe2\xc4\x16\x1c\x07R$\x1e\x80\x96\xf6e{dO\xb5\xc44\xad\x8dF\xac\x1e\x8b\xb4;\x94\xad-to\xaa\x8arQ\x89\xac\t\xda\xda\xf8\xd7\xe6\xa3\xad\xac\xb1\xc9\x96\x1ep.\xe2\xdek\xfc\xca\xe0\x94,W\x06`\x94\xdb\xb7\xba6fq\x9a\xde\x94\x11\xcd\xab\xd7&amp;\x93\x97e\xf8\x87Cg\xc6\xd8_n\xae\x11\x16b*;\xc2B\xb3\xf5H\xe9\x99\xf7\xf76\x96x\x9a\xa8\x99\x96\xeb\xdaW\xfdT\x9f\xc8\xc1\xd2\xaf\xeeqI\xcf\x89\xe9\xfc\xec\xe4tf\xbdI\x0b\x03\x98\xb8\xeb\xf5k\x81\x80\x83\xa2\x90uG0\xcfp\xf5\x1d\xf3I\x83\x00\xea\xe9yBf\x1cK\xe0\xeb\xf5[d\x1b\xac&lt;\xbdChm\xdf\xca\x0b\xc6\x1f\x90\x91\xfc\x98\x19\xb1p\xfe\xa9{\x9cv\xf4\xa0\xfb]\xd7\xe8 H]\x94\xc5OAh?\x7f=#\x08\x02!fZ\xf9\xc1\xe1\xe8\r{\x10\xd40&lt;\xfb\xa0e\xf5\x8c\xc2\xd3&lt;G\xe5\xa3Y\x0cx\x89\x97\r\x1d[\xd4\x8bV?:\x15\xd4 [\xa1\xa3\x89OQJ\xcf\x0f7\x8f\xaa\xfaHZ\xd8\xe8\xbe\xa0\x1a~]S\x80\xe0)m\xd6\xeb\x93D\xa7\xdb\xf5\x98\xdb\xf1\'\xe28\x01\xc2lo\x19b\x84\xb2\x15\x15\xcd\x8a\x93K\xa7]\xde\x8e\n\xc8\xc5p\xf2\xc2n\x164&lt;\x05\xf8\x97\x06\x04\xaao\x8dF\x8a\xdb\x11\x1d-\xf9\x1e\xea\xb6uQ\xe3\x081\x80\xe1\xfc\xbe\xd3\x9a\x8f\xee\x1c\x06pqk%Q\x11\x11\x08|\xcbvD\xb4\xa2\xf5\xa8 \xf8\xc9:v\x8cDc\x8a\xdf\x0e\x8f\xa9\xe5\xd1=q\x08\xd5\xb7\xde\xc3\xed\x95\xd2h\xbbf*GU\x05\xfeRg4\x8b(G\xab\x10\xe3\x94J\xc1\x13\xf3.\xa2\x98W\x8c:\xbfS`\x90\x80\x11\x9f70N^\x0e\xb3\x1b\x9c\n\xc6\x9e\xe09)\x15\x18\xa3\x08b\x82V\xad\x98xh\ne\'\x08\xe0\xc3t\x06\xda\x7f\xf8\xabu\x89\xa4\xc3"\xba\x98\xfe\xcdj\x0c\xff/\xa7\xb7;\xcfH\xeb+\xb1v\x95\xcdq\xe6x\x13\x10\x80\xac&lt;\x0e=\xd1\xe5\\\x02\x0bA\xb2\x1b\xabS&amp;\x94\xcc\t\xcfn3\x82C\x1c\xc6\xde\x16\xe2\x88\xcc\x1e`\xb0\xae\xba\xbdC\xa3\xdb\x83(f\x84\xe8I\xab\xda\xb9\xc4z\x84@&gt;!\x07L\xd7\x16\xf4,p\x03\xf6\x85\rWi/~\xb6`\x99\xce\x8c1!\xcc"\xd3\x81@G\xffZt\xefZ\x1f\xbd\x9co5\xd5{\x98A\xfc\xd1\xc8\x8e\x17g\xc8\xbe\xae\xb7\xe1\r\xb4i\x1c\x1eJ\x85k\xedc\x15=\\\x83\xb7\x05(\xc2\xd2\x91\x97&amp;\xd7\x15\xc2\xb38\x90\xca\x1c\x02\x1b\xaf\xa1\xc5\tX\xa9\x08~(gw\x193\xad\x04&amp;\xd6\x1fe\x07v\xcfq1\xd4\xf7\xc8a\xacV\tv;)\x88\xed8\xeb\xf7\xac\x8e\xe6^]\xcb\xee\r\xc4C\xe6\xaf\x1f \xbdstHLc\xa0\x14\x1c0\x10X~\xdc]l\xf9\x1f=\x92\x8d\xf1\xc1QL\xef\xaac5%\x8b\xca\xae\xe4\x83\xb0\x02[\xd6\xc4S{\xcb\xf5\x90\x9e\xbeo\x93\xa9@E\x91\x86o\xf59K\xa3\x07\xd8U&gt;\xc2\x00E\xec\xd1\xa07\xee\x9c\x80\x90\x1d\x9fA\xc5\x06M\xa1aF\xa7\x9c\x08Ho\xa9\xc9yu\x0ef\xdb\xda\x027E\xc2\xed\xd3\x16\x7f"\x84\xddH\x0b\x98l\xf5\xea~n\x19\xbf\xb3\x16\xe6=l\xf9\x9a\'\xc91!mj\x80\xc6\xa2\rr'</t>
  </si>
  <si>
    <t>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</t>
  </si>
  <si>
    <t>b'\x1f\xb3H\xa1\xfd;\xfe\xca\xd1x\x9eX\xa2\xdd\x05e'</t>
  </si>
  <si>
    <t>ttered.
The founderâ€™s original idea had been to commemorate himself, Demosthenes, in a
festival of musical competitions. His original proposal incorporated two sacrifices to
ancestral Apollo, but included no special instructions about the pre-sacrificial procession (WoÂ¨rrle 1988; Mitchell 1990). Imperial permission was promptly secured, but
it took a year of negotiations involving the cityâ€™s Council, the assembly, and
the surrounding villages, before the festival plan took final form (Rogers 1991b).
What these negotiations added to the program was a procession that included all the
local leaders and represented both the emperor and the cityâ€™s patron god as images to
be worn on the head of the festivalâ€™s founder in the form of an expensive ceremonial
crown. On the first day of the Demostheneia, which took place every fourth year,
the founder or his representative, in crown and purple robe, was to lead the procession with a sacrificial bull. The cityâ€™s priest and priestess of the emperor were to
come next with another sacrificial bull. Then, with varying numbers of bulls, came
the three Festival Supervisors, the Secretary of the Council, the five rotating Presidents of the Council, the Market Supervisors, the Gymnasiarchs, the City Treasurers,
the Chiefs of the Rural Constabulary, the Supervisor of the Ephebes, the Supervisor
of Boys, the Superintendent of Public Works, and headmen representing about
35 outlying villages and farmsteads (grouped by pre-arrangement into clusters for
the provision of bulls). Non-complying individuals were to be humiliated by public
proclamation.
248 Maud W. Gleason
Why did the Council and people of Oenoanda insist on adding a festival procession
that incorporated civic and village officials as well as homage to the emperor into
Demosthenesâ€™ foundation? The original proposal, however elaborated its musical
prizes, was definitely lacking a gastronomic component, a defect which the revised
program woul</t>
  </si>
  <si>
    <t>b'\xadZ\x0c;g[\xee4Z4;\x05&lt;&gt;\xb2\t\x88=#\xd4\xeflJ\xed\x84\x84\xcd\xb7\xa6\xff\xf3\x80\xef\x95\xe1\x86v\x88\xa6\xcf\x04\x0fg`j2\rB\xda{\xb9.\xca5\x8a\x98\xf5\xb9\x7f\\\xb4\x8a\xb6Tl\xb4\xdb\xa5\t\xc8H\x8a\x0c\x93~\xcb)l?xH\xe5!\xc3\xfbW\xda\xab\xcc\x89\xb9O\x865oD\xbck\x04\t+\xff\xe3\xba\x93\xecj\x95\x9a\x9a;\x19\x91`\xaeG\x8d:\xf7d\xa5\x96..\x85\xb4`\xd8#\xe5G$\x8e\x15\x1d~\xf3c\x9d\x8f\x9c\xce\xd7\xc0\n0\x92\xb7\x93Qr\xe9+\\)\x86\x1f\xa8\xc8\x82\x17l\x03\xb9\\\xcc#\x12TO\x18\xa0\xba\x87\xca\xe0\xe9\x1f\x83\xfe\xec!\xb7\x94\x12\x83(Hh\x96W\xbcT\xee\x90\x0b\xad\nA_\xa5K1;y^\xd5\xfd=\x07\xa3\x80\xa7\x96Q;\x99\xbf\xab\xfc\x80\x93!\xa0\xaa\x10\x88\xb3\xdeKk\n\\P\x87\x1e^\x92\xcb\x11\xdag\xa4\xea\xd4\xe1\xf2\x9f\xec\x0c\xa8\xf2\xe1\xa0\xc3U\x12\xf6\x7f\x94\xa08\xc0th\xb5\x03\xa4\xbaL!\xd5\x1f\r\xb7\xca`4b`s\x99\x9a\xac\xfax\xcfN3xP\x9e\xff\xc6D\xb3\'qW\xb5\x8d=\xb8b\xf5\'r\xf920?&gt;\x9d]\xae\x18\x8c\xaf\x7fD\xa1\x9f\x92&lt;d2\xc9\xb0\x85\xdd\xe2\xf3\xc6\xabt\xeb\xd3\xf8v\xd6\xf1\xa6\xeb\x7f\xd1\xff\x14\xad\xd2\xb2\xb0\xcfR\x8b\xcb\r\xb7\xcc\xb4p5\xce\x0bS]\xc0\x03\xeb\xca\\\xde\xe2\xda\xef&gt;w\xd4\x08\xa7Q\xcb\xed8\x1d\xde\x8cPk\xcb\xec7\x81\xdb\x0e9Ag\x15\x8e\x86\xea\x84\xf7w\xae\x11\x14\xd6\xe3\xeb|hs\xdb\x81\xce\x063L\x154\x11\xdc\x9dp\x8a\xb9F\x03$\x06\x95\x99\xbcu\xdf\xa4\x83\xb3z\x83\xe8\x92]\x10\x04^O|s:d\xa9#\xd8A\xe4&amp;\xf7\x7f\x8b\xff\xbb\xe9\\\x95\xec\xae\xae4\x11u\xb4`\xf9d\xaa\x99\xa0;\xe1%\xb2\xb7\xca\xc6\x86\xb3`\xa60E^\xb1\xc2\xf20\x88\xf0A\xf2\xccL\x16Z;\x08\x9bRz\xa4&amp;9\x9f\xdd\xc9\x8e9\xbfY*u:\x80\xa4\x8f\x0bi\xadt\x9f\x84|\x8dC\x80)]\xd8\x17 \xc7&lt;\x01\x87X\x12q\xdf&amp;\xb3k\xcb\x93\xce\xdf\xa8\xf3\x9c[\x8cG\xb9i\xd0\xdeG\x15\x8fC\xab:\xfb\xf7\xcb\xea\xc2\x9d\xbe\xcc\x9f\xa6\x1a\xbe\xe1\xccJ\x13\xbf\xb5\x07?\xe3\xafL\xb7\x13\x1f\xd8\x7f\x9a\xb8\x8f9\x01\xed\x82\x16\xd7\x9dK\xf1B\xa4\x1d\x17\xd9\xca93\xb4\x17d\x94\x9b\xc6\xfa\x08\xb0\xb8\xdfP\xb7\x13\xaa\x07&amp;\x0cm\xe7t\xa6IN\x98\xb0\xbe\x9dM\xf2\xc1\x1bdh\xb6\x08\xc9\xd3i\x96\xca\xaa\xe9q\xeb+\x9f5\x0e\xc6;c\x92YV\xd5\xce\xb1\x99X\x92\xea\x87Up\x18.\xc4n7\xf6\x1d\xb9\xfe\x10\x1e\xfe\xf5.\xaf(\x82\xc4\xdd\xea$w\x18\xf9=\xe4\xde\xc7\xa7\xb3\xf86c\x11\x99\x99A\x90a\x07;\xed7\xcd=w`\xf9\xa8z\xbcn\xf4\x84\xb2\x01\xd3\x9e\x183\xb2\xd9"\x11rV\x9d\xc6\xc5D\xe3\x04\xfe\x90\xc0\xa3\x7f~\xd9\xb3d\x0c\x1ek\xde\xa8\xb5\x887\xe3\xd3\x8c3V\xfdb"\xe8gc\xfcI1\x11\xd5\x95\x1a\xf4\x08\xef\xc78l\xe4\xc6\xdb\x97\x7fj\xaa\xc7\t\x9b\xfe6\x06\xab\xec\xd1ff%\xe7!2\xb0\x96=\x9c\xafr\xc0\xea?\xd4No\xa5Z\xc5\xb6&gt;\xd9\x9d\x9a\xc8\xd9\x81\xf1\xe2\x853\x9bn?\xb9:O\xbbG \xdf4\xfcO\xa8+\xa2T\x8dcL!3\xcb\xd3\x8a\x97T\x04I\xa4\xcdw\xd8\x87E\xac\x1c\xcd\xe3r\x82(\xb1\x80au\x96\x06\x18rxw\x18\x85\x89\x85\x99\x8d\xca\x10\x84e,b\xfc\xcb:j\x87\xe3\xc0\xe0\xa4\xa0\x02\xda\xf0+\xa3\xf3|s\x08\xf8\t\x7f\xc5|\x8a\xba\x12\xa0De\x98`\xda)\xd9\xe53\xae\xc4\xc1,E\x15\x18\xf4\xb9(b\xf0&gt;\xdc\xe7\x97Wk\xffJ\xf9\xf6\xf4\x05\x97\xa5qH\xdf\xfb\xfa\x15\x87\xa98K\xed\x1f\xa4$\x99ch\x8f\x92&lt;\xeb\xbd\xf3\xbb\x93\xa3\n\xc5\x85\xf7/\xd7\x9b\x99\x88\x0b\x1c\xe4\x90__I\x03\xaf5\x83=\xfe\x87\x06\xd7\x87\xb5&lt;\xed\xef\xf9\xf4\x966\x8c\xe0\x9a\x05u\x10b\x1fUQ\xb3qK\xa2%\x9a\x8a+\xff\x1fp\xcd0\xc2:5\x0b;\xc9\x88\xaa&gt;nD\x1e\xc1)\xa0Cl12\xb2\xe3\xb1=Oo\xd0J^\xd8\xfe\x91KOr\xd7\x19\xe8\xa6\xf9\xd9C\xdaD\x13\xb0\x97\xfa\xe8\xf4\xc7\xae\xc8\xa7I\x16\xd8`I\xe3`o\xcd\x83\xd3\xb9\xfeX\x1a\xb5C\x83@+\xb5\xa2{\xdbE6\x01\xb4\x9a\xa6\x0f\xb2\xc7\xb9j\xe0\x93M\xb9Ku\xc4\x95_\x91\xd7*\x9a\xaf\xcd\x8d\x1b\x1f\x1f\xb7\xc4t\xbf1\xf9 i5e\xd4;\x17\x01&lt;\x1d!\x89Q\x87"\xacy\x0e`Tl\x94\xab?\x90\xae\xf9\xbd\x93\xaa\xa4$a\xb1\x92\xf7,\xf1&gt;[+c\xc2\xe4_\xfdX\x94\xc5\xf2\xed\xc97\xda\x1c\xae:l\xc0\xdb\x80\xb7RFm\x0c\x1e\x11\xde?\xe0u\xc2\x90\x87:\x17\r\x93\xb7\xc0(o?2\xb9\xc0E+]6q\x18\xa6\xe4 6\xd2\xbc\xe9\xca\xab}\xb9\x16&amp;S&gt;\x90\r\x92\x9a\x84-\xa6\xeb\x0c\n\x05\xf0\x9fx\x9d\xa2?\xea\x01\xb1\x15F\x83\x17\xaa\x1c\x89n)\xae\xac\xf8O9\xaam\x07\x1c\xbf\x9b\xee\x80\r\x97\xc4\x15ysn\xf7\xc2\x95E.\xad\xb3\xe3\xddg\xa6AY\x80\x93b|\x84\xad\xdf\xb8\xb6\x85$\x01\xe5PJ\xab\x8c$\xbd@\x9d\xcc\xea&amp;\x01o\xe4\x99#BtJ\x18\xc5\xcd\x19\xb8C:$e\xfa5\x01\xde\xd5$\x91\xf8y\xec.%\x15&lt;\xedm\xddT\xaf\xbf\xd4K\r\x06\xc56\xdf\xfc\xaa\x83|7\x84\xc7\xdf\xd0\\\xb3\x83\x98)\xf1\xdbAa:k\x97\xd3\x9b\x81G\xedyvN\xbd9\x95[\x07\xda\xae\x9c\xf3\xe1\xe4MsG\x87\xe7\xbe\'\x00\x99\x05\xfe\xb6\x15\xf7\xbflZ\xdc\x8a\xde6\x9f\xda\xa4D\xc8\xfcB\x1d\x85\xfa\t\xa9I\x9d"\x88 \x17$\x93\x14\x11\x11\x02\xef\xbf\x08\xaf)u\xa5i[\xd75\x1e\xfc\x8f\xc9\xdayJ\xfcn\x9c\xd3\x16`\x94\xea\x08d\xbd\x17\xb8(%\xda\x17\xd5\x93\xe9\x02R&amp;t\x13V\xcd\xc8\xd4\xe8\xc6\xd8\xf3^\x82DJ\x00\x00\xaa\xaf\xd4\x92Cf\xb6\t\x94\x87\x85yy\xf4\xd57h@ba\x19\x81/d\xac3f\xc1\x93x\x0e\xf4\x84~U\xb7\x006+=\xb9S\xaa\xa5\xeae\xf1\xc0I\xad\xa7\x841O\x886\x01Hn\x19q\xf1\x8e\xe6g\x7f\xc3f\x18\xfb\xfc/X\xd6]\xb8W\xdb\x18\xba\x18f&amp;\xe7\xea\xd1\x92\x82\xe7B7M\xd4\xe5k\x16Y"\xa2,\x9b\x16\'\x06\xb6lF\xac\x94\x1fl%\t\xeb\x13\xeb&gt;Oy\x83\x13\x93\x80j\xec\xe2\x86;6d\xfe7\xd9&lt;HTM\xb1Q\xd7E\xe5\x8f\'\xef\xab7\x1e\x0c\xa1o\xabUO1\xb6\x89[\x90Rf\x13B\xbf\xbfH\x9cF\x96;#+\xa8\xe0dZ\xf72\xf0\x98\x02\x9bX\x87\x90\xb6\xef\x8e\x98hx\xf1\x80\x1b\xd9\xd3\xf1\xa5\xb6\x0c\x84"\xd9\xd9H0\xc5\xa6\x14dbh%Z\x89+\xadD8\x7fv\x84\xacX\xe3cA\'\xads\xa6"6\x06\x1e\x1ff\xeb\x14\xe6\x8e\xca\x8fj\xad|&lt;\x91F_\x0fG\xf6 \xd0\x89\'\t@\xe1\xach\xcd\x00\xbfM\xcc\xaf\xc3\t\xd6\xee\xe4\x0cN\xa6\'[\x18\x9a\xfd^\xed\xba\xc2\x80\'\xda\xce`n\xa3$\xf1n\xe5T\x8b\x96\xb0#\xf7X\xdbeW\x15\xc2 ]\xde\xc1\xd6\xaa\xd5\x0f\x970\xb8\xd2jLd\n\x0bD\xc7\x1a\xb4k\x91\x0e\x8b\xf3\xb1\xdedg\xa3{\xe1\xb65\xca)\xa8\x90C\xf65\x94QU\x8f\xf4[\x0f\xbc\xa9\x83\x98\xa0\rm\xac\xb2\xaf\xd4\x1d\x1b0\xd00w5\xfc\xca\xcd]\xbb\xac\xfb\xf6\x9a\xfeV\xc6\xa9_0\x9d\xb0}3\xd5\xf7M\xfcou\xb2\xb2\xe5\xaal\xcb\xc3G\x9c\x1d\x1c\x17!\xe5\xce\xaa\xbe\xb6\xc5\xc2GXA.ex\xbc\xd3\xc4\xd2\'\xbf\xb5\xacf\xcc\x0fV\xb1)\xa2SSj\x86\xe6\x89\xac\xabAQ\xddP!\xb2\x8f'</t>
  </si>
  <si>
    <t>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</t>
  </si>
  <si>
    <t>b'\xadZ\x0c;g[\xee4Z4;\x05&lt;&gt;\xb2\t'</t>
  </si>
  <si>
    <t>ite
 Av2 = âˆ’gm2(RD2||8.7 k_x0005_) = âˆ’5.98. But we continue without this iteration for simplicity.
 20If not, then the circuit must be solved using a complete small-signal equivalent.
 552 Chapter 11 Frequency Response
 How do we compute VX/Vin in the presence of the loading of the second stage? The
 two capacitancesCDB1 andCGS2 are in parallel, but how about the effect of RF andCGD2?
 We apply Millerâ€™s approximation to both components so as to convert them to grounded
 elements. The Miller effect of RF was calculated above to be equivalent to Rin2 = 1.3 k_x0005_.
 The Miller multiplication ofCGD2 is given by (1 âˆ’ Av2)CGD2 = 614 fF. The first stage can
 now be drawn as illustrated in Fig. 11.58(d), lending itself to the CS analysis performed
 in Section 11.4. The zero is given by gm1/CGD1 = 2Ï€ Ã— (13.3 GHz). The two poles can be
 calculated from Eqs. (11.70), (11.71), and (11.72):
 |Ï‰p1| = 2Ï€ Ã— (242 MHz) (11.176)
 |Ï‰p2| = 2Ï€ Ã— (2.74 GHz). (11.177)
 The second stage contributes a pole at its output node. The Miller effect of CGD2 at
 the output is expressed as (1 âˆ’ Aâˆ’1
 v2 )CGD2 â‰ˆ 1.15CGD2 = 92 fF. AddingCDB2 to this value
 yields the output pole as
 |Ï‰p3| =
 1
 RL2(1.15CGD2 +CDB2) (11.178)
 = 2Ï€ Ã— (0.829 GHz). (11.179)
 We observe that Ï‰p1 dominates the high-frequency response. Figure 11.59 plots the
 overall response. The midband gain is about 26 dB â‰ˆ 20, around 20% lower than the
 calculated result. This is primarily due to the use of Miller approximation for RF. Also,
 the â€œusefulâ€ bandwidth can be defined from the lower âˆ’3 dB cut-off (â‰ˆ40 MHz) to the
 upper âˆ’3 dB cut-off (â‰ˆ300 MHz) and is almost one decade wide. The gain falls to unity
 at about 2.3 GHz.
 106 107 108 109 1010 â€“30
 â€“20
 â€“10
 0
 10
 20
 30
 Frequency (Hz)
 Magnitude of Frequency Response (dB)
 Figure 11.59
 11.10 Chapter Summary 553
 11.10 CHAPTER SUMMARY
 â€¢ The speed of circuits is limited by various capacitances that the transistors and other
 components contribute to each node.
 â€¢ The speed can be studied in the time domain (e.g., by applying a step) or in the
 frequency domain (e.g., by applying a sinusoid). The frequency response of a circuit
 corresponds to the latter test.
 â€¢ As the frequency of operation increases, capacitances exhibit a lower impedance,
 reducing the gain. The gain thus rolls off at high signal frequencies.
 â€¢ To obtain the frequency response, we must derive the transfer function of the cir_x0002_cuit. The magnitude of the transfer function indicates how the gain varies with
 frequency.
 â€¢ Bodeâ€™s rules approximate the frequency response if the poles and zeros are
 known.
 â€¢ A capacitance tied between the input and output of an inverting amplifier appears at
 the input with a factor equal to one minus the gain of the amplifier. This is called the
 Miller effect.
 â€¢ In many circuits, it is possible to associate a pole with each node, i.e., calculate the
 pole frequency as the inverse of the product of the capacitance and resistance seen
 between the node and ac ground.
 â€¢ Millerâ€™s theorem allows a floating impedance to be dec</t>
  </si>
  <si>
    <t>b"8\xd8Z'\xf9\x01\xa2l[\x1f\x9a\x80\x04\xb8\x87\xff"</t>
  </si>
  <si>
    <t>38d85a27f901a26c5b1f9a8004b887ff</t>
  </si>
  <si>
    <t>dard aimed to limit mone_x0002_tary growth in the world economy and thus to ensure stability in world price levels. While
 price levels within gold standard countries did not rise as much between 1870 and 1914 as
 over the period after World War II, national price levels moved unpredictably over shorter
 horizons as periods of inflation and deflation followed each other. The gold standardâ€™s
 mixed record on price stability reflected a problem discussed in the last chapter: change in
 the relative prices of gold and other commodities.
 In addition, the gold standard does not seem to have done much to ensure full employment.
 The U.S. unemployment rate, for example, averaged 6.8 percent between 1890 and 1913,
 whereas it averaged around 5.7 percent between 1948 and 2010.5
 A fundamental cause of short-term internal instability under the pre-1914 gold standard
 was the subordination of economic policy to external objectives. Before World War I, gov_x0002_ernments had not assumed responsibility for maintaining internal balance as fully as they
 did after World War II. In the United States, the resulting economic distress led to political
 opposition to the gold standard, as the Case Study that follows explains. In terms of the
 macroeconomic policy trilemma discussed above, the gold standard allowed high degrees
 of exchange rate stability and international financial capital mobility, but did not allow
 monetary policy to pursue internal policy goals. These priorities were consistent with the
 limited political power at the time of those most vulnerable to unemployment.
 The importance of internal policy objectives increased after World War II as a result of
 the worldwide economic instability of the interwar years, 1918â€“1939. And the unpalatable
 internal consequences of attempts to restore the gold standard after 1918 helped mold the
 thinking of the architects of the fixed exchange rate system adopted after 1945. To under_x0002_stand how the postâ€“World War II international monetary system tried to reconcile the
 goals of internal and external balance, we therefore must examine the economic events of
 the period between the two world wars.
 4
 An influential modern study of central bank practices under the gold standard is Arthur I. Bloomfield, Monetary
 Policy under the International Gold Standard: 1880â€“1914 (New York: Federal Reserve Bank of New York, 1959). 5
 Data on price levels are given by Cooper (cited on page 488 in Chapter 18), and data for U.S. unemployment are
 adapted from the same source. Caution should be used in comparing gold standard and postâ€“World War II unem_x0002_ployment data because the methods used to assemble the earlier data were much cruder. A critical study of pre_x0002_1930 U.S. unemployment data is Christina D. Romer, â€œSpurious Volatility in Historical Unemployment Data,â€
 Journal of Political Economy 94 (February 1986), pp. 1â€“37.
 514 PART FOUR International Macroeconomic Policy
 David Humeâ€™s forceful account of the price_x0002_specie-flow mechanism is another example of the
 skillful use of economic theory to mold economic
 policy. (We referred to Humeâ€™s classic analysis in
 Chapter 1.) An influential school of economic
 thinkers called mercantilists held that without se_x0002_vere restrictions on international trade and pay_x0002_ments, Britain might find itself impoverished and
 without an adequate supply of circulating mone_x0002_tary gold as a result of balance of payments
 deficits. Hume refuted their arguments by demon_x0002_strating that the balance of payments would auto_x0002_matically regulate itself to ensure an adequate
 supply of money in every coun</t>
  </si>
  <si>
    <t>b'0D\x02 :\xcdr\xbc\x94\xafB\xa1I\x99k\xef6q\x15Jm\xc7m\xf3\xc8\xca\xa3\x1b\xcd\xd0{\xee\xe0\xf51\xad\x02 \x1f\xe4g&amp;cB\xfcJ:\xb0\xbb\x16\xeb\xbe\x195\\\xde\xe3\tk[g\xea\x94\xc3\x816\xdaUv\xf3'</t>
  </si>
  <si>
    <t>304402203acd72bc94af42a149996bef3671154a6dc76df3c8caa31bcdd07beee0f531ad02201fe467266342fc4a3ab0bb16ebbe19355cdee3096b5b67ea94c38136da5576f3</t>
  </si>
  <si>
    <t>b'0D\x02 :\xcdr\xbc\x94\xafB\xa1I\x99k\xef'</t>
  </si>
  <si>
    <t>had the skill set to take the
 business to the next level, of playing with the big boys. The initial acquisition
 conversation was actually not with Procter &amp; Gamble, its eventual buyers; it
 was with another business that came knocking on Moizâ€™s door and wanted to
 talk â€œpartneringâ€ (which always means â€œbuyingâ€). Valuation conversations
 started happening, and Moiz quickly realized that he needed to run a real
 process and do it right. He made a list of a hundred companies he might want
 to sell to, crossed out all the companies he didnâ€™t like, and ended up with a
 list of sixteen people to go talk to.
 â€œAnd we did just that, talked to those sixteen people,â€ he told us. â€œWeâ€™d
 give our presentation and show off our business. We ended up just really
 falling in love with the folks at Procter &amp; Gamble.â€
 Proctor &amp; Gamble loved them backâ€”so much so that they bought the
 company for a cool $100 million.
 You always start small. But when you focus on what works, you get
 incredible results.
 How to Make Your First Product
 When I was six, my aunt had a boyfriend named Don.
 Don was the first rich person I ever met. To this day, I donâ€™t know how
 Don made his money; I just remember the one time he blew my mind.
 We were sitting on my parentsâ€™ front porch, and he was giving me my
 first â€œbusiness lesson.â€ I had asked him to teach me about being successful.
 (Yes, at six years old. When youâ€™re a real entrepreneur, youâ€™re born with the
 itch.)
 Donâ€™s first lesson to me was on product creation. To this day, I remember
 it clearly: â€œRyan, did you know there are companies out there that can make
 any idea you have come to life?â€
 â€œWhat do you mean?â€ I asked.
 â€œWhatâ€™s something that you and your friends are interested in right now?â€
 â€œYo-yos,â€ I said. â€œAt recess all my friends bring their yo-yos out and
 compare tricks.â€
 â€œWhatâ€™s one of the tricks called?â€
 â€œWalk-the-dog.â€
 â€œIf you wanted to come up with a yo-yo that would bark when you do
 walk-the-dog, you could call one of these companies, and they could make
 that happen and send it to you.â€
 I could barely believe it. Companies could do that? Imagine how
 impressed my friends would be if I showed up next recess with a barking yoyo!
 I now know that Don was talking about contract manufacturersâ€”
 companies that make your product for you and sell it to you at wholesale.
 However, much to my great childhood remorse, Don didnâ€™t actually know
 how to find these companies.
 Twenty years later, I discovered that Don was right. Other people will
 bring your ideas to life, and if you like it, you can order it in small (or large)
 quantities. It really can be that easy to take a gateway idea and make it a
 gateway product. Thankfully, today you donâ€™t need to â€œknow someoneâ€ to
 have a product made, as contract manufacturers compete for your business
 online.
 Youâ€™ll find a ton of contract manufacturers if you search for them on
 Google</t>
  </si>
  <si>
    <t>b'\xec\x9be\xa7\x11\xc0e\xaeu\xea\x15\x91\xf7FbR\xfdaah\x9eun\xfd\x95y\xd7\x1c\x9e8&amp;&lt;Y\x8e\xc2\x05\xf1\xf4\xa5\x05p\xf8\xc2\xe8\xb7\x0e\x8b^\xc4\xa0t\x8d\x8c\xc5\xe0\xa2\xb11}E\xca\xed\x8dvN}\x12\xee\x1f\xaa"\xc3\xc8{\xd7\xa7q\xe1[c\xad_ O\xe3c\xd4\xfb\xac\x9a\t\xd8\xd5n\xc3\x1a\xf8\xb8\xdb\r\x12ge\xc4\xdd};\xf3\xb1\xc7\xd2\xe4)p\x9cr^\xa8\x7f\xeanl\xda\x9f\xbe\xfe\x0e\xe9C\xe9\xc2\x1b\xdc\x83\x8b3\xaf\x91\xa5SB|\xaeD\x94xU\xf4\xf4\x0f\x85\x90\xa5Z\xb7Rh\xacT\x06\xb5,\x01i\xb2\xd6&lt;\x0b\xf7\xde\x88s\x19\x1c\xd4]\xf9\x05\x1fU\x86\x9c\'\x0b\x8a*\x07D\x98#\x07\xf4V\x89\xe8\xe6\xceK\xc6m4O\xcdJ\xd2\x1b\xed\x96\x81\x1e\xffP{\x10\x81.\\\xed\xa6\xcf\x01\xa56\xa5Z\xc3\xcc\xde,pg\xda\x94\x12\x84\xb2Qn\xa6\x03&amp;|\x11V`\x84Ry\x9b7\x1b\x8b\xc0\xe6\xea?\xaf\x7f\xff/+\r0=\xf9\xe9\\Y\x81\xb4;\xfa\xeaJ\xefrW\xa1&gt;\xb2X\xbb\xc6}2\xbe\xd8\xaa\xfd\xf0\xa0\xa27\xe6\xb3\xb3Y\xbb^P\x8b7\xf0*\x80\xd6\xe7\xa5\xb9\xaf\x1d\xa0|\xa4\xac\x10\x8e\x14\xc0!\x01z\xe7\x81b\xd9E0\xf8\xe5\x0e\xdb\x0e,\t|\x8d\x90A\xb7\x89\r\x1c\xc2p\xd9n!mm4daa)2\xee\xf8H\xd38eo\xac\xaf\xaa9\xa2\x83?\xe70y\xfav\xd7sF2T\xe8\xa7N\x17\xb3\x9d&amp;\x08\xad\xe7\xd6\x17\xff\xa8\x13\xc4\xdc\x9c\x02s\xc7\xd5!\xca\xbfi \x0bC[\xc0\x8d\xbc?\x00\xdf\x157\x14\xf2h\x1e$\xf8\xb4\xe2am&amp;\x9e\xf4B\x05{\xff-\x9e9\xcb0\xa9**[\xc8\xcaxz2\x88k.\x9cD&lt;\x1a\x9fDp\x9a*$\x11\'\xcb$[\xff\xfaul\r\x1a\x07\xfc\xa9b$\xfe\x8a\x19\xcbV\x88\x86\xe1\x18\xca\xa9\xcd\xa9+\xf5\xb7\xc4m\x97\x84|\xb8\xf8\x98V\xcd\xfb\xa1\xc8\xa9Q\x05\xb0V\xb9\xc2\xc1E\xa1\xea\x9d|;o\xba\xaf(\xe8V\x91o\x8e\x88\x08\x92_g\xf6\x1e\xf9\xac.\xcb\x99\'\xd1\xaa)\xbc6[#\xd0T1Hw\x81\xdc\xe5"\xa6\x93\xc2~\xc0\xca5\x82\x16\x84`\x0e%\x8d\xd7d\x8d\xcbl5\xe6\xc6\x97u\x0e\x02\xe4\xbd\x87\xe9\xbc\xeb\xe6}\xccd\xbe\xf1\x01(\xa2\x7fk\x88W\x1c\xe4C\xb8\x1a\x07\xa9\xa9Wf\xff\xda`\x87\x99\x95\xf55zC\x05\x96\xd9\xf3N\xcd.y\xabfE\x15\x86\xaa\x8cp\xa7\xa2,\xaf\xe7\xc4\xe4#\xdc\xac\x8a\xe0\x12\x99\x8d\xb7\xd8\xd2\xd0\x1b\xf7\xb0\xd1}\x80\x82Z\x08\x83\\\xeby\xdbE\xf0p\xf3\xf2\x9a\x86!x\x86b\xd7b\xb6\xc3\xdb\x97&lt;?\x93.\x9f\x13\x82O-\x12]\x17\x0e5\x0b+\x82\x1a\x0e\xca\xf9\xb2\x9e\xd2\xa7\xbe\xa7\x0b\x87\x93\x8e@\xb3\x1f\xdd\xb7\xb9\x92\\J\x1a\xd8\xef\xf2\xf6\x88\xdb!\xa0\xc9\x176l\x10.u\xb0\x14\xd9:\xf8r\x07\x90\x84!\x03\xda\xa3f\xa2\xd2p\x9d\xbdgv\x86t\xd2\x0bE\x0et\x81\xd84L\xa5$T\x0e\xc5r\x1d\x08PT\xbeB C1\x03\xb4\x04\xb0\xd5!(J\xd0\\\xabT\xb0\xed\xd4\xfd\xe4(A\xcd\x1a\x96\xca"$\xeb\x02\x9e\r}\xb1\x7f\xa0\x9bQ\xf3\x1a\xd7\xf9\x90\xfc\x8e\x8e\x8cs\xc9.jXj!X\x88\xa2\x0b\xa5\x98\xc3\x9cD\xa8$\xb9\x9c\xc4\x97l\xaf\xaa\xd4k\x90\x87:F\xc2\xcc\x14t!\xe6\x92\x01M\xa3\xf4\xa87\xcd\x1d\x81s\xbf\x1eB\x01\xf6\x8c\x131;\x12"\x85}\xfe\xf5D?\xb3\xa8u\xbf\x8ezx\x8b`\xc3\x9fl\xe2\x8c\xd9k\x0b\xf1K\xfa\x00,\xe5|\x8d\x86}\xcf\xd6\x82x\x7f\x1c7^\xbd\xf5\xd7\xfe\xb8\xd4\xa52\x18K,\x9b\xc1\xa2\x7f*\xef\xb3\xc7\xc4\x0f\x19\xde&lt;3\xc8&amp;2\xb8|!\x10\xfe\x93v\x1c\x8d\xf8lG\x06\x1b\xf2|\xe4V\xd4[\xdeOz\x00\xd5\x98\x0f\x8e\xa2\x95\xf1\xb3|\x19\xb8H\x14\xef\x9bI1\x16\xc2\xa9\x80\xce\xa49-\\\x8c\xa2\xa8\xcd\xaebs\xca\xc8]\x84\xfb\x9f/\xa0\xb3\xc4\xc8@\x17sV\xf8bn\xc2\xedi\xf5\xbe\x94\x1a\xf5m\xe0\xd1d\x00\xecR4h\x1b\xd4]\x99\xd1\xd7\xc7\xd5\xb5\xcf\xbd\xf2(N&lt;\xe0\xee\xc2\x86\xf2\xe8xt\x88sx\xfb#{\xc8\x99\xedUp\x08\xa1J\xf5e\xedD/\xc8\xe0c3 \x13\x82\x88\\|c#\xb6\x12\xbf\x0b\xcd\xd4\xe5\xe2\xd6\x8fy\xb4#k\x7fi\xb2GM\xf7\x93.)\x8c\xb3J\xe6\xe0\x8b\x98\xf8\x06\xcaf.\xa16O\xd2\xba\xbd\x15\x91\xda\xb2M\xa7\xeb\xf9?\xb1"\xfb\xad\xa5\x98\xc9q\x8e\x93\xaa\x10\xb3\xf6J\xae\x0c/U\xa02\xa5G\xd0\xe7Q\x1ej\x18\xfe\xa4\x17&lt;y\x92\x0b\x86o7t\x16\xb59\xe0\xb2aP-\xc8\x84r\xe0\xfd\x83\x8b\xc1\x828\xacqO5f*\xc8\xac\xb6\xf1t\xc6^z#\xda\x95\xe0\xbe\x87o\x95\xf2\x8cfj\x8c\xa4DX.D\x18f\xf2\x1d\x883O\xec\x87\xa9\xd2\xa8\n\r$\xb3fAZ\xce\xf3=Z\xfb\x1e\x8a\x0b\x16\x7f\xed\x90B^\xba\x1ec\x90g\xf4@\xbf\xa4\x17\xe9@\x83\x80\xee\x94\xc3\x8a\xd9\x9b\xad \x94O\xd3uc\xd1\xbd\xf4\xa2\xa0\x03\xf5\x11-S\n\xa1\xf3JRO\x18~\x16\xca\xd9\xe4\xe5R\x05&gt;\xa8=\xd1\xa5\xaa\xbd,\x7fr@\xffL\x0f\xe3/\xb8\xa3\xc1$|\xe2\x06\xda\xf7{\x11\x08\xee \x92Wj\x00,\x90\x07\x12\xb9&amp;\x90\xa1\x82m6*\xe2\x01\xc5\xbd\x1ak\xd6\x91\xb1\x102\xf7n\x07\x98\x93|\xb8\xe4#\x1a\xf2G\xe8\x15\xb0@\xf2*E\x19\x0b\xe9\x1e}\\/\xef\xc1\xe8j48\xfd\xa2q\x0f\x1d\x0c\x81Uzg\x86\xfb\xa6/\xb6AF\x19\x9aa\xb9\xffk\xdf\xc5\x9e\xd6\xb7\x18\xc0\x0e\xe0\xed#&amp;\xeb\xfc\xd0%\xb7\x8c\xf0\x07\xc3\xdf2\x0b\xb1J)\xd0\x125f7\xf8\xe8\x8c\x13\x1f\x81?-U\xd2\x02\xce\x02\t\x9ez/\xf9\x0b\xb0=R\x97\x1e\xd4\xe2(\xabaVwMys#0{.O\x94%\xca\xb6V\n\x03\x07\xd43\xc4\xa1\xe6&gt;l\xc7\x13\xa4\xf7\xac.\xa7\x9e\x0f)\xc0f\x8e!JA\xb7C\xae\xd4Y\xeb\xc0\xf8\x91\xfb+#\x89\xcb.h\xbe$\xff3W\xfa|\xd5&gt;\xea\xb2^\xbb\xad7\xacb\'f\x8c 1v\xd2\xeaRK\xc3bB7\xba\xf6\x7f`\xb8@\xfc\xee\x02\xd0\xf3\x93l\x81#E\xf5\x19\xc8\xb2=DG\x81\xb3F\xa4\x9e2\x9c\xda\x1ap5\x89E\xa3\x18\x16\xe9#\xb1Z`\xb77\x083\xb9i\x85\xdb\xb35y,\x17]\xef\x87\xa9\xe43\xf4\x8e\x12\x89\x88\x91*\xeaS\xfe\xefy\xd4\x05\x12\xfd^iK\x9a\x9dI\xb12g\xfcZ\\w\x10\xfeO\xc9C|\xeb!`\x9b\xa0\xc0T\x87P\xef\xdf\xe5\xe7A\xc7\xadQ^\xc3\xe07\x9b\xad\x00VaT\xf8\x0b&gt;\xe4:w,\x96\x84\xb4V\xbb\xf5\x06\x9f\xf6\xba\x81\xd9\x9d}\x82\x8e\x8a\x89\x8c[\xa5\x18oH\xae\xb2\xf0t\xd0A\x04\xf87#\xeb\\T\xf3\xd8\xbd\xf6&lt;\xe93\xc5\xa2D\x88\xb7\x1d\x05\'a\xc5hk\xdd\'+\x1c\x97&gt;VR\x16\x90rt\x84\x88\xd0:\xad\xbc\x9f\xdb\x066\xa1t\x1f\xf6\x80\x1e/\xe6\x84\xaa\x8b\x1e\x87,&amp;\xc5CZ\x98\xdf9\xf0\xb3\x1a\xab\xa1\xd5\xb8\xad&gt;(\xc5b8e\xf3\xce\xc4~\xe2F^D\xbf~\xfa\xcd7m1hR\xc2GB`\x9bRD\xf3r\x10X_\x99\xbdQ\xa6D\xf2[\xa3\xb7^\x83D\xf9\xf4\x97\xc0\xa6m\x0b\xdfs\x872\x94\xfc64\xfc\xca\x8e\x97\r\xc4\x04/\xee\xe4_\xcf\xbf\xc8\xc1A\xcbD-qN\x83\xbb\x0b\x1d\xe0\x19\x8cK\xbf\xe1\xa5\x9f5\xd2A\x1a\xa1J\x84\xd0\xfdCoV\xdf\xee(\xce\x1bon\xeeR\x03pu \xcb0T2e-\xa2-\x0b\xcb\xe4\xc9\xe4]\xf3Y\xa4\x8d\x8e\xd1^a\xe2\xcf\x12\nj\xd4H\x0f"z\xcf\x06e\xfc\xa0\x8d\xf2\x02\xd5{\x97(\xb4\xa9\x8b\xff\x94\xb2c\xcc\xaa\xfc\x19yAw=x\xa3:\xd2Oo\xff\x11\x9c\xe6\x0c\xe6F\xdf\x05\xc0\xfa\xa9\xabDn\xe7\xab\xf7|.\n\xba\xb1\x9dos\x1b\x88wp\xf9\xdf\x19\x94\xdd\xda\xd3\xb1\xb3@S\xee\x9c\xd7\xd9\x96\xcc\x997\x86\n}\'\xb7bJ\xed\xdaa\x95\x1d\xf3\xbcUR\x8dr\xd7\x1d\xdf\x8a$g\x88\xc7{3\xad=\xfc\x1f\x13\x1f\xa2:P\xc0\xc8\x89\xf0W\x84\xa1\x13\\\x02\x9d3\x1e\x06&lt;\xa4~\xad\xbe\xc3\x01\xc1\xa3\xa7~\xb6)\x0e\x1f2\x16\x07\xb7\xa8\xc8\x94;\x96;X[Qg[\xc2)\x88\x94\x06\x84j\xb7G\x85\xe7\x8d\xd3\x90yN\x042\x95i\xe5\xc6\x1bA\x86m\'\x14\x19\xe2[Yw&gt;\xa7\x08\x18\xc2\xa2\xb6\xa2\xc3\xe2k\x90\xf8B\x82\xf6\xf1V\xea\xbcr\xdc\x9e\x07y?H\xc7\xf6\x90(\xb7du\x8b\x99\x08\xd4\x96\x10\xa6\x99t/\xfb{\xde\xfbjP\x811\x02\x14xV\x0c\'@\x84\xa9\xc9i\xb4\'E\x8a\xf0cO\xc0k\xaaD5\xf1\xb5\xd1H\x81\xee\xa6\x8a\x01i\x03"\xcf9L\xc0W\xc2\x0c\xa8u^\xb7Uy}\x1b\xf9\xd2\xd0\xe7\xf19\xedZ\xb7\xe4Q/\xd3\xff\xb3\x1cX9\x1d\xd3Q\x90\xb7\xf5q\xef5\x1f\xbcm\xd0\xcc\x07\xa6\t\xa1\xf3\xb0\xd9\x14h\x99\xaeM\x9e\xb0\xdf\x813\xecY\xa3t\n\xf4\xf0\x18\xb6\xa7\x9eO[K0{\x94YR\x9d\xa4\x8a\xc6\x18\x1b\x893\xf09\x85\x8a\x197c;\x08\xea\xbf5b\x1c\x13\xba\xce\xa5k\xa7$\xe4\xe2\xe9l:\xc4\xaf\xb1\xae\xac0N\xa5)*#d\x9aD_\xe2/\xfc\x82\xdf`\xbd\x06-MP!\xb1V\xcf~\xf1\xd9\xc2\xf2\x86\x88\x1bWL\xba\xb7\xd0\xb1\xfd\xa9\x04\xa9\x87\x0b\x9c\x97\xee\x07\x1f\xc1\xb9\x0c\xc6\x93\xcd5\xe8\xae\xed\r8!\x94V\x9f.;Z\xeb)\n=b\xf6h\xec\x8eS\xe7l\xe1P\xeb\xd4\xd2\x16\xcf1\xa8\xe1`\x14z}\xf7_\x84\xb0\xbf\xd8\xec4\xec\xba\x13\x00\x9d4\xb2`\x8e\xf1q\xa3\x12K\xb0\xca\xeb%\x80&gt;\x08\xb0\xc3\xff\x84\xd3N\x8c\x1e\x19q\xceu\x0cu\xe4\x86\x7f\xdbe\xc2H\x04\xee1\xad\x07\xc5\x87\x08\xabd\x03@\xef\xfe\xdd"_\xe6\x80"\x96A\xcd?\xd7\x96K\xb0JCm\x9a:\xd9\xc9`\x0e\x83&lt;\xb89\x85\xc1\xb0Ma\xab\xf3\'\xceT.ZH\x0f2\xb6|\x00\xc2$\x02R\xe8\xe9\xe7\xa1\x8b\xfd\xa6\xfcY\xd4(\xf4\xceY\xbfD\x8f~9\xaf\xa9\x88s$\xda\x01\xa5\x9f\xba\x8c\xbe\x05\xa9u\x9f`[K\xc7,\x86\xbf\xf7{\xafO\xbe?(\x83\xee\x10H\xa9Jk\'\x96\xce\xce\xbb(\xb0A\xa5\x8d\x1c\']\xafm\x13\x83\xa2\xef\xef\xd7J\xd5?Q\xd9\x9b;\xce\x14\xda\xb5\x82\xc5\xcf\x05l\x14=\xf15\xc8)\xd2m\xc1Kd\xb0\x94\x80k\x82\xda\xcf\xbb\x81{\xe6\xe3\x03\x03\x85\xb7tr]\xb5\xde\xca\x8e\x00\x81xl\x9b\xe9\x0b\x95\xfbk^\x19\xe2\xef\xa0Z\xe4\x1b\x05*\xfc\x01\xaf\xa9\x19\x12?\xc1e\x0e\xce\xfa\xd6}w\x16\xad\xf4\xd1\xec\x16l8\x0fc\x19k\x80\x0c@\x9b/\x00\xd5b\xfb\x83k;q\xc2\xef\xe10;}\xa4\xb3S2\xcb\xb8\x8c\xedK:f\xaa\xf8X\xdfv.\x1c\xd5\xcda7\x0f\xda\xa9\xc3\x14^\x85Yj\xea\xf2\xe5AT\x13s\xd6=\x81,\x9a\xa1Umm\xe0\xf6\xb3\'\x05\x0f\xb6\xaf\xd7\x97\x03\xb7\xe5\x8f0&lt;\xc5\x94\xb2c\x1a\xeb\xe7\xd9\x9b\xf7\xe1\xae\xac)\xa2\xf9\x93\x06\x0f\x81\x86\xd1\xea\xee\xbc\x81\x88\x14+\xa7O\xdd\xf10E-*\x08@F\x99]!\xac\xb3\xaf\xe6\xb7\x835\xe2\x89\xd5&lt;\x19\xea\xf3\xff[\xa6H\x89\xf5j$V\xb0\xabF\xaf7\xa60\xf66\xd5[\x12f\xec%\x95\x04]\xf1&lt;\x0b\xee-\x81P\x1c\xb5J\x1f\x12\xc8\xaf\xc9 '</t>
  </si>
  <si>
    <t>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</t>
  </si>
  <si>
    <t>b'\xec\x9be\xa7\x11\xc0e\xaeu\xea\x15\x91\xf7FbR'</t>
  </si>
  <si>
    <t xml:space="preserve">verview
ï‚· Food in = Energy out
ï‚· Food as fuel
ï‚· Food safety
ï‚· Nutrition tips
Eat well: One of the keys to an excellent experience in the outdoors
The difference between dragging your feet for 6 miles, only to collapse at trailâ€™s end, and being
energetic and in good spirits throughout a hike, often comes down to nutrition: what we have consumed
versus what we have burned.
Adequate nutrition: The quality and quantity of food (fuel) we consume before, during and after a hike
will in many cases be a key factor in the success of the event. Inadequate nutrition, like inadequate
hydration, results in diminished enjoyment of the event at best and life threatening situations at worst.
In simple terms: You need to plan to include three types of food in your </t>
  </si>
  <si>
    <t>b'o\xbcS\xce\x95\xf9:\xbf\xd1 $\xef\xc4\xe1 Ld\x99\x08)\xca%P\x8e\x97\xd5rn1\xe5\x98\xe0El\xeeV&lt;\x04j\xba\r\xae\xc8z\x91\xfeX\x12\xa9\x17\x99\xcf\x16\xef\xf3\x8d\xf0\x15\x9bx\xca\xe30\xa0\xb8ZZ\x0c\xdb\xe2,\xf6!R?\xc7|\xc3\xc4\xbc\x0ex!\xc3+h+\x93\xb8\xbd\xb0\xcd\xec\xee&amp;)Y\xe8\xbf+Z\xfcG\x8b\x07\x88O\xb3\x06\xf5\xc4uP\x0c\x18j\xde\xe7\x90\x19\x9e\xc5(`\xf8\x82O\xc4XW&gt;~\x07D\xf23\xdc\xaeY\xab^\xfc\xb1\x9c\xdb\xd4B\xab\xa7\xd64\x03^S\x944+\x19\x17\t\xedl\xbe\xf3\xb7\x9b\xe8\x0c\x07\x93\x1dum\x94\x18\xb8\x8a\x08\xc2\xbd;%\xd6u\xde\xde\x81\xbd\x80\xc6U\xdc\'\x02\xc8\xfb\xb2\x1c\xec\xb5\nN\xf5q|\x06)\xdf\xbb#%\x84.yW\x16ad\xa8h.\x9d\x9f\x98\x86\xc3JY\xaaV\xbb\x1e\xbf4K\xb5\xa6\xe4r\x11&lt;\xcc\x8e\xad]AP\xd8\x89\xe5\xd8u\xe9\x8d\xd8Y\x14\xe7)\xd4\xcb\xb8D\xdaO\xfc\xf5\x03o\x86X9M\x01H\x1f\xf97\xc0\x92\xbc3\x13\xda0\xfd\x8dl\xf6\x80\xe1\xe8\xfa\xeb\x83\x1b\xdd\xc7\x93A\x0e\x1e:\xed\x05}\xb3Ky\xe5\x01\x8f\x14\x8b\xcf\xac!\x88\xc1Q\xbb\xd3\xf3\x82\xa5=\x92=\x1d\xd4x\x10L\xabBh\xc9\xa6\xfc/\x96\xe9\xe0z\x1f\xc7\xee}f\xf1\xaf\xd7JK\xb1n/\xca(-}.i\xf9\xee\x8a\xe1\xdes\xf2\xb9)z:\xb3\x81#\xe9\x18:q\x8b\x12"\xe1\xf3\x8a\x8e5\xbb\xef.\xfe\xa3_\xc6x=\xc3C\x05h\xc4@\x9d\xd6\x8cb`\xae\x139\xa6\xe1\x1b\x84\x82\xdc2\x02!\x14D\x1c\x7f\xb9\xebD_\xbfBY"\xb0u\x90f\x0e9)\xbcU\xfa\xdc\xc1b\x1f\xd5\x05\x93\\\x0c\x16\xc8U\x03\x15MOD,\xdc\xdc\xd4\xd4\xe3kU\xf5\x9b\x0c\xe0\xb9\x87\x10[\xecH1nL\x9e\x9c\xbb\x9b\xb0\x0bn\xa2Y\xbb@\xc4|\xd9x0\\\xe3\xfb\x13\xeeQ\\\xca:B\x91\xdf\x12UJ\x0c1\x8e\xe37yI5#I\x92K\xa9\xcd\xf4\xc0\xba@Op\x19\xe4\x16\xdc\x1d\xef}\xa7\x7f&gt;\x83YR\x8fO"\xf0\xbc\xcd^\xd3\x08apU\xbeH\x95\xffY\xdb"\'?\xb2\xda\xb7\xe2;\xa1\x89BG93\xcbR\x91&lt;"\xdeZCf\x89\xd0\xe0\x99\xe8\xe3t\xde\x05\xc2-\xa9\xd0\xebE,)]s\x9c\xfb\xad\x98\xe9\xbc\x12\xc6\xc9\xd6\x86z\xa6\xa8a\x17\x89\r\xd6K\x95\xf9\xe0d[\x00\xcc\xf1\x1d\x97G`\x94\xf4\xe3\xea\xaf\x11\x83\xf1\x02tU|\xd0A4i\xd2K\xe0\x92\xedD\x94d\xbd^\xef\x1a\xf4qk\xfc\xcc\xa8\x12_\xffu\x01\x0b?\xca\xf5\xc2\xe1J\xc6m\xc1J\x8c5\xb7\x16\x81v~o\xf2&amp;E4\xed\xbe\xe6\xc2\xbe\xee\'V$\xac\xdb\xa0(~2\xee\x8e\xeele\x9d\xa4\x86\x1f\xbb\xaa\xff\xe9~F\xe7\xedi\xce\xe0\x0f/b\xcf1\xeb\xc4\xbf\xe0z]Ik\x14Y\x04\xb6{J\xdel\x93\x9a\x87\x9e\xce\xd9\xe4\xda\x12L\x13[/'</t>
  </si>
  <si>
    <t>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</t>
  </si>
  <si>
    <t>b'o\xbcS\xce\x95\xf9:\xbf\xd1 $\xef\xc4\xe1 L'</t>
  </si>
  <si>
    <t>familiar stories. Once you can recognize the framework in stories, youâ€™ll start to understand exactly where the story of your
 brand is confusing customers by not sticking to the formula.
 THE SECRET WEAPON THAT WILL GROW YOUR BUSINESS
 21
 In the first Hunger Games movie, Katniss Everdeen must
 compete in a twisted, fight-to-the-death tournament forced
 upon the people of Panem by an evil, tyrannical government
 called the Capitol. The problem she faces is obvious: she must
 kill or be killed. Katniss is overwhelmed, underprepared, and
 outnumbered.
 Along comes Haymitch, the brash, liquor-loving, grizzled
 winner of a previous Hunger Games tournament. Haymitch
 assumes the role of Katnissâ€™s mentor, helping her hatch a plan to
 win over the public. This gains Katniss more sponsors, thereby
 equipping her with more resources for the fight and increasing
 her chances of winning.
 Here is the first Hunger Games story laid out on the
 StoryBrand grid:
 In Star Wars: A New Hope, our reluctant hero, Luke
 Skywalker, experiences a devastating tragedy: his aunt and uncle
 are murdered at the hands of the evil Empire. This sets a series
 of events in motion: Luke begins the journey of becoming a Jedi
 Knight and destroys the Empireâ€™s battle station, the Death Star,
 which allows the Rebellion to live and fight another day. Enter a
 guide, Obi-Wan Kenobi, a former Jedi Knight who once trained
 Lukeâ€™s father.
 BUILDING A STORYBRAND
 22
 Not every story works this way, but most do. Sometimes
 a writer will bring in multiple guides or (usually to the storyâ€™s
 peril) leave the guide out, but the formula holds up in almost
 every story youâ€™ll encounter.
 The fact that nearly every movie you go see at the theater
 includes these seven elements means something. After thousands of years, storytellers the world over have arrived at this
 formula as a means of best practices. Simply put, this framework
 THE SECRET WEAPON THAT WILL GROW YOUR BUSINESS
 23
 is the pinnacle of narrative communication. The further we
 veer away from these seven elements, the harder it becomes for
 audiences to engage. This is why indie films, which often break
 from the formula to gain critical acclaim, fail miserably at the
 box office. Critics are hungry for something different, yet the
 masses, who do not study movies professionally, simply want
 accessible stories.
 It seems true that some brands (as well as some screenwriters) break these formulas and succeed all the same, but when you
 look closely this is rarely the case. Truly creative and brilliant
 marketers and screenwriters know how to use the formula while
 still avoiding clichÃ©. This, in my opinion, is what makes them
 brilliant. When you get good at the SB7 Framework, hardly
 anybody will notice you are using it.
 The Three Crucial Questions
 So how do we make the story our company is telling clear?
 Remember, the greatest enemy our business faces is the same
 enemy that good stories face: noise. At no point should we be
 able to pause a movie and be unable to answer three questions:
 1. What does the hero want?
 2. Who or what is opposing the hero get</t>
  </si>
  <si>
    <t>b'\xd6\xce\xfeN\xc0^\xdex\xed\xf2\xb9u!\\\x17/\x86\x10\xe6R_\xae\xa6\xb9\xaf\x06\xa1\xa7\x12K\xb0\x06\xa2\xd3Gj\xce\x93\xf2S\x0f\xcd\xdf\xd5\xac\x0f\xddU\xa39\xc6h\xce\x1f\xff\x96\xd8\xf6\xdc\xe2` \x86\xf1\x90\x8a\x91rmB\xb4\nrv7\x99\x90\xde\x1eiu\xbf\x9eF\xb6\xfdz\x81B\x96~S\xf5\xc2\xbe|\x80\xa0\xea\x0fi\xad@c\x85T,?\x90\x0c O\x86V\x0c\x8d\x91"\xc3\x91$\x08\xc4\xdc\xbcN\xd9Z\xf3\xf6\x96\x14\x84\xa2\x81*\xa3\x84\x95\x14C\xb8\x1d7\xfc\x8b\xbej\x17\xf2\x91\xe6\x0c\x94\xcd\\\xe3\x93\x1f\x1b\x9df\xd4\xf9\xd0\xe5\xfb#TZ^\xe5\x05mD\xce\xf9\xb8\xc0^_s9I\xdb\xeay\xb3\xf8\x00N\x9aM\xc9]uHR|\x11\x08\xc0\x0c\\m\xb3\x1d\xa8Q\x1b\xdcG\xc7_\x99\xdedQJ\xa9\x95\x93;\xb5+\xf2$x\xe7\xbb\x85\xde0\xaf d"\xed\xa5u0\x976\x84\xdf\xf4\xf0-\'C\xf1\x9f\xdf \t\xbc\xc6\x0ck\xde\xb3\x03\x82&amp;\x9d\x8e)U\x8b\xb5O\xd6\xdf\x7f\xce$\xd9\n\x95\x90\xa5\x16\x19N$\xde&gt;t\x8c\xf4OgK\xef&lt;U\xc9\xce\xab\xcfq\xd5\x81b\xc7Z\xe0\xef5E\x13Anv\x177\xdc\x1c\x80\xf8|\xf158}\xc8\xf2\xb2\x1eU\xdc\x8ac&lt;\x87\xf2\x9f\xdd\xce\x9an&amp;5UcH\xb5KP\xa0_\x06R\xf5\xa6\xa6d\xa3e\xf8XkaN\x1b\xf34/\xe0\xcc\xba\xad\xc2\x86\xd9z\xf8;\xc1\xec\xf4\x94\xdcI\x91,\x83\xdb\xdf7b\x11g\x8f\x06T\x85\x89\xe9(7)M\xe0[\x17\xc1\x92\xd6\xc5Ml\x9b&lt;\xdf^\x94c\x0b\xc0\xfer\xd3N\x87\x98\xe4\xa3\x16#8\x1aB\xc0\x1e\xab\x0e4~\xb1C\xc4t\xf6\xdc\xec\xba\xc8\xdbY\x15\xbbc\xce\x96N+\xca\xca\x83\xb8\x93V=a^jm{\x9e&gt;![\xbd\x94&amp;\x8b\xb1_\xa9E\xd6Z\r\xdag&amp;\xbeec08\xf7\xf7s\xe8\xf1O\xaa\xe2\x9a77\x95\x8a\x8fq\xa0\x1aP \xb5`\xfc\xcf\xd2\x88H+#?%*\xef)\xd5n\x18\x9c\x8e\xde\xdc\r\x1c\x1f\xcb\xba \x1e\xa4\x1e\xb5}\xfa\x90\xd5\x9c\x0c\xdb\xed\x8d\n|\xe1V\x07\xc3\t{\x94):![3\x9f\xed\x9f\xd8}ji2\xc7\x13t\xb7\xa2mw\xf8)\x99&amp;;\x03J\xf4i\x15\x8b\xc9w3%U\xe2\x8f\xcc\xbbI\xe6\x03\xdd\x873lI\xc4R\xa4V\xebv\xda\xf6\xd1q\xf6&lt;\x9f\tJ7o\xd1W\xe7y\xc3\xdb\xdd\xb4\xde\x01\x93`F\xec \xef\x18/7\xccx\xfd\r\xdd\xde\x8f\xa5)\x0c)}W\x8aeI\x7f\xd0\r\x81\xd4e\x0c\x83\xc5\x90\xbb4\x13\x07Q\xea\x0f]:{\x96=\r^x\xaf-,\x89Q\xdb,L\xea\xb8\xb6~\x0f\xeah@?(\xb6+}\x12\x83\x98\x89\xc9\xe0D,B\xa0\x9a\xffT\xad\x06\xfe\x92\xb6\xec\x08\x85r\x13\x99\x1b\x1b\x15am\xf7H\x12\xb9S\xc9,\xfa\x1c\t\x1d\x8e\x12\xb8N^ql\xfa\x12\xa3F\x1d\x9f\xcb\xad$#X\x85\x1d\x8e\xf3\xb1\xbb\x0bAr/uN\x19\xdf\xde\x99\xe2\xe6\x88\xcb+\xa6\x9b\xc0\tpc\xed\xb8\xa0\xd8\x83&gt;\x83\x17\xcd\ri\'\xa9\xa4*\xe4\xbe\x90\xaf\x82\r\x91\xf4\x01^?\xbfI\xe1\x8d\xdd,\xbbg\xc0\xaf\xd5\xb2\x1b\x8e\xf4\xc7\x1dH\xf2q\xe2\x95\xddG\xa6\x80\x05\'\x80F\xa9\xe2\x15\xe8B\x03\x01\x19w\xeb4\xec\r\xf4}\xe6\xcb\xf8}4m\xec\x97\xb2\x14\xca\xe8%#\x9cp\x16\x1d/\x9e\x8d*]\xe0L\xc1\xd2\xbcp\xf7.M/3\xeaD\xdeL\xe3"\xdc\xfdbyn\xa4\x16p\xdf5\xb4\xf3\xff\x82\xde]\xa2\x93\xae\xc5\xba\xe4\x84c\x7f+\x84\xa6W\x1cP\x8b\x05\xc4\x9e\xe5\xf2\xda?\xcb\xc2B\xf6\x81\x84)8\x16\x1a.\x93\xc6,\xfe\xdf;Y\n3I\x0e&lt;(\xc5G0\x13\xdcufV\xa9\x9e[\x0f9\\\xca\x92\xce\xb3\x17&amp;\xceR\x0bq\x85$m\xcc\xb4\xe8\xcf\xbbZ\xc1\xc6\x04;\xfc\x03\x86\xe5,s\xc3\xe6\x85_\xfe\xedj\x8a\x86\xa1\xfca\xbaT\x1dX\xf6\xb7&amp;\x02f\xb0\x0f\xde\x7f\xf8W\xe6\xf9[\xcc\xee\xc4\xae\xea\x1c\xb5\xe5\x81\x8d\xdaN\x89\x08\xbd\xa9\x9do\x86cT\xda\x8af\x8f,\xacq\xcd\xe9\x10\xc4HL|&amp;x\xb6$\x18\xcfE_\xee&lt; \xa1K]\'0tD\x97Z\xb7\xe2u\xc1\xc7\xa5u\x80\xbb2\xd4\xe1\xd1?\xa3\x18`\x87w\x01/{\x84\xe4\xc8\xbd,V\xd7\'\x19Y2w\x08\xe6\x01\x98&lt;\xb0\xa2\xea.\xcf\n\x1fl\xc8&lt;\x03\xc7\xach\x8a\xf9\'\xb9\x02\xa7\xbe\xb8\x01\x1aJ}\xb4\xb3\xbcH\xc5c\x07\x0co\xf1B\xa4\xe9.U\x1c\xb1\x12j\x80^\xc8L53\x05\x83\xf4\xf1\r\xdb\x90\x8a]$\rk\xfa\x10\x08\xabQx\x0b\xfaR\x10\xd3\xb7\x1c.X\x97\xddE\xa4\xa5S$K\xa2\x0b\x90\xaeZ\xcas\xc7\xe6( \xbf\xe0\x142\xb2\xd5\xc3\xc2\xb8\xb0\x15}&amp;\x99\xa2Z\x9em,\x80h\xa2\t\xc1\x06\x19\xc8|\x18\xeaE\x1b\x1c\t\xe8E\xf7\xaf\x19w\xd4\xb5\x8c\xc6\x15\xa6\xc6-\x99\x15Jt\xcf\xac\xb3V\xad\xad@n!\x02\x03\xff)O:\x9f\x9d\xe6\x9b{\x8dc\r\\i\x08[`M\x11\xe5\x91| \xa6\x03K\x0f\xe9\x94\x91\xeb\xf4u \xf9u\xf1\xc7S\x9c(\xf8:\x0fS\xa9\xeaR\xef\x00\x84\xea\xc7\xf5\xcb\x06!\xf9W\x04\xfc\xb8\xcc\x05Xp=\xf3\x02\xf9\x96:\x9aP\xf4\xb6F\x94\xf2\r\x02\xd0M\xec5\xa1\x1c\xcd\x14\xdd\x87\x93gnz\x94D{\xff\xc5\x8a\x9c\xc4\x8e\xcaJt\x04\xb8\xd6\xcc\xbdvt\x9bZ\xfb%=3\xc3\xd0S\xbe\xb4\xe6^\xf9!Ewi\xa1\xf0%\xa9\xd1\x12\x82?\x19\x9aO\xb1/\x8b\r\xe9T\x94\x0b \x1c\xa8\x7f\x12\xcb\xe1\x8bSQ*jKs1\x13\xee\x06\xcb7\xac\x87\x1d\xd6Y\xdb\xa52\xa2?\xb8a9\x80*y\xae\x8a\xcb\xad\xba\x08m\xa6\xa3\x0c\x97M\xbe\x91&gt;\xcdz\x9f\xf7\xb6\xe5\xd7u\xf1KCA\x94\xb1\xb7LU\x15\x0c\x93\x12%\xcd\x08\xbd\x08\x01z\x05n\xc5\xc9\xea\xd7"\xb6\xb3d\xf6S0jU\xa3\xd9.\x1b\x8f]7w\x0e\xda\x11\x10\xc4\xc5\xef\x82\x92b\xa48\xfc\xa3v\xb4I\xf9\xe5d\x1c\xe6\x01\x86\x8f\xbf\xa3\xb0In\xc8A\x84\xf7\xa0\nQ\xcf\xd6\x1f\xf6\x9a\x06V\xff\x91\xcdP\xfaP\x89\x99\x08\xc55F[\xea\xc8\x18\xd9\x19\xc6\xc4Q9\xb6%\x163\x1a\xba\xe7\x01\x00,\xfb\xb0\n\x08pnR\x7f\xf3/]*u\xc4\xa8;\x18\x98M\x92M1\x86\x17\xb7\x0b\xdd\xe5\xff3\xe9~/\x1d\xdf\x8c\xc3B\xf4\xc7\xfe\x97\x82\xb1\xe4\xa1\x8d6&gt;\xd1%xr\xe6g\xad\xd0\xc3\x08Ns\x16K3!h\xb6&gt;4\x14\xfe\xfff\x82\xf1gkb\x19\x9b;d\xcbb\xb6&gt;\xa5\xcb\xed\x9e\x0ft!/S\x02\xee\x07\xefg\x96\xbbV\x8c0!\xc8\xaeb\x99\x89\xa5\x91vah\x927SFc\xfd\xc5\xcd\xf7]J\xc6u=\x10[\xce\xc0\xb4I\x0b\xe2z\x1f\xd5\xba\x84\xe35\x0f\xca\x90\xbe\xaa\x99L\x8bI\x00\xbd\x8e\xa6\x93e\xc6\x19\x8e\x97\x97 \x93\xe9\x12\x16\xce\xea\xf5\xb9\x1e\x98\xe4\x83\xd0\xc1\x87\x12\x14O\rG\x92\xc4P\xe1Y"\x1bB\xb7\xcc\xe3\x87\xf3\x0e\x90N:\x9b\x1d+\xcb\x1f\xf6\xbc*\xdd\x1f3\xd8i\xc2\x1cE\xd7\x97\xd4\xa0z6\x14\xe6\x9e\x93\xb1:\xd56\xdf\xa5&amp;\x1e\xc6\x08\xbf\x00}\xa9\xcd\x80\xf6\x9e\xd6\x17\x10\xea\xc4F\xf2\x92\x86j2oF\xa3\xb3g\x08+\xc4W)$h\xf0X\r[\x92\xd7\x9d`\xbc$\xda}Q\xadg\xa5\xb5G\xd6K\xb9\xbf\xe2\xf0"\xd7\xc0\x90\x9b?`\xd0\xe4r\xfc\x1c\xc7\x90*\xcdP\xa9\x8b\xe9\x86)e\xc3\x13\x03\xcc\x85l\xdem\xd5\xbd\x8fr\xe0\xbf\xac@K\xbb&lt;\xd2jq&amp;\x17\x9d\xba\xbd\x8f\xcb:\xe4\xb1t\xdc\xec8Y\x1b&lt;qu\x1d\t\x85\xc5\n= \xc4\xd0\xa7\x95\xfb;\x8e%q6p\xa77\x02+\xa8\xf1\xdd\x15\x9e\x94\xc1a\xf3\x98\xcc\xf1F\xdd{1\x1e\x1eqH~\x1d\xcb\xe3\xd3\xe6;G{\xa7Ci\x92/9\x05\xe2\xf6\xdb\x86\xf9s\x89`\x06\x0eZ\xe6\x962\xa6f\xff\xa8\t^\x89\xb1R\xbcG\xb7\x8bl\xf4\x0cE%\xc3A\xb6K\xc8\xcc\x035+\x9e\xa5\xd4\x078\x94\\&gt;\x9b\x00K=E|\x94\xd7\xdd\xfeO\xcd\xc4C\xe1j\xd9l\xee\x8c\x82,\xd0\x89\xa2\xacaGE|\xeb\x16\x81\x16J\xae{3\x9d)\xff:\x8b\xe3\xa7\xe1$5\x8c\x8d\xfey\xce\x97\x13\x11\x96\xa7\xb9/`\xff\x81\xff\xaa\xc0\xc9#\xb2a\xbd\xc5\x99\xe0\xaa\xad\xa0\xa9\xfa\xe9\xc0R1\xea\xef\xe6\xa4\xb6w]\xf0\xd0#&amp;y\x98\x13\x84R\xd4\x80g\xaa\x06\x16&lt;\xcb\xe8\xe3S\xad\x940\xe4\xad\xfb\xa2ho,Ds\xc3\xd6o\x05\xa9\xa1\x8dj;g\x8f*\x8c\xd1_"\xdc\xb0\xf8\xaa\x85\xae[\xb1\x7f\xf6\x19]\xb2?fC\xfcl&amp;M%\x92#y\xff\xab\xc0\xc9g\xce\xe6]\xa6\xcf\r\x04\xd6\x07D&gt;Afq\xffCu\x9f\x82\x85\x0c@\xdcp\xa1\xae\xe3Pl\xf8\xe6\x02\xbbX\xc1\x8f[\xfd,\x04-U\xb4#\x8fA\xd9\\G\xf2+\x89c\x11\t%{\xe6\xed^Rd%\xe4h\xfd\x05u/#\xe9\x92\xe4r\x8ag\x8f\xbc\x10RF\xb3\xae{\x0c\x0f(I!\rDt\xf3\x02\x1a\xeb\x81\xf4\x11Eo\xeaf\xaaX\xef\x90\x9f \xe4\x8b\xd3$\xd4_\x89Hy\xdd%J\xcd$\xc2\xd7\xccRZ^\xdb\x95\x82\x95\x13\xc2\xcdz\xe1\x7f\x1f\x08\x86\x06]6\x1f\x92\xeb\xb1\x0e)&lt;\xa19\xd7,\x05&gt;h\xe3n\xe71\x85\xc0b&gt;e\xe5=)=\xbd\xcc\xc8\'\xb2\xb0yj\x9e\x9f\xda&gt;\xf5r\xba\x0bFX\x0c\x977\x1f\x8f\x17p\xc2e\xe0\xc73\xba\x8b\x11u\xe2\x88&gt;\xf5a\x04\xa5*E%\xad^\xc9+\xa93P\x0e\xe9\xbd\x16\xac\xc0OBR\xad\xf2\\\x92f\x04\xfc\xb1M\xb4\x0b\xb9\xe1\xbf^\xc4\xff\xe43\x9b2\x1f\x06ts\xe8\x1biu%k\xfc\xa6\x0b\xe8\x84Qd\xda\x1e\x01/\x1b~\xd1\xed\x1d\xb46\xd1\xc1t:\xd1\xd2\x83b\xae\xc2\x10X\xa1\xea\x17S^\x0b\x11a[\xe5o\xdd\xa7\xe8v\xfe\x04\x7f\xcf\xb2\x1e\xac5wJ\xa7,"hj\xafX\xe2\\\xc3:2\xd3\x16`\xd5p\x8e\x94\xad\x07\xdcv\x95\x8a\xf6\xf9\xd9^\xd9\xe9|k\xf3H#\xcd\x11\xa5\xff\x80\x99+\x0c\x89wk1\x0f\xb2x\xec&gt;8\x84^\xd5a\xa8\xe3\xc3\xec\xd9\xa0\xe0_\xe1\x8c\xc9\x05\xcf\xba\xf4\xd4\xb8\xab\xa79\xe5\xb5\xc9\x8f\xeb\x95\xd8\xf3\xea\xed\xe0c\xe44K\xd9\xf6XK\xabM\xb7\x92\xe0\x8d\x1f{\xbeU&amp;\xba\xd0N\x03\xf9\xae\xd5c\x8c\xab;4\x12\x9f\x1c\x86\x1b\x9b\x8f\xac&amp;\xa1;\xafS\xd1\xefk\x14iB\x99\xe4\xa0\xbe.\x9c\xf0.\x13\xc2\xa5\xbd\xe1\xa54\x08\t$\xdf\xfe\xc6\xaf\x86i\xa4D:\xe8\x05|\xa4\xab\rZ\xb3=$M\xb7\x86\xaf\xdcd_\xe3\xbdK\x7f\xe7\x8c]7:\x9b\xa9}\x80\xc1W\x98\x8et\x9bC@.\xdb\x87\x10\x89m\x1a\xf9\x80\xd8#\xf0~\xc6Q\x9d\xcdE\xdf\\6\x84\xe31\xde\x00/\xcbm\xec\x13\xf7\xf2\x1f\x1f\xb3Q\xba\xb6\xff\x81\xce\x9dW^d\x10&amp;\xb5\x9b=\xf4&gt;DM\xb9\xf6T\xee\x9c\x1a\xd5\xaf\x16\x7fttL\x83\xb9\xb0\x8b\xd0\xf6\x0f\x0f\x9d\xa3g\xe5\xb5\xa5\x9a"\xb7\x93Ia\x82tw\xc2\xd4\xea\x14\xfc\xb3m6\xe1\x0b\xb0\x14\xa2\x06\xff\x04b[\xc822\x9e!\x13G\xb6\xc5\xc2\r\xe3\xfc!i(%\xfc\xa4\xcb\x89|]\x80\x9a\xdbLp\xf73\xc4)\x17\x08\xfao\xb3\xc4\x0c\xc7\x1e\xb4\xd1\xa8\x860\xb8\xa4\xbaH\xa8\xd8\x17\x99\x81V\x07\xd61\xfd=NB\x0bD$\xfbU\xd1C\xfe\xe7\xdb\xc7\xae\xbb\xf7Z+\xab\x85\x99\xdb\xae\xa2\x96\xcc\xc2\xb0\xa6\xa2k\xd6;D\xa4\xe6\r\x1a?o\xf4\x8eWw\xd6\xf1\xf4\t\x18\xca\xda\x8fh\\\xed\x7f\xc1\x93J\xa6=\x16\x11A\x1b\x05\x02\x07\x04m!\xa75\xb5\xb72x1\x907\x83\x81\xa5;\x18\xf0o\t\tx\xdc\xaeB\x0f$L)r\x87hnT\xa1\x0e\x9b 1\x91,!\xe4\xd5\xf3XA\x82\x9ch\xc8;3\x8bu\xbb\xa5\xb75\xc1D73\xee\x85Z{\x82J\xe5$Op\xcd\x9e\x92\x94\x142\xef\xdf'</t>
  </si>
  <si>
    <t>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</t>
  </si>
  <si>
    <t>b'\xd6\xce\xfeN\xc0^\xdex\xed\xf2\xb9u!\\\x17/'</t>
  </si>
  <si>
    <t>es of houses? It is
 to listen to the stories. O Wendy, your mother was telling you such a lovely
 story.'
 'Which story was it?'
 'About the prince who couldn't find the lady who wore the glass slipper.'
 'Peter,' said Wendy excitedly, 'that was Cinderella, and he found her, and they
 lived happy ever after.'
 Peter was so glad that he rose from the floor, where they had been sitting, and
 hurried to the window. 'Where are you going?' she cried with misgiving.
 'To tell the other boys.'
 'Don't go, Peter,' she entreated, 'I know such lots of stories.'
 Those were her precise words, so there can be no denying that it was she who
 first tempted him.
 He came back, and there was a greedy look in his eyes now which ought to
 have alarmed her, but did not.
 'Oh, the stories I could tell to the boys!' she cried, and then Peter gripped her
 and began to draw her toward the window.
 'Let me go!' she ordered him.
 'Wendy, do come with me and tell the other boys.'
 Of course she was very pleased to be asked, but she said, 'Oh dear, I can't.
 Think of mummy! Besides, I can't fly.'
 'I'll teach you.'
 'Oh, how lovely to fly.'
 'I'll teach you how to jump on the wind's back, and then away we go.'
 'Oo!' she exclaimed rapturously.
 'Wendy, Wendy, when you are sleeping in your silly bed you might be flying
 about with me saying funny thi</t>
  </si>
  <si>
    <t>b'pQv7NF\x87\xcb'</t>
  </si>
  <si>
    <t>705176374e4687cb</t>
  </si>
  <si>
    <t>ss that she was obliged to stop. She did not mind much,
because she had already counted up to thirty. She stopped with a little laugh of
pleasure, and there, lo and behold, was the robin swaying on a long branch of
ivy. He had followed her and he greeted her with a chirp. As Mary had
skipped toward him she felt something heavy in her pocket strike against her
at each jump, and when she saw the robin she laughed again.
"You showed me where the key was yesterday," she said. "You ought to
show me the door today; but I don't believe you know!"
The robin flew from his swinging spray of ivy on to the top of the wall and
he opened his beak and sang a loud, lovely trill, merely to show off. Nothing
in the world is quite as adorably lovely as a robin when he shows offâ€”and
they are nearly always doing it.
Mary Lennox had heard a great deal about Magic in her Ayah's stories, and
she always said that what happened almost at that moment was Magic.
One of the nice little gusts of wind rushed down the walk, and it was a
stronger one than the rest. It was strong enough to wave the branches of the
trees, and it was more than strong enough to sway the trailing sprays of
untrimmed ivy hanging from the wall. Mary had stepped close to the robin,
and suddenly the gust of wind swung aside some loose ivy trails, and more
suddenly still she jumped toward it and caught it in her hand. This she did
because she ha</t>
  </si>
  <si>
    <t>b'\x153S\x8a\xe0\xc5\xc3\x84+\x07\xdd\xab\xdb~\xb3\x84\x02\xe3\xc4\xaen\xd5JI\xe8f\xbf\xa4f~V\t\xad\x05Z\xb2\xb0]\x93\xa48D\xed\xe7\xe0\xa4\x8a3\xf0\x9b\x10\x1f\xed\xf43$NQ\xcf\xf6\xa0\x9a\xcez\xa1\xd3\xef\x11}\xf5\xe6\xe8\x0c~nx\x7f\xa7f\x7f\x85b\x9d\xd3\xbc%\xa3l\x02\xe5\xd6{+\xec\xeb\x86\x01\x8b\xe7\xf3g\xe9\\\x08\xf5\xcdz\xac\x949[\xfa\x88te\xa9\xcfI^\xef \xa5\xcb\xff\x05\xb1\x8c\xd3\xeb\x90\xf1\xc2\xa8q\x15\xb4)\x1d\x82rt\x97SOY \x05\xc0\xeen\xae\xc54\xac\x12\xe8\x8c\x98\x1e\xa3\x9f\n}\xfc9\xb6ri\xae\x011\xb2\xfa&lt;"Z\xa6\xaa\xf5\xbeN~\xd3s\xf0\xd8q\xed\x83\x1c\xe1\x03\x82:\x18\x8e,\xb7@\x8fx\x99\x81\x00\xcf\xd6\xad\x14\xa5\x1a\xaa\xd1\xd8-K\x8a\xf6\x12+\x8d@\xd5C\x0e\x97\xb3Q1\xb1c\x1eon#\x8b\xf1\xa8\x83F(\x16x2\xbf\xdb\xbb\xce\x81\xa0V)\x0b{w"\xeb\xde\xf3Z\xbbtp\x19\x92\xa9\\E\x01\xc2m@\xdb\xa2\xa3N\xac\xa5\xcc\x0c\xd9\x13}\xc8\xaby\xcb\xb8\xec\x9f8\xe3\xaf\x93!\xeb\x1c\xb0\x86\xdc\xc4l\xfd\x1c,\xf7H\xe9\xb5&lt;Aph\xaa\xb7M\xc3\xc5$t[\x13E93\xad\x9a\xeb2\xdfhS\xce\x9e}p\xec\x7fz*\x93~\x82Y\x9aM\xfc=\xc09\x18\xa6\xa2\x83M\xaf\xc4sbZ\x16\xd99t\xb4\x84\x00Z\xb0\xae\x12\xaf\xfc\x19\xaa \x99Mb\xbbl\xa6\xc8\xc0y\x86@\x9c2\xb0\x9c\x19\xf2\xa6\xaa\xf5\xbeN~\xd3s^Z\x82)\xc4MC\xe7A\xfd\xa5\xd4\x95\xc1o\xa9\x03\x10\xb0\x8aP\xa4g;\xf2\x01\xc6J\xa8\xf4l+\xda\x1b\x19\x9e\xca\xa9\xffh\x11\x16\xd0dl\xe7\xc5\x8c\x05\x1c\xae\xe6\xeb\x83\xa5a\x90\xe2\xed\x10\xde\xd9\xd8I\xfc-~\x8b7\xacX\xd1\x01\x94\x1f\x88G\xbc\xfcP9R\x01\xa1%^\xd3\xfe\x0f\xb6\x1alx\xaa@fU4\xbcR\xd5j\x15?\xe5\xff\xd5\xc82\xdb\x10\x91\x04(u\xb3K\x949\xbf\xc7OT|m~\xa2\x94hd\xc4\xfe\x1b\x986\xa9B\xdc\xe1\xa3\xfe}\t\xa3\x81\xa0\x01\xb65\xd8\xfa\xc1\xd8\xe0\x93\xc0\xd1\xb2\x8c\x92\x93\x08\xc7??\xef _[H\xad\xfa\xbeh\x81\xb0\x08\xb9tN\xd7jd\x84\xd8\x07\xf4\x8d\xfd)\xa1\x1f\r\xefn\xe2\xff;\xbaP\r7\xcf\x9eU\x8d\xdf[\x11\xa5\x11\x8d\xefq\x8f\xd3G\n\xec\xa8U\xae\x89\x96DM\xdf\xb7\x1e\x17U\xa9T\x86a\xee\xbe\x94=z\xd0D;\xd5\x1e\xd5v\x96l8eV\xf2V\xa5z]\x8a\x897Y\x07\x17\xb2|\xcb\xad\xacA/\x86#X\xdfx\xf8o\xc0\xfc\x17\xb8|\xc9\x1a\xf7v?\x85\xdd}m\xab[?\xbdcZ$D\xa4\xe1/@\x19\x92w\xbc6\xbe\xa63\x97\xa4\xd2\r\x18\xe6\x95\x84zQL\xc2\x8c\xac\xad!\xce\x02\x83l\x1c\xfc\x0f\xa7\x85|\xf1\xde\xd2*M\xfc`_\xe0\xd4bw=,\x17\xb9}\x90\x1c\xa8\xe0\xe3\xf5\xc9+\x88\xf5,\xcc\xd0E\xea$9LyfzZ\xc3*\x11\xd2\x7f\xef\xb2J5o~WM\xdd\x06\xde4]\x8a.J#\x95\x88\xff\xed\x11@\xb9\x89F\xa1Ahx\x9d\x9f9\xd1\xc5j\xe1\x15\x94\x8b\x9a;zX{\xc2U\xe1\xb3\x05u\x8ahO\xb6\xb1\xecW\xcd$\x84\xedu\xdf\xdb_\xbd\x85\x7fq\xe5,\xd8\xabC.\xde.\xabp/see#\xca\x19\nH\xd4\xe7\x9db\x94\x96 ;\x89\x02\xf2\xe3\x85i\xa2\xeac\x93\xeb\xbb\xa1\xbe&gt;\x91xq\x81#\xc4+\xb2_\'&amp;\x150_\x02G\xd1\xeb\xc6\xff\xedX\xa3\xb01{BG\x00\x8c\xc5\\\xe40\xda\xb4\x08\x96\x13[\x1e\x0e(\xd8q\xfagzV\xa8\x88\xf3\x9e\xe0@i\x88\x85\xfe\xc0B\xcd\xa6y\xd8\x08\xb8)\xf4\xb8\xbb/`\x94I\x12@u\xee\xcd\xe0\x13@\x90\xd0\xc1)\n\xfe\xe0\x1c\xe7&gt;\x18\xcdN\xb8\x10"Rl\x11\x0f\xbe\xec\xafoU^,\x90\xf4\xde\xb4\xaeo\x14\xdc\x1bb\x83i\x9eA\x92\x164mT4\x92\x1fi\xad\n\xca\n\x91l\xbf9\xfcb2\x9b\xf2\x83x`56\xf1hu\xa9\x05o\xfb\xd1\x94\xb3\x8d\xbc\x1e\xdb\x99\xe6:\x01\xa2\xf6\x01\xde\xa3\xe1C\xae@\xecZ\x1d\x9e\xebZ8\xa2\x14\x92\xd6AjX$O:\xd8\xef\xb3&amp;\xb4\x8e\x97F\xac~\xbd\x98A\x85\xbd\xb3\x92\x95&lt;\x1e\xb7\x16\xf5\xb9\x88\xd4\xbb\xfb\xd1\xfb?\xb9X0\x1c\x91\xfa\xe4\xd7\xd4o\x0b0\xdc=j\x08m\x1fy\x9d\xe2\x18U\xa1\xdf\xees1o\xf0\xac\xaa\xd2n&amp;\x0bR\xf0\xaa!\xbe\x08\xb9tN\xd7jd\x84{\x1b\xcb4\x9ac\x93\x96XL\x142l\xc64s\xd6\xe8\xe2\x80/\xd0X]m\x9eL\x00)\xe1\xc2\xc4\xf2H~P\xf9\xf5\xb9;Hv?\xa8\x1b\xa7\x03v\x11G\xef\xb0\xac\x04\x85\x81.\x00"\xd0\xda\x7f@JekU\xc5\\C\x0b\x13\x9dGh\xf97}\xda\xf1\xd3\x84;Xo*\xa1\xda\x94\xa4\xe7\xbd\xad\x8e^\x83)\xf7\x9b\xd4\xbf\x13\xfb+\x8c/\x93\xac&amp;\xcf\x15k\xc5-\x88\xb5&amp;\x9f\x82\xef\x03\xe8\xde\x03B1\x9ct\xb8\xda\x9e\xc1\xf5\x88\\\xcc\xf9qoB(\xec\xdc\xb8\'ID\xc5\xa8\xaf\x9b?\xd7&gt;e\xcd\xd7\xabd\x1fW\xf2jq\x95\xd2\xe3\xed\xd5Rv\xb7\x00\xf0G\x84d\x12\x01\x9cL\xb6\xc2\xd3\xbb!\xfa\x92H\x01\xac#\xb0\xe7J\xb4\x97 y\x1d\x8c=\xfb\xcb+O\xa2\x8b\x03\xdd\xa1\x7f\xca+\xd3?\x1eD\x1b\xdd\xab\xc29\xf2\xf8g&gt;\xbd\xcav7W\x17\xd0u@C\xd8e\xde\xa7\x8c\xe6\x0b\xd5\xd8\xbd\''</t>
  </si>
  <si>
    <t>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</t>
  </si>
  <si>
    <t>b'\x153S\x8a\xe0\xc5\xc3\x84+\x07\xdd\xab\xdb~\xb3\x84'</t>
  </si>
  <si>
    <t>le value of a companyâ€™s founder. In
 some ways, Steve Jobs and Bill Gates were opposites. Jobs was an artist, preferred
 closed systems, and spent his time thinking about great products above all else; Gates
 was a businessman, kept his products open, and wanted to run the world. But both
 were insider/outsiders, and both pushed the companies they started to achievements
 that nobody else would have been able to match.
 A college dropout who walked around barefoot and refused to shower, Jobs was
 also the insider of his own personality cult. He could act charismatic or crazy,
 perhaps accor</t>
  </si>
  <si>
    <t>b'\x97@S\xeb]QD\x98M\n\xd0tmz\x97\xd7IQs\xd1\xd6\xb2\xd9\n\x84\xf3\x02\xa0}\xc2\x0fL\xc0x\xf1\xaf"?\xb96=$\xdb\x08p\x93#H\xffjk\xbfD\x9eli\xb6#\xb4i\x90\xe39d.\xce\xc1U0\x98\xa6\xb4\xac\x8d\xb8&amp;\xc2G[\x86\xd34\xa2\x99\xe9\xcf\x97\x8d\xcbR\xd6\x9f\x19\xdc\rs\x9e\xe6.2X"&gt;\x8c)\x1f\x00p\x82K\xc2\xd4\xdd\xf3h\x8e\x85S\xd3\xc5\xd7\xa6\x8a\x0bV^&gt;\xedN\x17\x9a\x1b=!2pc\xcc&gt;\x7fT\x0bi\x1a\xecH\xd0\x103\x9b\xf6\xa6\x07\x8fvk\x8c\xa0-\xeav\t\xbcV~\xad\xf2\x8d\xf8\xd5)\xe2oO\xc4\xa0\x1e\xf3\x020\x0b\xf2\xa1\xfe*\x8eS\x9f\xa7\xd4\x13\x8a\xbb\x90\xd2\xb2m\xc0f\xff\x88\xcc\rL\xfd\x0f\x9b&amp;B%\xa9v\xa2\xd8\x87\xec\xea\x19\x01\x86\xa9\x99#\xdd\x91TX\xb2\x0b\x06\x98C\xe1\n\x97\xe2Y\xdb\xd6\x00"O&lt;_n\x1e\x19\x99\xcfG\x07\xea\xeb\x1e_\x19Z\xacin\xef`0\xfb\xb6\xae\xc8\xa1\xdc\xf2\x05N\xe8\x11\x06m|\x98kV\xa6\x9a8Q\xf9\xf2+\xda`\xd9X\xcdh:\x82\xa9u\n\xb9\x9f\x02\xd72wf]\xa9&amp;\xeb\x7f+$\x93\x993\x99ciD\xb4\x1ae\xbfVwc\xc9}\xe8\x03|\xcbb\xe4c\xfeB%$C\x05R;\x0c\x0c?\xbd\x0c\xa8\x8fPg\xe0rWr\xbda\x0eI\x05\xb8\xc5\x96\xbe2)\x16W=\tqZ\x80\x97\xadO\xae&gt;\xb1\xda\xe9&gt;T\xba\xc0J\xf1\xa8\x8e\x10\xe1\xc4\xad\xfbr\xb5Bd\xb8\xfaMlNi.\xaa\xdb\xbf\xf9Q\xcf(T\x86\xb2&amp;\xdd\xbfP\xfe\x86\x90\x95\xe2I\xbb\x08\n&gt;\x80\x19?i\x8e\xb7q\xc9\x98\x8bs*Xj0u\x84\xc0\x80\xa4\x93l\x07S\xa3TyR\x96\xb94\xe0Q\'\xe6\xd2oC1\xea\xf3u\xe8\xc4\xc9\xa6\x82\x87\x88\xc1&gt;\xa2A\x8a\x0cZ\xc7\xc2u\xac[\r&gt;8DM\xa5 \x0f\xa4h\x1fg(U\xdd\x1a?r\xe0nOjt~\x0br\xe6|\x01^\x91%.E\xb9`H\xcdaRg\xb2\xbc\x03\xda\xf4s\xd8\xc4\xe2?\xf3\t\xfe\xb5\xaf\xa0Ch\xd4\xb8\x0bO.\xdd\xd0\x85\x01f&gt;w\xdd\xe2!4-\xbc\x1e\t\x1d\xdcS\xf9F\xddc\xeb\xc1&lt; P\xd8N\x8dR\x8a&lt;\xc5\x1e\xd8'</t>
  </si>
  <si>
    <t>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</t>
  </si>
  <si>
    <t>b'\x97@S\xeb]QD\x98M\n\xd0tmz\x97\xd7'</t>
  </si>
  <si>
    <t>lai) in 200 CE the strategos and his
officials had administrative control over the entire nome, including the nome capitals,
the metropoleis. The elites of these cities were styled â€˜â€˜metropolitesâ€™â€™ and were the
descendants of the Greek settlers of the Ptolemaic period; no descendants of mixed
marriages were allowed in this class and males around the age of 14 had to undergo
the process of epikrisis (verification of status). Among them there were other elite
groups, perhaps with more privileges, called for example</t>
  </si>
  <si>
    <t>b'\xb8\x878\x13+*}\xfa`E\xf6\xb7\xbc`"\xf5\x17#?\x9a\xccH\xd8\x934U\xb0+\'~\x9f2\xa4\t\xeb\x07{\x07\xafp\xd62\x04\xba\x91\x18]M\xb0\xf0&amp;X\xe0\xb8\xe9\xacBe\xe0\xae\x86\x92\x1b\x1dF\xb7\x15J&lt;"\x19-\xd8\x93\xba\t/\xc6 \x829\xd3\xb5\xba\x0b\x10?\x1a\xb4n\xcfZ\xa0o\xb5\xba\xc7\x1e\xe3\x8a\xabO\x86\xf1\x9c\x83V\xb5Qn\x19\x9e\x0f\x85;\xd9Z\xba\xb7\xb4\x16\xd8c\x95a\x94\x85\xd4\xc2\x9f\x0f\x89\nq\x19\xdd\xc2w\xf4sc\xe1\x07&lt;\x98\x92\xf8\xcc\xce\x07\xda?TF\xb8\xefSo\x00#x\xec\xd9\xf9#\xe9\x81\xbbm\xf4Ltx`\x80\xf7.8&amp;[e\xac\xdc\xdcO\xad\x07\xf6\x08\x92R\x0e\xdfA\xc6?(xU\xabl(R\xc8Sl\x98\xa2\xa2?\xe2X\xd5vE\xa9\xd1U&amp;\xd9\x02H\x0f\xf9M\x87\xd0b\xdf\xb6&amp;\x10"\xb0gb\xdc}\xb7\xab,\x10\x03i`\x1b\xce^h,\xa1&lt;\xc7\xa0%\xd6\xc6\xa3\x05\xe6BI\xdffm\xed\'\xe3\xea\x93}\xde\xd7\xcd0"\x8b\xd7\xc3\x96\n4\xcf\xea?\xe4\xa0\xfc\xfb\xb9\xc9\tLr\x1c??\xb0\xda\x1dpoL\x16\xcc7\xec\xd7?\xfe\xdc\xaa\xc8\xf4\xed\xac\xbc\xa0@c\xd0\x0f&lt;\x1c\xda\x93!h^G\x93\xea\xf2\xcc\x9c\xbf\t\xae\x86\xdd9\xe2\xef\xd1\xa5\xbd\xf0\xb5\n\xd5\x13\xd6\x8a\x91h\x89=2\xfcx\xdd"\x1d~J?\xed\x13D\xf8\xa57w\x0fG\x11\x02\x8b\xeb\x13\xfc=\xa0\xd2r~\xc5\x9f\xd8"\x83\xa9\xbc\x0e\x8d\x90f\xab\xces3\\\x9b\x93\x165\x9c\xc4]\xb2\x98\x88\xac\x10}\x1a&gt;\xda\x83\xa0\xa5r\xd9ID\x1b\x8bw\x86\x13v\x88\x91\xbc\x98\x8d\xf1\xd3\t\xf0\x1b\xd4\x00j\x9d\x98\xb8xJ\xcd\x8d\x81\x85V\x96\xb2z\x8d]\n\xea=W\x1a\xe5\xe5n\xc7\x9cz\xa1\xd5\xf3\xb7\xbd\xa4\xd9]2}\xe8\x1e\xe2\x85g\xd6\xbfv\x99\x8c|\xf0B\x8e\xa7@\x15\x8f\xbb\xe0\x1a\xab\xec\x8e\xab\xf7o\x9b\xa0\x89kgU\x0e\x9f\xe3t\xa6p\xbe\xf2\xe3\xb9\xc0\x84\x8d\xec2c\x1c\xa0\x03\xcdA\x12f\x96&gt;N\xc9\x80n\xecR\x89\xab]C\xfa\xc5\xce\x00LLOy\xa8\xb1'</t>
  </si>
  <si>
    <t>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</t>
  </si>
  <si>
    <t>b'\xb8\x878\x13+*}\xfa`E\xf6\xb7\xbc`"\xf5'</t>
  </si>
  <si>
    <t>med to melt his heart, and the frenzy of despair yielded to
 tears. After a long pause, turning towards her and taking her hand, he
 said, in a softened voice, 'Emily, can you bear that we should partâ€”can
 you resolve to give up an heart, that loves you like mineâ€”an heart,
 which, though it has erredâ€”widely erred, is not irretrievable from error,
 596
 as, you well know, it never can be retrievable from love?' Emily made no
 reply, but with her tears. 'Can you,' continued he, 'can you forget all our
 former days of happiness and confidenceâ€”when I had not a thought,
 that I might wish to conceal from youâ€”when I had no tasteâ€”no
 pleasures, in which you did not participate?'
 'O do not lead me to the remembrance of those days,' said Emily, 'unless
 you can teach me to forget the present; I do not mean to reproach you; if
 I did, I should be spared these tears; but why will you render your
 present sufferings more conspicuous, by contrasting them with your
 former virtues?'
 'Those virtues,' said Valancourt, 'might, perhaps, again be mine, if your
 affection, which nurtured them, was unchanged;â€”but I fear, indeed, I
 see, that you can no longer love me; else the happy hours, which we have
 passed together, would plead for me, and you could not look back upon
 them</t>
  </si>
  <si>
    <t>b'}\xc0"\x1c \xe7\xec\xd4\xa1\x1f\x047t\x02\xcbjl\xf88Y\x90\xe2\x08\x87\xba\x03\x91\r\x91\x9c?\xa9\'\xc9\xe0\xe52\x92\xac&gt;\xaf\x18\xf3\xb8\xbe\xb8:3\xe5z\xf9=\xcb\xe1/V\x11K\xbf\x91a\xed\t\x1c'</t>
  </si>
  <si>
    <t>7dc0221c20e7ecd4a11f04377402cb6a6cf8385990e20887ba03910d919c3fa927c9e0e53292ac3eaf18f3b8beb83a33e57af93dcbe12f56114bbf9161ed091c</t>
  </si>
  <si>
    <t>b'}\xc0"\x1c \xe7\xec\xd4\xa1\x1f\x047t\x02\xcbj'</t>
  </si>
  <si>
    <t>ould be specifically chosen as early as the first century because, aside from the
epigraphic evidence of equestrian officeholders, Tacitus tells us that men could
chose between equestrian and senatorial careers â€“ but he does not tell us more than
that. In 1950 Pflaum attempted to fill in the missing information when he essayed to
update Otto Hirschfeldâ€™s fundamental study of Roman administration (Hirschfeld
1905). Pflaum felt that Hirschfeldâ€™s book suffered from a number of faults, not the
least being that â€˜â€˜there was an absence of precise classification of the different posts in
the procuratorial career, a task rendered impossible, Hirschfeld thought, by the fact
that there was not a fixed hierarchyâ€™â€™ (Pflaum 1950: 1). There was good reason for
Hirschfeld to think as much. For one thing, there was no fixed order of promotion
into the lower ranks of the procuratorial career â€“ men could enter either of the two
first levels (those with salaries set at 60,000 or 100,000 sesterces) from military
commands such as the command of an auxiliary cohort, or service as a military
tribune or chief centurion of a legion (primus pilus). If there was no fixed entry
point, it might stand to reason that there would be a certain amount of fluidity in the
system all the way along.
Even admitting that movement from the lower into the upper ra</t>
  </si>
  <si>
    <t>b'\xd8P\x1c\xeb\xba\xa0/\x9b\xca;s_\r\xcf\xf7M\xdeI\xc6$\x1a\x16\x17\xc2\xea\x00O\xe3\x05\xec\xc9\xa5\x8a\x1coB)Y\x84\xba\xd1\xaa\xc8V\xd6\xf2y\xb2\xf4O}\xd4_\xd9\x1e\x95K\xb5\xf3G3\x9f\xca\xacR&amp;\xe1\xcd\xb1w\xf1\x03|c\xef\xfdH\x96\xb6\x04/\xfb\xbf\xa3\x06fp\xa6Bu\x05_;\xd4\xa8^\x93\xcc\x12\x1f\xaa\xf0\x03\xf4k/0\xac\xdf\xda=\xcf\xa4\x12\x01\xd0Kq\x87\xeb\x7fKr\x19[W9\xf9\xa4\x9a\xacs\xf8\x82Q7X\x0f\xa5\x0eQ\xb5\x9a+\x9bu\xc4\xca\xe5\xab\xaf\xc8\xb7FKxj\xde\xb4\x98K\xdf^\n\xb1\x82\x9ds\xb6\xfa\xfa\x94\xd2\xb3\xd5\xdcsA\x16\x16mw\xa4&amp;I\xd8X\x8fa8$#H\xdcq\xb7\xc7o \xb5`\x86\xf5+\xe9\xfe\xff\x0c\xd4f\xe3\xe0&gt;\\\xcaS\x9a\xa0\xde"\xb93\xb3\x96?\x18`\xe7\x1f\xae\xe8:\xef\xd1\xda\xdfu\x88{y~g\xeb\x05A\xa5&lt;\n"1\x92\xa8\x1c\x9a\x7f\xcews\xd1\xd5Uu\xab^\x91\xa4\xa2*W\xf4Ys\xf1\x02O\x10I\xec\xcd\x87Z\xfcZ\xee\x16\xd2U\x9e@\x05WA9\r\xef8Y\xd4\x13\xabF\xca\xa7\xe8\xd3\x05S\xa1s:\xcc\xbb!\xa6xx\x1a#g\x9f\xa4\xd8\xb7F\xfd1\xc4\xfeH5l\xac7\xc5\xde#\x9e\x8b\xa9Ke*5o\xd4\x18\xd8\xf9\xc4\x0f\xe2Ce\xc2\xf925\xa5\x02b\x0e\x9c&gt; w\x98\xba/FU\xa7/\r\xb9\x0e\x1c*\xfd\xde\xe7\x9bU\xb6\xd3\xb3T\xec\xe1\xf8\xa7\xb224)\x8bN+\xf3\xe3\x97\x8c\x88]\x8a}\x0b\x02\xd7\x0c\xc0\xc62\x7f\xf3\x16\xde\xd0"\xad\xa4\xab\xd93fs\xfb\x83\x03\x15\xa1\xda\x0b\x8c\nR\xd0}\xf8\xa4\xe9Y\xf27@\xc5\xa26\xdd\x94\xdb\xd6s\xf0\xe4\xb2f\x9b\xcfW\x84\x1c_\x18\x9c\x8c\xa0\xb7Y\xfc\xbdU\x0b\x9b\n`\x94\xd4\xa5\xd1c\xb9M\x9c\x08\x8bw\xdaz\x89#s\x1eoZ\xd9\xc6\x96\xb7\x93U\xa5\x07\xec\x89\x1c\xb7\xc4\xc9,\xad\x14\t6\xae\x1b\x04\xf4?[\xcf\xd5X\xb8\xddJ\xcae\xd7\xe9,:\x02X=16l\xfeY)\xfbX\xd1JV\xee\xb5#?\xfb\x007u\xe1\x9e\xb2\x0ek\x07\xca\xd4)k\xf6\xf6\xde\x19\x15\xfeLO\xfc\xda%\xb1\xeej\xb5@ZS\xd6\xaa/\x0f\xcdo\x9f\xf8P\xcd\xb2@\xb1@\xa0\x7f\x06o\x89,`\xa3\x10RQ\xd94\xbf\xe52z\xb3\x8e\x18@p\x86D\xc71A\x82\xb1\x8b\x8f\xba!\xbb&gt;\x8bQ\x84\n\xdd\x19\xb5I*\xff2\x0c\xb9\xbd\xb8\xabi\xbao\xd8&gt;\x018l\xb5\xee\xb2\xf3H\xae(\xaa\xd0\x8a\x7f\xfe~\x86\xd7\x0f\x04\xc6\x11\xea\xa5\xdb\xaf\x18Z1\x87y\n\x9f\x16\xfc\xd4j"\xc1\xcc\x90\xdcM\xab\xe0\xc4!\x9d&lt;\x1d\xce^\xd4_\xfaH\x04!C\xa6S\x8c\xd7\xf9\x9e\x98I\x06\x089\\\\\xf4U\x9c\xd9\x18\xbc\xbe\x1a\x1d\x05x\xdbd&gt;\x01\x12\xf25\xd1R\x8ed\xb0`\xf6/L\x1e\xd7\x9fx\xfd\xe9\xe4\xf6\xd3\x1a\xe1D\x08\x0b\xb4\xf4\x1e\xcfO\xe4\x12\xe01\xa2:$\xfa.\x894In\xa7Z\x90t\xc4\x9b]\xc3\x08\x15\xa0\x0b\xa8\xcc\x0e6\xe0O^\xe7m?]\xe2?\x86\x07\xb6\xd4F\xf3St\x85&gt;\xf4Yr\xd3\x00\xf6|h\xd0\xf0\xce\xa2\xf9&lt;I\x9e+\x00\xd3\xa8\xd4M\xc1\x13\xef\x17\xbc=\x9b\xe5,`\x8d\x941\x1952&gt;O\xb6\xb9\xda\x06s\xec~\xfac\xf2e\xd0\xc6\x18\n(3p\xd7/\xd0\xefP\x18\xb1\x9b\xed\x8a\xbcES-\xb9\xff~\xfaEpsd\x07\x99\x00\xd4\xa5\x1f\x97p0\x92\xaeP\xe9\xfc\x06\x8b\x19\xdb\xb6X\x83q\xac\x07\x8b\xc0x\x051\x01E\x1eG\x97\x0cY\x93\xb7A\x86\xdf&gt;\xc5C\xcc\xc2\xfe\xa4a\t\xd2j\x8a$2\x87O\xf3\xde\x1eJ-\xf0\x8c\xb9\xc5\xf4\xe6.\xd4\r`\xee\xec\xa4\xf0Q2\x0fSc\x0b\xbbq\x10\x8a,UCu\xbdN \xdaSv,\x13\x19\x898\xf5\xf9\xc9.4\x92\x0b`\xfb\\\xd5{A\xc2\x02\xbf\x1d"\xb8^\xc8|\x16\x9b\xf1g\xd2&amp;!Y\xb5\x1b\xb8\x15\x87\xf7Q\x1aJ`R\x07\x8d\xf9\x9bn\xd0\xe8\x19\r\xde\xc4\x9d[\xb9\xd9\xac\xe8\xe6\xa2\x90\x18\x8e\xf8KX\xc2\x9b\x92\xb8p\xf3#b)\xf5\xb2\x16\xdc\xefS\x00x\xd4w\xbe\nLp\xb3&gt;/M\xd3K\xeb\xa5\xe5\x13\xe0r&amp;E1\xa7\xaa\xef}N\xb1\xf8]\xa6\xb7\x81\xde)\xba\xc2\xaa\xa1\nL@\xaa[\xb7=\xe2\xc7\n\xe4)N\x94\xc9,0\x03o\xfe\xf2\xbf\xd0\xa5\xe0\x84\x11\xb0\x93\x0b-7\x1e\xaf=\xe0g\xbd\r\x03@\x81\xa5\xce\x80,\xab\xa5*r6\x8dp\x04\x82v\n\x8b\x9f\n\x8e\xb7]0O\xf2q\xa3\xdc\xe7,$\xa4\x0f\xecsx\xdb\xf0\xf0o\x8d\x95\xc8\xe6\x94\x9a\xeb\x05\xd7Y\xaf\x0cr\xf6\xa5K\xed\xf0\xa1\xc3H\x1f:\x11T[!\xf7\xdb \x05B\xd4\x0b\xc7\xe2\x9b\xe9\xacL\xa6\xee\xc8ml\xd7\\T\xc7H\xa2\xf9\xcef\x83-\x8d\xa5W\xf3\x1ec\x02\xeci6\x93\x06$\x18Sa\x8e^z\xf0,\x8f\xdb\x0e/"\\\xa7\xa9\x0eT)s{Y8\xf6`\xdf\x7f\x9e`\x97\x19\xb5,"le~\xd5=\x1b\xfc\x95y\x12\'\xfd4\x84U\t\x0e\xd9\n%\x00\xed\xbc\xc6\x06&amp;\xf0(N\x87\x91&amp;I\x89\x89:\x13g\xb1\xf3\xa0\xbf\xc1]K!D\xfe^\x82\xc6\x8c\xe3\xe3?\x9cg\xe2V\x80EH\x8a)W\x1504"\xbc\xe9)\x1dP\xfb\x9f\xe1\x97\xafl3|=HhX)\x16'</t>
  </si>
  <si>
    <t>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</t>
  </si>
  <si>
    <t>b'\xd8P\x1c\xeb\xba\xa0/\x9b\xca;s_\r\xcf\xf7M'</t>
  </si>
  <si>
    <t>dom of capital movements within the EU, there
 seemed to be little to gain, and much to lose, from keeping national currencies with
 fixed (but adjustable) parities rather than irrevocably locking parities through a single
 currency. Any system of fixed exchange rates among distinct national currencies
 would be subject to ferocious speculative attacks, as in 1992â€“1993. If Europeans
 wished to combine permanently fixed exchange rates with freedom of capital move_x0002_ments, a single currency was the best way to accomplish this.
 6Denmark and the United Kingdom, however, ratified the Maastricht Treaty subject to special exceptions
 that allow them to â€œopt outâ€ of the treatyâ€™s monetary provisions and retain their national currencies. Sweden
 has no formal opt out, but it has exploited other technicalities in the Maastricht Treaty to avoid joining the
 euro zone so far.
 564 PART FOUR International Macroeconomic Policy
 4. As previously noted, all of the EU countriesâ€™ leaders hoped the Maastricht Treatyâ€™s
 provisions would guarantee the political stability of Europe. Beyond its purely eco_x0002_nomic functions, the single EU currency was intended as a potent symbol of Europeâ€™s
 desire to place cooperation ahead of the national rivalries that often had led to war in
 the past. Under this scenario, the new currency would align the economic interests of
 individual European nations to create an overwhelming political constituency for
 peace on the continent.
 The Maastricht Treatyâ€™s critics denied that EMU would have these positive effects and
 opposed the treatyâ€™s provisions for vesting stronger governmental powers with the European
 Union. To these critics, EMU was symptomatic of a tendency for the European Unionâ€™s
 central institutions to ignore local needs, meddle in local affairs, and downgrade prized sym_x0002_bols of national identity (including, of course, national currencies). Germanyâ€™s citizens in
 particular, scarred by memories of severe postwar inflations, feared that the new European
 Central Bank would not fight inflation as fiercely as their Bundesbank did.
 The Euro and Economic Policy in the Euro Zone
 How were the initial members of EMU chosen, how are new members admitted, and what
 is the structure of the complex of financial and political institutions that govern economic
 policy in the euro zone? This section provides an overview.
 The Maastricht Convergence Criteria and the Stability 
 and Growth Pact
 The Maastricht Treaty requires EU countries to satisfy several macroeconomic conver_x0002_gence criteria prior to admission to EMU. Among these criteria are:
 1. The countryâ€™s inflation rate in the year before admission must be no more than 1.5 per_x0002_cent above the average rate of the three EU member states with the lowest inflation.
 2. The country must have maintained a stable exchange rate within the ERM without
 devaluing on its own initiative.
 3. The country must have a public-sector deficit no higher than 3 percent of its GDP
 (except in exceptional and temporary circumstances).
 4. The country must have a public debt that is below or approaching a reference level of
 60 percent of its GDP.
 The treaty provides for the ongoing monitoring of criteria 3 and 4 above by the
 European Commission even after admission to EMU, and for the levying of penalties on
 countries that violate these fiscal rules and do not correct situations of â€œexcessiveâ€ deficits
 and debt. The surveillance and sanctions over high deficits and debts place national gov_x0002_ernments under constraints in the exercise of their national fiscal powers. For example, a
 highly in</t>
  </si>
  <si>
    <t>b'0D\x02 a\x00\xaf\xb11\xf6\xd9\x92uJ\x85bX\x97\xfc\x18\x99\x18m\x00\xa4\xca\xe6\x06.\xa2L\xb3\xb8\xb7Y\x9c\x02 \x1e \x08\xaa\x857\xe1\x15-)\x92\x90(`\xbc\xb5Ip1oXi\xd0=\x08\x811\r\x11nL+'</t>
  </si>
  <si>
    <t>304402206100afb131f6d992754a85625897fc1899186d00a4cae6062ea24cb3b8b7599c02201e2008aa8537e1152d2992902860bcb54970316f5869d03d0881310d116e4c2b</t>
  </si>
  <si>
    <t>b'0D\x02 a\x00\xaf\xb11\xf6\xd9\x92uJ\x85b'</t>
  </si>
  <si>
    <t>systems with few hormones whereas a large
number of chemicals act as hormones and provide coordination in the
vertebrates. The human endocrine system is described here.
CHEMICAL COORDINATION
AND INTEGRATION
CHAPTER 19
19.1 Endocrine
Glands and
Hormones
19.2 Human
Endocrine
System
19.3 Hormones of
Heart, Kidney
and
Gastrointestinal
Tract
19.4 Mechanism of
Hormone Action
2024-25
240 BIOLOGY
19.2 HUMAN ENDOCRINE SYSTEM
The endocrine glands and hormone
producing diffused tissues/cells located in
different parts of our body constitute the
endocrine system. Pituitary, pineal,
thyroid, adrenal, pancreas, parathyroid,
thymus and gonads (testis in males and
ovary in females) are the organised
endocrine bodies in our body
(Figure 19.1). In addition to these, some
other organs, e.g., gastrointestinal tract,
liver, kidney, heart also produce hormones.
A brief account of the structure and
functions of all major endocrine glands
and hypothalamus of the human body is
given in the following sections.
19.2.1 The Hypothalamus
As you know, the hypothalamus is the
basal part of diencephalon, forebrain
(Figure 19.1) and it regulates a wide
spectrum of body functions. It contains
several groups of neurosecretory cells
called nuclei which produce hormones.
These hormones regulate the synthesis
and secretion of pituitary hormones.
However, the hormones produced by
hypothalamus are of two types, the
releasing hormones (which stimulate secretion of pituitary hormones) and
the inhibiting hormones (which inhibit secretions of pituitary hormones).
For example a hypothalamic hormone called Gonadotrophin releasing
hormone (GnRH) stimulates the pituitary synthesis and release of
gonadotrophins. On the other hand, somatostatin from the hypothalamus
inhibits the release of growth hormone from the pituitary. These hormones
originating in the hypothalamic neurons, pass through axons and are
released from their nerve endings. These hormones reach the pituitary
gland through a portal circulatory system and regulate the functions of
the anterior pituitary. The posterior pituitary is under the direct neural
regulation of the hypothalamus (Figure 19.2).
Figure 19.1 Location of endocrine glands
Testis
(in male)
Ovary
(in female)
Adrenal
Pancreas
Thyroid and
Parathyroid
Thymus
Pineal
Pituitary
Hypothalamus
2024-25
CHEMICAL COORDINATION AND INTEGRATION 241
19.2.2 The Pituitary Gland
The pituitary gland i</t>
  </si>
  <si>
    <t>b'\xac?\xac\r\x9e\\G\x9b\xb4\xcca\xf2${B\xde\x8f]=\xdc~[\xf6| \xf5\xec0Q\x1f\x00tM\x8a\xdev\xdb\x9a\xb4\xdb\x99\x166r\x0b{\xd3\xcd\x93\x18\xcdg\xe2\xc8\x8a\x9c\xcf\xd8\xf2)F8\x19\x9a\xbb&lt;G\x0f\xe5}\x0b\xdd\xae\xf3\x9d\x04\x908\x9e6\xd5\xbb\x0f@q\x0c\x85\xd6\x95\xe7\xa5\xa3KAE\xb5YcN\x05\xf9ON\xe1\xfb\xbd\x8c\xbb\x16\x82Y\x18\xd9\xa9\x0b[/1{-\xa960\xb8|1}\xccP\xacj\x8b\xb7\xe2\xa5\x177\xfc|\x1d[Y\xb1\xba\xe0v&gt;zaT\xec\xc1\xd8\xeb\xed\x97l\xe94&amp;\x02@\xc6\xd8\x06\xca\x10\xfa\x9fx{|\xa4\xe5\xfb\xe7\x86\x8eS\xa9\xfa&gt;9\x9c\xaam=e\xc4M)\xec|H\xa5p\xf7\xaf\xb5\xb0\x98\xddP\x80\xf59\x19H\x14\x19\xfb\xe7\xccMZ\xcd\xa82\x10\xa0\xa9\x1d\xa2s8I}I\xb5u\x17n\xa5@\xfb|xb\xfesL\xb9\x0et2\xc8\x83\x1bjH\x0c7Y\xab\x10\xb0\x8d\xee-\x8a\x00\xaa\xea\xa1\x06\xfc\xcb=\x1dV\n\x11n)\xc9\xd8\xcb\x9d\x89i\n\xa5\xd8&gt;\x15\xd0\x14\xf5:i\xce\xff\xabr\xd6\xe8\r\xe6\x00g\x89\r\x1e\x0c\xb2u\x8b8\x03\xe0\x93\xfb\xf1\x7fO\xf4&amp;\x11\xfaV0\xba\xe3\x08C\xe3\xb3J\x17\xd5\x8bR\xa2\xbf\xc2f\x97\xcdP\xa87\xd3\xd3k\x04(\xa7\xff\xd8j\x90\xda\xddH\xf7\xed\x0f\xa0\xed\x1bR\xfd@\xb6,\xb0\xa6\x9a\x7fM\x9a\xe0\xc9\xa2:\x82,/1D\xe1\xd3\xf1\xe6\xdd\xd0\xe0\xaa\x11-P\x10\xbbTC\x1afH\xcf\x11\xa2!s\xf7\xff\xd1\x8ao\xa0\xf3\xba\xdfo\x97\x8b\x13U\x96\xa9x!\x00_^h\xb2\xf2\xebH{\xa8\xbdHA\xdd*\xaa\x7fJz\x18\xd8z\xfaa6\xb6\x1b,\xff\xfczd\xbc|_{\x8es+q3\x1d:\xa08\x18\xd4\xb3$$y\x8a\x9f\xf8m\xe6\xb1\xee\x12\xa5&gt;\x81\xcfg\x92U\x9e\xc7\xcb\xd4$\xcf&gt;Y\x8e\x92y\t\xe7\xd3B)P\xa6\xdd\xe2w\xa6\xa1\xd6(\xe6\x84TJ\x91\xdd\x17jF\xa3}\x15\x1e\xb9\xcc\xb8\xbe\xa1\xae\x18O\xa1h\xc6K\xd7\xdf\x03\x1d\x01(\xe9~\x8e-\xa4b\xd4Mq\xed&lt;\x92_\x8dZ \tw\x04\x12^r\x04\x01\xd6\x8c\'\xa3\xe7\xf1\xca|\xee0qv\xeaRx8G\x90?\x1d!N\x1d\x91\xa4\xbf\x90\x8a\xaf@\xf6\x0f\xadt\x9d\xbc\xb8\xfa\xce\xbcc\x88"*f\xa4*j\x8c\xe2\x97\x16\xbd/\xdc%\xd01\x80W\x96\xee\xa5\xd9\xf2[\x86\xe1{\x9c\xfd\x943\xce\xf7\xf4}\x97Q\xdeR\x1b\x10\xfa\x8a\xd2\xd9\xd2^A]!\x0f\xf4G\xdb\xd8\xbf\xcf\xbc\x18\xc1\xf1\x0f7\xf9s/\x08LS\xd1\x82+nZ\x9e\x8a\x1e9qv\xa0\xfd\xbc\x0c=+~\xfe\x8c\xb3\xcc\xd5\xadt\xe6S\xce.\x8ft\xf7J\x1d\x0c\x8c\x97\xf3\xaeJ\x1c\xc6\x16Cw\xcf\xa5\xf9n\x8e\xc9\xfaY\x94t\xfa\xdf\x9d\x8dc\xe5\x1d\x07\x97\xa0\x87u\x01\x8e\xb6Y\x91^\x97\xe5\xb3\x1b\xa0\xd7\x0f\x18\x9a\xc1RR\xff@\xad\x94c`L\x1c\xc0B\xa1VfO\xcf2w\x97\xe0\xa0\rI\xeb\xbda\x94Ll\xbf\x7f|[;l[\x81a\xcc\x10\x90\x05\x93=&lt;\x9d^\xa5k\x1e\xb7V\xfe;\xd5\xe6X\x1f\xb3\xce\xc0\xce\xb4s\x18\xccr\xba&lt;\xd0\xe4\xc31l\xf4^\xe0\x06\x18\xce\x06\x13\xd8\xb8\xaf`|N\xc1\xa9\x9eK\x1e\xf7l\x15\xb2\x0c\xe5lg\x89\xfd\xafG\xc2\xb7\x83\x18\x022\x06\x11\\\xb3\'L\n\x00X(\xf2O~\x81l\x01\xe50\xc3n\x83\xd7\xeb\x00\x02\xea\xe2S\xb8\xdd\x83}K\xd6\xbb\x86,\x86Q\xecIU\x17\xe7G\\\x9f0\xfe/\x01\xb4\xd7\x05$v\xb7\x8f\xe2\xeer"x\t\xf2\xcd\xe3i\xc5_\xb3\x02k&gt;\x1em?\xbar5\x9c\xd8\xd5\x83^\x9ca\x15VT\xc9\x9e\xe6\xb0\xb1\rK\xb5\x1a\x03qM\xc3g)\xe4\xc1\x83\x86\x82\x1c/\x01\x1e\xc0\x98\xd1\xa5\xe8\x97\xd3\xae0\xa6Kt]2\xb0!{\r\xc9\x17}\x15\xb4e\xb6\x19\xd2+&gt;Yn7\x86\x19L\xc9\x16\xbf\xf7\x7f\xcf\x8fI\x9d\xc0c\xfd\xa4\xfagu%\xc8E6)@/L\xaa\xdb\xf3\xe9\xe1w]\xb4\x12B\x02\xaaH\xba\xa2g\x8a\xdaCt\xb0\xffTl\xa2\xab2\xdc\xff\xf7Q\x9a\xc2\xdd\x8f\x07\xa69\x02\xcdC\xfd\xb8\x92\x7f4\xd6\xd8\xe1\xbb\xfe\xc8\xae\xd4\xba\xb8k\xf5\x03\xf58\xc6f\xd9\xc4J\x0b{\x18\x123^c\xf7\x88\x8d\xe2D\xb1&gt;q\x17\xa3\x9e\xad\xaa\'\x92\xe8\xdc\x89\xb8\xdf&amp;\x8d\xe0\xee\xd4\r\x95G\xf8OC\x9f\xc8t\x82a\n[ \x8b\x1dO,\x14\xb8\xdd,\xfd\x97\xf4\xb1k\xd0\xfdn!1\xac\xc8n\xa5|!\x15\xb2\xc3\xccC&lt;&gt;f8\\\xfa\x91\x04\x18h\xf0\xf8\xf5\x99|\xca\x9dk\x89\xb0\xd3\xc9T\xf9!\x1b/\xafP\xe2,\x14[+C\xd3\xfaFdE\x9b\x9d\xcd\xb3\xbe4\x01\xc0\x10\xf9\x93\x8a\xa1;g\x96;f\x9b\x816\x8f4\xdd\xf8+\xef3\x81\xb9\x8c\xf5\x07\xa5EE\x89\xb0\x85L{\x172\xc5yb\n\xcf\x84D\x8fo@\xce\xe9&lt;\x1e\xd6\xcd\x1c\xcf\xbe\xe9\x03\xca-\xf4\xabE\x92,\xea/7\x0c\xe4\xba`\xd5&amp;\xcf}_\x8c\xfc\xdc\x8a\xc0\x92&amp;+C\xcfk;\x8cf/\x02\x82\xf9\xf3\xd9\r/\xbb$\x8f\x03\x1d\x1a\xfc7K\x95o,`\xcc\xfd\xd6\xd6\x06\x9dp\xd0[3R\xa5\x99\x0cuV\xe3{\xe0]\x02f\xeaQ\x87\xa9\x95&gt;I:\x84\xd5}\xdeU G\xb4\xfd\xa4a\xdd\x92a\x92v&lt;E\xaf)\x9b\xefi\xc6"\xe9v\x03C\x14\xa44\x0ez\x06\x88y\x7f0\xdb$\x1ce\xee\\\xed\x8b\xd1\xc6\xb1\xf9\x95\xa2\'\x08;_-\x92\xf9A\x9ay[\x16\x95\x9a\xbd\x1b\xa5\xa0(}\x02\xae!\xbf\x10\x8a\xc6\xb2\xd8\x83v\xcf\xdc\xaa_P\x15\xe4\xa9\x87_\xf9\xebNOt\x06b\x15\x8a\xc9\xb1\xf7\x05\x88j\x98\xfd\xff\x1a\xcd\x19#\x90r\x1d\x1c\xcc&lt;\xe6\xdc7\xf5\xc6\xec=\xb1T\x9e[M\x11\xf1{\xf8\xb0Dd\x9e\xf7\xcf\xb8(\xfb\x8a\xbc\xc1\xa8\x97H\x12\xbd\x1fy\xd7\x99\xad\x7f\xc2\xea\x94\x07\'\x98\x11\xc8\xdaI\x93@P\x94+\xec\x08\xb5ul\xe4\xec\x88\x1c\xce\xa1\xc4\x94\xd3\x86HB\xd0\xb3[\xba\xdd\x85MCM9\xf3\x99z\xf74\r$@\x9b\xd1\xcc\xbf\x04\xbce-\x9b\x19\xd48\x1du.Z\xd9\xd30\x9b\x9bW\xa0X\x17\xdf\x1c\xb6\xef\xa9I$\xa6\x0bi\xbb\x1f\xbbo\x9b\xceG\x19\x03\x80\x85\x9c\xa6\x97\xbf\xb1\x1bS#\xe5\xa1\xb0\x02n\xc9\xce&amp;9\xee\x19w\xef\x98ssvZ\x8f\xc3\xdd\xfd\x1aH@\xdf\x0e\x05\x01\xdd\xed+\xc0w\x02M\t\x1b\xf1-&gt;\x16V%\x83\xe1\xcf\xf5\x9d\x86\xf3\x93W\xda\x17\x9ba&amp;3\x15\xe6\x9f;n\x87\x97\xf2\x84\xfd\xe0\xfc~$\xb21\xa2\xe3.\x9e4\x02\x00F\xc2H\xe9b0]\xc1A\x99#1\x1dC\x91\x88\x90\x18\xa0m[^\xdd\x19c\xb3;\x96\x9c4\xbb[b(2\x10&gt;\x9ds\x9b\xbc\xeb\xf9\x93\xe5\xe7\xad\x88&amp;\x17o\x88!g\xceF\xa4;,\xa9\x89\xdf\x80\xdd\xf3\x8cB_\x8a\xfc\xdc\x96\xbf\xd2\xbc\x94\xb6_&amp;\xe2cbU\x13f\xd0\xe7\x14\xa0\x84muREo\xbdx\xa22\x88T&amp;\x04\xc2L\xe6N~H\x10J\x97T\x89\xb5=~\xae\xbc[`\xbe\x1a\xbc\x94\xf2\xb9\x90\xe4\x8e"\x87di_\xb8\xc9\x9bR\x95\x89\x93\x90\xa1\xc4V%a\x7f\x08\x9b\x9d-[}\xa7\xe5)V#\xa2\xef"S$\xc4(\xe8\xca\x17.\x05t\xb0\x12\xeeL@\xab\xaf\xd9\xda\xa6\xe2\xaew5@\xc3\xc0i\xdf:\xa4\x0b\xa4\xba\xf6\xef\xa7\x0c"\xaeNA@\xdb&amp;\xd1_\xdf5\x97\xfd\x80\xd4B\xc1\x17\x802%\xc9\xaa\xdf\xa4=\xa3\x9a\x10X\xb2\xb1\xe1\x024\x8cL0\xaa\xfc\x81j\x0e\x14?`\x00c\xadw\xf7\x99XQ\x86\xe9v:\x18\x90\xd0L\xaf\x86\xe2=\xcdP\xff\x06\x1cW\xa9 \x1d\xc9\x963\x9a\x94\xc9\xa7\xfdt\x9d\x88\xd0\x9c\xd2th|+\x1b\xe0\xcc\x83\xfd\x85\x08\x95\xc5\xfd\x12V~\xd1LY\x19p\xbd\x13#\x9f\x15\x05t\x83-\xda\xa6\xdc\x18\x83[g\x1b\xb5Bi\xb8\xa92\x0e\x82\xd7_\xe2&gt;\xfe\x9f\x8f\x82\xaf\x82P\x0b\x0e\x9bj\x06\x04\x06Jr\x86\xd6\xdfN/\xfd)\xa3\x04\xbf\x1d\xc4\xa5\x1e\xecB_\x9ar\x84\xbe\x17I\xc2m\xe4\x13/UU\x9d\xa6v&gt;jE=\x94\x02\xcb\xc8\xa2\x93g=\x0fy\x03\xda\xa7\xae\xcf&amp;rx)\xcb\x12\xf4\xc2\xa6]\xb3\x80\xbbL\x1c\xa7dpAE\n\xc6\xeeH\x8d\xa9\xc6\xd0\xd9\xe67-:\xf0x\x97q\xe1\x98,\xcd\xb2\x03\xf4\xf0\xde\xa1\x8c\x9c\xcd&lt;\xd0\xda\xb8\x9b\xeea\xfa8f\xf4\xfa\x1au\x92e\xd6b\xc5\x82cI\xea\xddg\x06\xb26Kx\xf6s\x99_\x80\x04\xf0\x06\xc4\x80AYi\x81\x0cO_\xc3\xf8\'&lt;\xef\xa1`\xc7\x06\x9f\x15\x9e\x10\xfcW\\O&lt;0\xba\xad"\xbdLxA\xd0k\xd8\xceA\xf7m\xa9\xcb(F\xb1\x8d\x9e\xd4\x97\xeabqe\x9cZ\xa6\'a\xe8\xb8\x1c\x15-\xf1\\Y\r\xf4^\x1e\x8dL\xa2\x0f\x04{\x11\x87\x9c\xf4cZ-\x9e\x0f\xca\x98\x80\xa9\xb4\xc5\x9c\xfe\xb7\xe3\xe5(}\xcf\xeeta\x04\xed\x93K\xccrI\x07OX\xb4\xf8\x05\x7fC9\xabZ\xef$\xc2\xfe\xf96\x1f\xa6\xfag\xe5:\xc6\x8dv\xaf\xb7\x15\xc6\xcf\xee\xdf\xdc\xdez\xd2K\xce0\x80\xeb/\xa0&lt;k\xa8?nU638d\x02i\x182;\xfc\x1a\x1c\xd1$\xd6\xaa\xc5\xad\x1d\x86\xb5\x89\x98'</t>
  </si>
  <si>
    <t>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</t>
  </si>
  <si>
    <t>b'\xac?\xac\r\x9e\\G\x9b\xb4\xcca\xf2${B\xde'</t>
  </si>
  <si>
    <t>ive on 'em!"
Colin was looking across the garden at something attracting his attention
and his expression had become a startled one.
"Who is coming in here?" he said quickly. "Who is it?"
The door in the ivied wall had been pushed gently open and a woman had
entered. She had come in with the last line of their song and she had stood still
listening and looking at them. With the ivy behind her, the sunlight drifting
through the trees and dappling her long blue cloak, and her nice fresh face
smiling</t>
  </si>
  <si>
    <t>b'5\x99\x1b\xd0\x15=Q\xa9wa\xa8\xd9gj\\\x10z\x82\xa9\xfe\xbcE\xb2\x14\x07\x14\xd9\xec\xf3\xc9h\x03:\xa7\xe2\xa7\xc2\xfa9\x0e\xefj\xf5\xb9\x0b\x9e\x10U\xa3\xe9\xb1\xc1\xf6\x06?76\xf2\x86D\x81\xf9\x18\x9f\x10\xd0\x8bX7\xfa\x82\xe2B)\xff\xb7E\nT\xa4\x88\x06\x8d\xb9\xbbw\xee\t\xda/\\\xb3\x0f)HH\xb73\x80\xb8QoF\x07\xc3\xc1\xe4\xe4\xd6\xb5\xca\xc91\xea\xa4\xf9\xee\x91\xee\xa7\xaa\xb4\xed\xe7\x0f\xfe\xd4\x18\xc4\xd6\xc4lX\tC\xc4\x06\x00o\xd4\xca\xb4\xda\xdf\x0e\xfd\xb7\xdc\x89\x80\xfa\x13\x90\x02*\x16\xa7\xf4P}3\xc6\xbe\x84\x05\x03\x07\xe8\x0eW\x95B\xa7\xb8\xcf\xe7\xd5\xc6\xb0\xc4r\xd6\xc2g\xd4\x88\xa8\xe7\x11\x0c\r\x1c\x1f\xd7\xfa\x13\xce\x9c\xf4\xf7s:,\x84\xee\'\x81@\xe6N\xbbm\xa0\xb3\xe0b9\x99\xdaE\x82$\x057k/\x06\x9c\x02+\xa1|k#Q%L\xcb/\xad\xe2\xb4\x91\x1b\xdb\xe4*/\tiJ\\\xebM\x8f\x81\x88fl\x8e\x82g\x87\xef\x050\xf1}6\x10(l\x9d;\xeb\x13XW\xb7\xbd5y\xe3\xbe\xc3\xf3\xe7{3\xce\x8c\xb5t\xaeG\xc7\x81\x14+\x88"\xd8Q\xcd\xa6\xb4\xd3\x7fcA]`\xa6O\x03g\xb9\x9fO\x80\x16d\xc6\xb8\x84\x10\x1a\x0f\xe9\xee\xd7\xbb\xcd\x83yu\xf4\xc02_W\xe6\x0b\x90\xfa\x8f\xa60qk\xc6\xbd\xf5\xff\xda\x007e\x93\x92\x03g@\x11Q\xb6;\xf5\xeb\x9f\xcf\xbe_\xed\xf0#\xa5\x8fCY\x07L\x13\x98/\x16(\x1dc6\xe8\xd58\x0b\xd4)\x86\x18\xd9\xf7G\xe1\xc8.^\xec\x8a}/G\xb3\x9cR#H%\x93\xe5\xd6p\x95\xc83\xb4\x1d\x9b;\x88\xbd\x98t\xf7Oz\xa3\x120\xc9\x00\xd3\xdfN\x17\x07\xf1\x0e\x80\x127CA\t\xeaM\xd9Pe\x9b\xc4\xab4\x03\x80)b\x96=\x16\x87.x\x10A^\xd0\x06\xdc\x1a\x9b\xdb(\xa4$\x18\x0e\xf6\xa2\xfe\xb4\xbe\x8b\x0b0Pl.\xdb\x8a\x182N\xe0\xb7\xb5'</t>
  </si>
  <si>
    <t>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</t>
  </si>
  <si>
    <t>b'5\x99\x1b\xd0\x15=Q\xa9wa\xa8\xd9gj\\\x10'</t>
  </si>
  <si>
    <t>ou were right, and I was wrong. I own 
 myself an ass, and I await your orders." 
 "No more an ass than I, sir," returned the captain. "I never heard of a 
 c</t>
  </si>
  <si>
    <t>b"9\x87\x90\x11\xec\x1a\x9b\x13\xbcNpiW~\xa0\x04\x1dUb\xb2\xcb\x83\x9d#\x98\xd6}\x84M\xebK.,\x9b\xb2\x1e\xf5\x89\xbbp.{&amp;\x9f\xcd3\x91=U\x12\xb5\xb20\x03\xdeGN\xd7-\xd15\xb4&amp;\xffN\x15I=\xf0OM\xd8M\xfe\x91Prf\xac\x13\xaev\x0e\xdc\x0e\xcf\xcb\xe8S\x11\x8f\x93\xbd\xda\xb2mr&amp;I9\xe4\xce\xa4\xc7\x12\xa0Q.\xd2\xe8~\xf6\xf6N\xcfO\xfd\xd8a\x08\xf9kI\xe6xP\xdc\x08\x0f\x9c\x08\x86\x98\xf0\xe3\x83E\xe3w\x84\xf3\xd2\xb44\x9a\x97\xf1\xcc#\x88\xba\x81\xe00v\x81\x1aU\xaf\x91\xd5r\x0f\xf6M82L\xd7\xa4q\xa4SRpR\xad'\xea&amp;\xa7\xfe\xec\xc8q\xf7j&amp;X\xf6n\x91b\xa7\x7f\xccW\xab\xae\n\xc5\x88\xa7Q\xdd\x9a\xa6\x8e\xbch\xa0K\xc5f\xbf\x85\x96\xb9H\x9dew\xc4\xdd\x1b\x0c\x06\xe6\xb5\xc7\xad q\xc3\xfe\x03O\xb1\xe1\x92\xe3s mem:8&lt; O2\x8ey\xf9\xa0"</t>
  </si>
  <si>
    <t>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</t>
  </si>
  <si>
    <t>b'9\x87\x90\x11\xec\x1a\x9b\x13\xbcNpiW~\xa0\x04'</t>
  </si>
  <si>
    <t>most important
person, in her own opinion at least. A regular snow maiden, with
blue eyes, and yellow hair curling on her shoulders, pale and
slender, and always carrying herself like a young lady mindful of
her manners. What the characters of the four sisters were we
will leave to be found out.
The clock struck six and, having swept up the hearth, Beth put a
pair of slippers down to warm. Somehow the sight of the old
shoes had a good effect upon the girls, for Mother was coming,
and everyone brightened to welcome her. Meg stopped
lecturing, and lighted the lamp, Amy got out of the easy chair
without being asked, and Jo forgot how tired she was as she
sat up to hold the slippers nearer to the blaze.
â€˜They are quite worn out. Marmee must have a new pair.â€™
â€˜I thought Iâ€™d get her some with my dollar,â€™ said Beth.
10
â€˜No, I shall!â€™ cried Amy.
â€˜Iâ€™m the oldest,â€™ began Meg, but Jo cut in with a decided, â€˜Iâ€™m
the man of the family now Papa is away, and I shall provide the
slippers, for he told me to take special care of Mother while he
was gone.â€™
â€˜Iâ€™ll tell you what weâ€™ll do,â€™ said Beth, â€˜letâ€™s each get her
something for Christmas, land not get anything for ourselves.â€™
â€˜Thatâ€™s like you, dear! What will we get?â€™ exclaimed Jo. Everyone
thought soberly for a minute, then Meg announced, as if the
idea was suggested by the sight of her
own pretty hands, â€˜I shall give her a nice pair of gloves.â€™ â€˜Army
shoes, best to be had,â€™ cried Jo.
â€˜Some handkerchiefs, all hemmed,â€™ said Beth.
â€˜Iâ€™ll get a little bottle of cologne. She likes it, and it wonâ€™t cost
much, so Iâ€™ll have some left to buy my pencils,â€™ added Amy.
â€˜How will we give the things?â€™ asked Meg.
â€˜Put them on the table, and bring her in and see her open the
bundles. Donâ€™t you remember how we used to do on our
birthdays?â€™ answered Jo.
11
â€˜I used to be so frightened when it was my turn to sit in the
chair with the crown on, and see you all come marching round
to give the presents, with a kiss. I liked
the things and the kisses, but it was dreadful to have you sit
looking at me while I opened the bundles,â€™ said Beth, who was
toasting her face and the bread for tea at the same time.
â€˜Let Marmee think we are getting things for ourselves, and then
surprise her. We must go shopping tomorrow afternoon, Meg.
There is so much to do about the play for Christmas night,â€™ said
Jo, m</t>
  </si>
  <si>
    <t>b'W\xb8\xd5\x17n\xb3t\x85\r,\xad[\xb1G\x01\x92\x18\x94\xf9k\xb6\xe3\xd6G\x0f\x0f\xfc\xfb}\xa7\xff\xde\xa2\xb9\x907&lt;^yC\xf8=\xd3\xe4\xb5\xb6\x06\xa7m\x90\xe1\xf0\x0c\xf8ulc\xa1\xa7\xec\xdc\x81\x94\xdc&amp;\xf68z\xa52\xef1`\x17\x00\xb6H\x89w\xe6\xa6\x93\x84_\xe5Y\x833\xbcDTe\x12\x97\x0b\\\xf5k\xd9zk\x1bX?\x7f\xd7\xfd\xf8^\n\x1f\x06\xe4\xd0\x83\xd62\xcbC\xf7q\xd9\xf8\xa5\xd3\xccT\\\xd6^K/x\x83\xab\xa3rC\x8c\xaf\x84\xd8x\xe7\x88\xdfoC\x99\xae\xb1\x81\x1c\xf7y\\\x87\xd9q\xe5\xc0`\xe2y\x06VzV\x10\xa33{`\xf1\xaa#\x95\x02F\xf9\xf2|EF~\xfd\xdd\xa0\x8e\x85\xda}\xcd\x95+7\xc4\xc0\xab\xfa\x84\xda\x9eN\xb0\x82aS~\xf9#\xe5\xd9\x1bz_V\xfaZv\x15\x18~\xbf\x1c\x1f\xd7\xd052b}\xf0p\x00QN\xd4\x96\x89\xb1\x1f\x01\xffG`\x12\x18\xc1\t\xcd\x8bO$\x95\x014\xcb{\xc8Q\x13Q\xbb1\xc9\xd8s\x99\xe6\xf9j\xf8FT\x85Nh\xd3\xacn\x83\n\x16\xf3`D\xf2/\xbd\xa3\xfe5{\xe5:\xec\xac\xaa_;"\xa4\xf1\x929\xc1\xaa\xf2\xdd\xf0\x84o\xabN+\xd7\xed\x83\xbc\xb6\xb08\xfdP\xee\xf0\x1e\xb2\xf8e\xff\x04\xb0\xcd\xd4\xe1\xf4N\x04NAB\xdc\xd5\xc7\x8c\xcfn\xfeQ1\x91\xcbY\xa8\xbf\x12\xad\x8cF2g@\xa0o_\xb2U\x91\xbd\xfd\xbc9\x8e\xab\xab\xb1\x7f\x12\xedP\xe3\xa8v\xc0\xde\x17C\xf8]o\x9aj\xc9\xc4\xf3z\x94\t\x89]\x95\x9bs\x02=\x9a{\xce\x04L\xa8\xf9\r\x88\xbbc\xb7o\xceq\x89m\x81\x81q\x99\x19\xcdnv\xa26S&lt;\xa0\xd0u[T\xed\x83t\xcc\x9f\xbc\xcf\xf0\xa7\x93\xdb\xea\xe6\x05\xf4\xe6\x1f\xbc\\\xa9\xa0\'?\x99\x83\xff\xd1\xcd\x058\x85\xf8{-M+\x97\xddt\xbb\xbfL\xd33\xbe\x8c%\x05\tW\xff\xa16\xd1\x0c\\\xda\xe8MjyvN\xba\xff\xb3\x147_\x1d\xce\x07\x13\xbb\xc0_\xc1\xa0kD\xef\xdc&gt;J\xe2\xff\x13jg\x18\x1c)S\x9c\xb9\x08\xa9\xca\xe6\x03\xa0W/\xe4\x0c\xab\xecE5\xd0\x02H\x97&amp;\xab\xdb+\xdc\x9a\xae\xef\xabY\r\xf1\xcd\x95\xb3\xd9\x16-\x8b\xf2\x86\xbb\xf0\xb2\xdc\xd2b\xd93\xfa\xec\x07\xbbSr$\xcaY\xb8}U\x08\xb2\x84\x0b\x82T\x9ev\x1c7\x95\xe7\xe8\xd1\xc8\xf1\xb4\xe6F\x9a(L\xf5\xda~W\xe4\t\xa8\xac\x1f\xe0i"\xa3\tq,\xef\xb8\x11\xe0\x16\x062\xe4\x1f\x1d\x00^\x81Q\xdc\x1f5\xaaD\x15$G8c\x81\x0cBLM\x82&lt;\xc2w3\xf9\xa0i\x87\x17\xc7.\xaf\x88LyH)\x95\xcd\x14\x92\xf6\xa7\xd9U\x94\xae@rH\x95,\xc6\xcc\xc64\xd8\x04\xe2\xa5 \xe2\x8a.\xe0\x0b\xce\xfaJ\xa2\x81]\xdeV-\xcc\x0e-d\xbf\xe5\xe0+|^\xdb\'\xafF}\x9ca@t\xf6^[\xf2\xe3\xbcP\xee\xd3T\xf87\t\x98\xd6\xb4\xbfT \xd9\xa5\xd5\xbd\xc5~\xd7\xf2\n\x06\xc6\xe3\xd3\x8f\r\x95&amp;)\x96f\x80\x9en\x07\x15)\'\x98\x8c\x86\x15\xee{=\xbdW\xbc\xd1\xd9P\xeeuU)\xd0\xcb\xfc\xaa\xa5\xc0b\xadeo\xee\x99I\xa1\\\x86\'\xad+\x81\x03v\x90\xcfo\xb7\xdd\xea!\\\x0f\xdb6\xd7\xaa\xef\x8e]\x12\xa7\x7f\xde\xb2*\xca=\x8fS\xd0\x04^\x1d\xdd\x11\xb4(A\xf9t\x04cv\x80\xe1ne1&gt;("\r\x87l\xf8\x0e\x14\x17\x87\xc4\xd5B\x89]\xa2q\xda \xfa\x1b9\xc5&lt;\x17\x86\x18s\xbb"\x0131\xf6Uq\xa3\xaf\xd7\xa6\x1e\xcbr\x9f\x90\xfd\x91-x6\x0b:\xbf\xf0\xd7\x0f\xcd\xa1\xdb\xb5CE\xad\xca\xcf\xfa\x14C\xaf\x0f\xe5\xd5#\xc5\x96\x1b\n\x1b/q:\x8a\xcaOw\xe1\'\x992v\x8eW\xef\xac\x9b\xa7\xe7\'\x13\x17~\xe3 \t\xd0\x95\xb4\xfeW\xc2m\xc3\x06\xb1\x9d\x9e\x04\xbc\x07R\xc9\rC\x18\xe2\x19)t$\xb4G\x16\x11\xbbi\xaf\xd6\xf1\xc3\xe5\xfd\xc2x\xcf\xccL\xa0\xa0\xd8\xd3!\x90P\xbb\x8eB\xd5\x01\x9d\xad;i{\xf0o\x8e\xc4\n.L\xe6\x90\xfa\xfe\rQ\x1e?\xf2\x85\x8dy\x95\x88\xe1%1l\xa0t\xaf\xe9\x8d\x7f\x0b\x88l\x10\xe0\xdcdi\xed\x8c\xfb\xf7\xb4\x9dJ\x83b\'ne1&gt;("\r\x87\xebs\tq\xdf\xf6D\x93\x9b\xf2\x0f\x15L\xd3)[\xf2\xd3\x8e\x87\x8f\x82GM\x8c\x92\xa6\x01\x95vN|\x1c\x84j5\xec\xa6\xfa\xa3sQ\xab\x8b\xb2\xfc\xf5v&lt;\x98\xd1\xef\xfb \x17\xa4\x9de\xd9\xdc{\x8a\xd1\xa6T\xf1\x03\xd5SL\x9c\xac\xf3\xa5P\\%&amp;s\\\xd0\xf0\x0bD\x02\xa9\xa8\x19k|\xbb\x88\xa1\xbf\xffu%Z(\x07\xe94Sb;)\xed@7\xd9f\xa7\xef\xf6\xee\xbag\xc7\x97\xaf\xdc)7^\x81\xc0\'\xc9=\xbaN\xbf\x91&amp;\xd2\x80\xdfG\xaf\x1b\xd8h\xd7\xbf7\x185\xb4?yE\x0c\xc9\x17\xeag\xaeP-\xa4\xefw\xbb\nKT\xbarf\xc6m\x0cZ\xb4\xe3\xd3\r^\xf4Q\x9fe\xd6\xbbj\xcb\xef\xa4\x9f\x8b?\xf8\x97\xc8\xe3\xfa\x02\x0eP\x18e\x15\x88\xee\xfb!%\xde\xc2\x83&amp;\xad\x92v\xa1S\x99\x0b`\xa1YQh\xba\r\x8f\xc0\xbcC\xda\xa355\xfd\x1a\xcc\xa3\xfe\x1fDb\xf9\x9e\x18i\xe0\xa6\xd9.\xde\x8e9\x16\x1f\x08-\xb2\x92h\x04A\xacQ\xa7\x94\x08I\xc415\x08\x88\xdc\x86{\xbb\xb6\x1b\xbfDn\xad\xb1WIn\xd5\xeey[\x7f!\xb5waZU/\xba\x0b\xf1\x89\x87\xfc\xefSx\xa1\xec^\xe1\x80\xa2\xc5\xf12}\xcd\xcc\xe4\xe7\'vA\xc6h\x0e\xcdu\xc7y\xa1k@\xd0\xe2(\xbfG\xbd\x1a\x96\x84\x8fjx\xfdH\xec\xc4\xb5\xdaUW\xfb\xf9\xdf\xfdI\xf9\xa6\x15\xcb\xd3\x94\x9b\xdb#\xc8\xbeDm"\x98\xd4\xffU\x86o\xae\xac\x96@\x92r\x8bR\xd4t\xea\xdaf$\xd5^\xfd\xb7\xc1#PK\xce\x7f\x9d\xf2\xa2\xc4\n%\xc8\x8c\xb9\xaad\x98\xe4\x81\xdf\xefk\xe4[\x88&amp;\xe1\xc31\x8cc\xbf\x99T%M-\xcen\xda\x8e\xdf\xa3&amp;iD\x96\xe4\xd2\x9ag\xacx\xb5~I\xb5??\xb7O\x1d\x82\x8b\x1c\x9b\xfa\xe9\x13^\x0cj\x13.\xe3\xee\x81"\x8a\xf9\x06\x8e\x1b\xb9A\tT\xd1\x93\xa1\xa5w\xbaeR3e\xf0K\x00\xc7\xbb\xd1\x93\x7f\xd8v3\xba\x97\x125{\x84\xd0\x00\xdd\xa9cf\xb9e\xf2nl\x9b6\x91\xf6\x9eD(\xb7\xf2J\xfbR\x03\x9d\x8a%\xa1\xe5\x9e;#\xf0*\xd3\xc8\xa3\xb9\xe4\r(i^\xed\xcc\xee\xc8K\xda\xe8\x05u&gt;\x868\xd0\x17e\xa3\xf3\xc20K&amp;\x8f\xd8\xc1\xec\x90Z\xe8p\xe3K\x89\xfe\x8b\x97\r\xd1E\x80\x14\xeeh3\xc8(\x1f\xba\xe2\x89k=\xac\xa9KA\xb9$o\x1b\x12\xe5\x03OT\xf8\x8e\x8e\x06\xd6?\xad\xfbc\xda&gt;\x99y8]\xf6\x82\xaf\xe7\xb8IiOa\xbb0\x0e\xdd\xb8J\xa9\x0b4\xbe__b\xf0\xe9\xec\\\x84q\xc0\xe8\x17\xbd~\x05W\xd3\xb9\xe9\xde\x94M\xdb\x967L\xab\x0b\x980V\x13\xc7!A\xd0\x8b\xee\x1fa\x87!\xeb\xa4\x7f\x90\xa6 \x83\r\x05\x16\xb9\'\xe8\xd3\xa5Jy\xc5L\xb5\xcf\x84\xbf8S\x94\x8bL\xad\xab\xbb9\xe7\xa2\x95_!\xd0c\'2\xdc\xeab\xfb\xa0ld\xffG\xa2\xcd\xc5P\xae[\xd1.q\xb2\xfb\xb2\x1c\xe6\xffTQ\x19\xa7.\xa3\xd9\xd4 \xd9\xcf\xae\xe4\x872\x80\xf1\xa1rP\xb7/\xad8\xd5\xe8VGrr\xecY\x7f\xb1s\xd3\xd14\x90\xad\x01\xd0ZI\xfc\xfam\xd2\xf4\x88r~\xb3fH.\x94\x147^\xb7\x85\x85\x1e\x1b\x1aE\xc3m\xc6\xe0\xa9!v\x9b\xe6\xa5\x19\x8eW\xb4e\xa5\x1c\xe4\xa1\xa8\xc6\xf4;\xf7\x87s\r.\xcd\x93q\xb6\x89\xa3\\D\xcb\xcb\x0c\xc1\xd7&amp;8\xd1\x982%+\xdb\xf3\xc7\x19t\xcf\x16\xe1X&amp;\xa8\xf8%\x1f,\x9d7i9\x97\x95\xb1lI\xe0TRJ5l\x1e`\xf3\x0ceRcm$w\xe8Z\xbc\xa6H\x8fE\xd2\xb0\xf1\xd4J\xda\x9a\x9d\xe3\x8e\xddw\xbe\t\xd8B.\xaa5\x05\x052\xd8&gt;\x9c`\xc9~}\x18@\t\x15\x13\x83?s(\x9e)F\x1b\x12\xfd\xad\xb7xP\xe6\x1c5\x9e\x83\x1a\xa6\xdd\x00\x94\xfb\x1f\xa3\xc9\xaf\x88h_\xd4\xee\xed&lt;\x00W\xa6\xa3jl\xe3,sTVF\xf9\xe7J\xbd\xdc\xff\xf4uz\x04n1\x90\x8dP\x9e]\x8e\xa8\x9e\x8b\xb5\xf3Q\xf7\xec1#\x95\xb1\xb1N\xde\xf7 5\'\x94\x8b\x8a\x16s\xa9\x10WD\\Ff0H\xc6\x04\x8e\x1a=\x01\x03{\xcfs\xe3!\xb0\x954\t\xcc&amp;/\xf4S\xa9\xd4Szl\xf3\xc3\xe9\r\x8d$\xc0\xfby\x83\x9b\xb7\x16\r\xd4mT\xf3\xad \xd6\xb1\x92\xad\xd6\xd4\x11\x97\xf7\x83\x11C\x07\x13\x02\x93\x12\x9aM~u\x00\xaf\xd7^\xd5I\x80\xf7t\xe1\xe40P\xa1t\xc0\xdaoy\xdae\xb3\x86\x05=\x95t(\x9d$\x97\xd5\xf1\x1d*\rZ\xc8\xe1\x97z\x08V?\x05:\xd7\xf01\xf5\xf6D\xcd\t\xd8\x93q\xe8\xf8\x94\xeb\x8c\x9f\x928U\x9f\x97\x10\xf7,\x83\xbd\xc3\x83Y"&lt;&lt;\x1a5FYc\x86sU\xb0v\xaa\xc1\xeb]7\xf3\xdc\xfd\xdb~\x86\xb6\x89\xa9\xb2\xc0\xb8.^\x9b\x93\xab\xc3O\xc9|^\xd2\xb4}q\xc8xs\x90\xa3\xb87\xd5\x02\xe4\x97c\xdb\x7f\xf1L}\xd8\x13\xf3\x9b\xb9\x93.{\x17\x99\x8db0K\xbbL\xb7\xf2\xc6t\xf3\xb0\xaa\xef\xc8,\xad\x96o\xb8\xf1\xe7j\xd7\x868\n\xea\x8a\xfd 9G`\x9d+\x87\xcf\x1ev\x15\xe5\x11\x1a\n\\\xd8PW\xe0\x17,\xd0\xfaY \xf4\xfd\xbe\x80\xbe\x16\xdb\x1a\xd4\xca\xd6\xba\x886\x98\xfa\x7f\x86G\x19%\xaa\x9b\xad\xa4\xcbe'</t>
  </si>
  <si>
    <t>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</t>
  </si>
  <si>
    <t>b'W\xb8\xd5\x17n\xb3t\x85\r,\xad[\xb1G\x01\x92'</t>
  </si>
  <si>
    <t>lant tissues are
broadly classified into meristematic (apical, lateral and intercalary) and permanent
(simple and complex). Assimilation of food and its storage, transportation of water,
minerals and photosynthates, and mechanical support are the main functions
of tissues. There are three types of tissue systems â€“ epidermal, ground and
vascular. The epidermal tissue systems are made of epidermal cells, stomata
and the epidermal appendages. The ground tissue system forms the main bulk
of the plant. It is divided into three zones â€“ cortex, pericycle and pith. The vascular
tissue system is formed by the xylem and phloem. On the basis of presence of
cambium, location of xylem and phloem, the vascular bundles are of different
types. The vascular bundles form the conducting tissue and translocate water,
minerals and food material.
Monocotyledonous and dicotyledonous plants show marked variation in their
internal structures. They differ in type, number and location of vascular bundles.
The secondary growth occurs in most of the dicotyledonous roots and stems.
2024-25
78 BIOLOGY
EXERCISES
1. Draw illustrations to bring out the anatomical difference between
(a) Monocot root and Dicot root
(b) Monocot stem and Dicot stem
2. Cut a transverse section of young stem of a plant from your school garden and
observe it under the microscope. How would you ascertain whether it is a
monocot stem or a dicot stem? Give reasons.
3. The transverse section of a plant material shows the following anatomical
features - (a) the vascular bundles are conjoint, scattered and surrounded by a
sclerenchymatous bundle sheaths. (b) phloem parenchyma is absent. What
will you identify it as?
4. What is stoma</t>
  </si>
  <si>
    <t>b'-J\x9a\xda\xfbi(\xa1\xb5Jy\x1dj\x8e\xc9\x0e\xaco8st\xc4-\']P\x121q\xb8I\x1aV\xea\xf0\xeb\xcc2B\xfd\x01L\x12+]&gt;\x98\x1d\xdf\xa6i\xb1\x91@\x9a:\'\xec?\xf1\xe2Y\x89\xbaI\xd6.K\xe7\x99%gU\xef/7\xa8\'\xe4^\xc7k\xd9\x02)\x9f\xb9l\x0e\xd2g\x87\xf4\x10T\xf6\x83\x0b\xf5\xc5\xc9\x0f\xd2\xd3\xb3\xe3Z\x18Y\x91\xfb\x1c\xf9\x0cv\x9c?\x83\xd2\xbe\xab\xd1\xdaW\x8c\xe5\xb9\xde\xf6\xe4\xae\xe8\xd1\x92M\xa4`\x83\xe5@\xafs\x84\x84\xf23\x86]^\xadA]\xa7\xa6\x9f\x17\xbf\xf5\xb3|\xe4/\xea/\x02)\xb8%\x8a\x7f7E\xfd\x8c\xc6l\xf2g\x83`\x96\x92q2\xee\xc1\xd1A\xac\xbd\xb8\xff\xb5\x06\xfa\xf9&amp;.\xef\xcb\xd2\xd6\x01\x11\'\xa5\xb3\x0c\x818"\xb6\xa1\xc6&lt;\xc9A\x8db\x03\x03Ra#\x7f\xd4\xb0\xe4\xd3\x7f\x91\xd2A\xfe\xe9.\x00\xce\x1b\xc6\xd9-v"t\xaf\x1fwA\x8d\x7ftR\x81L~\xc8\'\xff\xf2\x93\xd6\xd9AQ\x93\xa2\xffRZ\xbd\xb3@n\xacM\xc9T\xde-\xa0\x8a\xe8\xf4#\x9d1\x86&gt;\x0bW\x90\x9f\x82Q\x96;\xcbw;\xc5\x06\xb1\xc0\n\x05Pq\xc7\xe4/{\x12\x19\xa4\x1b%\xbf\xe2\xad\x926X\x18\xe6.@\x90\xb0q\xf7b\xe3\xa3H\xee~\x95\xf8\n\xe0\xce\xbd\xa8o\x0e\x8c\xdc_\\\xc0\xd3\xed\x04\xb5\xa8\xeba\x9bZbD\x11a\xd7b\xab\xe5\x10\xb6\xd4\x9c\xda\xea\t\xe3\xae\xe8\xb5uo"\xe6i\x9cf\xadbs\x1c\xc6\xeefQ\xab\xf7\x19sZ\xbe\x0eo\r\xc3*(\xee\x0b\'\x0b\x17\x9d\xe5c\xa6\x1f\xc9-}}\x05\x95\xf2\xd6\xe1\xb1\x83p\x1d\xbbk\x1d\\\xb2\x8e\xcb-D\xb8\xa10_R/U\xdb\x7f\x02Fb\x12\xa4s\x00\xc8U\x19)\xd0\xf2\xe9Tu\xc0UM\xa9Sys\xac\xcaH&gt;\xb7\xa2A\xc0zK\xb1\x0569\x95j\x065@\xd6%[ \xa8D\xa7\x8f\xa7?\xf5\xffl\xfa\xf1\x04\xbf\xc4\xfb\x12\xe1\xbf\xc0Zk\x05\x07\xe9\xe1\x7f[\xa4E\xd6"\x1a;\xba\x982\xa2]\xe5\x8e\xd4\xd7\xaf&amp;\xedm\x8coQ\xcd\xe0\xc5\xcc\xec4\r\x82\x92\x12\xd1\xe40v\xe9j\x07\xe0\xa9sO[\x1b\x8bgc\xd9\xd0\xf3\x01\xcfV\x86\x87\xcd\x0f,\xdd\xfbH\xfc\xf9\xd8\xb5i\x94\xf9\x82\x14\x08\xd0\xe09\xa7\xa6\x11\x8f\xa0\xedk\xf1=^}\'2\x03\x1d\x8a\xa6\xf7-\xf0\xff\xddzeG\xc7\xc1\xde\xca\xff\x1d\xf0\xd3\x87\xdc\x8e\x9a}\xad\xc4X\xe7\xd9\xddGF\xe2\x0e\\\xe4H\xdb}\xd8~\xd3B\xc0\xab\x99\xf5}!\xfb:LN$nfV\xf7r\xf9kI)r\x9a~\xce_\xdd\r\xe78v\xa2M8O\xc8z[1\x1d\xc4\x17\xcak\xac-l\x068\x98z!\x8e\xb6N\xd3\xe5\xdbyG?\x83+e\x1e]\xd3W\xa0\xc0\xdc\xa8\xca\xbaT\x81D\xf4\xaa`m\xbb\xad{\xce\xd4\xc1N\xd4\xa1W\xfd\xe6{\x80\xf9O\x86\x0c\xe7\xea\x89\xa6I\x06\xf9_G\x17\xc5\xf5V\xf0\xbfFJz\x91q\x85\xcc:\xeb\xddl\xe6\xeat\xe2Eo\x8aHQ\xbc\xb7X\xd7T\xbc\xf3i\x03]xI:Q:\xdc\xd9#\xf9\x1e\xe90\x9b\xcdY0W\x11\xf3\xba\x98\xc6\x08\xab\xad\xa4\xfe\xdc\r\xa5\x95K\\\xe3\xb4\xb3\x1d\xea\xba\xbbX.\xd4A\x02\xb1\x1f\xf6\x81[c\xb4l\'\xb85\x87kG\x85%p}\xe7X\xfc\xdfR\xbd\x06\xd0\xcfT\x19\xd2\x9a\xb9\xde\xb6\xf4\x9c\xf8\xa0t,\xed\x15|\xd2\xf6\xc0\xe8x\xf9|aa0\xaa}c\xb9\xd9h\x7f\xca\x8c\n\xa8\x82dw\xa7\xd8r\xec\xff\x1a\xa4q1+\x11\t\xf8\xfd\xb7&gt;\xa9\xdb\xad\xfa\xdb\x94\xc0\x86\x05\xa9\xae-8\xe6\xf3\xc1\xbeLXJm\x0c\x0f\xd8\xc7\x03\xc8\x12wL\x97\x9e\x88\xe7BN~Aj\']5\'\xeazv\xb2\x04U\x14\x9c\xbc\x9d\xd9\xcf\xb4\xf1\xec@\xaa\x88c\x14\xc5H\xd9\x97\xcb^f=d\xb3\xe3\x91\xd8\xf2\xb3&amp;:k3\xe9Ro\xf0\x96\x95yj\x99\x12\x12E\x10\xcd\xfbs{r\x00\xed\xe6\xb7K\x1d\xd1\n\x86\xa9\xcb\'+\x94@\x00U\x00k\xec\xd4d1\xd6$\x0e\xb8\xcd%\xa6\xa9qb\xdap\xd7\xd9e\xd2\x9a\xd1\xb7Q0\x94f\x8bg\xb6\xb6\x82\x9a\xbcZ\xb7T\x00\xa6|1\xb6\xcb\x80\xdd\xd9N\xe8X\xeaa\xae\xe9 \xbf=.\xb8\x95E\x0cVR9Z\x8e\x99N\xf0(\xf1~\x00\xae\x14\x8ejI\xdd\x94\\B\xcfO2\x06#\x06\xacdj\xed\x03\xcb\xb3\x1f\xd7*\xcb\xc9\xca\xa6r\xf7\xc9\xb7&lt;iV&gt;(\x16\x11\xd0\xd3/B\xaf\xbbx\xfa\xaf\xa4\x9f\r\xa6!\x12\xc4\x89\xf7\xc3\xe4 \xbf\x96\x07\xbc\xf6\x84d\xe0\xa7\xb4ED\'A\xd4\xe9\xb7\xf6]D_\xd3\xe2L\x0e\x05\xc6\x89p_-@\x83\x98\xe1om\xee\x18\xa0\xcd\x151\x8a6\x82=\xabDs;\xa4\xd0\xe7y\x1e\xc3b\x8b \xbd\xealH)\xfc\x9c^O\rs{J%\xe3\xfb\x8fp*\xc38a\xbdC\xae:\xc5Q\x8c\x94\xad\xb0/\xaa\xad\xfa\xc6\xda\xc1\x88\xf1\xa2\x86\xc9Y\x14\x04\x85,\\\xc6\xd7\x8fJU\xf1\xdd\x1e\xda\xd2,\xe2Nl\r\xf7\xad\xda\xc2a\xc6\x89q1\x97\x83\x1bART\xa0e\x0b\x1bN\x8e\xbb\x1a\xe6\x08\xd5\xb6|e\xc4\xccoE\xd8\x08\x0b\xb6\x8f$\xef\xbc&amp;\x05\x93\xd4\xb1\xd0x\xaeY\x84\xe6\xb4\xadM,\xe1\xdd\xe7\xb3\x0f\xf7\x03\x81[R\xa4\xdd\xc0\x14\xaeG\xd5\x14E\x8c\xfcZ\x80\xdf\xe1\xab\x1e\xc0\xe4"r\x83\x00]\x86\x8a\xe7^\xfd\x8bZ\xaf\x1854\xe8\x9b\xb0\xac\xb1\xd2\n\\\xdb\xf3\xd7\x04A\x9bn4i\xf2\x80+\xf7\xc0\x7fC\xa6\x90C)y\x96\xf1\xff\x97\x01(\x85r\x16/\x8bw{,\x1c;\x906\x8b\xe3\xfa\'\xa4\xa9;\xbd\xd8}$\x99i\xf1\xb9\xe7\xb4\x96HNR\xdc}P\x83&gt;\'\x8cJ\x16\xf1\xfc\xc9\x99J\x1a\xe9\x19:\xe7\x81\n\x03\xa4\xf6\x17\xf6%\xb0\xb2\x80\x08\x0b\xddi\xc8qA\xbd\x89\xb8 \x1b\xd4O\xce:\xa4\xa1Of\xf7\x9bX\x8cH#\x9f\xac\'\xa4\x16\x8d\x93\xcf\xf6\x86\r\xd2\x81\xe7P\xe5\xecc\xba\x92\x00PT\xc6\x7fq,e\x1aEpJ\x04_\xe2z&amp;@\xe1\xd8\x0b\x92\x94\x81@\r\x0f\xbe\xf8M\xbe\xcf\xf2-+\xedg\x10\x1b\xfc\xb3b\xba^X\x12\xf8\x04\rT^$\xa6\x9fL@U]\xd2\x93\xaf\xe7.\xd6\x084\x9b$\xcf\x942&lt;\x8a\x0e\x89\xf8\xcf{\xc0\xd5\xf9S\xe4^\x15\xa6Cg\xb3\xb3\x81\xdcj\xe8M\x8b\x1dD\xf1\xc1\xf1gs:\x11\x0cM\x0cB;%\xbc\xff\xc2k0\xeej\xe4\x18Z\x0f\xe1\xa0{X\xcc/\x12\xac\x97\t\xe25\xab\xd1\x03\x96c7\x91\x8f\xf2\x1d\r&lt;v\xa5\x05\xaa\xe3X\x00Y\xb6\xe0'</t>
  </si>
  <si>
    <t>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</t>
  </si>
  <si>
    <t>b'-J\x9a\xda\xfbi(\xa1\xb5Jy\x1dj\x8e\xc9\x0e'</t>
  </si>
  <si>
    <t>t if youâ€™ve got a cool,
 popular, profitable business on your hands, youâ€™re the hot girl at the party.
 Everyone wants you. Youâ€™re the one with the assets. Youâ€™re the one with the
 negotiating power. The people wanting to buy your business donâ€™t have the
 power and controlâ€”you do.
 If I had known that, it would have made the negotiation process so much
 different. I would have entered negotiations with my criteria and demands
 front and center. I would have told every interested party: â€œHereâ€™s what Iâ€™m
 looking for; can you meet these demands?â€ Most people selling their
 companies go into negotiations with exactly the opposite mindset: â€œWhatâ€™s
 the fastest route to my paycheck?â€ And whichever buyer produces that check
 fastest wins. Without realizing it, youâ€™re signing your life away for a shortterm payout when you should be thinking about long-term goalsâ€”a
 contradiction of the long-term focus that got your business off the ground and
 scaled in the first place.
 If I had known ahead of time that I needed to keep my long-term focus, I
 wouldnâ€™t have been blinded by the dollars I was about to receive and instead
 would have been more protective of my company. If Iâ€™d known what I know
 now going into my first acquisition, I would have been the one vetting the
 buying company, not the other way around. In multiple cases, after I sold a
 business and saw what was being done to it, I tried to buy it back. When I got
 on the phone with the new owners, I actually said to them, â€œThe only reason
 Iâ€™m on the phone with you right now is because I gave my dog to a bad home
 and heâ€™s being abused and I need to rescue him.â€
 Selling your company is not 100</t>
  </si>
  <si>
    <t>b'\xef\xcb\xa7\x95\xd3N\xcf\x95\x97\x88I\xf4\xc2\xdc\x8b\xf9K\x16\xac\xc5S\x82\x02&lt;&amp;j\xa0S\x18\x05\x88\x1e\xe7yq\xbd\xaa\xda\xc4\xf0\xbb\xcct}\x9fK\xda\x85Y?\x07\x8aj\xed\xdc\xc4\xd7&lt;\x01\x0fYx\xc8r&amp;\xe9\xd5\x8e\xa2\xb2\x1b\x81*5\xe2\xd4\xd4a\xb2\x86D\x9c-"\x90o\xe0\xf8R\xdcmD_o\xa9\xbb\xe3\xe3\x88\x0fey\xa9\x99\x8eJ\x18\xd0\x1a\xcc\x9e\x1e3\x98\xfd\n\x14\xd0\x86\xe00\x107\xff\xa5\xbf\xae\x13?\xa6\xc0\xee3`\xec \xd5\xf5\xb2Y\xf9\xcc\xdd\x00\xa4\xa3\xae\xf4\xc5\x84rx\x81\xe9\x8bK\xe2&lt;\x12R\xb0\xe6\x84\x8e.h\x8b\xd6\x87\xee\xa8d\xa8\xa2\xe5\xf2\'\xe9\xce\xd5R\x1f\x85\xc9hJ\xfc\xb6\xb6\xff\xd1\xd7h\xbd\xe4[\xf6\xa9H_\x1d`\xf4E\xb1\xd3\xfbB\xa0\x98\x95\x05\x9f\xf2EB\'9\x8e7\xbc 4\xf3\x00pLu8\xcd\xa0\x02/\x08\xf1\xa3\xdc\xb0\xdcn\x98j\xc7\x18*\xe8\'\xf0M0 \xc7\xdb+\xee\xe6\x9cg\xf2\xce@aj\xb8\x8d|n\xb7pJ\xb3$\x95\xa3\xde2\x14\xd7#\xce\x0c\xd8Vd\xc9\x8c\xc3\x0e8\xb8c:\xbe5\t\xe7\x93\xc4\xd5\x8a\x81\r0z\x9c\x9b/\t\xb7\xb4\x15-\xeb\xf92\x11\xcbe\xc1\xbd&gt;@\x1d\xb1\x014\x99\x10\x1c\x99\xb0\n\x94\x1do\xd5\x04v\x19V\xce\xee\x0c\x01\xfe,=\xc9\xe8\x96\xea\xe3\xc3\xad\x9a\xa7l&lt;-!\x82\x92\x81h\xd4\xfb\x93\x1b\x16\xd5\x97\x04BX\x9ep\xa5O:\xd6\x9bi\xdf^\xdb\t\xb5Vm\xa73%\xd0\xd7\x98{l\xe1\xe7\xedC ^\xe0\xe3\xc5\x86\x91\xad\xc0vq\xdc\xd9\x87\xd2\xc1\xf8\xea1\xc8\xc9\xc9\x86\xb7\xa4DZ\x16\x03\xe0\xe0\xc0\xca\xba\x8b#\xa9\x0c\xca\xae\xf6z\xaa\x17\xe0[\xb1\xb6\xfe\x18xC\x1e%\xecj0\x87\xdc\xd8\xd6\x8c\xf3\x02\xddh$@\'\xec\x1e0\x1d\x88\x94\xdb\x98\n\xd8Z\x1b\xad`d\xd6\x91\xb8\xe9&amp;\xa5\x81~\x0c\x84\xf5]\xae1;)`\x0e\xf8\x97\xed\t\xd8h\xb4\x10\xe2\xd6"\xbdg\xef&lt;\xb4\x1e(F\x7f\xd0\xc3\xc2$O1\xe6\xd0\xc4\x92\x8a\xc6\xf4i\xfd@\xd9\x87\xcd\'$\xe6\xd1{\xf64\xc64j\x94\xc7\x18J\xd0\x7f\xc1\x9d\xa9\xad\r?R\xd4\xc0\x87\x97P\xcd\x8d\xf2\xdcV\xc3j\x8f\xaaM;q`\x8f\xdc\xf5\x88N\xd3\x829/3\xe6\x14\xf20v\xb0jW\xf3\xac\xf6\xfd|\x9d\xb4\xce;e\xf8\xdb\xaab39\xc9e\x94\xc2\xc5\x90\xe7T\xbc\xcd\xbb8\xaa\xb3\xc8\xeb\xa5W\xdc\xf4j\rZ\xffF\xca\x89\xb9\xa7\x198f%\xa3\xf6\x9f\x87A\xb9l\xabVN\xced5\x86\xe4&lt;\x0e\xccZVa\x08\xf7.\x11\xcd\x19\n\x89 \xce~\xaf"_[y\xe7p\xcc\xcd\xc0sY\xac\xc5\x04\xa9\x86qR\xe8\xa6Q}\xf1Q\xce\xb9\xa4_\x84M\xd7w\x11G\xf8\x11\x80B\xc0^\xae\xc9\x1f\x97`3\x07\x9f\x12P\x0c\xde\xce\xcc\x8d\xf2\x83\xa5\xc3\x19`\xdb\x18\xc5\r&gt;V\xdb*\xad&gt;\xea$\x9dJ\xff\x98\x98~\xd7C!\xa7p\x8fJ3\x1a\xa2C\xaa\x19\xd0rd\x83\x05\xb0\xf8\x8fJ\xc9\xda\xf8\xbb\xeehA\xc7\x9b\xb2\xffk\x88\xa1#-\x80\xe8\t\x95\xfeK\xac\x84[\xba\xb1\x02t\x97\\\x8bd\x13\x94\x97]\xc3\xb73\x90\xcbM\xacJ\xdeW\x1cs\x12t\xaf\x05g5\x83\xae\\\x97\x13\xbe\x8c\xf8\xd56\x9e\x1b\xba\xe8\xec\x8ctO\xa7\xceJ\xc7\xcd_\x0cM\x98\xa5G\x12\x12&amp;SUQ\x1c\xedW\xf8X\x01\xd9Z\xdb\x04M\x88\x9a\xba,!\xba\xab\xbf\xc0^3(P\x95\xe3\x86/\xa5:\x92\x8e\x04\xa3,\xf0\xf4|\xd9\xb5\x07b\xcew\xe1\x01\xc6/\x974\'\xc3}\xe7\xad \x1e\xa92\\\xd8E\x1b\x93&lt;w\xfb\xf6Vhh\xb7\xb7\x96\x1c?\xca\xdb\xd9\xf5\xa5\x1d\xc0K2vz\xb5b$\x17\xe8\xc4\x14\xbd\x9e\xc3\x9b\xacJz\x92\xb7\xd8\xaa\x16e\x84D@\xea;7\xa6\xe6\xb2\'\xe4\xea\xd2\x19\xb6\xdc"\xd5\xcc\xacm\x94\x99\x94"\x18jo\xe6\xa2\xd7q\xd5\xfa;\x8dW&lt;\x0e\xabb\x9d\x0b/3\x7f\xdc7\xf8\xb4\xfe\xb8]ful\xd2\xe5,v\xe9K\xfb\xc3[\xbf\xd1\xd0\xeatt\xef\xd3T\xc8\xac\n\xcf\'z\x12?j\xd2*\xe9\xcf\xb4\xd9wZq\xe62\xdd\x80[\rM\xa7&gt;d\xd57\xe6\x9a1\x13\x00/\xb6\xe9\xa5MF\xcb\x9aj\x9d)`\xff\xfe\xb0\x11J\x8a%\xe4\xe5B0]\x89\xd5\xfa\xed\xeb&amp;3#\xe5\xe7\xf3p\xed&gt;\xb7\xea\x0e\x1f\x13UJ\xa4b\x05_\x05\xf4\x86\xe4\xd43\xdd\xbdh\xae\xab\xa4\xdc\x12_(s\xf9\xd7\xfdc\xec\xf9\xcf\x9c\xea\x95dac\xdd5@ \xc7U\xe5\x98*\xfb\xd1\xba\xe5pn\xbb\x00\n\xdfy\x7f-Z\xcdb\xb5%\x0beH\xf0\xb9\xef\xb3\xbbux\xf6\xb4\x9e\x04\x1c{\xb9s\xc3\x03Nv\x1c.9\xcdx\x8d\xd4\x0f\xd6\xec\xb8\xce\xbbb\xc9\xfd\x07\xaaN:\x1fD\x96\xb1\x01\xbe\xc6=k\xcb%\xe6\xa8)\xc6\xc2\xa2\x05U\xaf!\x85\xbf\xf3\x1c~\x08\xcd\x01Q\x83\xe1\x19g\xf8JK\xd3Gr^p\xe7\x8aW^\xc8=y\xd8\x8a\xe9\xf5me~\xdfp\xa4I\xa0\xcc\x83/\x16\x81I\x84_\x1fG\xben\x02\x9a\xdd\xf1\xfc\x9e\'7\xd9\xfe\xf4t\x9a\xa4\xfd\xa7\xa9\xe1\xef:\xa0\xd5\xd0\xcb\xda\xbeY6a\x83\xf7\x01f\xa8Y^6A\xed\x08\x0e\xc2\x7fUz\xc9\xef\x85\xf8n)U&lt;\xaa\x9c\xfdEQ"\x98p\xf8B\x99\xb8)T\x93\x06B\xd7\x05UU\x0b\xc2\xb7,\xb3\x80\xd1\xe4\x7f\xcb\xa0\xfa\xe2\xab\xbb\xc4\x12\x1a\xa6\x8f\x05}\xe1\xb5\xbc\x85o\xf5\xf79oG\xa7\'\x90\xa0\xad~\xdd\xca\xc66\xaaDg\xf8l\xca\xed\x90Z\x13\xbeqd\xb8C%\xe1\xccm\n\xa8\xf0y\xbc\xec\xd4:\xcd.g\xeb\xa9\xdb\x12\xcfz\x84N)H\xf0\xd4\x8a\xf3gM\x9e\x00#\x00#\x81|O\x1ah\xb8\x16&gt;k\xcf\x98\x87\r}\xa3jNX\xa14\xe0\x05\xa6\x9e\xb9!E\xd5\xd7\xbdf=\x1dkW\x12.\xa2\xe0fW:Y\xfc\xa3\xccC\x95}6\xcd\xa5\xf4\xcc\xecKl` \x94@\xa5T&amp;\xbe#\xdc\x16\xcb\xb9n\x81\xafp\x88\xbc2\xf6^\x14Ek\xafg*\xa8Y\xebe\xc5w\xc3\xec\xae\x90\xd3m\xaa,\x00\xebii{-36\xf8\x95]\x1e\xcb~\xc10n\x92\x1a\xbe\xca\xb8\xcfb\x1b\x85&gt;\xdb\xc5\x0b\xec\x98\xdfmo\x80\xa2\x9a\xd0XEkp\x07,vm\xecZDH&amp;\xfef~\x92\xd2\x183\xb7E\xc5x!\x8d\x05\x06\nDy%\x8f\x80L\xf4\xb6\xa6Ew\x13\tO\xd3\x0e_!\xc5&gt;l&amp;IB&gt;\x1e\xb2\x0b=6\x90\x9d\xc6\x89_\t\xa6\x17\xfe\x9c\xfb%\x9d\xc2\xe6'</t>
  </si>
  <si>
    <t>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</t>
  </si>
  <si>
    <t>b'\xef\xcb\xa7\x95\xd3N\xcf\x95\x97\x88I\xf4\xc2\xdc\x8b\xf9'</t>
  </si>
  <si>
    <t>NMOS source follower must drive a
 load resistance of 100 _x0002_ with a voltage gain
 of 0.8. If ID = 1 mA, Î¼nCox = 100 Î¼A/V2
 ,
 Cox = 12 fF/Î¼m2, and L = 0.18 Î¼m, what
 is the minimum input capacitance that
 can be achieved? Assume Î» = 0,CGD â‰ˆ 0,
 CSB â‰ˆ 0, and CGS = (2/3)WLCox.
 11.58.We wish to design the MOS cascode of
 Fig. 11.95 for an input pole of 5 GHz
 and an output pole of 10 GHz. As_x0002_sume M1 and M2 are identical, ID = 0.5
 mA,CGS = (2/3)WLCox,Cox = 12 fF/Î¼m2,
 Î¼nCox = 100 Î¼A/V2
 , Î» = 0, L = 0.18 Î¼m,
 and CGD = C0W, where C0 = 0.2fF/Î¼m
 denotes the gate-drain capacitance per
 unit width. Determine the maximum al_x0002_lowable values of RG, RD, and the voltage
 gain. Use Millerâ€™s approximation forCGD1.
 Assume an overdrive voltage of 200 mV
 for each transistor.
 M 1
 VDD
 Vin
 R
 Vout
 M 2 Vb
 RD
 G
 Figure 11.95
 11.59.Repeat Problem 11.58 ifW2 = 4W1 so as to
 reduce the Miller multiplication of CGD1.
 562 Chapter 11 Frequency Response
 SPICE PROBLEMS
 In the following problems, use the MOS device
 models given in Appendix A. For bipolar tran_x0002_sistors, assume IS,npn = 5 Ã— 10âˆ’16 A, Î²npn = 100,
 VA,npn = 5 V, IS,pnp = 8 Ã— 10âˆ’16 A, Î²pnp = 50,
 VA,pnp = 3.5 V. Also, SPICE models the effect of
 charge storage in the base by a parameter called
 Ï„F = Cb/gm. Assume Ï„F(tf) = 20 ps.
 11.60.In the two-stage amplifier shown in Fig.
 11.96,W/L = 10 Î¼m/0.18 Î¼m forM1-M4.
 (a) Select the input dc level to obtain an
 output dc level of 0.9 V.
 (b) Plot the frequency response and com_x0002_pute the low-frequency gain and the
 âˆ’3 dB bandwidth.
 (c) Repeat (a) and (b) for W = 20 Î¼m and
 compare the results.
 M 1
 M 2
 Vin
 M
 M
 Vout
 3
 4
 VDD = 1.8 V
 Figure 11.96
 11.61.The circuit of Fig. 11.97 must drive a load
 capacitance of 100 fF.
 (a) Select the input dc level to obtain an
 output dc level of 1.2 V.
 (b) Plot the frequency response and com_x0002_pute the low-frequency gain and the
 âˆ’3 dB bandwidth.
 in Q1 V
 VCC
 1 k Î© 1 k Î©
 Vout
 Q2
 5 k Î©
  = 2.5 V
 Figure 11.97
 11.62.The self-biased stage depicted in Fig. 11.98
 must drive a load capacitance of 50 fF
 with a maximum gain-bandwidth product
 (= midband gain Ã— unity-gain bandwidth).
 Assuming R1 = 500 _x0002_ and L1 = 0.18 Î¼m,
 determine W1, RF, and RD.
 R
 M 1
 VDD
 D
 Vin
 R1
 RF
 CL
 100 pF Vout
  = 1.8 V
 Figure 11.98
 11.63.Repeat Problem 11.62 for the circuit
 shown in Fig. 11.99. (Determine RF
 and RC .)
 Q1
 VCC = 2.5 V
 Q1
 Vout R1
 RF
 1 mA CL
 RC
 Vin
 100 pF
 Figure 11.99
 11.64.The two-stage amplifier shown in Fig.
 11.100 must achieve a maximum gain_x0002_bandwidth product while driving CL =
 50 fF. Assuming M1-M4 have a width of
 W and a length of 0.18 Î¼m, determine RF
 and W.
 M 1
 M 2
 M
 VDD
 M
 Vout
 1 k Î© RF
  = 1.8 V
 3
 4
 Vin 1 pF
 Figure 11.100
 12
 Fe</t>
  </si>
  <si>
    <t>b')P\x8b&lt;\xf3C\x9e\xbe\xe2b\x8d\x90.\xa9 \xf2'</t>
  </si>
  <si>
    <t>29508b3cf3439ebee2628d902ea920f2</t>
  </si>
  <si>
    <t>y honest; some of the men are the 
 same; all may be for what I know. But I am responsible for the ship's 
 safety and the life of every man Jack aboard of her.</t>
  </si>
  <si>
    <t>b'\x8f\xf7Bd\xe8\x050\xd5\xc0\x10&amp;\xcc\xe7\xdef\x88\xc1R"\x19\x9f\x93\xd6qr\n\xc1\x1a\xf4\xf0\x8c\x8ev\x19\x1b&lt;{{\xca\xca\x94\x9d1\x99\xfc\xb0\xdf\xb1t\xf5\x00\x7f6"\xcc\x04\x01W\xad\xe7\xde\x03O\xbef\xf5\xb1\x0f\xc7\xf0\xe0\x7f\x7f{\x93\xd8\x84\x9bE\xbcVF\x0eW$\x9e\xadT3\xfb^.\x97O]mcW\xdf\xfa\xf1\xa0T\xefC\xc0l \x84\x0f\xa2\x02\xf7\x96\xd9J\xef\xbdj\x8d\x03\x1d\xb2ip\xa84\x0c\x15\x19\xe3\x884\xab\x1f\xa7V\x94\xaa\xbf\xb4cI\xc9\xd9N\x81\x85\x83\x11Y\x10Mr\xa4\xf8\xc9D\xfd\x8b\xaf\xf5\x93\xb3\x89\x97\r~\x94^=\xc9S\xf24\xed\xb4\xd0!\xcf$|\xf0,\x91\xda\xb5\xe7DV\x9e\x95\xafb1\xb2t\xa3\xabk^\x0c\x8bu\xbe\xc5\x80\xa8bC\xcd@L\x80\xb3\x1c\xda\xfc\xca\x98%[\xef!Y| \xbfc\xe8NG]\xc6\x89\x91\xa9\x15\xcd\x90o\xc9U\\0\xd8o\xb6\xa5]\xcd\xdd\xaa/l=\x81\xafZ,\xc7\xf0\xef\x94\x11\x02V\xff\x06\xe7\xba\x91pY\x1a\xa6@\xbfvI\xca\xdd\x08P|F\x8dD\xd03\x1d\x00J&amp;a/g\xb6\x84dK\xbc:\x99\x9b\xc1\xc7O\xc3\x85\x9c\x9c8\x0b\xc6~\x8f\x8d\xf4\x05\x19\\b\xfew\xd2\x08\xd2\x10z\x12\xc1\xf3ts\xcdQ4Q3\x8b\xf6\x8c\x12klCr\xfas\xccv\xfb\x86=Ye\xe5)\x10\xb9\x12\\\x86\xe67\x06\xfd \xdbN_B\x89v\xa7k\xe5\xdb\xa6\x1eP\x16_b\x90\x8f\x13\x8a7\xfe\xfd\xe6\x9e\x86\xa8d\xfe\xf3\xed\xb2Ky[\xb2\xfa5\xe3\x9a=V&gt;\xd0\xe8I\x81\xc5\xb7\xf6\x85l\x83\x18\xbc\xc4M\x10\x1a\xeb\xf8kV\x8a\x92\x87\xc4\xad ,\xf1~\xf7S\xadX\x040\xc7\nr7\xaf+\xc3\xef\x8fFP\xf5\xba\xd8?\x82\xee\xcd \x98(i\xcc\xf6\xef8\xc34Q\xca\x0f8i\x8e\x94\x9e\xb9Qma\xdb\xf9\x10Z\xc9z \x8b\x8d\x97\xe3\r\xa58d\xbe\xb6\xbb\xa1\x90g\xdb\x7f\x82['</t>
  </si>
  <si>
    <t>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</t>
  </si>
  <si>
    <t>b'\x8f\xf7Bd\xe8\x050\xd5\xc0\x10&amp;\xcc\xe7\xdef\x88'</t>
  </si>
  <si>
    <t>eâ€”was heâ€”was he only a wood fairy?"
Something white fastened to the standard rose-bush caught her eye. It was
a piece of paper, in fact, it was a piece of the letter she had printed for Martha
to send to Dickon. It was fastened on the bush with a long thorn, and in a
minute she knew Dickon had left it there. There were some roughly printed
letters on it and a sort of picture. At first she could not tell what it was. Then
she saw it was meant for a nest with a bird sitting on it. Underneath were the
printed letters and they said:
"I will cum bak."
CHAPTER XIII
"I AM COLIN"
Mary took the picture back to the house when she went to her supper and
she showed it to Martha.
"Eh!" said Martha with great pride. "I never knew our Dickon was as
clever as that. That there's a picture of a missel thrush</t>
  </si>
  <si>
    <t>b'\x9dq&amp;\xf8`\t\x8e\x80\x83\x83\xc3\xa56\x8f\xb3"\x9a\xe5\x0e\x98\xa2\x1dP\xc1\xb7\x85\xb0\xbf\xa8\xda\x15\xb2\xd5\xe9o+\xf4\xe26j\x15?K\xd7\x1ft\x9cx\x122~\xc0\x14\x88\x1b\xc1\xc8=\xe1vd\xa9j\xac\'o)h\xc7\xd3\xc4\x04,\xdb\xfe\x88{*&amp;\r\x8d-\xbe\xa0Z\xceg\xd6\xc4=\xa0[\xcaU\x82\xdf"h$\x18\xe4\xb3\xfe\x9e\x84\x12i0O(q\xc3\xa4?\xed\x95\x8f\xc3\xb2s\xbe\xae\xca[\xc2\x1ag\xfe\xd8\xf3y&gt;s;X\x82\xcfh\xa2\xa6\xaa,J\xffR\xab\x9c\'\xf7D\xf9\xc6\xa6\xbb\xc50\x87\x94\x1a\xd6\xc8qx6\xfd)\xd7H\xfc1\xdakm\x15X2?\xec~T\xe7\xb1W\x9c\xd7:\xd2\\\xbaK\x83z\xa6\xe2\xcd\xa7\x12\x97r\x96*\xdf,\x1d\'9\xcf\x1d:o\xc2D\xc8\x8e\xa5Ij\x1f`_fd_\x98\xb5\xee\xba0\xe2i\xdc\xf2\xca\x8c\x07\x83a\xb8\x96=\xfc\xd4\xcdE\xffp\xf8\xdc\x89\xa7X\xdf\xbd#.=K\x81\x8e\xac|M9]\x956\x82\x89\xc4\xba\xb2Y\x87o\t.k0d\xac$Ud\xa0/O\xa8\xcb\xa0\xca\xa9\x8d\x80\x92r\xfa\xe4\xc1$\xe0\x85\x9a&gt;n\x18.\xfc\x91\xc0z\xae\x8a\x8a+\xa5\xe9\xb2\xef\x9f\xd0n\x88\x1a\x8f\x16)\xb8\x00/\xbd-\xeeS\xc0Y\xcc\x9c+M\xf3\xb6\xf3&gt;\x9fDP\xed\xce|@$$\x1dB\x82\xe1\xef\xb0\'7\x9b\x05\xc8\xc4\xc8\xb0#\x95&gt;\x07\xcez\xec\'h~\x04A\xd1\xef\xd6R\x1e\t\x89\xf1linWk\xeaU\x8a\xa9\xa9*?{\xed\x84\xe0\xcf@&gt;&amp;&amp;!\x9e }j\x00O\xca(\xf4\xfe!\x97\t&amp;EQ\x81\xe4\x12\xb5}\\0\x95\xb3\x15\x92\xe3\xa17)\xaa\xb8R4@\xe0\x15\x8d\x8b\xe2\r"\xf9M\xc7\xe5\xdem\x1f\x81\xa0\xab\x01\xbf\xbb\xe4\xbd`\x9b\xfe\x1b\xf2\x17\x7f\xef\x06y)U\x90\x0e#X\xd0\x13\x1d\xf70\x17\xb1m\xd9\x05\x9d\x01\xc0\x83\xf7\xfc/o/\xaa\\\xde^~O\xcbqa\xe0\x9d\x00\xdb\x7f\xdd0{\x99Jdz*\xc9Z\xa1]\x14O\xc4%&lt;\xf5N\xb2\x9b\xc5\x18\x9c\x1b;;\xeb\x882\x8e\x83\xbc\xf5&amp;\xe8Z\xcd\xfb\x07);\xc3\x1c\xfdB\x15\xf5S1i\x9a\x0e#iZW\xdd\x05\xb6\xf4\x8eG\x08\x8b\x8c\x00U\x88\xb4\x7f\x16\x12W\x12?\xe6:\x87mK\x85_\xcd\xec\x19\xbb/\x91\x00\xac\x10=\x1eU\x8e\xca&lt;\xe7\x0f\x93y\xa4zhm\x84\x9a\xc7\xf8\x18T\x93\x94\xd3\xd7\x03\xa8\xe3D\xdcF\x1c"\xf1\xb0I\x94\xd1S\xe8\x89\x81\x1e\xfa\x1cGX\xb5\x00\r\xdd \x18}\xe1y\xa7\xad\xc1h?\xd1Br\xf6\xe6\x08\x13g\x08\xd4\xea\xaf\xbe\xc0;o\xd5\xe4\xf8\xee.y\xcdT.C\xd2\xb8\x8b\x91\xd9\xd8\x84\xe5;\xddt\x96w\x16%JQ$\x96\xcfJ\x0bA\xd5\x0ft\xaa\xb1\xe8\x00!{\x9a\xbf\xbd\x9ez\x80\x88jm\xba=\xae0s\xb7\xf8\r\x17\x8d]\xb9,\xe2%\x00\xc8\x8aW\xff\xd4\xfb\x06\x89\xe3~\xa6\xc62\xcb\xf1\xbcE\xb9\n?\x9f\xd8\xd9\x03\xbaq\xaa`z\xfe\x1c(\x1fl\xfc\xfdO\xa6\xd2]\x1b\x04+\x8b\xae\x81\xad\xa8\xba\xf2\xf0Qz\x9a\\\xdf\xbb?'</t>
  </si>
  <si>
    <t>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</t>
  </si>
  <si>
    <t>b'\x9dq&amp;\xf8`\t\x8e\x80\x83\x83\xc3\xa56\x8f\xb3"'</t>
  </si>
  <si>
    <t>er or of anything else.
CHAPTER V.
Advice from a Caterpillar
The Caterpillar and Alice looked at each other for some time in silence:
at last the Caterpillar took the hookah out of its mouth, and addressed her
in a languid, sleepy voice.
â€œWho are you?â€ said the Caterpillar.
This was not an encouraging opening for a conversation. Alice replied,
rather shyly, â€œIâ€”I hardly know, sir, just at presentâ€”at least I know who I
was when I got up this morning, but I think I must have been changed
several times since then.â€
â€œWhat do you mean by that?â€ said the Caterpillar sternly. â€œExplain
yourself!â€
â€œI canâ€™t explain myself, Iâ€™m afraid, sir,â€ said Alice, â€œbecause Iâ€™m not
myself, you see.â€
â€œI donâ€™t see,â€ said the Caterpillar.
â€œIâ€™m afraid I canâ€™t put it more clearly,â€ Alice replied very politely, â€œfor
I canâ€™t understand it myself to begin with; and being so many different
sizes in a day is very confusing.â€
â€œIt isnâ€™t,â€ said the Caterpillar.
â€œWell, perhaps you havenâ€™t found it so yet,â€ said Alice; â€œbut when you
have to turn into a chrysalisâ€”you will some day, you knowâ€”and then
after that into a butterfly, I should think youâ€™ll feel it a little queer, wonâ€™t
you?â€
â€œNot a bit,â€ said the Caterpillar.
â€œWell, perhaps your feelings may be different,â€ said Alice; â€œall I know
is, it would feel very queer to me.â€
â€œYou!â€ said the Caterpillar contemptuously. â€œWho are you?â€
Which brought them back again to the beginning of the conversation.
Alice felt a little irritated at the Caterpillarâ€™s making such very short
remarks, and she drew herself up and said, very gravely, â€œI think, you
ought to tell me who you are, first.â€
â€œWhy?â€ said the Caterpillar.
Here was another puzzling question; and as Alice could not think of any
good reason, and as the Caterpillar seemed to be in a very unpleasant state
of mind, she turned away.
â€œCome back!â€ the Caterpillar called after her. â€œIâ€™ve something
important to say!â€
This sounded promising, certainly: Alice turned and came back again.
â€œKeep your temper,â€ said the Caterpillar.
â€œIs that all?â€ said Alice, swallowing down her anger as well as she
could.
â€œNo,â€ said the Caterpillar.
Alice thought she might as well wait, as she had nothing else to do, and
perhaps after all it might tell her something worth hearing. For some
minutes it puffed away without speaking, but at last it unfolded its arms,
took the hookah out of its mouth again, and said, â€œSo you think youâ€™re
changed, do you?â€
â€œIâ€™m afraid I am, sir,â€ said Alice; â€œI canâ€™t remember things as I usedâ€”
and I donâ€™t keep the same size for ten minutes together!â€
â€œCanâ€™t remember what things?â€ said the Caterpillar.
â€œWell, Iâ€™ve tried to say â€œHow doth the little busy bee,â€ but it all came
different!â€ Alice replied in a very melancholy voice.
â€œRepeat, â€œYou are old, Father William,â€™â€ said the Caterpillar.
Alice folded her hands, and began:â€”
â€œYou are old, Father William,â€ the young man said,
â€œAnd your hair has become very white;
And yet you incessantly stand on your headâ€”
Do you think, at your age, it is right?â€
â€œIn my youth,â€ Father William replied to his son,
â€œI feared it might injure the brain;
But, now that Iâ€™m pe</t>
  </si>
  <si>
    <t>b'\xaf\xac\x19\x0eHL\xc7\x01\xe3\x15\x16\xae\xc0S\xb6x\xecO\x91\xa6Pq\xe4\x9b\x03\xb1\x8a\xdf\xf8`\xea"\x16\x00b\xe9!O\xbfo\xafu\xa5q\x8a\x7f\xd1G`\x9e\xb1\x99\x1f$e\xf3\xb0K\xc1d\xaf\xdc*oY\x1f\x9e(\xfd\xf9\xa7x\r_\x0b\x9c\x08?\xd5\xac\xcd\xb1\x059x\x81\xdd\'\xd8\x8d\xb9\x14`b\xcb\x0b\xeb\xeb\xccQ36e\xfa\x8br\x9b\x10\x0fV\xd8e\xf8+\x99D\x0e0\x82\xb5+\x06/\xa0\xcbR\xe9\xdd1X3+\x80=\x11\x9e\x1e|\x87W\xae\xdd\x0cAt\r\xe9\x82\xf3\xf8\x92\xda\x00T\x1f`T\xcf\xe8q\xbd\xe7\xfdv_\x81\xea\x1f\xfa7\x18\x8c\x88\xfa\xa6\x83|\xdc\x80\xec\xd4~\x10u\xc6~t\xc0\x8cT\xc8J\x80\xb3\xfb\xe9\x85\xe6\x8f\x97\xe0?\xb0\x83\xb4\x1b\x948 \x96\x03\xf6JS/i\x89\x00\xd0\xbb\xf6\xaf\xc8\xeb\xb6w\xcb1\xe0\xfa\xf6)\xb9E\xef\xca\xb3\x94\xb1%\xed\xa0\xfa`\xe3\xc8\xe6\x01I&amp;n\xf9g\xfa*\x03\x02&amp;\x8fB\xa5\xaa\xe7\xe9\xc4\x9c/\x841\xd0\xa5~\xb2\x82\xf2\xf8e\xc4sn\xcc2\x8a\xe9\xe5\x85\x14\x05o/\x9aQ\xad\xf5\x92qs![D\xdd\xe2\xa6\x14\xbd\xf45v\x0ei\x10\x0f\xcb\xb3\x0b\xb1\xcb\x01\x1dd\xbd\xdf\xee\xa3\xa8\xb4\x01,\xa3|\xb2\xb7\x91@\x98G\xdf/\x9ehnW=\xf4\xcb\xae\xb4\xf3\xc9I\x178,\xf4\xd86\xd1I\x98\xe0\xbcv\xa9\xcf\xa2U\xad\xce\xc2VH\xee\x8d\x88\x89\xc7c\xf6\\uS\xdd\xed\xa5\xde\x13\xdd\xe7dk\xdb]\x18\xf2\x12\x9f+t\x1a\xfb\x8d\xb5p$]\xefY\xdd\xe8L\xf1\xb1\xf7\xe0Z\xd8\xd2XH$$\x11\xd8\x0b\x1c\xc6\xcb\xee\x86f\xb5\xd1\\/wX\xce\xe6\\\xfaU\x99\x87\xb0\xaeA\xd2\xc3\xb4\x9b\xba{\x95\x81\xb71n\xe4(\x18\xaf&amp;\x08Uw\x92f?\xc8u\xec=\x80\xd4\x88\x13\xc6N\xce%ln\x88\x8bO\xdf\x0b"\x8e\x96\x97\xf3\xf5bY\x8cs\x8e\x1314\xb8\xf8*\xc0\xdf\xcc\xd9%\xedq fV2g\n\xe6\xee\xfb\xbf\x8a\xaf\x82[4\xe1\xfbX\xfd\xf8\x04\xde\x14K\xf1\xeb\x07c\xce\xaa&lt;.\x8c\xe3\x11o\xf8\x024\x14\xc1\xebO\x1c\xbe\x88\xc0\x897"\x99#&lt;=\x8fn\x8f#\xecs\xd1x%\x8dr\x03\xed_\x83\xedKl\x1a\xdfr;X\x19cq[Q\xb3\xfb\xc0\x97\xabp\xb0\xd6\xd9\x1e@\xd5\xc8\x8es\xef\x82}z3\xb2\x9b2\x03F\x07\x81\x0c\x90\x89\xfb&gt;Z\x08\x87\x85\xd98\xd4e\x1f\x12\xc9\x88\x17\xf2\xa6\xfe\xb8z\x8c6W\xd6\x83*\x14\xed3\xe7%\xd4\xe0\xd6\xa8he\xbc\xbd\xd1\x7f_5\xc8\x13\xcdj\xc0\xa6_)\xfeH3\xbexm\x19\x15\xfc\xcah\xd5I\xea+\xea\xc6!\xe5B\x1d\x0b$\x80\x0fL=\\zI2wJ\x92\xce\xe4\x9b\xc8\xf2c\x19\xea+i\xc7\xd4\xb6\xa6\xcc\x83\xad\xa6\xd6\xd7J\xf1\xad?\x15\xf1!k=\xe2\xfe\xee\xb9\x80F\n\t\xb0^\x1d\xeaw%,\xaf\xad\xb4\x0f\xc5\xdf\xf3\xc7\x07)s\xa2\xfe\xf1\xed\x97\xeb&lt;\xa2\x00\xac\xa25\x15\xd5\x00\x0c\xe4L\x8b\x94z&gt;o\t\x8d\xc8%\xd5\xd8\xc1+\xec\xb3k\x8dAt\xa5\x9b\xae\xd47\xe2r\x11\xa0%\xfb\xe6!\x07\xb9\x82\x86|D_\xc5M,!B\xd7o\x03\xf5+\x89\xdb\x05\xba\x02\xed\xc5\xf7\xcb\xccA\xc9\xcb\xf1\x88\xd8\x12\xca\t\xc8\xa2\xa9\x92%\xad\x1b\xc4\xb3:\xc0\xe8\xe3b\xa4b\x7f\to\x96|\xf1\xa3\xe9\x9cO\x97\xca^\xa1\x00/\xebN\xc9\xcb\x92\xfe%z\xf3/{\x0c\xe7\xc2\xeb\xc8\xa2oJ\xa1\xc4@C?\xe3\x94\xd8\x1f\xba\xbe2\x90O\x1bY\xe0\xe6\x0c\xe6\xdb\xf8\x8c\x08sB\x1bt\x08\x12e\xaa\xa1\xba\xe9\xcf\xd8YV\xd3`\xa6\x9bBo\x81~J&amp;0\xdc\xf9F\xbac\xf4\x80\xb5\x12\x1c\x03\xa4\xd6\x9e\xed\x03\xa6\xb3Z\xc3\xc0\xb2\x92H\xaa\xf4\xd2\x94\xa2b\x0e\x93\xfe\xbb\xec\x88&amp;\xab\x85\xc04 \xbe\xa5\x00\xdc[x\xc2\xafcv\x0f\xb98&lt;\xdc a\xda\x84D\xb4\xb8\x986\xf4\xbb\xe4I\xdc\xbd\x85&amp;V\x8e\x96da7x\x89\xdbdb\tz|\xdcS\xf4\xc7\x9d*x\x19\x87\xf4b\x1b\xd0\'.(\xdbj\xa0\xbbA\x00X.\xbb\xf8\xfez\x9fO\xc61x`\xe6\xfd\xfePz\x04\\\x89i@\xcc\xc8\xcd\x92P\xa25\xd79\xe7\xda0]\x07FAo\xf8\x9f\x8d\x9b\x9b\x12E\xdcg\xa6\xe4=\xb4\xee\xa8\xb05\x88\xbfr]\xa5\t\xe0av\xe6w\x1d\xf1\x047\xb4\x7f\xf8m\x01\x80\x89G\xd1\x98\x14\xc5\nJ\xbe\xdb\x15\x8d\xfe\xc62G\x0b(\xdf\xb6\xc9\xd4w\x16\xda\xc8WuE\x965Z\x0f\x872\xeet\xa4|jO\x11!\xb4\x94\xafa\xb8\x7f\xf9rk\xf0\xa3bif~s\x0fd\xd7\xd51\x19t\xe7\xba\x1b\xce\x83+l\xe9\x03o\x1du\x81{\x98\xb1\x13l\xaf[?\xff\xa2\xae\x97K\xdb\xe7\x8d\xf4\x91\xd3\x08\xcdc\xab\xf5\xa2\xa2\xcdD0\xfa\x03f\x91\xae\'\x8a\xfc&lt;\x0c\xef\xee\xde\x03Y4H\x03\xf9\x02G7\xdf\xe9\r2B$\xcbE\xf3\x07\xfa\xb5\xf4A\xd8 \xb2\xa9\x049\xef\xc6W\xe8\xc70\x85\n\x93R2J\xf1"\xd0\xe9y\xfc\xa34v\x01\xfa\xd5QC\x84\x86\x15\x8f\x12R=\x03+K\xac\xd6\xe0\xfa\xc1n\x05/nj\xec\xd3L\xbc1\x800\x0e\xd7\xcb\x14t\x06\xac{Df`Rz|\xdc`\x01\x18\n\xef\xa6\x132\xf7\xb2\xe8\x86xt$Y\xa0?:,\xe7\xd9YAs\xc3\x9a\xc6\xb9\x1aMZ\xd6\xc71\x1cr\xd0E\xf1\xe4\xec\x89\x05\xcb\x1b\xae\xd0\xec\x1c{y\x8d\x81\x90\xb4X\xc2Y\x8b\xd0\xa75\xbc-\x98\x82\xd0\x15\xda\x9d\xae\x8f\n\xa0\x97\x9c\n\x94\xd3\xf3h\xc1\x82\x12\'\x94t\x13\xec\xda0?\x977*P@pDl\x8e\x83\x81\xb8\x17\xe5\xe5J\xdd\xbaAZ\xd9\xcd%\xb0M}\x03Y\xf6\xac\xae\xd2\xceDV\xfcl\xb2\xc4\xbe\x94\x17\x14J\xf4\xbe\xc8\xe0\xbbw@Ho\x13\xe1\x9e&amp;\xbd\xf6\xedl\xc8\xf4\xd9\xe5\xad\x1aq,o:\xfb1\xaa\xd8\x9b]\xb5\x16afew8\xf4g?\x80}\\\xcb/\x1b\x00s\x99\xba\x93\xcf\xb6\xb8\x0f\x89$\x19\xa9\xeezKF\xd4\xb0\xd1\x91\xc7\x81H_8"V\xa5\xda!C\xef\xf9\xe4\x95\xa93\x17\xd3\xda\xa6\xf58ZZ\xaa?\xd5G\xcd\xa9\xcd(\xbe\xe42\x1d\x01\xe1\x9d\x9d\x8a\x12V\xf0\x0fm\x1df\x9b\x0b\x89\x14?\x15\xf7\xc8\xd2\x80\xef\xa6,t\x8b6\r\x99\xd0\xc8\xf3g\x11\xf7P\xda\xff\xda\xdc0\xfa*\xbe\xa2\xcb\xdb\xe9S\x95,Q\xd3\x0f\xcd\x88.\x89\xa4zCJ%^W\xcb\xcc\xb1\xe9\x80`\xae\xbf\xe5\x12SDX\xc1\xeb\xf7\xf3\xe2\x92\xed\x82k\xa8\xca^\xd3\x9caRc\x9a\xec\xcb\x91\x94g\x8c\x12\xaf\xfa\x85I\xa9\x85N2\x90\x93\xc3\x16l:t0\xef\xfd\xfd\x8d\x15\x968\x01\x99\x82{\x94\xfa\'\xfc\x17\xf1GB2\x0f\xa1\xd5Q\x0c9\xe1\x01\xb9nA\xdb\x90\xf0\xfd.Y\xf4\x1f\x9a\x12@h\x83P\x80\xe7\x05\xf6*\xf3H- v\xc7O\\\xd3\xcc\xe2\xd74\xf0\xb8RP\xdc\xa9e1\x1cw\xcf{\x8c)\xaf\x04}\xac\xa8\xe8\xb4\xb0\xc0\xe0\x92\'\xc97?h\xe6e\xaf\xcc\x99\x9d"\x1e\x94=q^\x8dW"\xaf5\x00\x1e\x8ee\xdag\x85\x19\x9c\x03\x14\xee\xb7tnCX\xab\x0f\xb1\xd2\xf6\xfb\n\xb2M3I\xa3\xfeN\xd3\xbb\xe6\x1d\x81Dhx\xf6\x9dX\xaff\x1f!\xe42rPI\t\x80b\xe4\xde\xbek\xfadZ\x0eV&lt;\x8bt\xafv\xc9\xac/\x101\xbe\x91\xb6\xbf\xb6\xccx\x8d\xd8O`\x94\x15C\r"\x1e\xf4O2S\x07\xacQk,\xe9\x0c\xc4\x81E\x10\xa7\xd7j\xd5\x80\x11\xc7\xcen\xdbF\xc0/T\xd0,h(\xf9f\xe1\xf7&gt;;\x0fb\x80A\x9a$"\xbc\xa4\xdcV\\\x89}~{U\x92\t\xa2\xc31\x03I\xfaL\x06\xbc\xf4\xb5\xb1\\b\xa2\xd6\x0er%\x0b1\x0e\xbf\x91z\xff\xe5h)XN\xcd\x85j\xf6\x81\xf8%\x11\x8e\x06?|\x06\xe4\x9d\xf5-\xa1\x82\'\x94\xb8gk$\xc4m4\xa7o\x12.\x06\xda\x8er\xb3\x93\xc6\x11\x19\x01W\x9f\x8d\xf28\xed\xa7\x13\xc8\xd8\xe6$6\xfcSL\x83\x9a\x84\xf6\x0e\x03TW\xb7\x81\xe2d\x05\xba\x07\xd3uy\xfaa\x1f\xbeK\xa3]\xa1\xe8\xdc\xe0\xc4\\\xa4\xe87\xadF\x0b\xcd\xa3\xb3\xfa\xbc\x1a\x9aL\x05\xbb^\x93\xbf\xb3\xf9\x11`t\xd1\xd5\x03\xa38~n\xf2\xb7\x1a0\xe4h\x12\xce\xda\xf3qO2\x98\x81\xc9\xe1\x17]\x8ey\x18\xef\x8b\x18\x85\xe8\xb4R\xca\n\xca\xa7A\xa0M\xe7\xa2\xfd&lt;\xaf\x0e\xf47\xc8\x9bz$\xb7\x164\xfe\xd2d\xdab\xd6&gt;&lt;\xdb\xb5\xe5\xca\xdb\xa5\x0f*l.\xd8\xbd}\x90cS\xe2\x94F\x16.\xba\'L\xea\x1a\xe2\xe0\xc64U\xc8TU\x19:\x8a\x8a\x1b\xcb\x16T\xb3\xb42\x01zp`V$\x8dl\x8d3\xbd\xc3\x14p\xe9\xa6\xcf\r\xcbB\xdb\xe3\xad\x0b]Wr\xe6\x10\xc9\x02\xaa\xfb\xee"\xa8\xad`I\xab\xbdy\x03I!i*\xe1\x96\xae\xca\xa5\xef\x98\xbf\xab\x839&gt;;I\x88@\xdcg\x16K\x83\x0f\xb8\xd9W\xfe\xf2\xa2\xfc-4\xc7e\xaf\x85p\x91\x8c\xc0x\x88\x8a2\xe3\x0b\x9fX\x11%\n\xf7m%\xd37%l\xb3\x1b\xf4\xbb\x89\x1d]$\xaa\xf9AKR\xee\xe5\x14Gm\xe5#Yl{dH \\\x15\x86\x0f\x08&lt;\xa7\xe4\xe2\x13\x7f\x12\x05\x98`q\x05T(\x05\xc3\xb6e,@\xf1x\x02\xf9\xcf"\xb8\xe4ag\xce7\x02/\xe5\x84G\xb6\x03;\xab\xbd\xeb\x84\xa2\xde\xee\xa6\xed\xda6C\xcc\xef*\xd3q\x0e\xa9\x0f\x8c{\xbb\xea|z\xc1\xc1\x8a\x8d\xfda\xf8CW\xca\xf2\xd0\xccJe\n&amp;\xea\xf8\xd5\x86\x84\xec[^d\x80F\x1d\x82O \xad\xcb9\x82\xc3|\xca\x17\xc8\x90\x04^u\xc9\xd7\xe8u}\x89\x83=\xdb]t\x08\xae\x8dq\xb5Rf\x16&gt;\xba\xe8\r?\xf9\x1f\xeb&gt;\xb49P\xb4\xc0{\xaa5\xea\x1e)\x95s`i#A"\xa2\x17\xd7\x9b\x80\x930=\x13\xd0\xdbK\xa6C&lt;\x83=\xcb\xf1\x9b\xe2^\xd9C\x85\xff\x07B\xc9%e\xba\x1c\xe4\xb7w\x0c\xa1\x9a,\x1c\x91\x9c\x96\xcej\x8a\xac\xbf\xd0\xfb\x1f\x95\x7fp\xeeh+\xad\xa2\xe2\xc5\xe1\xa2\x87\x05^2\xde\x1a\xb4s\xbf\xfa;Y\xec\x80`\xedo\x1eT\x04\xa2.\xd1\x97\x89\x9c\xc2\xe3\xbc\xff\xfc%\xf3Kk\x9e\xe1\xe5j\x93 \x91\xff\xd3\xc9\x8c[ju\xb2\xc47\x95A\xa4\xbb\xee/\xe4\xaf\x7f\x91\x9f\xa1\xf2V1y\xae\xa0u\xa3Zm3\x1ck34@\xf3\xebmx0p\xa4\xe7\xbc\xe0\xe4%\xec:\x1a\x10\x1e\xc3\xa5\xf8\t\xd1bO\xf6\xe8\x0b\xaf.\xc0Co\x8a\xa1\xb9\xb3\x81\x08\xf5\xb6\xab\xe1l\xdb\xe9F\x03\x81M\x1b\xab\xde\xcd\xbd}S\xcf\x00\x1c8\\\xe9\xdbo\x90\x1d=\xa7\x83\xf6\x81\x16\x97\x02\xc2\xf82h\xec!LN\x98(Gt\xf3[\xbe\x05~\x98\xc1\xa6\x8bFQ\n\x15]pL\xfbd\xd8\x85\x15\x11\x12\xe9\xb7\x812\x84\xe5m=\xf5\x82\xcd\xb4\xfc+\xc8\xcc\xe6e\xb3;\x0b\xf5a\x9a\xba\xdbd\xc5\x85Q}D\x1f36\xdaR\x0e\x9d\xdc\xec\xaa5\xe56\x91\x16\x9bF\x1d\x81\x89(tO\xe8\x9d7\x98\xc1\x17OI\xf8\x1e\\\x0c\xbb\xd5\xaf`\xda\xb9\xbd\x9d\xd7\x16f\x18\xbfrC\xf8q\x87\xc4\xae\xb4&amp;\x93\xdc\xc2\x1b\xca\x93\xfb\x90\xfaU{\xb1*\\UM\x9c\rIO\x9c\xc2\xfc!\x17\xb4\xad\xaa\xf7\x10\xa4\xdd\x9c"v\x14\xef\xb4\x83\x04\n \x14\xf2V\xe0\xb2\\\x085\x13\n\x90$\x93\x858\xa85\xcf]Pq\xd62\xc5\x14p\xe7N\x01\x81i\x08\xcc\x9e\xaa\x98k^Hq\xb2\xc8N\xd7\x89p\x9a\x1e\x8b\x1a\x08b\t\xc7\xac\xd6\x165d\x041\x14\xa2\xa4\x0b\x1f?{\x98\x97tCg2r&lt;\rP\x07\xdc\x88\x85\x8d\xec\x93\xd5\\\\\xee\x99\xa083Q\x8f\xe5\xbd\x07\x8bw\xeb\xa7f\xd7C\x9b\x8f+b\x06\xb7\xe8\xcb\x00\xee\xa5u\x89\xc3 \x88\xb5\x14\xed\xed\x0b\xf4\xde\x13\xed\xbc\x17\x86Z\'\xe5\xc2)\x05fn\xa1X\xf5&lt;5\xe0Z\x88\x8b\xf3\x15\x1e\xee\x88\xc5\xe8\x10zB\xe02!\x89\xff\xe8j\xc8Tj\x98\x9a\x15%=\x1fO\xe0\xc7\x9fM\xdeDj\x99\x8e\x80\xc5\xca $/\x02F\x9d.\xeb!\xf6\x8d\xe4\x8b\x02\\\x94.\xc9\xc2\x1c\x19\xea(\xa6y\xb9\xbe&gt;\x8e\xfa,\xcc\xc4/\xee\xc7\xac\xa5\xf1\xbc\xf8\x15\xef\x077\t\xc4\x8f~t\xa1`\xe4I\xf3\xed\x9c\xe6*Q,BT\x10\x9eH@\x12b}HQ{\xf3@[J\xfe\xfa\xd7[\xad\x1f\xef9\x89\x01\xee8y\x87\xe51\xfe\xec\xc2\xdb\x10\xb4\xfc\x97\x927i\xce\xc3%\xa1\x9bX\x9dO\x97P\xa1{\xddw\xdfU\x7fF\xc5\x9a\x7f\xf4\xeb\xe0\x1d\xbfB\x03\xa3\xb3FR\xb8\xbc\x86\xd72MK\x93n\x8c\t\x11;S\x7f\x1al\xeb^\x06\x88|ie\xdd\xb5\xe3,\x0fd\xe7\xaa\xc2|\xe1i\xa6w\xccg\xc5\x15P\xc2\xc5V\xda\xcf\xfeB\xba\\\xad+[\x90\x96l\x7fi\xb0(u1V\xbe\x07^\x10@\x0f\xe9\xf3 v\xf5'</t>
  </si>
  <si>
    <t>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</t>
  </si>
  <si>
    <t>b'\xaf\xac\x19\x0eHL\xc7\x01\xe3\x15\x16\xae\xc0S\xb6x'</t>
  </si>
  <si>
    <t>to; 'but if I had not, what I saw was enough
 to have frightened the Pope himself.'
 'What was it?' enquired Emily, trembling.
 'I cannot tell what it was, lady, or what I saw, or how it vanished,' replied
 the soldier, who seemed to shudder at the recollection.
 'Was it the person, whom you followed down the rampart, that has
 occasioned you this alarm?' said Emily, endeavouring to conceal her
 own.
 'Person!' exclaimed the man,â€”'it was the devil, and this is not the first
 time I have seen him!'
 'Nor will it be the last,' observed one of his comrades, laughing.
 'No, no, I warrant not,' said another.
 'Well,' rejoined Roberto, 'you may be as merry now, as you please; you
 was none so jocose the other night, Sebastian, when you was on watch
 with Launcelot.'
 'Launcelot need not talk of that,' replied Sebastian, 'let him remember
 how he stood trembling, and unable to give the WORD, till the man was
 gone, If the man had not come so silently upon us, I would have seized
 him, and soon made him tell who he was.'
 'What man?' enquired Emily.
 'It was no man, lady,' said Launcelot, who stood by, 'but the devil
 himself, as my comrade says. What man, who does not live in the castle,
 could get within the walls at midnight? Why, I might just as well pretend
 to march to Venice, and get among all the Senators, when they are
 counselling; and I warrant I should have more chance of getting out
 again alive, than any fellow, that we should catch within the gates after
 428
 dark. So I think I have proved plainly enough, that this can be nobody
 that lives out of the castle; and now I will prove, that it can be nobody
 that lives in the castleâ€”for, if he didâ€”why should he be afraid to be
 seen? So after this, I hope nobody will pretend to tell me it was anybody.
 No, I say again, by holy Pope! it was the devil, and Sebastian, there,
 knows this is not the first time we have seen him.'
 'When did you see the figure, then, before?' said Emily half smiling, who,
 though she thought the conversation somewhat too much, felt an
 interest, which would not permit her to conclude it.
 'About a week ago, lady,' said Sebastian, taking up the story.
 'And where?'
 'On the rampart, lady, higher up.'
 'Did you pursue it, that it fled?'
 'No, Signora. Launcelot and I were on watch together, and every thing
 was so still, you might have heard a mouse stir, when, suddenly,
 Launcelot saysâ€”Sebastian! do you see nothing? I turned my head a little
 to the left, as it might beâ€”thus. No, says I. Hush! said Launcelot,â€”look
 yonderâ€”just by the last cannon on the rampart! I looked, and then
 thought I did see something move; but there being no light, but what the
 stars gave, I could not be certain. We stood quite silent, to watch it, and
 presently saw something pass along the castle wall just opposite to us!'
 'Why did you not seize it, then?' cried a soldier, who had scarcely spoken
 till now.
 'Aye, why did you not seize it?' said Roberto.
 'You should have been there to have done that,' replied Sebastian. 'You
 would have been bold enough to have taken it by the throat, though it
 had been the devil himself; we could not take such a liberty, perhaps,
 because we are not so well acquainted with him, as you are. But, as I was
 saying, it stole by us so quickly, that we had not time to get rid of our
 surprise, before it was gone. Then, we knew it was in vain to follow. We
 kept constant watch all that night, but we saw it no more. Next morning,
 we told some of our comrades, who were on duty on other parts of the
 429
 ramparts, what we had seen; but they had seen nothing, and laughed at
 us, and it was not till to-night, that the same figure walked again.'
 'Where did you lose it, friend?' said Emily to Roberto.
 'When I left you, lady,' replied the man, 'you might see me go down the
 rampart, but it was not till I reached the east terrace, that I saw any
 thing. Then,</t>
  </si>
  <si>
    <t>b'\x07\xac\x8b\xf0\x8b\x13\xcaT\x93\xa9\xd04d\x91\xcd\xb5 \xaa\xf8\xf5r0\x99\x98\x91\xd9c\xd7A\xf3\x1d}\x8e\x0f\xa7_\x86\x16\xf2\xb9\xd2q\xa9\xe8\xdf\xf3\xd3\x8f5\xbf\xee\x10\\\xe7\xec\xe8&gt;\x80\xdeK\x9d\x8d`\xc8'</t>
  </si>
  <si>
    <t>07ac8bf08b13ca5493a9d0346491cdb520aaf8f57230999891d963d741f31d7d8e0fa75f8616f2b9d271a9e8dff3d38f35bfee105ce7ece83e80de4b9d8d60c8</t>
  </si>
  <si>
    <t>b'\x07\xac\x8b\xf0\x8b\x13\xcaT\x93\xa9\xd04d\x91\xcd\xb5'</t>
  </si>
  <si>
    <t>his cutlass and loosened the blade in the 
 sheath; and all the time we were waiting there he kept swallowing as if he 
 felt what we used</t>
  </si>
  <si>
    <t>b"8\xad\xf6\xf3\xd4.\x02/h\x97\x8f\x06\xa1\xe0BZ#/R\xdf\x1bi'\xef\xa3\x8c\xd0&gt;\x0f\x12\xef\xd8\xd2\xa7\x18\xea\xdc+\xb2\x05\xb7[\xc5a\xba\x1b\xed0\xceX\x90\xa6\xbd/\xa1\x01I\xcd\x91m\xd8\x94\xcf\xde\x87\x10^s\xa5\xd9i\\\xe6\xe3J o\xd4\xeavR\x14 tD\xfe\xf1\xe2\xa6PJ\xb9\\\xd0Ov\x08|E\x8f\x03\xe0\xa6\xe132\x8b\xc18\xbd\xc5\x7f\xd7\x1f\x99\xfa\xb9\xa7\x83k5;\xe5\xdf\xfb\x13\xdf\x9c\xe6\x7f(\x96s\x98\xe2\x11\x1d\xde\x8e\xcdk\xdd!V\x9a\x8a\x04\x1d\x05\xd1\xf2^@{\x93\x02b6\xe7\x94Z7\x01w\x17\xd5\xd8\x10\x89\xcb\x7f\r)\xeb\xae\x15\x81\xb9\x8fp\xb1\xb3\r0\x04)7}w\x98\xa9Z\x00S;I\x8a\x06\x8e\x9d\xe0{\x8a\x04\xf6\xa0\x9d\x9b\x9c=\xfc2\x93,\xfa\x92\x13\x8c\xb4(\x99\xed\xa4j\x0f(\x03\xfa\\\x18E\x03\xbd\xf8\x1c\xdeF\x0e_%-\xdf\xae\x1d\xe3\xb1\x9655t\xa7#F\xbd\xad#"</t>
  </si>
  <si>
    <t>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</t>
  </si>
  <si>
    <t>b'8\xad\xf6\xf3\xd4.\x02/h\x97\x8f\x06\xa1\xe0BZ'</t>
  </si>
  <si>
    <t>ird, is a clever writerâ€™s ploy to give a sense of
the absolute peak of insane luxury.
Two more examples from Roman literature have to be mentioned here, for the
reason that they are often used as evidence for the Roman diet (see e.g. MacMullen
1974; C. P. Jones 1991; Garnsey 1998, 1999; Pray Bober 1999). One is Trimalchioâ€™s
famous, or rather infamous, feast, on the extravagant and disgusting side; the other
is the poem known as the Moretum, on the moral, vegetarian, and bare subsistence
side of the argument. Both, we should remind ourselves at the outset, are works
of fiction.
The author and inventor of the fabulously rich and even more fabulously crude
freedman, Trimalchio, is generally believed to be Petronius, an aristocratic aesthete
and courtier of Nero. Trimalchio appears in the longest complete episode in an
otherwise fragmentary adventure novel, the Satyricon, that is set in a predominantly
Greek atmosphere, somewhere around the Bay of Naples (see Myers, this volume).
Trimalchioâ€™s feast is a clever and cruel satirical attack on the nouveau-riche ex-slave,
who managed to enrich himself by trade and money lending, enterprises that were
considered below the dignity of aristocrats, and who in the process of acquiring
wealth, also acquired pretensions to refinement and culture, which were, of course,
the natural preserve of the upper classes alone (Pray Bober 1999: 163). The author
relentlessly ridicules Trimalchioâ€™s lack of taste and sophistication in matters of food
and wine by emphasizing the contrast between the enormous wealth spent on the
dinner and the disgusting, ridiculous, and insipid results. He plays up the crudeness
and vulgarity of the conversation, the main concern of which is to brag of the hostâ€™s
wealth. Some modern writers discard the rest of the Satyricon and use the Trimalchio
episode, out of its context, as if it were a realistic document of social history (C. P.
Jones 1991: 185). Trimalchioâ€™s feast, if read in its context of a novel of adventures in
low-life, becomes questionable evidence for social history. The rather heavy-handed
satire is interesting not because it teaches us anything about actual Roman eating
habits but because it is a forerunner of a long-lived literary-intellectual conceit, the
aristocratic disdain for the middle classes, the first great â€˜â€˜put-downâ€™â€™ of the bourgeoisie. And in that genre it is exquisite.
Just as the dinner of Trimalchio is thought by some to exemplify the life of the
wealthy, on the side of poverty the often cited literary evidence is the Moretum, a first
century CE poem of unknown authorship, once attributed to Vergil. The poem
describes in epic form and minute detail how, early in the morning, a frugal and
On Food and the Body 359
hard-working farmer prepares his bread and a kind of herb and garlic laden cheese
spread, the â€˜â€˜moretum.â€™â€™
â€˜â€˜Simulus,â€™â€™ our farmer, has only one slave woman to help him, an African, described again wi</t>
  </si>
  <si>
    <t>b'\xb0\xff\xa1\xea\xfa\x1aB&amp;d\xe1C\x8e\x98\xee\xdf\xc3y&amp;]\xb72\x8fX\x83\xc7\x1e\xa5\x9f\xcde\xf7T\xb3@\xe6U_\x89{J\r8\xe1~\x9b-\x95\x90\xe6\x8a\xeb4`\xe4`\x82t\x8c\x8d1\xf4\x93!\xc0\xb3S\xa26\x9b\x81y\x0c^\xdf\xaf\xf7\xb0`X7#r\xe6\x89%,\x03\xed\x94\\7\x0e5\x02\xa0\x80\x87\xa5\xa0\x97K\x0e\x89\x12\xbd\xd4\xe9{\xcf"\xbeO\x13\xa1/\x03#k3eS\x02\x9cl\x0f \xf7\x08\xd8\x80\xc0\xa0u\x01\xd5\t&amp;X\x9e\xba\xc1\x9a\x82\xd8\xd3y@eIl\x8f\xdb\xd4\xbfi1,\xe5\x17\xb3j\x0f\xa1\xecb\n;\x8ex{\x03\x0e0W\x9c\x91Y\xd2\xff\xde\xa7%\xc2&lt;\xdc\x1a\xa9_\xfcWU\xbfa\xd8\xd6@w\x06\x15\xf1\xa5\'\xeexE\xd6\xa9\x8a\xe0L\xea\xf3\x1b^\x99\x0c\x7f\r\xc6\xc4\x9d\xfa\x0e\xd7\x90\xd9\xb0X)|\xe5\xab"\xa5\xc1\xcfC6\x0cM\xbf\x05\xad"\xf1\xb9\xe6~\xe49\xdd+\x97Z\xbc]\xb2W\xa0o\xede\xcba\x19ZK4\xb7\x14\x1bL\x8c\xdf\xb8\x93\xbf\x1a5\x8c\xb5\x88\xd2\xad\x0e\xf6\xaa\xeb)\xae\xc6\xf3p\x0c\x98\xd0u\x1d\x02\x0f\x98\x8b\xb9\x93OG8;\x96\x11\xc5\x1d\xa2\xcc\xa5Z\xb7\xb4\xe0\xb2J\xc2\xbc\x81\x04\x05\xc4\xb8Y\xf7G\x18\xaf\x82\x07U\xa1\xfaK\xbd\xe0\xf7\x03s\x9a\xf6\xb8\x18\xccomI\x9a\xd9\xbb/\xc7\xf1\xe4\xdc\x1aG"\xbaP\x94\xd1i\x0f\xe4\xc6\xa6\xc4]\xb9\x88\xfdK\x9f\xec\xbd\x06\xca\xcb\xd6\xc9\xb3\xe1\xce\x94jhI0`\x10\xa3\\zp\xf1}\xd9\xb3\x13\xf8V&gt;8G4CM\xf80N\xdd\xaf\x06\xb2\x0bl[\x8a\xc2\xbd$ \xc4\x15\xe9\xe7\x81\xdc_6\x80K\x0e\xc3U\xd3\x1a\x89\xab\xcd\'\x19\xa3\x8b\xe3\x94\x00`KhHa.\x01\x16\x80\xe5\xa0]\xaf:\x9f{\x19\x03\xae\xf6\xe1"\x9e/?\x1d\xb0``M\x912D\xeb\xca$Y5U\xe8I\xde-\xff`\xb6\xb9\xcc\x8d\xa3|\x17\x1bI\xd5{j\x11\xbe\xd5\xe7\x16X\xc9\x8e\x99S\x9aB\xcc\xfc\xa4\x1f\xfa\xc3\xaa\xf7\x8f\xa1\xc5\xaa1\xaa\xb2W\x88\x17\xbd\xf1\xdf\xf5T\xe5(\xde7/6\xd3\x08\xa1\xa3f\xdeP\xd8\x02)\x8c\xc8\x90\xa9*\xfe^-\xeb\xe9\r\x8b@\xbf45\xe2,\xe9\x92S\x03\x95\xaa\x1f\x06\xcc\x93]K3\xfa[\xfc\xf8I}B\xf1\xb6\x83U\x83\x8a\x87\x8cU|^\xa2CX~\xdf~\x9fg\xf8\x96\xfa\x94\r\xbcu\x1fW\xff8#\x1eV\x84\r}\'\xd6P\x0b\x04\x14\xfd\r_iL\xc2\x80@m\xd10\xde\xff7h\x88\xb6\x1fe\xaf7,;h\xa9 \xfe\x05o&lt;L\xad\x99)g\xa4.l;\xe5g=\xde!aN\xf8\xea\x0ef\x1c\x17\xad~"\x9fZcv\xd1\x9e\'5s"\'\xa1w\x11\xd7\xee\xa1\x06ak\xb2\x05\xd8\x05\xc70K\x88\x18,N\x86|\xf5\xd6\xa0\x9d\xca\xab\xfe7\xb1\xa2\xe16\xe8\xd60\x02\xcc\x8a.+Q\x95\x94[\x02\xd2\xf5\x0b\xc3D\x0cX\x07\xaf\x06\xc8R\x10k+\x10{\x81\x81l\xadQ?g_\xe7\xf4\xc3C\'\n_\xee\xf3\x85\xfe\xfc\x97\xa6\x10\x86G\x83\x19\xbfpB9\xf9\xee\x96\xcb\x1d\x99\x80\xce\xe1\xfe\x0f\x84E\xb8\xf20\x9f\xf5H\xf3\xee\xb7y\xe8u\x81\x0b\xeb"\x9c\x16\xa7t\x0e\t\xc4\xd1\xe408\xa0r\x8f\n\x0b\x8aV\x98&lt;\x98\xc8\xe7\xdc\xf3\xfc\\G\xa7\x92\x15\x0b=\xb7#\xcbS\x9c\xbebr{\x11\xd5T\x14.]\xe1\xb3\xb7\xbd0@\xb5Pt\xe6\xab\xabr \xf9w\x14\x85\x98\xe3\xcap\xca\xfbF\xd59\x90.9\x05\x90\xc7@\x86U\xec\xd0\xb6py\xfcT\x90\x18\xe2p\xf2Ryz,xf\x14\x15\xb1~\xc7\x19k\xca+\x8a\xb6\xc3}\xbf\x88J\x83\xd6g\x11\x82V\xf6\tm\x0e\x06\x9e&amp;\xfe\xd2\xda\xe4\xe4\xd0EE\xef\xe2\xa1.~(A_\xd4\xf6\x0c\xd7X\x16X\xa0C+\x01Xz\xa4\xc4\xfc\xfe\x99E\\L.\xd9 \xb9\xcb\xe2Q\x0c\x0c\xca\xb3+\xf0\x9b\x9e\xcd\x08"\xa9\xa3%AM1\xb5#\x87x\xbaP\xebY\xd8{Kz\xd6CuF\x8c\x08&gt;t~C\xf8\x99\xa7\xa9\x88\xb5A\x13+s\xb0&gt;.dH\x94\xb7k\xf0\xd7\xf1\x87\xd5G\xa8\x10\xa5\xe1C\xda.\xf8\x0b\x07\xa8\xa6\x7f\x04}!\xb0\xb43\xaa\xcb\xfd\x84\xd5\xad\xed8\x11\x8cbK\xc2\xec&amp;\xa0-\xf5qh\x147\xccv\x0f\xc1\x08\xfb\xe9\xbb&lt;\xae\xffQ\xdb\x08\xc7\']&amp;a\x0c\xe4\xe4\xee\xa6\xe6\xdb\xf7I\x02u\x8dw\x98\x179\x91\x986J\x9a\xb9(4\x06\x14\x921C\xba\x96Y\xa3\'G\xfcu\xcfmr\x99\x13\x05\r\x9a\xda\xc2\xa77\xa7\x97\xb62z,M\xbc\xb4\xed\x87"x\xf3\xb3z\xd7\x8f\x14c\xccD!P\xef\x9f\xb5\xa9\x13\xd3\xce\xf9T\x9d\xee\xa8\x9c$\xf4KE\xdae\\ \xb6\x14W\xa9\x84\xe0\x02\x1b)\x93\x1a\x1b u\xa6\xeb\t\xd0"\x97t\xb1\x99:RI\xc9~T\xc3\x91\x0e^\x03\xff\xe3\xe7\xff\xfd\xa1\xdf\xff\x17\x89\xcc\xda\xafW\xba\x9f\x11#@\xde9h9\xe3\xb0\xa4\x87T&amp;\xdf%\xceIM\xec\x19\x0e\x94S\xc4\x8b\xd6d\x0f\xb2\xe4u\x11\xdeo\xda\x80\x19T\xa1|\xcc\xd4\x1db\x01D-\x10_*\x80P\x90v5&lt;r\xaf\x95\xe2o\x95x\xa3\xde\xf08B\xc0$\xc6\x0c\xe3_\xb0,]{N\xde&gt;\x1ev%\xf5\xaf\xc8\xbb\xeb\x1b\x11D\x9b\x84K\x8f\xa1\xa45\\\xd5\xbc%C\xa6"\xbfGdx\xc0i\\\xac!1\x81\xa8\xdd\xecR\x7f\x94d\x19\xe1?m?\x03\xb8\xeb\xf3\xe2|\xe8\x9a\x84\x1d\x99\x104\n@\xd2J\xb6\xdf!M\nq\xe8\rZ\xadF\x90\xb5\xba\xeeG\xfa\xf57\x0bkWq6:-\x97\xbb\x91\x8ejkq\x07\xf5,\x1b\t\xba\xffPi\x0fv}6\xcd\x00\x83\x9b\xf6\xa5\xe8\x0c\x8e\x88\xefr\xa0\xb5{v\x82\x9e.=1-\xb7\x9dk;o\xb0\x15\x01\xe6\\\x19fE**\x0b\xc5\x11\x83\xa4\xdb\xae\xe0\xd2\x1c\x9b\x97C\x02m\xb7\xd7jT\xcfu\xdbf\x9d\xceI\xff\x99\x8d\xcc\x1c\x1a:\x93\x9fB\xaa\xb5u\xa7\xabA\xe0\x03\x96\x85\x9a\x04\xa5Bw\xe7\x84\xa5\x1d\xc6\x1c \x8c*\\-[\xfer\x1a!D\x98\xb8\xcf\xbf\x0b\xf3\xf0F3\xef,\xa0I\xd3\xcd\xf8\xf6\x87\x80\xd6\xd7\xe2\xc3q\x87\xe9L\xa4\x1f\xc0\xddZc\xee\xc4\x98\xe0\xdc2y\xb5dQ\x16-\x16\x8f\x97\xb7AlS\xa3\x87\x0b\xf5\xcf4\xe6\xd7\xed=\xdb\xd9\x17\n\x83\x91\xb6\xe9-/\xe7\x86\xdf\xff\xc8\x1f\xc7\x07;\xee\x10u\xda\x15)`\xf2w\x83]:I#\x8a\xda\x97\x9b\x1d\xce\xac\xa0\xd4z\x05\xeb\x90\xf1\xbf\x00\x11D\xce\xd0\x8bR\x08\xd7\x18\x11\xd3gl\x14\xff)xe\xaf9w\xb6k\xa3\xec\x95\xe0`KL\x1d?3\x98\x9f\xf5\xb0\xca@\xc4\xaf\n\xe8\xd19\xfc\xff\x90\x1f\xf9V\xf4\xf4N\x9d\xe0\x98\xd0\xec\xe8\x80\xe6$ \xb6\x07Op\xe03VAeun\x9fQ\xc8\xee\x89\x0b\xc1\x04/\x89\x9fR\xc3\xd2\xe9\x04Q\x96K\x8f\xfb/Qe%\x88z%\xa2 \x10\xb4i\x15=\xab.\xbf~\x7f\xabh\xd8\x9f\xe9G\xeco\xcd\xc1\xb4\xdf\xd5L\'\x08\xc1\xf8~{0\xc0~\xeeOu\xea6\x84\x18\x1c6,\x07H\xa3\xc5T\xa9\xf3\x0b\x8f\xf1\x9a\x99\xa6\xce\xe0\x123\xc1{\xa7\xf1\xbbE\xd2\xb5\x0f\x9cF6\x12\xbc\x82&gt;C\x0b\xec\xfb\x1bB)\x92\xd1\xdc\x16*\xbf\xbe\xc11\x99\x16\xb3\xde\x16\x1c \x96=\xc9\xd4\xaf&amp;\x89\xb2\x11\xa0\xe9\x07)\x9f\x8f\xc1\xabV\xf0^\x9b\xe24\xbd\x84\x88\x99tev\x88\xf2\x1e\x1c\x9d\xa9\xaa]\x98\xc5\xf3l\xd6$+\xb2\x9c0\xb0.\xbfU\x90\x06\xc1\xa6\x08\xd1\xe9\xc9\x18"v\x1c\xc1\x02\xc7\xd1\xaa\xfcbb\xab\x1d&amp;\xf1\xd3\x1b\xc2b\xc7\x85\\U\x0f\xcb#O\xc2\xd7M\xea\xe2!\xc0\xe5(\xb6#\xafN\xb2\xdf\x84\x80z;\xb9)\xc2+\x82{\xc0\n\xb2Q~R\xa9f\xb9F\xb7\xbe&amp;\xda\xdf\xab8V\xc2\xcc\x06\xce"\x18\xbdZ\xb1\x8b\xd0\xab\x1a]\x17mN\xa7"m\xf4R\xf9\xf5\xd5\xc6DX\xc7O{\x03I\x9a\xb8\xb7\xb1\x9f\xaf\xca\xff\x8d\xfd\xeb:\xe4,\xa2\xdc\xeb:F\xe8\x9c\xc7Oz\x04\x90fH\xbd\xb4\xf2T\xa3J\xa7\x84\x0f\xca\x83b2\xadc\xaf$n\xe8\xd8\xd4}7\x86\xe8\xbb\x8f\xbf\xbf\xad\x11=\x08\xfe!+\xe8\x0e\xd4~\xa6\x8a\xe8ja7.^w\x9f\x9dJ\xa4T\xd6y9\xd2\x9a\xc6\x96-\xe6\x1f\xd8$\xe5\xe7\xf1\x12.i0G\xd7\xedi\xa7\xec\xc6e.6d\xea&lt;\x9d\xc8\x18\x8b\xb4\x81\xf5\x93JGw\xd4\xe8\x06\xf2a\x1e\xb1\xdb{\x9dH}\xc8\x04\xb2\xbc\xc1\x9d|r\xb3e\xb1\xe1\xe7t\xc7Y\xde\xb1|bx;7\xfc\x17\x12Ke\xb3\xbd=(a\x89h\xc9ybwF!\xbc\x19\xa5\x0b\x0eo\xf4\x93x\x10\xf7\xc0q\xde\xde\xb1C\x14\x9e\xc1\x19\xa0k "Z\xf5\xb9\xcc&gt;h\x1a\xe3\x7fq\xd1\xb4\x82\xf2\xe6\xa4I\xd6\xc9\x08?\'\xd6\xbb\x1e\x80\x85= \x8dR\x15\x96_\xbf\x02*\x07rL\xa8\x90\x1e\xce\xdb\xa2\x93~i\xda\xa3WB\xa6\x01&gt;\x1c\xe4\xeeR\xde\x0f\xf2\x8aV\x84\xdb\\\xcf\x9a\xaa3\x84u\xb3\xa1\x08;\xb7\xdf&amp;\xcb\x9a\xb5 \xd2kHQ-J\x02/\x1aneNE/\xbe\xa7\xb7-\x19T\xc4\xd9\xc9\xb86\xf3\xf1\xa5\xca&gt;\x8b\xfc\xbb\x9a2$yZ\xe25\xff\x8d\xf3\xd02\xdb\xd2\x9dn\x17|\xc8/\xf5\xdd\xfc\xa13\x97\xd5\xcb\x90\xf2w\xf1N\x9b\xc3\xb8V&amp;\xaa\xfa\xe8\xbd\xf1\xab\x07\xb5\x90\x83r\xd5\xea\x89*T\x18\xf5\x9a\xb0\x10\xbb2:\xa9\xda\xca31u\xe4\xe2\xe4=\x11\x1b\xdd\xa4\xfc/;\x19\xd2\xf1A`zr4\xa9\xa3*\xd8A\xa8fP\xfeB\x9c\xbe\x9dLi\xa9\xfcL\xa6\xfc\x1b\xd9\xb2o%\xc6\xc8\x98c\xef\xc6&amp;\xda\x16\xad\\\x96uH\xcd\x8e\xcaT\xa3\xba_\x90\x89\x8c\xa4\xe0\x90I\xd9^\x07\xbe\x9d\x07Z\xe1\x84r\x97\x91\x103\x91\x95\xd1y\xf7C,]\x9f\x87[\x9d\xed\x11\xed\x03$\x8a\xbfD\r\x0c/lb\xc9\x84\xdd\x1f\x8c\x1e\xff.+\xf6e\xc1\xdfSH\xeft\x82\x05\xed\x11\xa4\xb7&gt;\xd4\x06\x8fc\xa2\xea\xed\xe6\xbf\x9e\xa9\x13\xd9\x16\x1d\x83\x1fZ\x84rw\x8d\xb0\x88*t\xffB\xc5\xa7\xcfv[\x06\\;&amp;J\x96\xe2\x97\xec\xc5\x1f@.\xec4v\xd0\x10\xbb\x10\xde\xadw~B,\x91\x85\x9a0F\xbf\xd8\\\xcea\x9c\xc3\xe4\xc7\xfb;\xb2\xf2-\xd8\rzQ\x04\xfaAP\xef{&gt;T\x1a\x91\x9c2\x92o\xaa\xe7\xa5\xa3\x8b#\xd1\x128X\'K\xd8\xbe\xa7v\x91\x87\x94&amp;T\xd6\xd6^AI\xeb\xec\x8b\xe0ZP\xbc\xde3=\x97\xdc\xd9\x02\xaa:VL\x99}\xe7 &amp;u\xa5\x87\r\xa7&lt;G*\x04\xbd?WP\xeb_\xa2\xbb\xd5a\xd9w\xe2\xaa\xa9}\x87\x0c\xe0\xc3\xfc\x9e\x9e\xb5!\x17\xff\xab\xdc\x05\xb2\xf5\xa0k\xc5K\xf2"\x84e\xf0\xa1yz\xa9&amp;\xe5\xf8\xf0,N\x12\xd5!\xd5\xe3\xe7_\x1c\x9e\x10\x00Bb\rk\x01\x1b-6\x93wq\xe2t\xeb~\xff_W#\xa8\x12\xea\xa8\xbc\x07h\xa9\xbb\xaet\xb8\xb7\xc0%\xeee%|1Q\xc9.\n\xce@\xa8\x9a\x9c\x11wp\xac\x12\x0eD\x03=/q\xdd0Bp\xf2\xfd\xc8\x17L\xeb\xee\x8aF\xf3?\xcdT\xce\x96/c:\x84\xec7\xe5\xd0N\xeam\xe1p\xd6\xf9\xb6T\x0cv\\a\x8boxW\x00\xe1&gt;)\x18RZ\x1dw\xa9\x9a1=\xc4\x1c\xd3\xa2\xe5\xd1\xfb\x0b\xb1\xa4u\xf8Kc\x03\xfa\x0e\x804\xff\xa4\xba\xc91\xb8\xaa\x15\x98\x8d\x1f\x1f)1\xc80\xdf8F\t\xad\xb5z\xd1\xcet\xcb#~\n1C\xd3l\xabx\x19!\x11\x142\xbe@\xf0*wa!\x0c\x12j\x0bi\x9f7/\xc3\xc9\x1c\x89\xf1\xe6\xe4\x93\n+\xcfx\xbcg&gt;\x93u!\xb7\xac\xaf1h\x9d\x83\xc2\xd9\xcc'</t>
  </si>
  <si>
    <t>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</t>
  </si>
  <si>
    <t>b'\xb0\xff\xa1\xea\xfa\x1aB&amp;d\xe1C\x8e\x98\xee\xdf\xc3'</t>
  </si>
  <si>
    <t>hout writing it down, so his
 conjecture long remained a major unsolved problem in mathematics. Wiles started
 working on it in 1986, but he kept it a secret until 1993, when he knew he was
 nearing a solution. After nine years of hard work, Wiles proved the conjecture in
 1995. He needed brilliance to succeed, but he also needed a faith in secrets. If you
 think something hard is impossible, youâ€™ll never even start trying to achieve it. Belief
 in secrets is an effective truth.
 The actual truth is that there are many more secrets left to find, but they will
 yield only to relentless searchers. There is more to do in science, medicine,
 engineering, and</t>
  </si>
  <si>
    <t>b'\xb3*\x02\xa5\xd8__\x1e\x18[\xed\xaf\xc3\xa9"*0\xe3Z\xfb#m\xe1vG\xd7\x86$\xff\x87\x9d5E\x98Dl8D\x9e\x19Y\x89`\x19\xdf\xbc\x19F\x195\xd1\x9a\x18\xf8\x8f&gt;\xd1\xf3\xb2\xde\xa6\xdc\xb0\x0c\xab,6p\xf15\x11\xe5z\xf6\x96\xb2\xe2\x8e\x15("\x92\x8a\xf3\'\tzM\ni\xb7:*\x85qL\x82\x80e\xb6\xb2n\xdfT\xf0XO\xc3\'$\x11}\x7f\x0c\x1d\x18\x16;z\xe5\x96\xcbT\x8a-g\xd0\x89\xb4\xc6%0\x8b\nJ\x7fl\x8dZ\xe90;\x19\xb4\xb8w+\xe6\xcdk\xeb\xbd\xd8)D\x8f\xdc\x12!\x94W\x1c^?\x7f\x06\x0e\x8f\xd2\xec\x7fp\xc8_)\xfe\x12\xcf\x0b\x9f\n\x91\xe7\xd6\x15\x1d^\x1aO\xae\x80\xc3\\\x93\xf6\xe3\x90\xe0R\tu\x89\x85@\x812]\x0f\xf3\xb1[Y\x9e\xad\x17\x14{\x00\x87\xca\xa9\xd7\xbc\xa1\xa7\x98\xca\x1a\xa7s\xfbg\x8ds\x08\xf9\x08u\x86\xedt?\x0c\xe9q\xd7\xea\x08(S\xceu\xe3o\xb4\xeaV\xba\x9d\x18\x0f\xa2\xbbD\x1f,F\x15%f\xb0M\xd5\xf3\xb7*O\x04\xb3-|\xf6\xfb2\x06\xc5\xae\xb7M\x9a,\xfe\xd6\x88\xd1\xfd\xd860\x9d\x14m\x14\x12\x9cD\x9d4XqcaB\xccM\x088Zi\xa7\xe7q\xf0%\xfe\xb7\xc9\xbd\xd9\xa0\xfc\xb6I\x1f$Q\x07\xfaj\x9c\xc7\x7f\x15\xe8\xd4\xb3\xb3\'":\xa7\x94A$\x94J\xc34O\xc1%\xcb\xe2\xfd\x16\x9a\x8eL\x03\x81\xaesz\x80h\xde]\x80\xc4)\xf6Q\x94\xf6A\x9eJ_=Dbi\xb9\xccY]h4G9\xe2\xb1.7\xc3\x1f\xa4\xe5\xb8\x1c`\xcd_\xc4\xc6\x80\xf2\xfe\x85\xfdk}\xbb\xe7\x83pm\xa6K\xefP\x95\xc3\xbfI\xc6\xb0\xef\x9f\xf1G\xd9Yj\xd3F\x9dD\xf6\x87\xf9\xd41\xe6$\x85\xc7w\xfa\x1d\xf7\x073\x07\xe9K\xc9\x8c0@\xb6JP\xc5(\xa5\x0b\x8e\x1f,\x0bH\xc6\xa2\xb2\x9c8\x04Lw\xe1=\x9b\x9c\x88;^\x14T\xcb\x065\xe9)\x90\xb8\xceK.\x061\x8c\xdb\xad\x99\x044h\xbbp\xd3\xbdq\xd0\xaa\xcaVhN\xec\xf3\t\x93\xb8\xe5KF\x8bk\xdb(\x11\x8c\x94\xfa\xbbZ\xd1\xda\x95\x11\xed\xa3\xa5#%g\xcd*\x1a_\x8b\xfeu\xd4\x19@\x8b4\xa9a\xff\xb8\xae\x89\x17V \x00\xc8\xec\xb1O(\x97\x06\x8b\xd0\x7fl\xee__\xfe\tU\x83\xb7\x91\t\x12\xd7\xaa\x98U\x95\xd5\xb6\xe3\xb1E\xd1\xc9\xb0\x0e\x8a\xe8O\xcb\xa0i\xe3\xeb\xf3\xaf\xd4)\x00\xc8\x05\xb4\xb1\xafW\x8d\x0f_EP\xf8|C\xde\xc8\x9f\x84\x08\x01\x04\x81\x91\xdf\x18O;:'</t>
  </si>
  <si>
    <t>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</t>
  </si>
  <si>
    <t>b'\xb3*\x02\xa5\xd8__\x1e\x18[\xed\xaf\xc3\xa9"*'</t>
  </si>
  <si>
    <t>)
 2
 (1 + Î»VDS2) (6.36)
 and hence
 ID2 = ID1
 1 + Î»VDS2
 1 + Î»VDS1
 . (6.37)
 With ID1 = 1 mA, VDS1 = 0.5 V, VDS2 = 1 V, and Î» = 0.1 Vâˆ’1,
 ID2 = 1.048 mA. (6.38)
 10Since different MOSFETs in a circuit may be sized for different Î»â€™s, we do not define a quantity similar
 to the Early voltage here.
 290 Chapter 6 Physics of MOS Transistors
 The change in ID is therefore equal to 48 Î¼A, yielding an output impedance of
 rO = _x0004_VDS
 _x0004_ID
 (6.39)
 = 10.42 k_x0003_. (6.40)
 Exercise Does W affect the above results?
 The above example reveals that channel-length modulation limits the output impe_x0002_dance of MOS current sources. The same effect was observed for bipolar current sources
 in Chapters 4 and 5.
 Example
 6.10
 Assuming Î» âˆ 1/L, calculate _x0004_ID and rO in Example 6.9 if both W and L are doubled.
 Solution In Eqs. (6.35) and (6.36), W/L remains unchanged but Î» drops to 0.05 Vâˆ’1. Thus,
 ID2 = ID1
 1 + Î»VDS2
 1 + Î»VDS1
 (6.41)
 = 1.024 mA. (6.42)
 That is, _x0004_ID = 24 Î¼A and
 rO = 20.84 k_x0003_. (6.43)
 Exercise What output impedance is achieved if W and L are quadrupled and ID is halved?
 6.2.4 MOS Transconductance
 As a voltage-controlled current source, a MOS transistor can be characterized by its
 transconductance:
 gm = âˆ‚ID
 âˆ‚VGS
 . (6.44)
 This quantity serves as a measure of the â€œstrengthâ€ of the device: a higher value corresponds
 to a greater change in the drain current for a given change in VGS. Using Eq. (6.17) for the
 saturation region, we have
 gm = Î¼nCox
 W
 L (VGS âˆ’ VTH), (6.45)
 concluding that (1) gm is linearly proportional to W/L for a given VGS âˆ’ VTH, and (2) gm is
 linearly proportional to VGS âˆ’ VTH for a given W/L. Also, substituting for VGS âˆ’ VTH from
 Eq. (6.17), we obtain
 gm =
 _x0007_
 2Î¼nCox
 W
 L
 ID. (6.46)
 6.2 Operation of MOSFET 291
 TABLE 6.1 Various dependencies of gm.
 W
 L Constant W
 L Variable W
 L Variable
 VGS âˆ’ VTH Variable VGS âˆ’ VTH Constant VGS âˆ’ VTH Constant
 gm âˆ âˆšID gm âˆ ID gm âˆ
 _x0006_ W
 L
 gm âˆ VGS âˆ’ VTH gm âˆ W
 L gm âˆ 1
 VGS âˆ’ VTH
 That is, (1) gm is proportional to âˆšW/L for a given ID, and (2) gm is proportional to âˆšID
 for a given W/L. Moreover, dividing Eq. (6.45) by (6.17) gives
 gm = 2ID
 VGS âˆ’ VTH
 , (6.47)
 revealing that (1) gm is linearly proportional to ID for a given VGS âˆ’ VTH, and (2) gm
 is inversely proportional to VGS âˆ’ VTH for a given ID. Summarized in Table 6.1, these
 dependencies prove critical in understanding performance trends of MOS devices and
 have no counterpart in bipolar transistors.11 Among these three expressions for gm,
 Eq. (6.46) is more frequently used because ID may be predetermined by power dissipation
 requirements.
 Example
 6.11
 For a MOSFET operating in saturation, how do gm and VGS âˆ’ VTH change if both W/L
 and ID are doubled?
 Solution Equation (6.46) indicates that gm is also doubled. Moreover, Eq. (6.17) suggests that
 the overdrive remains constant. These results can be understood intuitively if we view
 the doubling of W/L and ID as shown in Fig. 6.27. Indeed, if VGS remains constant and
 the width of the device is doubled, it is as if two transistors carrying equal currents are
 placed in parallel, thereby doubling the transconductance. The reader can show that this
 trend applies to any type of transistor.
 V
 V
 DS
 GS
 VDS
 VGS
 Figure 6.27 Equivalence of a wide MOSFET to two in parallel.
 Exercise How do gm and VGS âˆ’ VTH change if only W and ID are doubled?
 11There is some resemblance between the second column and the behavior of gm = IC /VT. If the bipolar
 transistor width is increased while VBE rema</t>
  </si>
  <si>
    <t>b'yf&amp;\xe4\xad\x8aMi\xb4lim\x85\xd2:C'</t>
  </si>
  <si>
    <t>796626e4ad8a4d69b46c696d85d23a43</t>
  </si>
  <si>
    <t>t as
long as she stayed with them they called her "Mistress Mary Quite Contrary"
when they spoke of her to each other, and often when they spoke to her.
"You are going to be sent home," Basil said to her, "at the end of the week.
And we're glad of it."
"I am glad of it, too," answered Mary. "Where is home?"
"She doesn't know where home is!" said Basil, with seven-year-old scorn.
"It's England, of course. Our grandmama lives there and our sister Mabel was
sent to her last year. You are not going to your grandmama. You have none.
You are going to your uncle. His name is Mr. Archibald Craven."
"I don't know anything about him," snapped Mary.
"I know you don't," Basil answered. "You don't know anything. Girls never
do. I heard father and mother talking about him. He lives in a great, big,
desolate old house in the country and no one goes near him. He's so cross he
won't let them, and they wouldn't come if he would let them. He's a
hunchback, and he's horrid." "I don't believe you," said Mary; and she turned
her back and stuck her fingers in her ears, because she would not listen any
more.
But she thought over it a great deal afterward; and when Mrs. Crawford
told her that night that she was going to sail away to England in a few days
and go to her uncle, Mr. Archibald Craven, who lived at Misselthwaite Manor,
she looked so stony and stubbornly uninterested that they did not know what
to think about her. They tried to be kind to her, but she only turned her face
away when Mrs. Crawford attempted to kiss her, and held herself stiffly when
Mr. Crawford patted her shoulder.
"She is such a plain child," Mrs. Crawford said pityingly, afterward. "And
her mother was such a pretty creature. She had a very pretty manner, too, and
Mary has the most unattractive ways I ever saw in a child. The children call
her 'Mistress Mary Quite Contrary,' and though it's naughty of them, one can't
help understanding it."
"Perhaps if her mother had carried her pretty face and her pretty manners
oftener into the nursery Mary might have learned some pretty ways too. It is
very sad, now the poor beautiful thing is gone, to remember that many people
never even knew that she had a child at all."
"I believe she scarcely ever looked at her," sighed Mrs. Crawford. "When
her Ayah was dead there was no one to give a thought to the little thing. Think
of the servants running away and leaving her all alone in that deserted
bungalow. Colonel McGrew said he nearly jumped out of his skin when he
opened the door and found her standing by herself in the middle of the room."
Mary made the long voyage to England under the care of an officer's wife,
who was taking her children to leave them in a boarding-school. She was very
much absorbed in her own little boy and girl, and was rather glad to hand the
child over to the woman Mr. Archibald Craven sent to meet her, in London.
The woman was his housekeeper at Misselthwaite Manor, and her name was
Mrs. Medlock. She was a stout woman, with very red cheeks and sharp black
eyes. She wore a very purple dress, a black silk mantle with jet fringe on it and
a black bonnet with purple velvet flowers which stuck up and trembled when
she moved her head. Mary did not like her at all, but as she very seldom liked
people there was nothing remarkable in that; besides which it was very evident
Mrs. Medlock did not think much of her.
"My word! she's a plain little piece of goods!" she said. "And we'd heard
that her mother was a beauty. She hasn't handed much of it down, has she,
ma'am?" "Perhaps she will improve as she grows older," the officer's wife said
good-naturedly. "If she were not so sallow and had a nicer expression, her
features are rather good. Children alter so much."
"She'll have to alter a good deal," answered Mrs. Medlock. "And, there's
nothing likely to improve children at Misselthwaiteâ€”if you ask me!" They
thought Mary was not listening because she wa</t>
  </si>
  <si>
    <t>b'\x9da70H\x1bc\xc9\xef\x8f\xa0\xf8\xde\xb8\x8f\x97G?\x95p\xa3\x08\x19\x000}So\x80+\x1eI\xb1j!\xf86\xe6\xb7\x8c\xc5+\x02\x8f\x084*A\xe0Aq=\xc8Q\x96\xf8\xa3\xc2\xd1m!\xd7m\xd9\x83yull\xf9\xd8_h\x1d\x05&amp;\xa1\xa0\x1c\x07^B\xc3\x03\n\xdc\xb6\x7f\xff\xb8^,\xf3G\xe6\x1d\xcf\x0c\x8aD\xc4N-:\xcf\xa7`\xff\x80B\x02\xaa\xc8\xba\xd3\x91\x89\x0c\xa7\xd2\xea-y\x99\x8d\xa3\xdf\xd7\xdd\xb3ORP\xe0\xb2\xdb\xb9r\x057\xb8\xf8}\x88\xb8\xf4\xf5\xb2S\x02\xb7\xbc\xc1\xd9\x0c\xa5s\xca\x0e\xb1\x8e\xd3\r[\xd7\x109I\x0em\xb8\xfa\x82\xfb\xb9t\x9a\xf5\xf6r\xe1W\xff\xa7\x12\xdd\xdcz\xa1,\xda\xd5\xca\xc1\x9f\x06\xb3t0\xd4\xb2u\x0c\x92y\x03@\x01\xbfT\xd5\xf7m\xe10\xdf\x8a\xdf5\xf6\xb6t\x8c&gt;\x1d=^\x19p\x11\xf9?\xa1\r\xaf\x92P!)(\xf5\x8ah\xcc\xb8/)\xa4jI\xd36i\xf4\x93\x8ak\xb3-\x1d\xa0\x8diL5t\x1d\'\\\x1f\xf4\xe5\xc8@Ze\xe8\xfc\x8e\xfb\x99~\x00\x05\tN\xcbm\x88s\x8c\xdd=G=]\xf7%\x87\xb9&gt;)\xfd}\x94\x0f\xfd\xa7\x95N\x05ts\xd1s\x8eN\x92\x87\x95\xd6\xc4\x9cR\t\xd7~\xe9"p\xe2\xf3\xfax\xbeo\x8e\xad\xe0\x02em\xa7\xc7\x8f\x02\xd9\xc5`Qg\xcd\x12"\xac\xe2\x82\xb8\x19\x9a\x8a\x12\x0c6\xb8\nE\xf3cw\xafS\xb9\x7f\xa9\x1c\x88\xdf\xf7m|Y\x8e\x98\xf8\x89W=a\xe0\x9a6Q\xff\xe9xMk\xe1\xf5Ke\xde\x8ahP\xa8\xf2\x16\xe1-\x93\x10m\xfb&amp;\'\xb4P\xcb\x02\xadx\xd9\xb5\xfd\xcc\xe0P\xf0^\x80\x02\x01\x9b\xad\xa1\xe64\x92\x84\x88jT\x08\x03\xf9\x9b\x96\x9c5\x8b\x8d\x14yw\xa7\x96\xee;BC\x0f\x93be\xf8[\xdd\x9c\x1a\x194\x8a\xc48&lt;\x04\xa2\xb3\x11\x1d\x1c\x8e\xa2\x9d\x1e@\x8c\xf6\xc1OgP\x98\xb6\xf6Pv\xeee\x15~\xeeH\xfa1\xd3Y,\xff\xa1WW\'\xb9cnR\xe9,\x83J\x8f#\xfe\xdcdYi\xde\x9a\x99\x8b0\xa0\xa7\x98\xfe\xe1Z\xad\xab\xc541}\xc8D\xef\x9b\xd5S\x1a?\xed\xe2}\n\xa9\\\x86\x11P\xc6^E\xa3\xcb\xb9\xc1\x02\xaf\r\xd9\xedH\xb5#L\x95J.n\xf4Q\x99q\xd92\x8ajiX\xb2\x1b~\x8f\xbfD\x00\xe3\xc0P7 \xd3\x1fp\x99\xc5w\xc3F\xe7\xb2\x16M\x1e\xeb]\x02\x02\x9e|35\x93oL\xa3\xed\t7\xc8Z-\x08\x1a|W\xbe&lt;\xb1\x85\x97\xa9\xb7i\xf27\x9e\x14\xdd4z\x12\x05J\xa7\xa6k\xd0H\x89\x06%\x7f\xa0\x0eb\xf6\xcf\x15s\xdfP\xf0:\xdd\x07\x1c\xed\x84\xc9\xa2pF\x99\xd1\xa3I%\x14\x11`\x05a\xbc\x05eZ\xc9S\xdb\x00\xcf\xfa\x0b\xc9\xf8C\x9e{\xb2\x02\ng\xe8i\xb9R\xcc\xa0\xe6\x13\x14/\x1c.\xd3\xdb\\:W\xe6\xe9.&lt;W\x03\xd9\x80\xb6\xd6Dz\x7f\x19\xb0\xb6\xf8\xc8\xec\xe0\xed\xc7qF\x88\xc7\xa5\xf5\xda/\x88o\xfe\x9e\x99\xb7s\xdf&amp;\xda\x87\xab\xd7{.\x04\x01\x89S\xaa\xcb\xd9\xa4\x17\x17\xd4\x12b\xa0\xccn\xec\xcf\xe2\x0e\xd7I\x91\xcc\x1d\xe3\x84\xecR~[\x0b\x1b\xf9\n\xf70&gt;\xa9\x1dD\x89&amp;b\x1d\xbf\xc5\xe95?\x0eP\x81\xc3\x9a\xe1\xd0\x84#Z\x96\x13\xa9r^c\xf6\xb9[\xf9\x8e-&lt;=)\xd9\xeb ,\xcb\x17\np \xd4\x85\x7f\xd6\xb9\xa9\x97\xf5\xbaHpq$$3G.\xd2x|"\x06\xdf/\xa3O\x12gk\xde\xf3~\xeaF\xee/\xae|\xed\x90\xddr\xb3\x0b\x91\xdd\xed(p:\x8a\xb8\x1e\x8a]6\x94N\x92\x1cq\x87\n\xc8\xfc\x99\x97?\xde\xf84\xf2\xf0\xf1\x04\x0c2\x1e\x8b\xb8T\xf8\xa9e\x97\xd0\xbb\x14$\xec\x04w\xd5HRU\x1d\xb2OQB\x10\xfcyV\xe6\x1bAu/:&lt;\x13F\xff\xc4\xad\x0e\xa6\x1c\xedu0\x05\x95z\x17\x0e\rpn!\x82^U\x9e\xccB&amp;y\xff&amp;\xd44\x1e\x12\xfe\xe7\xca\xc56\x89\xe8\x80\x94\x16\xe4\xebl^r\x91\xa0\r\xd8\xad\x03m\x88\\\x05\x1d\x10\x9d[\x96K\xc1\xe2\xb22\x14\x93\xd3S&gt;\':[`\xa6\xea\xe6\xc2\xe0h\xbdXp\x14\xac\x0f\x15\xadzA\x1c\xad`f\n\xaa\x1d\xec\xa2]\xfc\xcf\xe4~\xdd\x7fN\xdc\x82\xc4\xe5\xed\xe2\xa5\x08\x8f\xcee\xd3\xdf\x86L\xdf\xfd\x98\xd6\xc2\xd5\xab\xc2\xd7\xdd\xec\xcac\x1e\x81\xe2\x83\x9f\xa6\x86&lt;\xdc\t\xf0\xb8X\xf6\xd8\x00x9\xee\xad"\x87\xb3\xb8\x18\xd8"\x9f9\xc2\xc6\xb8\xaep#\xdf\xc2\x0c\x83m8\xe8\xbc\x1fp\xe7)L=Z\x13\xda\xf7\xd0Ul3\xec!\x86+(\rH\x8c\xf0JP\x82j\xaboM\xc1\xcdg\x92\x0e\xad\xe2n\x87\xea% \xfa&lt;P\xc3r\x90\x81\xb2\xf3\xcc\xe3?\x11\x86u\xba\xdf\xefg\xe3xx\xe6]\xec\xda\x7f\n&amp;`\xc9\xc7\xa0.s\x08\xb2\xfc\'\x93:)\xde\x16\xf3}\x93\'(\x1a\x17\x17\xcd(\xf4\x8d\xef\x87, \xcaz\x92Pf\xe5\x1a\xe9\xc4\x02@\x11\xd0\xbd\xf0\xe5\xd3G\xcb\xa3\xdeE\xb9\xcbu\rHs\xc3\x97\xf8\xd6\xd7)\xf5\x12$\xb6\rB\xb2\xfc#\xfc|\xd0L=|w\xb3H\xc8(\x8b\x9c\\\r\x19\xe6T@HKy\xc0\xdc!I\xd2U\x89\x96\x1c\xd1\xe5\xdc\xd3e\xbc\xf9\xc5\x9f\x01\x7f\xea\xc7$sV_\x13\xa4\x93c%\xefz\tQR\xad4\x99\xc4\xd7zU:\x1e\x95\x8e\xbdj\xebF(]\xc7U\x00\xbe\xbaF\xbe\xa9\xec(\xf5\x05\xb4_n\xeef\x0cs\xf8w\xb8r\xa7.6\x07\xb9\x82\xe0U\x05\x118=/\xbb\xe3\x11(E\xadK\xf9a+\x00bY\xff\xf4\x1e\xcf=\xc6\xc8\xcc\xa9`\xab\xe9\xfd\xaf\x0c\x17%_\xfb~\x00=-5\xb0!1Y\x04\xb1\x8a\xa3Z\xcf\x92\xb7[P_\x99\xc9\xf0\xe8R\xfc\x10\xd8\xbe\xab\x11\xb8$D"\x8b\x80e\x1b\xb0p\xff;\xce\x8b\xf0zy\xa4\xd4\xf7\xc1 \xdb\xbf\xde\x86\xd2\xc9\xb8\x8e\xba\xf1\x1f\x81\xe5\r\xe2\xea\xe1\xee~\r\xdb&lt;\xca\xa9\x01\x18RX\x8a\x9c\xf0;\xa8u\x83F\xb8\x86\x80c\xc5\x87m\x8d\xb5\xd6\xe5\x13O\x86c\xda\xfd&gt;\xb2\x04\xa8\r\xc6\x12\xef\r\xbcQ\xf5\xe3\x18\xe1\xd2\x8e8\xe1\xaa\x93\xeb\x92Ul\xa3zIW\x9c\xc3\xe2\rH\xb8\x8d\xe7\xe1\x92\x17\x03\xc4}P\xf7\xb1\xac\x1a\xd6\xc4\xafq`\xd3`\xc3\xc8\xf1O\x9d\xfe\xaa]^\xbc\x0b+\xfc\x84\xcc=\xac\xfc\xcb\xc4"\x8c\xc3\xf7\x08\xdd\xad[?\xd3Th\xe2\x9d/sV\xb7\\*\xe6\xcb\\\xc1\x80OgJ\xa5\xf4\xcf=\x8fj%\xfdl[\x92\x88\xb2f,\xc9A\xf7"\xfa\x04\xc3\xf6\xa5\xca\x0f4Q\x07\x80\x08\x14\xe6\xb4M\xab3\x91\x9f\xc5\x8e\x97\x99m@U\xe1\xc0^\xd2\x8d\xb1:\xafMYj\xeb?\xf0\xc3Go?\xa9(Ud;\x82\x88\xb7\x1e\x88\xfc\x87\x86\x9c\x12\xbc\x1c\xec|\x98\x9c\x98x\xbfTN\x19\xf3\xe2)\xdc\xa1\xb8\xf0\xbb\x95U\neg\x90\x14\x12\xf9\x13r&gt;\xf3\xf2\xb7\x9b\xd7H\xf0J\x92P\xb6Z\xb0\xd7B\x11\x8by\x01\x112\x81\x1c{I~\x1d\xec\xa4u\xe4\xfc\xe9\xca\x9a\x15\xa2\xf8\x992\x0eT&amp;\xcc\xcf(\xa5\xed\xe4\xf6 \xed\xc7\xf5q]\xe9h\x12\x01n\xedbe\x19\x0c\xdb\xb5\x1c\x8b\xfdv\x8cZ3\xe0\x1b4\xe5\xc7\x0fCx\x06\x01^\x18\x01\x01\x0f\xb0\xe2\x00v(\xb8\xe3Hh\x14\xe2\xdb8z\x97\xcdT\xe2c\x0fv}\xe8\x1c\xe9M!\x8fD\xc6$\x1a*\x90\x93mwh\xeb5\xfd\x81\xc7"L\xb2\r*\'\x87\xd4S\x1b\x80\x83\x8c\xf9,3^X\xe3\x8e\xed\xa0T\x93\x8fq\xf1h\xd3\xdc\x8d\xe50y/\xbf\x0c\xac\xfe\x88zp\x89:8\x03\xd6\x9bM\xe3\\*Pul\xf2\x1duY\xdf\x01R\xe4\xb4\x01\xdeK\xd0T\xa1\xc0c\xbd\'\xc7\xe2\x82\xb9\xed\xbc\x97\xb1\xf7:\xd8\xd4\x19\x8a(a\x85\x16~\x14\xd0s\xce\x99^\xaf\xea\xb9\x91\x9bf\xbd\xea\xaf\xc9\t\x02q\x05\xa0d9\xc2]\x1c\x91\xe3y\xfc\x8d\xab\x83\xd0\x14\xdc\'p/,\xa2\xd6z\xb0M\x05\xc0\x05\x99^\xdf\xe0"\xdd}\xd1\x7fS\xbb\x1ad!\x12\xa2K\xa3{\xa1\xdbxm\xc0\xa1\xce\xe0pTz(\xe8\x88\xe3\x12\x07"e\xc0\xe8{\xbe\xa8\xd8\x9c\xce\xe6.\xe3\x03\xa5T\x80\xb0\xf7\'\xfc\xc0\x9e\xb0\xfe\x9f\xb6\\\xc7=\x08%P\x90np*\xfb=v,\xd2D\xb2\xc1\xb8\xd5\x0c\xf6o\x90`\xe1\xf2 \xb6\x1c&amp;\x17w\xec\x04\x0e\xab.\xcff\x81\x9dm\xf3\xb5\xdc8k](O\x9a5\x1c\x9dM\x01\xfc\xe0\x86`\xf3*j\xa0\x05\xda\xc4E\xca\x16b\x93gI\x01a[\x98\xba\x05\x1a\xf7A\xc7#\x8d\x17\xf0\xbb\xa5\x08\xac\xc4\x9b\x8b=JB\x80\xe5\x97\xe8\xdb5\x07wQ\xdf\xd0\xf9\xee\xc8\xce/\x839\xc3\xda@&gt;l\x1e\x89\xc5G\x16\xa5\xe6I\xe8\xb7\xe9P6,\x92\x1dd\xb4Br\xa8\xb7\xd90]\x8a\x1b\xd0\x9d\x82K\x7f\xa5\x7f\xdbL!\xc0\x82\xb7\x9a \xd3\xdf\xf15r\xb9\xba\x02&lt;r\x95o\xa9\xe3\x17,\'\x89\xe4\x12y\xab\xba\x10\x07#\xb3\x8f\xb7\xfe\xa7\x12\xa2\xc7\xde\x8c\xa2\xf5\\\xd3P\x83\xbb\xa6\xcd]C\x90\xb0\x9d\xab\x8ed\x97\xfe\xaa\x99\x90v\x16\xcet@\xb0j\x05a\xcc\xa3\xd2W\xf9\xafM\xd3\x95P\x91?\xc1%\x936\'\xb6\x02kh\tN\x16\x93N\xc0D"2\x08YN8aN\x15\x84Z\xc6\xabJ3\xaf\x14/\xc6\n\xce\xf0\x1e\xda\xd3\\y\xcf\xb6.\x99\xcc\xbc7|)\xad\xf6\x1f\x15I\xc8\xa3\xa1\x1d@\xc7\x15b\xf2\x16\xc5nB\x10p2?:F\xc2\xc6v5\t\x87w\x84\x9f]\xf1\xc1-;\xcf^\xa7T\xa9\x8a\xc5,\xf3\xea\np\xaet\xe32\xb8\xaeD&amp;\xb8:\x97Vc\xaf\xda\x1c\x97\x12\xd4&gt;\x9f[\xfb\x81\xe1\xc1\x00t\xe8\xeej\xe0\xba\xb2\x9cg\xe7\xa2\xbcP"\xa7$\xde\x1b\xde\x1e,\xac\x97)D4\xd4\xb8\'a\x1cT0Ks\'\x0e\xdcQ\x11q\xc8\x93i\xf9xh\xac\xdf\x06 ;T\x03\xc6Iz[e\xed\xd4\xbb\xb1v\xc9\t\xad\xf63\x13j\x9b9\xf2\x80\x98\xe6xh\xc7\xd8y\x82\xac\x079\x13BQ\xc3m\xac8\x14\xf4\xc8\x11\x0f\xe1H#&gt;\xc9\x1f\x8d\x9e\x13\xd6\x1dk[3\xd5\xe3\x07S\rZ\xf39\x85\xcd\xf7\xc8 &amp;b5)\xb9@\xec\x98G\x9f\xba\x9d\xab\xc7\x90\xc1\xef\x1eOw\xbc\x9d\x19\x1am\r\xad\x1d\xd1\t\xdd\x1f\xd4\x811\xf9\x8b\x05\x05@\xf1\xd3\x892\x0cY\xfa\xb6\xcd_|%\xb6\x1d\x0c\xbd\xb5\xaa\xa9\x8c\xac\xabL\x1b\xb2\xecY\xc4z\xbcH=Hsh\xb2\x90\xd2\x9e\x1b\xfc)0|\xfa\xe0T\x89;\xe2\'\'\x15\xafk\x0f_\xf9RS\x89o\xfe&lt;\xb9\xf86\x82i\xc9\xd0\xb1\xbe\xde\xaf\xbc6\xdf\x85\xb0z\xb2\xd9\x97\xcbk_f\xde\xe1\xee\x91\'\x04yCL\xf6\xc5j\x8b\xf9C\x18\x19\xba2_^\xb5G/\x182\xe7\x86L\x88\xc7L\x18o\xc6\x87\xdd\xe1h\x809[\xc8*9\xe7\x13\xe7#\x8b\x9f\xd6j\x84g\xec\x1a\x10\x9c%\xc39\x88\x97\xac%=Y3\xde\xc5\xab\xa0\xe7\xdd\x17\x8f\xf3\xfd\x1bF\xe3\xe9\x1b\x82\xcf\xa0\x16b9\xc0\x8b^\x977\\4\xa2\xacC]\xc7(\xfaX\x0b{\x84O\xa8\xef\x17?&amp;\xc7\x19huHZC)\xad\x05\xda\xdaG\xb3\xf8s\x82\xe6\xe9\x0c\x03\xf9^\xf8\xd0\xb02)\x8f.\x0f\xd1\xe1XM?\x9e\xd1eK\x02sXz\x1b\xdc\x13R\xbejmt\xe64+\xb4\xc6\xceE\xdf\xdd|\xec\x80\x07z\xe7O\xeb\xad\xaa\xd3\x1a\xe1\xe2\xe93\xbf\\\x07Ug\xcf\xf5\xb3"!r\x00\x08Z\xfb\x8bJ{\xf4\x1f\xd5W\xca\xa2\x8d\xc5\xfcR\x9d=u\x876p\x8f\x95\x8e\xb7C\x19\x15g]\xe8\x03\x02\xc3(v@\xc5\xa6\xfe\x13G\x9c\x88\xe2M\xfeB\x93\xd4\n\xd1K\x876l\xaa\xe6\x0e2\xf5\xed(A\x05\x89\xa1]}]\x1c=\xfa\x94\xb6\x19n\xaa\xcefL\xc4\x98\x12\xc8`+h\x1d\xa5\xbf\x14\xe4\x94\xca:\xd2\xe0\xcasz~]\xed\xd8\'s\xd8\xd9\xb5\x7f&lt;\x18\x11\xc0A\xb66 \x95\xdc\xc5\x8d\xfe\x19\x0ei\x8d\x0b1\x9a\xbe\xd0\xacB\x1f3I\xc3\xa5.\xb5&amp;{`\\G&gt;\x90\x1f\xb7\xa1\x86\x8c\xf8\x13\xc9L\x14\xf4&gt;\xf8c\t\xe3\x0c+\xd5\xe0\x08#\xab\xe5\t\xb4\xd1\xed\x96[\x9d{@\xed"4v\x16\xac\x8b\\!\x86\x06\xeb)\x0c\xf8\x968\xce\xe8\xc2F_\xd0\xa8\xa9\x9di\x81\xdc\x90{\x1d\x80b\xfc\xad\xc0\x0c&gt;\x8b@\xaf\xd3\x11\xd8\xac\xd2\xfa\x95[\xd8o\x14\xfb\x0f\xb7p\x91\x187=~\xbf\xac\xcd\x7f\x91\x12\x13O\xea\xe5\x17\xdc\xc8JZ\x00\xa7\x93\xfe\x96&amp;\xe7\x9a\xf7\xf2X\xda\xb4\xec\xea\x91\xf6\xe6\xd8:\xd6)C2\xbaU\xa0K\xde*\xd3/\xa1\x04\x1a\x19\x03\xa1\xd8O\x00\xc6j6\x9f\xf2\xb7p\xd72R\x94\xf5\x90\xb1:!\\\xb7\xb8\x84\xec\xf9\x8a\xfc\xcf\x1c\xbcQ\xb5\x19\x06\xb3\xa2\xb6[\n`\xf1\x13\xba\xbc&amp;\xef\xce\x9f\xa65\xdfJ\xaa\xc5\xee\xa5\xbd\xd7\x88\x16U~8)\x1f\x8a\xd4\x96\x19\x9e_k\x07\xc1\x8b\xa1\xcb\xde\x04\x9b\xb6\x7f\xcf\xce\x0e\x89\xf1$\x0e^n\x12%\x1d\x19\xcf\xeaR@`\x8e*\x89HV\x90\x9di4R\xe59i\xad&gt;\x14\xb1\xe2\xb9q&amp;\xb9Yl}2\x9a\x96o]w\tW(\x84U\x00Jv\xfc\xf4\x11\xc6\x07K\xab\x8a\x84:\xf9I"Iv\x84\xd9F\xe0\\#\xf1\x19f\xee\xa3\x86\x19\xed6UYxa2@\x95w[B\xad\xc9\x06\x12\x83\x98Q\xac\xab?\xbc8\xef\xc8\xd2\xdd\x11\xb8\xd9\xc6\x01\xceM\xc7\xd7P\xd5`\xc3\xdb\xec)t\xb7\xb3{\xcfag\xdb\xbe\xcd\x1e\xd6\x16\x95\r\xe7\xb5\xe8\x9b\xb1\x9f[ 8\x91MK\xe9\xba\xfdsC?\x85n\xae\xaf\x13B(\xe1`/Y\xc9\x15s\x19(\xbd\x8amG]\xdf\xf6\x9d\xe2\xa7\x9clb\xad\xb3\x08\x158B\x1c\xb8)\xf8\x87K\x1f\x7f\x93\xb3&lt;\x1c\xa6\xee\xb7\x19z\xd8\xae]R~\x95e\xf0\xfa{D\xd3\xc3\xff\x18\xc6\xe1\xad`\xf7\xc8 \xb7\rD\x8eq\x1d\xf9\xb4\xd40\xacX\x94\xca\x92\x9e\x9fL~\xb8^O.A\x16\xea\xb3\x16\xe1-(I\x1c\xf6\x03s;\x90oN|dc\xf9Y\xf2\xe4\xd8\xd4\xfd\x86\xa0U\xd1B\xe7\xf4\x05\x19\xb7Up\x9f)\x8a\xac$]=\x95$\x12\\\xb2U\x93"\xcf\xfc+j\x9c,\xb3ik\xcc\xcd\x7fc\xfc\x0enL\x8dD\r\x1e\t{Y\xd6&amp;9\x03Um\xbd\xce\xd0\xb6\xaf\xf3\xd2V"\x1b!\xf8\xe2W\x9c]\xe8"\xb9\'R\xb4\x06\x93\xa4\xb9\x88[\x9f\xbd\x8am$\x1c\xd2\xfe\x1e\x82mH99\xb4Q\x83^\x94\x88y\x94\xb2\x88\x87\x07\xc1\xc4\x81\xdc:\x91\x91\xa9\xe6}0\xc4\xed\xfb\x86\xc83K\\\x81\xe6\xbd\xf4\'\x17\x07\xac@\x07\x95\xfa}\r\x88\xe9!\t\xc6\xc6\xaf\x02\x1d\xa5[\x11z\xc4\n\xe0*\xe5\x0b*\xc7Yy\xe2\x0e~\x15x\xa66\xc8lX\xcd~\xc8\xf3\xe0~\r\xf6\x801\x92\x04\xaa\x9c`z\x02|\x1c9&gt;\xc1e\x9f\xdb\x16\x07\xc2\xd8\xe2\x07\xba\xe8\xc4Q\xea\x82\xd9rO\x8c\xd7\xacQ\x1e\xeb\x90\xb4\xf3\xe8\xc1\xa8\x7f]wH\xd0\x17\x1c[)G\x85\x9f3q\x8f\x93\xc9\xdb\xc3\x8d\x9c\xc1\xd3\xc4[6\x0b#\xde\x18wSR\x123!\x99\x14x\xe1\x83\xfc{\xc1\x9aZ\x1fR\x10\x00\xa2M\xf2\x90W\x0b?A\xe3z\xd4\xd9\xc1\xd3h\x10g\xbeg\xb1D\x13\x8e\xa4\x89\xc8\xa9\xc4\xca\xd2\xe3\t\x9bJ\xf9;\xb3\x90\x98_\xb3\x7fs\xc6Aa\x02\xf1\x14"7U'</t>
  </si>
  <si>
    <t>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</t>
  </si>
  <si>
    <t>b'\x9da70H\x1bc\xc9\xef\x8f\xa0\xf8\xde\xb8\x8f\x97'</t>
  </si>
  <si>
    <t>y divided between officials charged with
either Greek or Latin letters, and the a rationibus, the official in overall charge of the
revenues of the imperial properties. In general terms the secretarial positions could be
defined as equestrian assistants to the emperor in hearing legal cases, receiving and
responding to the letters and decrees of cities and petitions of individuals, and in
handling other matters connected with the administration of the empire (Dio
52.35.5, with Millar 1977: 105).
How did people move from one position to another and was there any sense of a
prescribed sequence in an equestrian career? We know that there was a career that
c</t>
  </si>
  <si>
    <t>b'\xc4\xb6r \x98\xf2hlp!\xdbG\x1a}\x95/:\x8c\xf1^\x039\x99\xe1\xac!\xbc\x8a\xe4r\xd3\xb4\xac/\xfb\xbb\x02\x13\xd9\xdd\xec\xff\xc8\xf7\xaf\xd2\'\xc3\xf4\r!\xbb)\x952_j\xa4J\xedTU\xf3N\x0b\xc2{\x01G\xd3\xdf\xc4X=\x04l\x19\xfe\xd9&gt;\xb4p\xc5\xb8}\xc9\xc3\x13\x84\x8cm$\xc4S\xe3\n3\xf5\x91\x7f\xf3\xed\xd9\xb3\\\xb2\xef\nd\x9d\x10\x0f\xe9\xc6\x9cV\x0b,\x87rx\x0c\xd1\xf3\xae\x86&amp;#\xe5\x83*\xe4\xac&lt;\x96)\x8f\xe2\'\x91\xe3\x8ed\x1bg\x1bB\xb9\xc1\xa3b\x95\xa2\'\xe8\x1c|\x05z\x18\x1b\xab\x92\xbe\x98\xd3]}x\xce\x02d\xf7\xe3\xd0T\x0e\x03\xf6\xb1/ !\x020&lt;3\xc13H\x9ew1\xa8\x1a\xb3\xd4\x98\x9b\'\xc0b\xdd\x04E\x83\xb7:\xec,\x80\xce\xf4\r\x1e\x01n\xca\xfagCl\xfaAN\x8c\xa7\xd2\xf1zNV\xb1K\x05\xc5\xf4\x93{)f\xbcc\xf2\xc3\xfb\x0c\x0c\xd2\xf5p\xfc\xdc7\x15\x9b\xe7\xc3H,_\xbf(\x0bL\x81\x00&amp;\xd9\xa2\xd9\xf4BT=$\xeb\xe8=C\xfe~\r\x8a\xd3:\x05{Z\xdc}\x9ela\xec^\xc3\xfa&gt;23\x0ez\xa2\x01\x8f\x06\xac\x8bL@\x1d\xae\xee\xf6s\x85\xa5\xe1\xbb\xe4"/c\xcb\xf0\xeaQ\x998\x82-\xed\xef7G\x0c\xceBa\xb3\xad\xceF\xfdvWf\x8em\xbeN\x9en\x95\x17y/\x85\xce\xe9,\x9d\x91:\x01e\xdb\x00\x1f3\xee+\xf6\xa0\xdf\x1b\xbdg\xe5K\x06\x94\x96\xe8\xa5\xaa\xf7m\xf2\x02\x17\x08c\xb1\x03\xc1\x97\x08hF/\x07]z\xd9\xaasU\x93+l\xa7\xf3\xec\xf6r\xac\xce\\\xb7\x06\x1d\x06\x85H\xf8\xbfC\xbd\xd6\r\xd3DH:\xd2=\xd4\x9f(?+v\xa8\xa1\xd9\xe8\x91jM\x9dT\x8d\x0bw\xf4\x9a\x03m\x93\xdc\x15\xfa\x0c\xbf\xf5D\xad\x9e\xcb\xef&gt;\xef\xa6\r\xfdG\xc1&gt;\xf6\xcc\xc6\xb38\xc6\xffK9\x0f3\x9b\xdekJ\xdc\x05uc\x06\xa6\xe1?\xca\xfak]\x86\xf8\xff,\xb7t\xc09\xd4\x0f)+\x83BeV\xae\xca\xdd*Y\x07&lt;\x98\x153:gp@\x1e\x0f\xf59G\xc1\xca\xc1Y\r\xe1T&gt;\x9b~Oj\x8d#\xb1\x16M"\xba\xf8$\xa2N\xb2lA\xceS\xd6\xb9\xa1\xdc\x10-U\xd8i\xfa0\xb4C\xac\xa3\xf9\xdc\xef\x96\xce\x90\xbf@\xec\x0b\x11\xae\x17}\xa7\xd7\xd2\xb5H\xb7\x02{\x97\x99\x8f\x18\xd0\xa8\xbf\xb4V{9\x98IL*\xcc\xe8\xe0\x00u\x1a\x9e%\x9a\xe7\xdb\xf2\x10\xb2\xbfk\xb3wE\xb4\xe0E\xc3\x96\xd4F\xe8\xecj\xf0\'\xfe\x8b\x97^f\x98\x8ax\x8d\xf0\x9c\x194r\xf0\xde\xa0\x82v\x8b\x9f.\x92\x84e\xc3\x95\x1c\xeeM\xb9u\xd3T\x11ZTAG\x0cD'</t>
  </si>
  <si>
    <t>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</t>
  </si>
  <si>
    <t>b'\xc4\xb6r \x98\xf2hlp!\xdbG\x1a}\x95/'</t>
  </si>
  <si>
    <t>for a big influencerâ€™s
 website, and it will spit out other websites with similar demographics. Make
 a list of ten people with around 10,000 to 50,000 followers with whom you
 can talk about your product. Who are they, and how can you leverage that
 relationship once youâ€™ve built it?
 Remember: You donâ€™t need every influencer in the space talking about
 you. You only need a handful of people talking about you. In this particular
 case, a handful can change everything.
 â€œHold up,â€ I can hear you saying. â€œI donâ€™t want to be appearing on a
 bunch of podcasts, and I definitely donâ€™t want to be on someoneâ€™s YouTube
 channel.â€
 Thatâ€™s totally fine. You never need to appear on a YouTube channel or do
 a single interview in your life to create a seven-figure business. But you do
 need to know the people who do. No matter what your business ambitions,
 you need to know the people who control the media in your niche.
 You open relationships with them by making deposits into their accounts.
 Make Relationship Deposits
 Once you know where your audience hangs out, and youâ€™ve identified a few
 key mid-level influencers, the next step is to make connections with those
 people. I call this step â€œmaking deposits into your relationship accounts.â€
 Too many people try to make withdrawals from bank accounts theyâ€™ve
 never made deposits in. Just like a real bank account, thatâ€™s not how
 relationships work. Withdrawing from an empty bank account puts you in
 debt. The same is true with relationships; a relationship must have an equal
 flow of currency between two accounts, if not a positive balance in your
 favor.
 But how do you get there? Well, you have to start making deposits. You
 get there by giving.
 Every day, I get Instagram messages that ask, â€œWill you mentor me? Will
 you do this for me? Can you teach me how to get rich?â€
 These used to annoy me so much that I would sarcastically respond,
 â€œDude, I donâ€™t even know who you are, so yeah, obviously Iâ€™ll drop
 everything and mentor you.â€ Today, I just block them.
 Iâ€™ve said this before, you always want to go for the give instead of the
 ask. If you go for the ask, youâ€™re an ask-hole. Donâ€™t be an ask-hole.
 Relationship building takes time, so the sooner that you start making
 deposits into other peopleâ€™s accounts, the sooner that you will have a positive
 balance from which to make â€œwithdrawals.â€ If you donâ€™t yet have a product
 with positive reviews, then your</t>
  </si>
  <si>
    <t>b'\x0c\xf9gs(\xa6&amp;ka.1M\xd9\x96*T\xa7\xda\xfb\xddR\xb1\x9a\x96\xc3\xbd\xdc\x03(\x02\xfa\xd1\x02\x00Y\xad"\xa0K\xfb\xe1\xaeS\x81\x95\xb9\xce\x9e\x17\xaa\xa4nw\x95*\xb0}Y l\x8c\x1bXyo8-`\x943\xd5\xdb\x9c\xaf\x17\xb2\x1c\xc3\x193q!\n\x87*\xac\x02/t,n\xeago1a\x88S\xfc\x82\x10Q\t\xfb\x9eY\xed\xc1C\xfe\x1b\xee \x1f/t\xfcn\xac\x8c\x17\x0e!kr\x8b;\xd5\x03\xb8\xedK\x9as\x18\xd0\xbd\x97P\xd3Np\xf9\xaf\x96:\xd2\xa5+;\xbb\x7f\x1a^\xf4\xa4\x9d\xc1za\xc3\x93\x08\xa6\xef\x86R\x9dg\xf1y\xb1\xbc9\x06\xe4\xc5J\xbb\xf5\xbf~P3\x8a\xce\xe3\x1c\xe3\xb5\xe9\x18\xb3\x81\x86\xb4\x92\xfd\t\xcbYlF\x1a\xf6+q\xdf8\xf8\x0e\xac0w\x94\x97J\x86\xad\xf5\x8b\xe3\xeb;\tx\x9b\x92L*\xf0\xbb\x04\x8e\xc4=\x86\xd8(\x1b\xf1\xb9\x96\x03\xd0\x1a\xb3\x9c\x04l\x91\x83\xb0\xeaw\xa2\xa8x\x88\x84n\x0ftr\x13\xedk\xdd\xf7\x9d?\x82n\x9cL,_\xec\x9c\x9ao\xcaz\x83\xcc\xd3\x92\x90\x0c\xb3\xdb\xea \x071(\xd5\xa3B\x87\xe9\xc7\xb1\xf8ben\x90\xa1\xe5\x18qDZw&amp;K\xab\x86\x1f5\xee\x8a\x90\x1f\xc0\xcf8\x88|\xe9}9\x9d\xed\x92Q-\xb0\x91M\xa1\x8f\x00F\x7f\xf6\xdd\xadkP\xf5\x8b\xdf#\x15\xd4el\xee\x04\xa9I \xbb\x06\xe1\xee\xf3\x86\xcf\x8c\x84m=&amp;\n\xc7,\x9a\x9c\x94\xef\xff2d\xd8\x0c\xad\x9br\x9d\xeb\xcc\xe7\xed\xcbum\xb8\xef8{ja\xbc\xbb\xf4e\x87\x90 E\x05\x07\xd4K\xff\xda\x01\x92r\xda:\x1c@\x0e\xa1\xe2Nk\x0e\xe1Rt\x11H+\xe5K\xeb\x17\x1d0?!7\xf1!\x83\xd2t\xbfOW\xb3\xf1\xf6g\xb5\xbe\r\xe0\x0c\x93=\xae\xaaA\x1cNx\x0b\x14\xde\\\x9e\xc7\xd90\x14j\x0c\x91\xa8\xf3\xd8\xd2iLp\x13~\xc0Y^@\xe2(\x15FY\x8eq\xc8IA\xbcn\x91\x1b/\xb8/\x98\xe7\xe2u\x15T\x1e\xf7\xce\x19\xe1\xf1 \xcd\xef\x19_RRURE\x84U\xc8\x8a\xa6.5\x80(\x90\x985\x03_=&lt;G\xb4Z\xab\xfdug(\xcf\xea\x981\xd9\xa4\x15\xb9\xb1\xbdN\xf5\xef&gt;\xc0\xfd\xcb$\xa1\x08C-[GO\xef\xe1ciO&gt;\x8c\x86\x91\xf42\xf3\x15\xdf\xa9\xb6\x19Ib\xd8\xc7F^\xf4,Y\xca\x1a\xa3,\x93\xbd\x14U\x92\xfeR\xa2\xfe~\xf2A\xc9\xc7\xc7{\x8b\xcej\x04z\xa4\x0c\xf8kg\x1b\x8f\xdd\xc1\xfd\xd9\x1f\xfdp\xb3\xae\xd0i\x98K\xbbC\xc5\xde\ts\xd63P\x99I0\xc3nA\x85\x9f\xab\xe3\t\xd2\x89 \xd2F&lt;\xfe\xf8\xeaX\x82\x0e\x86VmL\xa7\x8e\xe1H\x99\xbe\x99d\xb8\xa3\xe1\xbe\x1c\x15\x81\xd9s\xdd\x8d\x96\xaco\x1av\x0c]`{\x8f\xddOP\xc6n\x9f\xe7W\xd9w\x91\x82\xc7\xc1\xbf\xc1)\xa6\x87\x95\xb4\t\xf5\xf4r6i\x8f\xb1\xdd\xc1he.}sY\xad=\xc5\x81\xe50\x85]\xf1ov\x1c\x07\xeb\x00"\xa8R\xf9mbC\xd59\xa7\'\xfa\xac\x82Q\x96\xf3\xd9\xbb\x05#\xf5Q&gt;&lt;,\xf3T]lt9\xee\xb3k\xa3$\xce\x87^\xe4\x82\xfau\xcf\x00\xdd\r\xda{\xb6\xfd\x02N\xee\x18\x13XL\'\x19\x9f\x07$Vv%?\xe2$\x9e\x926\xe9\x12\x0f\x85]t\x01\xe4\x9a\xfb\x8f\x1a\xf1z8\xfaU?\xd5\xab\xc7Z\xa1\xa4\x84\x89!\xb2\x1d\x9d\xab0\x9f\x0e`)\xb6RzR\x1e\x14\xc1\x8b\xd8n"H\xf8\xd1u\xa4y\xa9q\xcb\x83\xc6\x8e3I\x16\xbb\xa0\xbd\x15s\xe8\xde\xf2\xf1\xc2\xf5\x18\x1d\xe4\xcd3\t\x08\xcdE"\xf6r0K\xfeM\x124&lt;\xc4\x14-\x05\x11\x1f4lu{OV\x85~\x19\xe4\xab\x0b\x01k\xafj\x0f\x1a!\xdck\xd5\x8d\xc8-\x9a\x00;\x133*$G\x0e\xcc\xfd\x19.\x8dV\x04\xf1\x03\xcd\xb0\xb5&lt;\xd7\xe8i\xe4et&lt;J\xa2|\x12\x9d\xa6\xa7\xee\x0e2\xc2\xfa\x82\x1cE\x9f\xad\x96g\xa1\x8d\x94\xd2\x9aa\xdck\x05\xb7O\x19&gt;;\x9f_G\xfc=\x8a\xaaK\xd3(\xfc\xef\xd3\xb9\x8fD]i\x1cG\x02N5\xe6\x10\xe7IY\x83-\xd0\x9f\x034U\xe0\xeb\xbe\xa2\x18&gt;?\xd3\xa5\xdee\xf3\xba\xc2\xd1\xf7j\xba\xfc U\x8dS\xcc\x8e\xd5\xba\xdfl\xb2\xa5z\xe2\x16\xccX\xa8\x1dQ\xd9e\xb1\x8bq!\x18Z\x91\xaf\xaf\x0f\x97\x06&gt;\xbbl\xc0\xea\xa4\t\x1f\xe9U\x1f\xcd\xda\xc2Z|C\x1cs_(\x96\xae\xf6\xc0\xcbn\xa6\x7f(\xe8\x03\xc9\xb7\x14\x9b\xc2.\xa4\x0f~\x97\xb4nKix7\xf0\x90\x98\xe8\xbc\x1d\x9d\xe1\xa3\xd86\xb1=\xaeYA\xff\xdb5\xfe\x1f\x88\xaf&amp;!\xfd"A\xb9\'R\xba\xa9F\x14\xd24\xff\xafZ\x1e\xbe-\xc6E\xea\xa0\x86\xf6\xeb\xd8\x0f8\xd6z\xdc\xee\xd2\xf5T\rd\xe7\xbb `\x17i6(\xe8z-\'\xeb\x9bU\x7f\x17\xac\x80\xe6\xb2,7\xac\x10\xb5\xe0T\xaaU\xa2\\\xb2\x1d\xe9t\x88\xca)\x08\xc7\x90\xf0\xefN\xfc\x12\xb9\xb6\xf1\xfc\x08\x84\xad\xb1w#\x07\x9e\xd5j\xdd|\t6X\x94\x0e\x13\xd9@\x11\x10]\xe5\xe2V\x0e1\xbc\t\x82\xdb\xd0\xfbf/\x1c\xf2q\xc7Z\xaf\x9aO\xf0\xa7\xe1K\xd8\xa5pI\xb0J&amp;"\xb2\x96\xaa5\xcd*H\xafV&lt;E\xc7\xc6\xc8/j\r`?\x91=\xcb9\xaa\x85{\xeeD\xdd\x168N\x12\xc2\x1dE\xd8\\z\x15i\xc4w\xa7j\x81\xabo\xbe\x91\x1f\x92k\x92\x08\x84{\x8d\xdd\x1ej\x10\x11\x94,p\'\xfd\x18-u\x99\xe9\xac\xdbQnB\xd4&amp;\x85k\x0e{\xae\x19#t\xaa\xd5\xa0S\x841$\xf1~\xb9\x13J\xee\x96\x9b\xc5C\xcaE\xed\x97\x10\x0e\xc3\x90\xc0P\xb4\x0c\xe9\xfb]\xd0\xd1\xa4.\x8f\x91h\x84\xd6\x154{\x04\x91\xff\x07&amp;MU\xc0\xfb\x94\xc4%#xq\xd5\x96\x94\x03*CZ\x9fM\xb5}5U\x10\xab\x00Yi\x89D\xe0{\xbb\xd4\xfayJ\x82&lt;&amp;@r*\xd1\xdeK\xd19m7\xaa!\x89\xfcP\x93\xdc\xab\xff}{\xf8/\x03\xcfJ\xf5\xe7\x18\x0c\xc1}X\xd2g(_\x83\xd8hz]\x18\x8bk\xa7\xce~\x17hZ%\xa9\x9eSdC\xab\x8f\x15h\x94\xea\x8d\xc0\xbf\xfc\x8bf#\x98\xca\xd9\xd8\x0c\xf3+\xec\xbe\xe1\xf9\xb7n\xce(X\x95\xac\xbf\x18\x1de\xcaJ\x92\xd6\xeb\xb5{\xfa\xb6\x93\xa6\xaa\x0f\xaa\xc7\xab*\xba\x9d\'\xeb\x00\n\xbf\n\x908\xd4T\xf3\xcbJ\x115\xdf\x8a\x84\x86\x8d#\xa5\x9c\x11\xab\x1a\x1d\x96\\\x9f\xee\xb8\xa1\xe4~\xf3DN\xb9\xdd\xcf\x10\xdf\x99\x05\xffl\xfe\x96\x99d%\x95\x94N\xc1h\xf8\x91\x07\x92\x01v\xc4\xc4\xbf\x00A\xfa\x87\xd7\xb3\xf3\x99\xc7\xbf\xd9b\x83\xfbE\xac%\xf57,@]\x8a#\xec\x988\x01_\x98\xf6\xd4e\xee\xbaA\xbcBF\x96\xa1pV#\x8dG]\xb5 \x16\xac\x16\xe3\xae\x96p\xd9\xb86\x96\xd5\x15\xdd\xb7\x9f\xcd\x83a\x0440MDn\xf5\\B2\xa0\xb1TK1\x1b\xeb}\x07\xd8\x0c\x08\xbd\x8bu\x126\xaa\x8c\x1aZ\xe5c4\x8c_U\xbcP\xac_3o\xda \xa6\x07\xe0\x92\xd2\xc0\xf6\xfc\xcfgz\x81D\xe6A[\xfe\xc4D6\xd0\x0el\xbf\xa0_\xab\xf6\xd1T\xa5o\xa1l&lt;\x9b\xb81\xa2\x1bg\x17\xec\xee\xbf\xb5\x00\x8cU\x80\x16\x8b\xee\xf9z\x91o\xe9\x84&gt;M\xc2\xb0e\x87\x8d\xab@m\x1fX\xb3\xbc\xe0)\xd1eew]\xe5\xf3$\tG\x7fC\xd0 \x81\x85\x13\xc1\x8b\xed\xfa\x8d\x86\xed\xb4\x8c\xbb\xf6i\n\xc5\x08\xac\x1ba\xae\x1e\xf0*\x06\xdbQl\xb1\x90H\xb9.l\xbdK\xc1\x1f\xc1G\x91\x83\x99\x9b\xe8\x90]7\x18\xe7\x00\x04\x7fR4\x81Sn\xd9\x89-\xd2oXL?t\xf6\rt\x19\xb5\x15\xe5:\x18#K\x08;\xb1\xdf\na\xac\xda\xa4\x0e\x87\x1f#\xccUE\x82j;\xaf\xa0\xc8\xc3\x073~*\xeer\x1bb\xf3\xcc\xe1\xed\xaa\x8a\xf2x\xc6a\x9c\x8c4\x87\xee\'\\\xfd\x1fSG\x15\x92\x85\xab\x13P\x1a\xe7\x95\'&amp;\xa7\x1e5m\x91\x0c!\xe5[x\xda\xe9\x92\x83\xac\xf7\xa2\xaa\x83)\xf4D;%Wr\x1c\xbc\xe3\x12\x86\xe6\x08\x95\r\xa5)Y\xa0\xa7cWU\xe6gW\xf4\xd7\x01PvE\xa4\x1f\x84\x1b\xc5\xab\xe32"U\xfaa8\xd8\xd9\xa7(\xdf\xfcO\xaa}\xaf\xe3\xa8P\x1e2ot\x86%)\xbc\xc3HG:\xdb*2\x17\xcf\xfdjt\xde@_M\xd4\xdag{\xbe\x1c\x94,d\xad\xbf\x07\xf5\xfa\x0b+\xea\xdb\x01-L=\xaa\x03O\xf7SIG\x9f\x11 s0\x9b\x81\x98\xf9\xb7\xd8\x81\xa3\xb8K\xe6\xa5\x0f\xf9;\x87\x1f3O\x18\x15\xe6\xc9OX\x8bY_`{\x95GrD\xc2\xfc\xdb\xfe\xf0\xb6\xf6\x94\xc1\xd9\'\xbd\xba\xbd\xd3\xd3\xe1\x02|\xb9\xe6\xb2#\xd5\x17gm\xa1-Q\x08T\tj9A\xe9\xcb\xba\xee\xe7\x96\x82\xec\x95{ pt\xb7\x8a$F\x86\x8f\xea\x89)+\xea\x0f\x99\xa3\xebX\xfb\x82T\xf5\\^u\xb4Bf\x88h\x13\xd1\xfd\xd8\xae|\x83\xca\xc5\xc8\x88&gt;:\x06=\x03\xdeh\x07u8\xcc\xb1rbb\x8e@\x9fQ\xbd&amp;\x11/&gt;M\xaaw\xefQ*&amp;\xba\\\xa2g\x85\x00\x0b?\x97[\x07&amp;\xf1\xd9\x12\xda\xbbj\xbb\xe28b\x96\xde\xe73\x12\xca\x9b-\xe7\xbe\xba\x92\x0c\x86\xae\x81\x8e\x86\x00\x8d\xd8\x9c\xdc\x88\x99\xe6Sn\xaaK\x00\x03\x99\xa6\xd8+\xca\xc4rT\x007\x9aD:u\xa5:\x97i\xb5\xfdV\xce\xac.\xcaoi$\xaaS\xadsR\xe0w6Sp\xd1\xbb8\xf4\x9e\xe9\x05\xb6\r_\x93\x11\x17(\xf2Ec\x04\xd6\x97\xcd\xa4f\x1b\x82&lt;\x97\xe4DaS*#\x03hU\x0e\xe7}\xd7W\x02 \xc6&amp;\x01)\xbf'</t>
  </si>
  <si>
    <t>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</t>
  </si>
  <si>
    <t>b'\x0c\xf9gs(\xa6&amp;ka.1M\xd9\x96*T'</t>
  </si>
  <si>
    <t>ebody loved my brand and
 chose to come back to it was a game changer. Thatâ€™s when it truly hit home,
 in a way it hadnâ€™t before, that building a business is a people game, not a
 product game.
 Many internet entrepreneurs are historically guilty of optimizing for
 algorithms, numbers, and machines, thinking they have to game the system
 somehow. The truth is youâ€™re marketing to peopleâ€”communicating with
 people. When you truly understand this, your marketing will get even more
 effective. You will be motivated to start gathering testimonials, responding to
 reviews (even when theyâ€™re bad), and more personally engaging with your
 customer. Youâ€™ll see sales arenâ€™t transactions, but relationships. This is the
 moment it becomes real.
 Thereâ€™s No Such Thing as a Perfect Launch
 Iâ€™ve tried to find an example of someone who smashed their launch right out
 of the gate, doing everything perfectly. But outside of major brands with
 millions of dollars in funding, literally zero examples come to mind.
 Thatâ€™s probably because the purpose of the launch isnâ€™t to put you on the
 map everywhere but just to get the wheels turning. The hundreds of people
 who have used my work to become seven-figure business owners have
 almost always started from scratch, crawled their way to the starting line,
 launched with moderate success, and grown from there. The launch gave
 them the momentum they needed to start growing.
 I have a student named Anthony. His first product was a baby carrier. He
 went from being dead broke, working three jobs at once, having no time for
 his kids, to launching his first product. Within eighteen months, he was a fulltime entrepreneur.
 When I tell you that, the assumption I just created is that he had such a
 good launch that it skyrocketed him to seven figures. Thatâ€™s not quite how it
 happens. I often find that people have a misconception, believing that if they
 get the launch right, theyâ€™ll automatically be everywhere. This idea of â€œone,
 two, skip a few, launch, youâ€™re a millionaireâ€ isnâ€™t how it happens. The
 launch is still in the beginning of the process, and now you have to have sales
 and momentum to be able to grow something.
 Remember, youâ€™re still in â€œThe Grind.â€
 Anthony had a fine launch, but his biggest strength was that he was
 methodical about the process. He had three to five products in mind. He
 stacked the deck. He launched one product, stoked the fire, and carefully
 repeated the process the same way for products two, three, four, and five.
 You canâ€™t skip steps and put all your eggs in the launch basket. Success
 comes from executing upon every little step along the way, not just the
 flashiest one.
 The Trillion-Dollar Marketplace
 You may launch on Kickstarter or use Shopify to fulfill some of your orders,
 but most entrepreneurs find the best opportunities on Amazon.com. Amazon
 is the biggest marketplace in the world, and the company is valued at a
 trillion dollars. Itâ€™s important to understand that the process in this book is the
 same no matter what platform youâ€™re on, but for a beginner thereâ€™s really
 nothing easier or more straightforward than selling on Amazon.
 As your brand builds momentum after your launch, Amazon will reward
 you with social proof and free customers. Once you prove that you can bring
 customers to Amazon, it becomes its own marketing machine, putting you in
 front of millions of potential buyers. You will start to rank for keywords. You
 might start to appear on some of their advertising pages for free. You might
 get a â€œnew release,â€ â€œhot new release,â€ or â€œbestsellerâ€ badge, which will
 drive up conversions. Lastly, you will start to get reviews, which can make
 (or break) your brand.
 One of my students, Nathan, recently surpassed sixty units a day within
 the first three months of his launch. How? Just by following this process.
 Why? Because the Amazon marketing machin</t>
  </si>
  <si>
    <t>b'\x83\x0e\x86\x0b\xdb\xbeH\xfa\x08\xec\x01\xe1e\x9f\x00N|T\xda\xdb\xba\x84\xe3f\xc2U*\xea\x98#c\xd5y\xed0\x8dD\xac\xdeB\x8fI\xe5sKDv`,\xb1L@8\x0e\\k\xec\x90\x0f9/\x1f\xaa\xf77\xa9\x8d\xfd,\x04\xcf\xdd\xa0\'\x97w\xa7\x81u\x15\x11\xb3C\xd5\xed\x8b(\xa5\r\xbb\x17\x91\t\xf0/\xad\x02\xd5,\x9a+\xf7"\xe6\x11\xde8\xea\xde\x0e_7\x9d\xbc-\xc7[\x8e\xd3M_{\x1d\xf1\x04\xe255\xa4\x88\xc0\xbd\xabwy\x8bkN}\xb8\x174v1\xbf%.\xffX\xc0_\xec/iB|\x19\x98&gt;\xda\xb2\x06\x05\xaf\xd7O\xb0"\x95\xe7a\xcd\xc5D\x90\xde\xcc\x04\x1d\xc1$\x1apu.\xa7&lt;T\x9d\xf7\xf6\x17F\xd59\x8b6\xa4\xea\xb3\x9b\r\xaed\xfaL\x94\x1b\xbc\xabHy\xef\x07&lt;\x18Ra\xa4p\xa2\x90\xfb\xa9J\xb8Ja8p\x87\x16\x00du\xdc[\xb0\xccB?}\x01\xf68|\x8a\x17\xa1%SS\x7f{\x94\xe3(\x98g\xea,\t\x83\xbe\x13\xd9\xb9\xee\xe1\xf8\x84\x81\x04\xe2^\xf3\xdao\xdc\x04{\xae\x88\xbe0\xb5P\xff\xc1\xda\xfd\xb1\xb8Y\x99\xe5{;Q4V\x7f\xcf\xac\xdf\xa4\r\nc\x19M\x85\xe8\x03p\x8a\xc0\x9b\x1f\xf2\xa9\xe7\xfe!\x80\xbd\xaa\x14\xb3\xbf\xaf\xf4\t,\xa2\x8d\xdb\xe3\xc2e{\xfcA\xd3R\xef\r\xc2+X\xce\x1bB\xcf9\xb2/b!-\xdaZ\x9b\x0e\x86V\x8e\x0c\xca\x05O/\xde\x9a\xde\xc2\x8f+\x98\x99\xfb\xf9\xcdk\xe1\xbfx\xb3\xa9\x9b\xaf\x17\x0fT\x9c\xf5\xe6\xa4!z\xac\x8a\x0b\x16\x038\x95&gt;\xba_\x87\xd7\xe3\xa5-U\xf2\x18*u\x1b\x8c\x9f\x12\xc3{O\xcamX\x8b\xc3\x0e\xbc\x8a\x01\x8dZ\xc9u\x97~\xfb\xf1\x82\xf1lw\x06\xdb\xf1\xe5\xf9i\x12g\xed8\xf4\x10\x18\xca\xa5\x8cq\x9c\x03\x89\x1f\xe6\x052B&amp;\x0b\xf1\xa4\x1e\xfe\x8cV\x10\xcf*\\\x1a\xa0\xfb\x8c\x88Z\x02\xb9\xb9\xd5\x7f\x94\n\x91\x05\x1c\'\xb29\xee]\x0cP\xdb\xd8\x15\xe6\x8d\xf8\xb0\xa6\x9d\xd9V\xf4s\x19\xd2\xb1k\xd3P\xfb\xde\r&amp;\x99\x15\x9f\xf5\xca;\xec2\x911PL\x91?\xc7\x15!\x1d\xf4\xf5zp\xdcw\x80\xda3\xe6\xe0\xcaF\x98\xe8\x95n\xa5\x19\xa7&lt;\x9cJ\xd6\xd94\x10( \x8a\xbe\x87\xac\xe2U|0\'\xc9B\x8d\xa1\xdc\xfe\xb3#\x0fu\xeb[.K\xd1\xb7\xe4\xea\xe9|N\xf8/\xfcx&gt;\x9a\x91\x11\xca\xe2;\xf8\xf4:0\xa6\xa6D|\xd4\x94\xb3\x15&gt;\x08\x95Kr\x18\xeb/\r\xc3\xafY_"s\x05o/\x8aTj(\x01\x1fZ\x81\xbc\xc6+s\xc1\x1aX;\xa2\xcb\x01t5\x9d\x8fT\xd3\x80\xc5\xf8/\xb9\x95\x1c]\xeb\x8b\xdc|\xc4\x0c\xb7\x96\xf1\x89\x06gm\xf4\xd8\xd1;\xb3z\x8b\x1e\x87\x7f@oT]\'\x8c\x0ff5\xcf\xe3\xed4\xf5\xdcA\x85\xf9;\x98\x9f\x94O\xb6A\xf1E\xc0\xeb\x06\x08\x18.\x15\xdc\x14\x8c\xf9\xc9g\xd8\xb3l5$\x11n"\x0e\xb64u\xe8L}\x8fq\x16&lt;h\x19HX\x9014\xb0T\xd2\x8a\x87w\xac\xf4\xbf3\xe9J\xe4\xb1\xf6g&gt;\r\xbd\xf9\xdeA\xd2a\xf0\x99h\x86mZ\xbb\x85v\\r4I\xe6K\xee\xec_v=\x88\xe3\x92\xdb\xf3\xea\xe4\xca\x08\xc7Y\xec\x9ad\xae\xa9_\xfb\xc1V\xa6\xb4\x1b\xe7\xc0\x8f\x96[w\xcb\xae&gt;_\\\xaan. \xd5\x04\xb9\xef\xc3\xe8?T\x94\xec\xa7\x88\x05\xd4\x19\xf1\xfa\xed=\x04S\xe4\xe0e\xaf\x06\xf8\xab\xa2\xadG\xdb\xf9\x97\x97\xaee)\x08\x1b\xcf\xc5\xfc\xb0\x08\x9d\xf3g\xef\xf3\x90\x05}\xb6b\xfe~R$x9\xe6\xaf\xca`\x89\x97\xb0\xa7\xdb\xf6\xe0o\xc6\x0b\x0b\xa3\xf7\xde\xaa\xc6\\\x02\x8a?\xb3\xbf\xff\xe1\xb5\x8b\x0f\xb8~\x0b\x08\xf4\xebI\x80u\x05\xfc\x9f\x94\xe7\xffR\x0f\x14\xa5,\xa3\x19c\x7f\t~F6\x85\x05\x0e\x8f\xa7S\x84\xc0\xdc6\x15\x84cJ\xe5y\x12\xe1\xc7\xe3@\xf8\xf7 \x1a}\x86\xec&gt;\x83\xb0I\x82\xa1.A?\xbe\xf3\xee\x0bj\x91\xde;\xa4&amp;\xc7d\x07\xfc2"\xfa\xf6\xc9\xc45\xdfx\x9e]\xfbs\xaf\x85\xf3Fu.\x0b\xda\xeb\xee\x82IV2\x11?&lt;\x85P\t~\n\xc3\xf9m\xb9\xa4\x1d\xa5F\xf4\x88\xe8`\xfb\x9b\xb92\x86\xab"\x9cl#E2\x04\x0e\x7f\xbbB*\x1fk\xe8\x1b\xd3\x9b\xc3\x02\x0e\xfe\x9d7\xef\x14F\xb5\x00\x89l\xbcL\xc8P\xcd\xfd\xd6w\x7f\xd2\xb5\x1cO\xda\xe7\x86\xbf\x99A\x1b[\x1e\xf8\x8f3EJ\x15:\xe4 SH\xf3\x85\xd9B0L\xea`\xf1\xf9\xeb*\n\x00\xa4?E\x08&gt;vB\xb1vi\xb0r\xd5\xf94\xfa\xadC{\x9dr\xa9"\xec\xcd\xdc\xbc&lt;57\x98\x00/\x80sP&amp;\xda\xff\xc4m\xec\x87F\xb6\x81\xddF\xdd\x01{\xfa\x89\xd7 `t}5L\xd8`W\xd9\xbf\xd3u\x8c\xcb\xef\x8aQQ\xfd\xb2\xd9|\x96i9\x83\x88A\xaf\xde\xe0\xf1&lt;z\xd0W\xe7\xca\xf0\xf7\x1b0\xd5\xb3]j@TN\x92\xe3\x1f\'?\x9e\x00\xc9\'\x88~\xa3\x06D6\'d\xd2\xe4\x0f\xc7?\\\xd7VbIX\x00\x12\xeaDF\x87$\x04\xde\x1b\xf8^P#x\xea\xa0\xd2\x81C\xc0\xb3\'W\xec\x83\xec\xae\xaa\xca\x05\xe6x\xc9\xcc\xe5\xe8\x12\xdf_\xcd\x01\x91\x10\x1b\xdcZ\xe9j\x00\xb25&gt;O\xb9\x7f)&lt;n4\xc5W\xb0a@\x92`\xefZp\xd7\x85\xe6\xb0\xe0\x1a5\x14\'=w\xd3Jw\xb9\xdb\x0eT\x92\xc5z4\xab\x1fX\xd3\xf7\xf0\xc937\x8a\xf1\xd1|\xea0a0\x7f\xf5\xb4\x1a\xa5\xa2\x80\x9b\x9a\x8eOZ9i\xbe\xe5\x05\xc5Xfw\xf5\xe2\x93g\x91\xb5?q}YVJd\xf88u\xa8\x03*\xa4\'\x8f\x8bY\x0cp\x94\x8az\xec\xce\x13N\x02\xe7\xd3\xedzu\x8dcH\x10Y\x98\x9a)\x8b\xfa\xcc\x03\x906\n\x18F\x9fE\xa5\xa0\x8f\xc2\x1a\x8a\x8b\xfewb\xf9\xbc\xd1)\x1b\xfdz\xa7\xfbv\tL\xf6(;\xb6\xb7\xdd\x1a\x89\xecl\xc4\x81\xbf\xa3\xa6V\xa4\x8f\xa9\x924\x85~\xf3\xdc\xd9\xd1\x15&gt;t\xb7)o\x844lI\xeb\x93@\x8e\xa6{c`\x07\xee#&gt;K\x98\xa8-\xcb\xc4\x14\x11\xaa\'aX\xf5\xf4\xe2"\xe5%Dn\xa7\x9b\x01-\\\xeb\xdf\xc7\xf4\xd2\xd5\xcd\x93\xb5\x8f|\x1c\xd8\x86\xd6\xba\x82p\xcdG=\xb1L\xe7\xe7\xbdj\x15\x86\xef+\xe7\xe6\x064\xa0F7y\x12\x04\xe7(\x07\xe51\xcbl\x82\x96m=Z\xf5\xd5\xb44\x1d\x0fq\x84\xab\xb8\x94r\x87\xecy\x14dcS\xed\x00\x93k7\xb8a\xce\t\x01&amp;h\xf0\xcc\x98;\x14\x0c\x9fM,(\x99\xf0%\x01RV2\x89\xf1\xcc\xec\x84\xba~\xec~\x06\xb5M\x12\x83:\xfb\xbc\x1a\xf7\x1d\xffA\xaef\xb7\x1a\xe4\x83\xae\x8c\x1b\xd3\x03\x0b\xa6a\xe4U&gt;5\xcej\xdb"\x86#\xb3\t\xbd\x0eCm"\x97\x82\xb6\xaf\x88\x80\xf9\'\x8cV\xc9/h[,\xff\x8c\xfd\x8d\x94\x87ZR\xa8\x8d0\xaa\xf4\xc8\xd0a\xb1\x80\x98tW\xdc4\x98W\xc0\xe5\xe1\x9e\xf6\xf4\x8d\xa9\xee\xc5K\x9eQ\\9\x8b\xf87Bt\xe3\x88g\xe4\xb4&gt;esy\xb7\x8d\xfd\xfe\xe6~X\xa2\x98*V0\x03\xa9-;\xa2B\xc1\x898\x0c\xac\x8e\x89\xdc[6S\x80\xa76\xa7\xe0\x81&lt;\xdd\x1f\xa7aEa!a%\xe9\xa8\x85_z\xeeg&lt;\xd9\xfc\xf5\xedS\x00\xcaz\x13!\xa8U\x1c&amp;\x8c\xd8K_\x83\x87/\x0e\xb0\x89sL*\x946\xc2\xac\x15\xa9\x03\x95\xe0\xe3\x88\x8a\xa19\x15\xdc\x96\xf9\x08\xeb5N\x83\xa2\xa9\x96\xa5x\x97\rSb(\x0b\t\xc6\x85]Q\xc7\xddv\xe8\x9a\xcc6\xf3\x8c}\x08\xd7\xf0k\xa3qN\x95\xfd\xa5\xcfA\xe6\x1e\x9e\xc0N\xc6t\x16\x14\xaa\x8e\xb2\xb4\xca\x87K\xa4\x1d\xf7\x04\xc2+\x10\x8c\x86`\xa0\x04\xc6y&lt;6S\xb5a\xa9\x12\x8f@=c\x8c\xbcw\xd8q\xec\xfb\x88\xafQ\x80e\xd2\xd0\r\xf16@\xbc`\x8c\xed\x99\xb3E\xe24V\xb3f&gt;\xdb)\xd8\xb723M\xd8\xa9\xcc\xc8\xe2\xfb\xf6\x1bH\xac\xff\xf3P\'?|\xe5\xf9q\x0b9\x11\x0f\xd3\xe8Ws\x82m#@\xed\xa9\xba\xce\xf9\xa6\xca]\x91\x9a\xc2B\xce\xeb\xd0Ery\xcaRN\xca\x9e\xf2\x81\x83\x8d\xf2\x12\x98ZK\xc3\xb2i\xf3\xa5\xab\xa4saZ;\xd2?\x87\xec\xc5\xeez\xa7\xd4\x11\xebz)\x93\xb0\xcb\xb5\x99\x81\xc403\t]S\x8f\t\x19S\xf8h\xc3\xd5\x19\xc8\xd6&lt;[\xa3\xb7p1\x91{\xc4\xebY\xbe&amp;F\xe4\xf0p\xe9u\xbdI\xcb\xe7`\xf1j\xe90`\x99b"\x18G\x97x\xcc\xe0\xf9\x9d\xcb\xe9o\x95\x8e1\xf1\xed\xaf\x83\x1b\xec\\SNfd\xcc\xde\xc1P\xd3G\xc1q):2\xa7&amp;\xf3\x02mP\xb8\x7f\\\xa9\x1eN\x13~\x06\xa6U\x06\x07\xa5\x94@\xb2\x8f\\KKQ9S\xcf\xd8\xb3\x12J\xa7\x98\xb2\x1dt[l\x1a\xb3s\xfcAh_qi\x15 \x7f\xcc\x80hPnT\r\xf1\xa8\xe2\xca\xe0n\xd4\x85\\PM3F\x13U\xc9\x8f\x92\xcf7\xe7\x83\xd1\xf7\x9b\x9d\xb6_\x95\x87\xc2\xa4\xa5&amp;%\x00\x05fZH8\x13f|L\xa1\xdeB\xd7+}-,|\xaa\xb3\x9epw/\x18\x1eE\xddE\x084\xe2\x8e%,2\xc2\x18%%\xfc,%\xd4\xb6h)\x9d\x98{\xe4[\x9c\xf3\xb9\x85\xd2\xb0d\xb6Fv\xffX:\x05\x19o\x08\xc6\x14\xf9\xea\'\xfax\xd3\xaa\x84\x135I_\n\xb8\x14\x0b\xe7\xb3\xed\tVP\x14\xda\'\xa8Q`\xb8\xd0\x87{\xb3a\x95\xf2\xd1\x18\xc6W\xa3\xc1\x94\xf8#(*&amp;zS%\xfd\xe9\xd7\x07\x1f\xb0&lt;\xb2\t"\xa86\x0e\x01\xb1\x15\xf0\xb9\xf0LT\xa4Z\x81{\xff\xcf\x1d\xdd\x80O[X\x80_\xfb\xd9PK\x99\xe9\xa3:/\xa9JA\x1b0)\xbc\x8d#?\xaf\x8c\xcef\x99!\xc0K\xe7B\x8c\x9eM\xf7\xbf(\x1f\xb2q\x0c\x944[K\xe1\xfed\xc9\xdb\x9dV/\xf9G\xd0\x15\xf3\xdedE\xd0)\x03\x05\xd8\xc7\xf7\x827"Q9\x19@\xeb\xb8\xe4O}\xc2\t\xd8\x8b\xcb\xa1\xdc6\\b\xf7\xbd9\xd4\xd1:\x13.\x98[)SD~J\xd4\xf0\x02\xa4$\x9d\na\x9d\xaa\xdc\xf8\xa1U\xd2\x92\xaf%\x18\xcaU#\x86\xcb\xba\x88cp\xf4t\xbf\xb2\xb1*\x00R\x05\xedw1\xb6\x9at_?*d\xcf\xd1\x14~s\xc6\x1ayd\x9d\xecy+f\xdbO\xd1k\x06!sD\xc0\xedF\xfc\x9e\xca\xc7\x0f\x0e\x87\x11\x94\xf7L5]\x84\xda\xa2\x94=\xbf[(\x99g\xfe\x99\x11\xaaF\xacj\x08\xfd\xa6j\x03\x1a\x86\xeb\x19\xa2\xe6G\x86sL\xc65\x82g\xbf\xef\xad\x05\x06\xbex\xbbg\xbbf\xa3\xf3j\x8cB\xccI\xf8\x8f\xe9t^\xbe\xb6\xbb(;\xb5\x91\x17\xea\xd8L\'\x95\x95\xfa9w\xa7Z\xf3\xf4\x84t#$\x85\xf0\x02\xad\n:\x1e\xfa\x1b\x91\x8f7G}=\x01\xf7\xd5\x89\x92\xe1eW\xe69\x1a\x94\xbe\xc8\x04\xc8\xc4D\xee\xf5V#\x9b\x95\xa8\xf2C\xe5\xe5M\xf4\x1cucYRh0I\xe4o(\x9a\xa2\x10e\x96\xcb\xf4\x06\xb7\x84\xc9M\x9c\xbc\x04\xfc\xca\xca\x11\x92?\xdb=\xfc.\xa5\xb1\xb9e \xa1\xaf&amp;T\'\xb7U\xaa\xe0\x84o\x19C\xbd\xdb\x8cL#\xa4\xc6R\xc6a\x08\xb4)\x93\xc0x\xd8\x1bU\xda~\xb7\x8f#\xa4v\xeb\x80\xa1\xf6\xb7s\xf6\xbb\x84\x12\xc7#\x12:3\xda=\x18*;^eb\xe1\xf5\x839\xed\x1a?\xc6M\xf5\x8b\xfc\x81R8n\xbcxh\xff\xcc\x08*\x07\'\xb1-\xe7\xb2.\xe1\xd2J\xe7\x11q\xfc\x10\x97g\xa8\x86\x0f\xc0\xa7n\xea\xe6I\x05\x03\x1c\xbd\x83\xc9\xf7\xda\xcaF\x17\x87\xf5\x8aAT.z\xa7\xbfc\x19\xec\x9f\xe41+\xc9\xd2\x1686\x11)\x1e/\x85\xad\xfe\xd2\x9b\xf6\x1b\xc659j\xc9w\xab\xaa\xa7\xfe{\x19+&gt;\xa1\xc5\xc5\xd0\xea\xb9\x12\xdd\xdc\x87"Xj\x95\x8af\xe1\xbd\xf2\x86o\xc8+\xea\xeb\xffXl\xb2\xd5\x81\xaa\xa0\x87\x9fr\x01\xf7\xdf\x84\x9dI\xbb$P8!\xd2\xb7\xca\xc2|\x11:\xb5 &amp;U\x80\xfc3W\x9b\xa5c}\x01\xf5sK\xca3\xa0~&gt;\xa9\x82r\x0eF8\x00\xea\xc7\x11d6P\xe3!B\x91c\x00\xbc8H\x9e+&lt;\x8e\xf0\xbf\x89\xe4\x8d\xc4\xddh\xe4\x8d\x80R\xaa\x8b\xcc\xb9\x8f\xf0+\x96\xa9*\xcd\x14\xb2\x18oj\xb0\xf2\xfd\xeb\xf1\x14\xab\x1d\xce\xf031\x11\xb1;\x15\xfe\xa5B\xdb&lt;{=@\x17\x11\x87E!hZVV\xf6\x93\xcb~%\xcf\xcd\xa7\xee\xb2\x95hf\xcd.&lt;\x0b\xafR\xf8\xfc\xd3\xa1[\xf5\r[E\xe6\xf7\xad\xa1^\xef~@V\xf6:0Rp\xd9M\xcf\xe9B\xd4/?\x82\xcb6\x08]\xcfT\x1f\xa4\xdd\xc1\xca\xbf\xa1_\xdc\xca\x91D8\xa8OS\xd6\xe9\xa6\xaa6{\xbcN/)\xf5\x95,\x1b\x9e\xfc\x1f\x8deC\x1f-\xd6je\x1e\xdf\xbd\xed/\t\x16D\xd6M=\xa5\xa1\xb5\xa1\x9b\xe9\xa2\xc2f\xd1\xe3F.%u\x97\x1a\x18\x96\x8fP\xc7\x81\x1f\xfd&lt;k\x07`\xa3h\x0f\xa8\x08\xe8\xbe\x08\x12\xdaQ\xf1\xd4Wu((\xa7\x04\x80\x08\xdbyFW\xcf\xa0\x9eT\xb8D\x8d\xa7\x1em\xc3\xfc\xfcy\xf6\xd0\x10\xa4M\xf1e\xf1\x00\x0fe\xf4B\x0bAv\x86\x14\x0b\xf2\xfd\xecb0t\x0c\xffxF\xbb\x00\xf5\xef\xda`\x91[\x9e2\x8f~R\xe0V\x8d!\x11;\xf8\xae\xc7Q\x90\xbc\xa9!\xa12p\xa95\xf9\xf3\x80*\xcb\xd8\x82P\x85\x92]\xd8\xa1\x18\x85 Et\x9f\x1a\x88\t\xa1\xb7\x12B\xbe?\xf0u\xf3p\xbd\xda]-O\xf7\x010\x8c\xff\xf9\x97\xf2\x18i*\xca\xa7RW\x80\x88\x9cN8\xf8\xfb\xbe\x97e6Bj\x1fm#\xff)\x0c4\x80j\r\xd2\xf2\x8eJ\xdb\xdc\x97\xabg\x83k\x0b\xcd\xb0\x9d\xf3O\x88\xaa\xd9O\x7faP\xe6\x98\xd5=\xcc\xb0&lt;\xb6Hi\x9c%\xcd2\xf6\xcfXP-\x00\xdcNj\xdc\xaew\xd0\xe5*Q\xc9\x85\x0fod\x8cU\x0e\n\xda\x05\xef\xaa7\xebn\xc7\xe7_\xfc\x13%7\xc8#\xcfg\xb1\xf7\xf5aUm-\xe4I9\x14M"HAR\xd2yR\xda\xfa\xaceO\xf4\x9f\xe9q\x91\x13\x9b?\x8d\xb3\xde\x89&gt;VK\xab1qv\xe6b\x84\xf5\xf4I6\xdfg\xf18C0!6\xe4\xf8\x92\xb0x1%\xc4\xd6\xaf\xa8\x05\x11\xa3o\x02H\xafP\xdd`\xf8\xfd\x85.\xf5\x01\x82m|\xc9(m\xd5J\xf4p\xf8\xa7\xf1\x9f5\xd0\xf8;\xd0\xb2\xf7\x95JF\xf6\xd9y8n]\xed\xd4\xf7R\xdfN{_\x96\xd4\x03\xe9\x1ei\xc5\x18\xddxe\xa3hD\xf9\xbe\xa4P\xf2\xed\x9a\r\xb3vB\xd2\n[\xdaQ[\x03\xb1HC\xbc\x86aT\x01o\x11\xd7mb\x14\xcf\xf4\x93\xdf\xc4,H_M\x1b\xc8\xd1\xea\x1f\xd2\xcc`[\xa1[\xa5!\x12\x0e&gt;\xc3%\xaa\xe8J\'\x13is#\r\xec\xe5\xbb\xb5\xaf\xb5\xa8G\x80E\xc0&lt;\xf5Rk\xaa\xad\xe3\x0fUQ\xebuV\x13\xf63\x11\xbe\x86\x03Y\x1d\x04Y\x07\xa50\x9cv\xe4\xbb\xd2\xb0\xc6&amp;\x81\xd3\xfb\x02@\xfc\x91\xc1e\xe5\xe7\xba\x1bL1\x8a\xb5\xee\x8a\xfeos\xe7\xb9\x9c\xa0o\xd6\x03\xa9\x17n\x01\xaa\rs\r\x9a\x8c\x9c\t\xe8\xc5\x85\x17\x87\x9f\xc5\xc67w\x90l;\xe0\x0f\x8b\xa8\xdb\x93\xdd\xa9fj\xc8l8\xbcV5\xceQ\xe4\'\x0e#\x12\xc7&lt;*\x8c\x13\xbbG1\x04!K \x94\xf4y\x8c:|7\xc4\xba\x9a\xa5bV\xcc-+"\xc1\r\xf7\x0b\xe42&amp;\xe4b\xcepv\x10\x93\x89\xe1(\xcf\xe2\xd0\xb7*\xca\x9e'</t>
  </si>
  <si>
    <t>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</t>
  </si>
  <si>
    <t>b'\x83\x0e\x86\x0b\xdb\xbeH\xfa\x08\xec\x01\xe1e\x9f\x00N'</t>
  </si>
  <si>
    <t>, as there was in his father, but only hardness, a hard voice, a hard eye, a hard hand;
 and I felt from the first that what he wanted was to wear all the spirit out of me, and just
 make me into a quiet, humble, obedient piece of horseflesh. 'Horseflesh'! Yes, that is all
 that he thought about," and Ginger stamped her foot as if the very thought of him made
 her angry. Then she went on:
 "If I did not do exactly what he wanted he would get put out, and make me run round
 with that long rein in the training field till he had tired me out. I think he drank a good
 deal, and I am quite sure that the oftener he drank the worse it was for me. One day he
 15
 had worked me hard in every way he could, and when I lay down I was tired, and
 miserable, and angry; it all seemed so hard. The next morning he came for me early, and
 ran me round again for a long time. I had scarcely had an hour's rest, when he came
 again for me with a saddle and bridle and a new kind of bit. I could never quite tell how
 it came about; he had only just mounted me on the training ground, when something I
 did put him out of temper, and he chucked me hard with the rein. The new bit was very
 painful, and I reared up suddenly, which angered him still more, and he began to flog
 me. I felt my whole spirit set against him, and I began to kick, and plunge, and rear as I
 had never done before, and we had a regular fight; for a long time he stuck to the saddle
 and punished me cruelly with his whip and spurs, but my blood was thoroughly up, and
 I cared for nothing he could do if only I could get him off. At last after a terrible struggle
 I threw him off backward. I heard him fall heavily on the turf, and without looking
 behind me, I galloped off to the other end of the field; there I turned round and saw my
 persecutor slowly rising from the ground and going into the stable. I stood under an oak
 tree and watched, but no one came to catch me. The time went on, and the sun was very
 hot; the flies swarmed round me and settled on my bleeding flanks where the spurs had
 dug in. I felt hungry, for I had not eaten since the early morning, but there was not
 enough grass in that meadow for a goose to live on. I wanted to lie down and rest, but
 with the saddle strapped tightly on there was no</t>
  </si>
  <si>
    <t>b'Z\xaar\n\x07\x83\x08\xab'</t>
  </si>
  <si>
    <t>5aaa720a078308ab</t>
  </si>
  <si>
    <t>y prove himself a woman at
night. (Clement of Alexandria Paed. 3.3.20.3, trans. in Brooten 1996: 322 n. 76, 323,
discussed 320â€“32)
â€˜â€˜Paul,â€™â€™ Greek-speaking ascetic, early 200s CE:
[Paul sees in Hell] men and women covered in dust, and their faces were like blood, and
they were in a pit of tar and brimstone, and they were running in a river of fire. . . . They
are those who have committed the iniquity of Sodom and Gomorrah, men with men.
(Apocalypse of Paul 39, trans. in Brooten 1996: 313, discussed 313â€“14)
For the date, see Himmelfarb 1983: 16â€“18: Origen seems to be familiar with the text,
and the author probably wrote before institutionalized monasticism. Tours of Hell
were popular beginning in the second century CE; these texts seem to be aimed at a
general audience rather than a litera</t>
  </si>
  <si>
    <t>b'\x7fdX\x15\x99m\xe5\xefg\x91 \xd7\xca\xca\x05\x8fi\x16\x18\xf3\x85\xde\x97\xf5\x0b\xb1\r\xddP\x91\xc5\x80\x0e\x81\xa3\x89\xe3\xef\xd3\xb8?\xd1\x15\xf2\x8e&lt;\xfb\xfc\xfa\xcbV\x06\x16\xebK\xc0\xe0\xc1z\x0bzn\xd1\xa7\xc1\xc4+\x9a\x06I\x8f\xbe@\x0f\x88\xce\xd3\x05$\xb8\x9f\xbd\x8bv\xdd\xd0\xcf\xb1\x9d\xd3`\xe0\xb4\xa4\xe2b\x9b\x88\xda\xa2Q:\x1b\x8e\x93\x97\xf7\xfaj\x10\x94S^\x8c\x87!\xfa\xef+\xb18\xd9\x07\xc6%\xa9\xe9\x0e\xeb1\xea\x86\xa0\x15$\x96$\xa3\xdd\xc4R\x80\x93\x15BzC\x9f\xd4\xc3\xa6\xd2\x08\x9awAVF#5\xeb\xda\x1cm6\xdanN\x14"\xa1\x14w\xe8\xc2e9\x82\x11`#a\x00\xa4/\xfe\xdfAM{9\xdc\x9b\xbd\x89\xa5E\x83\xa9\x99\xf4\x153\xdc\x08maGP\xb3\xe2\xc4#\xfb\xcb=\x07\xd8\xf9 \x92\xc5\xfc\xaa.\xa7\xa2\xec\x13\x8b1\x97#\x86\xd5\x8a\x8a\x1c0w\x7f\xa2\x0f\x8cV\xdb^\xca\xe0\xcf\xe4]^\xa0\x81\x03]"\xc0\xb8\xf1\xfe-\x1bc\x1f\xad&gt;#\x0fX\x88\x11`\xa2K\x1f\x93\x18\xe2\x92\reOW[`=\x0eP}\xa0\xf8|\xd4\xe7\xc4\xc4\xaa\\-CA\x00\xd9\xc2\xde\xd0\te\x01\xe6\x8f\xc1&gt;\xae\xf6&amp;\r\xa1@v\x1b\xd5EB9\xde\xaarpD\x0e\xfe\xa2\x81\x14%\x88\xa4$\xe8\xd7\x8cv\x83H\xa1a\x83|\xe6\x08\xca\x1a\x99H\xe1n\x99s\xfe\xc2S\x96q\xffV\xa2\x8d\xeb\xfbQ\x07\x08\xd7\xd9\x89\x82N\xdf;Ps&gt;BK|U\xd9U\xfd\x92\xb4\xdd\xb7\xceF\x1aW\xc3\x05\x93^\x11e\xf0*.D(\xc6\xce\x0c\xdb\xef\x90\xb5\x14\xee\xf8\xd1\xcfN\x99\xd3_}\x83\x1e\x9f\xd4\xff\xf8\xd5\xe9\xdc$\x0f=\x00[z"\x00C\x0b\x9fEu\xd3!.Jv\x1b\x80J\x1a\x8bD\x0e\x9fr4EKu\xe8\xbf\xcd\xe8\xdb\xd1\xca\xa9\xf6m\xafKu\xd8#_\xf3],\xb3\x8e&gt;\xd2\xa2x\x86\x12\xf2\xa5\xf6\x9b\x08\x1d;(\xde\x15\xe4;K\x9d\x9aI}\x0c\xedo\x88\x07\x05\xba\x97\xbeA\xac\xbf:\xaf\xba\r\xad\x96\x90\x9er\x17\x93\xd1m\xc0\xd9[X\xb1\x15\xebU\xf2\xe5\x81\x9a\x0c\x04$l\xd8]\x8d\xa7\xec\x90\xfb\xbd\x08\xf5yY\xea\'\x12\xa8\xe6\x97\x02\x12Zs&gt;U~\xe1 \t\xb6\xb1\xba\x801\xbe\x98VY\xf9\xdc\x98\x0eS\x14\x8a\xa7_\x9b\n\xdf\x9d,\x8f\xd4y\x93i\x1d\xd2\x9bKu\x9d\xc2\x98\x9f.\xb0\xc6\x1c\xa8\xdf\xb0\xceJ-b+&lt;&amp;|#:\x01;\x0c\xd7/\xc1\x924\xd1\xd5X\x91-\xd0-:\xbf\x9f\x1bf~\xdb\xfe[\x19k\xd0Ev\x80S\x17-\xb6\xee\x7fT\xb4\x95.\xb1\x180oj\x1b\xaa\x90\xec1\x05\r\xad1P\xd8\xf6\x81CD,\x1b\x03T&amp;:\xd2\xfe\x0b\xf8\x176\xe7\xbf.p\xe6N\xe4\xe8\xb0\xf2\xac\xaa\xd3\x01w\xa0\xf9\xc8N\n:r\x1b\x8a\xe3\xab\x11H\xa7B\x80\x82f\x18ul4\xaaM\xe9\x1c\x85\xfe\xe1&amp;\xd5\xd8)\xcc\x00&lt;=\x9e"\xba\xaf\xbbj\x93\xbf\x13\x05\x8b\x92\xf6\xcd\xa7\xc3\xac\xd6L\xf5\x12\x95bV\xfcX\xea\x10&amp;\xfe&amp;\xb0R{\xca\xe9\x9f\x04*2\x10r\x7fP\x92\xb3\x9b\x8b\xee\xc3\xa6\xdd\x1b\xb3\x8d\xe3\xa1\xe1\xa6\xf4O\xae\xedz\xa2)\r\xa4\xc7\xde\x89-iSE&gt;$\xfbb\xe9\x9e\xcf\x8d\xdc\xd0\x89'</t>
  </si>
  <si>
    <t>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</t>
  </si>
  <si>
    <t>b'\x7fdX\x15\x99m\xe5\xefg\x91 \xd7\xca\xca\x05\x8f'</t>
  </si>
  <si>
    <t>ers because she could remember a time when home was
beautiful, life full of ease and pleasure, and want of any kind
unknown. She tried not to be envious or discontented, but it was
very natural that the young girl should long for pretty things,
gay friends, accomplishments, and a happy life. At the Kingsâ€™
she daily saw all she wanted, for the childrenâ€™s older sisters were
just out, and Meg caught frequent glimpses of dainty ball
dresses and bouquets, heard lively gossip about theaters,
concerts, sleighing parties, and merrymakings of all kinds, and
saw money lavished on trifles which would have been so
precious to her. Poor Meg seldom complained, but a sense of
injustice made her feel bitter toward everyone sometimes, for
she had not yet learned to know how rich she was in the
blessings which alone can make life happy.
Jo happened to suit Aunt March, who was lame and needed an
active person to wait upon her. The childless old lady had
offered to adopt one of the girls when the troubles came, and
was much offended because her offer was declined. Other
65
friends told the Marches that they had lost all chance of being
remembered in the rich old ladyâ€™s will, but the unworldly
Marches only said...
â€˜We canâ€™t give up our girls for a dozen fortunes. Rich or poor, we
will keep together and be happy in one another.â€™
The old lady wouldnâ€™t speak to them for a time, but happening
to meet Jo at at a friendâ€™s, something in her comical face and
blunt manners struck the old ladyâ€™s fancy, and she proposed to
take her for a companion. This did not suit Jo at all, but she
accepted the place since nothing better appeared and, to every
oneâ€™s surprise, got on remarkably well with her irascible relative.
There was an occasional tempest, and once Jo marched home,
declaring she couldnâ€™t bear it longer, but Aunt March always
cleared up quickly, and sent for her to come back again with
such urgency that she could not refuse, for in her heart she
rather liked the peppery old lady.
I suspect that the real attraction was a large library of fine
books, which was left to dust and spiders since Uncle
March died. Jo remembered the kind old gentleman, who used
to let her build railroads and bridges with his big dictionaries,
tell her stories about queer pictures in his Latin books, and buy
her cards of gingerbread whenever he met her in the street. The
dim, dusty room, with the busts staring down from t</t>
  </si>
  <si>
    <t>b'\xf6\x94\xb1\x13\x89\xb7\xe7H\x95\xbb\xdd?b6$\x0f-\xdb\xc4\x1aj\x1f\xfe,]\xa2\x1f\xd73S\xda\x95\x08\xb1\xecOH\xdf*MT\xb1\xec\xeb\x05\xf0&gt;R\x920Rt\x82\x93\xaa\x1a\xc6\xfa\n\x8e\xc5\xedg\xcfDu\xcc_\xe6\x8a\xce3\x95\xe3{\xe9\xe72\x02\x84\x10\xd2\x80F\xd5u5\x9b5\xda\x13\x83\xe3E\xde\xdb\x0cI\x12!\xd9\xf6\xa3\xae\x99\x15\x91\x18\xd9\xfc\x86\x8b\xf5\xaf\xd1\x9a\xd4\x1aY\xc2\x87\x87\xcbH\x1d\xb3\xc1\x8cgO6\xfc7;\xc5f\x9ey\xaf\x1a\xb9\xae\xdb\xc9\xffinFC\xdc\xc6*\x14\x81u\xe1\x8fGr\xa5.\x91\xed\xa6\x0c\xa0\x16\x9e\xd3\xc3_.\xa2\xdeM\x1cs\xad\xd8\x88\x9f\xde\x90J\xd4\xf7g\td\xc38\xc6m\x0b\xcdp\xfb]F\x7f\xc6jk\xa9\xe7\x03\x1b\xdb?P\xa0\xc3\xb5dV\\,\x92\xda\xcb\xb0\xdf\x8d\x05.P_\xac\xc4\xd6x^E\xd2G3\xe8%d6B\'&lt;y\xc9\xdb\x10\x07\xdc\xc6\x9eo{\x8dt$\xc2\x84\xbd~\xb8\x94\x03$a\xdf\xbc\xa4\xc5\x17?}\x17\xd0~UBm\xd9Zd;tf\x03\xd3\xab\xa5\xb5Y9\xee\xfd1\x90\xdblQ9\x07\xb5\xdcX\xe1o\xa1\x92(9qY\xa8\n?&lt;\xae=\x1d\xe4\xd7\xa2\x9f\xfa\xbf\xa0TQy\xe2Y\xd0\xfc\x91\x175\x0b\x9d\x82v&amp;\x1d%KJW\xf2\xe6[\xed\x88\x96\x9f\x1cZ\xa9\xf4\x10w&gt;\xb9\x80\x83}\xd0!\x1f\xce\xa2\x9a\xc5\xaaa\x87\xe3\xf3\xf0/\x87\x8eo\x19\xd8\x01sv\xa3\xd4\x07\xc7-\x0b\xb2`t\xfe\xcf\xce\x0e\xbd\xf4n\x9a\xd0\xba\xf5B\xd89ez\n\xfb,j"q\xfc\xb5&lt;\xfa\xc5\xdc\xf3W\xad\x93\x94\xb3%f\x11`\x94\xe2\x93\xb1iWH\xbc S\x9ct\x7fYo\x02\xe8-\xbb\xc3\xd7\x9d\xf8\x95/\x08=\xbb\xbe\xfdz:\xe3}\x80di+(\xd8|&lt;}xE\xc7\x03\xd6F\xad\xac\x15\x91\xb6\xe5\xb4q\xc6\x7f\xab\xd25\xd6\xad^\xe3\\h\xbdjpy\xe9\xeb\x0cuf\xbd\xff7\tR\x9fg\x86Mr\xc3\xef2\x97\x1b\xfe\xa6\xe3\xbbx\x91?\x98\xd8 \xd2\xea\x82\xe2|\x11\xa6\xf2\xb5\xa4\\\xf85\xd3\xbd\x92@OqrMg \xfd)\x06\x7f/f\n\x99_\xcc\x07(\x8e\t*\xe9\x03O\xb0\xbe\xa3\xcaF\xd1\xa3\x92\xd5\xcc\xc0ZZy\xad\xad/C\x05ou\xc3\xe3\xc9\x83\x179t\xe4\xe1\xd7\xc9g5\xaf\x81\xe14\x98\x0e\xeb\xcd\x1a\xdb.\x89u\xdb&gt;\x1fH\xe4\x80U\xc8\x95\xb0\x9e\x0b\xa0\x04\xdf\xf3?\xda\x82H\xc8\xf6\xff?j\xbf\xdd\xa5Op\xae\xcdt&gt;\xc8\x1a&gt;&amp;\x15i80\xbb\x96\x90\x06\x8a\xf5g\xeb\x03}\x02\x0e\x1b\xa4\xf3^\xa1\x89\xb0\x811043\xbe\xbe\t\x16\xd2\t\xb8\x14J\xac\x93:p\xb5\xd4%\x89@\x8f\xf0\xb1\x8e3\xd3\x91H\xa9\x89\x7f&lt;\xec[O\x7f\xf6\x87\xee\xb3\xf4\x19\x1cT\xde_\xe0\x03\xa1\x17=\\\x01\xabs@$\x80l\xcc\xf1:W3\xca\x8c\x7f\xeb_\x93j\xb2$\xd1\x1c\x14\xe0\xbe\x9e\x9d#\xb3#\xa5\xa3P~2\x15\xb6L\x0e\x11&lt;\\V9\x04\xac&lt;]\xf6\xc6\x0f\x10\x00\xce2]\xd7\x1d_\xce6\xfc\xd5\x07\xea\xa3vGd/\xc0)\x14$`\x07[~:\xfb]Rhb43=\xda\xba\x92\xf2{\xe7\x12\t\x931\x8bD\xc5\x13\xc2/\xce$Q\xec\x05\x1b\xeb\xd9\xe4\x8c\xf1\x07\x8e\xe5I\xa0\xbb\xac\xb9\xae\x02=\xef\xf0\x1e\xa2\x1br\x1f\xba&lt;n\xe6!\xfcv\xe9P\xae\x15&amp;,j\xa4\xe3\x00\x1ba\\E\xda\x83\x94\x8d\x1b)\x06\xdc\x0e1^t$\xb2&lt;\xf4i\x01\x01\xce\xa0Y+\x10r6t\x90\xe4\x1c\x9a\x8dL\xdaLD\x08I\x8c\xc8\xcd\xe3\xd4t\'^yL\x7f\xc7\'Nt\xea\xae\xfc\xa1A\x10w\xf8F\x80M\x1e4&gt;/\xce\xb9\x87Q\xcco\xba\x95\x8b\x81\xa6\xb4\x05\x9b\x16\xaa\xa6\xda\x86\x16\xdb\x1b\xa8\x1a$&amp;T\xfb"\xa7E\x9di\xc3\xc3n\x81b\xb4\x90\xd3b^\xf2$~\x08\x9cxOR\xfe\xc8\xd5!\x16m\x04H\x8d\x1b\xe9\x89s\x0c\xf4\x1e\x12\x94`\x0cf\x9fU\xd2\x90\xe6\xb2\xa3\x8d\x8d\xedU*Ryqs\xfd\xf1T\xc8{\xa2\xf4&amp;@[\xe1wB8\x98\xb1\x9c\x12\xdd)\xbf\x94\x83\x81\x8fY\xef\xc2k=T\xcf\x96\xbe\xae}\x03\xaa\xf6\xe2F%\x1f\x86\\@\x08\xb9\x0e\x111/\xef\x8ft\xeb\xe2"j\xa1@\xdb\x8b@V\xebhy\xaf-\xa3\x1a\xd9\xd3\n)\xdf\xd0\xaa%X$\xc1C?\x86\xeb)\x1b\xbd=+\xf2\xd2*\x8c\xf3$\xc5o\xd4\xaf\xc2\x9a7b\'\x9e\xbb\xa0\xea\xf3\xfc\x88\x08\x8c\'\xeb\xd7\xae\xa9\x9a\x8e\'\x82\x8f\xa4\x14\x9d\xd5\xa0&lt;\xcc\x0b\xb5\x0e\xa9F)\xc7\x08O\x88LI\x08\x9c$e\xc5\x15\xa7\x80}|u^h9\xcf\xbe\xed@r\xa38\xa8\xcb%\x10]d\xc9\x8f2T\xeagF\x1c\xe1\x8f\x12H:2l\x11\xf1&lt;\xe3k\x0e\xf8g7\xe6\xe2\xbd\x86\xbdT\xf8\xf0%\x83\xd6.jP\r&gt;\xcb\xa58\xec,\xe9\xa4\x1f\xe9q\xea\xdd\x01~\x17\xc1\x7f\xdeF\xc3%\x13\xb9"\x94,\x91#R\x08\xe5\x10\x0e\xd1\x85kr\x9c\x16\xc3\x07\xb3\xc3\xc4\xf6\x01\x04\x01\xb5\xa4a\x9f\xcd\x16\xc7\x07\x07\x9f\xdb\xd4\x82)\x82\x10\x7f\xcd\x87\x9e\x1a\r\xec\xe9m5\xdc\x90\xd5|\x06\xc9!\xc0\x0470\xc9I\xe3)\xd48*"\xd4\xf9\x89\xe2\xd2\xf2\xcf+\xa0\xe3\xf2\x16N\xa1\x05\xdf\x7f\x87\x0f\xf2\xaa\xab\x97\xb9\x8b\xdd\xe0^\x04\xb0\xc3\x135"\r\x8d\xd9U\x05\xf4X\xc8\x1fU&gt;\xe4\x90B\x88^\xd0`Un\xf7\xd7,1\x1b\x9a\xf9\xb1\xee)_XW0z\xa8\xd6g\x97\x9d\xbb\xdcqA\x11\x07&lt;\x8eN\xf4\xd6Q1\xfcV\x11\xee\xecGZ\xa8\xff(\xa8|vWd$\x13\xc8\xa3:\xbay\xe2R\xd2\x87\xa0\xcdR\xb2\xd1\xc2\xec\xcd\x192s7{g\xba\xf2\xe27\x04\'\x84\x98\xfa\xd1\xad\x85\xa1o?A\xa0\xc6\xe6;f\xf4\x06\xabO\xbe\xfd\x02\xb5\xd8\x0f\xed\x80\x91\xe7\x04+@L\xf4\x9b\xbb\xab\x1f\xe21\xe4\x8f\x7f\x11\xa7\xcf\xa9\xb0\xcb[\x82\xf8\xe4&lt;\xad`\x81\x9e\xb2\xa0?s\xb2\x9eXc9\xccKC/\x90\x12\xa5\xf0\xcb\xdf\xa1uR*\x9a\xaf\xbf)\xc3\x89\x04\xb0\xcc\x90;\x9c\xb2[?\xd6)\x8fe\xe4\x01\xb5Rh\xffMs\x07\xda\xc9\xf2y,\xcf9\xd3:\xf6\xc7\x1c\xdd\xf2\xad&gt;\xc2\xce\x10V\xe6\x05}\x9d\xd7Y\x9c\xcd\xd5c\xdf[\x86\xaal\xbb\xae\x1f\xdaxDqY\xb2\xa1kzn\xb0\xfc\x8c4OQ\x8a\x12\xf8\x90\x1f\xaf\xb0\xba2Q\x18\xe3s\xda\xcdA`D\xaa\xed\xce\xc5m\x90\x87%\xb6\xb1\x04\x182\x0fvU\xd9\x8fA\xfa\xc5\x0c\xd0\xf5Y\x8d\x8e\xf7H\xd7\xfa\xcf\xab\xa5\xd08\x17\xd0\xc6\xac\x85\x8a\x875B\x87U\xb6\xf1b\x0c.&gt;\xfdp) \x8f\xc4\x06\x0c\xde5E\xf1^\xb9\xe4\xee\x7f\x81=X\xf7_"}\xc8\xb7CK\x8e~\xc7\xfbb)\xcd\xd7\x9f\x10\x1d\x16Z\x195\xc2\xfccT4\xe4-\xf6\x04\xe4\x84\x02\xf2K~\x10L#\xf7\xffTP\xf7x\xf0&gt;\x97\xbb\x87\xa7\x86xi\x8f\xcc@AC\x00\xc2d\n_f\xe4\x18\r\xdc!4\xcd\xb3\x0f\xb5\xb07\xd2\xda(\xde\x99 -\x1d\x8a\x97&amp;]N\x91\xf9\x98^\x97V\xf0[\x0f\x90\xd1aEr\x8c`0]/\x08\xe9aKi\xa52\xad6\xfe\'\xd4\xdb\xa1\x11\xbb\xdfg\xe3\xd7\xe3\xdb\xd0\xab\xd6\x1d\x82\xd2\xcd\x0fU\xf8R\x9bA\x8a\x9fT(\\\xdf\x92\x05\x92YL\x91\x9a\x9f\xd0\x9ea6;\x04E\xee\xba\xd3\x11\xc2w?\x0e\x87b5\x03\xfc\xcf1o\xe4G\x97\xd5\x9d\xad\x8aSbncu&lt;T-\x1c\x81Q\x1d\xff\xef\xc3\xbc\x1e\x8fIx\xd3l\xb2\xd1\xf6\xda\x8c\xef\xd6\x8e\xa9\xbfF\xe9&amp;\x8b3L\xd5#W\xa3\xfe\xa1\xf1Y\xde\xc4\x9c\xd2\x1d\x96\x9d\xa4\xdd\x07\xe6\xec\x88\x98I\x8a\xc7\xf8\xd8j&gt;\xdb\xfb\x1c\x10M\x8ai\x97\x834\xf6md\x1e\r1LY\xb6\x92\xb7oQ\xd9\xfc;\x85\xd02\x03C\x94\x7f\x8d\x01\xd0\xd8\xe5\n2a\xf1\xd6T\xe2o\x1f\xfc.F\x98\x18eF\x9d\x87U\x00\xdb\x8d\xc5j\x9b\xf8\xdf\xe0s)\x89\xe9\xa0z!1\xae\x0b\x81\nuc\xa1GF\xbb\x17\xa1\xb5\xc8\xf6\x18\x94\xde6\x83\xedI?\xec\x8d\x1d\xee\xbbPrn\xa2/\xd2x"\x0e\x0f8\xfd\x19@\x02\xfa\xb7a\xa2\xff{{\x93W&lt;\xc9\xd1(\xc4\xb4\x08\xb5 `|E\xa5\xd5\xa6\x1f\xf3\xd7R4\xed\xcc\x16\xb7B\xa0\xd5\x7fG\x19R\xb6i\xd3\x0b\x1f\xd7\x00p\xb6p\t\xaf\x97\xec\xff[\x13\x01\xae1\x18\xf2\xe7\xd9!\xcaeae\x1f\x13\x82Q\xbf\x9bJl\xae\t5\x1d\x97\x08oE@\x95\xcb\xa4\x89\x98on""\x95\xa8;\x81\xa6A\xdd\x8cH&gt;\xe7\xbcQ\x07\xc8y\xf3\x08M\xe0N\x93\xf1\xd69\xc5\x8a\xedqE\x02y\xddk]\x16\x94e\xd3\x81\xf5\xda\xe1\x84\xd5\xab\x04{\xa3\xf7\xecm\xb8\x08\xc2\xf9\xec\xf9d(\xeb\xd1\x9e\xf9bRo\xb7F\x87\xeb\xda\x1c\xdf|;uc|\xdd\xf3\x08Cu\xb7\x15\xd7\xed\xd4\xed\xee\xe1\xfc\xd2fk+\x1d\x89\xb1\\\xc1\xca\xda\xda\xab\x14w\x02\xcf)\x80\x1a\xae\xb9o3L\xa5I\xe9\xd3B\x1f\xe8\xb1\xcd(\xebOw\xaa\xba\xa3\xf1Y&gt;sH\x02\x9d\xb0\x8a\x9e\x98v\xc7\x85\xac\xa6\xe9\xa1]\xee%\xc81\xb3C\x81\xa5&gt;-AW\xb9]!\xcc\xaaS\xe3\xb2\x8f\xbe\xa2\x0b\xdeq5\xce\xf8mo\x0c\xd3t\xb54*\xed\x87\xd3n\x1b\x14QA\xf8\xbda\x02\x9cFwO\xb9\xc4U\xf8\r\xfe\xd3+N\xd3\xcf1\x8b:\xd2\\\xcf\x04\xc2\xc8]\x83Ib\x12'</t>
  </si>
  <si>
    <t>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</t>
  </si>
  <si>
    <t>b'\xf6\x94\xb1\x13\x89\xb7\xe7H\x95\xbb\xdd?b6$\x0f'</t>
  </si>
  <si>
    <t>in either; it's in Africa."
 Jim's eyes bugged out, and he begun to stare down with no end of
 interest, because that was where his originals come from; but I didn't
 more than half believe it. I couldn't, you know; it seemed too awful far
 away for us to have traveled.
 53
 But Tom was full of his discovery, as he called it, and said the lions
 and the sand meant the Great Desert, sure. He said he could 'a' found
 out, before we sighted land, that we was crowding the land somewheres,
 if he had thought of one thing; and when we asked him what, he said:
 "These clocks. They're chronometers. You always read about them in sea
 voyages. One of them is keeping Grinnage time, and the other is keeping
 St. Louis time, like my watch. When we left St. Louis it was four in the
 afternoon by my watch and this clock, and it was ten at night by this
 Grinnage clock. Well, at this time of the year the sun sets at about
 seven o'clock. Now I noticed the time yesterday evening when the sun
 went down, and it was half-past five o'clock by the Grinnage clock, and
 half past 11 A.M. by my watch and the other clock. You see, the sun rose
 and set by my watch in St. Louis, and the Grinnage clock was six hours
 fast; but we've come so far east that it comes within less than half an
 hour of setting by the Grinnage clock now, and I'm away out--more than
 four hours and a half out. You see, that meant that we was closing up
 on the longitude of Ireland, and would strike it before long if we
 was p'inted right--which we wasn't. No, sir, we've been
 a-wandering--wandering 'way down south of east, and it's my opinion
 we are in Africa. Look at this map. You see how the shoulder of Africa
 sticks out to the west. Think how fast we've traveled; if we had gone
 straight east we would be long past England by this time. You watch for
 noon, all of you, and we'll stand up, and when we can't cast a shadow
 we'll find that this Grinnage clock is coming mighty close to marking
 twelve. Yes, sir, I think we're in Africa; and it's just bully."
 54
 Jim was gazing down with the glass. He shook his head and says:
 "Mars Tom, I reckon dey's a mistake som'er's, hain't seen no niggers
 yit."
 "That's nothing; they don't live in the desert. What is that, 'way off
 yonder? Gimme a glass."
 He took a long look, and said it was like a black string stretched
 across the sand, but he couldn't guess what it was.
 "Well," I says, "I reckon maybe you've got a chance now to find out
 whereabouts this balloon is, because as like as not that is one of these
 lines here, that's on the map, that you call meridians of longitude, and
 we can drop down and look at its number, and--"
 "Oh, shucks, Huck Finn, I never see such a lunkhead as you. Did you
 s'pose there's meridians of longitude on the EARTH?"
 "Tom Sawyer, they're set down on the map, and you know it perfectly
 well, and here they are, and you can see for yourself."
 "Of course they're on the map, but that's nothing; there ain't any on
 the GROUND."
 55
 "Tom, do you know that to be so?"
 "Certainly I do."
 "Well, then, that map's a liar again. I never see such a liar as that
 map."
 He fired up at that, and I w</t>
  </si>
  <si>
    <t>b'\xd0K&gt;\x05\xd7\xcfz\x140v\x06\x9b\xd0\xf1T\x9b{,\x07\xfb\x18 \xc4yrm\xa7Oo\xbd0x'</t>
  </si>
  <si>
    <t>d04b3e05d7cf7a143076069bd0f1549b7b2c07fb1820c479726da74f6fbd3078</t>
  </si>
  <si>
    <t>b'\xd0K&gt;\x05\xd7\xcfz\x140v\x06\x9b\xd0\xf1T\x9b'</t>
  </si>
  <si>
    <t>/5)2 
 = 5
  4 ,
  so it lives longer (than at rest) by a factor of 5
  4
  :
  5
  4 Ã—(2Ã— 10âˆ’6)s = 2.5Ã— 10âˆ’6s.
  It may strike you that time dilation is inconsistent with the principle of relativ
 ity. For if the ground observer says the train clock runs slow, the train observer can
  with equal justice claim that the ground clock runs slowâ€”after all, from the trainâ€™s
  point of view it is the ground that is in motion. Whoâ€™s right? Answer: Theyâ€™re both
  right! On closer inspection, the â€œcontradiction,â€ which seems so stark, e</t>
  </si>
  <si>
    <t>b'\x08\x9c"\x1b\xa85\x99O\x81\xd7\x0e\xf5t\xc2\xe0N\x95\xcf%\xa7W\xbf\xf0Y\x94\xb0a\xbb\x93\x00vk'</t>
  </si>
  <si>
    <t>089c221ba835994f81d70ef574c2e04e95cf25a757bff05994b061bb9300766b</t>
  </si>
  <si>
    <t>b'\x08\x9c"\x1b\xa85\x99O\x81\xd7\x0e\xf5t\xc2\xe0N'</t>
  </si>
  <si>
    <t>ut his hand hastily into his bosom. But Verezzi,
 whose face, glowing with crimson, formed a striking contrast to the
 complexion of Orsino, remarked not the action, and continued boldly
 declaiming against cowards to Cavigni, who was slily laughing at his
 420
 vehemence, and at the silent mortification of Orsino, when the latter,
 retiring a few steps behind, drew forth a stilletto to stab his adversary in
 the back. Montoni arrested his half-extended arm, and, with a significant
 look, made him return the poinard into his bosom, unseen by all except
 himself; for most of the party were disputing at a distant window, on the
 situation of a dell where they meant to form an ambuscade.
 When Verezzi had turned round, the deadly hatred, expressed on the
 features of his opponent, raising, for the first time, a suspicion of his
 intention, he laid his hand on his sword, and then, seeming to recollect
 himself, strode up to Montoni.
 'Signor,' said he, with a significant look at Orsino, 'we are not a band of
 assassins; if you have business for brave men employ me on this
 expedition: you shall have the last drop of my blood; if you have only
 work for cowardsâ€”keep him,' pointing to Orsino, 'and let me quit
 Udolpho.'
 Orsino, still more incensed, again drew forth his stilletto, and rushed
 towards Verezzi, who, at the same instant, advanced with his sword,
 when Montoni and the rest of the party interfered and separated them.
 'This is the conduct of a boy,' said Montoni to Verezzi, 'not of a man: be
 more moderate in your speech.'
 'Moderation is the virtue of cowards,' retorted Verezzi; 'they are
 moderate in every thingâ€”but in</t>
  </si>
  <si>
    <t>b'\xdb\xb8t!\x0f\x11\x06\x17\x17{\xe4xE\xde\xf3|\xad\xf6I\xac$\xfc\n\xce\x01\xd9\x96\x1f\xd8\xa1:p\x95j:g-\xb3!\x8d\xc77\xe4\xea{\xb8\xdc\x8eg%q~"\x86|R\x86zY^\xdc\x91\xfbq'</t>
  </si>
  <si>
    <t>dbb874210f110617177be47845def37cadf649ac24fc0ace01d9961fd8a13a70956a3a672db3218dc737e4ea7bb8dc8e6725717e22867c52867a595edc91fb71</t>
  </si>
  <si>
    <t>b'\xdb\xb8t!\x0f\x11\x06\x17\x17{\xe4xE\xde\xf3|'</t>
  </si>
  <si>
    <t>n Electromagnetic Waves
  According to Eq. 8.5, the energy per unit volume in electromagnetic fields is
  u = 1
  2 0E2+ 1
  Î¼0 
 B2 .
  In the case of a monochromatic plane wave (Eq. 9.48)
  B2 = 1
  c2 
 E2 = Î¼0 0E2,
  so the electric and magnetic contributions are equal:
  u = 0E2 = 0E2
  0cos2(kzâˆ’Ï‰t +Î´).
  (9.53)
  (9.54)
  (9.55)
  As the wave travels, it carries this energy along with it. The energy flux den
 sity (energy per unit area, per unit time) transported by the fields is given by the
  Poynting vector (Eq. 8.10):
  S = 1
  Î¼0
  (EÃ— B).
  For monochromatic plane waves propagating in the z direction,
  S =c 0E2
  0cos2(kzâˆ’Ï‰t +Î´)Ë† z = cu Ë† z.
  (9.56)
  (9.57)
 9.2 Electromagnetic Waves in Vacuum
  399
  A
  cÎ”t
  FIGURE9.12
  c
  Notice that S is the energy density (u) times the velocity of the waves (c Ë† z)â€”as it
  should be. For in a time t,alength c t passesthrougharea A (Fig. 9.12), carry
 ing with it an energy uAc t. The energy per unit time, per unit area, transported
  by the wave is therefore uc.
  Electromagnetic fields not only carry energy, they also carry momentum. In
  fact, we found in Eq. 8.29 that the momentum density stored in the fields is
  g = 1
  c2
  S.
  For monochromatic plane waves, then,
  g = 1
  c 0E2
  0cos2 (kzâˆ’Ï‰t +Î´)Ë†z = 1
  cu Ë† z.
  (9.58)
  (9.59)
  In the case of light, the wavelength is so short (âˆ¼ 5 Ã— 10âˆ’7 m), and the period
  so brief (âˆ¼ 10âˆ’15 s), that any macroscopic measurement will encompass many
  cycles. Typically, therefore, weâ€™re not interested in the fluctuating cosine-squared
  term in the energy and momentum densities; all we want is the average value.
  Now, the average of cosine-squared over a complete cycle7 is 1
  2
  ,so
  u =1
  2 0E2
  0,
  S =1
  2c 0E2
  0 Ë† z,
  g = 1
  2c 0E2
  0 Ë† z.
  (9.60)
  (9.61)
  (9.62)
  I use brackets, , to denote the (time) average over a complete cycle (or many
  cycles, if you prefer). The average power per unit area transported by an electro
 magnetic wave is called the intensity:
  I â‰¡ S =1
  2c 0E2
  0.
  (9.63)
  7There is a cute trick for doing this in your head: sin2 Î¸ + cos2 Î¸ = 1, and over a complete cycle the
  average of sin2 Î¸ is equal to the average of cos2 Î¸,so sin2 = cos2 =1/2. More formally,
  1
  T
  T
  0
  cos2 (kz âˆ’ 2Ï€t/T +Î´) dt = 1/2.
 400
  Chapter 9 Electromagnetic Waves
  When light falls (at normal incidence</t>
  </si>
  <si>
    <t>b'\xb5\x05\xe8\xc2\xc2$\n\xbcn\xe7\xdc\xf2\x7ft\xca\xfaIEn\x84\x0bB\x08\xd2\xef\xf7\x1d\xb5Oc\xc2\x8a'</t>
  </si>
  <si>
    <t>b505e8c2c2240abc6ee7dcf27f74cafa49456e840b4208d2eff71db54f63c28a</t>
  </si>
  <si>
    <t>b'\xb5\x05\xe8\xc2\xc2$\n\xbcn\xe7\xdc\xf2\x7ft\xca\xfa'</t>
  </si>
  <si>
    <t>e siteâ€™. There is thus, an obligatory formation of an â€˜ESâ€™
complex. E stands for enzyme. This complex formation is a transient
phenomenon. During the state where substrate is bound to the enzyme
active site, a new structure of the substrate called transition state structure
is formed. Very soon, after the expected bond breaking/making is
completed, the product is released from the active site. In other words,
the structure of substrate gets transformed into the structure of product(s).
The pathway of this transformation must go through the so-called
2024-25
BIOMOLECULES 115
transition state structure. There could be many
more â€˜altered structural statesâ€™ between the stable
substrate and the product. Implicit in this
statement is the fact that all other intermediate
structural states are unstable. Stability is
something related to energy status of the
molecule or the structure. Hence, when we look
at this pictorially through a graph it looks like
something as in Figure 9.4.
The y-axis represents the potential energy
content. The x-axis represents the progression
of the structural transformation or states
through the â€˜transition stateâ€™. You would notice
two things. The energy level difference between
S and P. If â€˜Pâ€™ is at a lower level than â€˜Sâ€™, the reaction
is an exothermic reaction. One need not supply
energy (by heating) in order to form the product.
However, whether it is an exothermic or spontaneous reaction or an
endothermic or energy requiring reaction, the â€˜Sâ€™ has to go through a much
higher energy state or transition state. The difference in average energy content
of â€˜Sâ€™ from that of this transition state is called â€˜activation energyâ€™.
Enzymes eventually bring down this energy barrier making the
transition of â€˜Sâ€™ to â€˜Pâ€™ more easy.
9.8.3 Nature of Enzyme Action
Each enzyme (E) has a substrate (S) binding site in its molecule so that a
highly reactive enzyme-substrate complex (ES) is produced. This
complex is short-lived and dissociates into its product(s) P and the
unchanged enzyme with an intermediate formation of the enzyme-product
complex (EP).
The formation of the ES complex is essential for catalysis.
E + S
 ES ï£§ â†’ï£§ EP ï£§ â†’ï£§ E + P
The catalytic cycle of an enzyme action can be described in the following
steps:
1. First, the substrate binds to the active site of the enzyme, fitting
into the active site.
2. The binding of the substrate induces the enzyme to alter its shape,
fitting more tightly around the substrate.
3. The active site of the enzyme, now in close proximity of the
substrate breaks the chemical bonds of the substrate and the
new enzyme- product complex is formed.
Activation energy
without enzyme
Potential Energy
Activation
energy with enzyme
Substrate (s)
Product (P)
Progress of reaction
Transition state
Figure 9.4 Concept of activation energy
2024-25
116 BIOLOGY
4. The enzyme releases the products of the reaction and the free
enzyme is ready to bind to another molecule of the substrate and
run through the catalytic cycle once again.
9.8.4 Factors Affecting Enzyme Activity
The activity of an enzyme can be affected by a change in the conditions
which can alter the tertiary structure of the protein. These include
temperature, pH, change in substrate concentration or binding of specific
chemicals that regulate its activity.
Temperature and pH
Enzymes generally function in a narrow range of temperature and pH
(Figure 9.5). Each enzyme shows its highest activity at a particular
temperature and pH called the optimum temperature and optimum pH.
Activity declines both below and above the optimum value. Low
temperature preserves the enzyme in a temporarily inactive state whereas
high temperature destroys enzymatic activity because proteins are
denatured by heat.
Concentration of Substrate
With the increas</t>
  </si>
  <si>
    <t>b'G \x98j\x96.o\x97\xbe\xb3N\x95\x80\x9b\xbbn\t6\x8c\xe3\x1a\xbd\xbe\x1f\x9e8,1\xf0\x8d\x03s\xe5\xb0\xa2_\x1d$\x86\xf8kr\xf6\xee\xc3\xfb\x91\xf7\xd4\xectGQ8\x91LL&lt;\x08l\xb7\xf8W\xaeY\xaa\xc7\xbc\x19s\x7f80_]\x1f)\x95\xbaf\tLG^\x14a+\x99\xa6 (\x93\xcd\xf8\x08\xee\xfa\xf6\xa0;5q+\xc2xI\\2\xb8\xafZ\x96\xb6\x93\x8e\xe3\x01D1yw"\xb1s|M\x9e\xd9S\x1c\x9d9\x9d\x13\xf8(\x7f\x91k\tg\xb9\xa630\x0c\x89+NZ\xbd!?\xaam4\xed\x8a\xf9m\xa4\x87qu \x85\xb1\t\xd7&lt;\xb0\xda\x94\x03\x95M:\xa7\xd9eQ!\x93\\\x18\xf7\xc7%=\xba9\xd2\xd7\xf9\xa1\xef\xd9!\x03\xc2\xa5\x95wp#\x9c\xc0a_,\\6\xeb\xefz\xc7Y\xea5\t4\x1d&gt;}\xdc\xbc\xdf\xcc\x875\xdcL4\x1dm!\x93\xfc\xbf\'\xb99-pM\x9a\x99\xfcl\n\x14\x05\xb7\xeer\xb6$\xb4;6d\x17}KF\x96%\xc1C\x95\xc1\xef(\x8d\x1e\xc6\xed\xf4\x99UK\xfd\x0b\x85\xbb\x947\xe7x&amp;\x084A\xae1\xf2\x83\xe9!\xeeX\x97\xf0\x0f\xcd\xae\xa9\x05\xc6\x04\xa4.\x9b\xaf\x94\xceo\x15\x01\xf2\xf4\x1e=\xd8H1v\xa7\n\xec\xff\xf9\xa3\xcc\x07v1\xc4\xe4\x8dNRq\x1a\x0c)\xdf\xa9\xef\xac\xb6\xd5\x92\xdf1\x0eFxs\x95G\xec\x9a\xc2`\xbe\x95~\x8a42&gt;\xc0Eeh\'\xca\x12x:M4P\x06\x04\xbdV%X\xcfMo\xfd\x08\x1d\x99\x8f\xb9\x9eO\xdch\xb9\x0ch\xceZ\xf9|\x01\xb4\xcf\xf8D\xa5\xd6\xcbP\xdb\xde\x88|,\x8a;\xcc#\xbf\x13\x1ai\x80\xb5&amp;VN\x8d\xefe%\xc1\xf2\x04K1\x07yb\x8cU\xd0\xf4\x0c\x7f\xc3\xdaZ\xcf\xe7\x01\xedpx\xd0n\xa9\xe2(\x0c\xc1|\xebs\x16\x05\x84\x90\xb2e\xbf/\xf8,\xcb\xef\xb5\x9af1mT9k;\x17\xd4\x83\x06\x92I)\xcaS0Z\x16\x14i\xcb\xfa\x89}\x8a\xd6\x91\x95Z\x07\xa7\xac\x7f\x98\x86\xed\x8b\xa9\xbf\xc3\x1c\x8e\xd4\xe3\xc9\xbc\xc5RJ\r\rT&gt;J]\x0b&gt;\xb5\xf8\xe35O\xf4G*\xb0\xd8\x8a8^\xe59f"O\xdeg\xee\xb1#\x04\x87\x17\xa8V\xd9#%\xa5\xca\x91I\x19\x0f,\xbb0h\x9b\xea\xebv\x92IP\x19uK\x00B\xd0Y\xe8N\xb0O\xb6\xbc\x1a\xb9\xcfm\x82\xcb\x08\x1a\x08~\xd1\x8aH]\x96\xe5\xbd\xe4\x83\x02\xa7\x89\x15+Bv\x96\xb3`t\x1a\xa9\xd6\xed\x88\xd9\xfe\xb8,\x87\xc8h5\x06$\x18\xffA\xedno\x86,?\'\xbb5_\x1d\xa1%\x9bBW\xc2|\xeb\x99\'0\xbf\xcd)\x8d\xdd\xd6\x11C|\xa9\xad\x9d\x7f\xf1_\x15qWow\xcd\xc5Sz\x0b7\xf8)\xe0\xb3T\xd7\x00\xe9\xc9\x81\xbf[/\x82\xee\xf2\x94A\x04\xadU\x94!\x07\xd8\x1f\xfe`\x1c\x8e\xb6 \xc4\xb1\x982D\xd9\x87=\xbb\x85D|d\x14\xa7\xfb\xeeQ\xacL\xfd=\x84\xa6:\xa7kG3\xb0"^\xc9{-\xf0\xc2\xac\xe3|C\x85\x8cp,@)\x92\x12\x8d\xdbS\xb2\x9825\x15ce\x83\xef|\x05e\xa70\xf3P\xc2Q\xc3\x9c\xa3}$H%DR\x82O\x187K\x1fB\xa0a1\x03\xf7(\xa3\x083\x9c\x82\xed\x8d7\x13\xe1\xc5\x1a\xe5\x87\xce%\xb4\x12\xec\xfd\x94\'\xdb\x88\x98\xd9S\xd3\xe7\xc4\xe8|\xca\x950\x90\x94\x02\xa7\x12\xc2\xb0\xe64ie]\xa4\xf7\x8a\x06\xea\xd9\xb7\xe5\r\xd76VB7e \x05\xc9\xc1\xb7.\x94\x8d\x9d\x99\xf3)\xbb\x9cN{\x86\n\x91\xdb\x1b\xa6\x95{W\xfd\xca"\xebz\xfd\n\xd1h\xda\xe7m\xa2\xca\x84;\x7f\x9a_\x97.\xa5\r\x1d\xfa\xff\x9fo\x8f\x1f\x11E\xaa\x06\xed+\xae\x15\x0eH{#\x82T\\d5\x96g\xadL\x16X\xaa\xc6\x1dGX\xd5\xfa\xde\xe3\xcbkH\xd90\xc4Q\x95\x81"\xe5w\x1b\xe9\xe8\xd9\x06a{`\xf1`\xc8g.M\xcc\x14\x8c`Hk\x82\xd0\xea\x8f{WV\x1b\xde\x90K\x80\x01\x84\xf3H\xd3U\x93/\x07\xfa\x7f\x9d\x13gIP\xda\x87\xe0\x8f\xf0(x\x87\xd7\xfa\x87\xa0\x02\x08\x86\x9c\xfd\xa1\x9cw\xf2\xb3\xfb\x95//\t\xca\xad\x19;\x9bO\xfb\xb2\x91\xe8\xd1n)sU\xec \xf2\xc0\xcb\xa6N\xa5\xa1\xf4\xbfm\xda&lt;D\xa7\xfex\xbfS\x01\xc7\xd0\xb96\x92\xd5\xcb[$e\x9f\x0bLe\xa7?\x1f\x7f\x0e#\xaa&gt;\xd4\x9dQ\x95\xd6\xa3\x1d$\xeee\x1c\xf7\x8d#\x1fS\x03\xf8\xc5\x9a?\x99M\xe3`1)-#\x9f\xd0\x81\x91n\xae4\xa6\xdd\xa4\xf0\xeb\xc4\xe2\xea\x89\xe9\x00\x92\xe2\xed\xebl@I(e\xb7\x98\x03\x98\x1d\t\xd5\xf8\xad\xbbP-\xe8\x99R\xcct\xbb\x1bN\x8e\x93\xc0\xf5\xf6\xaf\xba\x03\xbb\x8a\x81\x9aPh\x9bT\xa6\xa2G=\xc0\xc9\xdb1\xa4\xb7\xa9\xd4\xb15\xe3D*K\xb2g\t^%\xad\xae\xadOr\xf1]\x0c\xde\xdf\xeb\xd7&lt;\xdd\xbe\xf0*\x08\x1a\xa6\x93M\xdf\x8c\x14\xedg\xa9O:\xf5\xa5\x83\xc6 \xbd\xd5PC\xea\xd6$*\xf1_E\x88\x19\x10q\xee]\xd5\xe4C\xa2Y%\xf8\x8f\xf2/\xceW\xbeR\xf5\xa62q\xa8m\xaf\xfd\xa9\x12Q\xf3RM\xf9d\xe2\xc8\n\xcc9\xe0\x191\x81\xd3\xe3o{\xac\xdc\x8a\xb8E\x86Rq%B\x1eL\x9e\xdd\x0e}\x04\xbf\xafZ\xd3\xfd\xb3B\xb9\xbcA\xcb9\xa9\x9cm\xf0f-%\xdf\x02S\xba\xdba\xcf\x9c\xa8\xfa\xc9\xcc\xfcM\xe9\x97\x07\x90\xd5\x1b\xdez\x03\xcf\x91\xeb\xaf\x80\xd5\xe4%\x10\x167\xc2\xba\xa2\x85\x9a;\x8eo\x10C\xa0)n\xeep\xe1\x14~\x8d\xbaGe`\x163\x16\\B0H\xbbK\xb9:\x02\xde\x99\xd0\xd2\xf4N\xd6\xd2\xcb\xb6\xf8\x1b\x81\x7f\xa7\xfe\x1a\xf3K\xd1i\x1f\x910 \x99\xff8\xb4?\xce\xa3Q\xfcV\xc0\x0eVi\xaf\x9eL5\xe3\xb6P\xa4\xa1\xac\xf1\xa2\x8a\xfa\x83\xda\xc9t\xae\xfd-\xcd\xcb\x02&gt;\x1dA^\x9c\xe3\x8bW\xb5\xcb&lt;\xfdP\x11\xdb\x85\xd6\xe5\xe3Yk\xcct\xebJ%B\x85v\x82qk\xc5\xb8\x86UJ\x0f\xe8\x94eJo\xab\xb6\xeb\xddz\xaf\xf2\x13\x97OO/\xb8X\x1f\xc5\xe6!s\x0fF\x8f\x84\x0e\x99~\x83i\xc0\xf6\xfc\xfb[\xd4\xed\xe8\xdcjv\xfb\xad\xbc\xc5O;u\xfcwLx\x0c"\x10\xf8\xcf\x88f\xb3\\\xef\x92\x11\x07\x1e\xb2\xf6aR\xc0\nG\xc2\xd6\x85t{\x84\xe8\x83\xa2U\xc5\xf3K\xe7\xcd"\x9b,\x95_\r\x83[~h\xf9\x0fB,\xe6\xbd"\xf8\xec\xf1K\xc9\x9e\x19\xf14\xb7\x02\x02\xc0\xc8Eb\xc4\x8b\xc4\xf7;\xa8`l.\x1d2\x82T\xb2\x8f=\x892\xa5\x125\xc5\xf3*=\xb7HZCG0\x03\xc2\xdf\x8d=\xafx\x0c\xe5\x14\x1dh\x7f\x1fC\xda:\xcd\x9c\x07\xb3iSs[\x82\xa9\x83\x91\xf15s\xbf`5mA\x1f\x0c\xc0\xa4\x08\x0f\xe5c\xc9\x1bx\xa46|j\x85b\x80\xd0\x9dB\xb8\xb2\x1d\xe57nR\x9f\xe2K*\xf1[\xe7\xf4@U\xcc\xfe)\xcf+\xf4&amp;\xf4\x16\x0e\x01t,\xaf\x81@9!\xf2\x92\xca\x9c\xa0\xe4\xdf\xad\x03\xd7\x1b`\xa0\xb4\xb4\x18)\xd6\xea\xf4\xc6\xf6&gt;P\xae\x19\xc2\xef\xe6X\x12\x9e\x1f\xa2\xd1G\x0eB\x05\x12\xdfJT\xe9&amp;\x97\xb0\xd9\x97?d\xf3i\xa1\xf7\xa5)\x90}\xef\xae\x97a\x1b\xfbo\xab\xde\xc3\x13D6E)\xa1HlT\x18Kc\xb8\xa3\x96\x8f\x0f\xdb\xf6\x11\xa7\xda\xb7jx\x96R?\x14\xb4)ct9\x14\xf7\x1f\x17\x95\xa8\xcb\x88\xeb\x00\xbd\xc6$\x9e{\x07\xa4V\x845\x95\xf7Y\xc6\x90\x98\x1f\xdbL\xa3\x01^\xa3u\xab\xdeJ\xe0m\\\x98\xd2\xb0i\xde\x9fJ\xdd\xe2\xf0\xa97\xf4\xe0,\xd2\xc6 \xdds\xd4\xbd\xfe\xcc\xdc\x9dEP\xa6\xb1\x9e\x9d%^\xbaV;\xfd2\xe7.\x0bo/C&amp;}V_0\xefqH\x99\x80r_\x0f)\xe3\xd9\xd8\x1c\x80g&gt;w\xfb\x9b\xc4\x0eH\xcdy\xb6\xf3\xff\x9d\xe3{l\xf3\x11TPG\x84y\x88\xb9\xb5@\xe0\x18+\x89OB\xf1Z|cN^\xb5\xd7\xb4\x15\xbc\x90\xaf5\x08\xbaA\xadbyB\xdeTA\xac\xfd/\x88\x8a\xbb&gt;\xfcV\x93\xba(\xec\x90e2\xe3\xf0`\xdc\x95!\x97\x1f\xb5P|\xd3Z\x866{\xcf\x02W\xedFF\xf7\xf7VC\xa7\xb6\x92\x1e!G\x0c\xb2,\xc9j"\xd5)\xbb\x96\\\x85\xcd1\x19,\xb2%_H\xca\nj\xfd\x99.`\xff#\xcb\xb3(-rd\t\x1f\xa1A\xac*\x80\x83\xff\x12k0=#\x8dX,\x90(z\xa0\xed\x7f&lt;:\xef\xf7\x03\xf1\'\x86\xcdC\xd3\xe7\xaa\rs\x9a\xd0L\x05\xbc\x10\x9a\x10p\x18\xbe\xbf\xe76\xea4Go8\x83\x18\xcf\xb0\x9b\xcd\xe7\xe3\xe6\x86mw\xd3\xe8\x1a\xf8\xdfb\x9f\xe7\xcd\x9b`3,H/\xfbT\xf0\x05\xf4\xdc\xecF\xdfj\xcdfk\xe8\xbc\x8e1\x87\xdaT\xea\xc5\xe8\x8f:n\xed\xdan\xcdiv\xe3\x1cf%\xf0\xdcH\xce\x9e9\xa2\x91{z$\xd8\xfd\\\xab\xf6H\xdb\x8c[\xa3n\x1eLO\x13.^Hu\xe0\xe8X3\xc0\x08\x00\x0b\xa8\x14\x15!\x81\xd8\x9a\xda\xfeS\x15\xc8\'\xb7z\x80|\xdb\xb1\x84\r\xa3\x8d\xcc\xca\xa6\x93\xeb}%\xe2@\x8f\x9c\xdc\x90\x97\x050q\xc9\xf4\xc6\t\xf0\xaa\xc4\x1b\xa9\x85\xd49Y\xee\xb1\xc8\x822\xe8\xe2y\x08M\n\x1d\x94\xfd&gt;\x88\xf4\xaa\x0b\x89\xcd\xe4:\x80\xe9\x06\x07\xf0\xc8*1\xb7\xae:\xd5\x13\x042\xad\x95\xc1\xe4a\xcbN\r\x91\xfc\x8dNaZ\xd4\xd5Fb-\xd5\x0b\x0e\xb03O\xdb\x83l!\xa2\x1b&lt;\x80=D\xdd\xa7\x98V\xa4`\xbf\x1e\xe9\x96G\x17\xdbOm\x8a\x1b7\xb3\xf4g\xf1\xd6f\xc0\xf1\xb8\xcd\x18\xbcd\x04\xad \xc8\x1a\xb8\x07B\nS\xda^\xfch3`\x96\xdc\x0e\xad]R\xdf\x80\x18ZA\x1f\r\x87\xe4m\x91\xc2\xab\xa6Q\xc5$\'o.\x16&amp;\xcfNSc\xf2"I\xa3w\xa4\x9a\n"X\x82\x1dm\x93\xdf8\xcf;\xbf\x84k\x19\xf2\xb6\x1b\xb3+\xc7\x1c\r\xdd\x07%\xff\x03\xa6&gt;\xach9\x04%\xb6\xdfR\xd1zbm\x9b`!\xee\xb1\xc4\xfah\x18e~=\xd8\xfb5\xa5\xca\xb34f&gt;_\x9e\xe5\xf0\xc0\xd5\xdcN_x-\x04\xbe\xa5\xda\xcd;\xa3#\xad\x9eT;\x08\xf3\x13~\xac\xcfi".\x8b\xf4x\xad-\xec+\xc11\xca\xf2\x1f\x87-\xb9\xc5I\xea\x80&amp;\xd9g\xe0\xc9\x93G\xe7a\xa9\x15\x04b\xdc\xa1X\xd0\xd3(\x8e\x86\xc5.Tg\xaa\x14.\xa43\x18t\x87\x00+\x91\ns\x92$\xdc2\xe4\x17\xce\x1f\x92\xb4"!\xd5\xf0\nK\xe1\xbf\xc6\xd9z\xa5\xef!Y\xf3e\x0eAv\xe6\x94\xe2\xe2L\xe9\xba\x89\x15\xee\x9d\x04G^\xe6Kh\xe3\xe7\xf2u\xad0C\x99d\xa4X\x1b\xdc\xdaU\xa1l:I\x04\xec\xc9\xe2f\xa1\xff4\xc9U\xa2\x8f?5\xaa\x9eR\x7f\xe7\xf1\x95ezz&lt;3c\xddR\xd5\xcb\x00\x8d\x1b\xc4\x81A\x18g\x04\x84\x89\xa3\x98\xd3&gt;\x1f\xb0\x0e\xadUp\xae\xa3\xaa\xaaIa\x00*c\xda\x86\xa64Kg\x8c\xcd\x01\xeeE\x1a\x9f\xb9\x8ap\xc6\xf0\xab\xa3.\x92IN\x96\x1a\x18\x98n)\xfa\x05\x85\xdaQ\x83\xe0\x8b\x96^\x14\xfa\xdc%\xac\x02\x8b\xc3\x8c\xf3\xfd\xb5\xb6&lt;\xa9\x8c\xbe\xff\xac\x85\xe0\x196\xd8\'\xfd\xe1\xef\x95\x10\xe30\xddR\t?\xaaV\xf5\x11\xa3\x05\xa6\xbc\xb4&amp;\x15\x06\x7fh\x1f\x19\x98\xde\xfd\x9e\x16\xdc\xc5\xa5\x96 M{%\x1a\xba&lt;\xef@\x1b\x16\xb62\xa6"&lt;\xf0Ce:&lt;\xfc\x90\x97\xfe\x9ek\xf0\xf3\xd7\xe4\x17\x10\xe4\x8a\x91K\x81f\xda\xceh\xaaM\\\xa6\x01 \x02\xf7\xd9\x93\x8db\xbf\xfaz\xe1\xf1\x19\x00\xc6\xec\xc0[\xd681&amp;xdW\xc0k\x19\xee\x82o#\xd1\xd7\x89\xe8\xe3G\xa2@\xea\xd8c\xab\xc4\xbd\x01\xd0\xb8|\x1c\xde\x1b\xdc\xd37\xbf\x86\xde\x11\xd7\x02z\x0e\xf2\xe6p8\x00\xbe\x83\x82/\x81\xac15P\x1a\x0f(\xe9\x96v`\xfdo\xd0fY\xf9\rK\xd40\x8c\x08\xe5\xc9\x8f\xcb1\xff\xf7\xebZ\xf92\x87\x86\x18gf\xd5\\i|l\x80cM\xe6U\x8a\xd3{\xb1\xe8"\x1dG\xe8\xce\x17\x02\x18\xe8j\xeb{U\xfbO\xba \x05\x1es\x9e03n\xf4\x07\xc7\xcc\xb9\xf8F\x16%\x0f\xf8\x12\x82\xef\xff\x1d\xcc\xbaB\xb9\xd5\x98=\xe4\xf9\xa1\xce_\xdb\xf7\xa6ktz\x93\xfb]\x9d\xd0\xf1[\x01\xa7\xcfU\xc0\xccNi\xea\xf7X7\xecPW\x10T\xbf\xce\xa9\x85+\xd3+\x9d\xe9\xb8,\xb5\xeex\x16\xa6J\xf8\xf8\xff\xe0\x83\x9c{\x8cD\xdc\x83\x928Q\x01\xe8\xe0\x89VF\x85X\xc3\x99\xa7d\xd4\x1e\x9e\x83\x97\xc9z\xfbFz\xcc=\x07f\xc6\xb3\x8f\x9d\xe5\x03\xed\xe9&lt;\x7f\x04l\xdeQ\xb6\xcfZ\xf4L\x8a\x9a\xc9\x96\xb2\xca=eA\x01j/SN\xce\xd2\x98]\x08\x19\xe9\xf4a\xb4\xf7l\xc5\xdd\r\xf67\xc9g\xd6\xb3\x80PDGKK\xcdCU\x01l@\xca\x03\xf5V@\xbd\xf9\xa5\x05"\xdb\xbf\xb5\xc5\x03\x06`\xeb\xc5\xda\x1a\xf92\xcd\xbc\x96\xedloI\xf9\x9a\xea\xf2\x80\x9c\xdc\xb0\x83\x04+\xcby\x0f\xed\x83|\xca\x19\xbak\x1e\xdc\x00\x9c\x00\xe3ft\x81b\xf2\xf9B\xef5Rm\xaf0J\xf8\xc1s\xbbN\x05?\t2\xa9\xb1\xf0r\x87\x97\xfdm\x9b\xef\xce\xe4Q\xbf\x8f\\\xa9}&lt;\x0c\x8b\xaa\xb2Y\xd9\x96\xe1SNV\x1b\xbdFO\x93\x0bC\xf7X\xaes\x18=\xbd\xa3\xbd\xf1\xab\x11\x8e@T}\xc2\xca\xff\xa7\n\xe0\xca\xf0^\x0f&amp;\x12-D\xe9\xc4\r\xc4+\xb2|\xcb`\x98\xaf\xf6y\xb3\xde\xd0\xe7\x10\xa5\xe6X\x8b\xfe\xc0\x03\xe6\x05\x0be\x0e\xc1#\xef\xc2y\x96t\xe02\x81\x91\xde0\xe5\xde\x04M\x17\xb4^I\xf8B\x19#\xbe\x1d,\x92sx\xcf\xa8\xfe\xfe\xbf\xf1\xf2\xa3ft\x9dn\x0c+\xe3\xea\x9f~\xa6\xd2\xa7\x98G\x92*\x1d\xc7P\xf0\tx8"\x94\xe4$\x14o\xb4\xe1G\x1e\x0e\t\x1b\nD\x05\xb0\x8b^\x06\xbb\x1aO$\x8bzP\xe2\x0f8\xfe(\xe7\xfb\x8b\x07\xf4\xdbm\x11+\xa6&lt;\xe7\xabYF\x16\xf1\xfd\xb9U\xaf\xda\xd3\xd7\x03\xe6DK\xda\x06\xa9\x1a/A\x1f\x80/\xc0_w"\x0c\xab\x96\x14\xde\xb603_8\x81\xa4\t\xb2{\xce\xf2}\xce\xda(\xfa\x7fs8\xb4\x07\xe8~\xa1N\x0e;Bl\x1b\x89t\x1b\xeb\x14z\x18,\xccF\x93\xeb5\x94#[\x02\xb3\xa0\xf0O\x02\x8a\xf4\xfb\xcfS\xa7WM[\xd1|\xa7\xb6\xc6\xb2#\xdb\x12\xa9\xf7HX\xbe\xe5\xb7\xa4\xc7=R q\xb4&amp;\x01=\xf3\xae\x0c\xaa\x80\xcan\xa7\x8c\xff\xbeb\xa6\xb4\xa8\x87\xda\xfb\xe4\x0b\xb1\x85\xb9\x96\xa1\xae\xcf^\xab\xcf\xee\x93DG\xfekQ\xbc\xe7\xb7\x12G\x16\x08\xf5-\xb8\x8cp\xd5Do\x11\x81\xf6\x9e\xa8\xd5\xca+e\xd5\xce\xbe\xa0\x80\x1fr#\xfa\xbc\x1d\xbf`=\xa6\x89\xf4k\xa0\x87=\xbfi\xf1\xdf\xa5\xa3\xbe\xa8\xb3\xff\x90 \xbd^\xa7\xfft~\rWq\xd4"K\x07 \xe6#\x93y]\xf0a_\xf1\x02yM.\xdb\xf4\xc987\xab\xac\ra\xde\xfc-\xba\x04[\x0f\x8d\xe1\xca\'\x9d\xd3\xa39M\xbf\x9aBg\x14\xc9\x96Hk\xdc\xe8\xd8vI\nCml\x98s"\r8h4'</t>
  </si>
  <si>
    <t>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</t>
  </si>
  <si>
    <t>b'G \x98j\x96.o\x97\xbe\xb3N\x95\x80\x9b\xbbn'</t>
  </si>
  <si>
    <t>all sides and climb up to the sky, and after she had stared for a while she
realized that if she did not go out she would have to stay in and do nothingâ€”
and so she went out. She did not know that this was the best thing she could
have done, and she did not know that, when she began to walk quickly or even
run along the paths and down the avenue, she was stirring her slow blood and
making herself stronger by fighting with the wind which swept down from the
moor. She ran only to make herself warm, and she hated the wind which
rushed at her face and roared and held her back as if it were some giant she
could not see. But the big breaths of rough fresh air blown over the heather
filled her lungs with something which was good for her whole thin body and
whipped some red color into her cheeks and brightened her dull eyes when she
did not know anything about it.
But after a few days spent almost entirely out of doors she wakened one
morning knowing what it was to be hungry, and when she sat down to her
breakfast she did not glance disdainfully at her porridge and push it away, but
took up her spoon and began to eat it and went on eating it until her bowl was
empty.
"Tha' got on well enough with that this mornin', didn't tha'?" said Martha.
"It tastes nice today," said Mary, feeling a little surprised her self.
"It's th' air of th' moor that's givin' thee stomach for tha' victuals," answered
Martha. "It's lucky for thee that tha's got victuals as well as appetite. There's
been twel</t>
  </si>
  <si>
    <t>b'\xf8m\x07\xb5\x00y\x96\x85\xc6En^\x07\xad8\x95\x9e\x12X\xa4\xd4\xc7\xb6j\xd8\x1e\x90\x11\r\x87\x89G\x99_\xacd\x0b\xa8\x96j4D#\xe4\xee\xb3\xd0[\xa4\xa8\xf4\x1bo!kI\x8az\xdb\xad\xa49l\x08\x88\xc7\x18\xb7\x88}\r\xda\x97\x84wu"Ij\x89C\xb6x\nS\\\x01\xa7+roo9\x90\r3\xa9\xc2+p\xc3\xd02\xf8\xf7Gc\x94\x9a}\x91\x14@\xf9\x86g\xee\xd6\xec.v\xd0\x07\x15.U\xf1\x84\x84\xb8\xae\x86\x0e\xc8\xf1W\x07s7\x0f\x17\xbf\t\x84\x83\xb7\x9d\xea\x05y\xa7\x9dy\xfdc\xeb\x1d?\xefK\xa2\x92\x02\x19L\xd7n\xf5_\x8b\xa9C\xd0i2\xf8\xcfS\xc2\xaf\xe5\xbe\x7f\x1c\x846\xe7^{\x8c~KN\xa8vS\x9dY(k\xad\xc7\xaf\xdb\x01\xbd\xd2Z\xb8\xce\xbc\xb1R\x01\xd5\x81[\xe919M\x12/9\xa6\xafX\x87T\x0c\xa6\xb68\x85\xafLO\x97\xa3\xde\xd2\x93n\xe8)Z\xc7\x8e\xe4\t\xca\xbak\xcfhr\xec\xec0ZSz\x0f3)D\xfa3\xf5e\xef\xb7\xecE\xb98\xc8p?$&lt;\xed\xbd\xce\x80\x17j\xed\xce\xb8\x88\xe6D3\x85\x9b\xb0s#\x05w\x9d\x8b\xa4\x1c\xd2q\x11d\xf74|\x98\xbd\xbcT\x94t\xbf~\x14\xf0\xb5\x0b\xff\xb1]yj\xe0G7\x99=\xfa\xb4\xe9\xd1{7\x0f\x07\xeczV9y\xa9lD\xe0\x80\x95x\xc8-\x9f\x12wodtE\xba_rM\'\xb8\x06N+\x7f\x97\xb7w\xcd\x14\xfd\x1d\x90\xb5n\x89\x93\x06\xaa\xdd\xa8Z\x063"\x93*\x0b\xb3\xa9\x93%.\x18\x9d\x19\xe7F\xe6\xcdUS\x81\x97\x07G\xb8\xfe\xad\xb8\xbdG\xc1\x9f"\r\xa8\x153\xfdT\xf8\x97&amp;\xc6b\xdd\x87\x0b\xaf\x7f\x1c9j\xd5\\}\xa0\xee{\xc8\xf4\xcf]&amp;\x9c?sG\xda.]&amp;\xb5TD\xccwtZ\xbbC\xe1\x94\xac\xa0\xbfX!\xad\xfa^\xd3\x026Cb\xc7\x0e&amp;\xf9\xeb1\x03F\xb3\x18\x96\xf6\xc40\x19?\x08\x804\x03\x8d\x84(\xc4\xf8\xfb\xceW\xef\xdd\xcd\xbe!{"W\xc5\xb7\xe0\xb2\x8d\xa4R\xd3K\x08\xe3\x14\x0b\xc9\x9e\xd2\xe2\\\xf8\x88\x11\x87\x15:T@&lt;\x84U\x19\xe12\x96\xf98\xfd\xb5c\xd4\xf0\xf9]\xd4\xdb\xc3\x8e\xf9[3=G\xb30)\xcb\xa2\x1b\x0e\x85\xc9\xa7pM3\x1c\x04\x1d &gt;\xcfp\xcc*\x98\xd3\xde_\xfcn\xebYC\x9f\xf1t\x17\x14!\xbe\xcd\x86\x89X\xe0\xd2j\r2\x18Q\x8f\xf5\x1a\xcd\xefxY\x14W\x87gD\x8b\\\x04\xd9\xab\xe9M\x9a\xa5\xd0\xd3\x1a\x82\'\xc2[\xc8\xd8J\x84\xbf\xf4\xc9\xc9\xbanN\x80\x93r43$\xf8\x1e\xee\x15E#h)\'o\x8cv\xb4Q:lBi\x82j\xfa#\x89\xc9\x0c\xf8\xbdlis+}\xb1\xd7\xcb\x03\x9d0\xf3\x02\xd5\xf9\xf6\xa0\xf7\xdd\xe8K\x0f\xc6\xa6\x85\xae\xc7\xa5\xf3\xf008+\x8di;\x827t*:\x98\xb6\xf5f\xb6\x99\xe0\x9f\xca!+\\?\xb5\xdbw\xc5.m\x82\xc2\x1b\xc1\xfd\xfdj\xeb\xa7zy\x1fo\x91\xder\x80\xb7^vhIK\xb1\x04;\xf8\x08\x15\xb8\xe7X)\x9e\n\x1e{t\xc6\xe3\xbc\xff\xa0[Fg\xb8m \xc0\x9a\xf9\x128&lt;\xd9D\xa9\xe6\xdd_\x8a4v\xaa\xc9\x19\x9e{\x92B\xfe\x0b76\x801\x9aiNyp\xa1\xa7o!\x18\x89&amp;\xaf&amp;\xe7\x14\xcfG\x0b\xc7^K\x98I\xa1\xd4A&lt;\'\n\xd2\x91\xa2g\xb3\xc6l;\x03\xb4\x8bIL\x0e\xe6)|\xc4\xb0\xee\xce\x94\xa8\xc3[_;\xb3\xd4}\xe1\xb7\x0e4_-&gt;\x0c\xe5\xbek\xa9y\xf4\xcb\xbcT;\xee]\x98!J]\x97p\x87/~\xb2\xbe$+\x19\x00\x95~\x1e\xb1\\T\x955\x85\x85A\xe1\x89F\xf5\xdb\xbeA\x97\x99\xc0!\xcaGs\xc0\xa1L\xfa\xda7\xce\xed1\xb7\xe5\x85\xd8\xb0\x03c\xb3\xder\xa0:\xdc\xb35t\x9c!\xca\x1f\xfc\xf4\x14K\xd5l\xb4\xe5\xd0ub\xf6\r\xa9\xbdQ\xf0\xbe-+(\r\x9e\x8co\x9bli\xff\xe6\r\xad\xb6%\x03\x9d\x8f\xb8\xce\xadf1\x7f\xcc=\xb7\x95)\xfc\xe8\xa4&lt;\x11bi\xa5\x87^\xb5\xca\x01\xb9\xea\x924Vu}|3\xf2a \xdf7F_\x98\xa7\x0f\xa6|\x01\n\xc3\xe8\xe3\xd4gl\xd9\x90\'\xd3\x9bDg\xcaGD\xd6\x06?\x8ep\xc3\x91\x94\xa7S\xf6\x8e"\x8a}\x12\xcb\xf5\xa2\xac\xe0(\x15]\x17\xf6]\xac\xa7\xab\xed%\xea \xda\x94\xc1))\t\xc5i\xef\xef\xbfCv\xec\x10\x9d\x9b\xd8\x91\xc6\x0c`dr\xf1\x18ZkE\xd1\x89\x15C\x13\\\x89\xa3\x15 \x0c\x83\xf09\xdf\x80\x84\'\xf9\x16eahC\x9b\xf2\xfa\'rJ/\xbc\x87\xe7\xc3\xcd\x99jKo\xa9\x92\x019\xd3\x18"\xa6\xe4\x15\xfeVc\xef\xbdng\xaefV" 8O\x88*\xbf\xdc\xfa\x1f\xd2DW\x17\xd6\xa0\xda\xb08\xa7i\x1fL\xf1N\xec4k\x96m\x87\xf4\x16\xba\xa9i\xd9\x82f@\x1c#-\x00%i\xc3\xa4\xe9\x85\x90)\x15L)\xdaz\x95\xab\x083\xaa\x85#\x0e\x02zz\x90\x9a\xf1\xe6\xd3\xed\x0b3\xd4t&gt;w\xa9\x12L\xf6\xcal\xb0\x11\xdby\xd3o\xb71\xbe\xe8c\xc3\x9dI\xeb\x14j\x085\x80D\xd0[f\xc7n\x9b\xe1\x12x\x9bL\x1fH\xeb\xb0\xa1\xec\xdd\x84pd\x07\xcd\xf6\xcc\xcfp\x14\xe5\xc5\x1fg\xb74\xf8\xc2\xe3i\xe8C\x06\xb7\x1bEp\n\x97@\xfb\xff\xc9EZ\xa4#\xa9\tv\x17\x8e\xa1\x9d\xdbf\xb4\xd0_/\xa6\xecQu2\xe7LJ\xf5\xd8@\xcf\x1e\xd1\xe4\xda\xc6)q\xe0^V\xd6\xe4\xbf j\x12\xfd\xb2&amp;\xed\x80\x8c\xe0I\xac\xd4\xf3\x0b`\xd9Y(B\xd1\x0b\xd5\xaa\xe4\x1b\xfb\xf2:\t\xa8\xa5\xa1e\x01J\x8bs\xcd\xd4\xd2P\x95U\xbaL\xabn\xd5\xa8\x12WJ\x81\x8d\x1d\x9cz\xd8\xf8t&lt;\xb1\x01\xa7\x17\xc6\xafl^\xd8\xd7\xf0\x8e\x84\x9a\x99a@sw\xa5\xe9\xc5\x03\xb7a\x849!.\xc8\xff\xbc\xcb\x02\xb8\xc1\x9d\xedT\xee'</t>
  </si>
  <si>
    <t>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</t>
  </si>
  <si>
    <t>b'\xf8m\x07\xb5\x00y\x96\x85\xc6En^\x07\xad8\x95'</t>
  </si>
  <si>
    <t>ng easy. No longer
 will you sit in front of a blank page wondering what to say on
 your website, in your elevator pitch, in your e-mail blast, in your
 Facebook ads, or even on your television or radio commercials.
 CLARIFY YOUR MESSAGE
 Whether we run a small company or a multi-billion-dollar brand, confusing our customers is costing us money. How many of our team members
 canâ€™t explain how we help our customers survive and thrive? How many
 people are buying from our competition because theyâ€™ve communicated more clearly than we have? How long will we last if we keep talking
 about aspects of our products our customers donâ€™t care about?
 Things can be different.
 To clarify our message weâ€™re going to need a formula. A serious
 formula. This formula needs to organize our thinking, reduce our marketing effort, obliterate confusion, terrify the competition, and finally
 get our businesses growing again.
 Letâ€™s learn about that formula now.
 15
 TWO
 THE SECRET WEAPON
 THAT WILL GROW
 YOUR BUSINESS
 To help you grow your company, Iâ€™m going to guide you
 in simplifying your message into soundbites that come from
 seven categories. Once you have these seven messages down,
 any anxiety you experience talking about your brand will subside and customers will be more attracted to what you offer. We
 are going to figure out your customersâ€™ story and place ourselves
 right smack in the middle of it.
 Story is atomic. It is perpetual energy and can power a city.
 Story is the one thing that can hold a human beingâ€™s attention
 for hours.
 Nobody can look away from a good story. In fact, neuroscientists claim the average human being spends more than
 30 percent of their time daydreaming . . . unless theyâ€™re reading,
 BUILDING A STORYBRAND
 16
 listening to, or watching a story unfold. Why? Because when we
 are engaged in a story, the story does the daydreaming for us.
 Story is the greatest weapon we have to combat noise,
 because it organizes information in such a way that people are
 compelled to listen.
 STORY MAKES MUSIC OUT OF NOISE
 Living in Nashville Iâ€™ve learned quite a bit about the difference
 between music and noise. Nearly half our friends here are musicians. Iâ€™m always amazed at their talent. Hardly a dinner party
 goes by without somebody grabbing a guitar.
 I could summarize what Iâ€™ve learned about the difference
 between music and noise by saying my friends make music and
 I make noise, but thereâ€™s actually some complicated science
 involved.
 Technically speaking, music and noise are similar. Both
 are created by traveling sound waves that rattle our eardrums.
 Music, however, is noise that has been submitted to certain rules
 that allow the brain to engage on a different level. If I played
 you a recording of a dump truck backing up, birds chirping, and
 children laughing, youâ€™d not remember those sounds the next
 day. But if I played you a Beatles song, youâ€™d likely be humming
 it for a week.
 There is an obvious difference between a well-choreographed
 piece of music and the sound of a cat chasing a rat through a
 wind-chime factory, which is the equivalent of the average corporate website,</t>
  </si>
  <si>
    <t>b'4\x08O\xb6\xc1S\xceR\x97\x84J\x9f\x0b\xfa;M\xc6X7\xa7\xc0U\x0b&amp;\x8b\x97mn\xfeG\x97\xb4R\xb9\xb5\x9d[\x80\x9er\x10\xdb9\xe1"TG\x8d\xc3\xec\x10,\x8f\xa6l\xfcv\xee\xfb\xd0\x16x\xc2\xa3\x03\x05:\xea`4\x94\xb3_\xce\xe5\x9e\x97\xfcL\x88&gt;\x14xd\xaa\xbb\xf6U\xd3\xed&amp;\xd6p\x07\xb1f\xee[lV\xd8\xc8\x880S\xcbl;\x95\x93^\xcc\xfbO\xcc\x91\x17/d\x0e\x08\xe8Z*&lt;\x9f\xe8L\xbe\x8e\xbc\xae\xdb\xd22\xa5\xfa\xe6\x11 ;\xde\x16ef\x18\x9b\x90\xa5\xb4\xe4\x95\x83\xf7\x83\x00\xa9\xe5\x7f\xfdb\xd4/O\xc9^\x81\x889\xea\xd0J\x85b!G\xec\xc6\x13rt&amp;\x14]\x1a\xfa\xaeZG\xa2\xa0\xa3\x08\xad\x06v}\xfb6\xe7\x81D\x89S\xd3\xe3\xa8cv\x7f\xfdj\x11d\xf0\x14v\xbd \x80\x8e\xa6#\xd13hs\x89\xe3F\xdd\x1a\x82\x89Lxb\xb6G\x91\x05Q\xbd]\xef\nv\x88\xbc\x97\xe5\xb2a\xfa\xa7\xe1\x18Rk=\x88\x15!\xe6\xa0a\\l\xda\x08"1\xb8\xfao\xde\xcc\x84\xc2\x92@{\xdc\xb8\xee\xc6{a\xda\xd5f\xa5\xda\xbf\x03\xa2\x0chp\xdb\x11\xa3\xa1=\x0f\xf6\xaam\xb5\xf2\xb6\xb9\xe7k\x1c\xec\x9f\xf5\xf9\xe5j\xb7!\xe9\xeb/\x97;\xdeo7\x17vw\x17\x1a\x12u\xd8\x7f\x81t\xe6R2\x86\x06\xc4\x8d\x93\x8a)\x14\xf9\x0e\x0b\xa9\xb2\xcc\xa2\xb0_|\xf7l\xe1\n\xd0\xffy\x93w\x03k\xf1\xd9+\x14\x0bj\tf\xa9\xc4\x91\xbdf\xe80\xc4\xe2-=\xb9\xbf\xc3-y\xd4\xe6\x8c\xe9\x89Mx,\x85Ps\x1d\xea\xdb\xef\xd5\x8ch\x06[\xa1\xb9\x8de\xb4\x01}G{\xba\x9f\x1d}K\x12\xe3\xc8\xd7_\xed\x9e\x1b\xfb\xb1\xe1\xf5g\xbd\xddK\xb7\xb7h4w7\x91\xe7\xb4k;\xb5\x96s$\xe48\xe9`\x14G\xe6\xe1\xb6\xcc\xd9)]\xde\x85\x8d\xb1\x1dd}!z\x99\xf6\x9aiI\xfb\xae\xd2\xabc\x97K\xfc\x15\x81\xbdl\x8d\x1c\x88\x1c\xa8\\\x8csU\xaf\x99\xcf\xd7,\xf1\x02\xbd\x1e.-\xb3w\x9be\xe4z\xaf\xf0p\x1a\x0e\xd9\xa1X\x04\xb1\xfc\xd3L\x81\xf5\x97\x191\xe1\x8ai\xd9\xa5\xd0\xb4\x04\xe9\xe2\xb4\x11\x15\rF3\x05\xbakF|w$\x97x\x1e&lt;\xce\x8a\xbci!\xa5Z\xcf\xc8\xfb\xb3^)\xe1\x14GQ*\xfd\xfe`y9\x86\xa6\xa9m2\xaby\xb7\x1c\xf9\xdc\xdd\x8b\x00R\x11\x81\xcb\xd2\x14\xc7v\xc8\x12\x95\x0b\x97V\xd1\x16M\xb2\x92\xfa\xdb\'&lt;\x9c\xb1\x19\xc9\xed\x08\xf2E\xc4]\x1a\n00W@s\xd7\x8a\xa1\x8f\xb9&gt;\xbf\x1f\x81\xf0\x07C\xb2\x85\x9bz\xcc\xf5\xb1N\xab\xee(98k1\x8c\xd6.\xad+\xd3s\xaeg\xac(\xcd\xb7\xf3X\x94\xe4\xd6\xee\xff\xe4\x1b\x8a\xd7JhzT\xdd\x9dZ\x16zu\xa1\xd7\xfeX\x9fB\xcf\x94mQ\xb0\xf3cE\rX\xb1)v\x11Vf\xedh\xe1\x9eZ\xcfGQ\xe80q\xaeJ\xad\xf0\xe80\x1b{uP\x81\x84\xc4\xd7\xcc\xc2J\xb4&gt;\xaf?\xe6l\xb3\x8d\xf8\xd7\xef\xc4v\x96\x10&gt;k\xd5\xb5\xa1-J\x04\xfc\xd5\x83\x05\xfa3?\x03\x9f;=\x0c\xa2\xf0\x90\xdc\xb1@\xa1\x07\xaa3\x06\xe2n\xe7p\xeb\x1cT/?\x7fM\xbc\x9d\xdf\xff\x86\x02\xbe\x0c\x08*pz\xd2\xfb\x08&lt;N\x18\x81\x00px@H\xb6\x0f%\x9d\x99gPi\x17\xec\x853U\xb3\x88\x10D\xcd\xd9\x8f\xd3\xee\x8b\xe1\x97c\xd7{\xcb.\x1bN\x94\xe5\xc2n\x9c\xc9\x8eG\xb6\xcd\xbf\xdc6\xf8\xf1\x1de\xd6\x8d\x11\xfb\x11\x0f\xee\x1dIbx\x9e\xcc\x17\xaem\x8aL\xccM\x1f\xab$Q2\x01\x05\xbb\xc9\xd6\x95\xc4\xc9\xf8\x07*o\xea&gt;?\xf2\x0b\xea\x18\x06f\x97\xb71)ia\xd41O\xa3Os\x9b(\xbe\xf6\xd7e\xb8\xa4\xa9\x00fv\xc5\x1am\x8a\xdf\xbb\xce`\xc5\'\xf8l\xa2Z\xe3G\x1d\xda\x89\xa0\x06\x07\x81\xbfD\x80@9\xe9\xf3G?\xea\xa4\x95&lt;\x0b\xa2O\xda\xf1\x00\xca\x94n\xb1\x86\xf0o-C\xbdX6\xeb\xbf\xc5\xecR\xa9P\xd7\x97\xd6)2t\xdc\x9f\xdd\xd1P\xdf\xab\x883\xb91\x00\x9e\x1b\x02;\xdfN\xd6t\x80\xe5\x0b\xbe&amp;\xbf1\xcaevA\x80\xc6#\xf6\x06B\xff\xb8x\x9f5\x18\x8e\xbd\x83\xff&gt;2G\x8c4]\xfe\xea\x90\xb9\xc0\xaf\xf8\x98\xf2l\xf6\xc2\xeeB\xb3%\xed$R\xd56\xc8/\xb8\x18\x0ec\x12\xd1\xaeN{\xa46a\x82\xfdAgc\x960C\xbe\x87\x8fQ#=\xc1\x01e\x1cg\xecs\xf4BC\t\xf9=4oF\x93\xf4\xe97\xb4p+\xa3E\xdd\xc3o\x0c\x9aG!d\x93\xed\x06N\x86\x8f\xf2V\xc6\x88T\xb6\x9dwX\x94\x7f$\xba\x8a\xa9\xe6\x84\x19j\xf0\xac\xb3R\x98=\xf8\x1f7\x0c\x04\xe0\x07f\'\x1b\xa1\xd9H\x1cO\x91%\xd9\x97W\x17,*4f\n\xc83?\xcb+\xe0\xa9\xbf\xab,l[\x88z\xca\xbf9i\xa4(\x8d\xa2~\x13\xf8r\xb9lI\xc9\xc8\xc5\x1d\xeb&amp;\xcd\x01\xf2\xd3\x04\xd8-_\xf1lz\xcd\x06#\xd6\xe1\x9e\xed\xe7\xb7\x1a\x92\xbc\xc5\xf9\xac\xaf:*\xf8\\\xa6\x08W\x9c\x17\xc4x\xc1\x0e\xc2\x9a\x9d\x90\xea\xf2\xa7\x05\xbf\x86&lt;IHX\xa5\x86I\x8c\x07e\xe5\x88u\xcc\xdc!+_\x105\xbd\xf3\xeb\xe3\xfeJl\xc6\xde\xfb\xe2\x14\xca8\xc0t?\xf30\x1e\xf5\x9b\x8e8\x95@\xccq\xae4\xd7WM\xe2\xea\xe4\x8a\xcf\xdff\x9c\x81\xfb\xb8\xcd\xafasg\xa4\xe9\x07\xf7\x91\x16g\xc8\xb0\x95\x80\x07\xc7\xf0\x9a\xcfM4\xa4\x93\x8a\xd5\xc0Q\x94\xc6Y\xd5\xa7\x97\xe2\xc40]m\xd3\xe5\xdf\xbcLTA\xedf\x89\x88\x07\xf2\xc6\xcc\x07L\x85\x86\xdb\x1d\x94\x05\xb9\xe1\xf7M\xac\xe5\x11a\xa7$\x18\x98\x96\xe0x\xc0\xc7`\x9d\x05fb\x88/D\xe7i\xd6\xe3\xef\x1e\'\x98\xf9&gt;\xb0\x16\xee\x19\xdaT3\xf0\xab@\x01\xb0\xec\xdb\x97ho\x05B);o3\xe0\x8a\x95\xbdX\xdb\xbf\x16\xa4\xf6\xeb\x92\xb3\xf1\xd9o\x95\xfe\xd5\xf0\xcf\x16@oM\x10\xff\x87\xe4\x04^\x19\xda2&lt;\x85\xb9S\n_#,Zj\xdb\xd8\x0e\xe7\x18e\xce\x97\xa0)\x8a)\x08.\xe5H\xaa\xb7k\xf4\xcb\xa7\x90b\x1f\x16\x98\xec.\x8aJ\x10\xebdnAG\xe2)[na\xe9\x9b\xf6\t&amp;\x9b\xfd\x02u"\xd8\xdd\x96\xca\x1c\xe4\xa9\xbb\xa57&amp;\xf6\x02[\xcf\xea\xeb\xf8\xb0[\x88a\xccF\xdc\x9a\xcd\xd1\xea\x1b\x8e9\x00\x1d\xee\xf6\xfd\xa1\xc14rE\x0c\x15\xa0]u\xa2\x03f@\x88D\x942\x05\x18\x96\x97\xb6z-\x8bx\xb7\x86M\xef\xfa\x9c\x12|G\x1d$a\xd13\x93k\x90\x14{\x96\xbe\xdd\xc3Xl\x9a\xf7\xa2tC\x1d\x18Q00DU\xbd\xe3ll/\x97+\xe0\xbb\xa5{)7_M\xe3\x8d\xf9\x80\xa5\xf4\x0e\xb9JvK#!\xed\x97*\r\x17\xe2\xe7M\x92&amp;\xbb\xa8"\xdb\xe2\xde\xa9\x04\xfe\x1f\xf6%\x1c\xbak\x87\xe1l\x0c"\x80\xf8v\xee)\x85\x93Y\x0f\xda`LC\xf1\xb9\x002\xd3e\x87[+\xae\xf6z[X{.\xe1\xe0&lt;}\x9a\x89\x94\r/?"n?K\x04*\xaf\x06\xbd\xcdG\x81\xde\x16\x08\xd9\xfa\xef\xd0\x14\x9bf\xaaq*\x13\xdc\x94L4\xbb\x8b\x144Hc\x96\xb9\x1dD\xd9\xc4Tc\xd0\xec\xcdcH"\'\xb7}A\xff:\x0c\xb7\x8aUp\xc3\xb6(\xf7\xec\x02iz1\x08\xb0\xacu\xc0\x9cm\xb6\x9e\xadW\x94\xbd\x12\xf9\xffE\xac\xf2\xf9\x94W\x12\xb5\x8f*!\x98\xf2\xad\xbdS\xa2\x0e\xc1\x11LJF\xe4\xcc\xe4!^\x07j\xd5\xd5\xf9-\x90\xdf&lt;v\xbd\x08\xfd\xc6\xc5\xe6~\x9bsH!\xc0\x1c\x00\xccp{\x9f\x93\xc7\r\xab\x8a\x89 (\xda\x00\xdc\x1f\xc0\xa45z\x8d\x1bS\x89S?\xfb\xf1\xcd`\xb5n&amp;\x01\xde,\xe5\xbak\xe7N\n-qvb&lt;o\xf2\x12\xb2\xb7\xab!\'/Q\x05\x87\xf0\xd4-`\rO&lt;\xe8\xca \xd0!\xca\xfd"\x1bG\x81\xaaI\xc9\xcc\x030&gt;\xc9&gt;\x9fW\xdc\xf3m\x04l\xb8\x95k\xed\xfdqZ\xda|\xff\xafQ\x9c\xf3\xe1d\x8e\xe4JID\x9a\x81~v\xc6\x99\x14\x94\x97w\xa1\xa7\x18\xc1\x1f\xa0\x90\x9c\xbfM\x82\xfc\xcc\x02\xb3L\xed\\\xf5\xb4\xe5\xe7R\xb9\xf7\xdb0w&lt;\xd8#K\x8e\xbe\xd6w0lU`&amp;\xfer\x87\xab\x10\xc3\x88\xe3\x9f\xce\x9f\xba\xfd\xeb\xd8d\x1f\xea\to\xcd\xbe\n\x02pK\x9c\x9e\x02\xa3\x0b\xecS\x10\xdd\xd0:\xf2\xde7\x9e\xa0]\xa2X\xf6u\xafW\x12\x05\xb2\n\xd4\x1e\x97\xb4\x9d\xc0\xa6c\xd2M\xf3W^n\xb1\x08I\xa2\x07\xa8K\xe3~*\xcf\xc3i\x01\x84Q\xdaC\x899\xc9\x1e-\x16\x89\xd4)Vr8i,\xc3\xa1g*\xbb\xfc\xe2\xfa\xb5\xc3\x12S9R\xa5\xe7\x07C\xfd_\x81\x95\xf9\x11J9?.X\xb5(\r\xcf\xfa98\xee\x11F\xac\xf2\x83^_\xf8N:&gt;\xbd1\xc9I\xc5\xff\xad~pZo~s\xb9\x8d\xf7j\x94H\x14\x89(\xeeC+\xfbz%\x0b\xba\x85\'\xdb_\x04i\xfe\x8b\xf7\x01$[&amp;I\xd46i\x9e3\xb7\xfaI\x91U\xecd\x1f\xd1\xa7\xd8T\xcc\xd0\xcd"\xce\xf22\x8ak9\x8d\x7fh*\x18Y\x15\xb0*M$\x88a\x8f\x8e\x11\xb2\x90\x92\x07L\x8bO\xf9\x01\xc0\xb6\xe1\x82\x86\x1e\x82*n\x94\xfc*\x88\xd2\xacA\xc6w[\xcc\xbfno\xb7\xf4\x9ad\x95#\xeev\xcf\x14\xd3\x90\x12\x1f\xa5`\x0b\x1d\x14\x12\xf8\x97\x1f\xbc,\xcdeJ\xf8x\xd2\x13T4c\xaf\xc4\xb1\x19\t\xf9Q\xac\xb0i\xe7\x93\xb7`\x00\xb7\x00\xabx\xde\x984\xf2\xfd\xd0\xd3 c\xd6\xc4\xc2\xe6\x13y;\xd1\xd1q\xcb\xaa\x89\xfa\x06\x02\\\xfd\x02\xda#\xc32\x93\xf7\x03&amp;\xa4\xdc\xa5C\x02\xc9\x9c#\xce\xfd\x075\x84\x9f\x7f\xfd\x9d\xd9\xec\'Qx\xd7lV\x9c\x95\xc4\x983\x11\x86]JX\x0b8\xb3\x97E\xc2Y\xf4\x98!~2\xe0y\xe9\xa4ly\xb2\xdd^\xcd\x91i\xf37\xe8\xf1\xb8\xd4K\x0c\xcd\x96\x8e\xa0\xfb\xbc\r\x89\xd6\x91\xb4\xe1K,\xe2\xd62\x06ip\x82\xccI\x8a\xdc?\xf5\xe2\xe4p\xbf\x90W\x9e\'\x9b\xe00;\xee%\x82\xfd\x87o0*\xff\x90\x15\xdb\xfe+\x15e*\x0b\x0e\xa6M\xbf\x0c)9\x7f\xb25\x02\xd9\x19\xff6\x93\xacS\x11\xc2\x89\xadu\x8d\x08t\xb7b\xa1\xa4\xd0j\xeeD3~\xea\xf7\x97*\x90\x9a\xc5J\xd2`\xfd\xa1\xc7\xd0*\xc2o\xcbv\xbc\x8fJ^\xd2mg\xa7 \x86^K\xdd\x89\x9c\tr\xa7\x837\xfdB\x93t\xba\x08\x8a(=\x12\nw5U\'j=}\xc1\x8dOz*\xd5\xea\xd5:1-\x01\x9e\xf7[\x15\xe1\xd3\xa62\r\xa9\xd2\xa8\xbf)X\xd9\xb1\xdb\xa6u@\x87H?\xf6\xd3\xa5p\xedi}\xd7~\xed\x94\xe9\x1b`XU\xd40A\x1e\xb8\x135Fjl\n\xac\x88\xa9\x0f\xdf\x89\xa1\x9b\x1e\xabB\xaa\x80\xa2\xef\xb7x\x19\xfe\x98\xa3 \x89p\x99\xfdU\xda\xf21\xd2\xbc.\x17\x10\xd6\xc2\x07\xc1\xc4_\x08\x86\xf3\'V\xc7\xc3\xdf+\n:w\x9c\xa2Z\xa8t\x1er\x00md\xa4k\xd6\xdb\xb8o\x91S\xb9s\xd5\xf9P9\xfd\x1d\xde\xbdWZ$\x83\x7f\xb8\xac\x00L \xc6X\x12#7&lt;\xb2\xa1\xe0\x804\xf8v\x90\x1fh\xf5{\x9d(vF\xa9\x10.\x8c\xa6_\xce\xde/\x17n\x9e\x82\xbe\xfd2\xbeY\xb7l\xc5\x91\n\x0fnp\xbe8f\x175\x96X\x06\x0c\xa1&lt;\xc5\x84`D&lt;\xc8\rm\xce\x0e\xec\xaeN4\xbfh\'9\xf5\xdb\xaa\xac\x04)w]?\x1d\xbe\x8e\x0c*\x07\xde\x046\xdf\xd1Q\x08\xd6`X\xd2\xef&lt;*6\xd3@ZI\x02\xb8\x00\xf3a|)\x07x\x1f\x07\xe2H\xe8\x85\xbe\x00\xf5.:\x15\xf9\xcb\xaf~."\x1b\x96s\xc7@^\x85-\xdc;=\xac\xf7\xd5i\xa6\x1ef\xf2\xc7CQK\xe9\x01\xcb\x15\xa33y\x1d.\xcdj*\xe0\x95\xdc\x92\xd8\x13D\x0c\xe0\xec\xb49_\x95J\xaf\x90l\xb18\xf3\\V\xcf\xca\xea8O8g\x9a\x88\x13.W\x8b5\x9axa\xfb`4/Q\xc2\xbe\xbe[\xb3\xa3\x89j\xbf\xc6\x01\xeaA\x13\xde\xb34\xc8(QR\xefx\xc6\xa6~a\xe9\xd3XU\x9f\x1d\xbc?\x89\xa2\xb9n\xd1g\xde\xb6#\xfd[S\x1f\xba}\x8d4\xabo\x02\x0e\x8f\xce\xa3X\x85N\x04\x97\xbd\x19\xd7\xfe[&amp;\xb1\x89\xf0\xed\xa7\x8b\xf5s#\x0b\x03\xbc\xadu\x1e\x012n\xbe\xcf\x9c\xc1\x1b\x98\xc2&amp;A\xd4\x029'</t>
  </si>
  <si>
    <t>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</t>
  </si>
  <si>
    <t>b'4\x08O\xb6\xc1S\xceR\x97\x84J\x9f\x0b\xfa;M'</t>
  </si>
  <si>
    <t>then? They were going to Dover; good! To
 Calais; good again! After all, Passepartout, who had been away
 from France five years, would not be sorry to set foot on his
 native soil again. Perhaps they would go as far as Paris, and it
 would do his eyes good to see Paris once more. But surely a
 gentleman so chary of his steps would stop there; no doubtâ€”
 but, then, it was none the less true that he was going away, this
 so domestic person hitherto!
 By eight oâ€™clock Passepartout had packed the modest carpetbag, containing the wardrobes of his master and himself; then,
 still troubled in mind, he carefully shut the door of his room, and
 descended to Mr. Fogg.
 Mr. Fogg was quite ready. Under his arm might have been
 observed a red-bound copy of Bradshawâ€™s Continental
 Railway Steam Transit and General Guide, with its time- tables
 showing the arrival and departure of steamers and railways. He
 took the carpet-bag, opened it, and slipped into it a goodly roll
 of Bank of England notes, which would pass wherever he might
 go.
 â€œYou have forgotten nothing?â€ asked he. â€œNothing, monsieur.â€
 29
 â€œMy mackintosh and cloak?â€ â€œHere they are.â€
 â€œGood. Take this carpet-bag,â€ handing it to Passepartout. â€œTake
 good care of it, for there are twenty thousand pounds in it.â€
 Passepartout nearly dropped the bag, as if the twenty thousand
 pounds were in gold, and weighed him down.
 Master and man then descended, the street-door was doublelocked, and at the end of Saville Row they took a cab and drove
 rapidly to Charing Cross. The cab stopped before the railway
 statio</t>
  </si>
  <si>
    <t>b'\x95\xbd\x12o\x16\\\xa3\xd2\xbfSmk\xb9\xf4\xee\x98\xfdB\x9d_\xdb\xc8\xde\x93cO\xe9)\x08B3\x89'</t>
  </si>
  <si>
    <t>95bd126f165ca3d2bf536d6bb9f4ee98fd429d5fdbc8de93634fe92908423389</t>
  </si>
  <si>
    <t>b'\x95\xbd\x12o\x16\\\xa3\xd2\xbfSmk\xb9\xf4\xee\x98'</t>
  </si>
  <si>
    <t>adness of right angles,â€ as Victor Hugo expresses
 it. The founder of the City of the Saints could not escape from
 the taste for symmetry which
 11 Previous editions read â€œthree miles eight hundred feet above
 the seaâ€ which equals 16,640 feet. The original French reads
 â€œtrois mille huit cents pieds au-dessus du niveau de la mer.â€
 While mille is French for mile, it can also mean thousand, and is
 used both ways many times in the original book. If Verne had
 meant three miles here, he would have used the plural trois
 milles. In reality, according to the U.S. Geological Survey, the
 Great Salt Lakeâ€™s average surface elevation is 4,200 feet
 (http://ut.water.usgs.gov/greatsaltlake/).â€”J.M.
 232
 distinguishes the Anglo-Saxons. In this strange country, where
 the people are certainly not up to the level of their institutions,
 everything is done â€œsquarely,â€â€”cities, houses, and follies.
 The travellers, then, were promenading, at three oâ€™clock, about
 the streets of the town built between the banks of the Jordan
 and the spurs of the Wahsatch Range. They saw few or no
 churches, but the prophetâ€™s mansion, the court-house, and
 the arsenal, blue-brick houses with verandas and
 porches, surrounded by gardens bordered with acacias, palms,
 and locusts. A clay and pebble wall, built in 1853, surrounded the
 town; and in the principal street were the market and several
 hotels adorned with pavilions. The place did not seem thickly
 populated. The streets were almost deserted, except in the
 vicinity of the Temple, which they only reached after having
 traversed several quarters surrounded by palisades. There were
 many women, which was easily accounted for by the â€œpeculiar
 institutionâ€ of the Mormons; but it must not be supposed that all
 the Mormons are polygamists. They are free to marry or not, as
 they please; but it is worth noting that it is mainly the female
 citizens of Utah who are anxious to marry, as, according to the
 Mormon religion, maiden ladies are not admitted to the
 possession of its highest joys. These poor creatures seemed to
 be neither well off nor happy. Someâ€”the more well-to- do, no
 doubtâ€”wore short, open black silk dresses, under a hood or
 modest shawl; others were habited in Indian fashion.
 Passepartout could not behold without a certain fright these
 233
 women, charged, in groups, with conferring happiness on a
 single Mormon. His common sense pitied, above all, the
 husband. It seemed to him a terrible thing to have to guide so
 many wives at once across the vicissitudes of life, and to
 conduct them, as it were, in a body to the Mormon paradise,
 with the prospect of seeing them in the company of the
 glorious Smith, who doubtless was the chief ornament of that
 delightful place, to all eternity. He felt decidedly repelled from
 such a vocation, and he imaginedâ€”perhaps he was mistakenâ€”
 that the fair ones of Salt Lake City cast rather alarming glances
 on his person. Happily, his stay there was but brief. At four the
 party found themselves again at the station, took their places in
 the train, and the whistle sounded for starting. Just at the
 moment, however, that the locomotive wheels began to move,
 cries of â€œStop! stop!â€ were heard.
 Trains, like time and tide, stop for no one. The gentleman who
 uttered the cries was evidently a belated Mormon. He was
 breathless with running. Happily for him, the station had neither
 gates nor barriers. He rushed along the track, jumped on the
 rear platform o</t>
  </si>
  <si>
    <t>b'9q\\L\xbbw\x8d&amp;}\xdb\x08\xb3\xd0\xe1z\xd3%\xfc\x815\x8a\xba\xe7\xe1\x8f\xb0\xe9\xa7\x03\x16(u'</t>
  </si>
  <si>
    <t>39715c4cbb778d267ddb08b3d0e17ad325fc81358abae7e18fb0e9a703162875</t>
  </si>
  <si>
    <t>b'9q\\L\xbbw\x8d&amp;}\xdb\x08\xb3\xd0\xe1z\xd3'</t>
  </si>
  <si>
    <t>e
 must somehow cancel this decay.
 C1 L1 V0 Vout C1 L1 V0 Vout Rp
 t
 Vout +V0
 âˆ’V0
 t
 Vout +V0
 âˆ’V0
 (a) (b)
 Figure 13.16 Time-domain behavior of (a) ideal, and (b) lossy tanks.
 Exercise Calculate the maximum energy stored in L1 in Fig. 13.16(a).
 With our basic understanding of the parallel LC tank, we can now incorporate it in
 amplifying stages and oscillators.
 652 Chapter 13 Oscillators
 13.3.2 Cross-Coupled Oscillator
 In our study of CMOS amplifiers, we have considered common-source stages with resistor
 or current-source loads. Now, let us construct a common-source stage using a parallel LC
 tank as its load [Fig. 13.17(a)]. We wish to analyze the frequency response of this â€œtunedâ€
 amplifier. Denoting the tank impedance by Z2 and neglecting channel-length modulation,4
 we have
 Vout
 Vin
 = âˆ’gmZ2(s), (13.15)
 where Z2(s) is given by Eq. (13.13). Using the plots of |Z2| and _x0002_ Z2 in Fig. 13.15, we can
 sketch |Vout/Vin| and _x0002_ (Vout/Vin) as shown in Fig. 13.17(b). Note _x0002_ (Vout/Vin) is obtained
 by shifting _x0002_ Z2 by 180â—¦ (up or down) to account for the negative sign in âˆ’gmZ2(s). The CS
 stage thus exhibits a gain that reaches a maximum of gmRp at resonance and approaches
 zero at very low or very high frequencies. The phase shift at Ï‰1 is equal to 180â—¦ because
 the load reduces to a resistor at resonance.
 M 1
 C1 L1 Rp
 VDD
 Vout
 Z 2
 Vin
 Ï‰1 Ï‰
  Ï‰
 Ï‰1
 Z in
 (a) (b)
 Rp
 V
 Vin
 out
 g m
 âˆ’90
 âˆ’180
 âˆ’270
 Figure 13.17 (a) CS stage with a tank load, (b) magnitude and phase plots of the stage.
 Does the CS stage of Fig. 13.17(a) oscillate if we tie its output to its input? As illustrated
 in Fig. 13.3(b), the total phase shift around the loop must reach 360â—¦ at a finite frequency,
 but Fig. 13.17(b) reveals that this is not possible. We therefore insert one more CS stage
 in the loop and try again [Fig. 13.18(a)]. For a total phase shift of 360â—¦, each stage must
 provide 180â—¦, which is possible at Ï‰ = Ï‰1 in Fig. 13.17(b). Thus, the circuit oscillates at Ï‰1
 if the loop gain at this frequency is sufficient. Since each stage has a voltage gain of gmRp
 at Ï‰1, Barkhausenâ€™s loop gain criterion translates to
 (gmRp)
 2 â‰¥ 1. (13.16)
 Stated more accurately, the startup condition emerges as gm(Rp||rO) â‰¥ 1. With identical
 stages, the oscillator of Fig. 13.18 generates differential signals at nodes X and Y [Fig.
 13.18(b)] (why?), a useful property for integrated-circuit applications.
 A critical issue in the above topology is that the bias current of the transistors is poorly
 defined. Since no current mirror or other means of proper biasing are used, the drain
 currents of M1 and M2 vary with process, supply voltage, and temperature. For</t>
  </si>
  <si>
    <t>b'\xd04\x0c\x18z\xfcJ\xaeQ\xc2\xf00\xb0;\xfb\xed'</t>
  </si>
  <si>
    <t>d0340c187afc4aae51c2f030b03bfbed</t>
  </si>
  <si>
    <t>gone but a little while, and during his absence Israel spoke 
 straight on in the cook's ear. It was but a word or two that I could catch, 
 and y</t>
  </si>
  <si>
    <t>b'I\x18\n\xe8\x8c\x96\x85\x1eTg{\x8f\xa9\x05\x0f\xf6u\xf2\xc50\xa4\xda*o"\xa2\x0c\x89\x96d\xff\x89\x0bA\xb9*\xea\xf1\xae&lt;\x02]\xa6\x1f\xb7q\xc1\x9b\x98\xe8\x08\x9fa?]\xb8\x8eu\x19\xf5kY\xb88DR\xf6\xdd\xc8\xee\x85\xabA\xdajs\xc1\xbaf\nM\xea~v\x19\x11\x1e0\xa7\x80&amp;0\x9cH\x89\xea\x0e8\x9fa\xff\x89\xa7Q\xad\x00?\x0f\x1bA|\xfbLG.I\xc7\xbc\xde\x95\x02(\xbaeO`\x04\xb0\xe6qZ\x97y\x04\x1aP\x96\xf8\x90\xe8;x\xd9_\xdc\xe1!\x14\x81\xd7\x9d\x90\x1c\x05\xe2:\x19\xba\xad;\xb1\xcc\x01z\x14\x8b\x9e\x96\xf8\xdbS\xaeWs&amp;\xd4\x9e\xc0\xda&amp;\xbbo\xec\x15\x80#\xa6\x1a\xcd\xda\xb6\xbfL\x8c\x05\xdf\x9d\xef\xf4\xbd\xd0\xd4\xc7{\xf8\x01\xeb\x01KoBYb\x02{\xe1\xe9\xbc\xd29@~\xcc\xbeZ{)r\xe6X\x96\xc3\x08\xd9\xa7S\x9e\xd6\t\xde\xee\xa3\x08\xa4K\xcf\xeb\xdd2H\xabfm\xf9tj'</t>
  </si>
  <si>
    <t>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</t>
  </si>
  <si>
    <t>b'I\x18\n\xe8\x8c\x96\x85\x1eTg{\x8f\xa9\x05\x0f\xf6'</t>
  </si>
  <si>
    <t>me change, but we ignore this effect
 for now.
 14.3 Push-Pull Stage 677
 Our foregoing study reveals that the follower of Fig. 14.1(a) cannot deliver voltage
 swings as large as Â±4 V to an 8-_x0002_ speaker. How can we remedy the situation? Noting
 that Vout,min = âˆ’I1RL, we can increase I1 to greater than 50 mA so that for Vout = âˆ’4 V,
 Q1 still remains on. This solution, however, yields a higher power dissipation and a lower
 efficiency.
 14.3 PUSH-PULL STAGE
 Considering the operation of the emitter follower in the previous section, we postulate
 that the performance can be improved if I1 increases only when needed. In other words,
 we envision an arrangement wherein I1 increases as Vin becomes more negative and vice
 versa. Shown in Fig. 14.3(a) is a possible realization of this idea. Here, the constant current
 source is replaced with a pnp emitter follower so that, as Q1 begins to turn off, Q2 â€œkicks
 inâ€ and allows Vout to track Vin.
 1
 Q RL
 VCC
 VEE
 2
 Q1
 Vin
 Q RL
 VCC
 VEE
 2
 Vin
 Q RL
 VCC
 VEE
 2
 Q1
 (a) (b) (c)
 in out Vout Vout V V
 Q
 Figure 14.3 (a) Basic push-pull stage, (b) current path for sufficiently positive inputs,
 (c) current path for sufficiently negative inputs.
 Cal</t>
  </si>
  <si>
    <t>b"m\xfc\x15\x93\xdb\x95'\xbf{\xd5!\x0c\xde[q*"</t>
  </si>
  <si>
    <t>6dfc1593db9527bf7bd5210cde5b712a</t>
  </si>
  <si>
    <t>es,
Noter Dame is the best.
To our venerable benefactor Mr. Laurence I leave my purple box
with a looking glass in the cover which will be nice for his pens
341
and remind him of the departed girl who thanks him for his
favors to her family, especially Beth.
I wish my favorite playmate Kitty Bryant to have the blue silk
apron and my gold-bead ring with a kiss.
To Hannah I give the bandbox she wanted and all the
patchwork I leave hoping she â€˜will remember me, when it you
seeâ€™.
And now having disposed of my most valuable property I hope
all will be satisfied and not blame the dead. I forgive everyone,
and trust we may all meet when the trump shall sound. Amen.
To this will and testiment I set my hand and seal on this 20th
day of Nov. Anni Domino 1861.
Amy Curtis March Witnesses:
Estelle Valnor,
Theodore Laurence.
The last name was written in pencil, and Amy explained that he
was to rewrite it in ink and seal it up for her properly.
â€˜What put it into your head? Did anyone tell you about Bethâ€™s
giving away her things?â€™ asked Laurie soberly, as
Amy laid a bit of red tape, with sealing wax, a taper, and a
standish before him.
342
She explained and then asked anxiously, â€˜What about Beth?â€™
â€˜Iâ€™m sorry I spoke, but as I did, Iâ€™ll tell you. She felt so ill one day
that she told Jo she wanted to give her piano to Meg, her cats
to you, and the poor old doll to Jo, who would love it for her
sake. She was sorry she had so little to give, and left locks of
hair to the rest of us, and her best love to Grandpa. She never
thought of a will.â€™
Laurie was signing and sealing as he spoke, and did not look up
till a great tear dropped on the paper. Amyâ€™s face was full of
trouble, but she only said, â€˜Donâ€™t people put sort of postscripts
to their wills, sometimes?â€™
â€˜Yes, â€˜codicilsâ€™, they call them.â€™
â€˜Put one in mine then, that I wish all my curls cut off, and given
round to my friends. I forgot it, but I want it done though it will
spoil my looks.â€™
Laurie added it, smiling at Amyâ€™s last and greatest sacrifice.
Then he amused her for an hour, and was much interested in all
her trials. But when he came to go, Amy held him back to
whisper with trembling lips, â€˜Is there really any danger about
Beth?â€™
343
â€˜Iâ€™m afraid there is, but we must hope for the best, so donâ€™t cry,
dear.â€™ And Laurie put his arm about her with a brotherly gesture
which was very comforting.
When he had gone, she went to her little chapel, and sitting in
the twilight, prayed for Beth, with streaming tears and an
aching heart, feeling that a million turquoise rings would not
console her for the loss of her gentle little sister.
344
C H A P T E R XX
I donâ€™t think I have any words in which to tell the meeting of the
mother and daughters. Such hours are beautiful to live, but very
hard to describe, so I will leave it to the imagination of my
readers, merely saying that the house was full of genuine
happiness, and that Megâ€™s tender hope was realized, for when
Beth woke from that long, healing sleep, the first objects on
which her eyes fell were the little rose and Motherâ€™s face. Too
weak to wonder at anything, she only smiled and nestled close
in the loving arms about her, feeling that the hungry longing
was satisfied at last. Then she slept again, and the girls waited
upon their mother, for she would not unclasp the thin hand
which clung to hers even in sleep.
Hannah had â€˜dished upâ€™ and astonishing breakfast for the
traveler, finding it impossible to vent her excitement in any
other way, and Meg and Jo fed their mother like dutiful young
st</t>
  </si>
  <si>
    <t>b'3-\xec\x826[$\xdb\xac\x9eG\x08\xfe\xcaT\x0e1\xc7\x15\xf6\xd8\x92\xa4,\x8fb\xfd\xd45\x07\xac\xa3\x7f\xbf\x0f\xe0S\xd1\xacek\xce\xd4\xb5l\x11\xb8\xadz\xa0\xd9_\x1b\x93\x1cOb\xb1\xf9\xa5\x1d\x03Z\x155h\xa4:\xc2\xb1\x8c\x8a\x0f\xcc\xe1\x13_\xa9`V#\xa8I&lt;\x84-\xcf\x81\x93JV\xff1\xdbd\xb9vm\x1f\x8ep\xb6\x92Q\x81\x95C8\x82S4+\x17\x0f\xf1\xc64R\xcdk\x13\xad\xc4\x04&amp;\xea\xfc!\xd5\x13\x8e\x9e\x12,\x9e\x01\xea0\xd4\xc7\x95\x99\xb8N\r\x9e\xd3\xd2\xec\xdf\x88\x9a\x1a\xd0^\xd5\x1by#G\xd7\xa4z\x01\rT\xdb\'\x9e+\x05xK\xc0\xf6c\xaa-\x99&gt;\xbfF\x9f\xdc\xf0\x9bz\xaf(\x93\x0f\xc8bN\t\xeb\x17-a\x93\xae.\xc1\xca"n\x17k\xf7\xa5\x17r\xcd!\\\x8cfaclO\x81W|mjL\x8c\xc3\x0c2\xc8\x88\x8a\x9eI\x7f\xf7c\x93a/\x02\xf5\xa6\xc8\x1d`\x86\xbe\\\x89S\xfc\x1c$b\xads\xba\xb4\xec\xbf\x1eY\xf7\\\x89\xc4Z\xe4k\xf0\xb9\xcf\\\xce\x12B\xb4\xa3\x9a\xa4\xa6\x1eN\xc0;\xe1&amp;\xbe\xb5\xf1\x9c\x1e\x1d\xe2*\xd7\x15\xdc\xa8\xd6\xe7\xac\x88\x8d!\xbc\nI\xd5\xb5\xb9H\\\xbd\x0b0\xb73\xdf--\x8d\xef\xa0\xce\xba\xebj,H \xd8\xbaZ\xf3\x1bKd\x04\x04^\x11\xd6\xe5\xa8\x0e\x82\xd6\xca\xc3\x85\x9br\xab0*0\t\x95[\n-f9H+\x15K2\x82J\xd3p\xef\xa0\xbfV\x97\xcd\x0b\x92\xe2\x9d$\xcf\xaf\xf50tQ\'\xa2\x88\xae\x95\x83\xf7`5\xa6^\xc7\xf2c\xd6\xdf\x94E\x9a!\xc9Y;\xe5:2ft\xd4l,\xbe\x93\xc5[8\x12\x17\xf9\x1d\xbf9\x1a9\xb8BhY\x06\xd3\xb7r\xeb\xca\x8e\xe2\xf3\xb6Yv\x19b\x92\xa0\x99I\xdd\x8bQ\xd5\x92n\x80\x85\x89\x0f\x1eD\xc4\xc6W\xb3\xff\x9e\x1cq\x01\xcb\x18\xb0\x06ys\xdb\x8a\x99\x8ek\x1eX#G\xb1\x1a\xaf\x8a\xaf7\xd0\x07.\x96\x04\x95\xd7\'s\xf0\xef\x11\t\xac\xe5\xc2Cs\x97G\x92\'\x7f\xd7\xed\xf5\x8b\xcf\xd3j\x87Eq\x1c\xe5m\xedx\xa0\x86\xa8\xdb\xc0&gt;C&gt;(\x0f\xa1\x86H\x99\xdb\xf3\xa7a\x8b\xe8e\x92\x1c[\xf5\x96\x80\xfc\xec\xc5[*d\xddc\x1c$Zd\xe4\xf0\xf0\x9c\xb1}\xfb\x9a\xd6\xf0\xa2\xc8\\\x94\x81\x1dsx\x13;\x7f\x03\xa0\xfa\xfc\xf80~\xdf\xbey\x81\xc5.\x89\xf0\xd8WTa\xd4\x19o\xc5a\x92\xe6\x16\xde\x08\xf6]\x12\x9e8\xc7\xc1\xb3\x0bi\xb2\x8c\xd20R\xea\x9c\x1e\xa6i.\xa8Ep\r\xe2\xa8\x06\xd2A\xcb\x0f\x19\x0e*\xb7\xaf\xa7\xb2\xa7Y\xbf!N\x0fK\x87\xa4\xce"\x92\x96\xfb\x03&amp;\x17X\xe9\x90\x02\x8d\xfe\xcd\xc4\xd9\tAJ[s\xef\n\x91B\xabJ\xfa\xd2\x11s:J\xe2\x8a\xcb\xd5\x04b\x9e\xfe\xec\x96]\x13\xcd9\xea\x1ef\xdbX\xf3\xf6\xfc\xe1"\xa9{\xf2\xdfgv\x92\x01L0\xa5\xa8\xf7A\xa8\xd1\xa6n\xb8\xdb\xef-\rt\xf9\x17\xea~pp\xab&gt;\x97d\xf0\xcb/&gt;\x11\xecr\xc2\xcb\x04\x8eXt\xb2?\xdd\x90E*\xf4\xddc&lt;\xf7\xed\x1c\x12\xf4\x7fF\xed\x1a3\xfe\x91\x02\xa8y\xa9\x17\xdau\'--\'\xd0\xb4\xd3x-\xee\xcc\xc6\xcb\xc8\xdb\xe1\xfb\x1f\x05b\xff\x16\r\x8b\xfdha \xc9#\xcflC\xa0\xc8\xb8\xf3\xe0\xd2$\x90\x9dd\xe9P\xbd\x8d\xdf\xd4\x98\xc6\x94\xb0`7\x81\x19\xe7\xcc\xd1Q,\xae.\xf8\xc6\x87\xe5\xdd\x84\xf4\xd1\xd5v\x1fE`s\x12\x9dd\xccm\xbc\xbc\xb1\xfd\xce#\x18~\xfb\x01\xb1\x08\xc5a(R\xcb9(\x8e=\xcd\x18*\xd9\xed*g\x94\xebH",\t\xc9\xe4\xd8S\xb05F\xe6]Apn8O\xe7\x17:~\xdf\x86^i)5/\xd4\x89\xab\x80\xc8\xf8\xc6\xb7\x9f\xfbo\x96w\x19\xab\x0eMD\xe7\xdfpeK\r\x1b\xc3He\x97\xd7\r\xd8RT\xf7\x1b\n\xfb\xc7\x99\x84\reY\x94\x8d\xcf\xf2uO\x98\x17\xdf\xa8\\\n\xbaf\xd7\x87V\x1dn\x8b\xed\xe3\xde\xa2\x8a\rZ\x8d\xdf\x1e\xd1\xbc.r1x\xe3T\xf2\xa1}\x04\xe9\xe4u\xb5\x1d\x82o\rb2\xc0p\xde\xeaT-A\xef\xd0\xe5\xcfk\x11X\xf4\xb6\x9e\xd2B#El$\x9b`\x93\x066\xd2\x90\xeaF\xe5\xbd\xf3\xf87\xfe8\xff1\xf2\x9d\x9e0\xaeQzI\x06 \xaa\x02\xbc\x16\\\x15\xa9\xe0\xfev\xeb\xa7\xed\x80|@!\r\xd2}\x13v\xcb\xbb\xfeK\x86B\xd3;\x7f\xf0\xc7\xd5\xf8\xf1Z\xe3\x8aT\x0bD\xda\x9bY8\xfal\x0cp\xe6\xfcv\x9a\x1d\x08\x935c\xfe\xf5^3-\xd4=+Q\x17C\xa1$u\xf9*R% \xa7J\xd1\x18\xd2\xc5\x8aD\xc1\xd2B5\xeb\xd4\x01\x1d\x17\xa2\x13\xa8Z\x9b\x83u\x02\x00\rk\x99\xe81\xa3\x83\xb1y\xc3(\x16\x8dxB\xad\x81\xde3\xc8\xab\tC\x0f\x86\x1f\xd9\x90iB\x19\xcd\xd6\t\xb6j\x15\xbeQo\xd9y`\xc0\xa2m&lt;v\x9fd\x8d\xb6\x9e\x13\xd2\x07\x84\xa2\x84\xa5\xb9\xdd\xc9XE\xce\x89v\xde\xda\xf3\xd7X\xd2\xab}N\xee\x0c\xce\x0e\xe2\x9a\xd0\xe9\x042}\x9e!z\xaf_\xf5\xc7K\xb4\xb5\xe2uZo\x8c\xda\xa1\x9a8\x0e\xb1\xcd\x07tDu\xd4\xc3a\x8a\xb18\xbb\xa0\xbf0\n&lt;?\x0el\xed\x93_\x0e\xac\xb2t\x81~C\x0f\xd8)\x16q\xc9\x19\x02\x87\xbc\x05,5A\xcbPX\xb9v\x8d\x01\x05\x8f\x02B+\x0e5\x95\xb2\xc9\x1b\xed\x96\x95\xe2)\x15\xfe\xd3\x84~\x13z\xac5\xeb\xd4~\xfceT\x16\xeas\xea\xe1v\x95\xe6f\xaer\xa1\xe3\xbe\x1b\x0e\xb3\xd9\x91d\xb8\x82\xea\x8a\x96\xeb*,\xe4R\xea\xe1\xdff\xceHR\xfc\xf4_\x96\xf7xN\xb2.\x05\xde\xb8\x14\x9d\x196\x0b\x19%\xa4\xbe\xb8(\x8b\x14\r\x017]\xb2\x10-\x89\xbd\xce\x89\x84\x9e\x04-\xad\xdb\x10\xe1\xa8x:8\xeaT\xeb\x13\xc0\x0cu\n\x17\x84\xe8\xb9\x9eV\x93\xfe]\x7f@^Y\xfa= 5\xf0\x93\xa9)\xc85-\xf0\xe91*^\x08\x83\x93\xeb\xd9j]J{\x85\xd0`ae\xbc\x8b:p\x1f\x1d\xea\xd2\x9b\xe6\x19\xca\xb3\x19\xbf\x8c\xddu\xec\x84Ag.\x93\x17t\xda\xec\x1c&gt; x\x9b\x87\xeb\xec\xbf"\xefp5\x12\xe3gF(X2k\x96B\xc4f\xcc\x00lsM\xc2\xd5r\xd0\xe3x"\xb8\xce\xb9\x8d\xb6\xd6\xc1\x01K\xaf\x89\xac\xbb\xfe\x8aF\xec\xe7\x00=^Ay\xeb6\xfa$)\x1b\xbc\xeb2j@\x9eN\x10\x9833El4\x82\xcb\x08\x1a\xae\x88N{\x99r\xf8\xbf\xf1\xa2e\xb971\xfc6\\V5\x08\xbd\x81\xfaP-\xb3\x14\x16\x8fX\xeb\x7f\xb0\x04nz= A\xe8\x8fPl\x1a\xb4\xd0\xf1\xbc\x95qf\xc7\x98\xd0\xd5\xbcm\xcd%\xb4\xb5x\x13\x1f\xdd\x0f\xbe\xca\xc2\xa0\xebB\xfe\xcfH\x027\x88\\\xed\xb9\x8c\x9b\x91\xcc\x03\xa3~\x1eP\xf6;\x8e)\x9c\xf3\xdf|\xb8\x16g\xb9v&gt;\x8ci\xff\xae\xee+\xc4I\xea]\x80}\x8e\xe1\x8a\x16W\x0b\x86\xaeB;!\xcf|\xd0\xf1^p%n\xb5$\xfd0\x08\x8d;\x88Fe+\xdd\xbbW\xae\xa6Q\xe9F\x89\xd9\xd9C!\x91\xd5\xf4\xe1\xaa\x1d\xcd\xbdbn\x07\xf3\xb7\x08\x975|\xa4o\xdf\xf0\xf5X\x13\xde^m\xa2\xb0\xb2\xa7N\x83\xfacs\xbbG\x93\x98\xd3Gv\xac\xdc\xdb\xe8\xd6?\xf4J2\x9a]\xfd@b\x8c\x0e\x8b\xfb\x89{nx\x17]\xd4PY5\xaa\x9a\xab\xd4B\xf8\x15\xfd\xed\xc0\xc7\x01K\x94\xd8\xc32\xf3\x02\x03\xed\xc4\x8d\xb6/\x93\x92&gt;\x9c\xec|\x0e\xab_\\\xd1l6\xeb\xec\x99\x1d\xf4\xfb\xc0\x03\xf6\xc6\xba\x82\xbc\x93Z\xb8}qy(|\x9f\r\xc7\xd6j}`\x04\x12\xf8\x9cc\xf1\xf9\xde\x7f\x99\x0e\x88\xdc$w\xd4(]"\x92@\xf5\x8e\xb1\xe7f\xa0\xae\t\xfa\x92\x02\xe0\x1f\xe5i\x7f\xb0\x1f;\x02\x02\xee\xb2\x85\xaf\x1e\xb9\xe3e \x0b\xdd0@.\x80\xf2\x167p\xe1\xb4\x03|\'\xbc-\xc8m\x97\x1b\x85\xd8mP\xaa-;\x08H\xe2"\xd8\x8b\x05)\x96_f\x9bg{\n\xb9k\xd7\x0e\x9bjZ=r\xb3@\x08\xed\x90\xfe\xd7iF\xcdA\xe8\x98S-\xb4c\xa9\xf1\xb2\xa0dO\x9eLg\xb5\xbc\x89\x0b}\xc4\xcdw0K~k\xce\x12\xc5\xeea\x1ep\xcc\x06, Y\xd9\xc3\x8a\x17\x9a \x07\xf2\xf7\xb3\x0b\xadM\x99\xca,{\xffx\xbdX\x19\xe7\x1a\xa9e\xb0b\x01ID\x08nP4\xf3\xa9@\x8b\\&gt;\xa7\x1b\xb9f\x99\x11\xaeW\x8a&amp;\xf8\xbc\xae=0\x92\xe2\x81\xa4=\xc5s\xed\x1e1d`\n\xbe\xc7F\xe9\xf5\xf7\x9c\x15\x01A$\'L\x1f5(\x81 \xba\xfd\x1cs\xdf\xffe\xff^\xb3\xb2\xbd\xcbr\xc8\x00\x9f\x1a\xeax\xeb\xd2\xd2\xb1\xd0C\xbb\x9d\xaeR\xc7z?\xcf\xcfM\x83\x16\xb9CEE?d\x18#L\xf4l\xdf\xef\xd4\x04\x95vy\xc0\xd7]\x87\xb7j# \x86d\xcc\xc0\xf0\xdf\xb4LO\x9f\x82\xbf\xcbB\x9d\xa9\x97w\x83g\xd4J\xb9\x0bqV\xe5{\xbcVGD\xbf\xcd\xceG\xc2z\xa8U@\xbdx\x16\xea\xff\xa9\xf9\xfc\xef$W2"\x14\xff\xbf\xdd\x01Y\xd6\xe0\xd4\xd3#\xc5r\xe6FX\x90\xa7E\xa1p\xa6\x8c\xae\x81\x1d\xaeit4\xc2-\xe0\xea0\xa3:\x9b\xb3:\xb4\xff\xa7m\xb1x\x819]\x05T\x8d=\xa1\x1ch3\xbc?*\x94[\xc0-\x1d(\xfaH*\xf4c\xb0M\x00m1q\xe4`\xb2\xd0W\r\xbb\xa3\x8bb\x1d7\xe3\xd8p8\xae\xb2Q\xb7\x8f\xa7\xc0h\xb32]\xb3R|s\xa4\xc1\x00\x13\xa4\x95\xf3h\x14Z\xd3\xb6\xa5\x17\xd8\xc0"\xb2\xea\x88~J\x14\xf9\x14D\xdb\xef\xb1&gt;\xd2\xcc\x1d\x15+zX\xcd\xe3v\xd6a\xdcKT\xf0~\xa5"\xe9%m-$\x06g\x83\xd7:\x9e\x16\xda7!\xfc\xea\xdd \x88\xe6D}v\xf1\r\xbd\xd84\x1f\xb9\xe1\xbf\x93\xbd=!\xfa:3\xe8\xb7P\xba\xabX\xd3\xe9\xc5L\x12QH\x10z!\xd4&amp;\xd0XQ\x19\x14\x0f@\x1d\xc0|\xf0\x0c\x0e\xa2\x97\xb5J\xa0\x0f\xe1{m\xba\x16\x9f7\xf8\xb0\xb7\xe9t*\x87\xd6\xbf\xf79\xbd\xaf=\xd9\xeb\xaf\xacY;\x13\xfd\n\x06j\x16\xb3j\x18n1\x1bWM\'\xea\x0b\xa0\xf3\xc0"\xb7_rMc\x9e(\xe2\xb3\x13\xeb\x95\xaev\xaf6\x1a&amp;\xa5\xb2&amp;W\xdb@w\x15\x90\x8e\xa9\x1e\x14\x13\xbc\xaa\x9f:\xb3\x9e,\ra~\xb87\x87\xab\xb6\xa4\xc0\xeb\xc7\x85u \xd33\xcb]\xc0\x07\xbd_y\xb2\x86\x87\x0b\xc0\xf3g\x8cw\xf7\x04Q\xd1\x05\x94-\xad\xf3\x8e"\x82\x98\x9b7\xec\x96{\x818i\xc962*\xf9\xe0\xb4_\xf9\xac@\xfa\xc3\xca~\x1f\xa3f\x7fd\xac\xe1\x81\x1eEqU\xef\x00]\xf0E\x7f\xd5\xd5Z\x17\xe2u,\xc2^?&amp;\x1b6\xe4\x8a\xf3\x90\xf8\xc8\xc7\x98\xe6TM\xfd\x9b}n\xcb\x1d\xe8\x14\xa0\xff\xeeE^\xb9S\x95 \x93\xf6\xefW\x1e^pZ\x86,vNS\x8e\xfd+qAis\xdd\x022\x8a\xd1\x9d\x179d\xbe\xbd\xb5\xbeUIF\x8f\xf2G\x0e\x1a\xb4\xfb&gt;\x96%r\x87\x17\x10\xcd\xf2\xae]\xef-\xf4\xe6\x9b\xbe\x96.\xd2F\x9ai\x16f\xfcGq\x86\xff\x1d\xf8V\xee\x8c\xe84\x1e\xf1\xa7b\xc5\xc7\xd9\xc3\xb3J\xd9"\x15\x13-YAZz\x92\xb7\x15\x1f\x15~\xe5\x9am\xe1\x92J\xa3\xb0;\xc2\x8d\t\xa4\xb0=\x12\xd1\xfc\xac\xb2\xe5\xbf\xd8o\xcc\x12&lt;&gt;4\xb7\x14\x87\xff\xe8\xa0\xdc\xaf\xce\x80\x8aF\x0fG\xc5\x03\xea\x91\xc4W\xfaH\x91\xc4\x1e\x1b\xf9\xa6!\xc8B\x93S\xed\xc0lr\xb6\xe4\xe1K\xedhA\x1b\x07\xd5&gt;\x8b\r\xd0y$\xf9\x148\x9a\r#\xde\xf4\x8a5\xdc\x07\xc6\xb1\xaf\xba&lt;\x9c\xf3M\x11(\xb1\xdd\xc9\xa3\xf0\x86\xa71\xb0`\xb69\x80\xe6*~\x92\x9d\xb4\xaf\xf1\xbe\xa4S|\x86\xce\x94Q&amp;8DTXz}I\x86\xcc\x83\xbdL\x82\tn\xab\xf2.\x80\x97\xfb\xce\xa9&amp;Q\\\x1eb\xec\xc2\xcb\xc7.\xb18\xbd\xe2\xbb\xb7\x15\x84B\x8d\x91\xeeT\xba/\xec\x07\x9b\x0bHB\xf1\x0c\x14\xdf\xd3\x10\x94\xb2A\x07\x82jIAh\x13d\xa1\x83G\xba\x0cC\xe1\x9f\x93\x1d}\xdc&gt;d\x98f\xb6~\xe3\x80\xa9\xcb\xdb\xcbl\xcf\x83\x1d\xf0\x12\xa8\xa5\xde9ni/\x15\xf72$C\xc0\xf2\x14\xd3\xfbo\xbe"i7U~4w:\xeb\x98\xfb\xc7Yj$\x864\x0c\xd2\x8a\xff+\x02\x8f\x8f\x00\xdczxs1\x8d\xa4X\x85\x08@+\x849\x8cX\xe4a\x83\xf6d0\x8e\x07v\x00\xdc\\\x04\n+v\xa0\xe3\xd5\x12I\xc3Ev Y[\x13d\xc4:F\xa82\x8bd\xd9\x7fe\xa6wg\xb0\xbe\xae\\Ay\x06\xd0S\xcd\x82*\xfa\x95j\xa1\xb4\xa4\x95";;y\xb2\xba(\x841o\x02\xfa\x9c\xe1\x81%\x801\xed\x1b\x16\xa4\x9d\x1c\x94\t\xddZS\xccW\xe4\xc5\x8axXtU,O\xa3\x17\x99\x1euK\xbdg\x85,fV\xe9\x9a\x8f\xfb&lt;\xe5\xb1E\xf8\xcb\x89\xa6\xc7\xe6\x81\xcfZ\xbd\x1eH\xc5@\xc8\x8d\x18Y](\xea\xe8X\x0c\r\x02\x1c|/\xd0]^\t,*q\x12\x9f\xe4\xb9\xa9\x1c\xbc\x14\xb9n\x94\xd0\x0eY\x88\x8e.\xbf\xce\x809W@\x04\n\xbd?\xed\x8c\x00\xf8\xfa\x1cz\xf8z\xd6\xf6\x87\x8b\xdc\xb4_M\xf2\xa0\xe5\x16\xed{\x11w\xf2#}\xd1\xf3\xa0\xc0u;\xce\x1d\xa4\x9d3\xf7 \xab\x10\xea\xa2\xd81\xb756\x00\x1f\x1b\xa57\x06\x93\xb1C\xf8\x81\xcfp"\xe4\xa8\xf4\xe1\xfc]P\xec\xfa\x81 t\xc4\xba\x8c\xd9b\x0em\xee\nC\t\x9e\x985\x0b\xd1?\x9am\x92fb\x80\xc8&amp;KD\xd5\xf4\xb3\xe9?\xbf\xaby1\x861;f\xfb\xcc\x99!\x7f\x9e\xac\xbe\x13\x8e\xaez\xca\x04D\r~L)\x04\xd6\x1d\xa5\xa5\x8a1`C\x95&lt;\x9a\xdb\\Sv\x1e\x149\x85\xa6\xda\'\x1fv\xc3P(d\xfa\xf13n\xc6v\xe1d\xf2\x9c\xaf\xad\x81\xe1\xb3r\xa2&lt;\xc3\xd5\xc0S\xb964q\xd3\xa7\xbd\xfa$\xc4_6\xc6\xfe#i\x1c\xad\xe0\xc1\x9b&lt;0\\8\x0f\xf2[\xaeH\x10\x154\x8b\xc8p\xc4N\xe0\xbd\xcf$\xc9\xd5i}\x14~\xfa\x87\x8a\x8b\xb0\x99\xb9\xddZ:\xa6\xc8k\x080@N\x7f\xba\xb5\xc3~\x12\xfc~\xb5XjW\x17\xeeY\xbat\x87\xde\xee\xc9d\x19\xd1\xd8\x9c\x88\xd5\x1a?\xe6]\xa0_\xf6\x97\xab\xab\x8c\xd7\xaa\xf6L'</t>
  </si>
  <si>
    <t>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</t>
  </si>
  <si>
    <t>b'3-\xec\x826[$\xdb\xac\x9eG\x08\xfe\xcaT\x0e'</t>
  </si>
  <si>
    <t>f barking, and ran about every way with their noses to
 the ground.
 "They have lost the scent," said the old horse; "perhaps the hare will get off."
 "What hare?" I said.
 "Oh! I don't know what hare; likely enough it may be one of our own hares out of the
 woods; any hare they can find will do for the dogs and men to run after;" and before
 long the dogs began their "yo! yo, o, o!" again, and back they came altogether at full
 speed, making straight for our meadow at the part where the high bank and hedge
 overhang the brook.
 "Now we shall see the hare," said my mother; and just then a hare wild with fright
 rushed by and made for the woods. On came the dogs; they burst over the bank, leaped
 the stream, and came dashing across the field followed by the huntsmen. Six or eight
 men leaped their horses clean over, close upon the dogs. The hare tried to get through
 the fence; it was too thick, and she turned sharp round to make for the road, but it was
 too late; the dogs were upon her with their wild cries; we heard one shriek, and that
 was the end of her. One of the huntsmen rode up and whipped off the dogs, who would
 soon have torn her to pieces. He held her up by the leg torn and bleeding, and all the
 gentlemen seemed well pleased.
 As for me, I was so astonished that I did not at first see what was going on by the brook;
 but when I did look there was a sad sight; two fine horses were down, one was
 struggling in the stream, and the other was groaning on the grass. One of the riders was
 getting out of the water covered with mud, the other lay quite still.
 "His neck is broke," said my mother.
 "And serve him right, too," said one of the colts.
 4
 I thought the same, but my mother did not join with us.
 "Well, no," she said, "you must not say that; but though I am an old horse, and have seen
 and heard a great deal, I never yet could make out why men are so fond of this sport;
 they often hurt themselves, often spoil good horses, and tear up the fields, and all for a
 hare or a fox, or a stag, that they could get more easily some other way; but we are only
 horses, and don't know."
 While my mother was saying this we stood and looked on. Many of the riders had gone
 to the young man; but my master, who had been watching what was going on, was the
 first to raise him. His head fell back and his arms hung down, and every one looked very
 serious. There was no noise now; even the dogs were quiet, and seemed to know that
 something was wrong. They carried him to our master's house. I heard afterward that it
 was young George Gordon, the squire's only son, a fine, tall young man, and the pride of
 his family.
 There was now riding off in all directions to the doctor's, to the farrier's, and no doubt
 to Squire Gordon's, to let him know about his son. When Mr. Bond, the farrier, came to
 look at the black horse that lay groaning on the grass, he felt him all over, and shook his
 head; one of his legs was broken. Then some one ran to our master's house and came
 back with a gun; presently there was a loud bang and a dreadful shriek, and then all was
 s</t>
  </si>
  <si>
    <t>b',\x97\x9f&lt;\xa8,\xec!'</t>
  </si>
  <si>
    <t>2c979f3ca82cec21</t>
  </si>
  <si>
    <t>Thailand 5.6 0.35
 South Asia 8.0 0.19
 Latin America 192.1 0.23
 640 PART FOUR International Macroeconomic Policy
 access to financial inflows in the 1990s, and foreign money was readily available both
 to East Asian banks and directly to East Asian corporate borrowers. Because of origi_x0002_nal sin, foreign debts were fixed in foreign currency terms.
 In several Asian countries, close ties between business interests and government
 officials appear to have helped foster considerable moral hazard in lending. In
 Thailand, so-called finance companies, often run by relatives of government officials,
 lent money to highly speculative real estate ventures; in Indonesia, lenders were far too
 eager to finance ventures by members of the presidentâ€™s family. These factors help to
 What Did East Asia Do Right?
 The growth of East Asian economies between the
 1960s and the 1990s demonstrated that it is possible
 for a country to move rapidly up
 the development ladder. But what
 are the ingredients for such
 success?
 One way to answer this ques_x0002_tion may be to look at the distinc_x0002_tive attributes of what the World
 Bank, in its 1993 study entitled
 The East Asian Miracle, dubs the
 HPAEs, the high-performing
 Asian economies.
 One important ingredient was
 a high saving rate: In 1990
 HPAEs saved 34 percent of GDP,
 compared with only half that in
 Latin America, slightly more in South Asia.
 Another important ingredient was a strong
 emphasis on education. Even in 1965, when the
 HPAEs were still quite poor, they had high enroll_x0002_ment rates in basic education: Essentially all children
 received basic schooling in Hong Kong, Singapore,
 and South Korea, and even desperately poor
 Indonesia had a 70 percent enrollment rate. By 1987,
 rates of enrollment in secondary school in East Asia
 were well above those in Latin
 American nations such as Brazil.
 Finally, two other characteris_x0002_tics of the HPAEs were a relatively
 stable macroeconomic environ_x0002_ment, free from high inflation or
 major economic slumps, and a
 high share of trade in GDP. The
 accompanying table shows annual
 average inflation rates from 1961
 to 1991 and 1988 trade shares
 (exports plus imports as a share of
 GDP) for selected East Asian
 countries, comparing them with
 those of other developing areas.
 The contrast in stability and openness with Latin
 America is pa</t>
  </si>
  <si>
    <t>b'0D\x02 j\x12\xd8\x90rHC\x95\xe0 \x99\xc2\x96\x02ol \x18|\xaaB\x8e\xdeg\rg^@\t\xea\xce6\x02 G\xd8%\x1e\x88\xf2\xa95\xb1\x128\xf6b\xaa\n\x82y\x10I\x05\xc5\x18\xf6\xd1\x8a_\x88\x94\xd4\xf4a.'</t>
  </si>
  <si>
    <t>304402206a12d89072484395e02099c296026f6c20187caa428ede670d675e4009eace36022047d8251e88f2a935b11238f662aa0a8279104905c518f6d18a5f8894d4f4612e</t>
  </si>
  <si>
    <t>b'0D\x02 j\x12\xd8\x90rHC\x95\xe0 \x99\xc2'</t>
  </si>
  <si>
    <t>l, thinking I was 
 now got far enough to the south, I took the cover of some thick bushes 
 and crept warily up to the ridge of the spit. 
 127
  Behind me was t</t>
  </si>
  <si>
    <t>b'P\xbb\xe2\xb9B\x1c\xea\x0b\x8cDsw\xf7KE&lt;M\xe1\xb0$\x00\xce\xa91\t\xc8n|\xd1Z\xe0\x8f?\xf2l \xbf\xda\xcd4\xbd\xb9"\x05\x97\xc9m\xce\x08\x8b\xd0\xba\xd3F\x07\x89z\\\x0fq`\\\x119RV\xa4K\xa5\xb5\xdc\xffu\x0e\x92\x9b\x1b^\x87\xach\xad\x81\xe8\xba\xbe5\x8e\xfc\x80.&lt;\xef\xa9$\x9e\x97\x06\xd1\x1b\x12\xfbk\x85\xba\xe6\xfaD\x08:\xdf\x17\xe0\x89\xf5z\xd1\xc0\r!\x98\x1aOrW\x8d\xed\xda\xfb\xc9Ij^\xf9\xda\x00\x80\xab:D\xeb\xdb{|\xfe\x80\xba!\xd7\xb0\xb6&amp;\xe7\x818\xc7H}\xfd\x14z\x1f\xb8\xc2g\xba\x0e\xb6%\x10&amp;\x0e\x10A\xe5\x87\xb9&gt;\x90\x16\x0f\xf3\r[j\x8c\xbdm\xa8\x9c\x16P@\xd2.\xaa\x146z\x14{\x8b\xbc\x86\\;\x1er\t\x1b\xa5V)\x9c\xaevO(f*\x91\x90\xe5=\xa3\x81\xed\xaf\n\x96_\xb2\x92\xdatV\xd1\xbc\x8bI\xd4\x08\xe5\x94OB\x04P\x07*\x99\xd0\xcc\x86F\x19'</t>
  </si>
  <si>
    <t>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</t>
  </si>
  <si>
    <t>b'P\xbb\xe2\xb9B\x1c\xea\x0b\x8cDsw\xf7KE&lt;'</t>
  </si>
  <si>
    <t>ted her to the
 commission of this atrocious deed, died, even at the moment when it was
 gratified, and left her to the horrors of unavailing pity and remorse,
 which would probably have empoisoned all the years she had promised
 herself with the Marquis de Villeroi, had her expectations of an alliance
 with him been realized. But he, too, had found the moment of his
 revenge to be that of remorse, as to himself, and detestation, as to the
 partner of his crime; the feeling, which he had mistaken for conviction,
 was no more; and he stood astonished, and aghast, that no proof
 remained of his wife's infidelity, now that she had suffered the
 punishment of guilt. Even when he was informed, that she was dying, he
 had felt suddenly and unaccountably reassured of her innocence, nor
 was the solemn assurance she made him in her last hour, capable of
 affording him a stronger conviction of her blameless conduct.
 In the first horrors of remorse and despair, he felt inclined to deliver up
 himself and the woman, who had plunged him into this abyss of guilt,
 into the hands of justice; but, when the paroxysm of his suffering was
 over, his intention changed. Laurentini, however, he saw only once
 afterwards, and that was, to curse her as the instigator of his crime, and
 to say, that he spared her life only on condition, that she passed the rest
 of her days in prayer and penance. Overwhelmed with disappointment,
 on receiving contempt and abhorrence from the man, for whose sake she
 had not scrupled to stain her conscience with human blood, and, touched
 with horror of the unavailing crime she had committed, she renounced
 the world, and retired to the monastery of St. Claire, a dreadful victim to
 unresisted passion.
 The Marquis, immediately after the death of his wife, quitted Chateau-leBlanc, to which he never returned, and endeavoured to lose the sense of
 his crime amidst the tumult of war, or the dissipations of a capital; but
 his efforts were vain; a deep dejection hung over him ever after, for
 which his most intimate friend could not account, and he, at length, died,
 with a degree of horror nearly equal to that, which Laurentini had
 suffered. The physician, who had observed the singular appearance of
 the unfortunate Marchioness, after death, had been bribed to silence;
 and, as the surmises of a few of the servants had proceeded no further
 than a whisper, the affair had never been investigated. Whether this
 whisper ever reached the father of the Marchioness, and, if it did,
 763
 whether the difficulty of obtaining proof deterred him from prosecuting
 the Marquis de Villeroi, is uncertain; but her death was deeply lamented
 by some part of her family, and particularly by her brother, M. St.
 Aubert; for that was the degree of relationship, which had existed
 between Emily's father and the Marchioness; and there is no doubt, that
 he suspected the manner of her death. Many letters passed between the
 Marquis and him, soon after the decease of his beloved sister, the subject
 of which was not known, but there is reason to believe, that they related
 to the cause of her death; and these were the papers, together with some
 letters of the Marchioness, who had confided to her brother the occasion
 of her unhappiness, which St. Aubert had so solemnly enjoined his
 daughter to destroy: and anxiety for her peace had probably made him
 forbid her to enquire into the melancholy story, to which they alluded.
 Such, indeed, had been his affliction, on the premature death of this his
 favourite sister, whose unhappy marriage had from the first excited his
 tenderest pity, that he never could hear her named, or mention her
 himself after her death, except to Madame St. Aubert. From Emily,
 whose sensibility he feared to awaken, he had so carefully concealed her
 history and name, that she was ignorant, till now, that she ever had such
 a relative as the Marchioness de Villeroi; and from this motive h</t>
  </si>
  <si>
    <t>b"\xfb\x0e\x1c\x13\xe2\xe4,\xfd#\xc4\x0e0ax\xfe\ro\x167\x9a0(\xc6\xef\x80\xc8'\x15\xed(dA\x0b4%\xc6\xd48\x96\x89\x99Ac(K\x82\xb7\x84\xa0\xb4\xe0\t\xcb\x0e!\x16jL*a\xa8'\xa8\xee"</t>
  </si>
  <si>
    <t>fb0e1c13e2e42cfd23c40e306178fe0d6f16379a3028c6ef80c82715ed2864410b3425c6d4389689994163284b82b784a0b4e009cb0e21166a4c2a61a827a8ee</t>
  </si>
  <si>
    <t>b'\xfb\x0e\x1c\x13\xe2\xe4,\xfd#\xc4\x0e0ax\xfe\r'</t>
  </si>
  <si>
    <t>ow, and, 'with gay visions of tomorrow,' to those sweet slumbers, which health and happy innocence
 only know.
  To-morrow to fresh woods and pastures new.
 548
 CHAPTER 11
  What transport to retrace our early plays,
 Our easy bliss, when each thing joy supplied
 The woods, the mountains and the warbling maze
 Of the wild brooks!
  THOMSON
 Blanche's slumbers continued, till long after the hour, which she had so
 impatiently anticipated, for her woman, fatigued with travelling, did not
 call her, till breakfast was nearly ready. Her disappointment, however,
 was instantly forgotten, when, on opening the casement, she saw, on one
 hand, the wide sea sparkling in the morning rays, with its stealing sails
 and glancing oars; and, on the other, the fresh woods, the plains farstretching and the blue mountains, all glowing with the splendour of day.
 As she inspired the pure breeze, health spread a deeper blush upon her
 countenance, and pl</t>
  </si>
  <si>
    <t>b"\x05\xbb\x12\x1a\xa8k\x8b\xc2vF`&gt;\x8b\x01\x9bk\xd87\x8b\xacq.1\xe4\x8cYN=rps:z\xd4]\x07Ym\xe2\xb8\x9f(|\xce\xe9$\xe9\x93\xbf\xd8\xa9q'Y\xe2\xb5\xdfT\t\xd4\xfb'SL"</t>
  </si>
  <si>
    <t>05bb121aa86b8bc27646603e8b019b6bd8378bac712e31e48c594e3d7270733a7ad45d07596de2b89f287ccee924e993bfd8a9712759e2b5df5409d4fb27534c</t>
  </si>
  <si>
    <t>b'\x05\xbb\x12\x1a\xa8k\x8b\xc2vF`&gt;\x8b\x01\x9bk'</t>
  </si>
  <si>
    <t>tch at his
 jacket, and was off in a moment. Our master being one of the county magistrates, cases
 were often brought to him to settle, or say what should be done. In the stable we heard
 no more for some time, as it was the men's dinner hour, but when Joe came next into the
 stable I saw he was in high spirits; he gave me a good-natured slap, and said, "We won't
 see such things done, will we, old fellow?" We heard afterward that he had given his
 evidence so clearly, and the horses were in such an exhausted state, bearing marks of
 such brutal usage, that the carter was committed to take his trial, and might possibly be
 sentenced to two or three months in prison.
 It was wonderful what a change had come over Joe. John laughed, and said he had
 grown an inch taller in that week, and I believe he had. He was just as kind and gentle as
 before, but there was more purpose and determination in all that he didâ€”as if he had
 jumped at once from a boy into a man.
 46
 Chapter 21. The Parting
 Now I had lived in this happy place three years, but sad changes were about to come
 over us. We heard from time to time that our mistress was ill. The doctor was often at
 the house, and the master looked grave and anxious. Then we heard that she must leave
 her home at once, and go to a warm country for two or three years. The news fell upon
 the household like the tolling of a deathbell. Everybody was sorry; but the master began
 directly to make arrangements for breaking up his establishment and leaving England.
 We used to hear it talked about in our stable; indeed, nothing else was talked about.
 John went about his work silent and sad, and Joe scarcely whistled. There was a great
 deal of coming and going; Ginger and I had full work.
 The first of the party who went were Miss Jessie and Flora, with their governess. They
 came to bid us good-by. They hugged poor Merrylegs like an old friend, and so indeed
 he was. Then we heard what had been arranged for us. Master had sold Ginger an</t>
  </si>
  <si>
    <t>b'\x89m\xf0T\xc7\x98\x87\xfb'</t>
  </si>
  <si>
    <t>896df054c79887fb</t>
  </si>
  <si>
    <t>it was growing very fast. But remembering her pleasure in
looking at the Mem Sahib in the past she was glad to hear that she might some
day look like her.
Susan Sowerby went round their garden with them and was told the whole
story of it and shown every bush and tree which had come alive. Colin walked
on one side of her and Mary on the other. Each of them kept looking up at her
comfortable rosy face, secretly curious about the delightful feeling she gave
themâ€”a sort of warm, supported feeling. It seemed as if she understood them
as Dickon understood his "creatures." She stooped over the flowers and talked
about them as if they were children. Soot followed her and once or twice
cawed at her and flew upon her shoulder as if it were Dickon's. When they
told her about</t>
  </si>
  <si>
    <t>b'Z\xb5RQA\xc0iX\x11%\x97\x0fffR\x1dR\xf0\xce\xc9h6n\xd5\xe1\xe6\x7f\x156\x82\t\x7f\xc3\x06\xd0&amp;9\x9f\x0b\xe9k\x82\xa3\x1e\xd9\x90\xf7\xcd\xdb[\xb5\x00\x96\xf9\xff\xf87)L\x97I\x90Y+X\xb7\xb0\x83b\x91\xcb\x8e\x1d\xfd\xca\xb1\xee\xf4\x98x\x80\x03z\x9d\xe3H\xb5\x988\x82\x92\x82\xdf"z_\x18\xacs\x84\xfeU.\xe3N\x07\x80\x9f\x01\xdc2{\x19/a\xb4\xdd\xb9\xb0\r);\xd0\x1b\x84}\xca\xaf\xd9p\x92\xc4o+\xed\xb4M\xb9O\x00\n;\xae\xe8\xf03\xa1&amp;G[\x11\xdb&gt;N\xfb\xb2\xa6\xd2\xa2n\x95\xa9\xec\xfff\x02\xee\xc5\xc8\x03kFd\x89\x0e\xb8\x83\n\xc5\x86\x1b\xec\xddW\xb76_\x97\xfci\xf2\xdcz\xeb\xe3*]\xb2\xb0\x1b%\xf0\x0fZB\xea;]\xe9\xa8h\xbfJ5\xe2\xd9\xd2?\x93z}\xe8\xafJ\xdd\x9a\x03\xb9&amp;\xa0\r\xc2\x95,\x80(\xf9 \xa2\xd4\xf0Y\x87\xf0\x12\xaf\xb0c?\xbdf}\x982*\xf8\xd2\xaeK\xff\x1c\xd6\x13R}\xf1\x19\n\x084\x02\xb7}t\x9f\xbb\x89\xc3W\xa1PWJ\x0f\xabs\xaf\xf6\xb7\x1c\n!\x97!\xc0\xcba \x1e\xe0Jf\x83\x84DP\xc2\x13\xce\x88)\x7fjES%0FA\xd5\xbc\xd5\xfc\xc3\x9f\xba\\\xff,\x994\x12\x1f\x95\xe1w\xe4\xb5\xb2\x81=\xd1\xc2\xb0\x8a\xc4\xf03\x16\x1dP\xad\xca\xd9\xdb\x03?\x0f\x94\xec\xf6\xcf-s\xcd\xc7\x96N\xf4\x13\xd3\xf1\xc1\xc2\xe0\xae\xd6\xa2\x8bd\xa1\x18,V\xb9L\xb5pq\xce\xd5\x8e_\xd1L\xc9e\x90\x8cy\xfey\xc5\x9c\xca\xca\x01\xa9\xa4j\x90\x99\x91\x8c\xca$\xb5\x81\x04:\xc3Tv.\xfd!\xfc\x05\x9c\xb6\x86\x89\xfch#@\xf6\x0c\xaf\xd4q\x7fz\x0b]\x19\x90\x9eW0\x07^\xae\xc4\x8e\xa8\x9d\xceK%\xf7\xaf4\xc9]\xca#\xb8v_\xf2\xd8\x129"u\x19\xaf3G)Bvn\x1b\x88\xbf\xf2k\x9a\xbb\xe7\xfco\x1c\xbe\xbbC\xbe\xfb\xdc\x99I\xb5\xb6jQX)\x1arQ\xdc(\xf5\x19\xdd\x16*M~\xc3\xf8\xc8\x07@%\xa0p\x03\xcb^\x04\xe61QE\x80\xbc\xb1*\xaf\xdc\xbbz\x14 \xde\x9c\xa5G\xca\x116oS\xb5 yei\x87\x12\xc6\xdd\xad\x830\xceM\x8fss\xac\x8dW\xe7N&lt;e\x8a\xa2Wi\xf1\x04\xac\xac\x8c\x83/\xbf\xd0\r\x12f\x97\x86K\x05R\xd1\x11\xbcc\xf1^[\xe8xS\xe7{_\xf7Rn\x0f\xa5\x0e\xf6\xf1\x10\xb9~\xa2\xccw\xca\x9c\x1aBz.\xe9c\xa3\xb2\xda\xab\xe5\xe4\x01\xd2\x98\xd7pH\xb8\n\xf4V\x8f\xc14\x05~\xf8\xf0\x8c\xf3\xb9\x10!\x8e\x85\xbbEz.\xbf]\xbd\n?\x1f\x1e\x07\xf6|_ep&amp;\x1bQzy.;\x12e\x01\xeb\xfd\x90\x9a\x10ZT\xd0T\xb1,EkE(4\xe6\xcc\x95\x07\xba\xafQ8Se\xb6\x93!td\xc0\x93\xfd*c\xb5L\x18a\xe5\x14D\xd4\xf9&lt;\xc5s\x9f\xe0\x9d\xca\x16\x05\xd1\r\x936\xd2Q\xbfkmpZ\'nL\xff\xf7o^=@\x9e-\xcfV\xa5\xdbf\xcb\xedgq\xbd\x82\x87\x86\x02\xf3'</t>
  </si>
  <si>
    <t>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</t>
  </si>
  <si>
    <t>b'Z\xb5RQA\xc0iX\x11%\x97\x0fffR\x1d'</t>
  </si>
  <si>
    <t>ces dealt with existing traditions to create something new. The interest in
the creative handling of precedent enabled the creation of fresh visions of the past, and
new forms of pleasure, as discussed by Garrett Fagan and myself in our contributions
on leisure and spectacle. It is by seeing connections between modes of conduct in areas
that often seem quite distinct from each other that the subject is now advancing. In a
sense the history of the governing class is not so much fading away as changing to allow
us to visualize broader forms of social and intellectual relationships within the empire.
Introduction 19
PART I
The Sources
CHAPTER ONE
Constructing a Narrative
Cynthia Damon
A narrative, you notice, not the narrative. The object of inquiry in this opening
chapter is the literary material available to a historian desiring to produce a narrative
history of the Roman Empire between the assassination of Julius Caesar (44 BCE) and
the death of Constantine (337 CE), the sort of thing youâ€™ll find, in fact, in Part II,
â€˜â€˜The Narrative,â€™â€™ where the demonstrative pronoun indicates â€˜â€˜the narrative used in
this book,â€™â€™ not â€˜â€˜the one and only narrative.â€™â€™ A glance at that section will make it
immediately clear that literary material is only one of many components currently
used in constructing a narrative, but it is an appropriate place to begin, largely
because it comes closest to supplying the organizational structure essential to any
narrative, namely, a chronologically-arranged account of historically significant
events. Such an account will almost certainly not be an adequate history of a period
(hence Parts III, IV, and V), but it is generally a useful beginning. We will see below,
however, that this linear structure sometimes fails even as a beginning, that there are
periods when equally significant events are occurring in two or more areas simultaneously.
The narrative that our literary sources support most readily is the sort that the
ancient authors were themselves trying to produce, namely, a narrative of power.
Historically significant events were, to their way of thinking, either political or
military. The historian asked Who had power? and How was power used, both
internally and externally? In the imperial period such questions took him straight to
the emperor, the â€˜â€˜guiding spirit,â€™â€™ as one of Tacitusâ€™ characters put it, of â€˜â€˜the single
body of the empireâ€™â€™ (Ann. 1.12.3). Tacitus himself discusses the consequence of the
political structure for historiography later in the work (Ann. 4.32â€“3):
I am well aware that many of the incidents I have narrated (and intend to narrate) seem
unimportant and even trivial for a history. But one should not compare my Annals with
the works of those who wrote on the affairs of the Roman people long ago. They treated
great wars, cities being sacked, kings defeated and captured, and, when they turned to
internal affairs, conflict between consuls and tribunes, laws about land ownership and the
grain dole, the struggle between the plebeian and elite orders, all with a free hand. My
task, however, is narrow in compass and without glory. . . . Now that the nature of our
state is different, and security lies only in the rule of one man, it is worthwhile investigating and reporting these things.
With â€˜â€˜these thingsâ€™â€™ he refers to events from the narrative that preceded this digression, some trials of men charged (rightly or wrongly) with</t>
  </si>
  <si>
    <t>b'm\xcf\x1fNt\xcc\xb6\x83P\t\x83\xd9\x9d\xdd\xb8\x19\x1e \xccE\x14\x11q-\x85$&lt;m\x14#\xa50\t\xbc\xc5\xc4&lt;/b\xc0\xf2\xaf\nK\x0e\xf2\x81\xb6\xc4\xd0\x9d\xa4/\x08\xfa\x93\x9b\x9eU\x99\xcd\x02\xfe\x8ay\xb8\xb0K\x81*\xb7K\xf4\xe6\xe3\xe4\xe2k\x91\xa5z\x9b,#\x93\xe3\x1a^\xac\x81\xc9)a\xe2D2p\xcbh\xf0C\xae\xce\xbcn\x9a,v\x9c\x06\x89H\x99\xf2\x88\xea\xeek\x00\x1d\xe1`\xc91\xd8\xe1\x90\x88\xe7m\xadGQ_4v\xb6\x93\x00\x8f\x90\xc8eV!\x04\xf9LI\tr\xc07\'\x10o\xb0a`C\t\xbcM\xba\xb5}\xd8@:\xbem\xc7\xbb\xde3rA\x8d\x12\x1b8\xef\x975T\xb6X\x8e2\x1c\x98\x81\t\x0e\xfd\xf8\x061.eS\xba\xbc\xbc\xa9\xe9N\xddc\xec\xd9u\xb3\x9c\n\x99\xc3fT\x99\xd4\xf3oG\xb1\xb25F\xc6\xfa\xf8.;\xf7\x15\n\x90\xedT\xe8J\n\xd5\xabw\xb1U\xfa0\xdbg\x04\xfc\xa6\x9e\x96C\xa7\xd9\x17\xb7\xf4/\xa9"\x1c2\xb0\x93\xb4\xf0\xba\xd1\x89\xcd0\xc4\x8d\xb2^\x87\rq3\xe1`!\xfbB\xf0\xa2&gt;md,:\xbb]$\x98\xa7[@\x1a,\x16\x86\xacaR\x13/\x02\x8d6\xe4qu\x0c\x98\xac\x8f\x9c\x15\xfbr\xf0\xe1L\x86\xa5t\xaa)`1\x1d\x1d,pm\xee\xc0\xbf\xfdj\xe8$cp*t.\xea\x9af\x9c\xbdj?`\xd7r\xfd\xdc\xd8l|\xcb\x9c\xb72\xdf \xe0\xb2\x82\x1ah$V\x9bN\x1d\x15\xf3\x04O=\xff\xcd(\nr(\x1e\x11J\x95\x12\x16\xb4\xe1\x84\xe9L\x07\xc3\xcdS\xd0\xecx\x8azQ\x0b\xcf\xaa\x01\xe2\x87T\xeetF\xee\x1b\x90\n\x06\xca\x02\xc0^\xfa\xee\x92A\x817\x05\x91\xb3g\x15\xf4\x9b^\xec\x85Y\xd7\x89\xb0x\xa0tY\x14\x9b\xe60\xa4\x7f\xf8\x05T\xaa4\xbf\xc33\n\x8d\xcb\xac\xe2\xc4\xed\xfcN\x92ZE\x06\xe8\x13%\x91\xc3B\xa0T\x1d\r\xe6\xbf\xb3O\xd1\x1a\xeep\xa3\xe30\xff\x02\x00\xe0\xf2\xae\x11\xa4bq\xe5\x8b\x83\xbd\x19s2\x1b~\xe5\xc6G\xa6}j\xf0\xa3N\xa4\x8d\xf6\xda\xb8d\x0f\xee\xaaX\xdd\xc6v\xab\xaa\x91\xd3\xfe\xca\xdcN\xfb\xf8\x96Z\xc9k$\xce\xe6:\xb6\xa6&gt;\xb8\x84\x8e\xcf\x0b\xda\x82"\xadD\x8fK\xba\x9a\xdb\xc0+`l\xe4\x1d\xbb0\xbeN\xbeFY7\x8b\xb9[+[\x07l\x9e\xf7\x13\xbd\x9bh\x95\xda$|r\xc1\xc5\xcf\x81lU@\x7f\x86\xea\x08\x81\x90\x18]\x84E\xceL\xb3\x11\t{\xf7U\x8a\x92\xba\xe7|\x84|o\x81F~K_\xeb\xe6\xa9\x85\xcaY\x04\xbfA\xda{\xe5\x1f:\xbf\xf6\xc9t\xd3n\x04\xa9Q\x0e@@\xd3\xd7}\x1b\xecF\x1a%\x10\xcc\xff\xd3etL3\x97\xcb\xd86x!or\x1e3f\x06\xe1\xc0.\x1bP\xbd\x1a]\x01\xb3\xc8\x01Lnq\\d\x90\x81\xc2\xf8\xbbp/\xbf{\xc65,\x81\xfc\tZS\xdcz\n\x10\x070`\xb7jr*"Pi\x13\x96\xb7\xf0\x83\x95\xc0_\x1eRM\x98\x81\xe0\x10\xa4\xbc\x84\x03\xc8\xd4\xcb\xa2\x99\x14\xd4\xc8!\xde}bR\xa1\xb9e\xd4\xc2\xa6\xa3e,\xe0\x84\x85\xe0\xb9r\xf5\xeeI=\xb8\x84\xa7c\xc3\x11gY\xc4/d&lt;v\xba\x0f\xcf\x9f8\xaf\xca:\xa4$+\x99a\xc8)\xcdt\xfd\xd7\x0e\xf3W;Z\x155\x03\xbb\xcf\xbc\x98)\xaf\x89\xb6\\\xd38\xda\x07f\xb6\xf1Q0\x8b\xf0\n\xf0\x00Q\xc5\xb7\xbc\x074\xde\x06#\xb7\xa9\x94\x855=\x8c\x0c\xb1\xcf\x90\x97\xee\xf5\x94%\x9f\xf97!\x7fs\xd1O\xa8\x90(\xd1\xf5\xf0\x8c\xd9,\xb4\xe5\x99E%,1\xd5\xba\x16\x07c\xb2\xb8[e\xda\xc1\xac\x7f\xc0\xd1MM\xc1\x81w\xf6\x0cI\x89\x8bo|\xfb\xfc\x10\xb8\xa7\xf6\x82\xeeX*3p\x18\xed\xc6\xabh\xf9\xef\x08c\x1d{\xc8[\x13\xbag{\xf9\x1d\x8c\xbb\xfc\xbcRj\xb7\x1d\xffLdj\xa9\x04\x12\x04\x8fW\x17\x11\xde-\x1fX\xece\xe9\xc5\x04Y\x007TC\xbc&lt;\xbc\x94\x8bR7d\x87k\xb7-\xe2\x9c\xbfl\xa7d\xa3\xa7%\x00\x0c\x98\x02\xefT\xea_\xa0\x83:\xb2\xac\xde\x10\xad\xf8\x9e;\xad\xfe\xc2+/\x957\xe9^lw]=\xf3\xd6\x84G\x07- \x1b\'0\x07\xd7\xb5\xcc\x81\xd8\xcb(\xc5&gt;\x0b}\xc10]\xce\xa4g?\xdf\x81\xc6\x1a\xdbs@z\xd5\x16\xc5X\xf9\xec\xbb\x17\xec\x9a\x1d\xb7\xba\xf8\xdcL\xd1\xd5\x0c\xc9\xd1\x08\xf4\x7f\xa7\xe9\x91\xa2\xa1\xae\x0ed\x83\xba\xddO\x0c:N\xa8+\x0e\xca\xe1\x8e\xf5\xe5\xf4\x13-\xcdrL`\x10n\x9fF\xca\xd3F\x1a\x7f\xd8Iz\xef\xb1\xd1\xc7S{w1\x89iD\x07:S]\x90\xc7D\xec\xb8qO:\xa3\xaeM\x90\nM(\xd4\xe8\xe3\xae\xf4\xe8tt\x93\x853"@\xc36\xb7$\xea*\x19\xc77\x97(\x02\xddEwM7#\xd9f\xe5W\xee\xf6F\xccg\xb8\x1c\xf8B\xee49\xf2\xe1\x1e\x8d\xbb4Av\xc2=\xb6V\xe7K0\xe0\x8e\x97\x90\x83#&lt;\xd2F:\xba\xc1S\xa5\xda\xc2\xd4b\xf1G\xf2t\x90\x1e\x98\x02#F\xe2u\xe9x\x1a\xa5\x12\xa6\\\x0bZ^\xb0g\x81d\xc0\x80\xcf\x95\xc3\xa8\xa4.C|Z\xef\xf0\xfb8\xfd:\x94\x9e`\xee\xcf$\xac\x92e\xab\xe8\xca\x83\xb7\x11\xd2\x86^p\xeagz\xe8\x85\xc7\x85\xa5\x82\x88\xde\x7f\xd27\x8d5s{\xe6\x9c\xe2i\xe0\x0c\xb9\xfd+\xf4o\x7f&gt;s\xc8^\xe6,\x1e\xa9\xe4\xa9K\x9b\xbf\xacz\xb7E\xc0\xfe\x994\xe5X\xc4\x98.\xe0O~\r.L\x9f\x95bBp\x80\x0f\xefK\x9aA\xf2\xa6\xff\xb3O\xa3\xeeJ\xe6\x19\xc1\x1c\xaa\x83hv\xf8\xcf\xa6\xc5\xf8)\x14T\\\x81&gt;\x9a\x0f3\x14\x13EL\xef\x07+d1\x05\x0e[\xbb/EQ\x84X\x00.ir\xa1,m\xdc\xf4\x1dv\xa5\xe9\x10\r\x9b\x18\xd6\x0bL\x9a\xef\xeds,\xab\xaf\xbe\xe204\x1e2Bj\x83\x07/\xc1\xed&lt;H\x17\xe2\xf6Y\xcdN\x05\x1c=$$w\x8d\x10\xbd&lt;\xc6\x19\xb1\x1dK\x9b\xc1\xaf_\xba\xe9\xf9D\xab\xfc\xa1HL{xe\x8d?\xb1\xab\xd7\x07e\xbb\xdf\xdf\x13Ho\x81i\xde\x11\x06\xe1\x9a\x80\xbeJybq\xaa\xbd\x1ePF\x83\xc0\xb8\xafW\xf2\x12\x935A#\x02jZcw\xc9\xec&amp;):\xa7l\x9b\xe5\xcfs;\xb5cT\xc1\xb7\xd1n\xac\x0c\xe5\xed\xfa\xe5\xb0\xb9\x99\x93\xe2K\xa6rQ%\xfa\x08\xfe\x1b\xde\xda\x1c\x16if\xea\xda\x18^\x8a\xdc\xe9Pt\x89\xeb(\x9d\xd6|2\x9cX\x9f\xc7\x86\xc7^4\xc0\xbbM\xb9\xda\xb9k\xfb\x966%=l\xd9\xfc\x96Q!\xd8\xdb-+\x13\xe6\xc1f\x0e\xfeo\xd0\xc0yI\x8cC\x82ds\xd0]5\xdeE]}\xcc\xb8\xd2\x8e\xa1\x94B\x184\xe8\x86}\xdc\xa9\xc9\xd3w\x89c\xb3\x0f$\xd2\x91\xf6R\xdd\xf9\xb1\xa6 \xa1\xc8\x0b\xc5o\xf9\xa9\xcc\xe0\xebA\xc9\x9b\x04\xe9\x9cr\x93\x9d\xec\xae\xca\x86\xc8:^ZmV\x1fZ\xe3\xeaY\xf1H\x97\xa5\xa5\xc7\xe16\xe8?\x80\x16+U\xc8\x85"\x92\x88\xea\xf9&gt;&amp;\x04\x12?*\x1e_~bk4\x8d\\t\xf3\xf28\\@xbs\xee\xb5\xd9HW\\\x0e\x14\xb2gV\x83c;L)\x0fH\xec\x01\x8c\x0c^\x05r\x8ekA\\\xec\x90\xd1FF\xa5\xc1&lt;y\xfb\xba\xbf\xd1\x8dv\xbf\xef\x90G\xac\x12x\xd9[)J\t\xbc\xb5\xb1\xa0\x8b\xa5\xb67r8\xe7\x9a\x89\xc4e\xd3\xeeY\xfe%\xc3\xa0\xc9\xfc\x99X\xd6C\xda\xd2\x0c\x8d\x7f\xc9\xc5&gt;\xca\t?X\xc0\xd6\xdf\x1b\xcaJ\xa6+\xa5\x9a\xd5.\xb7)\xfc\xe5\xe0\xccnbz\x86\xa6\xc5\x96\x9c\xa5m\x87\x01\nF\xe8\xcc\x97\x03c\xa3\xbc\xbe*\x16\xa9\xb9\xc7\x1c%\xa5\x87h\xbd(\x98\xae\xf4\xa9\xd6\xf1a&amp;\x86\xf7\xecS\x88]L\xcfZ\xba}\x7f+\xe7Q\x93p\x16$\xc1Y\xb6\x94?\x1f%\x97|_\xcfp\x8c\x84\xbd\xfb\x9e/\xe93\xd9 \xf2S\xdfG\xc7t1\x01\xe1\xf2\xa5lg\xd8Y\x9c\xe6\xfc\xba\xa2\xc8\xd4l\xbb\x96\xe5\xcf\xf3\x05\xf1_\xbd\xf6\x1bN\xd4\x8f\xc4\xde\xbaN\x01\\\x8b\x16U\xf5\x0c\xf3\xd8\xf5\xde\x89\xd1\x16\x85\x9a\xaede\x89\x89gb9\xb2l_q\xab\xcb\xc0[wg\xf5\xfc\xd2\xd2\xb5\x8d\x93\xda\x86hz\xec\xbc\xe1y\xb4\xe6\xe18r\xdf\x0bv\xfb:\xb0\x1b\x95\xfb\xe4\x16\xab\xea\x87[ \xb8&amp;\xc4Q\x9b\xb5\xf2\n\xfa\xf2&amp;La\x86\r\xf5\xb6\xcbZ\xf2\xc7\x0f\xd0\xb5\xea\xa1\xa1_~z\xf6\xc5\xaa:\x06\xad^\xb9E\xfe%\xb1\xa1\xe5\x97\x08+\x17?\xa7:8b\x95\x8d\xf0\xbcv\xf6.\xed\x81\x8f\xed9\x0b\xd7\xf34=s\x00=8\xba\xb7\xf8Y\xe6\x97\x82\x8f\xddN\x87vgBgs\xe2\x83\x8e\'\x9c\x04P\xb4\xcd`P\xc23\xad7\xd2\xefN\xa6:\xfbU\x14\xe0^3\xbc\xedq\x94\xf2c\xa96\xc2\xeb\x9cN\xd4\xc3\xb2\xe7\x97\x03Anf/U7\xf0~D\xe5\x0b\xb0\xed\xcb\xe1\xa5\x14\xf9\xecq\xda\xfbs:\x9bL\xbe\xc5\xea\xf5\xaf\x19\xd3h|\xa3-M\x96\xa5p!\xf7\xea\xffLY\xad{|\x00&amp;\x86\x04\xd6\xcb\xb4^|O\x9fLA\xba)\xcbA\x88Pmi\xd4\xe6^o^\xfe@K|\xa0|\xf4F\xee\xeb=\x9c\x86Wji\xd9{\x0b\x9f\x90A\xe2\x88L\xfb\xe6P}kA\x98]\xa0\x8d\xabj\xc2s\x94\xc4\xa9%\xc3T\xb8\x05\xc3\xf6\xa2\xd34\t\xf9\xacE\xcd\xa0\x17G\xcb`\xebi\xbc\xe8\x98\xdb0\x15\xb2\xad_\xc6\xac\xc0\xd9\x90\xb1:+z\xc1D\x81\x16m\xee;\x02?\xb6\x19V\x1e\x07\xcb{\x12\xb44\x9c\xf05\xd1B\xea\t\xach\xb5\xd9b\xa2\x17\xf1!\x01\'\xb9\x9a:\xcf\xd7\x07d&amp;\xb9%\x90[\x01\xf7\xa0t\x0eW\xd1\xc3OQ|\xa0\x06n\xcaM\x96\x9d\xa3\xa8\xe3\xaa=\x1b\xba\xa8\xcb\x92\x82V\xd8K\x9f\xa0\xae~;SN\x05\xde\'\xbb\x94S\xf39e%YJ\x1f=B\xbcX\xb9\xe1\x85_1\x9e\xfd\xd24\xc6\x1e\xe8\xd8\xaf\xb6"U\xb2R\xb5k1Wq\x88M@\xa9j\xee\xe5\xff\xc9v\xfbAk1\xa9\x8cl\x82\xc7\xbe\x17\xbcl\xb4\xbb\x80l\xf6\x7f\x14\x1bSau\x81\xcfK93\x84\x0c\x16%\x96B\x0f\x03rmeDW*[\xaa\xbc\xec\xa4\x84\xfb&lt;\xe0-\xe3\xfc\xf5\x1fz\xa4q\xf3\x97\xb4\xe3kF\x85\x15z\xfb\xbe-\xeeZ\xa29\xca\x97+\xe0j\xcc\xb9\x8b&gt;\xf4b%\xaa\xf9\xf8I\x19`\xfe\x97\x8c\x0cv\xfbQ\xa8/&gt;\xe5\xeb\xda\xffL\x00\xdb\xcf\x1e\xb5:\x82\xab\x19l\xca\xe7\xc3R)\xef\xce\x0b,Y\x81\xee\xbeh\xbf\xfd\xf4%RE\x8d\xc4\xd0\x00\xca{\xed\xbdq\xa0\xea\xa0\x15\x804I\x80z\x7f\x8f\\\xef\x99\xed\xc1gS\xae\x0fh\x8a\xec\x81n\n:\x88v\xf3`\xa0\xa2j_]kyJ\xc0\r\x02\xde\rh\xedf\xd1)\xaf\xaa\x0ej\xc6\xfet\xd0\xe29)\xd335tr\xceB\xdfQ\xfd\xa69\xc1e\x81\xb9\xf9\xfc_\x05\x15\xfd\x0fR\xbf\xaf\xab,\xb0\xef\xd2c\xbb\x0c\x9cF)\x82\xdf\xdd\x04\xae\xc0~\xb2\x8a\xb9\xc5\xe9#\xa2\xc0&lt;\xd5.\x8e\xe3\xf4R\x0cNh)\xbb\xb9\xdf\x00zi\xfd%Ot\xb7\x0e\xaa5\xf9FN\x17)\x99\x89\xdb:\xed\xb8\xacJu\xaa\xdfD\x1d\xdfN\xd1*\xa8\xec\xf1\xecc@\x90;0\xc0\x9a\x9bB\xa5\x01\xbej\xb1O\xfa\xf4E\xa2Tbh\x02\xd9\xa5T\xc2\xde\xad\xb9\xff\xe5\xe8)O\x18\xfd\xf2/\x10\x1c!K\xa0B\xa2\xea\xa0&gt;\xb7\xce\xf7\xa8\x03\x1bQ\x01\xb8\xd2\x14**FW&amp;L\x8c\x10\xda\xd3\xd7\x82\xb1\x05/\xf5\\0$\xc2\xe5\x82\xc5L}-\x92z\xe2W3\x0c~\xd3\xb5\xbb\xe9\xe1\xac=\x0b\xb9q`\x0b|\'\xca\xff\xe1W\x12ZZ73\xb8\xfa\xf0\xc7\x84\xba\x02\xc3H\xccGEPUg\xad+ZH\x12Lo1\xb3\xef\x148(\xe6\xc2X3w\xb08\x92HK{d\x18Kw;\x06\x83C\x08\xc62\xc5.uU\xd6\xff\x9b4\x84h\xa9\'C\x9f\x96\x02\x12\xf6\xeb\x91\x9d\x8ah?\x8c\xc6\xae\xee\x8d\x87\x85?\x14\xb0g-\'#\xe1\xcd\x18&lt;Dd\x01!\x85t\x15\x1b~\x11y\xb2J\xbc\nC\xeev\xb0\x14\xeb\xd2\xa8\xd2E9\x8bDK\x0c\xc3lS\x01$\xc8\xc5X\x9c\xbd\x90\xd5\xea\x89#o\xfa\xbf\xe6\xba8\xc3\xcf\x84B\xc2\xbd\x03D\xf9#%$\x8bZ]\x18\x97N\x94o\xf6a\xb9\x16P\xf6\xf2a\x8f\xb47X4\x89\xfb\xbf.0\xd9\xf1\x07\x8ed\xd02b\xc4\x17\xb0\xe8\x05\xab\x8eX\xc7\xf8\xf5\xc86\x92&amp;\x05L\xdb\xd8\xbd\x95\xe8X\xdb5\xd3,7&lt;\x0fhL`\x8b*P\t\x9e\xed\x06&gt;\x1c\xfb\x9f\xaf\x03\x81Oj[\xc1\xc3\x8b}@ \xd9"\xaf\xe17?l\xf7\xea(\xbaV!\xdc@\xd1\x8ac&amp;?S\x17&amp;+\xce\xa5\xce\xd89\xce\xc1\xa5\x12\xbam\x93x7\xc5SM\xff\xca\x7f\x7f9\x83\x02\x13b\xce\x93\r\xd6\xce\'+\xa7\x0f\xae\x19\xc2rY0D\xbfKDPbZ\xcc\xf8#|\xff\x82.\x0c\x1dPW\t \x8el1&gt;"\r\x16\xbe\x84B\xa1\xb2\x98\xdd\x80y\xf6\xf7\x08\x87o\xef\xf1e\xd1\xc9w[\xc3\xcc9\xb6&gt;\xf6\xe8\xa2\xc4\x92\x0c\xb4Lcy\x97\xbd\x0f\xb9\xadh\x91y\xd4\xdes\x88VO\xbex\xa1q\x03\xa14\x05\r\x86\xf3\xec\xe6\xbb\'t\xb0:9\x865\xd3v\xc5&gt;\xf0g\x88[\x9e \x9a\xba\xfa\r/\x97\xa5\xce/\x03\x1a\x9a\xa0&gt;\x06\x81\x0b\xef\x17\xf8\xa7;?`\xb6O\xd7X\x7f\xd5\xe8\xe8`\x12\xf0\x8e\xfbq\xf5\x9c\xdc\x9aC`\xbbTh\x1eA@\xbe\xda\x99q\x9fORL\xda\xc4\x86\xa8\xa9\x8f\x90n/\xb7y\x9d\xb4\xd01\xea\xd2\xee\xdd\x8c\xc1!?\xfc\x8c\x03\xf3E{\xea\xc7\x8b$a(\xc3\x8dQ\xf5w\x98xE\x1f\x84\xa2\\q\xdf\xf1|\xbc\xe3'</t>
  </si>
  <si>
    <t>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</t>
  </si>
  <si>
    <t>b'm\xcf\x1fNt\xcc\xb6\x83P\t\x83\xd9\x9d\xdd\xb8\x19'</t>
  </si>
  <si>
    <t>rain he spent in the
garden. Even gray days pleased him. He would lie on the grass "watching
things growing," he said. If you watched long enough, he declared, you could
see buds unsheath themselves. Also you could make the acquaintance of
strange busy insect things running about on various unknown but evidently
serious errands, sometimes carrying tiny scraps of straw or feather or food, or
climbing blades of grass as if they were trees from whose tops one could look
out to explore the country. A mole throwing up its mound at the end of its
burrow and making its way out at last with the long-nailed paws which looked
so like elfish hands, had absorbed him one whole morning. Ants' ways,
beetles' ways, bees' ways, frogs' ways, birds' ways, plants' ways, gave him a
new world to explore and when Dickon revealed them all and added foxes'
ways, otters' ways, ferrets' ways, squirrels' ways, and trout' and water-rats' and
badgers' ways, there was no end to the things to talk about and think over.
And this was not the half of the Magic. The fact that he had really once
stood on his feet had set Colin thinking tremendously and when Mary told him
of the spell she had worked he was excited and approved of it greatly. He
talked of it constantly.
"Of course there must be lots of Magic in the world," he said wisely one
day, "but people don't know what it is like or how to make it. Perhaps the
beginning is just to say nice things are going to happen until you make them
happen. I am going to try and experiment."
The next morning when they went to the secret garden he sent at once for
Ben Weatherstaff. Ben came as quickly as he could and found the Rajah
standing on his feet under a tree and looking very grand but also very
beautifully smiling.
"Good morning, Ben Weatherstaff," he said. "I want you and Dickon and
Miss Mary to stand in a row and listen to me because I am going to tell you
something very important."
"Aye, aye, sir!" answered Ben Weatherstaff, touching his forehead. (One of
the long concealed charms of Ben Weatherstaff was that in his boyhood he had
once run away to sea and had made voyages. So he could reply like a sailor.)
"I am going to try a scientific experiment," explained the Rajah. "When I
grow up I am going to make great scientific discoveries and I am going to
begin now with this experiment."
"Aye, aye, sir!" said Ben Weatherstaff promptly, though this was the first
time he had heard of great sci</t>
  </si>
  <si>
    <t>b'N\x87\x1e\x13\xa5\x0e\xc3\x8a\xfeG\x13w\xb8\x17\xe85\x8c0\xdf\xc2-@y\xa0bC\xd7\xa6\x12\xc9B\xbc\xecM\xdd\xf1~\r\xab\xb8\x17\xaf&gt;@{\xe7\r\xe058\xdfj\x9cTC\xdb\x9dp\xd3\xbcI\xd4\xdb@&lt;\x8af\xc4\x83\xff\xe8\xd7D\xba\xda\xd0%\x99V\xd5\xac\xa7P\xe4\xf2\x1b\xe0\xa2\xc7\x10\x83\xa9:=\xa9[\\@57d*\x83\x18\x84P\xffwtn}\xce\x06m/\xa2\xd7\x1et\r]\x9b\xabp\x90\xc9z\x14D\t\xa4\xd94\x83J\xef\x7f)\xfb\x91\xfa\x8b\xab\xe7\x05\xc1\xf6\xce=\x92\xe0\x98cs\x19\x1bAXZ`\x10\x9dJP\xc8\x1a\xaeM\xb7\x00z\xd3M\xb0\x1b\x0eV\x7f\x82\xc1\x80\xb9/._\xad\xc4\xd8\xb8\n_\x05\x7f0\x90\n\xc5\xfb=c\xb6\x9d\x14mfw\xe3\xfa\xbe\xf6\xe7\x08\xbd\x92\'\xebo4t\xd7 \x96\x19Fd\xbbW\xe2\xf5\xe3$\xd5b&lt;"\xae`,\x17r\xf0I\x12*\xb5W~\xc1\xdd\xb6\x94\xe2\x9fK\x02x\xc7%\x07\x95\xd9\x8a\x13\x89\xbf\xfb\xe3&lt;\xf1\xf3\xb0\xd1\x84\xc6\xd9\xd82\'\x8eR\xd2!\x8f\xabJ\xfa\x15\xc2,}\xd1?\xb8\xdcuRP\xd3\x055\x8c_@D`X\xb6\x16\x9c\x14@\xaf%?\xa0\x8c\xb9#z\x8aC\x1b\xaa{c1#\x90\x11\x06\x1c\x1eS\x94\x98V\xc5\x1d\xe6y2\xb6]@\x01\xb9\x1f\\\xaf#\xec=&amp;\x18\x01y\xacW[Y\xa7\x93\x03\x12\xd2\'x\xb8fu\x1c\x96p~\xbc\xadrx\n\x16\t\xeb"\xbb\xaaQFL\xeb\xfb\x1dDe\x87\xfd%\no\x10j\x05:\xa9\xf7\x96\x98\xd57\x98\xdd\xc6\x1c\x05\xf0\x81\x9d\xae\x83\xdb\nk\x93\x93E;Q\xbf*\x13|\xd1s\xbc\xb5\xcaR}|?\xcd\xb6\xf7G\xee\xae\x7fvA/\xfb\xf9\xafx\x17\x88+\xa6\xd7zQ\x9d \\\x08\x14m\xbe\xa2K\xae\xf5e\xc0E\xa8\x9b\xa1\x86\x99\xcb\x13+\xdd]\xce\xaa\x01\xf6mT\xb7\xdc_:\xcbe\x91\xe1\xa1\x9e\x06~Ul\x97\xba].\'\xc8\xd3\x8d\xa4}YK\xd6\xaaez\xcc\x92\xf6a\xfe\x80\xa2\xef\xd2\xe9\x93\xe2\xac\xd3\x80\xcd\xbe;\x98\xf6{\xca\xf2\xf5W)\xa6\x8c5\x85X\xbd\xdc\xf2\xa3~\x13\x88\x15&gt;\xdd\x04\x8a\xc3I\xd7\n\xd3\xd9\xe3\xe2\xc3\x98\xcbT\xcf\x06]\xc8\xd0|O#\xe3m\x92\xbbo\x1d\xa3\xda\xb0\xae^\x1e;xo\x96\'\xc7\x0c\xabA|\x9d-2\x94\x18\xdb\xfb\x7fe\x90\xfd-`\x9c\x92(/\x94h\xa1,\xcb\xaa\r"\x02E\xb3z\xc5\xc4qUok-E\x9d\xfce=\xf4\x84^k\xd2\xdemo\xc0oPj0\xc7\x9a\x07\xeeIV\x83f]\xb9\xdf\xea\xefk9\xbb\xcc_0]\xfa\xf5b:\xe2gOH\xb7#\xf7h\xb4\x95\xbe\xc4\x19\xdfjA\xe2Jd\xe9\x19\x94\xe7\xf8u\x08\xc0\x1ba\x884\xb79j&amp;*&amp;\x98m\x95\xdc\x07.U\x9a\xe5\x97\xe2\xea\xb3\x02\x8f\xc8\xd4\x97\x91\x1bW\xf2\xb4\xc2_\xcb\xa9\x8fY#_hn\xc0Y\xb9\xf1\xde\xfd8\xe9)\x1a\xe1\xd7\x90\xe3\x00\x96\x95\xd4\x98\xd1\xa4,\xb9}6\xcb\xce\xd7\xcd\x1d\x12R\x92\xb0\xc6T\x8a\x93jr&lt;\x97\xe6\x1bt\xd9,\x82\xef\xfaa\xc6v\x8c\xdf\xfc\xfd\x9aQ\x13/M\xa2\xf5Q*\x86\xf2&gt;\n\xc5\xceW\xac\x08\x8e\xe4~&amp;\x13\x1a\xd7\xf7W\xa8\xdfH\xea`\xf8\xbc\xa6\xfb\xf9\xa3(^C%\xa00\xaf,\x04\xeb\x91&gt;\xbfpE\x03|\xe3Y\xd0\x15\xac\xc4\xda`\x08\x1c\t\x0b1&lt;\xbb\x1a]\x18\x9b\xe2\xb6$\xb9)3\x1cB\xfc|}&gt;E\xd5\xbd\x88J{p*\xbe+\xbe/\x16k\xf9\xa17Y\xad"\x1c\xf4\xc3\xb9\x9bA?I\xda\x12\x1a\x8c\xda\xe1\xd0\x00\xa8\x98\x8b\x89d3\xe5\xa2\xb7m\x93\xaf\xa1\xe6\x98!\xd4k\xb2\xbc\xf7a1\xc7\xdb9\xff\xf8\x9a9\x9a}z\x95\xc9\xe0\xd1$\x11\xbf\xf0!~\x0b0Q1EJ\xd4\x0c\x8a\xec\x14\x02$]#VO\xa3\x11\x05\xdc\xb8sNR\xa3\x1a/\xcdcqq*\xea\xa2XC\xa9\x86#\x07\x9a\xf2\x91\xdcb\x9d\xae\xf3\x98\xd3\xf5\xfc\n\xde\xdd\xaf\xdf+N$\x1b_{1\x81\xd68\xcaN\x8a\xed%heU\xb0g\xe1sg\xf2]\x04r$\x8e\xdb7\xe9\xc0\xec9\x84\x93m\xbc\x175\xe7\xe4\xc4~\xb1\x94n\xe4\xa0\xec\x0bT\xa5\xce\x13\xd2\x85\xb5\xd3\xef@gNU\x89\xae\xc2\xc0\xa9\x9d\xd3\x16\xeamv\xe4f^W\xdb\x1c\xa1\x90\xa4\xf7X\x80\x10\xf8\xc0\xa5\xd8\x8f\xcb\xb7\x99m\x12&amp;\xf0\xda\xc6\\\xa5\x1e\xc2\xa5]}{ag\xb5M\xa0\xc8\xc0\xf1\xde9@)D\xfbQ*\x8fE~\xa0\xb0\xe3\x85l\xc2=Zu\xe7\x1dH\x9b\xb7\x99\x0f\xc4\x18-\xe4!\xcan_\xb1\xebi\xe9\x151{PM\xe0\xceV_Wb\xee\xc9\x10U\xf0\\K\x84\xd1ygDX\xa3}U\xd5\x90G\x04\x08t\x81\x91-\xf6\\\xb4?\x90\x0ce\xee\xa4\xff4\'\x13\xc8~\xeb\xbf\xed#3\xe8\xa8\xdfE\xb4\xec\xbd\x035\x1b\x13\xa5\xeb\x8e\xb4\xb1\xd3\x89X\x01\xde\xa4|F%\x93\xe6\xbf\x1c\xaf\xe4\x04\xb1\x892D\xff\xcf\x01\xb5\xe1\xfcWW\xec\xa2\xf2\xf9\x88\x91\xe2}\xf4\xa7\x03l^\x8aWl\xea\x10\xd7\x87\xef\xb7-\xcc\xce\xee\xbfK\xfa\x1c\x97{\xcd\xf4\x9b+a\x9fT\x9bWd\x8f\xe7\xae\xcf\xbe\x94gh&amp;\xc9\xa5:\x13\xb5\xb5\x98[&lt;9\x18Y#\xc97\xd9\x8c\\\x1b=\xbe\xd9\xff\x1b&amp;\x82\xb4\x1e\xb7`*N\xecA\xcc\xf6\xef%\x03\xc9d\x9f\xe2%\xb7\xc0Cb\x19g\x8d\t#\xcf\xf5z\x93\x08\xc7U}\x19\xa2_\x8bt\xbd?\xb2\xd2\xf6\xa8\xc9\x800\xc7\xf7"\x8f\t;\xed\xbf&lt;d.\xb1\x11\xb71\x13\xa6S5\x89&lt;/\xba&lt;*\xdcf\xc7\x9a\xd7q\x84j\x9eT0vY?PD\xae\x92\xd1O\xe7\x7f\xd3E\x8e\x92\xf2\x93\xe8\x8c\xd55\x846\xeb\x16cz\xbb\x81\x8c!S\xd5\xdc\xc1A\xda&amp;\xd2\xf7-\xf73\\0o\x9b\xb7\x86oD\xadG\x89\xeaK\xd8\r\xeb\x1d\x88\x06\x8e\xbb\xe7b\xb4Y\xb7\xe2\xb2/\xeb\xea~\xb9^&lt;\xc1F\xa3\xf5lt\xf6\x9e\xdc\x85~&gt;=8\xcauG\xef\xd6K\xa7\xf1\\\xc0k\xd5M\\Y\xab]\xfd\xcfs*\x9d{l\xb1\xc5\x0bk\xe4-O\x12\xb7\xdd\xf0R$\xe0\xf6\xad\x929\x9eRP\xb8P\xa3\xa4\xf8\x16\x9d\xdd\xa6Y\xb2\x15[\xa9\xaa/bbEaZ\x11+%Z\xb6[Ue\xff\x16\xb2\xf0\xf8\xcfW\x8b(h\xc8h\xd0\x1dk\xb1\xfc\x03\xcc\xe3\x8e\xf8\xa7\xe5YE\x87N\x90\xc0\x9fx\x93\x7f\xcf\xc7\x07a*6\x1b*\xe9#\xd9\xe8\x8b\x0c\xc0\x97\x9b-\xd9\x98\x1d\x02F\xacP\xa6I\xb6\xd6Na\xdc_\xaa\xaf\x87\xb7\xa2\x9b\x00\xc4`\x81\x05\xd2\x19#\xb5\x81\xc9&amp;e\xe5]\xc3[.mJ\xeb#\xf4[\x9c:\xa3\x8d\xa6\xcd\x8fu\xa5\x98\xa4k\xde\x80!\x08\xa6fIz\xacW\xe5\xca/\x95\x81C\xf1\x97.?\xbb\x0b\xf3\xbf\x1b\xde\xa2\x86\xba\x8f\xdc%\xcb\xae?\x86r\xed\xb3\xe1\xc3ofi\xf1/\xb4&gt;\xa9\t\xe6:\x93\xb0F\x9a\xfd=\xcc,\x827\xea\xe2\x91p\x8dT\xb8!\xc6\xc6~\xc9Y\x127m\xd9\xdfHq!\x1e\x00\xcbd\xfd\x9d=\x16\xd6o\xe8\xff\xb7T\xbfo\x93c&lt;b\x8d\xac\x9a\xd9\xc9\xf4\xbb.Th\x98\x0b+\xd1N\xf2\xd2\xfd&amp;3\x9c\x92\x97\xaa\xbf\xd7l\xe7\xecqz\xb5\x81)?(]\xe9\xe3\x972\xd8D\xe0\xb4\xd8\xef\xd7\x00\xb3*\xd3\xac\xdf\x1f\x16\x06\xbc\xdfj\x0b\xaa\xd8k\x10v\x91\x13\xdf\xd9l\xc7\xd2\xa9\x04\xbc\xd4fgN\x8e\xc6%R\xe3ANC^$\x0c\xeb\xb3&amp;\x87\x02\x1e\x9d2.g\xe6\xf2K\x9c\xf5\xa3\x9b\xc3D\x7f.Z\xa8YD\xf6\x91R\x16&amp;\xe5\xf5\xcd\xc3\xcd\x92\xd9\xe7\x85\x9f\xd8\xfa\xd3\x1e\xcc\xce\xc5\xad\x9e\xd3H\x91\xa0\x91\x84\x9b\xff\x8cd\x01\x00`R`"\x81\x15f\xb5t\xe0\x1fd\xc5z\xfbd\xb7\xae"\x894\xfbD\x93\xd4%\xd1c\xaaR|\xb0\xea\xcb\x02\xb0#\xf0r\x98i\x1d\x92\x9f\xf9\xd3\xce\x19\xf1}yBa,\xa4\xad\x1c\xcf\rtDr\x17t\x8eu\xba\xe9\xa4\\\xc9P\x8fc\xa4 \xa9q\xa3\x1f\xe8$\x1dJ\xb2\x15s\xa5\xe0g\xe8/h\x00bzG\xdc\x87\xce\xd3h\xf5\x93W\xedE\xf6^\x16\xf2|\xf6\xa9t\xa7\xf6\xba\xbc\xac\x80\x07\xd7\x9b[/\xdaEq\xa8\xe9\x16\x10"\xeb\x059n\xa8\xea\x040\x8f.\x00PM\xbb\x00B\x05\r\xc0+A\xce\xc3\xcf*\xf9\x9b\xd4.)\xa9\xbf\xa0\xaa~W\xcc\xecI9X\xfd\x8ee\xcca\x05\\\xaa\xf1Eu\xae\xb5!\xc8\xe4 b\xd7\xe6(\xcd\xac\xb9\x97\x8b\xad\xd7\xec%It\xa1\xe0\x84\xd8\x01s\xb2\xfb\xb6\x89\xe7\x14\x9bH\xc5\x99\x89P\xec\xa8\xf7\xcd+\xbc\x81\xe9\x01\xaf\xaaQ\xd4\xddp\r\x8dn\xfe\xfc\x93\x9e\x95\xd8\xb8\xe9\xc3\xd9M\xd8\xe4\x023\xcf\xed\x87\xcd.e\xcacY\x95\x18\x87\x13&amp;P.!\xd6E\x04\x08\xc7\xfc\xbd\xf1&gt;`Z\x8a\xac\xb4&gt;\xdc`\xd40\x9dh\xdb\x12\xf9)\xc1\x1e\xc1\xec$\x9c\xed\xb6\x15\xdcO\xf8\x16p\xa1\xece\x89\xc1t\x8333\x19\\7&gt;\xe1^\x02\xbe\x148T\x07\x8f\x87\xfa\xc8\xa2\x89L\xa2\xeb\xb2\x1c\xeeI=\xdf(?\xa8*\xb6&amp;i\xb1w&gt;\x1d4\xcc\x85+\xe0\xd0\xf8jm\x0f\x94\x89\xe1\x81\xa1\xb7\x97\xb7K\x99\xc1./\xde\xf4\x1d|\x04\xf3F\xb7\xb7\x9f\xd6[\'\xf4s\x10)\xb6\xc4\xbc\xa8]\xaa\xec1/\xca\x01\xd6\xd5\xb3bU\xc1\x1c\xa4\x9b\x06K\xee\xdf#!\x1d\x1dpd\x04wR;\xa7\xd2"\xebk\x16)t\xbfU\x14*\xc4nM\x16}+\x10\x02\xb1\x0b^\x1b\xbd\xf8{\x8b+a'</t>
  </si>
  <si>
    <t>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</t>
  </si>
  <si>
    <t>b'N\x87\x1e\x13\xa5\x0e\xc3\x8a\xfeG\x13w\xb8\x17\xe85'</t>
  </si>
  <si>
    <t>ent to which the government is borrowing to
 finance its expenditures. Equation (13-2) then states that a countryâ€™s private saving can take
 three forms: investment in domestic capital (I), purchases of wealth from foreigners ,
 and purchases of the domestic governmentâ€™s newly issued debt .8 The usefulness
 of equation (13-2) is illustrated by the following Case Study.
 Case Study
 Government Deficit Reduction May Not Increase the Current Account Surplus
 The linkage among the current account balance, investment, and private and government
 saving given by equation (13-2) is very useful for thinking about the results of economic
 policies and events. Our predictions about such outcomes cannot possibly be correct unless
 the current</t>
  </si>
  <si>
    <t>b"0F\x02!\x00\xf4\xf7B\xaa\xaf\xe9r\xc6\xbbr\x8c\xba?\xff\xc0|:\x94?\xbd\t\x14l\x8dS\x1f0|/'\x00d\x02!\x00\xeb\xf4\xec$J@\xcep\x19\xe4\x8c\xe6\xc8 $\xd7\x1d\xcc\x9e\x96 \xbe R3\x05\xd9\xd0H2w\xe0"</t>
  </si>
  <si>
    <t>3046022100f4f742aaafe972c6bb728cba3fffc07c3a943fbd09146c8d531f307c2f270064022100ebf4ec244a40ce7019e48ce6c82024d71dcc9e9620be20523305d9d0483277e0</t>
  </si>
  <si>
    <t>b'0F\x02!\x00\xf4\xf7B\xaa\xaf\xe9r\xc6\xbbr\x8c'</t>
  </si>
  <si>
    <t xml:space="preserve">ctric field intensity is constant (the same at any point in the field) while in a radial field the electric field intensity decreases as the distance from the central charge increases.
The electric field E at a given point is defined as the vectorial force F that would be exerted on a stationary test particle of unit charge by electromagnetic forces (i.e. the Lorentz force). A particle of charge q would be subject to a force.
F = qE (1.9) Its SI units are Newton per coulomb (N.C â€“1) or, equivalently, volts per metre (Vmâ€“1 ), which in
terms of SI base units are kg.m.sâ€“3 Aâ€“1. 1.7 Potential Energy
When an electrostatic force acts between two or more charged particles within a system of particles, we assign an electric potential energy U to the system. If the system changes its configuration from initial state i to different final state f , then the electrostatic force foes work W on particles.
Ã„U = Uf â€“ Ui = â€“W (1.10) The potential energy of charged particle in an electric field depends on the charge magnitude.
However, potential energy per unit charge has a unique value at any point in an electric field. For example, suppose we place a test particle of positive charge 1.6Ã—10â€“19 C at a point in an electric field where particle has an electric potential energy of 2.4Ã—10â€“17 J. Then, the potential energy per
unit charge is 2.4  Ì10 â€“ 17 = 150 J/C 1.6  Ì10 â€“ 19
Next, suppose we replace that test particle with one having twice as much positive charge, 3.20 Ã—10-19 C. we would find that second particle has an electric potential energy of 4.8Ã—10-17 J,
twice that of first particle. However, the potential energy per unit charge would be the same, still 150J/C. Thus, potential energy per unit charge, which can be symbolized as U/q, is independent of charge q of particle.
  Basic Electronics
7
   </t>
  </si>
  <si>
    <t>b'\xee\xe2\xe6\xa9\xd8\xa4\xca[\xaa\x04\x04h\xc8\xebG\x96\xaf\x9fZ\x0eK\x9c0e\xe4 \xdd\xca3w\x14\x14\x94\x01\xe5z\xe8\x01\xd2\x03\r\x95U\n~\x95\xce2\xc5tb\xea\xaci(\x90{\xa7\xc6\x8b\xc4R6\xb5\x95\xbc\x1c$\xbd\x15t\xe3`xaSD\xb3\xe2\xc90\xea\xdbI\x1c\xee\x86\xee\x07\xd0-\x81\xb4?Z\xb5+y\xb8\xbe\xc7&amp;~\x8d\xa2F\xeeV\xd0*\x91\xf7\x9cf\xe2%2\x9d\xaa\x9f6\xef\xb0\xeb.\x89\x82\xae\xdaL\xfd\x08\x83\xdb\xdc\xfeU\x99\xa2\x919$\x9f\xd9P\xd9\xd9y\x8e\xd6/"\xc069NX}\x97\xfaq\x00SX.\x0f)\xab\x9c\x9c\xf00e^\x8fAB\xa9\xa7\x0eByZ\x81\xc5\xa8\xec\xbc\xb8Cow\x07Z\x0c\xcd\xa8-\xe4\x19p\x9c0l\xcf&gt;\x10\xf1\x08\x85\x18&lt;\xb8\x92\x99Z\xdb\xbc\x9d(\xb4\x11j\x88\x7f"\xcc\xd2\x06\x14\x06\xdbc\x05\x13\xa2 \xd3\xb5\x82f\xcd\x03\x8e\x9a\x8a\'\xd1\xd7"\xd3\xef)7p\xfa\xae\xcd\xd72Le\xe2\x8e\xb3\xbf\xfcY\xdbQ\xa3\xe9\x7f{\xdb\x7f8\x8ao[\x04L\xf5\xb8\x918*\xf81\xf3?V\xac\xd1j\x13\xba&amp;\xff\t\xee\xe9\x99\xcew\xcb\xba\x8e\x95\x01\x1c\xe0\n\xd59\xac\xacc\xc7\xacy\xd6\xc3\xdc4Z\n4=r\xa1\xd00%e\xb8\xb8\xfc\x9e\xdb2\xf7\x03\x88\x97\t\x8ftY%*\xfc\xae\xd5KU\xf8\xa5\x86[\x16\xfd\xc0D\xdc\xc8Bl&amp;~\xdb\xe9\xae&amp;m\x88:\xca\xe1GZ\xfe\xd4`R\xa5\xeb\x8d\xb1\xc5\xb7e\x80\xc2f\x18\xc8\x15G\x9d\xc4\xb3\xadw\x84/\xca\xb9w\x90\xa2]\xd4@@\t\x16\x7f\xc5\x90\xa0\xb8\x18\xf0\x9d1\x12\xafh\xeeB\x17\x90o\xef\xe1uM\x80\xc4\r_&gt;\xa6\'\x1d&gt;T\xb2B\xd8\x96\xca\xb1\xab\xab\xb2)\x19_s\x93\xc6\x82;:8G\xc9\xb4\xf3\n\xcb\xa1:\x90\x93V\x84s\xbe+5\xe0\xbc\x9a\n\xa0\xf1\'\xbb\xb9\x90y\rG\xe90\xd4\xfc\xbc\x98\n\x97\xf2H\x06\xe8\x1e&amp;o!\xe3\x12\x8d\xd0\xda\x12\x0b\xd4.\xd4qF\xe9y\xaf\xf85)r\xdc\x16\xa5\x8d\xab\x01\xb6\xe3gl!7\xd9\x05i%\xd8*\xe8\xae\xeey`.\x12\x8d`\xa5\xbc\x1d"N\xa9\xf9"\x0e\xc0Z\x03j\xdf\x8b\xca5\x8d\xe7\xe9}\xf6\xca\xbd\x89\xf07?\xf9`\xfe\xb9\xbf\xf7\xb3\x0b\x1f,\x93\xf3\x1a(C\xde`LB\xb2N\xb8U\n\xd0\xff\x90\x1c\x92\x17\xa8\xf7DK\xa9\x15\xb8\x96W\x8d\x92`\xa3\x9a\xc2\x8d\xcd\x01\xe7\x14\x89`\xe9\x00\xb0\x19\xee\xf0\xc0\x87\x06\x80q\xfc\x9a\x07\x18\xea\x97+\xf0\x12\xe7D\xe7B}p\x1c\x0f\xce\xb1\xf6\xda\r\xf5Ha\xff\xc2\xa1\x1e\x97\x9f\xb9\xa5\xbd]I\xfe\x90\x1ciWIa\xea\xfe\x0c&gt;O\x03\xecZ\xb4q?\x94\xdf\xd9\xa7T1\x9e\xe0i*\xb2\xaf?\xa9\x8e\xb4\xb3K=\xaf\x96\x0eD\x11R(\x99\xfc\xfc+\xd57\xf9\x9aE\x1e\x81\xef\xef\xd0\xd0\xe8\x8e/\xbf\xc4i\xf4K2\xb0`\x91\x9c\xc7\xf4M\xb4|H\x12\xc8\xd4Yg\x1e\x7f0\xb3\x80@\xe72\xf4\xf5&lt;h\xb3\xd1r\x01P\x8b9MwBR\xd6\xd9\xec\xb7\x05\x08 \xc5W\xf0\xb9\x94\xbe_\x00\x9ez\xbc\x117\xb1\xcd\xdb\xc0B\xab\xde.\x8f1\xcdS\xa45\xedz\x1c\x10\x03t\x7f\xeb\x11y\xc2p\xdb\xdbu\x84&lt;\xd6\xef\x02\xfb\xd5g0\x82!m\xb2-\x05\xf0\xba\xa3\x05\xd5\xe5\xd8M\x8fT\r\n\xf5\xba\xf1h9\x82aZ}1\xd9\xd0\xab\xbf6_\xe3\xc2Px\x15\x8aaDd\xfcJ\xcc\xa7\xdc`\x05\x1c\xae\x8d&gt;\xb4\x16\x96\x9c,\x06\xe3\xb1f(\x08r\x85\xfaVE\x01\x8e\x0ex\x1e\xcc\x12\x8b\x17\xef\xbd\xa8\xc6\x97[n\x04hx\xfcV\xc2y2\x80:sj\xba\xcaOKFO\xeb\x19\x01T\n\x14\xd5\xb3\xa6g\x01\xd4\xaep\xe8?\xe2\xb3\xe5\x9a\xf7\x02\x05?{\x15\'u\xb3\xc5\xfe\x91\x83\x11`\xe3M)%]\xfd\xd5yx\xe9\x8d\x05T$\xe2Bj\xe7M\x08Y8k\xa8\xe4\xc3\x17\xc9=\x9d=G\x8f\xa9\xc2D\xa7\x81\xc4t\x92J6]D/\xd0\xa4\xb7\xaa\xf5\x13TI\xed[\xbf\xc8*^\x9d\x8ae\xba0)\xec\x8d\xe4\x92\xab\xe1\xae@\x97x\xbc\x19\xaa"\xb7\xeb\x85\xe3\xa9\xa3\xc3\x9dz\xb4\xa1\x12\x12\x8e\xf1O\xe3W\xaf\x11\xff\'\xe5\x95Y\xb4.~\x05\x02\xcb\xc8\xe1Zz\xf8a\nh4k\x93uq$\xe3\xece\xe4\x9fj\x8a\xd3\xc3\x18\xb4!\xc7\xfbe&lt;\x15/\xf1\x16\xbe-*}\x0b\xe7]\xa3jO\xa1Fjd\x90\x85\xfb\x92\x0e\x15%\xd9\x1d\x08\x941\xe5\xb4f&lt;&lt;\xbf\xef6\t\x07\xab\xa0\x92\xcf\x99C\xbb\xb8A\x92$\xd5\xcclW\x0bx\x153,\xfb\x0c*\xc5\xe6\xbf\x8c\x00\x14\x9d\xd1\xdb\xa2\x035\x88\xab\xfe\xe2\xdb\xb95!\xf7\x9fX\xc2\xff\x12\x89\x92T\xe0\xa1\xfcc)\xea[\xa84\x9c"D\xe6\xec(\x9b\x1f\xee.\x00T\x99\x93B\xaf&gt;\x00\xb5\xe8S:k\xbd\x848\xdcq\xd59[T\xcc)\xad\x8f\x04\x05\x0b\x92\xb3\x15R\xbc\xcd\x07\x061-\x19\xf6\x87\xeeh\nJT\xc8c+\xbb(\xb3D\xce\x9e\x98m\xbf\xbbDM\xb0\xe1I0V\xa6\xccd\xc3\xab\x9b\xe3\xc4f\xa6\nxo\x95\xa4\rD\x83\xe0\xf3\x8e\x9e\xba&lt;\xa5\xb7\x0cu\x9b\xad\xb0\x12\x19\xe0+tP\xc2\x96\x95da\xdf\xf7\xe8\x0ev\x19\\\x98\t\xcdPp\n\x0f\x1bhH\x1c\x1f!.\xcc\xef@Qy\xf4\xd9\x8e\xa4?5\x19U\xd5\xc9\x9d\xc3\xcc&lt;W\xa6K\xb72q\x93\xb2\xed\x0e,\xf5\xbc]P\x7fA\xb3D6;\x83W\xfb\x8d$\xb4\x1b\xa7\xe1\xe8\xac\x89p&amp;\xb5@\xd8\x92pMp\xeb`\x9e\xb6\x96\xdb`\xf3}\x0fb\x98B\x94\x89V\xdc\x9d\x17\xbe\xa6\x95\x9e=\x96\x8f\xd85I\xebY\x87\xb5\x8a\x08\x10\x97\xd0\xc4\'\x89mIh\x905\xac\xaf\x8e\x01\xa0\xe3\xcc\'\xdd\xa6\xe8Z\\\xcbF&amp;\x98[NK\x9cKTl\xce\xc4\x9eu&gt;.,\xe3\xaaG\xb2\xccZ\xc5\xcd\xb2\xa9\\[\xa0f,\xbd\xbf\';\x92T\xad\x7f%S\xcc\t=\xb5\xa3\x13\xf4\xeer\x98\xc5c]\x1c\x84\xb8\xd9fJ\x00\xe6\x89:\x9cy\xa2\x8dz\xe5\xdf\xbde\x0cj$\xa1\x01\xe8\xb6\xcb\xe4\x02\x81\x9bF\x9at\xc7P\x9dg\xdb\x97\xbf\xc7.%\x8d:\xa2%\x1f\xe3\xa3\xff=k&gt;)(\xa7R\x0b\x12D"\xe6\xba\xe3\\\xe1\xb0\x8e\xca\xbd\xec\x0b\x9fL\xfeOB\xc0U\xe4\x94\xa9d\xd9\xc8\x10\xb2\x9c\xa08\xaf\x1d\xb3\xb5[RT\x86\x0f\xee{3\x82\xb9\x93!ZWwk\xb9L\x02\x9f\xf1,\x06:\xbc\x07\xbd\'8\n\xeb\xcb\xcc\xe6z\x800e\x1dl\xb0fa\x897@\x94\xcc\x10\xfd\xc3l\\\x16\xa9\xee~\xc8\xa0\xd2\xf4]\xd5\x98\xd1\x0cn\xedq\xe7"\xe4\x9a9\xc7&lt;b\xf0\x8b\xcc\x07\xb1\x9eL4\x81Bh\x0c\xb6&gt;\xe1Y\xf8\xc8D\xca8$;\x9d\xe6\xc9\x80\x8e\x029\x02\xcf\tJL(\xd7\xad/K\xb5\x04\xef\x11n\n \x98\x9a\xa3\x19\xaf\xf1\xfe\x8a\xf3\xaaxY\x90ayq?qn\x9c\x9ew\xf4\xa9\xe8_\xea\x94\xcf*~B\xbb\x9b\x93\x92\x1eZ\xe1\xe9x\xef\x1e\xb7t6|\xf0\xafR\x9ee\x02\xf0\xcd\xcd\x9e3u&gt;/\xf4O\xc9HyU\x83\xfaN\xda\xe9\x01\xd7\x96'</t>
  </si>
  <si>
    <t>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</t>
  </si>
  <si>
    <t>b'\xee\xe2\xe6\xa9\xd8\xa4\xca[\xaa\x04\x04h\xc8\xebG\x96'</t>
  </si>
  <si>
    <t>the Great (Ann. 4.43). What counted for most with the imperial
authorities in such cases, Tacitus implies (Ann. 3.63), was the checkable evidence
of charters and treaties, but even vague appeals to mythological antiquity or to a
connection with some iconic person or event could still have a practical utility,
particularly if they linked to a Roman interest: thus Troy won immunity from taxes
under Claudius for its reputation as â€˜â€˜founder of the future Roman raceâ€™â€™ â€“ a privilege
foreshadowed, it was said, in an ancient senatorial document composed in Greek
(Suet. Claud. 25); and when Germanicus visited Athens on his way to reorder the
Eastern frontier, its public orators flattered him all the more effectively by seasoning
their compliments with frequent evocations of the far-off glory-days when Athens
had seen off the great Persian invasions and forged an Aegean empire (Ann. 2.53).
If such episodes often show Greek subject-communities adroitly manipulating
national and local traditions to gain immediate advantage or favor, they also mark
the deeper role their sense of history played in the construction of Greek selfdefinition in the empire. The seed-bed of the diplomatic tactic was the local elitesâ€™
own attachment to local historical tradition, witnessed in a wide range of day-to-day
cultural practice in their cities: the images on locally minted coinage evoking legendary foundations by a god or hero, the processions and festivals of ancestral civic cult,
the care of ancient buildings and statues, the textual representation of the past in
commemorative inscriptions and civic archives â€“ not to mention works of local
history. The epigraphic, archaeological, and numismatic testimony of a great many
Greek cities could be cited to illustrate how the celebration and creative adaptation of
local tradition help</t>
  </si>
  <si>
    <t>b'j\x99\xa7,\xbf\x1cv\xeb\xa5v_(\x99\xbdC\xe2\xc7)\xcb]\xb5aof\xcb3\xa7\xb7"\x9fO*\x93?8\x18\x18\xf5zR\xdf\xee\x0ba,{\xf6\xe07)\xe6\x06\x0fo7\xb6B\x91\xb86tBQ\xee\xc7\xa6\x01\x8d^\xbd?\x80\xe1\x00\xbfc\xf9\x05\t\x11\xfa\x1e\x93\xf2\n\xa6,\xfb\xdb\xfe@\xf9.s\x06\xa4tr\xb4"0\xfcR\xaa\x0c(\xf7t\x90/\xc6\xd1\xde\x04\xf7\xe0\x13\x99"\x1ft\x89&amp;dR\x89\xb6J&lt;\xdf\xaa\xb7\x8a\x0e\xa4\xa2\x1e\x95P\x95a\xb6\x067\x93/\xe6A\xb1tP\xe9\xb7\x18\x9e\xbaE\xc9\xf7\x10\x11MnX\x02r\x17\xbe\xb7:\x11\xa7n\xb5\x92]\x8b\xf2\x18\xda\xff\xfc2\xef\x15\x91\xdf\xf1\xdd\x93_\xf7\x12\t\xdb\xcc\xb0d\x88a\x00\xff\x06j\x14\x97\xc5/p=P\x06I`2\x19\xde_\xbb\xe4\x16\x07\x02\xbe\x9b&amp;\xcb\xa0J\x08+W\xa5\xc8\xfdc\xb3\x9e\xfb\xa5c\xdd\x91\x80m\xd6\xb5\xdf%~\xa0{\xebJR\x81\x16\x9b\x00i\xb6\xf59\x8fcA*\xd5\x86\xfb\xc0\xc8\x1a\xae\xe3\x8d\xf1&lt;\n\x95\x03m\xdb\xe6\xdf\xb9\xa4;=\xc6\x04\xeb\xf5\xf8\x148c\xa6\xa7\xb2\xb2\xbc\x96\xe9y\xd1,\xacC\x08\xc0\xbfc\x04\xd1\x86\x95\xef\xc8\xd6\xebU%\xaeq_\xc2\xfbR\xc16\xf7\xee\x9c\xc6s\x17\xe1\xd2S\xc6\x12\xd7\x0cB\xcaN1Q`X\xef\ta\xb2\xd0\xac\xf2+\xc3\x19\xe98I\xd1\x14]\x02\xdewYW\x89r\xc2D\x97Df\xae\x9f\xe3H\xf0uoL2\x84\x92/\x94\xfdab\x8a\x0eAf~^\xb2I\xbc\xdc\x7f8\xf0\xf9\x120j\x80d[\xaf2\xb7\xd4\x17\xfd\xf4O\xa3\x13\xd8\x851\x87\x91\xf4\x12\x16\tK\xebV\xa1\xea\xd7\x91+\xbd}\xb0qv\x83\xd3\xe4\xefR\x17KNw!\xed\x19\xe0\xd3\x10BO1\x9c\xce`\t\xf1\xe8h\xc5Z\x1b\xf9\x9dP\x01\x8b.\xe8\xf0=\x043\xa7\xac\xbd\xc6\n\xed\xdc\xee\xde\x99\x84\xf2\xbd\xfd\x0bx=3\x9a\x9b\x93V\x9c\x97a\xcf\xf6\xe9\xa5!\x15A^~\xf3G\xc5V\xa0%\x1dFm\x91\nc!\x1f\xee\xcf\x18\x9c\xcd\xd2\xe5\xcfJ\x14~\x1d\xdb\xdb\xc9\x9b\xd3=\xc7\xb5&lt;\xb8\xfesF\x1a\x13\x80\x07\xe0\x0ff-TI|\xb6\xb1\x17\x81\xa3\x0f\x84\xb3\xb7\xef\'\xe9\x86uA\xf3KM$\xa9Ie.\xcd\x9d\xbd\xab\r\xf7g\xc6\xc5\xbb \xe9\xe3\xc2\xda0\xcdn\nV\x8b5\xba\x13.Z\xe3e\xb9\x9c\x9a\\\xd9\xa3\xf9p\xe7\xf37\x05B_\x9cq\xcb6\xcb\x04\xb8S\x1e,\xf4v\x0f\x1d\xd8\x88\x95=\x96\xa6\xd0\xda)+/v\x13q\xd8\x95\x1bJ;\xa6Q\xc4\t\xc3A\xc5z7=\x94\xee\x97\xd2(C\x03QP\xb2\xcd\xaf\x9e\xcddI\xdaT\xa8\x9ch\xb0\xeb\xd6\xe7\x83\x13\xae\xb9\xa1p\x15\xf2\xb8\xbd\xa3\x87B\xa7F\xa8\xe2hL\x12Jq\xfd\x0c\x12]\x03\x15\xf8;\xd6\x7f!~\x9a\xe3mh\\F\x08\x05\xba\xfb\x9f6\xafS=\xf8I\xfb\xc4J\xc3\xa6\xd7\x95\xb4\xf2\xd0\xa7\xffl`\xca\xf1\x1e\x81\xb0V\xa5\xf1\xd7l\x10\xbdzx\x81\xa3\xf5\xdf,=\xd7I\x03\xbcVak&lt;\xa2\x15Y\xfd\xcf\xd0\xd6\xc6\x11j\x81\xfdg1\xde,_\x12,\xf1\x9bk\xe3\xba7\x05q\xb5\xdc\x16\xb9\xf1\x96\xdb3k\xb0}\x9b\xa5\x9d|\xf2{\x1e\xd7\x87\xb9b\xe5\xbe8\xbb5\xa4YP\xad\x86\x00\xffH\xd14K\xb2\xa1\xfb\xe7 \x167\x97\xd1\x05\x00\x80fA\xe3Fk\xc4.H`\x07\x84\xa3\xd0\xb6\xa1\x0b\xe8\x8aa\xa5\x0e\x8bx#\x86l\x92g8\x9c\t\x8c)\xb4\x08\x0b;\x82\r\x1bS6\xd1\xbd\x04\x88{\x99&amp;\xda]\xbe\x0b\x98\x0c\x12\xd3"p\x10\xe1C\xe6\x08\xe4\n\xfc\x87z\xda\x1e\xfe\xbdF\x914\xd9w5\xf5X\xb6\xeaB\x17\xad\x8bY\xeeS\x9ds\xcc\x81.\xec\xc5\x0eg\x8bY^f\xed\xa8i,K\xae\xf9S\xce\xcd\x8du\xac\xe3\x95\x15oFi\x18\xd3X\x13\x08jI\\\x0cD\xf3\xcd\xc6\x0f,/TF2\xd8=\xcd\xca\xf9\xfc\x8cx\xfe,\x825\x96\x03?H\x83\x98`\xdd\xb0Fg@\x9aRKYnP4,!T\x8fzt\n\xa8\xc4\xc5\x13\xf5C\xa5\x96\xce\t \xd0\xb2\xf0\xb2J\nC\xc5\xe5\x84\x17tw\xbb\xa1\xa6\xbc?A,\x8e5]\x85\xa9%\xe8Z\x1d\xa0P\x95`\xc4\x1b\xa2\xd9\xd7\xd2mD\x1ak\xb9\xf4G\x19\x007v\xbawV;mf\x0e\xa80\xb4rC\xa8b\xe1HU\xd8\x88\x1e\xc5T\xb20\xf2\t\x8eo\x17\x94\xbd\xa8\xce1_H\xdd\x9f\xd6\xa0\x85\xa9\xd4\x1d\x82\xd1k\x94 \x00\x94\xe56\xc0\xd1\xc8\x13\x19\x14M\x8b&lt;\xeaE\x04\xfd\xb0\x8f\x85j\x96a\xa5\xc8\xce\xc7\xca\xe4\x95\x90\x93M\x86\x1c\xaf\xe6\xc2\xa6\x88\x11\x90\x10\xe69$\xdd\x8e^\xee\xbd.u\xd5\xec\xfei\x85\xc3\xa8\xd3A\xbfU\xb9\x8b\xe9\xe7h\xe5\xf4\t3Q\xc4\x14\x0b M\xa4Nw)=\xa2(\xd0-r2\xb2\xd5\x12\'\x8d\xff\x85\xcb\xef\xcd\xd5\x00m\x19\xd2\x8b\xc1\x16\x99\xa2\x83\xe6k\x14I\x8c(3\nS1kd/\xbf\x91\x06\xa0\xa8\xec\xf3\xfa\x8aQ3s\xfaW\xb9\xd3[\x84\xb1?m\xfdt\xc3\xde\xda\xad\x9an8\x01\x91\xca\xfaA\xbfy\xb3\xe4\xa9\xa5&amp;L78\xaa\xd0h\xc8\xc6\xf7FM\x01\x1dM\x12YJ(\x8b\xcb\xf4W\x8e\x9e\xa3\x1fV_\xe1\xfa\x86\xf5\xeb\xe4%\xf10+\xe6[\xc9\xc2\xfe\xd3"\xe3M\xa1\xeb\x11\x0b\xf9\xc9#\x1aY\xb8pq\x13\xdaX\xea0\xc3]"\xc0\x1eE\xab\x89\x96\xac\xear!\xe3\x82\x80\xcd\xd3DW\x99\xe6H\xe5\xcd\\\xc0\xd3\xeb\x1eE\x80\x0c\xc2\x9f\x14\x9f\xb9,\x8b\x9c@ \xca\xf5\xc3\x91(w\xfa\xf2\x02&lt;\xea\x8b\xcb\x94O\xa0+ \xee\xd1\xac\x98)\x85#\x9c\x15\xa7\xe9\x1b\x82\xe2\xba\xb2\x83\x96(\xe2\x9e\xee\xe2\x87\xf6g\x1e;^l\xb4\x1d\x9cl\xf1\xb7\x0f\x89\x82u\x04\xb6-\x08\xecL\xf0le\xd96[\xa5r\xb0\xd9\x8e\xb8\xa8\xed\xca6\xa6\x9c`\xe2*\x8c\x97\xc9\x03\xca\xeaS\xe0\xffT\xbe\xabT\xea\x17\xa3]Nu\x1d\xaa\x9a\xfa\xb9jZH\x17\xadm{\xfd\x10\x99\xfdZ\x9b\x00\x07\xcd9\xc1`\xb8+\x94a\x8c\xd1P\xf2\xaa\xf5w\x12\xe8W\xed\xb3#\x8eh\xfbgy\x01\x15,n\xa8\xd9:,d\x98\xac\xce^]\x94`\xbb\x13\x90Ou\xfbfl\x00\x13E\xb9\x07\xa5\x9f\xbdT.\xbfT\x05\xf2\xfc\xde\xd9\x9d"-\r\xdb\xe0Of\xf8\xca\x81\xf30\xcaQ\\\xe8_\x8c\x1fpEt\xd9\x98\xb52\xcdd\xc4\x9dI\xd8j\x148\xab\x1c\xafo\x98\xa1\x97\xa1\xe2\xc4V\xc5u:\xf5I\xc8u\xf4H\xefx\x1f&gt;h\x8cT\x9e\xf1.\xffmb:\x7f\xcc\x1e-\xff1\xb8\xf6!&amp;\xfa\xad}2x\x12\xd3\xe0\x1as\x98\x1d~H\xa6\x94\xfa\x92\xf6.\x0b\xd7\xb4\xdc\x86\xa5\xe7B\x9fdX\xd3\xe66\xc2h8\x1b08\x02\xbb\xad\xd5\x1d\x7f\x9f\xe4\x15p\x11X\xf5\xf2\xa2yMy\xd2\x87\x82\xb2\x19\x1e\xfd\x8bI\xb6\xc2-\xc5(\xaeKp\xc9\xe9:\xb0\xaf\xf2=\xed\x9b\xc9\x8b8&lt;Y\x97aU\xb5\x0f\xcc\xf2H\xb5(\x93\x9d\xc2\xb81\xef\xc7\x8a\xdc\xb8$\xb32\x83\x0fp\x1dm\xb8\x95G\x16U\x0b\xdd\x98\xcf\x8f\xd7\xf8\x15\xd4`\x8ea\xd8\xa8\xc3k\x03#\xcd\xdd\x890\xa2\xb8\x93\xe0HAGG\xb7\x9c#\xae\xd9#\xf9\xa3l\xc3!t/ID^\x00\'+\xff'</t>
  </si>
  <si>
    <t>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</t>
  </si>
  <si>
    <t>b'j\x99\xa7,\xbf\x1cv\xeb\xa5v_(\x99\xbdC\xe2'</t>
  </si>
  <si>
    <t>o get the sign of By.) The rest of the argument is
  identicalâ€”everywhere we had Ey before, read Ez, and everywhere we had Bz,
  read âˆ’By:
  Â¯
  Ez = Î³(Ez+vBy),
  Â¯
  By = Î³ By+ v
  c2
  Ez .
  âŽ«
  âŽª
  âŽ¬
  âŽª
  âŽ­
  (12.104)
  As for the x components, we have already seen (by orienting the capacitor
  parallel to the yz plane) that
  Â¯
  Ex = Ex.
  (12.105)
  Since in this case there is no accompanying magnetic field, we cannot deduce the
  transformation rule for Bx. But another configuration will do the job: Imagine
  a long solenoid aligned parallel to the x axis (Fig. 12.40) and at rest in S.The
  magnetic field within the coil is
  Bx =Î¼0nI,
  (12.106)
 12.3 Relativistic Electrodynamics
  559
  y
  z
  x
  I
  FIGURE12.40
  where n is the number of turns per unit length, and I is the current. In system Â¯ S,
  the length contracts, so n increases:
  Â¯
  n =Î³n.
  (12.107)
  Onthe other hand, time dilates: The S clock, which rides along with the solenoid,
  runs slow, so the current (charge per unit time) in Â¯ S is given by
  Â¯
  I = 1
  I.
  Î³
  The two factors of Î³ exactly cancel, and we conclude that
  Â¯
  Bx = Bx.
  Like E, the component of B parallel to the motion is unchanged.
  Here, then, is the complete set of transformation rules:
  Â¯
  Ex = Ex, Â¯ Ey =Î³(Ey âˆ’vBz),
  Â¯
  Â¯
  (12.108)
  Ez = Î³(Ez +vBy),
  Bx = Bx, Â¯ By =Î³ By+ v
  c2
  Ez , Â¯ Bz =Î³ Bzâˆ’ v
  c2
  Ey .
  (12.109)
  Two special cases warrant particular attention:
  1. If B = 0inS, then
  Â¯
  B =Î³ v
  c2
  (Ez Ë†y âˆ’ Ey Ë†z) = v
  c2
  ( Â¯ Ez Ë†y âˆ’ Â¯ Ey Ë† z),
  or, since v = v Ë†x,
  Â¯
  B =âˆ’1
  c2
  (vÃ— Â¯ E).
  (12.110)
 560
  Chapter 12 Electrodynamics and Relativity
  2. If E = 0inS,then
  Â¯
  E =âˆ’Î³v(Bz Ë† yâˆ’ By Ë† z) =âˆ’v(Â¯ Bz Ë†yâˆ’ Â¯ By Ë† z),
  or
  Â¯
  E =vÃ— Â¯ B.
  (12.111)
  In other words, if either E or B is</t>
  </si>
  <si>
    <t>b'j\xabd\xd6+u\xf3.\x7f\xd1\x0e\x1f\xdb\xf2y\xf3}\x17\x1fZ3WO\xac\x06U\xc6\xccT\x7f\x10\x95'</t>
  </si>
  <si>
    <t>6aab64d62b75f32e7fd10e1fdbf279f37d171f5a33574fac0655c6cc547f1095</t>
  </si>
  <si>
    <t>b'j\xabd\xd6+u\xf3.\x7f\xd1\x0e\x1f\xdb\xf2y\xf3'</t>
  </si>
  <si>
    <t>and in a moment their captain and
 Smee were alone. Hook heaved a heavy sigh; and I know not why it was,
 perhaps it was because of the soft beauty of the evening, but there came over
 him a desire to confide to his faithful bo'sun the story of his life. He spoke
 long and earnestly, but what it was all about Smee, who was rather stupid, did
 not know in the least.
 Anon he caught the word Peter.
 'Most of all,' Hook was saying passionately, 'I want their captain, Peter Pan.
 'Twas he cut off my arm.' He brandished the hook threateningly. 'I've waited
 long to shake his hand with this. Oh, I'll tear him.'
 'And yet,' said Smee, 'I have often heard you say that hook was worth a score
 of hands, for combing the hair and other homely uses.'
 'Ay,' the captain answered, 'if I was a mother I would pray to have my children
 born with this instead of that,' and he cast a look of pride upon his iron hand
 and one of scorn upon the other. Then again he frowned.
 'Peter flung my arm,' he said, wincing, 'to a crocodile that happened to be
 passing by.'
 'I have often,' said Smee, 'noticed your strange dread of crocodiles.'
 'Not of crocodiles,' Hook corrected him, 'but of that one crocodile.' He lowered
 his voice. 'It liked my arm so much, Smee, that it has followed me ever since,
 from sea to sea and from land to land, licking its lips for the rest of me.'
 'In a way,' said Smee, 'it's a sort of compliment.'
 'I want no such compliments,' Hook barked petulantly. 'I want Peter Pan, who
 first gave the brute its taste for me.'
 He sat down on a large mushroom, and now there was a quiver in his voice.
 'Smee,' he said huskily, 'that crocodile would have had me before this, but by a
 lucky chance it swallowed a clock which goes tick tick inside it, and so before
 it can reach me I hear the</t>
  </si>
  <si>
    <t>b'\x11\xe11w\x90\x16\\\xe1'</t>
  </si>
  <si>
    <t>11e1317790165ce1</t>
  </si>
  <si>
    <t>e MOSFET
 may conduct current between the source and drain if a channel of electrons is created by
 making the gate voltage sufficiently positive. Moreover, we expect that the magnitude of
 the current can be controlled by the gate voltage. Our analysis will indeed confirm these
 conjectures while revealing other subtle effects in the device. Note that the gate terminal
 draws no (low-frequency) current as it is insulated from the channel by the oxide.
 Did you know?
 The concept of MOSFET was proposed by Julins
 Edgar Lilienfeld in 1925, decades befor</t>
  </si>
  <si>
    <t>b'\xea\xa3\xfeVJ\xd6\xd0\xa1\xba|p\x98\x82\x8akb'</t>
  </si>
  <si>
    <t>eaa3fe564ad6d0a1ba7c7098828a6b62</t>
  </si>
  <si>
    <t>tter voltage.
 Following our convention of placing more positive nodes on the top of the page, we redraw
 the circuit as in Fig. 4.38(d) to emphasize VEB &gt; 0 and VBC &gt; 0 and to illustrate the actual
 direction of current flow into each terminal.
 4.6.2 Large-Signal Model
 The current and voltage polarities in npn and pnp transistors can be confusing. We address
 this issue by making the following observations. (1) The (conventional) current always flows
 from a positive supply (i.e., top of the page) toward a lower potential (i.e., bottom of the
 page). Figure 4.39(a) shows two branches employing npn and pnp transistors, illustrating
 that the (conventional) current flows from collector to emitter in npn devices and from
 emitter to collector in pnp counterparts. Since the base current must be included in the
 emitter current, we note that IB1 and IC1 add up to IE1, whereas IE2 â€œlosesâ€ IB2 before
 emerging as IC2. (2) The distinction between active and saturation regions is based on the
 4.6 The PNP Transistor 155
 Q V
 I
 I
 I
 Q1
 I C1
 I E1
 I B1
 CC B2
 E2
 C2
 2
 0
 Active
 Mode
 Edge of
 Saturation
 Saturation
 Mode
 Active Edge of Saturation
 Mode Saturation Mode
 0
 (a) (b)
 Figure 4.39 (a) Voltage and current polarities in npn and pnp transistors, (b) illustration of active
 and saturation regions.
 B-C junction bias. The different cases are summarized in Fig. 4.39(b), where the relative
 position of the base and collector nodes signifies their potential difference. We note that
 an npn transistor is in the active mode if the collector (voltage) is not lower than the base
 (voltage). For the pnp device, on the other hand, the collector must not be higher than the
 base. (3) The npn current equations (4.23)â€“(4.25) must be modified as follows for the pnp
 device:
 IC = IS exp
 VEB
 VT
 (4.100)
 IB = IS
 Î² exp
 VEB
 VT
 (4.101)
 IE = Î² + 1
 Î²
 IS exp
 VEB
 VT
 , (4.102)
 where the current directions are defined in Fig. 4.40. The only difference between
 the npn and pnp equations relates to the base-emitter voltage that appears in the
 I S exp VT
 V
 B
 E
 I S exp VT
 V
  Î²
 VEB
 C
 EB
 I E
 I B I C
 EB
 Figure 4.40 Large-signal model of pnp transistor.
 156 Chapter 4 Physics of Bipolar Transistors
 exponent, an expected result because VBE &lt; 0 for pnp devices and must be changed to
 VEB to create a large exponential term. Also, the Early effect can be i</t>
  </si>
  <si>
    <t>b'a\xd9\xb4\xd1\xe4\xcb\xad\x15i[\x80P\x95[V\x8c'</t>
  </si>
  <si>
    <t>61d9b4d1e4cbad15695b8050955b568c</t>
  </si>
  <si>
    <t>. . . . . . . . . . . . . . . . . . . . . . . . . .21
 3 Labor Productivity and Comparative Advantage: The Ricardian Model 24
 The Concept of Comparative Advantage . . . . . . . . . . . . . . . . . . . . . . . . . . . . . . . . . . . . . . . . .25
 A One-Factor Economy . . . . . . . . . . . . . . . . . . . . . . . . . . . . . . . . . . . . . . . . . . . . . . . . . . . . . . . .26
 Production Possibilities . . . . . . . . . . . . . . . . . . . . . . . . . . . . . . . . . . . . . . . . . . . . . . . . . . . . . . . . . . .27
 Relative Prices and Supply . . . . . . . . . . . . . . . . . . . . . . . . . . . . . . . . . . . . . . . . . . . . . . . . . . . . . . . .28
 Trade in a One-Factor World . . . . . . . . . . . . . . . . . . . . . . . . . . . . . . . . . . . . . . . . . . . . . . . . . . .29
 Determining the Relative Price After Trade . . . . . . . . . . . . . . . . . . . . . . . . . . . . . . . . . . . . . . . . . . .30
 BOX: Comparative Advantage in Practice: The Case of Babe Ruth . . . . . . . . . . . . . . . . . . . .33
 The Gains from Trade . . . . . . . . . . . . . . . . . . . . . . . . . . . . . . . . . . . . . . . . . . . . . . . . . . . . . . . . . . . .34
 A Note on Relative Wages . . . . . . . . . . . . . . . . . . . . . . . . . . . . . . . . . . . . . . . . . . . . . . . . . . . . . . . .35
 BOX: The Losses from Nontrade . . . . . . . . . . . . . . . . . . . . . . . . . . . . . . . . . . . . . . . . . . . . . . . . .36
 Misconceptions About Comparative Advantage . . . . . . . . . . . . . . . . . . . . . . . . . . . . . . . . . . .37
 Productivity and Competitiveness . . . . . . . . . . . . . . . . . . . . . . . . . . . . . . . . . . . . . . . . . . . . . . . . . . .37
 The Pauper Labor Argument . . . . . . . . . . . . . . . . . . . . . . . . . . . . . . . . . . . . . . . . . . . . . . . . . . . . . . .37
 BOX: Do Wages Reflect Productivity? . . . . . . . . . . . . . . . . . . . . . . . . . . . . . . . . . . . . . . . . . . . .38
 Exploitation . . . . . . . . . . . . . . . . . . . . . . . . . . . . . . . . . . . . . . . . . . . . . . . . . . . . . . . . . . . . . . . . . . . .39
 Comparative Advantage with Many Goods . . . . . . . . . . . . . . . . . . . . . . . . . . . . . . . . . . . . . . .40
 Setting Up the Model . . . . . . . . . . . . . . . . . . . . . . . . . . . . . . . . . . . . . . . . . . . . . . . . . . . . . . . . . . . .40
 Relative Wages and Specialization . . . . . . . . . . . . . . . . . . . . . . . . . . . . . . . . . . . . . . . . . . . . . . . . . .40
 Determining the Relative Wage in the Multigood Model . . . . . . . . . . . . . . . . . . . . . . . . . . . . . . . . .42
 Adding Transport Costs and Nontraded Goods . . . . . . . . . . . . . . . . . . . . . . . . . . . . . . . . . . . .43
 Empirical Evidence on the Ricardian Model . . . . . . . . . . . . . . . . . . . . . . . . . . . . . . . . . . . . . .45
 Summary . . . . . . . . . . . . . . . . . . . . . . . . . . . . . . . . . . . . . . . . . . . . . . . . . . . . . . . . . . . . . . . . . . .47
 4 Specific Factors and Income Distribution 50
 The Specific Factors Model . . . . . . . . . . . . . . . . . . . . . . . . . . . . . . . . . . . . . . . . . . . . . . . . . . . . .51
 BOX: What Is a Specific Factor? . . . . . . . . . . . . . . . . . . . . . .</t>
  </si>
  <si>
    <t>b'0E\x02!\x00\x92\r\xf2\xc6\xcbW\xc0\xa5`\xfc\xdf\xf3\x8c\xa4\x88\xa9\xb4\xfc1?*W\xf28\xfd\x88\xc6~\xd5\x87-`\x02 6w\x1cw\x0cAC\xd2I\xe2r\xb7sb\x9e\xa1*\xb8q\xe3\x92\xf3\x84\x15\xa3B\xabO\x11SH\xcd'</t>
  </si>
  <si>
    <t>3045022100920df2c6cb57c0a560fcdff38ca488a9b4fc313f2a57f238fd88c67ed5872d60022036771c770c4143d249e272b773629ea12ab871e392f38415a342ab4f115348cd</t>
  </si>
  <si>
    <t>b'0E\x02!\x00\x92\r\xf2\xc6\xcbW\xc0\xa5`\xfc\xdf'</t>
  </si>
  <si>
    <t xml:space="preserve">h one and why?
13.1.5 Conditions for Growth
Why do you not try to write down what you think are necessary conditions
for growth? This list may have water, oxygen and nutrients as very essential
elements for growth. The plant cells grow in size by cell enlargement which
in turn requires water. Turgidity of cells helps in extension growth. Thus,
plant growth and further development is intimately linked to the water
status of the plant. Water also provides the medium for enzymatic activities
needed for growth. Oxygen helps in releasing metabolic energy essential
for growth activities. Nutrients (macro and micro essential elements) are
required by plants for the synthesis of protoplasm and act as source of
energy.
In addition, every plant organism has an optimum temperature range
best suited for its growth. Any deviation from this range could be
detrimental to its survival. Environmental signals such as light and gravity
also affect certain phases/stages of growth.
Figure13.7 Diagrammatic comparison of absolute and relative growth rates. Both
leaves A and B have increased their area by 5 cm2
in </t>
  </si>
  <si>
    <t>b'\x9a&amp;\xb1\xa4\x7f\x8c\xed\xbf\xa1Y\xcd\xdf|!\xf1Uo\xdc\xad\xdduA\xb8\x19\xbc\x1c&gt;\xccyE\x88D\x8e\xfb\x9f7/\xf6\x9c\xa4\x0fF\xd3\x98K\xa9UW\xf8lL\xf9B\x82\x1d\x9b\x9b\xa3*\xc4#g\r\xe2\xc5k\xde\xfa\xea\xbbk;\xfc\xa8&gt;2q\xf4\x98\x9b\x0f\xf9\xfcu\xc3\r\x10\x9e\x05\xf3[X\xa1\\"\xd7\xb3\xec\x7f\xac!\x88\xd4z\xee\xf8\xfc\x92\xc9\x0cd\xa1y\x7f\xd1\xb1\xb46\xc3\xc5M\xe1\x10%\xc03\xee\xc5=+Q\x91$89\xae\x1e\xf9\x98\x11\xd1\x1b\xa6\xbd-\x9d\xa3_\x8b6\xd7E\x875"\xd5:\xe3bk)P\xcaG\xd1\xa8u\xe6\xab\x04\x14\xd6\xbf@\x8f\x9a^\x18~\xe5\x03\xe6\xe0k\xe2\x9e\x80\x92Y\xd7\x80\x1e\xe9\xacl\xcd\xab\xc7\xcf\x14?6\xde\xd6\xf4\xfc\x0f\x08w\xb2J\xe2\xb9V\x18\xb1\xbf]4\x1f=F\xc2\x823|Dn#\xf3\xe4\xbb\xdb+\xe2\xec\xd3"\xc0\'qA]\xa6\r\xa4\x88\xa1^i\xdbx\x99aFKP2\x8a\x1d\x08\x1e\xad\x06\xa0\xfbG]\xc9m1x\xb2l\xd4f\xf46\xde\xef}\x15\x9d/"f\xdbS0\x11\xff$q\x85k&amp;\xd8\x15i\x9e\xb1\xe3\xdbL;\xbaC\xc8B\x96\x01Q\xb5\x90f\x08\xed\xd9G\x03\x9d}\x82\x0c\x03\xb6\t\xb8=\xac\xb3Qr,\xd1\xf4\xca.\xfb\xf3\xc0\t\xe2\x96\x88\xcb\x18\xc9#\x14Z\x91DC\xbf\xa6\x81\xe9@\xfc\xfc0\xf2\xec\xe9\xb4|\x86\'\x91\x95|O\x92\xbf\x1e3.\xfdYC\x8b\xe8\xfdJE\x9b\xb6\'\xac\xf1\xa6V\x8a\'\xc6\xb3\xde|\xfd\x02\x8e\xdf\nP\x00IzX\x85%\xd8\xe7\x1f\x13_\xf2\x1c#\x03\x15\xe6\xb7@H\xb5]Dk\xe5\x97\xe9\x97\x0b\xb1\xf3\xbe\x81\x92&gt;\xa6\xe7[\xe1{Xq\x909\xb8\xf34.\x06\xaaf[J\xc9Q\x0fI\xc7\xee\x06\x1fH\x9f\x9d\xbc4\xe7]0W\xfbZL\x04\tD.\x12\xf9\x08R\x8f\x87&amp;\xaa\x845S\x84\xa8\xf1\x0bAZ\xb4\x1fK\x1e\xdcr:\x83\x9d\xab^\x89\x87\xccva5\x91\x92\xc9\xae\xb7\xbb\xaa \x97&lt;\xe04\xa7\x0c.*\xc6[\xb6\xe11\x16X\x88:\xc8v\xf69\xc6~\x0b\xaf\xc8GN\x11\xb6\xdd|R\x08\xac\xd9u)\xfa\x93\x12\xa2\n8M\x8b\xebx?w-\xdc\xd0^7\xc4\xf6\xb0\x8e#9~\x04\xe6E\xe7V\x7f1vK&lt;\xd8\xa8D!g{\x93r\xd0]\xa6T\xa5\xb1\xa8\x06&amp;\xb0\r\x7fV\xc9\xfe\xc4\x1cE1\x94\xf5X~\xb4\xac\x93\x00\x9d\x87O9\xdd!o\xbc"\x8d-\x8e|x\xac9k\xce\xef\xe1+\x81\xb9Z\x12IE\xd2\xb8\xd6\xd6\xed\xb0\xff\x15\x9b\xf9\xd3wi\xc9\x06jdl\xf6\x1d&lt;f[\xbb\xd19\xee\xc3$\xcc\xd3\xda\x8bxX\xfd\xa1\xf2t\xf2$l\xed_\xaa\x18\xdaP"\xa2/\xe7\xd4\xc8\xda\xe4%k\x0es\x15\x85\xd6\x97\xda\x838\xee6\xf9\xe6#?\x9e\xf9k\n\x1aW\xb2`\xcb\x8f\xce\x88\xd9\x11\xc22D/\xf5\xebH\x1a\x1d\xc60\xd1\xf6\xdf\x1b\xf2B\xff\xa8\xbd\xb5"\x99d^\x03\xc2p\xac\xb5u}\xe9\xa6\xf0]&amp;\x8f\xe4\xf6\x0f[TGm\xd7-A\xc1\xc7\xe3\x94\x87~\x1d\xfe\xb10\xf4\xd7\x83\xe5h\x1339\x15\x9a\xa9\xfb\x0e\x96(\xef\x81\x0c$\xaf3z?\x9c:\xc4t\xb9\x89@#W\x00\xba\x14Q\x1b\xbeh\x16agEY6kiA\xe9\xaed\x93\xd1\x06\x9a\xd7sn\x11d\x1c\x08\x85 \xbf\x83\xf98\x87\x80\xd5\xb9\xdb:\x17/\x1a\x82B\xb54r2IA\xd8\x11\xc9\xeb\xe2Q\xe0\xd9\xb7\xe7\xf7\xde=\xaf\x0e)~\x10&lt;(\xe0\xa9\xe5\xeb\x06\xacU\xbc\x85\x8b\x82}\xa9\x81\x81.2\xa4\x0f\xaf\xbb)I\xb17%\xf8\xb9\xa1\x10\x80\x93)6\xe9\xff\xc4\xff\xc3\xed,\x13;\xf5\xc2\x9b\xf5l\x1bi\t\xfb\x18\x95\x86\xd2f\xb3\xf8C$\xa8JA\xc0\xd6i\\i~\x0b6P(\x7fH\x86\xb5y\xa6*\xe4Dwx8\xe7B\x04\xf51\x9f\x1e\x86\x9a\xf1#/FD|\\\x8fy\x1b\xfak_\xa5\xf1\\\x06\x0b\xff\xe1\xdf\x07:\x0c\x85\xda\xe8\xaa\xb5Q\xdf\xd2\xde\xf5!k\x1b\xa2S&gt;W\x94\x91\x1fV\x98\xd0\xf7"\xa6H7U\x00\x84^m\rS\xdd\xb6\xe0\xf6\x02\xd4Z\x85Hp}\xc4\xc1\xa0\x7fz\xa8\xf9\xb5\x80\x81\xfc\x07\xf5\xf9\'\x02p]Y\xe4\'\xd0\x00\x8d\x82\xd1\x88\x93U\x92\xf2%\x03\x19N'</t>
  </si>
  <si>
    <t>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</t>
  </si>
  <si>
    <t>b'\x9a&amp;\xb1\xa4\x7f\x8c\xed\xbf\xa1Y\xcd\xdf|!\xf1U'</t>
  </si>
  <si>
    <t>his first words were alternately
 those of lamentation, entreaty, and self-reproach. Afterward, he said,
 'Emily, I have loved youâ€”I do love you, better than my life; but I am
 ruined by my own conduct. Yet I would seek to entangle you in a
 connection, that must be miserable for you, rather than subject myself to
 the punishment, which is my due, the loss of you. I am a wretch, but I
 600
 will be a villain no longer.â€”I will not endeavour to shake your resolution
 by the pleadings of a selfish passion. I resign you, Emily, and will
 endeavour to find consolation in considering, that, though I am
 miserable, you, at least, may be happy. The merit of the sacrifice is,
 indeed, not my own, for I should never have attained strength of mind to
 surrender you, if your prudence had not demanded it.'
 He paused a moment, while Emily attempted to conceal the tears, which
 came to her eyes. She would have said, 'You speak now, as you were wont
 to do,' but she checked herself.â€”'Forgive me, Emily,' said he, 'all the
 sufferings I have occasioned you, and, sometimes, when you think of the
 wretched Valancourt, remember, that his only consolation would be to
 believe, that you are no longer unhappy by his folly.' The tears now fell
 fast upon her cheek, and he was relapsing into the phrensy of despair,
 when Emily endeavoured to recall her fortitude and to terminate an
 interview, which only seemed to increase the distress of both. Perceiving
 her tears and that she was rising to go, Valancourt struggled, once more,
 to overcome his own feelings and to sooth hers. 'The remembrance of
 this sorrow,' said he, 'shall in future be my protection. O! never again will
 example, or temptation have power to seduce me to evil, exalted as I
 shall be by the recollection of your grief for me.'
 Emily was somewhat comforted by this assurance. 'We are now parting
 for ever,' said she; 'but, if my happiness is dear to you, you will always
 remember, that nothing can contribute to it more, than to believe, that
 you have recovered your own esteem.' Valancourt took her hand;â€”his
 eyes were covered with tears, and the farewell he would have spoken was
 lost in sighs. After a few moments, Emily said, with difficulty and
 emotion, 'Farewell, Valancourt, may you be happy!' She repeated her
 'farewell,' and attempted to withdraw her hand, but he still held it and
 bathed it with his tears. 'Why prolong these moments?' said Emily, in a
 voice scarcely audible, 'they are too painful to us both.' 'This is tooâ€”too
 much,' exclaimed Valancourt, resigning her hand and throwing himself
 into a chair, where he covered his face with his hands and was overcome,
 for some moments, by convulsive sighs. After a long pause, during which
 Emily wept in silence, and Valancourt seemed struggling with his grief,
 she again rose to take leave of him. Then, endeavouring to recover his
 composure, 'I am again afflicting you,' said he, 'but let the anguish I
 suffer plead for me.' He then added, in a solemn voice, which frequently
 601
 trembled with the agitation of his heart, 'Farewell, Emily, you will always
 be the only object of my tenderness. Sometimes you will think of the
 unhappy Valancourt, and it will be with pity, though it may not be with
 esteem. O! what is the whole world to me, without youâ€”without your
 esteem!' He checked himselfâ€”'I am falling again into the error I have
 just lamented. I must not intrude longer upon your patience, or I shall
 relapse into despair.'
 He once more bade Emily adieu, pressed her hand to his lips, looked at
 her, for the last time, and hurried out of the room.
 Emily remained in the chair, where he had left her, oppressed with a
 pain at her heart,</t>
  </si>
  <si>
    <t>b'\xf9\xecA\x960\xdf\x8f+\xa7\x83\xeey$t\xde\x92\xd43KU\xecen\xa8kN\xe5\xfe\xa7G\xe9G&gt;\xf55\xce\x7f\x86&lt;\xa5\xc6\xb5\x0b\xf8\xcc\xf3\xb68J\x99\xf196\x88\x88\xa0\x19\xb7\xcc\xd6\xb5iC\x83'</t>
  </si>
  <si>
    <t>f9ec419630df8f2ba783ee792474de92d4334b55ec656ea86b4ee5fea747e9473ef535ce7f863ca5c6b50bf8ccf3b6384a99f139368888a019b7ccd6b5694383</t>
  </si>
  <si>
    <t>b'\xf9\xecA\x960\xdf\x8f+\xa7\x83\xeey$t\xde\x92'</t>
  </si>
  <si>
    <t>ollector junctions are forward- and
 reverse-biased, respectively. Moreover, as explained in Section 4.4, amplification prop_x0002_erties of the transistor such as gm, rÏ€ , and rO depend on the quiescent (bias) collector
 current. Thus, the surrounding circuitry must also set (define) the device bias currents
 properly.
 5.1.3 DC and Small-Signal Analysis
 The foregoing observations lead to a procedure for the analysis of amplifiers (and many
 other circuits). First, we compute the operating (quiescent) conditions (terminal voltages
 and currents) of each transistor in the absence of signals. Called the â€œdc analysisâ€ or â€œbias
 3While beyond the scope of this book, it can be shown that the impedance seen at the emitter is
 approximately equal to 1/gm only if the collector is tied to a relatively low impedance.
 176 Chapter 5 Bipolar Amplifiers
 t
 VBE Bias (dc)
 Value
 t
 Bias (dc)
 Value
 I C
 Figure 5.8 Bias and signal levels for a bipolar transistor.
 analysis,â€ this step determines both the region of operation (active or saturation) and the
 small-signal parameters of each device. Second, we perform â€œsmall-signal analysis,â€ i.e.,
 study the response of the circuit to small signals and compute quantities such as the voltage
 gain and I/O impedances. As an example, Fig. 5.8 illustrates the bias and signal components
 of a voltage and a current.
 It is important to bear in mind that small-signal analysis deals with only (small) changes
 in voltages and currents in a circuit around their quiescent values. Thus, as mentioned in
 Section 4.4.4, all constant sources, i.e., voltage and current sources that do not vary with
 time, must be set to zero for small-signal analysis. For example, the supply vol</t>
  </si>
  <si>
    <t>b'W\xcet\x0fr%\xe9\xdd\xb3\xa7-\xe7\xcd1G\x87'</t>
  </si>
  <si>
    <t>57ce740f7225e9ddb3a72de7cd314787</t>
  </si>
  <si>
    <t xml:space="preserve">ere was a dead silence instantly, and Alice thought to herself, â€œI
wonder what they will do next! If they had any sense, theyâ€™d take the roof
off.â€ After a minute or two, they began moving about again, and Alice
heard the Rabbit say, â€œA barrowful will do, to begin with.â€
â€œA barrowful of what?â€ thought Alice; but she had not long to doubt, for
the next moment a shower of little pebbles came rattling in at the window,
and some of them hit her in the face. â€œIâ€™ll put a stop to this,â€ she said to
herself, and shouted out, â€œYouâ€™d better not do that again!â€ which produced
another dead silence.
Alice noticed with some surprise that the pebbles were all turning into
little cakes as they lay on the floor, and a bright idea came into her head.
â€œIf I eat one of these cakes,â€ she thought, â€œitâ€™s sure to make some change
in my size; and as it canâ€™t possibly make me larger, it must make me
smaller, I suppose.â€
So she swallowed </t>
  </si>
  <si>
    <t>b'u\\m\xeeKO5\xcd|\x10\x87\x90Zf\xd3[}*7\xe3\x98\x16\x0c\x9a\x17\x0eR\xc6Z\xb1\xe3\xa6\x03\xce\xb5\xfa\xeb\x93\xa2\xfdL\x9b\rJ\x18\x82\x14\x87\x11\xa2\x04u\x81Z\xbd\xbdVl\x9f\xd5Q\x15[y\x8a\x80\x8a\xb9\x02\xactgU\xee\xb5\xad\xe3Y\x02\xea\x90b\xab\xcb\x0e\x86\x11\xc0\xfa\xbb\xc9d\xd2\xc8d\xec{\xee\xe1\xf1\x16\'\xb5\x9d\x1as@a\x93h\xeb\xad\x02\xea\xe18\x95\xa5\xdf\xb6C\x86A\xa9\x19\xe1\r\x08\xeb\xcc\xf6\x90\xa8\xa3}]\xf1v&amp;)\xcfq\xcf\xe5\x91\x15Rs\xc5\x8b\xf3\x993\x96^u\x0f\xff\xcd\xa1\x17\xf8\x10\x05\x83}b\xd1)\xae\xb1\xc6\x8cZ\xf2\xb1\xc1X\x98\x05Y\x0c8~\x96\xccU\xbe\x1e\x95\xff8\x9c\xec\\\xd3\xb7\xf4=\xe2\xa6\xbf\x162\xde`n\xe1\xe4\xc1\xd0\xe5\xeb\xdd\xd6p\xd9`f\xf9b\xd5\xff3u\x8b\tc\xbe5Te\x11\xba\x0f\xe2\x1b?\xeef#\x00\xe8\xbfE_\xc7jtM\xd7\x8a\t63\xdcv\xc7\x08\x9f\xc7\xa4\xf9\xa5\x14\xbc\x04\xd6\x8fO\x8d\xd2\xf3T\xf5\x9b1\xc4\x99\x8cY&lt;,+\xc0\xc8K\x12\x8e\x89\x18\x1a\xf2,\xc4\xf2\x0c\xb7\x84eg\n\xbb\x84\x7f\tg5|\xa8\'C\x16\xdc\x80\xfe\xfa\xa1b\xc4\x99=\x03&amp;&lt;\x9c\xd2\xdd\xf3\xe6\x1c\xa9 \x13\xbc\xb3\xfb\xe2\xc4\xde\x97\x1f\xb7%\xb0\xa8\x8b\x17\xd2B\x95R\xa6m\xe9\xcc\x00K\x06_\x82q&lt;\x17\xc6/\x1ck\x98n\xbd\xb0\xec\x91[\xa3\x89|\x03\xd8\xe1\x0b/s\xd7\xca\x82\xd5\xf2G\xaao\x86\xebN\x00?\x96pHh:\xc1#\x1b\xae:\x96\x08\x16\x0fh\x12\t\xd0i\xdd\xf2\x18a\x15\xd6\xfa\xa4\xe7\xf7\x1e\xb0~n\x1a\x18\r\xfa\xaa\x85\xaa\xd8\xc6\x14\x15t\xcfn+*\xae\x17o\x006$%\xf2\xfb\xa6:\xd2&gt;&gt;e\x1cF\xa1\xf4Y\x98\x8c\x0f\xe7\xda\xcc\x10^\xc9\xe6\xb9\xebas"H\xc7yUK\xd1I\xa3\x95\x86O@\x1fe\xc4\xfd\x11c\xeaT\n\xe8\x8f\xcf;\xca\x1c\x91\xf4.IIjM\x8d\x1d:\x88\x9d\x1f\xcai\x17\xe1\n\x93&gt;~i\x1b\xe2s\x11Jf\xdb\x91\x9bHT+1?\x95\xa2H\x0e\xb2\xdb\x12\xa8\x0c\x16t\x8b\xf1y)\x13\xa6\xc9gR$\x80\xc0\xd6\xcb\xab\xf7\xb8~\x9a\xdf+v\xda\xcf%t#[&amp;+\xd1H\x97aNd1\x0bON91J{\xb2\x9d.\x14\x90*$,\x18\xa7\x85\xf1\xba\x9a\x8cdv\xdd\x1f\t\x90\xf8E9\x00\x00\xf8\x92\x92q\xb0SmDE\xdb\xdfwA\x1d\xcaZ\xa2\xad\x95\xcd\xa6\\(`y\x94[\xebW"HQ\x99Rf\xb2~.e"\xf9\xd8\x00\xdd\x99}\xcc\x8f\xd9\x05\xaf&gt;q\x94w\xe8Bhq.t\xe4\x1b\xea\xd0\xfbB\x02/F5)H\xc5\x98\x7f\xa0\x0bP\xcdW\xdb\x8a\xe8zM0`\xc9n@D\x99z\x8b\xda\xc5\x94\x90)\x11[\rX3\n\xeb\x0b2(\xf6\xfc \x0c\xb2\xe9\xe4\xdfxiR\xc9\x16\xd4\x95\x17\xefK\x0eJ\xf9\x0f\xafL,\xf7\xf37&lt;\xea\xea\xa6\xa1\xebm\xd97\x18\xaa\x8d9\r\xdf\xc1\xad\xd1\xb9\x9a\xc0f\xef\x17\xbcG:\x92\xb0,\xb9\xdb\x16?\xb3\x05\xe7q\xe4v\x94\x8e\xda\xf5\xb6.=R\xf9\xab\x97\x03\xe9&gt;\x97\x85\xb1\xf5\xa6i\xcf[p"\x0e\xc4t\x8d\xa6\x9b\xcc\xbf5X\xf7\xdb\x03}\xea\xb7\xd4\x98&lt;\xcex\r\xd1\xb9\xe8\xd3\xc7\xad5\xd4\xe8\xe5\xf8\xa8\xacw|\xc7A&lt;+\xd4F[\xeb\xe7x\xbcq-KHg\x1es\xc5\xe0\x89\xe7\xa2m\xbf\xc4ww5\xd3@\xd9\x95&lt;LP\xf8q\x9b\xe76\x9c\xaf\xec\xb7k\xb21\x1a\\\xc0\xa8\xb0f\xd3YA\xb5\xda\x90h\xf8g\\\n\xdd\xc3\xabZ\xa3\x19\x89/\xe4\xbbM&lt;\xa9\xc7\xb7|\xf4\xf8\xa1\xc2&gt;\xa5\x0e\xa0.\xf9&gt;\xdb9\x06\x95\xc0t\x0b'</t>
  </si>
  <si>
    <t>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</t>
  </si>
  <si>
    <t>b'u\\m\xeeKO5\xcd|\x10\x87\x90Zf\xd3['</t>
  </si>
  <si>
    <t>Ë† w, pointing in the direction of the increase of the corresponding
  coordinates, are mutually perpendicular. Note that the unit vectors are functions
  of position, since their directions (except in the Cartesian case) vary from point to
  point. Any vector can be expressed in terms of Ë†u, Ë†v, and Ë†wâ€”in particular, the in
 f
  initesimal displacement vector from (u,v,w)to(u + du,v+ dv,w + dw) can
  be written
  dl = fduË† u+gdv Ë†v+hdw Ë† w,
  (A.1)
  where f, g, and h are functions of position characteristic of the particular coor
 dinate system (in Cartesian coordinates f = g = h = 1; in spherical coordinates
  f =1, g =r, h =rsinÎ¸; and in cylindrical coordinates f = h = 1, g = s). As
  youâ€™ll soon see, these three functions tell you everything you need to know about
  a coordinate system.
  575
 576
  Appendix A Vector Calculus in Curvilinear Coordinates
  b
  dl
  a
  A.3 GRADIENT</t>
  </si>
  <si>
    <t>b'hR\x13!@\x13[\x1d\xae\xdb\xf6\xe9\xe4\x88\x0f;\xa7\x8c\x0c\x86\x96\xc8u\xb1\x9b[\xfc.Br\x17\xe1'</t>
  </si>
  <si>
    <t>6852132140135b1daedbf6e9e4880f3ba78c0c8696c875b19b5bfc2e427217e1</t>
  </si>
  <si>
    <t>b'hR\x13!@\x13[\x1d\xae\xdb\xf6\xe9\xe4\x88\x0f;'</t>
  </si>
  <si>
    <t>ual. Oh,
wonâ€™t she lecture though!â€™ said Jo, as she sipped with returning
spirit.
â€˜I shall go to my Kings, though Iâ€™d much rather stay at home
and attend to things here,â€™ said Meg, wishing she hadnâ€™t made
her eyes so red.
â€˜No need of that. Beth and I can keep house perfectly well,â€™ put
in Amy, with an important air. â€˜Hannah will tell us what to do,
and weâ€™ll have everything nice when you come home,â€™ added
Beth, getting out her mop and dish tub without delay.
â€˜I think anxiety is very interesting,â€™ observed Amy, eating sugar
pensively.
The girls couldnâ€™t help laughing, and felt better for it, though
Meg shook her head at the young lady who could find
consolation in a sugar bowl.
The sight of the turnovers made Jo sober again, and when the
two went out to their daily tasks, they looked sorrowfully back
at the window where they were accustomed to see their
294
motherâ€™s face. It was gone, but Beth had remembered the little
household ceremony, and there she was, nodding away at them
like a rosyfaced mandarin.
â€˜Thatâ€™s so like my Beth!â€™ said Jo, waving her hat, with a grateful
face. â€˜Goodbye, Meggy, I hope the Kings wonâ€™t strain today.
Donâ€™t fret about Father, dear,â€™ she added, as they parted.
â€˜And I hope Aunt March wonâ€™t croak. Your hair is becoming, and
it looks very boyish and nice,â€™ returned Meg, trying not to smile
at the curly head, which looked comically small on her tall
sisterâ€™s shoulders.
â€˜Thatâ€™s my only comfort.â€™ And, touching her hat aâ€˜ la Laurie,
away went Jo, feeling like a shorn sheep on a wintry day.
News from their father comforted the girls very much, for
though dangerously ill, the presence of the best and tenderest
of nurses had already done him good. Mr. Brooke sent a bulletin
every day, and as the head of the family, Meg insisted on
reading the dispatches, which grew more cheerful as the week
passed. At first, everyone
was eager to write, and plump envelopes were carefully poked
into the letter box by one or other of the sisters, who felt rather
important with their Washington correspondence. As one of
295
these packets contained characteristic notes from the party, we
will rob an imaginary mail, and read them.
My dearest Mother:
It is impossible to tell you how happy your last letter made us,
for the news was so good we couldnâ€™t help laughing and crying
over it. How very kind Mr. Brooke is, and how fortunate that Mr.
Laurenceâ€™s business detains him near you so long, since he is so
useful to you and Father. The girls are all as good as gold. Jo
helps me with the sewing, and insists on doing all sorts of hard
jobs. I should be afraid she might overdo, if I didnâ€™t know her
â€˜moral fitâ€™ wouldnâ€™t last long. Beth is as regular about her tasks
as a clock, and never forgets what you told her. She grieves
about Father, and looks sober except when she is at her little
piano. Amy minds me nicely, and I take great care of her. She
does her own hair, and I am teaching her to make buttonholes
and mend her stockings. She tries very hard, and I know you will
be pleased with her improvement when you come. Mr. Laurence
watches over us like a motherly old hen, as Jo says, and Laurie
is
very kind and neighborly. He and Jo keep us merry, for we get
pretty blue sometimes, and feel like orphans, with you so far
away. Hannah is a perfect saint. She does not scold at all, and
always calls me Miss Margaret, which is quite proper, you know,</t>
  </si>
  <si>
    <t>b'\x1c\x07\xb2\xad\x17]N&gt;\x8c\xcb\xfd\xe9\xf7+\xcc\x94\x1e\xe8{\xff\xd1\x14\xa1\x00sAz\x18\xf5\xdf\x01F\xb1\xa4\xa0\xca\x1a\x9f\xe4\xb9\xbf\xc3C\x15P[lB\xec\x80"\x15N\x90+5\x12\xed~\'j\x8e\xcb\x08\xb6\xb6\xed\xda\xd8\x0b5\xaf\x8af\xad\x97\x99\xa5$&lt;aW\xbahb\x88q\x8c\xa4\x13h&lt;\xef\xda\xdd\xb2\xe1&gt;\xfem\x95\x18&amp;\xdf2\xea@\t\'\x02\xb3\xc2\x8e3\x9d\x85[\xabR~\x03\xdfX\x12\x13x\x15\xdeq\xb8\x1e\xd6\xb6\xd8Z\x13\xd3\xf4m\xc0\xef\xa9\x11\xa8v\x97\x1cS0\x03\xdb\x90\x95e\xdbm\xf8\x96\xee\xdb$\xf38\x06m\x04\xa5LR&lt;hz\xdf5\x9b\x18*\xeb\x1a\xbdo\x9d\xa4_\xb1\t\x19CU\x01F{\xcf\xd9.\xca\x10\xe1z\x8f\x91Ff\xa6\x96\xa1?"o+\x8cPX\xd1\xf27L\xab8\x95\xb1\x16Y\x1e\xf5\xe3\xf5\xb2\x03l\xc4\xadG\x01/)N\xbf\xe8\xc8\x88\x1c\x10\xb8\xc5\xee\xf7@(\xb6\xa4Jw\x84\x11\xc2\xbe\xe2&gt;\x18\x19\x1dT\x18\xb7b\xb9\xdf\xa7\xe65\xd4F\x83\xaf\xb5\x08c\xc7\xe0:\x9e\xf8&lt;\xe9\xbc\x8e\xb3\xad8\xac`\x9a\xba&amp;\xca\xdc\xe0\xf7)0\xe0\xfe\x98\xdb-\x135V\x1fy9\xd7}\x97\x96\xad\x82\x049\xc9\xb8\xa6\xa4\x1a2\x0e\x84R\xf9e\xf4\xf9\xe5]\x1c\xbe\xc0\xc2\xeb\x0e\x0c\x8bb\x8ee\x8c\x1c\x90\n\xdb\xea\xd4\xc2n\xae\x84\xf2\x00\n\xb2\xec =\xf3\xcdd\xdb&lt;]\xe3\x18\x1d4\xd4\x95FKb\xfe\xb0\xe6\x86\xc23\x1dx\n\xd40\x85\xd3x!\xb2\x0bU\x92\xbe\x84\xf5\xd1\xcb\xb4\x894H\x9b:~\xed \xab\xa7\x06k\x94\xad\xe4\xce\xbb=SH\xb2\xea\x95b\x1dj\xd8\x01W\xf4G\'X\x19\xb17\xe6Sw(\xd2\xe6+\x7f%\x92\xb0\xcb\x16\xfaR\x7f&lt;p\xc2\xa8|\x89\xf0"\xf2\x11\xfc\x86\x90XU\x7f\xa2\xf3)\x0e\x99\x9d\x08\xd7rlB\x90\r\xaf\xf1\xe5?$\xf7W\xfco@\xe1\x1eLh[f\xf3]\x1dtz\x99(\x08\xdfx+\xf4\xf6\xa6\xf2\xd1\xe3\xff\xee\xbbx~\xe6\xd5Q\xf4J)\xf8\x93\xea\x1b\x1e\xb2\xe1\xeex\x11\x8b4\xcfCJ\x85E0\xc0,\xbd\r\xa63\x81T4\x94\x00w\xeb\xe4o2\xa5\xf5\xd8\xb3M\t\x1c\x1e\x10^\xa0\xbd4\x06\x108\x1f]\x0f\xd5)\xb9\xf7\xcf\xae\xe5\xd0\xcc\xf1\xfc\xeek\xbd\n\x9a\xd3"0\x84\x94\xa6\x90\xabQ\x1d\xef6\xa9\xf3\x04\xe2K\xc5\xf5\x971\xa8W- \x82d+\xcdU[\xe4R\xc6\xae\xf4DFf\xfa\xfd\x8d\xfa\xab\xda\x08QWj\xefI\xba\x0f\xc4{\xb4O"\xc2\xc5[\xb4N\xd8\xa3Gq%\xb8-\xa5\xf2\x18\x18\xc5Vq3]\x88\xe9HLJ\xa3\xfa\xfe\x05\xc8\x81\xb9\x15\x86V\x07[\xf5^\xd1\xa9\x14\xc65\xd7\xbf\x85\xa7\x91,\x83Y\x0cg\xffP7\xfd\xbeM+\xb8@ \x00\xe3\xbe?\xcf\xa3\n\x01g\xcc\x0c\xbd\xe3\x11\xf5\xa8\xb0\x96s\xdf\x8cM\xcb\xc5Eh\xcd\xb7\xd5\xf8\xd6D\t@\x04\xc71\xd3\x81\xad\xc5\xfc\xe6\xe0R\xcb\x1aj\x9f\xec\xff\xe8\xb6\xc8!13\xa0\xdfPs\xabl\xaa\xd8[n.\xe9G\x9a\xe1c\xf7$U\xd2\xc8r\xc1\x04%MA\xc5\x18\xb2Q\xc6\x8b3z\xc7\r\xd4\xb1\x88\x9e\xc2\xb4\x00\x1a\x8d\xb8\x0b\x9d\x9f\x10b\xa1\x82\x1a\x8c\xbc"9\x11\xdd\xe8\xcd\xf9\xb22\xe8Y\xd5(\xac=\xccT\xeb\xebs$.\xc9\xa6|\x8f^C\x12I\'\xc3\x1cL\x9b7D\x08\xde|\x8c\xec\xf8\xbe\r\x12.\x1ee\xb1\x0e\xf5\x7f\xe6j\x04\x1b\x95\xa0\xe5!\xe1v\xc1B\x0c\x13\x9f\xee \xf9\xa1\x9b{\xaf\x97\xcc\x84!K\x12\x0e\xc1\xe7\xa2z\xb5\xed\x8b\x12]\x9a\xecD_\xda\x94)1\xab=y~\x13\xe6\xbc\x08\xb9\xf0\xcc\xbbIKK\xe8\xb1\xc7\x84\x19\x828w\xfaCK\xaf\x1e\xfa\n\xe8d%\t\xf1\xd9K\xb7\xaf\x19[\x85+\xfaZ\x95=\xc4\xef\x96\x8dC\x88\xc21\x01\x1b8\x03m\xea\xc5L\x86\xfe\xcc\x05\x90\xa0n\xf1\xce\xe7\xa2h\xea\xfbV\xe1\x07[\xb4Hf1\xa5\x83\x97\xf8\x0f\xaa\xae\xe4\xee\xe9"\xd6\x07\xf6\xd4\x82\xa1\xed\x80v[\xba*\xb4\x92\xaa\xf8\x14n\xd2qu\xaa\xb0W\xd3*\xc8\t\xec\xff$\n\x97-o\xe3EL\x902Z\x11\x83\xf6\xce\x02\x14\x0c\xf8\x0b\xe3\xa5\xd3\xc4\xa8y\xd0\xe1`#\xbe5R\xcf\xc9\'zC$-\xb1\x1d5=x\xd2\xf3O\\\xca\x14\x95\x89&lt;\xc35\xc2\xa3\xad\x05j=\xc4\x9d rS0\xc4\xe2;\x86W\x7f0\xa1\xaf&amp;\x030\xae\x94\x08{\xbc9\x95U\xd8L\xcd\r\xfb\xa6V\xc3S\x11\xe5\x08p&lt;QSjB\x1ar\xcc\xc5\\\x0e&lt;\xf5&lt;\x9a\x96\x01\'\xd4\x03\xa9\x9b\x8c:o\x0c\xa2\xcc\'\xab2\xc9\x10\x1f\x91ID\xec`\xeb\xd1\x01"\x06\x15\xa5w\x18\x99\x96\xf3\xfeX\xfb\xb85\xc8\x1c\x01\x93[\x0eg\xee\x18\xab1\xb8\x01\xb8\xea\x0cO\x04\x8fW)a\xb0?\x1f\xfa\x02\xde\'p.m\xe8\xe3\xbb4\xadw\xb7\xab\xc7\xdf/\xaco\x8cM\xa07\xfcN\x83\xc7\xb1H\xbb\xaa7)%\xc1\xe7\x97T6\x1e\xae\xe3\xeez\xee\xf8\x06\x1fp\xa1\\\xa9\xee\'\xc5=\xda\x81F[\xaf\x1f\xd7\x0c\x8cLq\xc0J\x9bIV&gt;\x11O\xa5F\xddz\xd6V\xa6\xcfi\xfd2\xdb\x87._\xb5\x15\xe9W\xc2R\xe2\x80\xc7~\x82\xd6\x0b?r\xc2v-\x95\xc4\xb9\x9b#\xa9*\x1a\xe7\xc3T\xde,\xdb\xe66\xeb\x8e\x16\xc1\x0bw\xcc\xf6;\x8f\xb8rc\xcbT\xd5\x94\x89\xdcs\x19\xc8\x05!\xe6\x19"^8!\x9aZ\\XA\x1e#V;\xe9\x9at \xc6\x02r\xd6S\xec\xb2h\x19\x1c[\x1b\x1b\x81\xb1*\x0e\x84\xcaHtH\xef\xa2\x1bQ\xef\xd0f\xbeU\x0c\x81\xa0x\x05DSUw\x9f\x89\xcb\x9a\x9c\r\xa1{\xc7\xe1\x14vG5\x97\xb6\xd0\x8d8\xa0.\xaa\xa4\xfd\xd9V,T\x83\x7fdg\x91\xe9\xdd\r\xf1\x8e\x91\xdaP\xcd5\x9b\xa8\x98\x95\xf4\xe0\xb2\xb0\x00\xd8\x1d\xc3 \x9a{\xce1\xe7R\xaeX/G,\xac:\xafBaw\xc9\'\xe9\xf0rFc\xba\xda\x87]p\x19\xd6\xe4\x88\'\x97Q\xb37Q\xdc\x94\x8cS\x86\xb5\xa8\xc0\xa2\xc8\x11\x9fNFwvL\xfdN\xe3\xf1\xbdE\xbbR\x9d\xc0\xdf\xff\xff*\x82)\'=;\x9d\xfd\x93b\n\xe3\xd6\x95*\xd5\xaf\x8cA\xb0\x18\x7fJ\xae\x87\x8f\xd0\xfe\x0e\x0f\xabD+{t\xb1\xb3+\xea\xa8\x10\x9c\xc2\xbd=\x00?o\x12\x84&amp;;\x1b"\x0caFh\x9d\xe7!\x95e\x1446\xda\x0bb\x9c\xc4@\x9f\x97\\\xee[\xd4\x8a\x7f*\xb2\x0f6n\x99\xf2\xcb\xbe\xfeu\x08pB2\x8e\xd1m\xe1\xfb]\x8e@H\xeb2\x94\xd4\x8e\xf9\x1a\xee:\x92\xd1\xe4\xa6qU\xf9\x92\x14\xed\x17x\x88\xb2zs\xac\xd6d\x1c\x96\xa5\xa3\xb9\xb1q\xe3!kt\xe3\x8c\xfde4MJ\x0b+C{X,\x901h\x9f\xd2p\xee/6\x05\x82q_\xd7\x97\xc4\xf4\x94\xda.\x0e\x88\x9d\x15\x98\xc9\xe4\x1bDb\x93Tx\x96\x00\x91\x1c\x84\xb3V8\xa9d\xf8&gt;\xc1*8\xdd\x9b5\xd9A&gt;0\xe6/\xd8Y\xf5\'u\x9b+\x99,\xcdw\x05\x01\xab\x12*\x13\x93"\xac\xd1\xa7\x8eGj\xa6\x18\x99\x076\x1e\x97\xc8\xbc\xb0\x0c)\x8a\xf7\x02K\xda[3\xa30G_\x83\xc9:\x94_H\xe4*\x93\x9f\x11\xd4\xc0\xab\x83\xe8}\xb6\x0f\xbe\x8c\xfc\xbd\t\x8fs\xdd\xcb+u\x89\x87F\x9e\xb2\xc1\xa6&amp;$\xbc!\xc1o*+\x10\xbc\x81\x0e\xb8\xb8\xbeu\x15.#\xcb\xfd\xe8\x8c\x1d\xff5\xc1\xd3\x8dAR\x10\x9eQ\xa9r\x90\xa8%j-\xea\x8f\xc6\x08\xdc\x9a:\xd7K\x9c\xb4\xb9\r]2\xac=\xd9\xf9\xb8\x1cQ\xbb{\xdev\xe1\xa0l \x9f\xac\xe4\x8d\xc8\xe7\xf2\x8b\x04qU\x94\xbd\x86\x08`1\xb0X2\xf4\x0b\xa2A\x0c\xd5\x8a\x06SM\xadx\xf4Z\xcf\xc0\x19\xe9\x98k\xa5_\xeb\xbd\xc8\x07MW\xf2u\xc5KD\xc5\xf9|\xf5\xcc\x97\xec:\xc5~o\x15\x0e\xf793\xc6\x1ae\x81\xbc\xc9!\x9eW)\x0fnD\xa97gE!|\xdcH\xad\xe57z\xd44\x01\x10_J{&amp;,j\xc8\xe0#[\x86xH\xb0\xecg\x17\xeb\xf1\xf6l\xe0\xa76~\xb5\xc5\xbc\xb8\xe18\xabx\xf3\xf3\x92~}\xd4!\xf3\xd0\xc6:\xf3\xf8a\x18\x15\xf5\xf6\xffI~B\x0c\x1e\xaf\xd8\x93\xcc\xd9\xc8\x10\xd4L\xe5Fa\xc7\x8ff\xbd\xd2\t\xef\x86\xb0&amp;\x19\x91\x94\xd0\x9b\xb9\x0f@\x8c\x93\x04b\x85G\x8c\xd5\x08\xbfAx\x02\x81 \x7f\xa9\xbdc\xa2sn\xf4AS?\x0ed\xdc\xb7\x8f*\x08\x8f\xd4@D\x07\xa3\x08\x970D\x1cFO\x9e\xaf^\x9b\x00\x8c\xa2k\xd5\x01\x02\xd9\x90\xd6\x0f\xdf\xe3\xc7\xdb\xa1\x99W{\x94\tH\x82\xbe\xa6F\x92\x86\x03\x9d\x8b^Y\x05}[\xd0\x1bX\xc9\x95\x83\x9f\xb90\xe5U\xe1\x90\xf9\x18\xd9\x97jg2\xdb^\xd8r\xc5\xba\xacx\xd0"\x08\x0f7\x8csq\xb4\x82\xee\x02qE\xb4\x8ao\xc6l6\x9f\xda\xed\x1c|-=\xa3ng&amp;l#7\x80Nq\xf5ll$\xdc\x86\xea\xbb\xa7\xf9A(\x99\x0c\x15\x1b*b\xbc\x82\xeeP\x1c\xf2B\xe2"_B\x83\xa7\xaf0-\xabv\xa5\xc0\xc4\xcf]\xed\xffYj{\x90\xff(\x8a\xed\xd4\xbf\xa0c#m\r\xcb\xed;Lc\xe1\xa1\xc9\xf6\xf6\x9e\x9a\xd5pO\x85\x08\xf5\x00HE\xf4\xa8]\xde\xbd\xa6\xb9N\x9f\x03\xef1?\xe0\x89)tx~\xea&gt;X}\xcbH*\x96\x8b\x82\xe0\x9aiY&lt;m\x03C\x9b\xb4p\x1er\xe6F\x1f\x9f\xb8W\x16a:\x88\x14\xb5oi}e:\xb7\x90\xe5\xfa\x87\xd9*G\x05t]\x02\xc7\xef\xe5/\x93\xb4\x0c\xcc+\xbb{\x0b\x19\xda\xdc\xdb\xb1\x98S\x8a\x81\xd3\xfa1~\x19/\x1b\x94\xb9\xd0\xc5b\xab\xfbdi\xb1}\x0cm\xcc\xc4\x07&lt;\x8e\xf2\xb94k@\xa5\x1b\xfaeRy)\xe8\xc8Qg\x06\xff!\x97\xf1*:\x14\x8a\xbd\xcd\x01\x00\x96\x91Q\\\xcalhr\x96\xedt\xc2\x0c\xa0\x9ep\x06kwB\xcc\xef\x08\xf5z\xaf\x93\xbd\xd7\x9e\n\x19\xecS\xfc\x1d\xaa\x0e\xe6\xd2\xe0N\x06\xdc\xc9\xc7@[\xc3\xf9+\xa2@R\n\xbe\xa2\x18|4N\n$T/L\'\xff\xbc\xc2j\xb1\xac\xa8o\xd1GSrZ\xb2]\xbfS9\xa7\xcc\xb2\x18P\x1c\x9f\x85\xb2\xb5!\xdef\xe6\xdc\x06c\x16\xe6\xbdB\x8fX\xbc\xa0\x7f[\xf2m\xbaQO\x13\xdf\x16\xce\xbdv\xde\xb6;\x13\x8f2\xd3\xa3J\xff\xd2@\x87\xfb\xa2\x01\xfe\x9e\x0br\xc1!\x86Y\x8d\x92\xa6\xc1\xf0\x84\xb7[Q\xd8\xac\xd3\x92$\x9ef\x0fE\xc5\xf0\xddc\x83\xcb\xac(\xfd&amp;\xa10\xab0\xe0\n\xc4\xe31T\xc3\xc7\xfaK\x8c\x01\xc6\x08\xfaZ#\xa8\xd0\xa8:\xca\xc0\xb1\r\tj\x8c\xd2\x1dj\xef\xc0\xdc\xcdGA\x88&gt;nK\t]\xfes\xb4h\x19P\xd3u*\x95\xb6\x86\xed\x11\xa3OR\x1b\x19\xe6l\xb2y\x0b\xe9\xc8\xf7\xb8P\xaf"\x1c\x13\xd7\xf3\xb19\x11\x95\xa1\xfa\xfd\x820\xa4\x1f\xb8\xd0\xd8%\'\xd9aq\x94\xd7\x05\xce\xa8(%\x93\xabHB\x91KS\x86\x91\xd9w\xf9\xd0o\xb7\xdb/^\xfb\x1d\x02\x15\xa5*\xbcn\xd2\xe6Y\xf1#\x0f\x9e\xcd\x84\t\xa9\xa8\xa5 \x02` \xd1\x7f\xa5\x06e\xb4\xfb$6\xc6\x97d\x9d \x18\xae\xa7.\x90\xb8\\\x81\xfb\xa53q\x02\x81\xe3n\xc7\xcc\xf4\xd1\x0bA\xa9\xdb\x830#\xd0\x83A=!]\x86\xe1\x91\x95jh\x7f}W\xc6\x8e%\xc6\x9dU\xa0s\x87R+\xb8\xbas\xc7\xe3%\xbf(\xd88\xa4\xb5\x86{6\xe7M\x1c\xd9\xfc\xab%\xa6(\xce&amp;JUT\x072\xe8\xd5dy\xb8\xeeb&lt;e\xe3X\xf8w\xc5\x1b(\xfb\xaa\x13\x01\x06\xe3jc \x90\x0bS4\x04\x88\x9dV\xca\x98\xc8\xe4\xaca\x9a;T:\xc4WYE\xb1\xe1\xee\x1cD\xf3\x95\xe3\xd0\x1b\xa2\'8\xc2G\xdcn\x1d*\x93\x0f!\xb9\xad\x1c\xa2\xe9Q\xce0y\x9f\xa4@\xcb"/\x16Ml\xe25\xfb\xefj1\xa8C\xaa,\xad\x95\xbe\x0fA\xea\x87\x97\xf4\xdcI\xc1\xc63f\xcf\x85zJ\xabcmBd\xeb\x1aj\xa1\xdfu\xfe]-\x16x\x99b\xd7\x189\xfeoZv\xa7v\x16\x1f\xa6U_Y\xeb=\x812Z\xd4\xc0\xd0\xb0D\x0e(\xf2!\xcca\xd0QS\xf8\xfb\xed\xb8\xbev\xf6\xcf;\xd3\xf7\xdfR\xd6\x14\xfd\x03 %\x927*\n&gt;\x05\xe02\xc3\xf2*\xcf\x9d\xe6C{\xb7A}\xf1\xc3X\xbf\x1d\x8a/,A\x9a\x1al;Xx1\xc6,"`\x0e\xc0\xbe\x88k!\xb4\x04\x80\xb4\xef\xe26\x03\xccezg\xbe\xedl\xbf\xc7\xa6\xb2s\xda@\xdc\xde\xe8\x1a\xe7\xf8\xcc\xff\x81\x9f(\xd0C\xbf\x8f\xa5\xfd\xc4-\xa0a\x85\x1cs\xd5+x\xb9\xf4\xceZ\xd9Z\xbd\xc1\xdc\xe5\x95&lt;\xebz\x03\xd9l\x18\x9c\xb4\x8b\x1e\xffP.\x00\x0f\x8b\xce\xf2\x19\xc1\x92g9~-,\xc1\x96\xaf.C\tI\xf6\x04.K\x1f\x96*\xbc\x88\x84\t\t\x8e,d#\xf4\xdc\x0c\xd4*pn%\xcb\x0cj\x85\xd3\x914\xc0\xff\xefT}7|s\xd6\xce\r\xebg\xb3\xb5K\xbbE\x8a\xbfy\xf3x\x8b6\xd5\x8f$?V\xec\x0b&gt;I\xc95\xf1\xdf[p\xce\xfe\xc0\xc4\xdb_\xc4\x9c\x04\x9eHN\xba\x05\x1b\x00\xff\xa3\xc1\xc3\xb5\x0b\xe1)\x94SH\xedR\x00cY\r\xa8[\x89%\xd8\xcc\x92k\xe9\xe6\x92R\x8ex\xb0\xb8P\x84\xf2&amp;\x86\xfcz(\xad\xd2IjG\x84\xee\x89\xea]\x93\x11=\xe8wY?\xc7\tH\xf9\xfe\xca\xab\xc2\x048reU\x99\xee\xba\xc6\xb8\x05\xd9\xe4\xed\xf0\xa2L\t\xff]\xc8\xb7\x9c\xb5\x07\xcc\x130C\x8c\xcc=2a\xec\xf0\xd5\x90f\xa0"E3\x87\xd6\xc9\xa1\xcb\xc9\x03\xb8\xd7Z\x89\xe7\xc6'</t>
  </si>
  <si>
    <t>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</t>
  </si>
  <si>
    <t>b'\x1c\x07\xb2\xad\x17]N&gt;\x8c\xcb\xfd\xe9\xf7+\xcc\x94'</t>
  </si>
  <si>
    <t>y, who was sitting in 
 the fore-sheets; "you can ease her off a bit." 
 "Thank you, my man," said I, quite as if nothing had happened</t>
  </si>
  <si>
    <t>b'\x9bH\x90\xec\x8b\x87\x1cKF\x1f\xbe\xd4Px\x10\xa9\xd8\xb5\xf8\x0c\xdd\xb9f\x1e\x8a"K\xed\x9f\xdd\x8c\xb0@?y\x84\xe4\x7f\xe82F\xec\xd4a\x0b\xee\xe1Cb\x04\x89\x1a\xc0\xdd\'\x88WV\xaa\x0b\xd4\x0f\x8bJK\xe3\xca`I\xf0C\x94\x8atFn\x8a\x17\x84\x04\x05\xc0lR\xfb\xb9\x99)\x1d\xd1\x17\xb3?2T\x98@\x8b\xa5I=\xc6\xea\xe2\xce\x7f\xc3@.\xa3\xcf\x1e\xd3\x16\\!M\xa6-\xa8\x07L`\xab\x86To\xf5\xdf\xa7\xb3|\xed\xe5\xdd\xf65\x18zdH_R*\xbe{\x15\xf2\xa9\xd1\x0f\xac\xab\x89\x13\xb3\x16&gt;\xdf\xc73\xca\xc3t\\^=\xad\xb5/\x0f\xaes\xed\xb3\x8f\x8b\xa8\x85\xdc@\x86\xf5#L\x18?\x1e\'Cw\xf1\xd7\\\x88\xe1\xda\x85\xc3\xae.\x99\xd2\x08\x17\x9cU\x1eZN\x06\xb5x\x0f\xf35\xb81k\xe6[c\xa9\x14\xc9^#\xb4;\x9d5.\xdb\x17\\Qd?\xbd8\x89_\xa5\xb6\x17\xfe\xdby1\xa84^&gt;\xabH%'</t>
  </si>
  <si>
    <t>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</t>
  </si>
  <si>
    <t>b'\x9bH\x90\xec\x8b\x87\x1cKF\x1f\xbe\xd4Px\x10\xa9'</t>
  </si>
  <si>
    <t>ce then enquiredâ€”'Who calls?' 'Friends,'
 703
 repeated the Count; 'open the gates, and you shall know more.'â€”Strong
 bolts were now heard to be undrawn, and a man, armed with a hunting
 spear, appeared. 'What is it you want at this hour?' said he. The Count
 beckoned his attendants, and then answered, that he wished to enquire
 the way to the nearest cabin. 'Are you so little acquainted with these
 mountains,' said the man, 'as not to know, that there is none, within
 several leagues? I cannot shew you the way; you must seek itâ€”there's a
 moon.' Saying this, he was closing the gate, and the Count was turning
 away, half disappointed and half afraid, when another voice was heard
 from above, and, on looking up, he saw a light, and a man's face, at the
 grate of the portal. 'Stay, friend, you have lost your way?' said the voice.
 'You are hunters, I suppose, like ourselves: I will be with you presently.'
 The voice ceased, and the light disappeared. Blanche had been alarmed
 by the appearance of the man, who had opened the gate, and she now
 entreated her fath</t>
  </si>
  <si>
    <t>b"0\x89y\x8e\xaf\xab\x96\xe5\x97X\xac\xb3\n\xec\x12tqq\xcd\xdb\xd5\x02\xab\xf3\xb8\xfan%\xfa\xee\xbc_&lt;i\x8e\\\x8e*\xfdu\x97\xdb\x98\xab\xbe\xb1\xda\x884\xeb\xf2\xdd\xd0#:\xa5'\\W\xc8[\x11X\xec"</t>
  </si>
  <si>
    <t>3089798eafab96e59758acb30aec12747171cddbd502abf3b8fa6e25faeebc5f3c698e5c8e2afd7597db98abbeb1da8834ebf2ddd0233aa5275c57c85b1158ec</t>
  </si>
  <si>
    <t>b'0\x89y\x8e\xaf\xab\x96\xe5\x97X\xac\xb3\n\xec\x12t'</t>
  </si>
  <si>
    <t>at spurred and nourished the sagesâ€™ creative work. It posed a key question
that lay at the foundation of their enterprise: What constitutes Jewish life in the
absence of the Temple?
Individual sages pursued their study for several generations until, at the end of the
second and the beginning of the third centuries, the conditions were right for the
collection, editing, and production of a summary document. It was a huge undertaking that required intense organization and significant financial support. Emissaries
had to be sent out to gather the material; scholars had to elucidate, arrange, organize,
and edit it; scribes had to copy it and produce drafts. Carrying out this endeavor
required a figure of authority and vision. Apparently all these conditions came
together in the persona of Rabbi Judah â€˜â€˜the Princeâ€™â€™ (ha-Nasi, also translated â€˜â€˜the
Jews and Judaism 70â€“ 429 CE 585
Patriarchâ€™â€™). Peeling away the myths and legends that collected around this character
in later generations, we encounter a member of the patriarchal family, perhaps the
richest clan in Palestine, who found his way to Rabbinic circles, first as a</t>
  </si>
  <si>
    <t>b'`\x02\xdd\xcc/1&lt;\xe2\xd1\x06\xac\xce:yi\xc8P\x9d8\x89\x14\x7f\xbb4 o\xe2\xe5\xb3FJ\x864t\xb3)\xc7\x86\xed:\xc8U?\xbfYp\x953\x99\x8cZ:\x0c`\xcc\x8a0\xc4\x11\xa6s7\xf4b/]S_\xe2\x84\x84\x97j\xebG&amp;\xa8\xb5\x07\xc9\xf9\x9a\xc4xE\xf3\xcd\xdb\x0e1\x02\t\xb7\x9b\xd3\xa6`\xe0\xb0\xce\xbe\x10\xa0\xadCt\x9f%|\xdc\xb2\xd1\x1dw}\xc4\xba\x96IH\xe6\x7f!d\r:s\xb2\xe0\xb1h\x1b(\xbd\x02\x96e\xb9\xa7\xf4lf\x8d_\xc6!\x07%\x13\x9e\x0bg\xdc\xf5V\xfd\xc7\xda\xf2\xa1n\xd8\x80\xbc\xa7i\xb8G\x9ac6\xe5\x06 Wc\xfc\xb4\xdf]\x18\x11\xd3G\x1f\xbf\xc3G\xbfZe\xfe\xbe\x10\xf8\xb5!\x04J\xa1\x15\x91\xc4&amp;3\xe1=[\x18\xa8\x10\xb8\xd9\x0e\xe8\x95y/l\x04\x02\xff\xbe\xd6U\xbb\x1eV\xae\x1f\xa0+\xcb;\xeb\xe2\xb3\xc9\xca\x84\x9f\x08\xc1\x82\xb6\xa0\xf7cu2\xfb\xce\x10WC$\x87\x01"\x04\x15\xf4\x9d\xf2\x19\x98L\x85#\x9a\x04\xbc\xbb\x10\xa5C\x19\xac\n\x06O\xa0\xbb\xc0\x9c\x9e\x8c\t\xa1\x9d\xd7r\x83Z\x8e\xa4s\x01\xea\xcc\x9f|M\xc0\x83\xb6\xee_\xf5\x08^\xfd7b\xa9\xbb7\x0e\x03\x80\xe9\xaam\x01\x17\x9c\xed\x0e\x99\'&amp;6_\x03E 4H\t!5\xf2\x82#\x95\x1a\xe3\n\x1f\xea\x07\xf8D\x0e\xad\x12\xeb\x8bd0\xb8\'\xb8\x80\xf4\x02{\x94Y\x96=G\xf0eL\x9e\x0cm\xb3R\x9b\x18t#\x83p\xbcs\xd9\x1e\xa4\xb4\xa1\xfaD\xa9\xa2\xf2Hn\x1fc\'\\\x0c\x97]\xa5D\xeb\x12\xd6x0^RfI\xa3\x8c\xc3[\x90\x06\xdcJ\xef?\x99\xe4\xf1\x17\xa4&gt;\x81ma\xf6\x91W\x05\xe4\xd7\'\xa8\x11\x1d1\x87\xe1\x1a\x84{(\xc3p8:\xd9\xe3\x90_N\x17v\x14R&lt;\xa431\x93^F\xb6\xae\xb4\x14\xb5\xc4\xbd!\x0e\xc3\xc3\xcb\x15TIO\xd6\x0b\x86\xf6\xc9\x94\x02}g\xde-\x8e"f\x89(\x15,EO\xe6rH\xf5\xee\x95P\x99\xf7\xc0\xc9\x16w\xfaf\xd6\xf3\x8f\x08\xf6\x1d\x88\x06\xd2\xf8\xc0\xc0\xba\xb7\x0c*Z\'\x18\x89\xed\x9c&lt;\x19*7O\xd4\x01"\xdc\x08o\xbbw9w~\xd8;+\x89\xd6\x11\xf6x\xc0\x93Qv\xf3\x8b+\xab\xd33@E#xi\xea#\x92+\x16\x19S\xb3\x9e\xe9\xbe\xeb\xf166X\x8d\xabr\xa0\xd3\x8d\xac\x03\xe1\xa4\x1f0\xe4_4u!\x0f\xfb\xcb2\xe4\xff\xe2\xc1X]\xfc\x05\x02_\x00-X\xa4\xd8\x190\xaap\xa5\xcf\x97\x1c\xf5\xd1\xe00}\xe5\xe3z_\xc5u\xc4V\xe6\x13\x9e\x1c\x85\xb8\xfaA\xbf\xe4\xe3\xe6\x88\x1c\t\xb2I\x95&amp;O\xd2=\xdb\xc3\x08\xdez5[\x0b{_:\x97.,\xa7\xb9\x897\xf0\xa9#weZ\xa8\xbf\x16\x7f!\x86\xce/\x1dtf/\xb6o,.j\xdc\x8f\xec\xc5\x01b\x80 \xeb\xb9e^0\xecn24\x1cG\xfda\xc4Y\xaa\xd6\xd1\x9cYE,\x94\xe7\xe9\xb64o8\x85!k\xcc\r\xedV\x99\xf6w\x1af\x1fX\xcal`\xe3xFV\x98U!&gt;\xa8 2\\\x13\xdb1(\xa1\x0b~)\x01\x96\x83\xc5\t\x86\tM\xf3\x99\x9cM\x85\xe0\x95\x01_\xf1P\xd8\x8b"B\xb5\x8d\xec\x89\xedn\x89\xce\x17\xb8t|o\xac\xea`\xff\x07\xf4hd\x8eT\x8e$\xfe\x98\xae\xb1\xb33\xcc!2)\xdc\xc3e\xbaNt(0=\xe7\x7f\x081\x08u\xde+(\x7f2\xeaw\x81\xfe\xa8\xed4\xa5BT6\x0f\x8f}&gt;\x84C~o\x18\xe8\xc5\xa1\xb90bI\xbb\xac\xd0\x81,&gt;\xac#\x80\x17,`\xfc;f\x89)\'\xd9J\xab{\x9e\x8f\x0e\xde\\\xf7}K\x0f\xe6\xad\xd2\xb4\x93\xe9\xacw\xb6\xf2!\xd8\xcf\x0c\xad\x8a\x1c\xf2BaX5\xf7\x8b&gt;dm\xc3\x19Q\x16\xcc\x16(\x14\xabSZ\xe0_\x1f\x0c?\x14\xcc\xe5JD\xfd\x89\xeec&gt;\x1e\xad\xf7d\t\xaa|\xbeUSC!$\x96\x81\xae\xb28s\x01\xe4\xfe\x15\\\xed|yZi\x84\xf5\xdd\xcc\x0f\x86f\xf3c\xb1(g\xb3p\x18zh\xd6\x14%d\x17\xc1\xa72\x0c\xb8\x0cd\x0c_\x87ZD\x8cXl\xd36\x1c\xe2\xf4\x82\xba\xc9N\xbc\xa1\xd9w\xfd\xaay\x0c\xd5\xde\xf8VqA\xfc\xb2\xbb\x86EVX\xea\xcf+\xa0\x92\xd9nf\x9a\xc7]\xae\xd1\xac./\xee8\xd5\x17\x82\x13\xdd%\x13\x95\xc8+\xae\x8d\xa9f\xabse`\xe7\xb9\xad\xb5\x1e\x9biB\xadA\x9d\xae\x00\xaa\xc7\xfe\xd2\xdeL\x92\xe8\x81w\x1e\xd6\xeb\xf0\x12\x0b^\x11)m\xf7o\xd1\xb0ixe\x9f\xde\xe2\xda\x85l\x81\x0c\x89\xf6\x80\xc8\rr/\xfa\xbf\xd1\x81\xd2\xf9* \x13\xd2k\xc7'</t>
  </si>
  <si>
    <t>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</t>
  </si>
  <si>
    <t>b'`\x02\xdd\xcc/1&lt;\xe2\xd1\x06\xac\xce:yi\xc8'</t>
  </si>
  <si>
    <t xml:space="preserve">this morning he said more than usual. He
stood up and rested one hobnailed boot on the top of his spade while he looked
her over.
"How long has tha' been here?" he jerked out.
"I think it's about a month," she answered.
"Tha's beginnin' to do Misselthwaite credit," he said. "Tha's a bit fatter
than tha' was an' tha's not quite so yeller. Tha' looked like a young plucked
crow when tha' first came into this garden. Thinks I to myself I never set eyes
on an uglier, sourer faced young 'un."
Mary was not vain and as she had never thought much of her looks she
was not greatly disturbed.
"I know I'm fatter," she said. "My stockings are getting tighter. They used
to make wrinkles. There's the robin, Ben Weatherstaff."
There, indeed, was the robin, and she thought he looked nicer than ever.
His red waistcoat was as glossy as satin and he flirted his wings and tail and
tilted his head and hopped about with all sorts of lively graces. He seemed
determined to make Ben Weatherstaff admire him. But Ben was sarcastic.
"Aye, there tha' art!" he said. "Tha' can put up with me for a bit sometimes
when tha's got no one better. Tha's been reddenin' up thy waistcoat an'
polishin' thy feathers this two weeks. I know what tha's up to. Tha's courtin'
some bold young madam somewhere tellin' thy lies to her about bein' th' finest
cock robin on Missel Moor an' ready to fight all th' rest of 'em."
"Oh! look at him!" exclaimed Mary.
The robin was evidently in a fascinating, bold mood. He hopped closer and
closer and looked at Ben Weatherstaff more and more engagingly. He flew on
to the nearest currant bush and tilted his head and sang a little song right at
him.
"Tha' thinks tha'll get over me by doin' that," said Ben, wrinkling his face
up in such a way that Mary felt sure he was trying not to look pleased. "Tha'
thinks no one can stand out against theeâ€”that's what tha' thinks."
The robin spread his wingsâ€”Mary could scarcely believe her eyes. He
flew right up to the handle of Ben Weatherstaff's spade and alighted on the top
of it. Then the old man's face wrinkled itself slowly into a new expression. He
stood still as if he were afraid to breatheâ€”as if he would not have stirred for
the world, lest his robin should start away. He spoke quite in a whisper.
"Well, I'm danged!" he said as softly as if he were saying something quite
different. "Tha' does know how to get at a chapâ€”tha' does! Tha's fair
unearthly, tha's so knowin'."
And he stood without stirringâ€”almost without drawing his breathâ€”until
the robin gave another flirt to his wings and flew away. Then he stood looking
at the handle of the spade as if there might be Magic in it, and then he began to
dig again and said nothing for several minutes.
But because he kept breaking into a slow grin now and then, Mary was not
afraid to talk to him.
"Have you a garden of your own?" she asked.
"No. I'm bachelder an' lodge with Martin at th' gate."
"If you had one," said Mary, "what would you plant?"
"Cabbages an' 'taters an' onions."
"But if you wanted to make a flower garden," persisted Mary, "what would
you plant?"
"Bulbs an' sweet-smellin' thingsâ€”but mostly roses."
</t>
  </si>
  <si>
    <t>b'\xa90k\xb8\xb7\'\xd3{ew\x94\xa6\xf4\x12\x92\x08\x00\x84\xb0Vy%-\x92\x8a\xf7me"\xd5Z5(*\x81P\xebh\xb0\xc4\xe6\xd1G\x0b\x95a6O\x9d\x93\xab\xcd\x1dP2H\xca\xb5\x0b\x04]6\r\xdc\xbf8\xd3e#\x9aO.)\xc9\xe0\xc8\x88\xd4d\n\x80\x05\xa0\xf2\xc2\x8fYkK\x9b\x0f\n\xdc\x8d\xde?\xea\xc94\xbb\xe5\xe6\xd1\x94\xc9,.\xf6\xf1\xfe\xebq\x18\xe1\x05\xfd%s\x01\xa9\xec\x07\x93\xac\xcdM\x06\x84\xa1N2q\x8e)v\x87\xb8\xc6\xfbZ\r\xd2\x80+ur\xed\x0f\xf8\xe7\x11JZ\xe3o\x99^\x93b\xec\x0bf\x14s"\xfc\t\xca\x97j\x94\xe1*\x06\xac\xb1\xce\xd0\xa1\x10"\xe5d\xc7;=[\x95j\x96\xed\xb9\xd3\xc0\xf0^\x9f\x07pO\xa87\xa6\xe9\x05\x8f\x85\t\xe8\xb2\tLN\x89\xab\xbc\xf7#\xa8v\x9d\x8a\xcb\x8f\xfdgb\xb2:\x15\xfe\xf4\x86\xb78qY\xc5;0\xb8\xe2\xaf\xab\\|D\xcft\xa1uS_06\xbc\xc6s\xab\xe1\x92\x15\xd2\xbc\xf7\x1b\xed\x8c3\xd94fDyrWv\x03w^\xdb\xd5.\x19\x80\xb0\xd1\x9f\x14x\xe1*\tZ\x86)\xdc\xb2\x88\xb9\xb2\x1bg&lt;\xcc\x03b\x81\xd3N\xc5@\xb3\xa7F6\x1c\xed\xc1\xa2zr\xc9w\xf7\xeb-\xff\xab\xdb\xeaz\x95 Uc\x10\x11\x08c\x81\xa7\x94\xddr\\n\\\xaf\xe9\x89M \xe7\xfa\x0f\xb4\x0ei6z\x17)\xad\xd6\xac\xa2\xcf\xc9\x08\xdc.\x90\xd3*cN]\xc6\xc5\xbeA\x89\x1a\xb0oXq4\x86\x8a\xdf\xa6\xea\x83t\xbcpP\x80\xeb\x1dk*\xca\xa7\x89\xb5\x19\xb8\nC\xb5QD\x19\x05\x10\xd1\xb4P\xcb\xcfy{\x81C9\xc3 \xdc\xbcs`\x87a\x07\xe9\xe2\xa5~\x05\x0b\xf7~$\xf0%\x8b\x8f0C\x83\xfb\xeb\x00\x83\x1c\xa3\xb2\x9a$\xff{\xf4\xcc\x95A\x1e\xcb\xfak\xdd\xde\x1e\x0cgl\xad\xe5\x9bQ\x14\x0eX\xcd@\xdfrYn\\\x93\xe6\xa3\xad\xbe\xd5\xfe\x01\xc9\xe9\xdc\x17&gt;\'\xb2H\xfap\xdc\xb7\x9c\x01o%\xa6\x1d\x1a\x95\xfeg\x08\xbd\x07\x01\x17\xa96\x93\xe3M\x8b\xbcR\x92XB\xad\xba\xb2\x1f}\xa2M1\xfb[\t|\x04O\xbdi@\xc2\xf4\t\x93\xa1y\x96\x83\x1a\xa3\xb5\xec\x00\xe6\xb4\xf3\x1f\xedgL\x8f\x85\x1dRn\xe6\xaaD0e\x1b\xd7+\xdaq\xe1\xab\xf1R\xcc\xe33\xac\x86\'\r\x0c(\xff\xe1\\&amp;\x9b\xc2\x1fik\x1dc\x87D\x99\xa7td\xcc\xa1T\x1a`\x83\xd4\xd6n\x96\xf8\x14\x8d\x02\xd3b\xb4\x1aP\xae\xfcy\xc44\xf4\xbfz|K\xfb\x95(P)\xbd}\x0f`Z?\x94\xc10Yc\xe049&lt;8cV,\t\x97\x95\xc2\xc6: \xc8\x0c\xbf\xc7\x10\x88r5\xdd\x0b\xf6\x07\xb04\xa2\x8f\x91\xc9\x03\x9d\x89\x1a\x11p\xdc \xf6?P\xeb\xbejq4\xb4e\x9f.S\x85\x90\x83D\xdb\xa8\xdf\xd6\x96C\xff\x94t\x00\x1c\x8b\xa3\x00\xcf\xe4W\x93\xf6\xec7"\x0e]Y\xcdBc!\x11\x17^g\xe1\xfcT\x04Ug=\xc8\xf2P[wG}\x81\xa2\x8br4C\xee\x08\xdcT\xa5_\xa3\xddN:\x95\x0c\xfe:\x16rB\x91\x94\xeb4\x84;\x91&lt;\xed\xd1\x99V\xdboU\xa5\xb5O\xf3B\x0c\x02`\x99\xc3T\xf2\xff#\xfet4\xcf\x00dq\xcd\x89\xe8\xdf\x88\xd8\x16a\x86\xc5\x0b\xdd\x9d\xed\xbeD]\x0fc\x87\xf3\xc5g\x1b\xf5\xd8/Qi\x1e30O8\xd0\xc2\xd6\xa4\xd4\xcb-\xfc\x07O\x0c\xe8\xf7\x043\x90\x14o\xcd\xcc%\x16\x90\xc0KU\xeb\xd9o\x9f\xeb\xf1\x1f\xae/m\xd5\xe4\x8f{\xe0\x17\x9b\xcc\'\x1b\x9dnI\x08\x8e:\x8a\x05\xb1~\xad\x0f\x9f\x92\x88\x85\xb4\xc0\x02\x92(!J\xe2\xd1\x912\x1cX\xff\xa5\xd4.\xdf0\x1c\xee4v\x14&gt;Eg\xbd\\\xce\xca\xda \xba\xb2C\xa0f\xb0\r\x1a\x03&lt;\xcd\xe1:\\$4G\xd5\xec\xd2\xa6a\xd4&amp;0\xbb_&lt;\xa5\x8a\x10\x82dh\xfaa\x0b\x0e\xa1\\\xdb\x0728yx\x1e\xb1\xea\xcf\x96\xaf\xeb:ij2B\xb1d\xc9\x9a\xc2]\xc6B4&lt;\x85#{s\'?\xb5\x84c`\x8d\x1cY}\xad\xc0l-gz\x80\xbd\x19\xfc\xd5\xaa\x1f\xd0\x12\x0f\xdeP\x05\xed\xf8\xa6\r3Z\x16\xfd\x9f\xb3\xbaS\x02\x0b\x92\xc5\x8e\x01\xae\xa1\x8aL\x91Kk\x86I\r\xb0\xa1;\xd0W\x14\xa9\x0cZ}\xf8\xa5%\xe5\xd2\xf4\t\xf5\xf6\xd2P\xa0\xbe\x8c\\u%\xa6\xfdfp\xbdT\xe2Zo\x11=\xed\xb6\x11\xc9\xdb\x1f\xa0\xcbVF\x02qdh\xe92Z3n\x91HX\xf5\x9eI\xbe \xa1E\xcf\xedVsA$\xfa\x03&lt;\x10\xb1\xd5\xeb\xbeA\xcc\x08\xe7\xd7e&lt;.\x86\xa3\x1c\xf1\x8fH@\xe5O\xbd\xd3l\x0e\xcd\x86"\xa1\xb1R\x93\xe8\xd6\x0cb\x1c\x99a\x9d\xeb\xf4FH{?\xe1\xe6\xb9~\xc25_\xf7\xd7\xc9\x86\xc4&gt;\xfc\x1d\x86\t\x11\xa6\x8b- }B\'\xff\x004\x8a\xb7\xfbR\xe1P\xae\xe5\x90\xc4\x10\xe7\xf2(|\xd3u\x0c\xbd]0-K\xc3\xf5\x1fk*\xdd\x9e\x85\x9aq\x1f\xe7\xad\xf9\xdb\x06\x0b}\xe9\x06\x83\r{\x9e\n\x13\xdf7l\x130E\xee\xdf\x9e\x08\x1f\xc6\xce\x8a\x9c\x8aQ\xc2vt}N\xc6\xe5\x8a!\x06|\xee\x03r\xea\xc9\x96\xc3\ta\xa9}\xca\xb0P\xa3\x0f\xd8\xc0\x99]T\xa1~\xeeq\x9fXX\x11\xaf\x8e\x9a\xcc\xbf\xda\x9a\xfe\xd5\xdf\x82u\xf9&lt;\xd2\\Q@J\x9a4\x00\x0bT\x9d\xcftwA\xc38\xc4Hh\xbf\x88\xe6\xedV\xb2q0\x8b7\xaaE&amp;\xe8\x98\x129&lt;)\t\x85}\x18\x9c\x158\x94Ob1\xbd&amp;\x8c\x88B[\x87\xc7kkn5\x97\xd3\xa5\xf3\x13\x8f].\xa5q\xab\xce_\xbc7\x05G\xc5\x1d\xd5fQB\x15\xcd\x0ffjJ+w\x80F\x17\xd9\xf9}\\wh\x98\xd9\x87\x15\xca\xe6 \xc9\x1e\'\x18\xcc\x18\xc0\xa1\x168BH\x0fd3\x8b\x8b\x9b!\x94\xbf5\xa9\xb8\xe9\xef\x0bf\x01i\xf4\xc3\x0bl\x12\xcdW\xc1QJ\x83\x12\x16-8\x17\x04\xe5\x9b\'\r]B\xe2\x1d\xe8\x81\x1a\xf8%\xae\x0c\x02\xd5K\xbe\xa6I,\xb3~y\x9cug\x9d#\xc0_\x0f\xfc\xd7\x01\xf28?;\x87\xc8]H\x8e\xdc^a\x8f:Et\xeaf\xda)INab\x0f\xcaq\x10\xd1\x16dJ\xb0\xe2\xe4^\xa9S\xda&lt;\x808x\x98\xae\n\x90Q\x0c\x16\xaeZO\x00`\xa2U_\xbf\xe6\xc5\xfd\xb8*5\xc6\xe6\xc9`o\xe6\xfa\x0f\xdd\x14\xf0\x08\xe7\xa0f\x81\xcd\xf3o\xfaD\t\x07b\xd0\xbc\x9c\x0fl]Xp\x1b+6\xd0\xd8\x84\x1fE\xc7\xb1\x10\x1cOB\xf1\xc0Yq\x12\xe8\xe5\raB\xa5\x95a0+\x91\x0c&lt;\xce\x1fa\xf4\xf7\xb2\x9b@\x94t\xec\xd3Y!\x94\xad\xb7\xdcD\x11\xe7\xbc\x98\x8b\xf1\xb30\x9a@\xe8\xfc&lt;~\xaa\x8c05&gt;\x08\xa7C\xf7\xc9\x12HS\xf7\xb0zv\xb8:pt\xa2J6Ef\xe4C\xc9\x03&gt;\xc1\r\xf0\xba\xaf\xc5\xf3ygX\xdb1\xbd\xe2}sc\xfe\xd1\xabyV\xae\xa3~\xf1wu\\\xaf\xb1\xc6y\x9c\xe4A7Y&lt;\x81c`\x05D\x95zN8\x9en\xbf+\x18d\xa9\xff\x83Z\\\xb3[\xbd\xf5\xdd\x96\x17b;\x7fE\x82\xe1\x10\x87\xc5\x7fh\xa14\x95\x9c\xe0\x85\xacr\xbc\xb9\x87\xae7\xe0\xef\xe9\xd92@1i&amp;\xb7\x9b&gt;{\xdd\x1b2\xa2\x9d\xe0\x8c+C+\x89\xce\x05#\x94f7\xfe\xcf\xe2y\xab\xf6N\x03\x7f\x1e\xc9K\xaf\x04\x13\x84\xe9N\xaa\xa6\x04\xb3\xcb\\B\x1b\x0c\xf3\x05U\xf0hoa\xa5\xfa\xa9\xaa\xbf\xa4M\xde,\xb0\x1c\x91\xeek\xc8\x12\xfd\x80\x93RaH.]\xe0a\x9dge\x00f\xd9N\xb1\x15\x1e\x86\xe2b\x8a\xa2\xadW\x07\x8b\xc3\x1c\xa9&lt;\x8c(\xff\x18\xd6p\xbb#\xa7\xa2\xa2\x04\x89i\xf0\xebQ[\x0bq7\xcb\x0f#no$[\xe1\xd2\xd9\xca\xc7\x7fs\x0e\xef\xb1\x0f\xaa\xf5\x90\xf25\xe6\xa4\xc5\xe2\xdf\x01@J\x06-\xa3\x7ff\x18\xfb\x86\xd8?[T\xaaO2\xcd\xb0\xa5\x0f\x92Lhf\xff_\x19\xadL\xf8\xee\xda\xa93E\xe51\xe9K\x1c\xfd@\xe0\x96\x84\xe4\xc7\xb7O\xb1\xba\xe36\xf88\xd8\xd0%\x8a\x16\xfc\x9b\xddb\x1f\x16\x12\xc5\xd886f\xc6\x03\xbc\xcbW\x88\xa2-.8\xf0\x98\x86\xf0a}\x07\xce[\x0e\x83\xa1\x93S\xc9T\xb8\xbc\xfe\x92\xd9\xad\xe5#\xf0\x8b3\xec\xdc`\xeb3&lt;XkQ\xdf#\xda\x07wTP`\xbd\xcf\xa2\x83__pq\xeb\xd4!3\x07\xc5P\x0c\xdf|/(\x83Q\xee\xad$\xb6o\xf1\\&lt;\xf2\xbb\xb8\xb60\x87\xeb\xba\xe1\xfc5y\xec\x93 \x00\xb1i\x11\xb3\x08\xd5\xc0Gv\xb9\xceKbS!\xb3"\xa22\x03\x95\xa7d!N\x9fB\xbc\x94@\xcf7&gt;1\xb2\xc7\x0e\xe0\xdb\x8d\xa5p\xa4 \xc2iX7\xfd\x95e\x1eo\xd9Ss\xd3\xa7M\xb9\xa2g\xc7[\xc7;\xe74\xe0\x97\xdaR}\xf9C\x10\rw\x8b5\xe4\x1f\r\xadt\xaf\x0fUD\t?\x8f\xe0)\xae\x03\xd9|z}\x96\x8a\xef\xa0\x82\xae\xc4\x00\xb3\xb6\xb82\x03\x06\xf9C\xc4\xfdB\x01\xfb\xc9\xd6^E\xf2\xcd.KRw\xa2}\xd6{3\xc7\xc7#\xc1\xeb\xf4\xb2&lt;\xfe\xff\x0c%\x8d\xc8\xf0\x93\x10\x19&lt;\xcb\xcc\xf6\xab\xe4 \x9c7\x00_\xbcN\x99\xf8\xe1om\xdb8\xe8\x88\nA\xb3O\\\x01=!\x12l\xd2Y\xa1\xeb\xb5\xd1\x7f\x82\xf4p\xa1\xc2\x891\xff\x92\x19i\xedK\xa6\xbb\xad\xa6o\x87\xd9w\\\x0b\xa5\x19p\xbc7ws\x9f\xff;\xfc\xc6\xa6\xa5.\xd2\x95\xfb\xfa\x7f\x13\x9e/Ak0\xa7\xbfGn\xc5\xa9Nq\xff9\x14|\xf1%\x8b0\x81\xfd\ng\xecH\xdd\x11P~c\x02ZC&amp;\xdd\rfE\xd98\x1b\xf3\xbc5\x06\xbd\xff\x1fj8\xaf@\x18\xac\x9b\x7f\xefK\xfc[\x1b\xda\xc0v\xa0\xaf\xb9S\xb1\x0b\xbb(\xc7\xa4\xc5[\x00\xfb\xefpaM\xb9\xc3&gt;|\xb5\xfa\x11\xbd\xb1\xc2I\xc0\xebY-\x1a\n\xe4\xb6\x97rYk\xac\xf5[n\x94\xe1d\xe8\xf1d\x14\xd5\xe1\x91\xd7\xa0\xee\xb25\xdf\xac\x105\xa0\x06u\xbb\t\xc5p\xf7\xef\x9d\xb2/\x08H\xa9pE"}8o`\xf7Ef%\xee{\xfeO9C\\\x0c\xee^\xac\x17\xadn\x83\xa3\x1d\x1c\x94\xd4\xa5\xf5S \xe0\x05U\xff\xdeH\xbc\xc0\x15\x12\xb6\xe4\x11\x07h\x90\xe0\xe5\xd7\x93\x8fI\xdf9\x88\xc5A}5\xd1^\xe0\xc7f\xb0\xcbw\xb8\x12\xf9\x01\x9f\r\xd3\x84\xee\x7f\x98\xfd\xf5\x07\xf0sO\x16\x9a\x89K\xcb!\x97^D\x95\xac\x96\xd9e\xebQ&amp;L&amp;(\xecW\xf3\x03\xb8\xceG]\xcf\x16}\xf4H\x8c\xa0~\xf0^\xdf\x08\xb0\xfc\xac\x96\xb6:\xaajo\x90\xd0\xd2L_\xc2y3\xd3\xc1\xab\xd7\x0e\x1ee*y\x9c\x08\xa6\xe4?A\xc5\xaf\xfc\x07\x1b\x86q\x1d\xe9\x92\xd3g\xe0?H!\r\x84\xce&amp;^s\xf1\xb9sw\x1fv\xa6\xfeO\xdf\x1e*n#d\xa6\xa7\x9d\x17\xa9n\x93\xefl;\xd5\x9f\x8b\x07\xc5\x86@x\xadcs5\xbe\xa9\xd1F\x9a&gt;k\xecD\x84\xe7\x1ct\xe5\xb5$\x9a"\xb3x\xb2\x1a\xb1\x87\xd3o\x88\xb3W\xbb\n\x99\n\\P|R\x9dPK\nl(\xc9\x82&lt;\xb2R\x951n\x95\x91\xe8\x1d\xfdH\x80\xa9\xd2\x0b\x9b~\xe8\xff\xfa)7\x1f\x12\xfeN\xefQ\'e\xc4\xd6\xfb\xe6\xbb\xa9\xcfiP\t\\\x92\xfd\x873\xe2\xe6P\x17\x0f\x7fL\xa2\xea^\xc3\xcc\x13{\xf84\x99g\x88D@D\xa9\xf2\xe5\x87\xb8\xcc\xfa\xae\xfc\x92Wu\xdd\xcb\xf4\xdeS=\x94DC\xbfi?\x0b\x10tN\xe1f:\xef:tG\xdb\xfdZ\xaa\x8f\xd5\x8e\xb8\xbcPb\xcc\xe9j\x00\xd4R\xe0\x8dtpns\x9e\x7f\xe7\x16~w\xceU=\t\x91Jd\xd8\xf6\xadQ\x14\xe4\xdc\x90zw\x8a\x9a*\xa4#\n\xd6\x16\xd3R?\xbf \x04}\x8f\xaf\x84e\xde\xc9\x19\x87!\xcfA\x05(:\xf1?\x99\x85\x11A\xed\x15;\xf2\xea7j\x9c7\x81\x85\xea\xac&amp;T\xa6\x895\x7f\xeb/\x16\xc9\xf8\xc5\x02\xc0\xbd\xdd=\xd7u\xcaJ\xd7\x0e\x10&gt;\xaa\xb4\xcdc\xbb\xfa\x0b"\xe1\xc8b\x81-v\x0c\xc4l\xcdMh4\x06\xa3\xc7\xfdj=\xf3-\x13\x0e\x19\n\x8a\x89F\xdd&lt;,\xba\xe0\xbe\x1a|\x92"\x98g_\n\xd40"F\xed?M\x82\x97\xe1\x1aA0\x1ek)\x9d\xc8\xf8u\x8f,\xb7\x9fJ\xc5\x85\xd7\x82yQ\xc0 \xd3\xf2\xf6\xf2/\x17DI\x1c\xf2\x0b\x9a\xd2 \xcc\x08\xff\xbeb\x8b\xd3\xb2\xe6,\xf5F\xa2W,5\x84\xf6\x99\x97L\x13\x9c\x0c|'</t>
  </si>
  <si>
    <t>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</t>
  </si>
  <si>
    <t>b"\xa90k\xb8\xb7'\xd3{ew\x94\xa6\xf4\x12\x92\x08"</t>
  </si>
  <si>
    <t>ior generations believed in making their own luck by
 working hard.
 If you believe your life is mainly a matter of chance, why read this book?
 Learning about startups is worthless if youâ€™re just reading stories about people who
 won the lottery. Slot Machines for Dummies can purport to tell you which kind of
 rabbitâ€™s foot to rub or how to tell which machines are â€œhot,â€ but it canâ€™t tell you how
 to win.
 Did Bill Gates simply win the intelligence lottery? Was Sheryl Sandberg born
 with a silver spoon, or did she â€œlean inâ€? When we debate historical questions like
 these, luck is in the past tense. Far more important are questions about the future: is
 it a matter of chance or design?
 CAN YOU CONTROL YOUR FUTURE?
 You can expect the future to take a definite form or you can treat it as hazily
 uncertain. If you treat the future as something definite, it makes sense to understand
 it in advance and to work to shape it. But if you expect</t>
  </si>
  <si>
    <t>b'\x13\xea\r\x01\xa5\x07\xaa0^\xcf\x18\xb0\x88F\x1e\xafJw\xf5d}\x16\x96kN\xbbu\xcb\x904\xbe\xd0\xfcLK7/\x9b\x8b\x8aTd\x8d\xa6\x9bw\xf7\x9c?\x05\xcbH\xaf*q;\xaf\x9c\x1b\xb3\x19\x89+\x85\xe1\xb0Z5\xb4\x0e^\xd4\xeaSU\x17\x04\xad&lt;\xa7\x00J\xe3X\xbf\xf4\xe1\xde\x92\xaa\x11\x9a\xab\x0c\x06\x16\xdc\xaa\xbd\xab#\xaa\xb3\x9c\xde\xc7rq\xee\xe7\xb8\xaa\xf1j\xca,\x1fT\xcc\xdd\xe6\x9d\xc9\x10\xcc\xb2\x13?\x0c\xe1\xc9\xb3\xac\x8a\x8b\x94\xf5\xb4\x94\x17\xc8d\xf5k\xc4^\x07\x9ag\xed\xa6M\xe1\x87\xa7bo\xc9\xad\xb4\x19{\'\x96\xfd\xfcb,;\xfb\x937\xf6\x86\x83\x168d"@\xa1\xa87W\'\xbd\x9aJ\xc2\n\xb1\xa5\x9c\xa3C\xb1\x82?\x83P(\x0e\x9c"+\xd0\xe8\xfb\x0e\xc1\x9b\x0c#\xec\\e\x1c\x91\x99r#\x04\x15sg\x8fR\x0f`!\x85xm\xc6\xb8\xea\xbb8O\x00\x1c\xf2v\xbfv\x17V\xf2z*\xdc\xfa\xc4\x9c\xdd0\x86\xb0\xf1\x1a|\xf1\x9f\xc9\xe5C\xea\xaf``t\xf1\xfe\xabr\x8a\xbeB\xea3T&lt;\xb5\xcc\xd0@W\x9f;\xf2\x06\xca\x85\xa5\xed\xa7\x7f\xc3\xac^k!\')7_\x0f,\xde\xfa\xc6%\x1eM\x9f4\r"\xcau\x1d2\x1e\xb1\xa7\xcaZ\xcc\xe8\xcd \xdd\xdfK\xb9\x9a\xb2\xa1\xffN\xbf\xbe-~\xd9\xbf\x01\xa5\x86O\xd5\x9a\xe9\x10\x92\xf0\xb4\xa5&amp;\xd5\xd0 O\x08N\xc0B\xe5\xbc\x0f\x82|\xd2\xef\xc8W\xa8_*\x01\xc9\xbd\x9d\x02\x06\x05U9Ty\x0e\xba\xa2\x9b{\xc29"\xf7\'!\x96\xd0\x7f\x1f\xc7\xad\xb2&amp;\xea\x84?tK\xe1Y\xa9a\n\xe1\x1a\xb0\xb0Hm?T\x90N\x1a\x84\xbd\x90\xef\xfe\x84\xe1#\n\xdc\x8d\x070\r&lt;\xfd{\x0b\xea\xa4\xe2\xc72V\xae](\xfd@\xf0\x8a]\xa8\x83\x14,@q9h\xf1=J\x8f\xacWM\x8d\xbar/\xfa\xba\x1b\xda\xd7\x9aZ\xc7\\\xed\xef\x9c\x8eS]\xf7\xb3K\xab\x1dg\x92\x10u\xca\xbb\x1a1\x85Q\x80Ih\x19\x1c\xec7\xcbA\x99\xc0\x08\x9c\xd6\xca\x96\x80\xda8&lt;\xceq\x81\x80\xf8a\xba\xc1\x8d\xef\n\x97\xf8S_\xa1sW\x16\xa6C\x83|\x1c+;\xe4\xa9\xbdxp\xa0t\x94a\xc0?q7\xdcn#\x005c\x83\xd8\x00r\x04\x83\xc1\x0e\x1a\x00\xc682\n\x89\x84%\x7f6\x9e\xa4:\xde\xa8\xc9P\twD\xdc\xb3Q{\xedb\xa7\x08\xcf\xc5?EXH\xc5\xb1\x01\xee\x13{\xafCL\xa7\xfe\xf3\x0e1r\xeb|I\x1d#\xdb\xff$\x8a\xc5N\x87\xbf\xd3\xa4\xc3\x16\xf5\xe3P\x8b\xe9\xc1\xf9\x8c\xfd\x15\xcd~tx\xb7A\xb2\xcbz\xc0\xefL\x88\x87\xcb\xa3\xad\xa2/\xcc\xf4\x9eG\x8bB^\x9am\xb5\x06\x7f\xc9p\x8b\xdb@\xb3=e\xfc\xf08\xb9]&amp;\x14\xf3\xac&gt;Qc+e3tQ\xcf\xc2f\xb1:\xb8L%\xdc\xc4\xe3\x1fBs\x90\xa9/\x99\x9b\x96z\xa7\x83\xb3&amp;4\xe2\x88\x15\t\xa5&amp;\x18\xac\xbc\xbb\xcay\x13-\xc6wY\x14\xb4\xb6u9\x8a\xa1\xbe@\xb4\n\xa1\xb1\x85\x94L\xff"\xfbx\xb2\x93j\xe4\x01W\xfc\x04\x0c?fM.\xc8\xd0\xb9Y0&amp;\xc8o\xae\xd2\x89\x93|\x8fa\xd7q-\xd7\x81\x9b\x10\x1d`\t\xd6\x9de:\xb5S\xb3\xdbO\xd0\xc2\xae\xd9:\x05\x18\x9d\xc6xBGw?\xe8\x10(\xba1\x85.\x9b4\xf6\x9a\xef\x94\xb1\xe3:z.\xc8\xc8F\xfcW\xe8(\xbf/\xd7{8\xd6\x0c\xfd7e\xdd\x16\xce\xb66\x92y\xc1\xe5\x9e\xa6\x7f\xbc\xd8P\xe7\xbe\x08e\x97_\x9e\xdc\xd3\xd41n\xdf\x86j$\xff\x03\x9d5\xa9\xb4\\\x94\xdbp7e\x0bFw\x86]\xb6\x8ex\x99\xe4\xf8\x02\x0e\xf3V\xd9\x8c\xeb\xee\x916\x86?8\xd5L\x82J\x15\xe9\x16\xc0\x9ci'</t>
  </si>
  <si>
    <t>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</t>
  </si>
  <si>
    <t>b'\x13\xea\r\x01\xa5\x07\xaa0^\xcf\x18\xb0\x88F\x1e\xaf'</t>
  </si>
  <si>
    <t>on the parlour floor and the thought of that 
 detestable blind beggar hovering near at hand and ready to return, there 
 were moments when, as the</t>
  </si>
  <si>
    <t>b',!\x82|\xdfuC\xa7\xac\x0c\x85$\xb11V\x9f\x94,9\x14\x81)\x11\xe09:\x0b\xb7\xd8\xbb $ \xa1\xc1\xecJ\xd6\x8a\xa4\x93\x1e\x13\xce|F\xa6\xafb\xa5\xa4j\'h\x1f\xcbN\xb5\x08\x8c\xf04\x0c-\x9d\xa7\x08\xb0\x06\xa1\xce&amp;~\x0cO.,\xfb2Y\xcd\xa9Cxl\xb4{\xb0\tK\xce\x83M\x82"\x83qI\xd1\x13\x8c\xdfr*!\xa1k\xd8\x94qC\xf5AB\xado\xb1\x83\xfe+\xc0\x1a\xfc\xba\xcc\x05c\x96\x82\xee\xff&lt;\xf0E\xa2\xed\xb9\x8c&amp;\x1a\x937\xb1\xf6\x98\xf6G-\x0b\xf94GN\x13\xf2\x14w\xa1Y\xaey}\x1enO\x00=\x16\xafEh\x85V\xd4\xb8\x18\xb2\xc5\xb0\r\xff\xca#\xabg=!\xca~\xbfH\xee;^\xae\x03\xe3\x9d4\x97\xb9\x08E3mXY\x91])\xd6\xb73H\xa25d\xb8\x89!\x8f$\xdfn\xf6{\xc5)\x01\xc3\'R\x1c\xed!\x94\x9d\xb2\xf5\x87\x90o\xde4t;~zwtW\xb2U"i\x82Oz\xca\x0b^&gt;\xc3^\xae\x88\x8dm\xc9\x82"\xc4\xe5\x02\x01\x11\xd3\t\x1a\xdc\x89\x00M\xb3[\t\xa1\x94x\xcf\xd7\xfdn\xbe\xff\x8c\x0e\xc4ps\xa1\x8b\x0f\xf2\x99)3\x14\xe8\xdd6\xcf\xea\xb5\x94\x97\xee@?&lt;\x1eA\xee\xcfx\x9f\\\xe7\xc9\xaf\xf1\x07\x99\xc1\xb4&gt;Z\x95m\xf9\x1e(\x9b\xe4\xc0\x1e\xe8F\xd6\xd8\x15H\xde\x9e\xea&amp;\xfd\x16\xab\xe5\xff\xa3\xe0\x08}D\x8d\x8d;\x1aK\xd1\xfa\xaf\xa1\xfd\x16\xcb\x02m\x81\x14BK\xef\xab\xfc\xac8\x0b\x9d\xfd\x8e\xc1,\xc0\xc2\xa4\xa7#\xcd\xd5\xcd\xa8\xd2\x1f\xc9\xb4\x15\xff{\xd5\xb7\x95\x18\x7fH\x0eLQZY\x9b\xda\x13G\x17;\xa1\x92\xbe\x01\x90`\x01\xd5]L\xe6\x88\x8f\x03\xbd\x94\xe4\x96Q"\xbd\x88\xbb\xd6\xdd\xba\xaa\x84tyt\xefD_\xfe\xd0\x99*EqL\x1dg\xb7\x13\xf8bh\x19\x99H\xbao\xb3\x8b\xc47Cs)\xba\x95\x1fk\xd5\xd4hx\xa0\xf8 \x8e/\xee\xf3\x0c\x0e\xd5\x021\xcc\xccL|'</t>
  </si>
  <si>
    <t>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</t>
  </si>
  <si>
    <t>b',!\x82|\xdfuC\xa7\xac\x0c\x85$\xb11V\x9f'</t>
  </si>
  <si>
    <t xml:space="preserve">
The twelve jurors were all writing very busily on slates. â€œWhat are they
doing?â€ Alice whispered to the Gryphon. â€œThey canâ€™t have anything to put
down yet, before the trialâ€™s begun.â€
â€œTheyâ€™re putting down their names,â€ the Gryphon whispered in reply,
â€œfor fear they should forget them before the end of the trial.â€
â€œStupid things!â€ Alice began in a loud, indignant voice, but she stopped
hastily, for the White Rabbit cried out, â€œSilence in the court!â€ and the King
put on his spectacles and looked anxiously round, to make out who was
talking.
Alice could see, as well as if she were looking over their shoulders, that
all the jurors were writing down â€œstupid things!â€ on their slates, and she
could even make out that one of them didnâ€™t know how to spell â€œstupid,â€
and that he had to ask his neighbour to tell him. â€œA nice muddle their
slatesâ€™ll be in before the trialâ€™s over!â€ thought Alice.
One of the jurors had a pencil that squeaked. This of course, Alice could
not stand, and she went round the court and got behind him, and very soon
found an opportunity of taking it away. She did it so quickly that the poor
little juror (it was Bill, the Lizard) could not make out at all what had
become of it; so, after hunting all about for it, he was obliged to write with
one finger for the rest of the day; and this was of very little use, as it left
no mark on the slate.
â€œHerald, read the accusation!â€ said the King.
On this the White Rabbit blew three blasts on the trumpet, and then
unrolled the parchment scroll, and read as follows:â€”
â€œThe Queen of Hearts, she made some tarts,
All on a summer day:
The Knave of Hearts, he stole those tarts,
And took them quite away!â€
â€œConsider your verdict,â€ the King said to the jury.
â€œNot yet, not yet!â€</t>
  </si>
  <si>
    <t>b'\x82O\xfb\xc6\xd7\xf6\xb0\xb3#\t\x9e4\xd8uZ\xd69_6\xa5]\xef\x82\xda\x9e\xfd\x06\xaa\x8d\xb4\xf9\x16.Q:\xee\xa3\x9e\xba\x03\xe4uj\xc009Lr\xce\xe1jW\x1c\x98\xff\x0f\xe3`\xbc\'\xcb\'\xa5_\xb5\xf1\x06e\xac\x84\x01\xa7\x8e\x936\xfe\x9d\nS-$x\x15:\xb2@\x17$h\x1d\xe5\x83C\xa0\xe6|\xc0O,\xb0\x83\x81\xea\xbf\xb9XPTk\xac\x89&lt;_&lt;\xe40j&amp;\xb6\xa6\x8f/w\xd8\xdb\x9e\x8fBl{\x18\x17&amp;gA\x9d\xc4\x9c\xca\xd7\x14\xe4\xe7\x89{}OL\xccC\xb5\x8e\xf8\x05\x88K\xa6\xacB\xcbh7\x07\xba\xa2p\xe2\xd0~\xad\xfbp\x0ep\x0f\n\x82\xae\x1e\x8fT\x02zRf\xf4nx\xc1\x9aL\xd4\xcc;\x9bJO\xb73\xd9!\x1e\x91\x97ZK\x02Z\xef\x9a\x91@?\x03 \xb6\xd5D\xd6Z$\xfd\xde\xf0\x95\xe4W\xed\xd4nT\xa6\xfc\x11\xa4t^\xdc\xb4\xff8&lt;\x8f\xcet\x13?\xae\xdc\x01\xda\xda\xa1\x89d\xa7 \r\x16Ad\xc4\x19A\x85\xdf\xf8V5\xfe\x92\nbp\xde\xd6F\xd3|_\xef\xd9\x82\xc1\x82\xd9\xea2\xfe\xa4\xc5\xfa{\x97\xbe\xae\xc5\x8c\x9b\xa8\xcd\r\x12@t\x8f\x88\xb1B\x9b\x8a\xc9\xee\xd98\xc68D\x01\x03\xc0\x92\xbd\x89\xc4\xc0\x9a\xfe\x9eLu\xee\xc6\t\x9f\x13\xba\x1b,\ro\xea\x1b\xfca\xf0\xb6\xa6\xa5\xc8\x11TS\xc7\xf38^\xb9\xee\x81\x04\xc5\xef5\xa3a\':P\xf2\r\x97\xa3M\xd6\x1a\xfc)?N\x81b\xdc\xffL\n\x9e\xdc\x01\xcb\xf7\xf1\xb3]L\x10\xcf\x95\xfc\xf9\xa8\xe9\x99l\xb3^\xb0\xe8\xf7\xe1^JW\xcb\xaa\xe6\xa7%G\x17\r\xd2+&amp;\xc0\xc0\xd1w\x16\xd9e\x02\x98\x7f\xbbzHVt\xf0\xc3\xcd\xde\xc2\x9f\xe9\x17\x9a\x99\xfc\xb1\xf6\xc4]\x8a\xd8\x03\x9a\xfd\x8d9\xc5w\xe6\xb5\x03\xd4k\x0bH\x03V\x9e\xdd:\x0e3\xde4\xed\xef\x94\x18\xecR\xb3\x83b\x95T\xdb\xf70\xecx&amp;!\x94\xcfU\x9c\xe2\xcb\x93\xad\x81&gt;\xf7:\xfa\x82-(eoF\x98\xc5\x96\x81\x8a\x9e\x01;P\xfbm\xa8:\xae\x10\xca\x03@V\xa4_\x0e\x1a\xac\x0c\x9c\xd9m]"\xc0+\x04\x16(\xa2\xcc\xc6\x07\x9e\xb1S79e\x0c*\xec\xe4\x85\xac&amp;p\xb3S\xcdl&lt;@n\x1dY\xfb\\\xf0\xfc\xea\xa9Eg5\'\x98C\x98\xe1L\xa2\x05)\x1aepZ\xf9@\xe4\xcbI\xc4CEg\x06\xc3yEu\x80\x8b\x10\x8e`\xe4o\xd3E\xac\xd7qL\xad\xf0\xddaa\xe4Z\xb2\xec\x95\xb9\x8a\xad\x96\xe6bs[;\x9a\xd2&lt;\xaf\xb9\x06h\x0b\x8b\xa0S\xaeKV\x08Mv\xe3\xb6\xdcS\x00\x14\x18\xdd\xb3\x95\xbf\xf7\xac\xa80\xe5Ck)\x0c\x84\xb9\xfe8?\x0e\x8d4\xad2\x05W\x9f\xb0\xcb)\xb0q)\xde\xc34\x8f\x7f\xad3]\x83V\xb2R&lt;\xd8J?\x85\xea\xcae3NL\x1a\x1eB\xd2\xb0+\x8b\x07\xf6\xd5\x8a\xae\xd3\x93|7\x12\x9b\x90\x00\xf26~\xd6\x81\x80\xae\x98\xa8\x02\xfd\xeb\x08\xd6\xd4\x06\x18\xab\xea\xfb\xbdN[ &amp;\xd2\xdb@\x7f\xeeU)\xc4\xd3\xf6\xffk\x81\xc5F\xf3\x88@\xaf\xc9kpD\xa1\xfa] =DZ\x83\xec\x90\x1d\xaep\xc2bV\x8aYOym\\di\x8ex\x01\xf3\xa9\xac2\xd4\xcaY"\xa4(]\xa4&lt;\x87L\xe8\x8eu"\xf1\xb6\xb8\xb2\x84\x84\xf1\xe9F\x99\xc5d\xf6hD7\x94\x1ds7\x7f\xbbt\';\xd9\xa4hh\x8fcX\x90\xe3Qu\x15\x9b=\x05J\xc7\x18dX\xdfE\x9d\'Zj\xd0\xe2\xe4`\xe0I\x1cs\xc5\xe32\xa8\xc9\x89\xb7\xf8\xd5\xf2t\x04\xe0\x17\xdf\xc6\x83\x88]y\xe9D?O\x1em\xd6^L\x7f\x17\x99\xees\x94a\x81\x8e\xb2\xdb\xe1\x8b_3\x8d\xcfY\xaf\xa8\xea\xd0k2#N\xdfX\xa7\xc3:z\x7f\xbb1\xce\t-\x94\x1b\xce^%\x95\xab\x1bo\x01\xd3:\x10\xd8aC\xc8-(\xf6$\x0b\xfa&amp;$\xa8\xa8\x99M%\rtT\xca41:\xe9b\xa9\x84\xfa\xc3\xfa\x9ft\x07z\x14\xdb\xd9=\x1a\xfbm%\x9aU\xcb\xec\xd3cYU\x04\xd9r\x02\x99\xdb\xca-\xb4\x07\xed\xac5\xc8n\xba\xb0}w\xae\xe1/eM\x13\x10\xae\xe5*\xb9\xe5\xfd\xdcj\xa6S\xf4\xc2i)\xed\x18]=%\x1c\x9f\x1b\x01\xff\xe5\xc1YF\xba+\x11d\xe3N\x1a\xf6\xac\xeb\xc3\xcf4\x0c\xb0\x88\xfc\xd6)\x8c\x95p(i,\xf6&amp;\x16\x9c\xb5\x9bReO\xdd@N\x8cN|s\xd1JqD\x94l4\x08\xa76(L\xde\xe8\xd9;\x9e\xee/\x03JX\xd1\x90\x97&lt;\xcd\x18\xb3{\x8e\x8b"0\xcc\xbbbw\xb85\x97\xde\x89Q\x1f\x17\xb83(\xb0\xcec9\\\xf7\xc7\x80\x8d"\xb6\xa6\xedf\x10\xbe2H\xb4\x04\x02\x83p\x15xE\x98\xbc\xde\x95\xba\xe4sQ\x99\xde\xbf]\xeb:0\xbe^S\xc1;\xe8E\xb3\xda{\xf5\xa0\xdc$\xaf\x80-\x14\xb0E\xea\x1b\xf1\xa1\xb0\xeah\xd0"&gt;B\xa9-`\x9dI\xe2&amp;\x9cd\xe4\xa1\xef\xfe\x8eL2F\xe2\xf9m\x82\x148\xc5\xbb\xd1\xc9F\xb0\x1f\xc4c=5\xe9\xc3\x8f\x9dTm\x97\rR2\x95\x92\x8e\x1fY\xb2\xec\xae\xcb3\xbb\x96\xc1\x0b\x8a\xf9\xed}\x97\xb0\xe8\x02\x15\x86\xd25\x16\xc6\xffJ\x0c\xf1\xf6\xccg\xcf\xae.\'\xbb)\xf2Ps7K\xa3\x01\x81A\x13\x95l\x9eo-\x8ao\xe4\xcev\xbe\xc8`\xdadj\xc7"\x93K\xe9\r=\xf2%\xb0\xf3\xbf\x16\xc7V\x82-5\xf1\xa1\x0fb\xa7\xcf\x86K+\xda\xc4{\xdb\xf5\x1d2\xb6P\xc0\xdbVR&lt;\x8e3\n9KA\x94\x8c\x04\xe4\xa1I\xeaod&lt;\x07\xad\xb3\x12\xdb\xef\xa6G\x1e\x81\xd8\xd1\x86&gt;\xc0\xcfG|\xfb\x89\xe9\x81\xf8\xe2W\xddE\xed\x8f\xbb\xd7\xa7\xd1\'v.\xe0\xc5F\xcf\xac.\xe5K(\x7fT9\x14\xbe\xb0{+=1\xa4\x18.\x8b=\xb8p\xb6\xabD?\xc4\x1c!\xa4x\xfaS\xdb\x15B\x82\xb17`?f\x1aF+\xd4\xaa`\x9a\x1cj\x87\xbe^\xbe^\xad"\xb13P{\x91\xed\t/\x97\xb09Yn\xcc\x9e\x04\xa9\x9f\xba\xb5\x00\xdd3a\x80$\'\x91\xb2\x06\x01\\i\x8aZ\xd7C\xe6R&lt;\xf5\xf5O\xe4_\xfd#\r\xbbB\xb6\xad\xdemu1\xd7\xa7;B\xc2\xc8B\x9e\xabb\x81\x0cTM\x8a\xf5C-\xaai\x14\xcbn+t\xcf/W\xd4ew\x06\x17\x1103B\xa5\x9c\xccr{\xa7\xff\xdc\xac\xc7\xfbC!\xd0\xdc\xa9\xa6\xcb&gt;3N\x82P\'%\xdc\xdcd"~\x8a=\xe6zu\xd5Y\xb1\\]\xcd\xef\xad\x0c\x9fk\xe9\x99\x90\xfb\xf2\x8bu\xd6\x99K\x89m7\x99\x9cQ\xf6\x08\xbd\xa0\x9d\x7f\xe5Evq\xde\xfe\x9d\xf82h\xaf\x98\x8e\xd8v\xdd[r\xec\xdf\xe0\xbdb\xd5\xa6J\xc6\x027\x93\xd7\x11\xdcc7j\x84B\x12\xfc3,\x83\x1c\xb1\xf3\x87\xd4(B\xc1\xc9\x1b\xb2\x9c\xec\x1eA\xdd\x83\x11k@\x9f\xaal\xfe\xdcqP.\xcb4-\x8b\x7f\x04K\xfeD\x17\x14\xb4\xb4\xf9%B[\xc7\xb1O6rP\xbb`Z\x0c\xe1\xc9\xf8-\xe6\x151\xe5,P\xd5\n\xf8\x04\xa4Y\x18\xaa\xff@\xbbS(W\x1e\x8e\xbb&lt;D"\xdb\xb0r\xf7\x1d\x15\xf03\xbc\xddY\x1f\xf2'</t>
  </si>
  <si>
    <t>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</t>
  </si>
  <si>
    <t>b'\x82O\xfb\xc6\xd7\xf6\xb0\xb3#\t\x9e4\xd8uZ\xd6'</t>
  </si>
  <si>
    <t>6
 nontraded goods and, 43â€“44
 The Trap (Goldsmith), 38
 Treaty of Rome, 562
 Trebbi, Francesco, 656n
 Trefler, Daniel, 100, 100n
 Triffin, Robert, 526
 Index 701
 Trilemma
 Bretton Woods system and, 519
 of exchange rate regime, 648
 open economy, 509â€“510, 510f
 TRIPS. See Trade-Related Aspects of
 Intellectual Property (TRIPS)
 Tuna, protection of, 222
 Two-country framework, 423n, 545
 Two-factor economies
 effects of international trade between,
 89â€“98
 factor prices and goods prices in, 86â€“88
 mix of inputs in, 84â€“86
 model of, 81â€“89
 prices and production in, 81â€“84, 84f
 resources and output in, 88â€“89
 Two-firm competition, 274â€“27</t>
  </si>
  <si>
    <t>b'0F\x02!\x00\xb3~m\xe7\x89\xa0\x01\x98\xacN,\xf4\x13\xbe\x02\xfbct\x7f\xc4\x00\xdd?R\x15sri\x97\xf0N\x84\x02!\x00\xf3\xf0\x95&amp;\xb2[6\x8f\xfe\xf0\x81\x86p}M\xd6\xb0\xb40\xd5?\xac)\xbd;\xe8r\x85\x05\x89\x9bJ'</t>
  </si>
  <si>
    <t>3046022100b37e6de789a00198ac4e2cf413be02fb63747fc400dd3f521573726997f04e84022100f3f09526b25b368ffef08186707d4dd6b0b430d53fac29bd3be8728505899b4a</t>
  </si>
  <si>
    <t>b'0F\x02!\x00\xb3~m\xe7\x89\xa0\x01\x98\xacN,'</t>
  </si>
  <si>
    <t>awing loveliness out of the earth and
the boughs with wands. It was hard to go away and leave it all, particularly as
Nut had actually crept on to her dress and Shell had scrambled down the trunk
of the apple-tree they sat under and stayed there looking at her with inquiring
eyes. But she went back to the house and when she sat down close to Colin's
bed he began to sniff as Dickon did though not in such an experienced way.
"You smell like flowers andâ€”and fresh things," he cried out quite
joyously. "What is it you smell of? It's cool and warm and sweet all at the
same time."
"It's th' wind from th' moor," said Mary. "It comes o' sittin' on th' grass
under a tree wi' Dickon an' wi' Captain an' Soot an' Nut an' Shell. It's th'
springtime an' out o' doors an' sunshine as smells so graidely."
She said it as broadly as she could, and you do not know how broadly
Yorkshire sounds until you have heard some one speak it. Colin began to
laugh.
"What are you doing?" he said. "I never heard you talk like that before.
How funny it sounds."
"I'm givin' thee a bit o' Yorkshire," answered Mary triumphantly. "I canna'
talk as graidely as Dickon an' Martha can but tha' sees I can shape a bit.
Doesn't tha' understand a bit o' Yorkshire when tha' hears it? An' tha' a
Yorkshire lad thysel' bred</t>
  </si>
  <si>
    <t>b',\xa76\x03\xbch\x1b\xe0\xe2\xaf\xe5C\x07\x97h=\xbc\xdc\x1e\xfckk\xb2\xfa\x01\x88\x8bE\x15"\x94`\xf7\xba\xca{\x18\xb8\xf2\x95y\x05\xe5\x17\xfd&gt;\x8d[\xa5\x7f\x86\x82\xea\xc0\xeeL:YPD\xba\xf6\xcc\xf3\x1b\x14\x1aRW\xd6\x03\xa6n\x9f\xee\x90\xd5\x12.\xbf\x11\xcd \xaed\x1b\x06eC%\xe8\xdb\x0c\x08Lc\xff\xf0LW\xc2\x80\xdf\x1e.7r\x87\\|\xb5\xcb\x9d\x9cmU\xbd\xafY\xa4\xff@\x95&gt;\x7fl\xb2\xf4s\xfa\xbeW\x95\x1c\xcb\xc1t\xe83J\x0c\xb09\xaa\x97\xe2\'\xe0\xb7x&gt;K\x0f\xe4\x93]j\x07\xab5^\x88\xa0\xec\xb5\xae\x1f,\xe8\x8e\xaa\x99\xd3i\xce\xaa&lt;*X\xd0k\xbd\xa7\x002\xac\x1c?\xc8\xe5\xb0 \xca\x96\x0e\xb3\xd9$s\x86\xa9r\xccR\xbb\x01\xb0\xa3\xeeo\x9bG\x7f\xcd\xeb\xf6==\xe9\x1fPS\xc7\xecu\xc1\xf0\x89\n\xaf\xb0Q\xba\xfb\x1f\xdf_l\xa6F=]\xef;]\xc3\xbb\xa7\xcf\x9dt\xed\xaa\x06^\x06\t\xce&lt;[\x03\x9f\xfc2\r\xd9\x81\x0f\x1b\xba\x1b\xd5\xf2\xbb-\x85\xb3\x98\x8bY_\x11\x17g"\xb8\xcb\x8e\xae~zH\xc1\xab\xf8 \xc4\x947\\\xef/0\xd6-2\xd4\xea\x9e\xe3\xf4\x0eX\xafO\xe5,\xb1g\x03K\x87T~{\x81\xb7\x03\xe0\x932P\xaa\xe5\x9a\xa9p\xa0O\xac0\x11\xaa\xa4\xb0\xeaF0\x05\x8a\xafF\x0fo\x95\x8c\xbb\x08\xc8\x16s\xc9*\x16%Fi~Km:\x81\x8e\x9e\x19N\xaaP}&lt;#s\xa64\xfcv\xed\xd2\x9dc\xfaRe\xb2\xc5\xbe\xdb\x80=\xdc\xc5\x94\x83\x97\xc9\xc7\x9e\x0c\xd8IP2\x0c\xa3\xcfL\xd3g\xab\rl\xa4\x90a\x88\x07X\xb8\xd4\xf4D/m\x94\x1a\x1a\x13J\xa2\xe9\x00\xffCd5\xab\xbc\x18CB\x1d6\x94\xa2\x8a\xcc\x95\xd1\x99\x89\x8a\xac#%\xb3O\xf2l\xc4\xd8C\xc3\xbc\x85\xa5$jg\x1f\x03\xbe\x00\xe7}\xe9&lt;\xf3\xf0I\xa79\x15\xda\x85m\x9c=\xd9\xc5\xa91I\xc1\x99/\\W\x85\t\xa27\x10\x8f\xdc\xa4\xe39\xbd\x7f\xbc\xb5\xa6\x1aS\xf9\x8a\r\xcb\x11D\xc9\x87r\xa9\xfb\xe2\xdaQ\xbeOd\xde\xd1\x92\xd4\x9aCl\xbf\xf4Y*\x9d\xfeei=\x8a\xa6\xa1\xd7\xf7\xa1\xe9\x9a\xeb\x8d\x80\x0c\xabv\xd3k9,m\xb42u\x06U\x97\xd1l\x84R\xba\x03UJ\x7f\xdf;P\xabn\xfb\xf7\xf3i\x1c\xa3\xe7\xc7\xa4\xdb\xc29\xa8\x89\xb3\xc1\xc1/\x9677\xa4\x10\x18z\xf0\xe0_j"\xa6\xe6\x80\xe7@\xc1b\xb7U\x00\x9b\x9fG\xf1r\x7f^s\xfdf\xfb\x99g\xfd\xb0\x08\xb7\xbb\x0f\xb0Y\xd4\xf7\x92*\xc1\xa1\xaaEl-lB\x7fx\x9cDl\xc1\xc1\x98\xcd%\x8f\xe9PU~n5\xad\xce\xdad\xde{\xb1\xe4\xae\xa3\x16d\xd3\xcc\xe0z\xbfB\xec\xc6lw:m\xd7\xa0\r`\xe1\xc5\x01\xc6\xc5\xe9\x1c\x0b4\xadk\x8dPpQ\x05\xc3\xae\x0b\xa7\xa1\x0cSn\xcc\xb0\xda\xa1\xb1\xb5z\xd9IbL\xfd\xdcH\xf2\xb5\r\xa4&lt;\xa5\x1e\xd7"K\x07\xd1\xc2\x1cj\x11\xff&amp;.\x98`g\xd6p\x96\x96\xb9\xad\x80W;1L\xda\xe3\xc0\xec\x03s\xc3\xe2t\x94z[\xa2d\xf4\x07D\x91\x19@\xe0\x0c\x8e\xf7\x159B\xf8\x92~\xfd,\xf7eo.\xd47Gl2\x13\x80%\x87\x89I\xcdoT\xf5\x87\x04\x07\xde\xa5\x81\xa0\xbbL\xed\x8e\t\x85\xba\xf0\x0f\x9d\xab\x1b\xc2&gt;d\xa9\x15"\xbc\x99M\x8e=/q#\x86,\xdf?\xabQ.\xfd\xa2(\x16_\xf3\xaf\x8cc\xb6\xb1f\xf87J\xe0\x1fi\xc5\x13|\xe6\xaf|\xf2_\x84\x8d]X&lt;M2\xb5\x89.\xa5&lt;x\xa2\xfb\xdcO\x12\x01\xb2\xa9\x1dY\xedf1\xe7K\xadoE`Kl\x9f\x85\x1f\x94\xcf\xca\xce\xfcIk=\xfa\x11W\xfd3s\xe2Y\xb2p\xffK\xc5\xb6\xd2\xedHS\x9a\xcda\xf9\xfc\x8a\xae\xc22\x1f\x92l\xdc\x939\x98\xae\xcc[\x04\x11\x84\xc4\xa5\xe31@I\x86\xb0q!o\xa2\x1e\xefZ\xe6j\x0bxT\xa6\x98c\xa2\xde#\xa6*3\x8d9\x06&gt;\xff&gt;\x87\x91\xa5\xbe.\x81 5\x8f4\xe6]\x94+L\r\xab\xfe\x85]c\t&gt;\xd5e\x0b\xba\x80\xc4\xd9\x8e^\xbe\xa3\xe5Af\xba\x01\x04m\x17\x01\x86\t\xeb\xf7\xb2\xda\x94\xfb\x91_\x18\x8f\xb2\xe2X\xd0!\x0c\xbe\xc7\xffK\x16\xa2X?\xa8\xb5v\x85\xe4\xbd\xe0 \xcdh\xc4\x90\xf0g\xee7\x11\x86m\xe8\x13\xb8\xed\xc3\xe4{E:\x04z\xd0\xbcui%\xd5\x0bo\xaaz\x18\xa4\xdbA`\xb2;\x0c\xfd~\x95\xdc[%\xc4]\xf8(\x0bv\x14\xb2\xde\xa0\xef\xffk}7&amp;\xd7U\xae\xc8/\xda\x19\x83\x10\x00\xf7\x01\xea\xd7\x83\'\xe9|\x1c\xc5$\xcd\xe6\xcdh \xcf?\xec7kU\xe0\xa58\x83\r\xae\xaf\xc4\xce\x9e\xdaS\xc6\xf5Z/x|V\\\x83\x08S\x1bj\xea8W\xf8\xb4|\\\xedozU\xae\x96\xa39\xfb\xf8\xf3\x98g\xed?\xab\xac,\xec\xa0\xa3\xd6p\xfb;"\xd8Z\x0e@\xae\x9am\xf7b\xaa\x81k7\x08\x15\xb1u\x9cz\xe2\x03-R=\xd8\xb3\x97W\xe3\xf1\xcf\xfe\xe5N4M\x08+\xfa\xb7(\xd4M\xd7}\x03\xd0\xee\x1d@y$$'</t>
  </si>
  <si>
    <t>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</t>
  </si>
  <si>
    <t>b',\xa76\x03\xbch\x1b\xe0\xe2\xaf\xe5C\x07\x97h='</t>
  </si>
  <si>
    <t>h our
 analysis is that national outputs consist in part of nontradables, and the real exchange rate covers their prices as
 well as those of tradables. To avoid the additional complexity that would result from a more detailed treatment of
 the composition of national outputs, we assume in deriving the Marshall-Lerner condition that the real exchange
 rate can be approximately identified with the relative price of imports in terms of exports.
 The Marshall-Lerner Condition and Empirical
 Estimates of Trade Elasticities
 The chapter assumed that a real depreciation of a countryâ€™s currency improves its current
 account. As we noted, however, the validity of this assumption depends on the response of
 export and import volumes to real exchange rate changes. In this appendix we derive a con_x0002_dition on those responses for the assumption in the text to be valid. The condition, called
 the Marshall-Lerner condition, states that, all else equal, a real depreciation improves the
 current account if export and import volumes are sufficiently elastic with respect to the real
 exchange rate. (The condition is named after two of the economists who discovered it,
 Alfred Marshall and Abba Lerner.) After deriving the Marshall-Lerner condition, we look
 at empirical estimates of trade elasticities and analyze their implications for actual current
 account responses to real exchange rate changes.
 To start, write the current account, measured in domestic output units, as the difference
 between exports and imports of goods and services similarly measured:
 Above, export demand is written as a function of alone because foreign income is
 being held constant.
 Let denote the real exchange rate and let denote domestic imports meas_x0002_ured in terms of foreign, rather than domestic, output. The notation is used because
 domestic imports from abroad, measured in foreign output, equal the volume of foreign
 exports to the home country. If we identify with the price of foreign products in terms of
 domestic products, then IM and are related by
 that is, imports measured in domestic output 
 .
 15
 The current account can therefore be expressed as
 Now let stand for the effect of a rise in (a real depreciation) on export demand, and
 let stand for the effect of a rise in on import volume. Thus,
 EXq = Â¢EX/Â¢q, EXq
 * = Â¢EX*/Â¢q.
 EX*q q
 EXq q
 CA(q,Yd
 ) = EX(q) - q * EX*(q,Yd
 ).
 (imports measured in fore</t>
  </si>
  <si>
    <t>b'0E\x02 w\xf4\xe6&gt;\x0bc\xc8\x9d\xf05\x8asG&gt;Ua\xd4\xa9\xb7\xd9\xa0\x8abNn\xa9\xc2k\x00\xf8\xe0\x97\x02!\x00\xf8\xa0c_\x8dw\xfe\xc5\xa8\x13_]\x94eh\xf5\xb8S\xa6*\xbaq \x02\x06\xaa\x8b\xc8,.\x048'</t>
  </si>
  <si>
    <t>3045022077f4e63e0b63c89df0358a73473e5561d4a9b7d9a08a624e6ea9c26b00f8e097022100f8a0635f8d77fec5a8135f5d946568f5b853a62aba71200206aa8bc82c2e0438</t>
  </si>
  <si>
    <t>b'0E\x02 w\xf4\xe6&gt;\x0bc\xc8\x9d\xf05\x8as'</t>
  </si>
  <si>
    <t>of humanity (Apol. 21). He
upholds the same view with the vigor of the new prophecy in his strident work
Against Praxeas (c.207), where he also coins the word trinitas and bequeaths at
least a lexical norm to western Christianity by distinguishing the one substance of the
Godhead from the three persons who are Father, Son, and Spirit. Praxeas was one of a
numerous party of â€˜â€˜monarchiansâ€™â€™ who maintained that the three were merely
different phases of one being; Tertullianâ€™s case for the Trinitarian view proceeds
with a confident inconsistency â€“ sometimes tending to tritheism, sometimes threatening to reduce the Son and Spirit to epiphenomena of the Father â€“ which suggests
that he saw himself as the mouthpiece of an established dogma. Even his premise that
God, like every actual being, must be a corpus or body, does not seem to have been
derived from the Stoics, for he implies that this is not a body of matter (Adv. Prax. 8).
On the other hand, he draws openly and freely on the Stoics in his lengthy treatise On
the Soul, with the aim of proving that the soul, being as material as the body, is not
naturally immortal and disposed to transmigration as the Platonists affirmed. Tertullian was a Montanist when he wrote this catholic masterpiece, as he was when he
614 Mark Edwards
completed his five books Against Marcion, arguing, with greater skill than any
previous writer, for the salvation of the body, the authority of the Old Testament,
and the integrity of Luke.
Tertullian therefore cultivates philosophy in fields that he believes to have been left
fallow by the apostles. His Greek-speaking contemporary Hippolytus maintained in
his Refutation of all Heresies that every pagan system was both false in itself and fatal
to the orthodoxy of Christian adherents. In Alexandria the eminent theologians were
at once less contumacious to the episcopate and more generous to Greek cul</t>
  </si>
  <si>
    <t>b'\xeaf\x11\x94\xdf\xf7&lt;\xb9\x8c\x94I\xb5\rM\xe5\x025\xe5\xca+\x86\xbb\xc1q\x92\xbb\x82\xea\xa5)\xea\xd4~\xde\x91X\xdd\xe9\n\xc1\x9f\xc1\xf9W\xda\xd3\x8d]\xc9(\x8a\xea\x88*\x99\x02\x89\xe42\x17\xac\xe6p\x02\xf2\x0c\xab\x99\x83\xa5\x83\xc5z\t\xbb&amp;_K\xacV%X\xcd\x14y\xda\xfe\x90\x9b2&lt;\xa5z\x05\xd0]\xe1\xc6\xa0,\xce\xed\xebE\x14W\xd3"\xf4uzl\xccn\x07\xf2t\x81\xcf\xed\xa4Y\xda#\x89\xa2\xe87\x96\xce\xce\xd0\xd2\xcd\x18\xd6\xe5`\xce\xfe\xccNk\x15\xb8\x1f\xc1\x851\xf4Y\x90oI\xfbcm\xd4)(\xcf\xac\x1e"\xc9b\xa2\xdf.S\xea:\xe0(\xf6\xa6\xcav4w]\xf6\x8bI\x1f\xf7\xcaC+3*?\xfb\xc0\xc5^h\xddrz\n\xc1\x14\x90\xccK\xb52\xe5\x1a\xdf\xaaTe\x14\xee\x07\x9d&gt;N\x8a\xa6\x95[ \xfe\x1d\nZ\x80W\xc11\xc2\xa5\xfe\x0b\xb5#W)\xc0\xf1q\x1a\xe9\xd2a`9\xf3\xcfm_\xde;c\xd9\x8c\xff\xaf\x1bD\xe5\xd8\x11F\x8c=DRBVg\xcb\xad\x17\x10K\xd0\xbb\x19\x15\x9cx\x05\xb2"d^\xb3\xdcv\xb5\xe1\x1d\x0fU\x0f\xc7\x05\x82\xb4\n\xa5Y\x87\x19Uv\x8d\x8eHKX86\x94L\xc7\xae0\x9dzm\x81!\xb8\x16GhF\xc7n\xa1v\x7f\xa1\x8d.`\xea;\x15\x9b\x83KX\xcbv\x17$\xc8\x10\x86\xfc\xecz\tx\x82\x81\xd2\xc9v\x9d5R\xc4\x19k\x95\xd91\x1b\x94\x8c\xf8\xde\xba\xcf\xc1\xe9\xcd\x0f\x16\x82nb\x82\xac%A\x02Aiv\x8d\xd7P\xdf\xf0&gt;\x9a5\x88w\x84F\xb13=\x85\x0f=\xf7\xed\x0b|l\xff\xb31\xd7\xfb\xcf\x0b\x97\x0b 6\x9e\xc6TYH\xab|\xe7h\xf2\xf2\xd3\xd97\x1f\xc5\xaf\x00/\xb5R\xdc\xce\xf3\x13^\x1a]\xcfe\xe0la&gt;\xf6\xf4\xbb\xb9\xb23\x9d\x0c\x18N\x99 0\x86:\x17N\xbe~\xbb.\xa3Z@\xf7\xe0\xf1h\xc2,\x97j;Qyj\xf2,\xf6R\x7f\x87\xb8\xf1\xc4\x977d7\x1a\xfd\x18(m\xc4Y/o0\n^\x93\x80H\xc8\x9bN\x1b\xfa\xd8\xe4\xdf\xb9\x14ou\x1a\x12\xe9q\xe1\x87w\x99\xa2\xea\x13K\x83\x07\xe6\x1b\xff\xd4\x8d\x92\\\t\x98\xf6\x8c\xa6\xa9\xb4DW(n*z\x8bF\xd7E\xf1\x8a\x00J\xad\xb2\xd4\xe0\xfdt\xde\\\x12\xcfnK\x166\x8eG\x07/\xdb\xb5\t\x06\xee\x1e\xc9\x08+\xf4\xa6\x0e\xabC\xc9\\N\x19\xe0\xb0\xbe#\xcd`805\xf5\nn\x11t}\x9c\xea\x13_}\'3\x16\xda\xa8\x15\x8e\x0c\x1b+\xf0\xc4\x8b\x8aW\xfaTP\xef\xf3\x0f\x12P\xd3\xe5\xf9SjxHqP\x924s\xf1\xa2\xd1\x05\xb8t\xeb\x87\xafj\x953}&lt;\xabhy7\xf8\xce\x07\xcd\xff\xa6&lt;\xeaU"\x07\x94\x96\xac=\xc9\xa9\xe0\xfa\xcb\x8eK\x1cb\x07\xbf!\xde8Ra\x98\xe6!\x91|.9\x86\x94\xd1\xe5\x8c\xde\xee*[\x82c\xa8\xce\xd81\x02\x0c\xe2\xf5\x92\xfe 1)d\x0c\x94f$\x93\xd6\xbd\t\x08\n\x19\x04\xc2\r\xf4\x96F\xec\xe9\xd2\xc5P;\x03#\xc4@v\x16G\x81\xea\xa3iyXQ7;\xd8\xb8\x9d\x97\xfe\xfa\xc3\x05w\xe6\xc6\xf6\x01\x18\xe7\xa5\xda\x81\xee\x14\x1a\xa4\xd8jC\x0fK\xd9\xb7}\xfe\x90H\xd6w\xce@\xb0\\\x08\x001\xf1R\x1e#\xc7\xda=q\xa4m\xe7o\xbb\xef\xce!\xf8\xda\x98\x93\x0b\x04\x1b\x87\xacG\xfdi\x0b\x8e\x01=\x8d\xff\t\xec\xb5\xdcc\x95\x1a\xed6\x01\xc4p\x95Z\xa7X\xb3drW\x8ef\xa3K\xa0\xf6`\'8v\x14JIEjD\x97\xbf7\xaf\xa6\r\x90\xe3&amp;D\xb2\x8f\xc3%\xbc\xc2Zi[\x7f\x11\x8c_\xb4yW\x03\xea:T\x97VH\xd1\xbb\xc9\xb4\x9f\xe2\x92|\xba\xa0/\xa6\x85{\xc4\x1e\x0b\xaa\x90\xc2\xcc2\xb3\x84\x11\xe0\xf8\x02\xe3\\\xcbZ\x14t\xf5\x1b\x8e\x13T\xa7\x99\xa0pbp\xb3\xe5\xd2\x94\nyh\x10\x14!&lt;\x86\x0e\xe10 f\xb76\xbfD\\\x9a\x8f\xd5\xf9\xff)\xb3[fM\xf7\xa5\x9a\x06\x99mpV\xbc\t\xd5CI#\x19\xd3K\xaf\xc1d\xb4\x9f\xb1"rie\xad\x16\xd4\x14\x087\x14pf\x17-\xcb\x8e\x12\xa30\xa7\xe6{\xc24\xa0\xbf\xe0\xfc\xab)\xc3\xb5Z\xae\xc1\x98/\x9d\xb2\x11bh\xb3D4m*\x89\x1e,\xe4\xf5\x17\x122\xff]K\xf4\n\xec\xe2\xc1Y\xaf7Q#\xecY\xacX\xa1\xbb\xd1\x00B\x8bX\x9c~\xbd\xd1\xee\xba\x8bPQ\x85\xdf\xac\xf5\xfbz\x07\x1b\x0f@\xfb\'\xb0\x9e\x1a\x8f\x95\xbb\xcap\xa8\xe7\xdc4\x15bE\xdf\xaft\x916\x0f\xfb\xd2&lt;\xdd\xcaF\xa1\xec\xb4\xb2wq\x1cM\xc7/\x00\x87z|\x10G\x18\x87%\xe2\xf6:\x10\x1f\x08\x97\xb2\xda\x9c\x0f\xfb\x1an\xf3\xdb\x94\x93@\x1b\xad\xff\x91#\xf5g\xcd\x14\x03\x0f\n$\xf6\xb3\x0ec\x90\x1c\xbe\xa1\x8a+\xa9X`\x0e\x90\xa8W\xc4\xee\xe5\x06\x04;\x04p\xc5\x06\xc6k\x9eGt:8\x98Y\x9a\xb3g\xaa}\xf4\t\xd8@\xc8zs]!k\xca\x1d\x0e=qc{\x9a\xc0\x8b\xdf\x7f\x0bG\x07\x9b\x0b\xbbF\xc1\xe1\x98&amp;\xdb\xcfs\x8f\x81t\xf4\xbd\xbc2\xf8(\x1e\x98\xc5\xbc\x00\xe1{\xb7\x8aRO\xda\x92v7N\x1a\xf5\xd3\t\xcf\xaf3L\xa0k\xfb\x81\xcb\x89\x81\xda\x1bC\x81\'V\xd8x\xd6\x80\xdbM\xb5u\x7fC\x13@q~l\xc7P\xcc\xd1]?\x99\xd8\xc2 \x8e\'\x1b[\x12jz\x93\xca&lt;i\x8c\x8d\xf1\xeemS\xa5\x05\xd5&gt;\xf06\x12{\xa9\x1a\x13\xc5\xdf\x81C.y\x9a\xec\xc7\xbe\xc1\\\x93\x97\x16\x90X+\xa7\x1c*\x0c\xb0L@\xder\xc98)\x10n\xb7\xfa\x0c\xe9".\xf3(K\xe5\xcbw\x87\xae\x90P\xd5`\xbc\xf2l[\xf6\x8a\xb4\xa8\xc1.q\xad\xda\xa8~\x19\x18\x1f\x87\x95\xb0\x19&amp;1\xd0I\xdf\xe1\xc5?Fb@N\xc0\xa3\xa2\xb6\xdcn\xa5\xba\xa3\xe6\xa3\xe9_\x04t-g\x1d\x9c\xa0U\xa0\xc1\xd7(\x18S\xa2\x8c?\x95?a\xb9\xa8\x9f\x81\xe4\x98\x11;\xf5\xf5\xdb\xdaH%\xf3[\xc8&amp;\xe4\xa2\xf2\xa1\x9a\xedC\x02\xa5\xff\xb88:\x02\xb1\xa1\x17|\xe2\xabT\xe2rG\xbd\xef\x12\xb8d\xb0|\xa8ld\xfe\xf7\xe2\x7f\xe9\x124\xb8\x7fK\xb5\x1e\x86)\xb8\x9e0\xb0N\x8f`t\x03\x98{)\xf5\xaa\xf9\xc1(\xe9\xed\x96f\x13\xcb\xc6\x86P\xc8?U\xde\xe0zp\xd8!@N%\t\xafU%D\x11\xc9\xd3\xe4\x8b\xe95\x88WQ\xb0J~\xa1\x8el\x89n\x8a}\x18Mq\xc2K\xb5\xd9fQ\x97m1\x91\x04P\xb3\x13\xc7\xa9\x13\xebA\xb8\xf7\x04\n\x88\x94\xcdw-\x9c\xcb}\xe5\xcf!\x95\x1d\x80F\xec.]\xfd\x1d%\x01\xb7I\xd2\xbeO\x9f\xe2\xa0\xf5&lt;\xbb*\x9c\xc6\xde\xc0\x9b\xfa\xda1C\x7f\x82\xc8\x1a{\xeb\xae\x92\x80SMDa\x8479\x16v\xb1NT\xd1e\xd0\xd5\xf9\xe4\xd6\x9c\x88\x82\xc1\xfc\xccy\xdb\xe9\x93\x94q\x8fQ\x9b=\x04Q.\xef\x0cx\x10\xaf\xea\xe9Y)\xa8\x01\x80\xc4\xb6&gt;\x191\xfe\xbfCx\xfd\x83\xdc\x16I\xf4}y\x1cJzS\xf8n\x898\xae\x18\xfc\xf2\xe1\xe7o\xf1\x14\xd8@\x17}T\xc9V\xbf@u\xf0H&amp;\xb1\x93\x8b\x8bV\xf7{~\xc2\xec\x19\xc7\\\x8e\xb5\x96aI\xd9\x90\x84 X\xea\xf6`N\xce\xd5\x9dQY\xbb\x8a)\xba\xa3\x98\x81\x91\x93\x9e\x19s\xf1\xc7\xd6\xf2{\xfc\x83,E\x90\x9e\xca?s\xd2cz;&lt;\x0f\x1c\x8a%\xafB*\xd9V\x07lw\xbdPK\xc8\xac\x83d\xda\x97\xf0\rY\xda\x16\xc7SW\xc8\xba\x96\xa6.\x19\x9fz\xf9\xa0{}\xcdbs\x1c@g\xb4\xb5\xd0\xd8ex\x1fj\xb9ND\xc7\xa4\x16\xb6\xf2\n{83\xff\xc1'</t>
  </si>
  <si>
    <t>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</t>
  </si>
  <si>
    <t>b'\xeaf\x11\x94\xdf\xf7&lt;\xb9\x8c\x94I\xb5\rM\xe5\x02'</t>
  </si>
  <si>
    <t>33, 845, 847, 850,
 852, 855, 875, 881, 889â€“890
 degeneration, 396, 812â€“815, 826â€“838
 substrate junction, 292, 518
 Source follower, 331â€“339
 biasing, 334, 336, 853â€“855
 core, 332, 849â€“853
 small-signal equivalent, 332
 Speed, limitations, 379â€“384, 502, 793
 Square-law, 286â€“287, 292, 811
 Square root, 372â€“373, 422, 465, 888
 Static power dissipation, 773
 Stopband, 708â€“710, 715, 717, 719, 743â€“745, 748, 750
 Substrate, 271â€“274, 276, 278â€“279, 292â€“293, 296,
 298â€“299, 518â€“519, 521, 526, 692, 818, 884â€“885, 887
 Subthreshold conduction, 273, 293, 315, 821
 Summer, 369
 Super capacitor, 741, 743
 Switch, 5, 12, 51, 111â€“112, 283â€“284
 Switched-capacitor, 111, 463, 711â€“712
 Switching threshold, 777
 Systems theory, 8
 T
 Tail current source, 442, 444, 453, 475â€“476
 Tank, 44, 507, 648, 652, 661, 664â€“665
 Telescopic cascode, 472â€“474
 Template, 743â€“746
 Terminals, 10, 16â€“17, 36â€“38, 41, 61, 64, 67, 69, 74â€“75,
 89, 97, 123â€“125, 129, 133, 135, 140â€“141, 148â€“149,
 160, 175, 195, 207, 217, 271â€“275, 356, 441, 443,
 484, 532, 551, 553, 608, 806, 818, 829, 884
 Termination, 602
 Terminal velocity, 28
 Thermal energy, 23â€“24
 Thermal runaway, 696â€“697
 Thermal voltage, 46
 Thevenin, 16â€“18, 173, 182â€“183, 192, 222, 237, 241â€“242,
 244, 248, 251, 339, 376â€“378, 484â€“485, 524, 550,
 741â€“742, 804, 851, 858
 impedance, 173
 resistance, 241â€“242, 484â€“485, 851
 theorems, 15â€“17
 voltage, 16, 241, 485, 851
 Thevenin and Norton theorem, 15â€“17
 Threshold, 102, 274, 296, 300, 411, 422, 567, 652, 680,
 777, 781, 809, 811, 887
 low, 785
 sub, 273, 293, 315, 821
 Threshold voltage, 274, 293, 296, 300, 411, 422, 652,
 680, 781, 809, 877
 Time step, 877
 Tolerances, 152
 Topology, 4, 13â€“15, 62â€“63, 68, 70, 94, 102, 111, 178,
 181, 184, 186â€“187, 191, 195â€“200, 204, 214, 219,
 223â€“234, 237, 239, 242, 245, 314, 316, 318,
 325â€“328, 332, 360, 365, 368, 378â€“379, 398â€“400,
 407, 412, 414, 438, 440, 442, 457, 469, 472, 475,
 480, 482, 484, 507, 509, 513, 541â€“542, 544â€“545,
 551, 566â€“567, 577â€“578, 584â€“586, 588â€“589, 592,
 596, 603â€“604, 607, 610, 612, 644, 652, 654, 656,
 658â€“660, 663, 666, 681, 691, 712, 714, 725â€“727,
 730, 732, 736â€“737, 740, 742,</t>
  </si>
  <si>
    <t>b'0x\x17\xfc\xee\xa7\xfd\xa6t\x0bs\x86\xce_\x8a\xa9'</t>
  </si>
  <si>
    <t>307817fceea7fda6740b7386ce5f8aa9</t>
  </si>
  <si>
    <t>onâ€™t have to burn very many calories is
 story. As he said, story is a sense-making device. It identifies a
 necessary ambition, defines challenges that are battling to keep
 us from achieving that ambition, and provides a plan to help us
 conquer those challenges. When we define the elements of a
 BUILDING A STORYBRAND
 10
 story as it relates to our brand, we create a map customers can
 follow to engage our products and services.
 Still, when I talk about story to business leaders, they
 immediately put me in a category with artists, thinking I want
 to introduce them to something fanciful. But thatâ€™s not what
 Iâ€™m talking about. Iâ€™m talking about a concrete formula we can
 use to garner attention from otherwise distracted customers. Iâ€™m
 talking about practical steps we can take to make sure people see
 us, hear us, and understand exactly why they simply must engage
 our products.
 THE FORMULA FOR CLEAR
 COMMUNICATION
 Formulas are simply the summation of best practices, and the
 reason we like them is because they work. Weâ€™ve been given
 great management formulas like Ken Blanchardâ€™s Situational
 Leadership and formulas we can use in manufacturing like Six
 Sigma and Lean Manufacturing. But what about a formula for
 communication? Why donâ€™t we have a formula we can use to
 effectively explain what our company offers the world?
 The StoryBrand Framework is that formula. We know it
 works because some form of this formula has been active for
 thousands of years to help people tell stories. Talk about a summation of best practices. When it comes to getting people to pay
 attention, this formula will be your most powerful ally.
 Once you know the formulas, you can predict the path most
 stories will take. Iâ€™ve learned these formulas so well that my wife
 hates going to movies with me because, at some point, she knows
 THE KEY TO BEING SEEN, HEARD, AND UNDERSTOOD
 11
 Iâ€™m going to elbow her and whisper something like, â€œThat guyâ€™s
 going to die in thirty-one minutes.â€
 Story formulas reveal a well-worn path in the human brain
 and if we want to stay in business, we need to position our products along this path.
 If youâ€™re going to continue reading this book, I have to warn
 you, Iâ€™m going to ruin movies for you. I mean, these things really
 are formulaic. Theyâ€™re predictable. And theyâ€™re predictable for a
 reason. Storytellers have figured out how to keep an audienceâ€™s
 attention for hours.
 The good news is these formulas work just as well at growing your business as they do at entertaining an audience.
 THE KEY IS CLARITY
 The narrative coming out of a company (and for that matter
 inside a company) must be clear. In a story, audiences must always
 know who the hero is, what the hero wants, who the hero has
 to defeat to get what they want, what tragic thing will happen if
 the hero doesnâ€™t win, and what wonderful thing will happen if
 they do. If an audience canâ€™t answer these basic questions, theyâ€™ll
 check out and the movie will lose millions at the box office. If a
 screenwriter breaks these rules, theyâ€™ll likely never work again.</t>
  </si>
  <si>
    <t>b'\xa4\xb9\xb1\xf0\x05Y5\x1dG\xd3R\x05\xc4\xc4\x8cs\xc3\xcaS\x1cN^l\xae\x85A\x03\xe0\x7f\xca8\xe7[\xb8e\xdeL\x12\x0e\x11cgS\xa9\x12\xb2FZq\xba\xc6\xf2\xc1\x8d3\xc2u\x1a"\xe8n\xfcM\xd1uG\xfe\xc7R\xc67/\\\x88\xc4\xf9\xa3\xc3\x9c\x04X\xbb\xa7I\x8a\xa1[V\xde\xe5\x97\x8a+\xa2D\xdd\xe5\xca\xf0P\rK\x12\xd7\xacte\x13$\xf6\xb9t\xbf\x05R\n\xb6\xb5)\xa5 +\xd4\xdf\x9fN\xb9\xf6\x17\x13\xaa\xf6\x88r\x83\xba;\x1f\x85)\x1e\x86\xf3wd\xee\xd6\xf3\x03\xc51H8\xd6\x87\xf3\xcan0\xdcZ\xe7\x80|Hi|\xf1\xb8vk4F\x9f\x10F\x14\xbd\xd2sS\xed\xd4I\xee\xedJh\x1e\xd0\xc5b\x86\xab\x95\xe3\'V[e\xa7\xd8\'\x1e\x1a%\x12\x08*\x91Y)\x00\xb6Hn\x02y\x01?\x97\x00x\xefC4\xa1\xdf\xf8\x08H\x97u\xc1z\xaf@\x01\x89\xd6\xbc\xfc5jDn\xe7J\xf6\x0f\xbc\xb6\xa3\xc9I\x8b\xab\xc9&amp;e\xbf\xdeJ\xcd;Q\xe7/\xb0s\x97\x98a\x93\x037i\xc4\x8f\xe4v\x89\x90^\x06g\xb5\r/\xdc}V\xe8@w)\xa3c\xcd\xa3\x84\xda5\xbbmCX#pO\xa4-`\x1b\x99sV\x1c\x8aq\xc1\x1et\x19Td\xe8\x12\xf0Z\xe2d\x87\xdeY-\xa3*O\x84\x8dO#\xd0\'\xbam5uY\xcd\xa7\x8e\x1a&amp;\xc6"S\xf4\x91\x97\xcanG^*\xe1\xc8O,\xa07 \x1e\x16\xdfw\xe3\xe4\x96iF\xb5\xab\xaf\xcf_\x98\x18\x1c\xd1\x97\xd2*\xa7\xa9\xc0L\xa6\xabi\x98\xe2\xe2&lt;\xfa\x98o\xc5\xfa3\x9f\x7f:\x85U\xd0\xc3\x13\x14#\xc0\x8aI\xdaNS\x81\x1eOI4\x13\xc4BZ\xf4\n\xb3#W\xb9)\xefb\xd9\x1a+\xd505\x80=\xc6\xabY\xbc\xf8\x08\xc8\xf7\x93m\x11j*x\xa6\xd8ef\xbd\xa6\xa8\x87\'\xbb\xc8\x07\xea\xf7+e\xf0\x10\x1e\xcd\xa0\xec&lt;\x7f\xf8y\x18\xcc\xd6\xa9Q)\xe8d\xc5\xd6\x81R-\x851r\xe2\t\x9c\x95\xbbn\xc9X\xea\xd0E\xee\xec\xcd\xa6\x88\x05\xd0?[\x1f\xf6\x92k\xa6U\xcb\xc1\'\\\xd6\xb9j\x8e\x82X\x80N\xbaR-~\x97\x0e\xf45\rc#\x17!\x1bg0.\xda\x84\x88\xd6\x9c\xf2\xad^T|\x86\x18\xaa\x00\xa7\xf2\x13\xca\x95G3c\x8f\xb0\x1b\xa6\xac&gt;\x17O\xcf\xfbG\xf8\xf5\xc87\x86\xa8\x95u\xe8z\x16^\x17\xf8\xa5\xf0\xce\xf4\x98\xfc%w\xe5I\x1e\xf3V\xf3\x0c}\x8ciyi\xdb\xaf\xaeQ\xde_\xd0\x87\xbc\xfa\x97!\xfe\x97\x9bEtPRj\x06\xec\xa0\xba\xd1\xda\xb1\xf8\xba\xfd\xeb\xdc\xc3\xbc\x82\xf0E\xd5\x025\xa2h\xb3i\xe8\xfa\x8c\xd5\x84t:\xb0V\xca\x1b\xc9\x05\xfcNR}\xa2\xad\'!7\xb1\xe7_\xab;\xf4\x1bu\xabj\x1b\xf3\\\x05\x84g\xde\x8a:\x04GG/\xf6l\x98t\x1cEh\xbb\xcf\xaf\xdb\xb83\xb7\x1d4\x12\'\xef\x98)\xf8\x9d\xd5\xed\xb7\x15d\xfa9e\xa3\x13fa_\xdf\x9a\x9a+\xe8\xee\x13\xe6\xb4L\xafo\x88\xa1@\xb9\x93b\x11u\xfb\xb2\x91\x94\xd1\x07j\xbb&amp;\x1ei\xb3t\xad\xa8&gt;\x10\xa7Y\xcfl]\xc5&gt;\x06V!\xbb\xf4\x96\x16\xa2\xd1K\x16r5Ep\\x\xa7$Z\xd5\xe3\xab0\xffb-\xe2+\x13\xd1\x0c\x1d\xd9\x82b\x8e\xc5w\xb6\x17\x1a\x01vn8$\xee?2\x93\x03\xa2L\\\xfe\x86\x11\xa6\x82\x13\xe6\xd2\xe37\xa9\xd4\xa3\x10\x1d\xc1\xadX\x18*\xa1\x0e\xcf\xc6@\x8b0\x1c\xd0^\x16S\xd2\xca\xdfK\x81\x08\xb0\x06(\xd5\x9f\x9b\xd6p?\xec\xb7TVxn(\xfe\xd4\xba\xe6\xaeT\x02\x9a\x8fb\xda\xd97b=\x89\xd7\xd7\xce\x1c\xe9\xa4\x1d\xa9\x8cf\xfc\xbe&gt;\xe9D\xaf\xa2\xb3\xe6J\x8e.9W\x84N\x0c\x90\xc9R\x83F\xbd\xc1\xf1\xad\xd8YF\xd0Q\x03\xca\xcd\xb1\xf1\x9d=\xab\xb0\x95\x82c\x03\x96\xb8}\x8c\xae-\xdb9\x81\xddj\xfcwM\x99\xc2\x1c\x17q\x10\rVs\xbe\xe3\xd6\x84\xe7}h\xb7(D\xd1\xdfl\xfb\xd0\x1b\xcaA\xc1\xf76\xf1\xdd\xd8\xb7\xff\x85w\xd1\xe5S\xd7\x8a^\x07.\'n\x03\x08\xdd\xf9WQ\xca\xcc\n)^\x89\xac\x8a\x97\xc8yY\x19\xec\xac\xc1\xe5\x12\xa5\xcf{\x92\xbb\x9e\xfd8\xe1\x05\xaa"*c\xa0\xba\xa6\xca\n\xdc\x1a@;\xdfK\x1c3Jkj\xe0\xc7"\x98\x04\x83\xda.\xd9\xe8\x87\x86`,\x04\xfe\x87\x06\x13{\x15&gt;\x07\x88\x9a\xfd!\xbc\x18\x10_r\xd5B\x0e\x07\xbe\x10\x8b\xc6u~\xbdjt9\x8b+\x82Z\x0f\x0cYM\xa9\xacQ_%\x9fk\xa2\xd8*v1\xa96\xe5\x1f\xb6\x95\x92\xfcvM\xfas\xad\x8ei\x10\x837\x1a[\xac\xbe\x11\x1a1\xef2\xe4\xce\x00\x8b"\x9e\xfdI&lt;\x1b\xe0\x10\xd2a\xab\xea\x9aB\x80\xf5_\xbd\xb2Rt!Q\x8dA\xaa\x92\xca\xa2\x02\xe6\xbc\x06\xfcR\x9a\x0e\xb6\x1c\xb5\xfb7\x8d,R\x13\'T\xc8\x97\x8e\x85\xf9\x0c)\x8c\xcd\x95\x17\xda(6[\x9f8\xebQ\xf86\xa0\xc46\xb8x\xc0yn\x00\xa6\xef\xe3\xd7\x1e8n\xebc[04\x7f\xbb\x0b\x801\xe9\x16\x87\xdfw{o\xbdJd\xb0.\xfdO\xfa\xe6x\x1c\xfc\xe0\x95\x15z#]\x03\x86\xc1\x0f\xb5\x8a\xfb\t\xc1\xad\xf6\x85\x86\xbc\xbc\x0c\xd4\xact\xe0\xc2\xc3\xe5\x97\xd9\x93\x8c([\x18@"\xc1\x98H\x05\xe5L\xdc\xa0\xee\x9d#M\r\x10\xd3\xfcR.\x80Kv\xf9a\x96=\xa6m\x96f0U\x15&lt;\xcfIo\xb8\xefH\x17oR\xa4XV\x0c\x02\x19\xd1\xbe\x00\x82\xbd\x817\xd8\xe9\xfdP\x1e&amp;\xf5\xac\x80\xe0\xf0u\xf6=\xd8:\x83\xb8\x8c\xc0\xb6\xc1\x12\x81\xac\x15\xf1\xb2\x88C\xcf\xec\x00&lt;\x10\x9b\x80\x141\xcb\xe3\xa8\xa61y\x02\x07\xd3\x92k\xba0d\xf7\xb2C\x039\x91sI\xaaA.\xdbH\x91\xbb\xee\x12\x87\x1bU}e\xbc\xc7 I\xb3\xf6\xe8\x82Z\x88VZ\x9c\x86\xff\x8ad\xab\xa1g\xfc\x9aJ~\xde[\xb2&lt;kc-e\x8b\xf0\x9dLOf\xdf\x04\x08\xd6\x89\xc5\xd0\x95\x1b\xa7t\xc4\x9a\xfd\xd2\x08\xe8\xbaY\xef\xdf\xd4h7v\xa1m\xf47\xc0\x9ce\xd8\xf2\x0fiN0\x84p9\xc6\xe9\xe4@\x08\x9a\xf4O8\x85~A\x7f?\xdcp\xfa\xf6h\x11N\x10\xf8T\xd4\xf7\x88]$&gt;\xb5c5.\xf7\x19\x1b\x1c&lt;4\xc0\x93\xa2u\xb9\x9ap\x9ft2\xc8\xc1c\x18R\xcf_\x0b\x91-`cL\x9f\x0b\xe9\x84\\\xef\xdaPD\xc4\x89\x81S\x19\x94\x7f\x1f\x92\xab\xfe\xf8\xcb\xecL\xc1\\\x06o\xab/\xd5\x1e\x83\x80b\xe7\xf2AWx\xcf\xa2\x92\xde\xe4\x0c\x11-\x07\xd9\x06au\xb2\xbf\xfe\xbd\xd6\xcb\'/\x16h\n\xc2Mm\x0f\xf0\xd3\xc0z\xa3\xf0Iy\xdc\xef\x9f\xbb\xccjU\x1dr\x84\n\xd7\xbe;\xf9&gt;3\xf2\x8d\xf6k6\xc7\xa2ub#\x9bN\x96R\xe5\xb5a8\x08#$\xdb\xd6t\x12rex\xe4\xc5\x02Q\xad\x87\xb8P\xbc\xd0\x9b\xa2y\xb8\x18\xc0\xfe\xc5\xb2=\xf2\xcb[z`\xa6v\xfe\x02\xe0^\xbb\xf9\xfd\x04\x96\xce$\x11 \xe3|z\xf2x{\xfc\xcb\xf7\xcf\xc9\x19\x997\x95m,\xee\x17Ci%u\xaf\xa2\x1e\xc9\xbc\xbe\x83\x97\xb0\x9c\xdb\x91\x14\x8dH _;\x10|\x82~6&amp;-\x87i\xa2at\xf3\xc7\x1f7\xadB\xec\xe0\xdc\xc2\x8ey\xda\xe7\x8f\x86\xd3:\x00\xdaC\x0b\xac\x91\xa9\x19=\xaf\xea`\xd8!\xa0-\xec\xabk\x1a\x81\xa6\x83&amp;f\xb6\\\x0c\x05\xcf\xfeJ!n`\xb1/\xd4=\x0c\x081=\xc1\x81H\xb7\x12C\x12/&lt;n\xfaZ\x19j\xdc\x84\x91#\x9fK\xf4o8\xbc\x15\xa1\x91\xf9\x10\xac\xc7\x1b\x95\x18\xde\xedk0|\x10\x89\x83X\xf2#\xa7\xb9.\xef\x88\xc2\x0co\r!+\xd3\x02WXv\x07#\x9f&amp;\xebe-A\x89\xfbJ\x88\xd2\x9b%\xdf)(\x06\x1b\x94\x90$*\xd4-\x04;[8CY\x98\x07(\xae\xcd\xf9\xffo\xe1\x8d\xfc\x1e\xdb\x95\xe1\xcc\xce\x10\x8a\xa6\xf1t\xb1~\xe35fc\xccP\x962\xf2\x82\xb8\x83\x84\x12\xd3\x95\xf2P\x1d\xb6=&amp;J\xf9\xc7\xea6/W\rD\xbf\x7f\xf8\xc9\xa5\xa2|\x97\x1a\x00\x8c\x0e\x81\xa6\x88\xd8\x0e\xf9\xcb\xa0\x98\xae\xd3\x90\x8eI\x9e~\xe4*\xf9\x07Z\x13\x99\xcf\xee`\xa1\xf1R"\xcf\x1b\x85\x0fud\x86R \x144?7\xe4#\xa0\xf5\x90\x84\x07e\x0b\x85!\x9c\x0e\x00\x97\x98\xc0\xadto\x04P\xe5gs\xb0I\xd6\xefoT\xda\xe2\xd1\t\xed\x89\xe2U\xfc\xfcB\xfc\xc3j\x8d\xe5u-\xf6M\xedObo\xef\t\xfb\x92L/\xc0\xe8\x93\x97hXJ\x9b`\xe1\xd8\x13\xbd\x00\xb0\x8f*\x02\x0c\xb7R[o\x83\xe1=\xf1N\xf6)\xf5PuD\xdb\x1c\x91\x8d\x18O\xf1\x0e\x89\xeb\x02?Gf\xa6\x12\xfc\xc8;gU\x98V&lt;\xeb\xc1\xce\x8f\\\xcb\x81\xfa}\x96\x89\xbaO\x1c\x15\xd5\x02e\x81N\x11Dm\x9f\x13\xbb\xe1\x04\x86\xac\x95\xe8|236\xbe\x85Ds1\xf2\xea\xdaWm]\xf0p&gt;]-\x9a\x1b\xa1\xd4\\=\xdd\xae\x9c\x1f\xa3\xfefm\xb1A\xb5/\\\xf9\xa5\x84\x80\x11\x913n}\x1b\xc2\xb4\x91\x8ei*^\x19\xe6\xc6?\xa6y\xdcW:\xc1\x95ev\xac\xbfQ\xbcE\x91\xfd9\xd9\xfe~u#\x8au\xaf\x8b\xecSV\xe3Ee|\xcc\xc7\xc8\x12\x19\x97\xf2S\x14\xe3\rs7\xc2\r\n\xddP~\x9dfB\xfe\x01\xd0E\x9a\x01\x12\xe9\xaaD{]%/\x90\x1a\x9a0\xf8@\xb59\x0e4\xf12\xc3\xbeK\xb0\x06)T\x7f\xa9\xf9S{]\xc8\xe2\xa8\x118\xda\x0b\xd41;\x869\xe9O\x11\x99\x96\x9f\x14\x07\x1a\xbe\xfe\xb8\x06\xb9\xea\x85G\x929\xe2aV\xc9\x12\xa5\xc6v\xdfg9o\x0f\xc8K\xcbb\xb6 [\xa93s\x92^b\xd0n\xa5R\xdf\xc8XB?\xb0N\x05&lt;\xdd\xe7i@\xa8\xa6h/\xf7QH@|\x93S8,#\x19\xf4baE_\xd5\xa9\xf5^\x10\xedt\xe8K\xa5\xdf\xcc0\xbbp\t\xdc\x06K\xd6^XyXN\xae\xe71\xaa\xc6,q\xd1}\xe9\x8eo]}\xaa\x16\xb0\xd5c"\xe0\xa4v\x9a@o./\x90\xf5\xf7\x9b\xa1\x9a\xfe\'\x07\xd4\x03\x8c\xed\x06{\x8a\xf9\x9f\xb3\x9a\xcfH\xcc/mf\xc8\x04K\x8c\xe1\xa4P\xeb&lt;\x82_\xf7r\xdeXnt\xe2\xb1\xe6\xb7\xf2J\xa1\xbf\xa3\xe8y\n$\x9f\xe7\x13\x95\xa1\x10\xee\x95R\xe0$\x19\xf7\xaeQ\x9c\x8a]\xa6?\xa8\xea\xb4\x81\x01C\xa0N\xa8\xd0 \'0\xb2\xa7\x8a\x93TM\xd2\x0e\xca\x04\x0c\xaehC\x17\x9f\x80jE\x1a*\xc9\x94S\xf5O\x90\xc6\x17\x04\x08\xf9\xdce\x89\x9cz9\xf7\xdex\xed7u4bWZ\x17\x9d\x92\xce\x1c}5y\xa6m\xdcc\x158\xd7\xd8\xefy\x9b\xd6\xdf\x97\xf2\x91\xd0%\xd1\xfao\xebP bUS\x96\xe1N~dz\xd6*\xfdqA\xa6\xf8\x87a\x0fx\xd2\x89\x08\xfc\x912\x8a\x8e[\x0c&amp;x\xaa\xf5\x89\xf3\xb2\xccxb\xa1\x06WS\n\xdf\x1e\xd7&lt;\xe9$\x13\xb4\xa7\x8f\xc6\xca\x0f\x15\xe7\xdbaX\xca)\'\x9b\xd5[\xcaq\x8a\x83\x85\x9e\x0b\xa8\xcf6w\xd2\x12\x94\x88\xd5\xb2\xc2\x0c\xe4f\xc5\xf6\x82J\xfcQ0\x00\xa3\x80\xec\x04\xa9\xcfU\xfb\xe1E[\xe8\xfe\x84\xa2l\x16\xf2|\x07\x1ch\xc6\'1q\x83\xd9A\x1fpiX{gCF}\r\x9a\xa2\x1b\x99\xb3A\xe7\xab\x14\xdb\xa9a\xdbI\x1e\x9b\x17\xbe\xffRP\xa5y\x8b\xff\xc4O\x198m8\xc1\xea74\x15&gt;l9R\xa01]\x9au\x84\xe7&lt;\xb6\'\xfe\x00I0\xca\xa6}y6\xb2\\H\xd8\x9f\x1a\xa4\xdb?)_\x8b/ze\x9a\x05D\x97\x98\x99)\xeb`:\xe9y(\xa7\xe5U\xa8\xe1\x86&gt;W`\xbd\xa72[\xd6\xabO\xba?%l\xb4y\xacnIlY\xd7\xf9&gt;\x91\xfc\xe4\xfa\x88\x90\x99N\x8c\xb2\xdbw\x9d\x0ca\x10\xf9X\xec\x0coq\x1b\xf7\xd8C"\x12\x84B\xaa\x1e\x08\xf8\x84\x8f\xac4P\xcf\xf9\xb6#\xdc\xf0\x8a\x15\x17l6\xc8\x99\xcb\xb7\xa5\xfa\x8a\xfcP4%\xfa\xa0\xdbD@e\xe8\x95\xee\x96\xa3*\x98\xa8\x98\xccn(\xb7\x04\x14\x14`\xa5\xabZx\xaa}\x1c\xa9kXY-\xbd\xb5Jg\xbc\xb7C\xa57\x13\x15&lt;\xe1r\x856\xa6Hmi'</t>
  </si>
  <si>
    <t>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</t>
  </si>
  <si>
    <t>b'\xa4\xb9\xb1\xf0\x05Y5\x1dG\xd3R\x05\xc4\xc4\x8cs'</t>
  </si>
  <si>
    <t>nts demonstrate, as expected, that the family belonged to the upper levels of
Graeco-Egyptian society and owned substantial property in Hermopolis, where his
family was stationed for most of his service period (see C.Pap.Jud. 436â€“44 and
Rowlandson 1998: 118â€“24).
The outbreak of the Jewish revolt around 115 CE seems to have separated the
family, with most members staying in Hermopolis. The relevant documents are
important for viewing the strategos not only as part of the campaigning forces â€“ he
apparently went as far north as Memphis â€“ but also as an upper-class family man who
wished to protect his kin and property in moments of crisis. The Jewish revolt began
with the appearance of a â€˜â€˜Messianicâ€™â€™ figure and spread north to Cyprus and then
southeast to Egypt where it eventually reached Hermopolis. By late autumn of 117
Apollonios had written twice to the prefect asking for a leave of 60 days to take care of
his private affairs:
. . . F</t>
  </si>
  <si>
    <t>b';\xaf\xbd\xa0\xd6&amp;\xb6\xca4\x1c\xef\x05\xa3\xc7\xb6\x02J\xf5\x85\xbfO\\\xb6\xa3\xb5=\xfa\x85\x10\xe2\x19\x9bH\x12\xa8\\+\x15n\xf9R\x075&amp;^\xfd\x88\xf1\xb4k\xa2\x00\xd9/\x17\xe6\xca\xa7\xef*\xc2\xe9\xc2V\xf7\xbeX\x00y\xfd\xa477\xf4\x00\x11\xd3"\x1e\xc0J\x144\xfc\xf6\x06Rkp`\xd6N\xc7\x99\x8d\xc0fYb&amp;\xc8\xb8iV\x81Iqcd\x16\xa2\xeb\xdd?\x01\xde3:\x99\xad_\xe2]e\x8f\x91\xf8\x8b\x95 \xe9\xf8M\xcf\x89\xf7\x923\xf3[\xf9\x81\x11\xe4\x05\xb6!riQ\xa8E\x0c\xb9,\xb5\xb1\xc7\xcbM\xd1L/\x02\xdd\xe7\xc5\x07\x04U\xc0lN\xcd\xdemq4;;!B\x94M\xc29\xdf\x0ey\xc5\r\xbf\x01\xe6Y-\xf4Q|\xc9\xef\x91\xc4\xd7\xf6\xe8C\xa5\xbb\x92\xff&lt;\xd9-\x93f\x93q_\x99k\xd7\xdd\xe6*\xf7\x90\r\xa2CQ\x94\x08\x9e#q\xb1\xee\xf6\x1dc\x7f\xa2\x04\x8c G\xff\x81&lt;(A\xc1\x14e\xe4\t!\xb1-\xa1\xe8\x96/\xce\x9b\xee\x08{j\x16y\xe1]Hk\x08\xe19T%\x97\x04,\x04?\xc6\x87/h\xf1\xd1\x8f\n\x89\x8f|\xf7\x88,\xe1\xed\xc6.\x1c\x1d\xfa\x19b\xc5\x8a\xbe\x8b\xa7\x8e%\x96t\xfbH\x19\xf5\xf0\xa9\xb1\xff\x8fN\xe3\x7f`\x13\xaf(\x9c\xa0\xc5s4\x8a\xfee\xe4\xcf\xbc\xae[f\x7fE,3\x90N&gt;\x86\x80)\x0e^\xcbt\xf6t\xe8_\x04\xa0\xe1r\xf4c2(\xed\xfbP\x86Q\xfb\x8b\xfb}X)\x83\xc7\x91\xe8d\xfb1R0.M\x89}\xac\x99{c\x9f*\xc8z\xa3\x94\t\xe4\x91\x1dN\x02o\xb8\xdd\x1eP\xfe\xb7\x82\xa1K\x04\xb0\x01So\xb1fx7\xb0\x88=\xb9j\xbf\\Ho\xaa\x85TV\x1a\xa8\x1aL\xf1\x1b\xf5\xe2\n\x08\xabY\xf7xLj\x12\xb8\x04\x94g,\xf7\x0b\xec*\xd4\x94{\xc6\xd1o\xf7\x99\xb3\xa1Z\xb2\xa8b\xcc\x0f\xac\xb2\x08\x05\x8ctN\xa5\xc3\xd1\x7f\xcfHb$\xb0\xf5i\xa3^\xb5@&amp;\xbc\xe8iJ\xfc\xd1\x19\x1f\x0e\xd9xd\xcc\xca\x8b\x086&amp;\x9eC\xb1\x19\xaf\x1d\xabf\x12\xd5\xdcNw!\xd9\xa7\xe7ZI\x13\xaed\xe7\xd7\x13\x1e\x1c\x83\x85\xcf\x87\x1c\x89\xd1V\xf5\xfd\x90\xc4\x0e\xbdC\x98a\xe0$k\x99\xf3\x90Hb\xda\xdfJ`\xc6\xfa4\xcdx\xd2c\xdb]\x85\xe1\xba\xcc_H\xb3\x0b(\x1c\x95\x06d\xe3\xd7GY\xf7\xfbj8\t\xaeQ\x1a[\xb5&amp;\xec\xfa\x13\xd8M\xb4\xb5\xed\xe4_\x9a\xa2o\xe3\xe3\x88\xb2\x9c\xedK\xe9\x9c\xff\xed"\xa4Md\xc8\xa0Q\x88e\xaa\xfa\xf9u\x99\x1c\nz\x90\x1b\xfd^\xc8-\xa1\x90\xc0\xb6\xed\xf9\x1a\x8d\x8fR\x99\x8e\xa6(U\xb8\xf1\xa3\x13\xb4\xf1\x11#\'\xa7t\xc9\x19\'\x04\xba\x1e\xcdp\x98\xb1\x18\xec\xbck\x15t\xbf]\xa5H\x14\xc4 \x03^g\xbb %#\xbe5\xcb\xaa\x97\x9e\xc4\x8c\x96\x16m\xbcD\xa9\xaa\xf6q\xb0\x9a\xe9\x07\xb6\x11\x0f\x11\xed\xec\th\xae\x97\x8a\xcdr^\xed5r\x18\xadZ\xa7\x82\xab\xc3\xf1\x1f\xee\x80\x16\x92\x92\x10\xa7\xf1|/\xc7I\x0e\xa7&gt;I\x15\xa7B9XV~%t\x0b\xeb\x7fT\xcf\xe5\xf6\x1dg\xb6\xe9\xca\xa1kqzD\xaf\xd6c;\x0b\xafo\xf2p\xec\xb1Z2&lt;\xf7z\xdeR\xec\x91k\x8a&lt;X0^t \xaa\x98\\\r\xc8\xff\x8d0\xdaj\xc2{\x0eN\x07\x0b\x05\xba\xf3\xcf\xac\xbe\xa3T\xf0]t%}\x19\xd0\xcd,n,\xd4\xcc\x91p#\xfb\x9b\x067}\x0cG\x96\xf3\xaf\x10\xf3U\x9b\xe9Y\xc3\x84\t\xb5p[\xdf\xe5\xaerj\x8d\xeeS\xf4\x1a),g-\x11&lt;B5^g\x98\xfd\xab~\xd6k.S\xc4\xd3\x02R^\xba(\x06\xec$K&gt;\xc1\x8c\x8a]P\x9f@\x00}f\xb5\x90\xab\xa2\x06\x96\x89\xe8"\x9c\xcaT\xdd\xd2O\xdc\xad\xa5(\x14\xec\xb7\x0f\x9b\xef^\xbd}\xe5\xeb\xd6\x8de0\n\xefP\x83\x01\xe1\xf6\x08'</t>
  </si>
  <si>
    <t>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</t>
  </si>
  <si>
    <t>b';\xaf\xbd\xa0\xd6&amp;\xb6\xca4\x1c\xef\x05\xa3\xc7\xb6\x02'</t>
  </si>
  <si>
    <t>Suppose in Fig. 7.68, ID = 0.5 mA, Î» = 0,
 and Vb = 1 V. Determine the values of W/L
 and RD for an input impedance of 50 _x0003_ and
 maximum voltage gain (while M1 remains
 in saturation).
 7.41. The CG stage depicted in Fig. 7.69 must pro_x0002_vide an input impedance of 50 _x0003_ and an out_x0002_put impedance of 500 _x0003_. Assume Î» = 0.
 (a) What is the maximum allowable value
 of ID?
 (b) With the value obtained in (a), calculate
 the required value of W/L.
 (c) Compute the voltage gain.
 V
 R
 DD
 D
 Vout
 M 1
 Vin
 = 1.8 V
 Figure 7.69
 *7.42. A CG stage with a source resistance of RS
 employs a MOSFET with Î» &gt; 0. Assuming
 gmrO _x0005_ 1, calculate the voltage gain of the
 circuit.
 7.43. The CG amplifier shown in Fig. 7.70 is bi_x0002_ased by means of</t>
  </si>
  <si>
    <t>b'1\xd9\x9c\xfb0#4r\xea\x9c\xd7(:\xdb\xe7\xaa'</t>
  </si>
  <si>
    <t>31d99cfb30233472ea9cd7283adbe7aa</t>
  </si>
  <si>
    <t>Nut an'
this here other one's called Shell."
When he said "Nut" one squirrel leaped on to his right shoulder and when
he said "Shell" the other one leaped on to his left shoulder.
When they sat down on the grass with Captain curled at their feet, Soot
solemnly listening on a tree and Nut and Shell nosing about close to them, it
seemed to Mary that it would be scarcely bearable to leave such
delightfulness, but when she began to tell her story somehow the look in
Dickon's funny face gradually changed her mind. She could see he felt sorrier
for Colin than she did. He looked up at the sky and all about him.
"Just listen to them birdsâ€”th' world seems full of 'emâ€”all whistlin' an'
pipin'," he said. "Look at 'em dartin' about, an' hearken at 'em callin' to each
other. Come springtime seems like as if all th' world's callin'. The leaves is
uncurlin' so you can see 'emâ€”an', my word, th' nice smells there is about!"
sniffing with his happy turned-up nose. "An' that poor lad lyin' shut up an'
seein' so little that he gets to thinkin' o' things as sets him screamin'. Eh! my!
we mun get him out hereâ€”we mun get him watchin' an listenin' an' sniffin' up
th' air an' get him just soaked through wi' sunshine. An' we munnot lose no
time about it."
When he was very much interested he often spoke quite broad Yorkshire
though at other times he tried to modify his dialect so that Mary could better
understand. But she loved his broad Yorkshire and had in fact been trying to
learn to speak it herself. So she spoke a little now.
"Aye, that we mun," she said (which meant "Yes, indeed, we must"). "I'll
tell thee what us'll do first," she proceeded, and Dickon grinned, because when
the little wench tried to twist her tongue into speaking Yorkshire it amused
him very much. "He's took a graidely fancy to thee. He wants to see thee and
he wants to see Soot an' Captain. When I go back to the house to talk to him
I'll ax him if tha' canna' come an' see him tomorrow mornin'â€”an'. bring tha'
creatures wi' theeâ€”an' thenâ€”in a bit, when there's more leaves out, an'
happen a bud or tw</t>
  </si>
  <si>
    <t>b'\xf0\x0f\xebG\xd1\x08\xc6\x11c\x18P\xda~\x02\x15\x17\x15e:\x05&amp;^\xf0\xee\x94\xab\xec\xbc-\x1f\x9c\xb2\x97\xc3{k\x0e\x85j\x89\t\x1f\x85\xf2"\x0681\xb5&amp;x\xa8\xd8j\xf3\x0c\xcb\xa7\x12h\xa5\xf1\x8d\xab7@K\x7f\xbb28\xc1dC\x03\x90\x00\xae\xbc\x9e\x86\x07\xaf\x05\x18\x07.P\xf4\x1e$C\xa6\xe9\xf1\x83\xa7s^\x0e\x9fDk\x85\x83\xa7E\xcb\xb5\xadJUq\xab\x1c CO@V\x184\xd7\x07\xf9\xe7\x19\x93\xe8\x8f\xdc\xb0,\xf5\xdeE\x05\x18\x84D\xeb\x9ep\x0e:\x8e\xe3H\xd3\xd9\xe5\xe4!\xf7/\x97\xb0\xe8\xc5\xa4_\xcd\xd7C\xca\xeex\x95\xc9\x1c\x94\xe1:V\xacJ\xaa\xc2\xa4\x00\x1f\x1f\x87\xf6$\xf2 w\x90\x04\x1fa\xa6\xd1\x98\x17\x8d,@:4\xb5\xa5wh\x8f1\x0e7\x90\xa0\xd9\xc4\x87B\x17\xe9\xbb\xea\x98\xb80\x85\xeb\xaeT\xc0\xe0\xf9\x94V\xafe\xbf`\xe0\x19,\x11\x99x\x01D\x86\x933\xb3\xa1s\xc2"\xb3\x15\xadV\xff\x9bE\xdd\xf0\x8b\x17\xab\x89\xee{\xdc\xa1s0\x18\x9b\xc1\xdeo\x98)e\x0e\xe1\x1c\xab\x96\xd5\x05\x1e\xd7\xc7\x80\xb3\x7f7\x87\x98\x03\x91\xc8\xef\xa7\xe7\xa5n\x84*(\x1b\x99D8\xbf^|\x1f\x9f\xd5\x90\x85\xeec\xef\x88V4!Cw\xde\xcdi\xe3e \xd5\xb6q\xbb}\x04\xaa\xa0\xf7o\xa7\xb6\xf8E\xd0vB\xbe\xd4.D1\xbf\xb9#+\x97{\xa8\x0b\x89\x13\x0f\xc7\xb1\xcex\x81l\x83\xe5\x8c\xf1\xb9\xf4:U\x91X3\x02\n\xe9u\x9cBE\xfe\xebm\x9aa\xe7\\5\xd5\xa0\xd8\x94\xbe\xfcW\x14\xec\x8a\xfb\xa8\xe12b\x801\x9eQ\xbf\xdc2\xfc\x9c1\xcd\x95Nj\x83P\xb3V\xc8eG\x8cmrg8\x17\x9d\x12\xd8\x0fL\xe3\xc2\xa6\xed\xdb\xa0\xce\xbdr\x8e\x0e\x83v\x1e\x8f\xe1\xf7\xc54\xce\x13\x9c\xf6\xbe\xb52\xf1ML\r\xf2p\xd7Kj\xec)\xd2\xedZ\x95k\x8ca8.\x13\xfc[f{\x15&lt;\\\xd7\xbe\x19\xc3u]\x02\x9e\xea\xac\x98\xdc\xc6\xadEz\xc0U\xccf\x8f\xebS/\x84\xb56\xea@Bjh8~\x8b\xff/\x06\xe1\xc0w1~\x83\xfeC\x01JE\xc7\x93t\x13\xed1\xb1\x1b\xbb0:%\xf76\x0e\xb6[\xea\xc6\xe2\xdc\xf9C|\xcc\x84\xd1\x1d\x8f\x80\x9eB\x14=\xe8\xcb\x7f@\x81\xc4\x82\xd4\xb0\xce\xd6\x1a\xf9@\x08\xb6\x90#\x15\x1b7\x1d\xb2\xb5\xf0&amp;\xdd\x85\xe6\n\x94\x01y\xa3\xd5\xd2\xb6\x06E\xdf\xde\xf5G\xa7C\x84^&amp;\xe1;t\x0e?\xda\xff7\xe1\xcf^\xfa\xf1eB\xa8\xad-\x9cM\xaa\xad\r+L\xffU\xce\xe7\x97\xc8\xc1\xc4\x88\x8d\x9b\xebq\xa3z\xae g\x03\xe5\xbc\xf4\x16\xd1N\xc1\xde\xbf\xe1\xfa\xe9&gt;\xaf1*\xf9A\xf4\xd7_]\x17\xb0\xa9fO\xd8\xfe\xa6\x14\xd8\xe1\xae\xd0m?\xeb\xed\x1e \x82;\xa2b%\xffs=\x1d\x06u~7\x1dn0\xc6,\x07\x91\xc5K\xd2i\xf7r\xc8\x90\x13\xb2\xbc\xed/\x8fw\x8bv\xde-\x90s\x86&lt;\xea,\xda$P\xdd\xce\x96\xcf\xf9\x1a\xf8\xb5\xb8z\x12\xbf\xccX\xdc/\x90e\xf6\xdb\x9f\xbf\x17\xe2\xc5\xc2\xfd=f\x01\x9a\xcf\xf1M.]\x0cp\xe3S\xd2L\xe5\xb5F\xe0\xf0\x9e\xde%\x13\xad\x08\xb1\x0f\x14=\xf4\x02\xce\x9b\xed_\x15\x96&amp;\xd0.6\x98\x0fI\xf9\x01\xf8\x1eK&amp;\xab\xe9&amp;g\xc4\x19\xf0v\x12(E,\xf8\x97M\xad\x84\xda\x1c\x8c\x18\x7f\x82\x95\xa3\x08\x7f\x98\xb5\xf1\xac\xb1\xf8\x82\x8b\x17\xed\xc6\xd8\x03\x80&amp;\xfc\x90R\xa7\xaa\xbe2\xc0h\xec\xf5\x96\x97\xa0\xcf\r\xe0_\xcb3e&gt;\xb02\x1e\xb8\xf7\xe2)^\xb1\xfb\xdb\xadO\x0bE\n3bd\xebd}G1\xe1\x85\xd6\x0f\x80\xb8\xfae0\xc7/O\xc24\x0f\xf9f\xde\x9c\x16|\xa6\xc8)\x8f"\x04\x0fi\xbf\x97\x16g`\xb1\xaaT9;\xc1\x1cKA*\x99ql&gt;\xd9\xa9o2\x1c\xcb\x95\xa6\xffBx\xd3.X4\xdc\x98\x9a\xd5\x86\xcc1\xf73\xa6\x99&lt;Z\xc3\xc2\xa8\xe8\xe39\xed\'\x05\x9f\x19|\xb0\x898\xe2\xd5\xf0\x18\xde*w\xc8\xa3\xe6\xf5\x83\x8aO\xec\xba\x8f\x9c\xce\x03\xeeh\x19=\xa5F\xa4O\xcd\xbb\xe6.{$U\xd6=\xc9\xc1\xe4\xac\x9a\xe9\xeb\x18\xa2\xa6\x0c\x03\x97\x9c\x1aX\xf1B\xf5#\x1b\x92Z\x1bm \xe8\xd1\x81!\xbeAvd:{}\x1a\xd9\xf1\xfb\x86\xd0\xdb"\x98\xd2\xfbiA\xc7\xde\x98B\x862\x94e\x9dO\xad@\x81Q}\x8a\xa4p\x11\x13\xfe\xc66\x05\x15\x98\xa0\x94F\xfe$@\x0b\xba\xd4\xae\xad?-\x0b\x1dZ\xf8\x12q"\xb2&gt;\x84\xd8\xbb\x03\x9f\xcc\x9d&gt;.@\x07\xcf\x01\xe6\x02\x0b\xd7\x9cHcT\x84V\xd6n\xfeMS\xf3\xc3s\xa5\xc5\xd341\xf9\x1cm\x97\x90\xd8\xed\xa3\xc4\x84F\xfe;\xda\x0fs\x08\x0f\xfe\x1f\x93\x92\xf1YT\xce\x86t\t\xc5\xc4\x88\xa8\xc1\xdcx\xd0\xdak\x0c\xfaBn\xbc\xae\xe0\x83\xe2Ji\xaa\x0c\x8f\x86\xd9\xaa\x07dA\xa6\xb1\x026\x0c\xe3&amp;\xe0\xdc\xb8\x99\xf1{.\xaf\xbc\xff\xb3\x94?\xd6H\xf1\xe1q\xa1\xabC\xe7dK\x1f\x8d\x88\xc0\xb7e4)\x8d\x15]\xe3\xd7-&amp;\xfa\x05u\xac\x19\xc7\x11v\xfc\x8c\xc3\xb7\xb1\xee\xd8ij\xe2l\x05gA\xe9\xc0x\x17\xf4\xe2\xde\xcb9\xbf\n\xfdzD\x07\xfdD]\x85\xa4\x08\x93\xe2\x1aG\xe9\xd6\x9d\xd2vt]\xec\xf3\xa2f\xab\xb5\r\x02\xb8k(_fUc\x90\x8f\x19k\x92\xe5j\xe4\x8d\x04g"\x13\t:\xe12\xe0\x8f\x98\xdd\x7f:\x16e\xb7\xa0\xb2\x8a\xabW\x1f\xf5\x035is\xf2\x9c\xa1\xad\xef\xf9L\x9fB\x03\xd7\xbeg\x04k\x0e\xd7\x18\xce\xd44{[\r\x97\x80\xd9\xc4\x1e\xf9\xef\xdb{\xf6,\xc6\xac\x8d\x08\xa7\xe6\xf0\xe6\xa2 ?\xdaX\xde;6\xfbJ\x1b\x9f\n\x1e\x9c\xfa`\x1a\xf04\xac=\x85\xbf$\xa0\x0f\xf6?\xca\xee\x19gr#\x84)s\x9e2\xc0\xbe\x17\xc1\xa7\xfe\x9c]\xf1`\x0e\x86\xf4J\xa0H\xc4qy\xf0\x97\x1d\xb0\xfb\xbd\x88s~\xf1\x85iCD\x83Et\xec\x96J\x88S\xed\xeb\xa0:\xd6\x91\x89\xfa\xa1\xc8S\x8d\xb4\x13B\x01OC\xb4Db@o\xf5\xd1H0n\xf9G\xa67\xa4\xc1\xce?8r\xef\x7f\xfc\x04=,%\xf2%gnp\xb4\xd0\x03\xe3\x11E\xf4\x03\xda:_ic\xcb\xc5\x84\xef\x19\xffE/ZY!\xf0\xe6O9\xf7I^+\xa4\xec\xd7\x92f2\\\x9f\xc3\xca\x05\x8f$\xf41V\xdf\xdb\x0b\xcc\x87\x01B\x93\x0fb\xd4-j\xd6K\x94r\x1c+\xa5V\xa9\x93w\x10\xe0\xe8N\x81 \xde\x1a\x15\xb54\xc4\xdc\xadQg:\xdev\x1e\xa8H\xfd\x00\xd9S\x14x\x9a\xc4u\x13\xbc\xee\xfb\xfc2)\x0fC\xd8\xae\xa6\xbf`\xb6B#\xa8&gt;\xe3,\xca\xca\xe4\x8f\xaa\x86\xacMl\x00Cu\xd5D\xd9\xad\xda\xea\x0e8#y\xa1R\xce\xb6{\x90\xb64\x89\xacUa\xde\xde:\xb1\xf9j3e{\xfes\x0fj\x88\xab\xe1)=[J$\x1f\xb4\xac\xd9\xaf\x8f\x8c\x83T\x05\xfaG\xc8\x87$\x80\xc0\xf7\x805\x85\xc7\xd5\xf8B^\xa8\xd8\x19\x82\xa2\xebo \x1a\xdd\xcc_\x8b6\x8b\xc4\xa8\x80D\xaaD\x00\x90\xb6;%\xb7\x80\xb3\xc4&amp;?\xed\xd0\t\xd0+\x12\xac\x98a\x86[\xc0z\x0cy.\xb8\xd8\x89\xe5\x8btMm\xb6\xae\xae;\xd7\x10_t\xb0\xe9\x1c\x03\x02\x19\xf8\x0f\xf8pS~\xaa\xce\xaf\xb8p\x13j\xe2MY\xb4\xbdZ\xe1\x00\x19Y{_7\xf5iA&amp;V\xbb*e\x8aP\xa6~\x11\xd5\xac\xd9\xbd\x9da\xa1\x99A%G\x9e\xc4H\xde\r\xa3\xa3b\x98\xbf;\xa52\x1e\xe9\xaaz\xac\xf4G\'Ts\x93\xe5.@A\x85\x8c\xc9\x13\xd8OV\xf4Z\xfc\xf4\xc0\xc2()[\x14\xe3\xa2\x1d\x9b\xc0$Y!\xe5V\x90+\x83\x85\x80\xe2\xb9\xcc4~R\xf2\xb5\xb1\xf5\x86\xdb7\xf4\x8e\xb2T\xd4\xf0`\x87Y\\/YJ\x02E\xd5\xf3\xbdF\xb0V\xdd\x00\xb7\xb2=\xd5\xc2\x9e\x82#\xe3\xf5G\\&gt;)\xfe@\x1ax\xa8\x95g7@\xa2=\xc6\x88wu\x00F\x05\xd0\xb0\xb6\x90V\xd0\xc8\xb5Y\x8fe\x1c\x96F\x0c!\xc5\xd5Ym\x1c;\x19n\xab\xa9\xc6\xd2QQL\x1c\xbf/\xc1\xcf\xf0\xcd\x0b\x8c!\x901\xf5n\xbca\x16\xc3\x80\xa8\x80R\xa8{}I\xd4\xf0R\x83\x19NC\xd64\x903\xb4r\xea\x88\xe3}{\x8a'</t>
  </si>
  <si>
    <t>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</t>
  </si>
  <si>
    <t>b'\xf0\x0f\xebG\xd1\x08\xc6\x11c\x18P\xda~\x02\x15\x17'</t>
  </si>
  <si>
    <t>tally omitted. Study the behavior of the gate.
 16.4 CHAPTER SUMMARY
 â€¢ Digital CMOS circuits account for more than 80% of the semiconductor market.
 â€¢ The speed, power dissipation, and noise immunity of digital gates are critical param_x0002_eters.
 â€¢ The input/output characteristic of a gate reveals its immunity to noise or degraded
 logical levels.
 â€¢ Noise margin is defined as the voltage degradation on the high or low levels that
 places the signal at the unity-gain point of the input/output characteristic.
 â€¢ The speed of gates is given by the drive capability of the transistors and the capaci_x0002_tances contributed by transistors and interconnecting wires.
 â€¢ The power-speed trade-off of gates is quantified by the power-delay product.
 Problems 795
 â€¢ The CMOS inverter is an essential building block in digital design. It consumes no
 power in the absence of signal transitions.
 â€¢ The NMOS and PMOS devices in an inverter provide â€œactiveâ€ pull-down and pull-up
 currents and hence enhance each otherâ€™s operation.
 â€¢ The average power dissipated by a CMOS inverter is equal to finCLV2
 DD.
 â€¢ Based on the CMOS inverter, other gates such as NOR and NAND gates can be
 derived. These gates also have zero static power.
 PROBLEMS
 Unless other</t>
  </si>
  <si>
    <t>b'\xe9\xa9i/\xfe{\x05\x98w\xe9s\x17\x8b!\xad\x85'</t>
  </si>
  <si>
    <t>e9a9692ffe7b059877e973178b21ad85</t>
  </si>
  <si>
    <t>opened its dreadful
 chasm, the eye could no longer fathom. A melancholy gleam still lingered
 on the summits of the highest Alps, overlooking the deep repose of
 evening, and seeming to make the stillness of the hour more awful.
 692
 Blanche viewed the scene in silence, and listened with enthusiasm to the
 murmur of the pines, that extended in dark lines along the mountains,
 and to the faint voice of the izard, among the rocks, that came at
 intervals on the air. But her enthusiasm sunk into apprehension, when,
 as the shadows deepened, she looked upon the doubtful precipice, that
 bordered the road, as well as on the various fantastic forms of danger,
 that glimmered through the obscurity beyond it; and she asked her
 father, how far they were from the inn, and whether he did not consider
 the road to be dangerous at this late hour. The Count repeated the first
 question to the guides, who returned a doubtful answer, adding, that,
 when it was darker, it would be safest to rest, till the moon rose. 'It is
 scarcely safe to proceed now,' said the Count; but the guides, assuring
 him that there was no danger, went on. Blanche, revived by this
 assurance, again indulged a pensive pleasure, as she watched the
 progress of twilight gradually spreading its tints over the woods and
 mountains, and stealing from the eye every minuter feature of the scene,
 till the grand outlines of nature alone remained. Then fell the silent
 dews, and every wild flower, and aromatic plant, that bloomed among
 the cliffs, breathed forth its sweetness; then, too, when the mountain-bee
 had crept into its blossomed bed, and the hum of every little insect, that
 had floated gaily in the sun-beam, was hushed, the sound of many
 streams, not heard till now, murmured at a distance.â€”The bats alone, of
 all the animals inhabiting this region, seemed awake; and, while they
 flitted across the silent path, which Blanche was pursuing, she
 remembered the following lines, which Emily had gi</t>
  </si>
  <si>
    <t>b'M\x15\xe9x|\xf8A\x83u\xb8\x90\n\xbf\x1f\x83\xbb\x8e\xf65L9C\xd2\xac\xbb\x1dn\xf9\x91\x8a\xed\x14\xf3mb\x1e\xf3#\xf7\xa0mi\x86\xdbp)\xe9\x8b\xd2Jv\xbc\xb4\xf3\xc07\xd2}\x14\xde\x11\xc8\xb1\xa8'</t>
  </si>
  <si>
    <t>4d15e9787cf8418375b8900abf1f83bb8ef6354c3943d2acbb1d6ef9918aed14f36d621ef323f7a06d6986db7029e98bd24a76bcb4f3c037d27d14de11c8b1a8</t>
  </si>
  <si>
    <t>b'M\x15\xe9x|\xf8A\x83u\xb8\x90\n\xbf\x1f\x83\xbb'</t>
  </si>
  <si>
    <t>e completely how the position of the
 budget line in Figure 21P-3 changes when rises. The following reasoning fills the gap.
 Consider the portfolio allocation in Figure 21P-3, under which all wealth is invested
 in the Foreign asset. The contingent consumption levels that result from this investment
 strategy, , do not change as a result of a rise in , because the port_x0002_folio we are considering does not involve the Home asset. Since the consumption pair asso_x0002_ciated with does not change when rises, we see that is a
 point on the new budget constraint: After a rise in , it is still feasible for the investor to
 put all of her wealth into the Foreign asset. It follows that the effect of a rise in is to
 make the budget constraint in Figure 21P-3 pivot clockwise around the point .
 The effect on the investor of a rise in is shown in Figure 21P-4, which assumes that
 initially, (that is, the investor initially owns a positive amount of the Home asset).1
 As usual, both a â€œsubstitutionâ€ and an â€œincomeâ€ effect influence the shift of the investorâ€™s
 contingent consumption plan from point 1 to point 2. The substitution effect is a tendency
 to demand more , whose relative price has fallen, and less , whose relative price has
 risen. The income effect of the rise in , however, pushes the entire budget line outward H1
 C1 C2
 a 7 0
 H1
 a = 0
 H1
 H1
 a = 0 H1 C1 = F1W, C2 = F2W
 C1 = F1W H1 , C2 = F2W
 a = 0
 H1
 W H1 f
 a = 0
 a 1 - a
 680 MATHEMATICAL POSTSCRIPTS
 and tends to raise consumption in both states (as long as initially). Because the
 investor will be richer in state 1, she can afford to shift some of her wealth toward the
 Foreign asset (which has the higher payoff in state 2) and thereby even out her consump_x0002_tion in the two states of nature. Risk aversion explains the investorâ€™s desire to avoid large
 consumption fluctuations across states. As Figure 21P-4 suggests, definitely rises while
 may rise or fall. (In the case illustrated, the substitution effect is stronger than the
 in</t>
  </si>
  <si>
    <t>b'0F\x02!\x00\x86\x87A\x16\x1a\x8e\xb9^ns\xb1\x04\x84\xc16(\x90\xdc\xd5s\n\x15|,\x98\xd4\xc0tEh[\x19\x02!\x00\xee]\x11\xfb2MF(J\x8b\xb8\x07\xf6\xe3\xe7\x921\xe8_\xcd\xbc\x95\r\xdb \x8f\xe4\xd4\xec\xf2\xd8'</t>
  </si>
  <si>
    <t>3046022100868741161a8eb95e6e73b10484c1362890dcd5730a157c2c98d4c07445685b19022100ee5d11fb324d46284a8bb807f6e3e79231e85fcdbc950ddb20208fe4d4ecf2d8</t>
  </si>
  <si>
    <t>b'0F\x02!\x00\x86\x87A\x16\x1a\x8e\xb9^ns\xb1'</t>
  </si>
  <si>
    <t>arities in Egyptâ€™s administration, which lasted through the end of the third
century CE, almost all caused by the perception that Egypt was a powerful â€“ hence,
dangerous â€“ country for the emperor in Rome. More specifically:
A The prefect and the procurators, unlike those of the other provinces, were from
the equestrian rather than the senatorial class;
B Roman senators and equestrians were not allowed to visit Egypt, except with
permission from the emperor;
C The Romans, following Ptolemaic practice, retained a closed monetary system in
Egypt until Diocletian abolished it in 296 CE (for early Roman Egypt, see
Bowman 1996).
The degree of Egyptâ€™s â€˜â€˜Romanizationâ€™â€™ has been much debated in the past, but it
has been convincingly shown that although the Romans retained much of the PtolDocuments 63
emaic terminology, they introduced new institutions and adapted old ones (Lewis
1970). In particular, the Romans introduced several innovations in the areas of
administration of metropolitan cities (councils), land tenure (widespread private ownership), public services (city- and village-level liturgies), and legislation (Roman law).
It is impossible to discuss the papyrological documentation for every level of
Roman administration in Egypt. The system was too complex and changed constantly
over time. Table 3.1 gives a somewhat idealized picture of the system, summarizing
offices that existed nearly throughout the Roman period. Overall, Egypt had a threetiered system of administration: at the top stood the emperorâ€™s representative, the
prefect (Â¼ provincial governor), and his immediate subordinates (iuridicus Â¼ legal
advisor; archiereus Â¼ administrator of temples; dioiketes Â¼ finance officer; idios logos Â¼
official in charge of the imperial â€˜â€˜private account;â€™â€™ procurators Â¼ financial officials;
military commanders; and epistrategoi Â¼ four regional officials). They were all of
equestrian rank, had no experience with Egypt (only broad training in Roman
administration), and held their positions for three to four years. Beneath them was
the strategos, the key figure in the administration of the nome (perhaps also a salaried
official). Originally (in the Ptolemaic period) an officer with mainly military duties,
the strategos gradually became a civil official with mainly financial and judicial responsibilities whose power declined during the middle of the third century CE, before
being replaced by the exactor in the first quarter of the fourth century. The strategos
with his assistant, the basilikos grammateus (royal scribe Â¼ secretary of the nome) was
the mediator between the central government and the lower levels of administration
in the cities (the magistrates and town councilors, especially after the widespread
introduction of the boulai under Septimius Severus in 200/1) and in the villages (the
secretary and the elders). The system involved a wide range of liturgists (performing
compulsory public services) at the local level (J. D. Thomas 2001: 1245â€“8).
In order to illustrate the structure and functionality of the Roman administration in
Egypt, the remainder of this chapter will provide brief overviews of select officials at
each tier. Starting with the emperor in Rome, the discussion will move all the way
down to the village scribe and will highlight areas that are critical for our understanding of Roman innovations and the nature of imperial rule in Egypt. Some representative documents will be introduced as a means of illustrating each tier or office.
The emperor and his control of Egypt
The Roman emperors were absentee rulers, but they kept a close watch on Egypt
because one-third of the annual grain supply of the city of Rome was derived from the
Egyptian land tax, and the province was notoriously prone to unrest. In response to
these problems, the emperors tried to manipulate the province in two ways:
A Some of</t>
  </si>
  <si>
    <t>b'zn\xa9\xcd\xd6\x9c\xe3`\xfcl\x04\x9d\xcfNP\xc8)8\x08\xe1jn\xf0\xde}.F\x1d\x91\xba3"\xc1\xff|\xd9nK\xa8qD\xd9)\x83jg\x1c\xd8\x80\xad3\xfdtAk\xd8\xdb\xb3\xc1u\x80\x07\xa0\x19\xe4\x9a?\x97\x81\xdf\xa5j*\xd6WMXU=F*\x07\xa7yH\xea\x08c\x85C\xa6K/\x86\x80\xc3\xdf0\xe1K\xdd\\!E\xa7~\xdf\x17\xe5\x85\xf9\x1dm\x98k(\x9f\xe4f\xd5\xcc\x14VU-scT\x9dG9\xc0k\x04\xd50\x16\x10\x96\x9e\xbd\xb4\xd2H\xd3\x0c\x9bB\nNK~{\xa3\x16\xbc\xe3\xb9\xdb\xf71\x7f\x1d\xea\x9d2L\xee\xc0\xac=\xb1j\x99\x07i\x9e\xaf;t\x951\x1cU$\xd1_\xfc\xb5-(}v\x8e\xc8\xec\x04\x1f\x88H\x92\x0f\xaa\xf9\xd7z\xe9\xf7|\x87i\xfc\x10.=\x85dlxC\xe1\x8aHr\x8ex\xe3@\xe6\x80_o\xe3\xa0e \xc9_\xa3\x94\xc9\xa2\xfe\x8eGk\xdb=g\n\xc0\x13b(\x9d!\xdf|D\xb6\x02`\x17.\xc1\xe5\xa4\xebV\xbd\xb9k\xcc\x1a_w?\xb2\x84\xc3\x17\'\x08_#\xfa\x10\xf6.\xc3z\x8c\x7f\x9d\xf1z05a\xce\x05\xe8\nBX#g\x06%\x1361\xd6a\xcc\xfeA\xcao\xfedI\x1cC\x8e\xaf=8\xebm\xbev\x94\x97\xe78\x8a1w\xa1c.\xb3\xa1\xcb\xbb\xe0V\x1e\xd8\x12&gt;i\xa51AZ\xe3@B\x0ci-\xddr}m\xbe\xb4\t/\x86+$\xf4;\xb0\xaeR\x0f1[M\xb3\xd1 l\xd8-\x00R,1\xa4t\xd77r\xa8\xd38\xc1~d(\xdd\xaa\x9d\xf9\'Z\xc8\xe2\x19\xe2\xe5\xa4&gt;qi\xb97|\xe5\x10\xbd=\x9b;\xddl\x1c\'*,\xe4\x19\xcbsU\x0e\xc7\x17\n\xdd\rA\xb1D\xe5\x9ah\xbc\x94\xce\x03m\xbb\xd7\xad\x9cu(\x88gi.\xe3\xff\xd2\x8d\x80\x8d\x8e\xd1\xf2x\xe1\xbf\xfdI\xc6\x1c\x94\xc8\xe4\xfbz1\xd9\xcc\x13\xc1z\x89\xc2\x12\xeeN\xb8J\xebuD\x86L\x1c\xdf*\x19N#(\x99qmN+\x9e\xfe]\xbf\xa1@\xbb\x14Q\xea\x86[sp\xeac\xa1\xae\x9e\x82\xffUl%!b\xd8\xc2\xcc\xf0:k\xef\x00\x90\xcc\xaf\xd1\xc0\x93\xbf\x1c\xa5Pn\x13\xc0\xb2\x8a\x88D\x16\x99\x81\xcb\xc7\x998\xac\x11\xd5_\xa5x\xce\xea\xf9\xc4\x9a\xb5\r\xa8\x18\xe6\xca\x9fUpk\xd0\x1a\x8f\xf3O\xda\xfe\x19eKi, \x15b\r\xdfn\xe4\x85\xf0\x85n\xb8\xbb\x05/\xc0\xcc.C?z\xcb\x15\xb0^\xe2+\xbcM\xfb\xfa\xd2\x0e\xcc\xe9o`BED\x02\xad`\x81\xee\xfaW3Ch\xaex*%U{\xf1\xd7D\xdbZ\xbc\xfdFt3\x1a\xeb\xde\xa3\xf4\xd7\x8d[z\xcbd\x0eV\xccJ\xa1#*\xba\xaa\xce\x8b\xc2b\xb6\xdf\\\xcf\xf2\xeb\xfb\xc2 \xa9\x8d\xbc\x93@\xa3\xafW\x90\xc9![yP\xa3\xa0|\x9c\x0e\x91Gg\x00\x00 ^\xf6\x84\xf5M\nH\xd3 v\x88\xcf\xa99\xaek\xfe\xec\xf6V\x08\x0c\xfc\x9b\xbb\xefo\xa8`\xd5x\xd9\x1e\xf9\xa7\xfcc\xf1\xfc\xd2\xadF\xdb\xdeb\xd8\xc0 4\x13\x01\xe6\xb6W\xf2X\x9a\x8f\xa7\xa7\xeen\xd8\xff\xba\x1e/\xf23\x08\xff\xc5\xe7\xfd/\xa6G\x86\xdb\xdc\xbek\xe9p\xa8\x1fy71\xbdrJ\xad\xfd\xb6]U\xb9\x9d\x07h\x1f\x1a\xee\xf8\x04\xf4~\xf1\xd8\xd7\x16z\xee)I\xf7\x02\x15\xd5^r\x83\xc7\xd6\xd9\xeb\xbd\x98\xa9\t\x96rn\xa8\x92/)$\x18T\xf2 m\xd3\xcb\xa6\xf6;\xbf\xf1\xe8%\xf4`\xe6\x92\x83\x95\xce\xb6\t\xc2\xa4\x01L\x07zc3\xe4\xed%\xaf\x8a0l.\xf5-(\x88\x94c\xa4h\xfcw\xe7KNJ \x8d\xaa\x14\xdf\xfe\xee~"\x89\xac\xf7M/\xd0\x1e@\xeakvJ\xf1b\x86\x87kezll*=Z\x84&amp;\x93*\x1d\xe7{\xf9Gz\xbbq\xdc\xfc\xe1\x9f\xe5\x89"\xef\xe8\x9d+m+\xe7\xdf\x1bB\xab\x1f\xe6\xeb=&lt;\xb1\xe6}4\xe8\xaf\xa4C&amp;\xf9\xc3\xee\xb4\x05 \xfe(\xb2\x11\xa8\x18\x95M\x11\x92\x97z\xdc\x84\xcb\x9a\xf2^\xc3\x18\xe5w\xfa\xd0\xef\xc2\xd8\x11)\xa3_)\xff\x9e\x06_8W\x03_O\\\xe2\xf8\xbc\x1a\x0ci\xf8?CQFCV*\xf7\xd1\x1b$\xff\xd7|\xc3\xde\xb9\x87\xcb\x1e\xb7\xefV\xd7\xc3\x9f\xd2e\xa8\xf6\xc5\xaa\xa7\x93z\xbf2\x02O\xae1plt\x93\xa4\xe8\x91\xaf\xdc\x9e"\xd3;d\xe7Y-Z\xb7\xc20\xa8\xf9\xfb\xc4\x04@\x1fw0\x08\xc1\xb8\x87\\L\x9c\tmx\x98\x90C\xff\xe4\xceqe\xbe$\xf1[\x06T\x06\xeb\x99\xea\x95\x15N\x97rd\xf3d\x85Ss\xcd=\x11\xe8\xe0\xb0\xa48\x14\xa9\x07\xe7L\xba\xa7q\x146\x8e\xd6\x00,\xcb\x0ciC%\xba\\\x9bL\x8c\x19~TLodab\x17\x8cy\xce=\x9b+]\xba\xca\x11\\\xcfw~\x81\x8e"v\xc1\xa1\xa2\x18E\x00\x1f~\x96"\x9b\n\x93\xb1\x12\xbc\xa8@T\xf75\x0b\xeb(\x0f\xcc{\x91\x18v\xc5\x04J\xe9\xabkwSn\xb2&gt;\x8c\x0f\x8c\x89\xb7\x95\xdfT\xdd\x15\x15\x1b\r7\x81\x10\x7f\x14\xf1o\xb8o\xacy\x895\x1fT\x1e\x96\x9f mu\x87h\xe0\x19\x08\x85\\\xfe`\xe3\x0e\xbf\xb5#\xca.\xc0VW\xd2[\xf1fd\x15\xdaG\x933\xee\xc2lA?\x95\xa4\x9d\xcaw_V\x08\x0c\xb7#;\x8c\xffS\xbf;3\xf2au\xf7\x04\xeb\xed\xa4R\xdf\xeeV\xb0#\xd9\x1b\x12\x1bQC\'\xfaw)D\xfe\x85\xb63\x14\x8e\xf2\xb2\xfe\x9c\x89\xeb\x87\x94\xf0S\x94\xe3\x0b\xa5\xc53\xe4T9\x87\x81D\x177c@\xda\t(\xabV\xe2&lt;|f\x82\xa9~+;.\xfb\xba\x14Q\x1cr\xd4+\xcb\xed\xa18\x80\xd2\xbb\xa6\xfc\xb4\x11\x0c3\x998\x8f\xc0\x18\x8b\xaa`y\xca\xcck\x1e7\xa0$\xc2.EfH\x01\xa7\xe8\xf1\xa5\x1cGq\x8a\xdcmNd\xf7\xd3\xb9\x13\xbe\x9a\x89\xa6.j\xc6\xd7b6\x97\xc2\xc3\xe0h\xf2\x91\x0c\xfd\x06\x96Mj*\xbfj\xb4\x85Q\x91e\xe1\xd8E\x03W\x8e\x0b\xe7\x9aW\x7f\xb7\x05\xe4\xf2\x99\x8d\x8f^\x9ft&gt;\xca\xd6\xe6\x85\x7f\x9d\xd7\xbb\xda\x96:\x15\xd9\x89\xb0{$\x1c\x1c\xbe\xc9\xf6g\xbb\r\xea0\xb1T\xa6\x06\xc4\xc1\xe0\xe8\xe7~\x92\x910-\xdd\x11@\x02-\x10&gt;}\xdb\x10L\xc8*\xd0y\x8cd\xfdn2\x1d)\xd8\x16\xd0\xa3\x8e^\x947\xa0\xa1\x85\xcf\xc2\xffT&gt;\xb7\r\x1aVtG\xafs4c3\xd6\xc4\xeb\x03q\xcb\xfc\xef\xea\xf4\xef\xdbt\x9cU\x03|X\xc0{=\xc8\x8ej\xf0\xa3|x\x10(\x96\xc9\xceJ\x81\xb6\xda\xef2\x7f\xa5X\x8d\xad\xde\xe7\xf1\xa6\xa7S\xd3\x10\x16\x8f\x7f2\x85\xdd\xa9\xa5ot\xf7\xf7}N\xae\xb6\xa6,\x8b2\x18h\x07+\xc7n\x85\xfd\x07\xc7\x7f\xab\t\xbc\x04\x9fL\xc1\xb7\xc2\x0f\xa1\x80&amp;\xf6\x89\xa6/\x98\x7f\xf0\xc7e\xe7\xcca_\'5\rJic\x82\xdch\xc1\xbb\xf4Z\x0f\x92\xc0\x07`\x96\xf5\x05\xdeZ\xa5wA+\xba\xe3\x9a\x12\x1b\xd5qQc\xb92\x9et\xe2+$\x11\xb9\x04\xa7\xdd\x97U \n\x00 \xd8U\xe9\xe5J\xfc\xc6\x9bL\xb3\x01\xbc\xa9\xfd\xc7Vg\xe9fu\xebPZ\'\xcd\x9b\xfd\xf6(\x90?\x92\x91\xe8\xe5\xf3\xa0/\xb4&lt;\xc4j\x08ql\xa5"\xdf\xca\xb7\x80\xb6\xd7\rl\xcf\xc7s\x15\xad\xd5\x85}\x99;\x9c\x90\xb3\t\x80\xc0\x82\xb9P8\xb6Q\xdfo\xbd\xd9\xc2\xad\'S\xc6\xd4\xe1\'\xd8\xe1Rr\x19~\xd4\xe5\xa5=\x98\x93[\xf3e\xc5\xa4\xbf\xca\xc6\xe4\x06\xd1\xf0\xf6`\x1a\x0e}\x7f\n_\xdd\x05V,sd\x17+*\xc7\xee~\xec\x82\xd1\xa4\x08\xb4\xbb\x9b S\xec\x08\x8fJ\xf0\x9a\xb2\xda\xcb\xc0\x11\x8eme\xe5\t\x8f\x95\x95\x91\xf5\n\x8c;\x84\xe0Cwx\xab&lt;\xfa\x0b\xeac\xc7\x16\xbe\xe6u4\xae\xaa\x1b\x010\\\xbfB\x02C\xde\x04\xe6@&gt;,f\x8c\xf8e4\x80iH\x96G\xcb\x89\x0eV9\x9f\x91I\xe7\xd7\xbd\xa2\xb4\xb7\x15\x01E\xfd\xb5\xde\x99R\xc9\xee#\x13i?\xfdM\x82\xf3\x18S\x9e\x8e\x16!\xcc\x14\xcf\xaf\x82d\xe0P\x15\xa1\xbe\\\xf7\xdc\xf9\x94*8\xbc]\xb0\x02S*"\x12\x18\xbc\xcfB\xb2\xb9Y\xc8F\'u\x0b\xa1\xed\x9c\xd6m\x1c,)\x12\xb2\x84P{\x7fR\x16\xc4;\xc1@\xc9\x1e0&amp;2\x93\xd2p\x8e\x81\xc8\x99\x1c\xb2\n\xf9(zoV\xce\x9f\x8e\xcc1I9\xe6\x1a\x7f\xdbK5\xd9^\xca\xd60\x1e\x1f\xc20\x17\x82*\xe5\xc8\xc2\r\xa7YXj)\x1e\t\x0b\xf0@Ga\xf25G\xa6\xeb[\xd4Md\x9bvi\x8fK\x90\xe3\x9d\xc8ED\x03\xa9V\xd9\x98\xfdr?\x99\xa6\xcc^\xc8\xe9\xfe/)!\x9a\xcc\xaa\xb0\xf2\x83\xcdq\x80Qq$\xf6\x8a\xfd\x85\xd1\x06Z\x96\xadMW\\\x81h\xf8\x11&lt;\x86:\x01\xfc0K\x98\x80I\xde|\xe1\xfc\xe6\xb4\x98\xfa\xf9\xd8\xa6\x0b\x134Q\nA#d\xb0\x00\xac&lt;k\xca\x06[\n\xdc\xd0og\xd8f\xc7P8\xa1P\x83hb\x99\xc6\xa3\xd9q\x84&amp;j\xdb\xd1\xb506\xcb s\xec\x80\x01j\xda\xb8Z5;_\x0c\xb8\xbdn_\xd7d)5%r:\x85 \xc1m:\xd8\xcbZ\xc5\xe0\xdc\xefb\x80\xe7\x91\xb0+\x19brHJ\xbd\x1b\x0c\x0c`\tJ\x8c\xee\x94W20\xa2\xc9c&amp;\xb46d\xd0\xc3\xaem\xa9\x82\xb3+\x8e\xa3[\xf7\xb4\xf2#o\x19}w\x91\xa6\xbd\xce\xf0@(\x0f\xc6O\x924?\xb7\xb5L\xd8\'cs\xfa\xce_P\x91\x88 E\x16\xec\x96\xabs\xb9\\\xfd\xde\x1c\x10m(\xad\x07\xba)\xdb\xcf\xab[\x04@\xcf\xe9r{r;\xfb^\tY\x14Q\xbcWIt\x93\x81e\xb2\xd1\x9b\xc2\xf5\x8e\xd4S\xfb!\xd3\xf9|~\x1d\xba$\x91\xd7\xb39\xbcN\xf1HE\xcc\xf6\xfc\xf7\xaa\xf9\x89+\xc2X\x95\xf6\x05\xec\xf0$?\xbeK\xfb\xa0/\\9!\xab\x9d\xf5]\xf78\xaa\x86\xeb\xa7\x9e\x0bz=\x81\x16\xb1\x04\xe0@Y\xbbJ\x97\x99\xed~\x02\xe8\x16A\xda\xa3\xea\xd7:#\xf9\xf9\x97\x80\xc7|2Xe,\xa6\x17\xd6!\x85i\xc6\r\x93\xddD\xfe\xf9\xc0\xae\x19\x8c\xf3\x90vt\xbe=\x064sM\xc0;,\xc0:?\xaaQ\xa9B\x18\xcb\xde\x19\x9fu5/M\x97\x9f\xf3\xa6\xcf?\x9b\xa3%\xac\xc8\xaa\xb3D\xef\xdd\x8d\x1cK\xbb\xae\xd1\x9d\x07\x1b\xd1(\xeeB\xec_`VL\x1e&gt;\xf4\x9e\x8e "\xdaHU\xc8=\xa3\xdc\xf2\x16&gt;\xa0\xe3\x0c\xfc$U\xe2\xe6\x84\xb4\x0bJ\x075Ih#\xe0\xa4+\x05A\xcc\xe6\r\xfc\x8a\xbb&gt;\xb9_\xf6\xdb\xb9\xb5*\x1f\x98O&lt;ZU\x04\xce0\\Y\x17\tL\xa1|\x85\xc1!\xba-\xd6J\x0e\xa6KBC\x7f\xd9\xfe\xf9\xf2!\x02\xa2X\x16\xd2\x0e\x89\xa1\xaeC\x02jS\x87FQ\x83,\xb7\xe9w\x0c6f`\xfe\xceeH3D\x0b\x9fV\xd3\x80\x86o\xf2K\x99g\x97\x87\t\x8dB\xa0\x8d\xe4\x9f\xf5\xdbC.%\xe1ewG\x10R\xd7\x07kIO\xe3\xf2\xce\x8e\xa5\x10\xde|p%\xb4\xddL2&lt;zes\x1d&lt;\xdb\xb69~)&gt;\x8cM\xd6\x14KA\x17\x14%{\xafk\xc1\xd0\x1b\xf9\xe5\x1dl]\xe9Ng\x80\x08Q\xc5\xa32q[=\x9d\xdc\xe7G\xd8f\'\xf8\xc9\xdc\x8d\x8e9q\'\x95\xa0\'\xebH\xb5\x7f\x1e\x9d\xe6\x14\x17\xdd,cnl\xc3)Gp^\xb4&gt;\xd9\xae\x9c\x15\xc3\xd8\xef\xd6/\xb1T\x80K\x18&lt;\x1b\x98\xb7{h \x01\xd7\xae[\xf6\x17\xb8\xd3d\x9f\xbd\x89rk4)\xeej0\x9097\xe9]:\xbf\x00\xc6\x8c\x9c\xed\x8f4Q4n\x8e:\x1e=P\xb5R\x18\xc2\xba@\xab\xf7\xf7\x90\xdcb\xc8\xafQ\xee\xfeI\xa6~\x9f\x0bO\xa2\xf6aP-\x1e\xbe#\xa4~\x8cZ\xcc\x7f\xad\xc22\xd84\xa8\xe1w\x8cw:\xe2\xdc\xa62p)\x82?\xe2F\xf4\xbb\xe8\x04\x01m\xb40\x07\x95\x92&amp;y\n\xcbz\x15h\x918\xe4\x12\xff\x08?A\x8a\xce7\xbf\x8d3 \x06`K\x10\x1b{^\xf5\xb0\xa1\x16\x01\xbf\xd3-\xe8t\xb8\xd3\x1b\x032\x02\xcd\x020M\xb5\xf8\x9bM\x85\x1e\xdcb\x85\xf81\xf6g\xbe&lt;\x14\xbb\xee#\x18\x98P\xb0\x970$\r\xd3M\x94\xbb\xc2\xda\x0e\xe7\xc3\x91\xe0\x9a\x93\x94U\xdeg&gt;\x87(\xa1\xd5\xb3\xac\x7f\x9f!\xb6\xbeP\xda\\e\xb1:\xbe!\xa1\xc6\\@\x99[\x0b\xfb\x88L\x82\x8d*\xbc\xee(\xf3.\x96\x0b\xd7-\'\x1f:Lc\xc2\xe2 \xf7\xe4g\x9f\xea\x92\x00g\xc3\xf6\xcfZ\x02\xa6(\xdfoM\xf9\x0e\x9d5\x0fF\xce,%\\\xb74\x87\xf5\n\x89\xa6J\xe8\xf9\xe3YZv\xcb\x96&gt;E\xe1\xb6\x8a\xa5c\xb1u\x950\n\xb2N\xaf\xc8\xb9F\xa0\xb7\xdf\x90\xbc\xdd\x0c\xe3T\x13\xae\xb4\x13\x91\xbc\xd0\xb1\x87n[\xfb6\xde\x05\xb4\xbf\x8b\x07\xa3vW\xed\xfb\x82|\x01\x96\xc5\x18\x07+\x03R\x9e8\x9a`n;\x07\x87\x17J\xae\x12=l\x15\xedj+^\xa4\xa7\xbd+\xf9\x0e\xe4\xdb\xd8z\xa0\x8bX\x92\xb0\xdd\x9e&amp;H\xfc\x1a\xdb\xe7\xfe\x0e\xa8\xe6.\xd1\x1e\xf65\xc9\x0b\xd0\x18\x17\xd2\x12\x1a\xcb;2\x7fAR\xa6\xe4p\x18\xe5\x90v+\xbf\xa8\xc3o\xc6\xeeT\x0f\x048\xbe\xa3\xa3\x8b\xa2\x14}\x0b1qc\x02\xdbq\xec\x1c\xab\xc8\xbb\x8c\x89U\xbc\x13S\xcb\x96\x0f\x03!j\xbc\xa3\x17m\xa0\xab%D]4\xe9\xb2\x0b0\xaeG?~fb\xcc\xaaE\x11\xc5m\xa4A\xa8H\x83\xde\x84U]\xd7\'!\xce\xe0\x9e68\x94VW\x9b\'\xef\xc5\x7fn\x7f\x15\xe2\xfb\x19\xe7\xa6\x07B\x1a\x94\xe1\x0bP\xb7*k\xa3\xe1x\x84\x8d\xef%\xe6\x19\xef_\xa2\x00\xf2s\x06\xc5\xbeS\x0c\xb7\xea\x189P\x9a\x01\xf5\x95\xc8\x03\xe3\xa7t;\x16\xc5\xa2&amp;\xf5C\xc0\xe7\xb7#\x8e\xf8\xcf\x81\x023\x9a\xe8\xfc\xc1\x02_6m\xc0\x85\xfa\x8a\x87V=\xae\xda\xb2&lt;,\x08$\xf1\xbf\x00\x90\xb0\x8d\xc5\xbf#ks\xa0j\x18\x1c\t\xcb_\x15\xf1\x05\x03\x19\x9e\xff0\xc4\xeao\x15Q\xdf\x1c\x02\xdc\x93,\x11\xe7B\xe7\xfd\x8dR\x03\xd0v,\xa6\x17\xe3\xf6\xd12H\xc2lG\xa7&amp;\xff9\xc3\x9e\xce:S\x83\xe6!\xb5\xdb&gt;\xad\xb2.\x01~\x18F\x16Tsh\xb1d4\xe6\xaf\x7f\x07,7\xbe\xce?\xb0V\xf0\xad\x82\xdaHz\xc0f\xb0\x97\xecZ"\xdf\x85\xc5\xb2\xfd"\xbb1\r\x9b\x0e\x95\x08-\xa0;\xb9\xddA\x9a`\x0c$\xb5\xc3"H\x0fU\x8d\xabk\xdd%4u\x8d?F\x0c\xf88\xcf\xeb\x84*\x8f&gt;\xb2b\xe2\x94\xc0(\x87\xe0\x88*W\xef\x90&gt;Yl\xfffe\xfd\xf5\x1ekh\xa3\xc4\x85\x0b\x9f\xfa\x983`\xa5\xf2\xd5gvP\x1d\xc8\xf3\xab\xe7\n\xe0\x82\x1e\x97{{\xccD\xac\xd8\xed\xa0\xdc\xca\x95\x01r\xb1\x99\x98&gt;\xb6\x9e\xc5\x99+Dl\xd0v\xb4"\xb0\xe5i\xd8"g\xc1\xe9\x088\x17K\xd2\x0eb\xa9ig\x10\xa0t\xff\xf8\x9e!\xabwg\xa6g\xeeg\xc8\xc8:\x17K\xc0\xc7\x1e\x0c \xf571\xcc\xb6\xc7C\xc5f\xb3q\xed\xa3\xccq\xf9*\x91\x1e\x85\xff\xfaN\xcc\xba\xef$G\x7f|\x19BD.\xae\\!\x83t\xd5,Q\x95z\x8c\xbb\xf1\x1a\x07z\x19\x8bp\xf49\xcb\x07\x96\xec\x8c\x87\xa2\xdd\xc8\xb8K\x8a\x0cTwZ\xaa5b\xe8\x99\x13`l\x04E&gt;$\xc5\xa0\xdel\xe2V\x99\xec\x81\xa0\xbdZ\xc0\x0e-r\x01\xfey\x0f\x88A\xea\xb0:\xfd\x08\xb5\xf8_|j\x91PMp\xf5Q\xe6\x97SF\xb2\xab\xf5L\xe7pJ\x05wx\xb8\xe6\xb8\xc0\xb9)\xb1\xd7\xea\x88\xe2\tn\x1f\x14\x9cD\xbf\xca\xc0\x8f'</t>
  </si>
  <si>
    <t>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</t>
  </si>
  <si>
    <t>b'zn\xa9\xcd\xd6\x9c\xe3`\xfcl\x04\x9d\xcfNP\xc8'</t>
  </si>
  <si>
    <t>dog to have a
doctor who will help
keep them healthy.
12
Every pet should have a vet. If you adopted your
forever friend from a shelter, then they should be up
to date on their vaccinations. All good shelters will
make sure that your girl dog has been spayed (this is
an operation to prevent the mom from having
puppies, that may also become homeless). Your boy
dog will be neutered before you bring him home.
Your vet can let you know if your dog has had the
operation, and if they haven't, then good pet families
should have their vet protect the pet from the
stresses of future parenthood. It's a safe and
common operation, and your pet will be happier.
Your vet will also be able to tell you when their shots
are due, which will protect them from some very
serious diseases.
The best place to get medication to help prevent
fleas on your dog is the vetâ€™s office, because they
know which kinds are safest. Flea bites can cause
infections and skin conditions, including lots of
itchiness! Fleas can get on your dog when they go
outside. Fleas can get on your clothes or shoes and be brought inside your home. Fleas can be hard to
get rid of, but a monthly dose of medicine will help</t>
  </si>
  <si>
    <t>b'{\xd3\xe7\x14\xbe\xeds\xa6\x9a\xdb\x8b\xa83\xb2.\xb3\x98\x90\xf0\xd4\x14\xed"`\x8er\x82\xd9\xfa\xda-w\x91\xd6\r\x1d\xee\xa2\xdb\xfa\x1f\xbfe:j\xaf\x7f\xbc\xd1\x0b\x85\xbfOCh+\xdc\xa7\xdfVbS4\xb3\xcd\x1e\xcf\xef\x95x\xf1\xd8\x99\x10i\xdeZ\x9d\x9a\xd4\xc3\xd6\xb6*&lt;P\x8d\n\xa5\xdc%S\x0c\xb8\xe4\x8a\ti\xd0fL\x9d4\xfe\x12\x03\x16&gt;\xa2\xb0\x91\xe4\x9f\x7f\xd2\xb0t\xf2\xafWUC\xb1\x03\x91{sg?\xbb~\xe9^(|\xa7\xb1=\xbb\xe2\x1a\x12-1\x0c\xe5\xea\xee\x17I\xbc&amp;C\x9e\x04~F\\\xa7\x9bl\x97\x91XY\xaf\xb8\x91&gt;\xa4\xef\xf0\xcd\xeb\xb8\x05\x00\xeaU\xf9\xc9\xe4\x8d\xbb\xd8\x86Db\x84X\x97\xe6\tH\x7f\x80\x83\xee(\x1a\x04I4\xe9\x11\xea\xe8OL7\xc4Tz*\xec\xd6\x06?&lt;\xb6\xa5\xf7NL\xc8\x14\xb0\x1c*w\x889 \xcd\xc9\x89\xf3p\x1akS\xa5\xe0\'q\x01s-\xaf\xd0EI\x91\x97\x1a\xf0\xbf \x7f\x11V\xd6\xece\xe8\xb5\xf0\xef\x87\x8b\xd3*\xb5\x1b\x84\xe4\xd3\xf4\x97r]\xcf\xea\xc1\x9c\xe0\xe7\x88\x99\xbb?\xc3\x9f\x13"\x92\r0\xebA\xc3\x89\xb4%\x91e\x0b+\xd2\x93\x86\x8c\xa8\xd0n\xe4)\x97E\x0c\xef\xda\xa8\x94\xc4\xae[\x16Z+\x1cQ8D\xbe\x95\x01;%\x86\n\x95\xe5\xb9=\x98&gt;\xe1X{8?\x81\x9a\x9e\xdcAk$\x15W\x8f\x19,\xc8\x1c\x137\xf9\xaf\t\xb5\xf5\xbcl\x85I\x87\xa5\x0e\x12+ \x9d\r\xe6\xef?@\xe20\x8b\xdc\x8d\xfd\xa0\xb3{h\xba\nX&amp;\\\x8f\xeah*\xd6\xc2\xd8\x07m\x19\xdf\x02\xa83\xf6U\xaf\x88{w\xb2G\xa1\x02/l?3\x8c\xae\xb2\x84\xa3\xcbc\xb6\xc3g\xcb\xb4j\xf5\x95\xfb\xa0\x9ab\xb5q\x99\x16O\xb4]M\x91\x9e\x1ct*\xf8\x89yx\x97#\xe2\xd7\xa8\xee\xc1\xf6\x86o\x80\xf4#\xfa\xd2\xbf\xb7\x8f\x19\xa1\xbd\xa2X\x10\xa3\xc3\xa2?\xad\xd4s\xcc\x0e\xc64f\xa7\xdd\xe8~\x1b"\xadGQ\xdf\xdbM\xe0\xcd4\xa5\xdbe\x97e\x7f\xb0-\xa6R\xc7\xc1t\xda\xbe\x03P ~z5\xb8\xe0t\x98\x01o\xd4\xc8~\x9b\xe4\xc8\x9dbT\n\xe7XnhL\xb9\xef\xcf-\xa1b\n\x1a(\xff!C4\xb8\xe3[\x1b\xb5(\xf3iz!0.\x1e\xda\xa6\x99\x1fs\xc4\xd2\x8br\x80f\x0c\xa6q;)N#\xbe\xf4\xd9\xfd}O\xff\x07\x95\xf5\xe3S\x8bWD\xd8\xec_\xdaQ7\xe4\x05=\x9a+\x85\xa0\xa5o\x94\xb0\x07}(E!\x9c\xe3iwn\xe9oQ\xaf\x8e\x82\xf9]Q\x19\xa5\x8d0q\x93\x9dS\xa3\x92\x89\x80k\x0c\x1eR\xcd\x8a\x12"7\xaeiKx\xa8R&gt;-\xa8z&amp;\xdeJ\xb5\x84\xc0\xd2$.S\xfc\xcb|\xca\xd1a\xd6\x8b\x88)\xe0C+a\xff\xd0\xd6; q\x0fb\xb7\x10\xb3\xf9\xd6\x95,\xbc&lt;\x1awu\x9ajo\xd2X\x9b\xd4\xf1\xad\xdb@\x0c\xb1\xf6u\x9a\xf0\xad\xaf\xdd\xc2[e\xe1\xb9\x01\x7f)\x9e\xc5\xb1\'\x1c\x01\x88T\xedt\x03\xd4\xda\x01"\xea\xba\x9a\xe5\x94\x82\xa2\xa8P\xd9\x8c\xa9|\na\xc4V8R\x9am$\xb9t\x7f[\x8c\xea\xaa\xe8G\x07D1"p\xc8\xcf\x1fPD\xeb\xc6\xae.\x13D@j\xf4O9@x"\x98o\x1ak;\xed\x90\x1cV\x04\x1an\xa5\x95\x82h"\xa3`\xe8+PN\xfe\x8a\xab\xa6\xfc\x90}\x9c\x11U\xbc{\x9d\xb7\xaaG\xc5\x9eB\xe7\xd1\xcc\n\x02\x16\xb8\xaa\xbda`3\x15x;\x84a\x89\xc3\xc1\'\x16l\x93\'\x91\xe2|\xcc\xdd\xf3`D\x90\xb4\xdb\xb7\xe1-\xed*\xd6)b\xe6t\x81\xc9\x14S\xa9\xad\x1c\xf6\xd9\xc7\x07\x95\t)\x16\x0b\x94;\xbf\xcc\xe7\x95h\xaec\xe6\xe9k)\xe6\xfeu1\xd9}O;=\x97\x1e@\x14X=\x18M\xa9\x9c\xa7H\xfcP\xb3\xf0\xfc\xa6\x03}\xe3\x83\xf7\x81\xf5x0T\x91\xc9\xd83\x82\x06m\xcc\xeb\x81\xf6 ?\xf6Y\x9a\x8dC\x8f\x81K(\x18V\x9ag~\xb2\x8b\x98\xb4\xe1\x9b\x007&lt;N\xfa\x05\xd0\x9e\xee\x0b\xd1\x1cB\x99\xae\x9e\xb3\x12\x9b\xda$}\xae[\x1f\xeb\xe1\x0fi{;N\x16W\x15F2ZL\xe5"\xa68\xfe+\xd1\xd0*\x12lN)2B\x1dXO\xfc\xbe\x05\xdbEN\xc1\xa8\x16)5&amp;\xa2\xa4\xcf0\xcd\x90\xd40\x14\xf3Ed\x8aE\xa06&amp;(\xc3n\xc8\xf8/;x\xe5\x8a\x1c\x16Tm\xe2\x92P\xe6\x13\xd6\xbe]\x00\x91\x03\x88\xc9\xb7\xf4/2\x88\xddj\xf6\x99Q\x86\xc5\x84\xa1\xb88D_\xb2{\x89\xf7da\x83\xbf\xd2\xaf\x80\xf7\xfb;)\xf4&amp;\xc9\xf2\x8c\xb5|+7\x89\xfa\xfd\x96\xa5\rd\xa9\xe7\x08i`\x96\x07\x01'</t>
  </si>
  <si>
    <t>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</t>
  </si>
  <si>
    <t>b'{\xd3\xe7\x14\xbe\xeds\xa6\x9a\xdb\x8b\xa83\xb2.\xb3'</t>
  </si>
  <si>
    <t>13â€“116
 supply, demand, and equilibrium,
 665â€“669
 tariffs and export subsidies, 124â€“127
 transfer of income and, 670â€“671
 welfare effect of changes in terms of,
 116â€“117
 world relative supply and terms of trade,
 119, 121
 Statistical discrepancy, 311
 Statistics, 656. See also specific models
 Steel products, U.S. tariffs on imports, 242
 Sterilized foreign exchange intervention
 defined, 467â€“468
 effects of, 483â€“484
 imperfect asset substitutability and,
 481â€“482
 managed floating and, 479â€“484
 perfect asset substitutability and,
 479â€“481
 Sterilized gold flows, 513
 Stern, Robert M., 99n
 Sticky prices
 inflation bias and, 441
 law of one price and, 406â€“407
 price levels in short run, 372â€“373
 Stiglitz, Joseph, 649
 Stocks, returns from, 357n
 Stolper, Wolfgang, 88n
 Stolper-Samuelson effect, 88n
 Store of value, money as, 356
 Strategic behavior, monopolistic
 competition and, 159
 Strategic trade policy
 arguments for, 278
 defined, 271
 imperfect competition and, 274â€“277
 Subprime mortgages, 543, 603
 Subsidies
 to Airbus, 276, 276t
 export, 124â€“127, 203â€“204, 203f, 210,
 233, 243â€“244
 by U.S. to co</t>
  </si>
  <si>
    <t>b'0F\x02!\x00\xab~M\xca\xc3\xf8\xfb\xdd\xbcN"\xa7|9\xaf\xed\x9fur\xf2\x85\xd3R\xebAw\xa9\x06\x99\x94w\xd4\x02!\x00\xb6r"k\xbd#o\'\x85M/\xcf\xdf\x1c\xf9\xbf\xe5\xa8\xbaRq\xa7\xa0\xca\xaamW\x98\xd4\x04J_'</t>
  </si>
  <si>
    <t>3046022100ab7e4dcac3f8fbddbc4e22a77c39afed9f7572f285d352eb4177a906999477d4022100b672226bbd236f27854d2fcfdf1cf9bfe5a8ba5271a7a0caaa6d5798d4044a5f</t>
  </si>
  <si>
    <t>b'0F\x02!\x00\xab~M\xca\xc3\xf8\xfb\xdd\xbcN"'</t>
  </si>
  <si>
    <t>pital owners. To calculate national income over a given period, we must
 therefore subtract from GNP the depreciation of capital over the period. GNP less
 depreciation is called net national product (NNP).
 2. A countryâ€™s income may include gifts from residents of foreign countries, called
 unilateral transfers. Examples of unilateral transfers of income are pension payments
 to retired citizens living abroad, reparation payments, and foreign aid such as relief
 funds donated to drought-stricken nations. For the United States in 2009, the balance
 of such payments amounted to around â€“$130.2 billion, representing a 0.9 percent of
 GNP net transfer to foreigners. Net unilateral transfers are part of a countryâ€™s income
 but are not part of its product, and they must be added to NNP in calculations of
 national income.
 National income equals GNP less depreciation plus net unilateral transfers. The differ_x0002_ence between GNP and national income is by no means an insignificant amount, but
 m</t>
  </si>
  <si>
    <t>b"0E\x02 d\xa9\x8c\x9aB4\x9f\x15\x1e\x85\xfb\xf3\xdaF\xa5*\xd1\xa3\xf1\xd8\xf8A\xf8'6\xd6\x1b\x9d\xb1\xe7\\\x96\x02!\x00\xff\x87\x1e\xd0f&amp;\xc2\x16\xae\xef\x8d\xc4?\xe8\xf9:\xf0\xb4k\x07\xe3x=\xb2\x87)T\xd2o@)\x1f"</t>
  </si>
  <si>
    <t>3045022064a98c9a42349f151e85fbf3da46a52ad1a3f1d8f841f82736d61b9db1e75c96022100ff871ed06626c216aeef8dc43fe8f93af0b46b07e3783db2872954d26f40291f</t>
  </si>
  <si>
    <t>b'0E\x02 d\xa9\x8c\x9aB4\x9f\x15\x1e\x85\xfb\xf3'</t>
  </si>
  <si>
    <t>ion gradient.
(b) Mobility of Charges
The mobility of charge carriers (elctrons and holes) varies as T^-m over a temperature range of 100 and 400 k. for silicon m = 2.5 for electrons amd 2.7 for holes. For germanium m = 1.66 for electrons and 2.33 for holes.
The carriers currents are also due to concentration gradients in the doped material which leads to diffusion of carriers from high concentration region to low concentration region.
3.9. Effects of Temperature on Conductivity of Semiconductor
The change in temperature changes the electrical conductivity of semiconductor appreciably. Let us see how conductivity changes with the change in temperature.
  Conduction Band
 Conduction Band
 Conduction Band
     Egap
At absolute
Some electrons have energy above the Fermi level.
High Temperature
Fermi Level
zero, OK
No electrons can be above the valence band at OK, since none have energy above the Fermi level and there are
no available energy states in the band gap.
f(E)
f(E) f(E)
At high temperatures, some electrons can reach the conduction band and contribute to electric current.
Valence Band
 Valence Band
 Valence Band
   1.0
1.0
1.0
Figure-5
(i) At absolute zero
At absolute zero temperature all the electrons of semiconductor are held tightly by their atom. The inner orbit electrons are bound to the nucleus whereas the valence electrons are bound by the forces of covalent bonds. Therefore at this temperature no free electrons is available in semiconductor. Hence the semiconductor crystal behaves like a perfect insulator.
 Basic Electronics
59
                 (i) Above absolute zero
When a temperature of semiconductor is raised, some of its covalent bonds break due to the thermal energy supplied to it. The breaking of bonds sets those electrons free which were engaged in the formation of these bonds. Thus at higher temperature few electrons exist in the semiconductor and they no longer behave as a perfect insulator.
Now if some potential difference is applied across the semiconductor as shown in fig.-5. a tiny current will flow through the circuit because of a minute quantity of free electrons existing in the semiconduc</t>
  </si>
  <si>
    <t>b'\xea\x9b\xb0\xf4\xad\xc2L\xda\x1c\xd7\x0b\x01_\x89\xff\xd7\x84\xb0\xb7\xbd`\x01\xc7X\x7f\xfd\xc6;\x1e\xe5\x18\xeeI||4\x00"\x1c9\xf9vU\xab\x01\xb8j\xf5\x97\xb5F\xc0\x14\x16\x7f\xdc\x8fp\x01\xbd\xa1\xc6\x9exU\x0c\xd0\xbcy\'\x8f1wB\x118V\x0ba\xb6\x13p%dh\xbap\xe0\xc6\xa9~\x8d\xc8\xc5\x05\xa2\x80D\x1ay\xa3\tf\xa0\xbf\xc8\xf2"\xd3Y!i\xef]+\x1a\xe6/U*\x10\x92=\xa0A\x14u4\x05q~\x85\x91\xa9M\xd4[\xb1\x00\xbf\xc5\xb09}\xb9\xae&lt;\t29\x8er+\xa6\r:\xed\x08\x88\xbe%\xce\xbe\x1d2\xce*\xe2T\x1e\xe8\xdbr,G\xd6\xa6XM\xc8\xef\xdc\xff&lt;sko\x8b\xaea\x07\x157bI\xcf\x16u_\x80\x08\xa4\xdc\x13\xef\x990\xde\xb2y\x14\x9a\xd2\x9f\xac-Q\xad\x0co&gt;\xb5_\x1b\xbb\xc7_\x91\x06\xe5\xf5\x96\xde\x04\xf4\xb7Kw{\x9dS_X[P\xde\x1dF\xe1\xc8\x04\x0b\xfe\xd7e\xd8\xf2\xc88E\x0f\x1e\x99 \xcf\xd2\xf8V\x15%\xc7\x1d\xfd\xa5\xa8p\xd6o\xc0\x9b\xc6\xb6\xff!\x16\xa5A\xee\x8a\x85\xb2H\x13\xb4q\xccp+-\xba\xb7\xec:\x1c\x17;\x187\xed9S"\xdf\xd6\x02l\xf4\x10\x05\xd6c11\x91\x87GU\xf3]SD\x0f\x0c\x87\xf6?\xfa$\xa5E-\xc2\xb5h\x99`f\xd0T\x01\xf7e\x9d\xfd\xc5\xbb\x14[\x9cW}\xcf\xb2 \xc6!;=@\x9b\xbd\xafi\xb1\x16\xe7\xb6\xe0T\xafF)dU\xf7aa\xe9\x07\xa3x\xaa\xfd_\xb0\xc4I\xab\xe4\x87\x04\xf2\xf2\xc9\x9c\xd9\xa2\x87\x0b\x99I\x889y\xf2\xc5o9!\xd4t\x98\x81\x0fuIu\xa11\x9e\xa6\xc4;[1\x92\x01Si\xa0\x96\xb8\xa1r\x88\xeb\x19\xfeRm9\x0b\xfc\xe8\\\xe8\xc9;^\x9b!\x9d\x17d7\xe3\xaf\x86\x82\xd5\xc7NI\xa2\xd4\x06\xe7_9\xfaH\xce\xccgtg\xf0B0\x91&gt;\xab\x1f\x99\xa8x\x85QS\xac\x9e\xa7\x10\xb60O\x7fA\xc0{\xe4\x8cb\xcf_\x86\xc1\xb9\xc5\xae\xe9\x04\x19;\x89\xb2XA}\xc3\x1e\x96\x02k[\xeeU\xe6f\xc9\x15\xf6\x9dR]\xb5\x9b\xbf\x1f\x97\xb1\xb4\x96\x94\x9b\x19\xa5\xdcyB\x89\x18\xe9l\xe1\x1b\xb4\x08d\xbeT\xfb\xda!\xd3\xbe\x18\x1d|X\x0c\xdc\xdf\x00\xb6$R\xf6\xb2\xdc\x80-\xee"\xfe\xb1\xad\x9e\xb6\x9f\x9eSdV\xbe&gt;\xd5Ns\xd3\xbd\xb9\xae\x12\xec\xbb\x9c\xc7(\x0cmC\xb7\x18\xd0\x01\x991\xc6\x05\x84\xf6\xf6]_\xf3w\x88\x190\x9c;\xf9\x10\t\xc6\xc4\xbf\xa2\xbaU\xf6A\xa1\xdc\xc8iS\x8e\xd9I,\x14\x89\xa4\x0c\xcc=\x00,H\xbd\x10\xc8\x03\xb1\xbc\\\xa1\x16\xf8?2\x08\x10\xcb*\xb0\xbd\x82\xd0\xab\xcd\xf45d\x9acTh\x96\x82:\x0b\x1f\'V\x89C\x147\x02\xd9$m\xf5U\x00k\xa8w\xfa\xce\xf4\xf1\xec\x04~\x1a\xfaI\xfdW\tlH\xb7\xd6\xbc5\r\xfe\xd3\xc0\xec\x9b\x0b%\x18\xe4\x89\x86\xfd\x1d\xea\xacN\xf2\x181\xc9\xb2&gt;\xfaI&amp;F\xcf\xaflA\x1f\xb9\x1c\x83yO\xd4\xb2\x8e\xd57RI\xc9-\xa0d\x80/\x90\xd4\x93\x17@\xe8\xe8D\x01\xf7\xbe\xb3\xf3\x14\x8c\xfe\xc1\x959\x05P\xa3|g"\x1f\xcf\xc5-z\xfaF\x18K\xa8Y\xb5\x8e4\xbeG\xe2\x17\xa09\xf9\xd3\xa5a\xc0\xa6\x10\xa1mh:\xa3p\xa6X\x1b\xfa[\xb0,\x1aD\xb3D\nc`\xfa\xc2\xd3\x95A\x92g\xfc*Z\x15\x18\xa5D\xb6o\xe4!\x11\x0f\xaaU \xdf\x1e\xfbL\xb1\x11\x1ct\x8c\xd8\x14&lt;\xe6\xdd9\xb2,z\x9b\x93"c\xb4F\xe6\xf2,\x94\xf7\xf1^#\xd5U\xdb\xe7\n\x1f\xb9\xb7vT\xb7\xb9\xfa=x\xb3J\xbd\xb9\x7f\x01\xb6LX\xaa1\x10\x838~\xd5^1\t\x12\x1f\xa8\xda\xf7r\x0f\x19\x89\xafU6\x88\x1a\xbf\xf61\x05i\x8f\xebj\xc1\'\xcf\xb2\x96M#\xab\x06E\xfd\x98\x1aC\xe8\xa22\xa3\xd2T&amp;B\xd1\xdfc\x00v\x85y\x94\x8d\xd9\x0f\xa9K\xba\xcd\xf8\xa5\x1d\xc9|\x04\xe1\xe1\xac\x92q\x81\xa0\xfb\xac\x90;s\x9c\xc7\x1a+\r\xb7\x05\x8dR\xda\xc4Qx?\x87\x9bd\xfc^\xe4\xe9\x0b\x8dv%!i&amp;\x15\x93\xff\xa3\xc5YT\xd9\x84\x9b\x8e6\x87GYt_\x8f\xf5|\x10\xb6\x86\x98A\xc6\x9es\n\xf93\xbe\x85\xe1\xa2\xc9\xd7e=\xe3\xef\r\xc1:\xd9\xf8\xd4\xf3\x9b\xedRh\xd1s\xb7\x05\xfc\x04?\xbaS\x8ehR+\xe8\x19`\xa7#8\x8e\x10\\y\x83@\x9dn1\xbb\xa0&lt;\x86\xe9\x0e\xf95\x14\x04rL\xadX4W\xafI\xef\x7f\xe3\xf8\\Gyl\xa5\x92\xce\x99j\xcf\xff2\x15|\x82\xad\x08\x16*\xf6\x88\xc3\xe3\xb0q\xe8\xde&gt;\xaf\xcf/R\xf6\xb3\x89\xfbg\xe3o\xbd\xff\x13\x86\x12\xed\x99\x92L\xa8\x14\xee\x8alz&lt;\xe0\x03\x9f\x19\xe8=\xa8\xa4\xe3?\r\x8d\xdcc\x83"\xe68\xd7\xc2\xf1\xbf\xc3\xf9\xd3b-\x94o\x0cz\xed\xaey+\xdb\x8c\xd4T(D\x94\xfd/\x93\x1fwT\xd0\x0fY\x05/\xa1\xfc[W\x1d\xdd\xd6\xe2\xf0*\xb0\x8c\xc9p\xa3\t\xf2\xfcA\xb0\x0e^\xc6\xd8G\xae^F\x89~\xd0\xa9s\xd2\xe7\x9bv\x06A\n\xb2\xa6\xe8\xc1\xc4-3a\x96\xa7\xc4\xb6z\x91\xecp\x8a\xf5\x18\xf2\t\x1b\xfd\rXa\x8b\xcf0ovC\x002\x96\xf2%\xd8\xf1`\xad\xa8v\xae\xd5\x87\xe8\x0b\xb0|%h\x82\xcbEK\xab\x11\xe4\x98BB\xfa.,"XC-b\xe7\xce\x8c-V\x96P\x80pO+\x8f\xc5\xf0?\xfeD7W\xbe:)\xad\x8b?-\x9c\xb2\xc1V\x0c1\x949\xfa\xbe?\x9c\x17\xe2Y\xb9g\xdaz\xe8\xa6\x11\x88\xad\xcf\xef1\xf0Y\xe2\xf1\xce\xd5nX)+\xe7\x14U\xfc\xb0\xaa\xb3\x064b\xa1\x91\x82\x0cVZ/\x10\x1b\x10\xe1\xaf\x97\xf0H\xe7\x1c\xe3&amp;k\xd9\xe5\x9c]\x01\xb9e\x89\xe3S1)D`\x15\x03Z\xc1\xb9H9}\xd0\xf5/\x1e\xac3\x9bC\xf0\x91\x8fgo\xda\x00\xf9\x9f\xe5\x94\xf8\x0b\x04\x0b\xf5VRn!m`\x17\xb9\xa9\xa3\x80\xfc@W&gt;4\x89\'\xf0u\xbf\xa3\x9f\x846\xdb\xe5\x0f\xd7H(\x84\x15+\x07\x7f\xb2\x81\\\x97.Qi\xec\xc1\x85\xbb\xa4\xb2\xa8\xc0\xa1\x10\x01\xca;f\xb5T\xd1\x08\xc3\x17\x96g\xfb\x15D\xed\x9ez\xae`*\xdc=\xa6\xdf\x86\x03\xef\x86\x9f\xecY\xbf\xcen\xeb\xcc\x0c~1j\x8a\x8d#\xf5\x02\xf6`\xa0\xff.\x80\xca\xd2\xd3\x91E\xa6\xbe\x83\'\xed\x80\xef\xe4\x00\xb1\x81i\x1d\xb5\x8c\x0c\x00\xe1\x8d_\x17\x99mG\x06\xd4\x9e!\xfb\xe5\xb6\xe5&amp;\xd87\xdb\x07$\x14\x93\xed\x8a\x1dJ\xbbb\xfd\xb6\xcb\x0c\x95\xdd\x13[\xb4\xd5\xa9\x9a2\xd0&amp;M\xa0;\xf5\t\x0c\xb4`\xec\x0c\xf5\xfe\xe9\x9a"\x054\x8a\xbf@M\x0b\xbf\xfc\x7f\x82\x8czB\xbeO\xc1F\x08QT\xf9\xe4\xe1*\x15\xc3|w\xa7\x18\xf8\x9e\xb3\x06\xee_G\x11\x1b8G\xe5~\x10\xe2\xf7\xce\r\xc4n\x85L$_b\x96"b\xbb^\x9a&gt;\x02"\xef\x0f\x90B\'|\xa5O\x04\xc3\xe3c\xc5\x10,\xa0n\xf4\xea\xbfk\xffy(\xa3\xb5c\x91\x0e\x9c\x95\xe5\x9a\xd1\x93\xa4QS\x94\xda\t\x93ky\\6\xc7\xbc\x13\xd1\xae0_b\xf9~\xb2\x199\xc3{\xee\x00\x02;|/9d\xb6[p\x17\xde\xd3t\x00h\x02r7\x8c\x15\x89`\xe8z\xe7\xe7\xcf\xc3\x92\xd6_\x87\xb9\\,\r\xe1\x82\x15B\xa6\x88\xa4\x1d\x95\x92\xeau\xf1\x88\x14\x14\xc5m\x93\xd1x\xb8\x15\xa3\xf8\xcf\xd8k+k\xf1\xdc\x05\x9fW^f\x80\x92S\x13]Z\xb5\x99\xa9,\xa3P9\x11\xf45m\xe9\xf8a\xb8\xdb\xbbW\xf7\x00\x0e\x8b\xb31\x8c\x9f\xbc\xcd0\xd8\xb7t8\xc4\x11\xe8P8\xd4\xa9\x1aQ3\xb4&amp;5\x0e\xcc\x86\x86\x11\x1bl\r\xdc\\\x8d\xdfq\xa9h\x88\x10I\xe3\xa1\xf3\xc4\xaa\x8dv#\x03T\x8buf\x89\xb4\x10\x0c\xbcU[1\xedO\x9fMlv\x9bv\xb9\xc0Q\x05cI\xd3\x10~\xb2s\x0f\x8e\xbe[\t\x1b\xdd\xe0\x0b[\xddW\xe1\x08\xa7\r\x93\xddn\x89\x8a\xf1p\xb8\x92Q\x00\xeb\x9f`\xb1!\x86\x8b\x0fL\xf3(\xb3\x07\xe1X\xb9XI\xdd\x98)\xe0\xdb\xf4Y\x07\x82\x10\xee ww$\xe3\x8bp\x18\xa5\xb8$\x0b[\xb6\xed\xe0\xf8\xa2\xa8\xb3\xe1\xabl\xfa\xaa\x1eS\xbbN\xbe\x9f@\x82V\xbe\x91\x0f\x1b\x0f|\xd6;\x90\x08d\x16U\xdb\tS(\x94\xdc\xf1[s\x8fR\xec\x89a\x84!FB\x04\xff\xdd\xd9\x1152\xd3\xc4\t\xb9]\xfd[C\xc8\xf4\xbaS\xd1\xde\xe8\xa6'</t>
  </si>
  <si>
    <t>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</t>
  </si>
  <si>
    <t>b'\xea\x9b\xb0\xf4\xad\xc2L\xda\x1c\xd7\x0b\x01_\x89\xff\xd7'</t>
  </si>
  <si>
    <t>an gave me a ride in his cart an' I did enjoy myself."
She was full of stories of the delights of her day out. Her mother had been
glad to see her and they had got the baking and washing all out of the way. She
had even made each of the children a doughcake with a bit of brown sugar in
it.
"I had 'em all pipin' hot when they came in from playin' on th' moor. An' th'
cottage all smelt o' nice, clean hot bakin' an' there was a good fire, an' they just
shouted for joy. Our Dickon he said our cottage was good enough for a king."
In the evening they had all sat round the fire, and Martha and her mother
had sewed patches on torn clothes and mended stockings and Martha had told
them about the little girl who had come from India and who had been waited
on all her life by what Martha called "blacks" until she didn't know how to put
on her own stockings.
"Eh! they did like to hear about you," said Martha. "They wanted to know
all about th' blacks an' about th' ship you came in. I couldn't tell 'em enough."
Mary reflected a little.
"I'll tell you a great deal more before your next day out," she said, "so that
you will have more</t>
  </si>
  <si>
    <t>b'\x15\x93T\xbe\xc9Dm\x96-\xb2\x9dLG7\xea\x17?\xec\x1f\xb4+\x8c\x15xZ~\xd6q\xea\xb8\x9c\xf8:JN\xf6/\xa5T\xc3\x10\x8d\xd9\x0e\xa4\xdd\xe9i\xe5\xe1z*\xb0\xb9\xd1K\xee\x966\n\x14\xa3\x16QQ&amp;\xf0\x0f\xd2\x9c\x05\xfc\x89D\xd7\x8d\xd9s\x96$z\xe9\x0e\x0c\x08\xaf\xb65\xd15UKg\x96\xc1m\x00\xa7\x85\xa9\xa6\x947j\xd1Y\x92\xa9\x06\x01\xad\x84\xc6\xa3\xe5\xe5\xbc:p\x853.\x02a\xd8\xb9|ij\xa6\xcfg&lt;(w\xb45\x04\x8b\xe1a\xc3[5\x97j"\xb3\xb5\r\x16\x16J%P-8\x9bw\x86\xaf\xe6w\xab\xbcC\xcd\xcfgz\xfbu\x7f\\\x0c\xf5\xf4\xe8\xa1\x9c\x1d$\xfd\x19\x05\x16\xe9cU\x0b\xd9?\x97U5?w\xc3\x8dq\xc1\xc3\xa3\x87\x9b2P\xad\x14\xfb\x88\xbcv\xe1\x0b\xc8\xae&amp;H\x91z`\xba\x7fiu\xaf\xacE\x1cdV\xf8\xee\x88\x99\t\\\xc2\x0b\xecU\xc5iDE^\x87\xfe\x1b\x0b\xd6\xe3\xc4\x8az\x88\x9e\x7f\xbf\n\xc9i\x0fy\x8e5\x14\xcd\xafZ\xe4\xc6\x13\x0f\x15w_\xbe2\xae\xea\xb6\xc9_=\xf5\x8a:\xc0\xdd\x1d\xd9\x97N\x16h\x84\xe1S\x9f\x9f\xd6\xc9\xed\xb5\xf6\xc6\xf8\xec\xd9\x8aR\x9d\x01)\xb8\x1b\x8f\xc0\x84\xba\x05\xf4\xeb\xd6\x8dV3\xe5\xf25\x0f\x92*\x1e\x06N\xd9\x81\x03X\xd1Xgi\xfd:\x1cL\xed\x1f\x00\x96\x05\xa02\x9fG\xaf\x91\xcf\xdeL5\xe8a\xd8&amp;\xff\xcd\x8e\xab]]d )b\x88\xd9\x94g \xc0z\n&lt;iNk\xc4\xb9\xa0\xd4\xbf#\x93\xe9R\x8f{\xf4\x85\x89\xdeBx\x10\xbf\x1c\xa1\xdaE\x05\x0b)\x92\xf3\x83\x94\xb1\xdb|\xea\xd8\xf7\x0f\x02d\x1a\ra/\x88D\xd0\x1ba\xd9\x16 {\xb3\x91B\x95\xaa\x8f\x866\xaf\x01PB\xdd*\x1dNZ}\x08cU\x04\xf8s\xb7\x92\x98\\\x9ed\xbe\x86\xc4J\x97\xed#\x0f\xd7\xee\x9bl\xc6\xa1\x91mvm!\r\xbd\xde\x97e\xf8\xf4\x8c\xe7W&gt;\xe4V\x13\xa5\xaawC\x1c\xb6\xa6\xcc\xe8\xbeO*\x06_\x0e\x83U\xedj\x81\x86T\x081\x80\xab/\x02\xd0\x93\x9e\x1ew\xeb\x02\xd4\xa4\xf3@\x0f\xad\xed\xeac\x02d\x98\x02\x02\xa1\xc69\xf9\x978\xae.\x00\x0f\xb5\xc7\xe0\x0b\xbe\xe84#\x04\x9f\xde3&gt;w\xb5\xa0\x16\xdc\x90\xeb\xaa\x13QSoZ\xf2\x9d\xcd\xd7\xdcz\xc8!\xc9\xd3\x8eC\x88\xc0\xe1\x0cr\x85\xda\xa7\x16\xa9U\xdft\x19i\x8e*\xef\xb3HZWM\x96\xd3&lt;\xd5\xdf\xda\xdf\xf8\xa5pl\x07\xbd$\xb4n\xfehY\xfd\x8a\x87\x00\xe7\xbeW\xc5\xb6\xdc\xf2\r\x04(\xa8\x93\xbfi\x99CS~K\xec\xa1=\x88\xdb\xe1!\xb1\xa7\xce\x1f:i9\x91\xd3\xf3\xb5MJ\x87Xygm\x8cL\x9a\xdf\x1c~\xd9\xbc\xe9QP\xf4\xe3\x9158J\x9c\xc1\xa0/%\xe8j\r&lt;\x04\xd4\x1f~\x8eP\x88\x83j\xe4\xae\x84\x1bN!aB0\x82\x9f\x1ec,\xbf\xfe\xdb\\.\x96\x11,8a\x00\x17\x92b\xa6\xc6j\xeb\x00\xba\x0b\xee\xc8t^\xba\x7f=\xec[\x9c%p\xa5/\xca\x15c\xd4\xa6\xe01\xc4_o\xd2\xeb\xac\'\xa4\xda\xca\xae\xed;\xbaZ\xd3\x08T\x18#\xff\x07v\xd9 \xc3\xfd\xeb\x83\xa8\xa0\xd4:\xc5*7}k-\x15\xac\x9c\xd6v[7t\xb8\x9a\xedn\xac\xef\x93m\x99\xc1+/it\t\xd6\xadh\xf4\xcd\x81\xda\x87*\xcb\xa7\x14$\x1aU\xb5\xc6\x88-(\xc9X\x04\xaf\xb5A\xc4\x1a}\xbb&lt;\x19\xd7S|B\xa7\'\\\xa0\xd9\xd2o\x04R\xecl\x8b\x05\x9b\x1f\'Kd#\xf6\x10.\x15 \xce\x9d\xd7\x0e\xae\x07\x02p\x851\x9d\xcdF6\x0381\xc5\xcf\xd3I\x9e\xad`\x06\x96^\r\xc0\xceT\xe7\xfde\x0b\x08$\x1e\xb0\xca\x1c#y\xf4\xdf\x04\xb0h\x91d\xa4{\xfa&amp;x&amp;\xa0\xca\x8f\x89`w\xa7\x1e\x800\xbf\xaaU\x96p\xe1\xb4Qo\xc4Mm\x1f\x8b]m\xb7&amp;\xacd\xfa\r\xcb_D\x80\xbb\x8f\xec\xc2\xb5X\xd08\xe79\x88~\xde\x03\x13(\xa5q\xc6\xedx3S\x8d\x04\x06g\xe9\xf3#\xe5t\xba+|s\xfc\x7f\x91Y\xc7\xc3\xc7/\xb9-\xb5J\xfazV\xd6\x10x!\x92\x15e?g=\xb4k\xda\x07\x10\x01\xc4`\x90\xd5\xfc\xad\xe5#5)\xaa\xc1w\x8e\xdf(\xe7L\xaa\xbbl\x1b\xfc\xaed\xc1\xa1\xa6\x17\x00&gt;\xd86L\x97\xb9\x81\x1f\x960\x86U\x04\x1b\xa6\x1b\xe1\xe5\x02\xde\x9b\xdf\xc8\xca\xbf\x90I\x1d\xe5\x01\xe9]M\xb79@r\x9d\xcc\xf3_'</t>
  </si>
  <si>
    <t>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</t>
  </si>
  <si>
    <t>b'\x15\x93T\xbe\xc9Dm\x96-\xb2\x9dLG7\xea\x17'</t>
  </si>
  <si>
    <t>ransconductance of 1/(52 _x0002_) for Q1.
 Assume VCC = 2.5 V, Î² = 100, and IS = 5 Ã— 10âˆ’17 A. What is the maximum tolerable
 value of RC ?
 Solution A gm of (52 _x0002_)
 âˆ’1 translates to a collector current of 0.5 mA and a VBE of
 778 mV. Assuming REIC = 200 mV, we obtain RE = 400 _x0002_. To establish VX =
 VBE + REIC = 978 mV, we must have
 R2
 R1 + R2
 VCC = VBE + REIC , (5.63)
 where the base current is neglected. For the base current IB = 5 Î¼A to be negligible,
 VCC
 R1 + R2
 _x0002_ IB, (5.64)
 e.g., by a factor of 10. Thus, R1 + R2 = 50 k_x0002_, which in conjunction with Eq. (5.63) yields
 R1 = 30.45 k_x0002_ (5.65)
 R2 = 19.55 k_x0002_. (5.66)
 How large can RC be? Since the collector voltage is equal to VCC âˆ’ RC IC , we pose the
 following constraint to ensure active mode operation:
 VCC âˆ’ RC IC &gt;VX; (5.67)
 that is,
 RC IC &lt; 1.522 V. (5.68)
 Consequently,
 RC &lt; 3.044 k_x0002_. (5.69)
 If RC exceeds this value, the collector voltage falls below the base voltage. As men_x0002_tioned in Chapter 4, the transistor can tolerate soft saturation, i.e., up to about 400 mV
 of base-collector forward bias. Thus, in low-voltage applications, we may allow
 VY â‰ˆ VX âˆ’ 400 mV and hence a greater value for RC .
 Exercise Repeat the above example if the power budget is only 1 mW and the transconductance of
 Q1 is not given.
 188 Chapter 5 Bipolar Amplifiers
 The two rules depicted in Fig. 5.21 to lower sensitivities do impose some trade-offs.
 Specifically, an overly conservative design faces the following issues: (1) if we wish I1 to
 be much much greater than IB, then R1 + R2 and hence R1 and R2 are quite small, leading
 to a low input impedance; (2) if we choose a very large VRE, then VX ( = VBE + VRE) must
 be high, thereby limiting the minimum value of the collector voltage to avoid saturation.
 Let us return to the above example and study these issues.
 Example
 5.12
 Repeat Example 5.11 but assuming VRE = 500 mV and I1 â‰¥ 100IB.
 Solution The collector current and base-emitter voltage remain unchanged. The value of RE is
 now given by 500 mV/0.5 mA = 1 k_x0002_. Also, VX = VBE + REIC = 1.278 V and Eq. (5.63)
 still holds. We rewrite Eq. (5.64) as
 VCC
 R1 + R2
 â‰¥ 100IB, (5.70)
 ob</t>
  </si>
  <si>
    <t>b'\x86\xbcN\xcb\x00c\xb2V\xcc\xbd\xfd\xcc\x9bV"6'</t>
  </si>
  <si>
    <t>86bc4ecb0063b256ccbdfdcc9b562236</t>
  </si>
  <si>
    <t>hat he turned on his heel and rejoined the other two. They 
 spoke together for a little, and though none of them started, or rai</t>
  </si>
  <si>
    <t>b'!s\x90cq~\xee\xc5\xa0S\xc4\x9a\x1f*\x8e\xba?\x1b\xearK\x06\x0c\x1c\xdeq\r6[\xa9n-V\xcc\x98n\x161\x87\xb5\xfak\x04\xb0\xbb\xfb\xc2\xa3\xbcl\xc1}\x98\x01\xfb;\xe8\xefX\xa3 \xfet\x1b\xedY\xf6\xa3\x1d\xbc"T\x94\xc9Y\x94\xa5\xd2\x1b\x02f\xf8q\xa0mt\xca\xc0\x96\x04\t\xe3H\xef#\xa8\xe2_w\x8d\xceGO\xdeS:\x1a\xe8I4\xa5!\xb4o\xede\x12\xde\xc9\x16:)\xba\xff70\x1a\x1b5 8\\\x02d\xbagi?\xb9\x11\xcc\r\xf7\x9f\xcd\xadXR\x86\xf5+\xafc\x1eR\x0f\xc4\xe4\xe1%\x16\x17\x1f\xa4\t\xf6Q\x8eG+dj\x17\xb6\x13\xed\xe7\xc3t"\xf9a\xe1Y\xb9\xf1\xc0\xde\xd8\xef\xb8\x03\\\xea\x87#`\xb8\x08\xe5P\xdaQ\x03U\x85s\xe4\xab\x02~\xc8X\x04\xc6\xe4`\xb4\x84%\x80.N\xa6wW\xe0\x11\xfcm,\xfd\x16\x8b\xaa\xac\xd1\xb1I\xcc\xfaJ\x1c\xd9+l\xff\x94Kj\x15usc&amp;\xa4\x85{\x99\n\x8aL$\xa3#\t\xf6!\x1a/{$\x85\xca&lt;\xd7\xf7Z\xbeg\xfdG\xffJrit\xa42E\xb2\\W\xe6\x0f\x9c\xf7\xb8V\\\x9ckGj\xd3\xf56K\xbf\x1d\xdc\x04Q\xbc\x17f\xfaJawO\x86\xfa_\xe1"B\x14\x84\x96\xad2\x90\x81e\x08\x16HX\xda\xf2kEX\xeb\x01\xac\x05\xb2\x06\xa6\xbcH\xcer#cv\xae\xe3 \x13\xffa\x17\x1ct_\x88\xd0\x82\xf5\x14\x19j\x13&amp;\xe2\xd1\x06FWh\x0e\xbe0\x1d7\xcab@[5\x10\xfe\xb6\x8d\x8a9={#\x97\xcc\xb6{\xeb\x01(\xfc\xc3P\x14=\xa0U\xb7\x91\xb6O\xc6\rH\x81,\xc5(\x7f\xde~\xf6\xd0G_\x9a\x07\x18:\x9cbn\x83\xc8\xff\x96C\x166\xd5\x0e\xd0*\x1e\xb7\xf4\xbf\x8di\x88\x81\x96S\r\x07M,o\xff\xd3V\xed\x87\xcf|\xc8\xf6\xf0\xee[dC/\xd4\x8e\xa1/\xc5\x86\xa1\xa8\xf3\rO\xdb\x92\'\x17}\'\xf1\x08\xde\xa5v\xbek\xf6\x92\x99}\xe8\t'</t>
  </si>
  <si>
    <t>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</t>
  </si>
  <si>
    <t>b'!s\x90cq~\xee\xc5\xa0S\xc4\x9a\x1f*\x8e\xba'</t>
  </si>
  <si>
    <t>house, or a human being, and as vainly listened for a sound
 to guide her. She hurried on, however, not knowing whither, avoiding
 the recesses of the woods, and endeavouring to keep along their margin,
 till a rude kind of avenue, which opened upon a moon-light spot,
 arrested her attention. The wildness of this avenue brought to her
 recollection the one leading to the turreted chateau, and she was inclined
 to believe, that this was a part of the same domain, and probably led to
 the same point. While she hesitated, whether to follow it or not, a sound
 of many voices in loud merriment burst upon her ear. It seemed not the
 laugh of cheerfulness, but of riot, and she stood appalled. While she
 paused, she heard a distant voice, calling from the way she had come,
 and not doubting but it was that of Michael, her first impulse was to
 hasten back; but a second thought changed her purpose; she believed
 that nothing less than the last extremity could have prevailed with
 Michael to quit his mules, and fearing that her father was now dying, she
 rushed forward, with a feeble hope of obtaining assistance from the
 people in the woods. Her heart beat with fearful expectation, as she drew
 near the spot whence the voices issued, and she often startled when her
 steps disturbed the fallen leaves. The sounds led her towards the moonlight glade she had before noticed; at a little distance from which she
 stopped, and saw, between the boles of the trees, a small circular level of
 green turf, surrounded by the woods, on which appeared a group of
 figures. On drawing nearer, she distinguished these, by their dress, to be
 peasants, and perceived several cottages scattered round the edge of the
 woods, which waved loftily over this spot. While she gazed, and
 endeavoured to overcome the apprehensions that withheld her steps,
 several peasant girls came out of a cottage; music instantly struck up,
 and the dance began. It was the joyous music of the vintage! the same
 she had before heard upon the air. Her heart, occupied with terror for
 her father, could not feel the contrast, which this gay scene offered to her
 own distress; she stepped hastily forward towards a group of elder
 peasants, who were seated at the door of a cottage, and, having explained
 her situation, entreated their assistance. Several of them rose with
 alacrity, and, offering any service in their power, followed Emily, who
 seemed to move on the wind, as fast as they could towards the road.
 When she reached the carriage she found St. Aubert restored to
 animation. On the recovery of his senses, having heard from Michael
 76
 whither his daughter was gone, anxiety for her overcame every regard for
 himself, and he had sent him in search of her. He was, however, still
 languid, and, perceiving himself unable to travel much farther, he
 renewed his enquiries for an inn, and concerning the chateau in the
 woods. 'The chateau cannot accommodate you, sir,' said a venerable
 peasant who had followed Emily from the woods, 'it is scarcely
 inhabited; but, if you will do me the honour to visit my cottage, you shall
 be welcome to the best bed it affords.'
 St. Aubert was himself a Frenchman; he therefore was not surprised at
 French courtesy; but, ill as he was, he felt the value of the offer enhanced
 by the manner which accompanied it. He had too much delicacy to
 apologize, or to appear to hesitate about availing himself of the peasant's
 hospitality, but immediately accepted it with the same frankness with
 which it was offered.
 The carriage again moved slowly on; Michael following the peasants up
 the lane, which Emily had just quitted, till they came to the moon-light
 glade. St. Aubert's spirits w</t>
  </si>
  <si>
    <t>b'\xc2\x17j@I\x7f9\xe83\xc6\x9b\x14\xa7\x17T\xa8\xf3GO\xbff\xfc\xf0\xf2\xb9]\xc5k\x110i\xdeh\xed\xc4\x19\xcd\xbd\xab\x9f\xd7hS\xa9\xaa\x91Xy\xee\xc1(\xb6S,\xf0\xe2\x02\xd59G\x93\x90\xad\x0f'</t>
  </si>
  <si>
    <t>c2176a40497f39e833c69b14a71754a8f3474fbf66fcf0f2b95dc56b113069de68edc419cdbdab9fd76853a9aa915879eec128b6532cf0e202d539479390ad0f</t>
  </si>
  <si>
    <t>b'\xc2\x17j@I\x7f9\xe83\xc6\x9b\x14\xa7\x17T\xa8'</t>
  </si>
  <si>
    <t>off short, you'll dieâ€”do you understand that?â€”die, and go to your 
 own place, like the man in the Bible. Come, now, make an effort. I'll help 
 you to y</t>
  </si>
  <si>
    <t>b'\x17\x9a\x18\x8fk\xa3\xe2\xfc{\xa5\x90\xa3TX\xb0\xe7;\xe6PD\xeb\xcc,\xb1RB\xf8\xcc\x8c\xefN+o\xe3\xcf?\xd0\x8e\xe4\xefD{\xbd?\xe4\x15q_\xe7g\x86&lt;\xf3\xb1\x8d3n\xdbrd4\x0bO\xf9\xff\x85z\x00\x97\xde\xf1x\xaan\x19\xba\x95o\xbe\xe8\xefy?h^\xff\xaa)\xa3&gt;_\xdc\x16\xe0\x87\xc2\xda\x84Fx\xd8\xa0\x15\xfb`\xde\xa6\xaf\x1bS\xef\xf6;\x99\xe6\x89\xffz\xe9\xaa+C\x82\xe6v)~O\xf6fB\xe4\xfe\xdb\x1bs\xf9V\xff`\xe0\xfb\xd7\xfeo-\xebj\xf7l~\x063\xacv\xda\xc5\xa6\x85\xce|/\xad;\xa9p\x90s0\x91\x88\xff\xfe\xb6\xec,\xccMqK\xf6\x00w\xd7\xe4\xb8\xfd\x0fb:\x80"Iv\x88\xc1\xf5H\xa9\xd0\xcch\xdf\xb1\xf9\x8f\x98P(|hf\xc5p\xe2\xec\x1ev\xfe\x82\xf5)N\x0e{\x07\x9a\x16!Q\x8aq\x02Q\no\xf3o\x02\xb5@\x9bS\xb43\xd2[&amp;S\xdd\xed\xc7\xf4\x89\xdb\xb3'</t>
  </si>
  <si>
    <t>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</t>
  </si>
  <si>
    <t>b'\x17\x9a\x18\x8fk\xa3\xe2\xfc{\xa5\x90\xa3TX\xb0\xe7'</t>
  </si>
  <si>
    <t>right,
 handsome little fellow, that might have been the pride of any mother's heart is just no
 better than an idiot, and never will be, if he lives to be eighty years old. You were a good
 deal cut up yourself, Tom, two weeks ago, when those young ladies left your hothouse
 door open, with a frosty east wind blowing right in; you said it killed a good many of
 your plants."
 43
 "A good many!" said Tom; "there was not one of the tender cuttings that was not nipped
 off. I shall have to strike all over again, and the worst of it is that I don't know where to
 go to get fresh ones. I was nearly mad when I came in and saw what was done."
 "And yet," said John, "I am sure the young ladies did not mean it; it was only ignorance."
 I heard no more of this conversation, for the medicine did well and sent me to sleep, and
 in the morning I felt much better; but I often thought of John's words when I came to
 know more of the world.
 44
 Chapter 20. Joe Green
 Joe Green went on very well; he learned quickly, and was so attentive and careful that
 John began to trust him in many things; but as I have said, he was small of his age, and it
 was seldom that he was allowed to exercise either Ginger or me; but it so happened one
 morning that John was out with Justice in the luggage cart, and the master wanted a
 note to be taken immediately to a gentleman's house, about three miles distant, and sent
 his orders for Joe to saddle me and take it, adding the caution that he was to ride
 steadily.
 The note was delivered, and we were quietly returning when we came to the brick-field.
 Here we saw a cart heavily laden with bricks; the wheels had stuck fast in the stiff mud
 of some deep ruts, and the carter was shouting and flogging the two horses
 unmercifully. Joe pulled up. It was a sad sight. There were the two horses straining and
 struggling with all their might to drag the cart out, but they could not move it; the sweat
 streamed from their legs and flanks, their sides heaved, and every muscle was strained,
 while the man, fiercely pulling at the head of the fore horse, swore and lashed most
 brutally.
 "Hold hard," said Joe; "don't go on flogging the horses like that;</t>
  </si>
  <si>
    <t>b'\xb1]\xa4{\xb0\x0e\xb60'</t>
  </si>
  <si>
    <t>b15da47bb00eb630</t>
  </si>
  <si>
    <t>production of wine
and olive oil, which could be sold as a cash crop to supply not just Rome but cities in
the provinces as well (Peacock and Williams 1986: 54â€“66; D. J. Mattingly 1988c). At
the same time, we should not overestimate the economic power of the Roman elite.
In a largely agrarian economy, elite Roman landowners lacked the freedom of choice
in investing their wealth that we might associate with a modern, market economy.
Investment in agriculture represented the preeminent form of financial security for
upper-class Romans, a source of income that could be expected to be stable over the
long term and that also carried social prestige (Veyne 1979). In light of this fact,
the strategies that Roman landowners adopted in managing their agricultural wealth
are likely to have been very conservative, aimed at preserving wealth and maintaining
their social privileges. Such a conservative strategy had important implications for the
relationships between Roman landowners and other small farmers â€“ in particular, the
tenants who cultivated much of their land. Many upper-class landowners, then,
sought to avoid risk and contented themselves with an income generated from the
production of their tenants. The incomes of such landowners depended not so much
on their ability to adjust their investment strategies to changing market conditions as
on their ability to capture some of the surplus production of their tenants (Horden
and Purcell 2000: 231â€“97, esp. 245).
Environmental and technological constraints limited the productivity of Roman
agric</t>
  </si>
  <si>
    <t>b'v)\t\xd7`\xc3\xb8\x82\x8b\xa3Ux\xb2O\xae\x0b%\xf4g\xbd\x89\x0e/\x95\xff\xf4\xca5\x8f\xf7\x1e`-J\xf1\xdb\x8eY\xfeue\xbe\xdb\xec\xcf\x91\xd8\xfbm!\x13I\r:\xe3~\x8d;\xd4\xfe\xa2\xb70D\xe3\x04pli\xdd+l\xc0\xb7\x02\x92\x88\x03q(C\xaeU\xc7P\xd1/\x04\xe4\xf9\xb5.\xd6\x05\x9c\xbb\x9ff\xc2Q\xc2\xbfu\x8d\x16\xd5L\xf8\'\x80\xad/u\xc1#Q\xc9\x14[\xc0\n^_\xae\x1e~\x8b\x97\xfbF\xb5\xc1i\xa1\x91\xa4kLt\xcf^l\xd4\xe3\x06\xe8\xd5\xc6N\x8d0\xf4\xac\xa4\x13\xe4v\\ui2D\x99\x01\xab0\x93\xbdR\xf3 H\x19\x82\xe1\x11*q\xa8+,w\x1adR\x07\xbd=\x17Sc3M\xb0\x1eNR\xb3\xd0\xfae\xfdog\xb7y\x85\xe4\x83\x98{\xbc@\xe8\xec\x85\xa5S-\xfd._\x10\x8cC\xf7\xdd\xf4\xaf\xfc!WU5\x85bQQ~A\x97\x00\xc0i^\xc8\xb3\\\xc2\xb9\xc6\xb4\x8a\xa3\x9d\x0c9\xc1FeV\x1377\xc3\xcc\xac\x8d\xe2\xbc\x8a\xea\x1b\x84\xdd\xd2\xbb\\/\x80\xea_\x02\x81f\x99\xe8g\\\x94\xc1\xc0-\xd0\xcc\xaf\xc7\xf9\x92,6x=\xa3I\x1a\x8c\xfb\xd8\x94\xf4\x88\xc5NB\xfbW\xe5m"VV\x93`0\xee\x95\x0cC\x93\xb9`&gt;\xc2\x89\x04\xb3\x1e\xf9\xdd\xeb\xd8\xb4#\x8d+q\xc0\xdc&amp;\xa2\x91\x1e\xdb1Ym\x91!ZJ\xedgY\x88\xb8\xf3\x0c\xcc\x00Ka\x90\xc8&amp;\xb7\x9cH\x85\x0eq\xd9\xf3E\xc3m\x91\xc2\xc7\xd7&lt;\xef\xd7\xc3\xffq\x19\x8e\xaf\x05\xb9&lt;y\xba\x1f8/\x0b gDy\x1e\xaa\x0f\xc1A\xf6IY\x83\x83D&amp;0\xf4\xdb\x0f\xc6\x03k\xda-\xc3 \xef\xa5\xe6\x070\xbe\x85V\x1f\xa2O\x82\x88\x87\xc1B\x7f\xb5\xa0Yj\xb0\x16^L\xbcn\xb6^^\xea\xe4\x82\x92\x1au\xa6\xd5\xc8\x19\xf7\xd5\xd1\xb0\x02?\xb1\x11\xbbm\x13x)\xa9\xafk\xabe5\x1d\x8a\xe1b\\\xf8\xc2\xf3\xa2b\xd5"Y\x9f\x89Qc`*\xc5\x8a\xb4+\xb1\x96H3\x1e\xbfr\x17\x0bmE@r\xfdn\xf5\x8e\xb6\x9f\xdd\xd1g\x02`\x87\x98\x84h\x8f\x8b\xcb\xf4?\xfd?\x15\x8f-\x1e\xc9\x8eD\xff\x9b\x8b.?\x11$\x18\xb9r\xaf\x81\x07x\x87\x07!\xf0\xb7\xdf#\x07\xd4c\x9d\x07?\r\xe2\xd0\xf8KkN\x0b\x9f(\x8ae\xe5^\x9f\xee\xcczE\xc7/\xd7\x95\xc6\x08\x0f\x1f\x1d\xca1\x91\xe0\x95\xc6\x10aPc\xd8\xabZ\xecj\xb6\xde\r\x11OM\x85\x02)ID\x931Cj(\xcd\xda\xb3\xf3\x91\xe1\xa50\xdd\xc9wy\x19\xad!\x90\x84\x8e#\xce\xdb\xc20\xd3\xd4\xed\xf4\xe0\x1b;\x01p\xed\x8b\xe2\xd3Y\x9e\x9aZ\xedo\xc8\xe5\xd1?\x9b\n0-\xd7%\x94\xa7\xac\nV\x80\xb43!\xbd\x97\xee\xac\xd8tP+/\r\x04\xf2,\xd0\x17\x84]\x9c;\xaf\xcd!\xd4\xe0\xa3\xf0\xa3\x8a\xd8D\xca\x91\xff\xaa\xdd\xe0\t\x8d\x862L\x89gf&lt;\x99Jk\xa0\xc6(\x82F\x13\xb4\xa9Zt^\x96\xe74\x93\xa9\xbc\xf9&gt;u)\x80+\xbf|\x06\xf9|v\xe8\xc1`A\x92\xca\x9d\xc60m\xf8#A\xf5\x14\x82\xbc}\xa9\x14K\xb6\xd8r\xe3@4B\x18["\xad\xcbS\xff}\xa4\x18\xb3\xc0\xadF\x0b\x85\x9f\x8d\x81X\xee\xba\xee\n\xfd.\x7f \x95\xf2\xc8\rLub!\xaa\xb8o\xa4\xc4A\x1b\x04\x00\xf3\x16@&amp;1\xefH\xb6\xd2\\|s%\xd9\x9f\xb6\xc2(\xabv\xff\x8c\x1f5\xed\x9d\xc6\xa5\x97e\xae\x03\x8a\xa6\x8a=\xaaCz*\xec\xa2a\xe2lF\xc1\x90Z:!)d{\x9cW\xf7\xc0\x16#.\xd3!\x92H\xde\x025\xd8\xd0i\x97\xc0}\xa3V\xbb!m%\x9es\x06\x90\x8a\xd5\xb5\xb4\x85\xc1I\x98\xa8-\x86\x99l\xf8\x7f{\x88\'\xe5\xf0\x12\x9e\xf7\xcb\x1f\xb5\x90\xed6\xcc\xb2^\x1a\xbf\xe8\xbd\xc8\xa2\x0f\x9d&gt;\xb1\xa3\x1a\x88\x0fr^\x04\xe4\xb5\x187\x1b\xf9\x06R\xf5\x06\x91:q A|\xeb\xf1\xd8c\xe8r\xe9\xe3\x8c&amp;\xadq\x94\xa0_IVj\x1b#\xdf\xeb\xa9f\xddR"\x8aDh\xc8nX\xa4\xcf\x9a\xf1\x02\xa7\x19:\x0b\xaa\xe4\xb1g\x0b\x1a\xc4\x9d\xb5\x94\x7f\xc9\x19\xf1\x1f\xcb\xfb\xf2sr\xf1&lt;\xfb\xfa\xb2\x8e\xc8o\xedM\x81@4\x95v\x88\xd6\xf0\x0c\xb5\x16;8\xb1\xba\x83\xc3\xdbP\xady\xcd\xad\xff\xb42^\x0cL\x0f\x18S\xef\xfc\xce!\xee\x03\xeb\x0f%\xce\\X\x85\x0bj]*S\xa4\x8dm\x1c\x14&lt;\xdc(I\xe5\xff\x19Z\x0c\xd9\x8cQ\xdf\x9fv\xbf\xf1\xb2\xacPb\x19\xc2zJ\xc5\x1b\xe3\xe3\xb7\x1f\x97\xe8\xed\t\xd4\xd8\x10c\x0f\x08\xd5\x1d\x08\x9d\xc7-\x0c\xf6\xd5\xa6P\xba\xca+Q\x1aWg\xbe\x9e\xb3\xef\xe1P\xf0{\x03\x8e\x92&lt;\xd2\xe1\x1d\x06\xaelE\x1c\xccD)\xa99\x82\xd1i;t2f\xf0\xa4\x85\xb4\x08\x95\xa6\x84\x8a\x8e\x1dx\xb0Dk\xf2\xa7\xc4m\x0f\x19G3\x13\x87\xc7\xaf\x8bn\x19*:\xe9\x08\xdf\x07\x0f\x9c\xd4W\x13\xd2,\x9dD\xef\xe5\x1c-\x165KQ\x81\xb1\xb9\xc3]2"\xec\x8fq\xb3\xe3\x1f\xef=\x99\xdaz\x03j\x87\xf5\x8b\x98\x90\xa3D\xbd\xf4-\x15\x82\x9b\xc7\xd0?\xb6\x95||\xa5:&lt;\x8b\x7fd+\x12\x89\xb8\x02E\x02\xd6\x9ah\xcde\xba\x92\x0e\xc6?t\x85;3\x02!Y\'\xbc\xea\xb7\xd2f\xf7\x9e&amp;?o\xfb\xcfd\xabT\x9b\x95\xe4\xcc\xbb\xb6\xea\x08\x88\xfayu\xb2NR\xd4\t\xf3\xbc\x02WE\xcesLC\x19ra\xeer\xc1\xb03\xf5\xc6p\xd8\x9b%\xcc\x1f\xa6\x182\x9c\xde\xd1B\xf40\xb6\xceZ\tP\xf1P\xef\x10\x8e\x98\xff\xde\xa1\x87\x00\xb0\x83\x83l}\xd7\xd1\xa5\xba\xcd\x0c\x8c\xd7\xc8\xe0\xcdr\xa1\xa7\x98\xa3JP\x9c\x97m\xc9\x83)\x7f\x8f\x82\xdd\xfb\xfd\x16\x0f\x11\x92\x1aK\xadx\x9fa\xe1\xc3\xa5)u\xca\x93N\x16(k\n\x9c1\xfb\xd2\xa5\x08\x8b\x0e\x81Z\xdd\xf8\x1f\xc1e\'&gt;\x08\xe7\x81\x082M\x17 \xe3\x08\xe9;-3\xe1\xb6P\xd5\xbe\t\x98\x94\x00\xc2S\x7f*\xd0\x83\x12\xfaG\xaas\x0f\xcc\x9f\x90\x16\xdf\xef\xd5Zuh\'=\xf2\xb6\xc6\xe9\xcba\x84\xc1\x84X\xadid&gt;c15j\xb0}\xd2\x06yU`\xd5N\xa0\xf2\xd8M=3\x19\xa0\xe9\xd3o\xc5h||\t\x07w\xdbuR\x89'</t>
  </si>
  <si>
    <t>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</t>
  </si>
  <si>
    <t>b'v)\t\xd7`\xc3\xb8\x82\x8b\xa3Ux\xb2O\xae\x0b'</t>
  </si>
  <si>
    <t>convinced
 the IMFâ€™s architects that floating exchange rates were a cause of speculative instability and
 were harmful to international trade.
 The interwar experience had shown also that national governments would not be will_x0002_ing to maintain both free trade and fixed exchange rates at the price of long-term domestic
 unemployment. After the experience of the Great Depression, governments were widely
 viewed as responsible for maintaining full employment. The IMF agreement therefore
 tried to incorporate sufficient flexibility to allow countries to attain external balance in an
 orderly fashion without sacrificing internal objectives or fixed exchange rates.
 Two major features of the IMF Articles of Agreement helped promote this flexibility in
 external adjustment. First, members of the IMF contributed their currencies and gold to
 form a pool of financial resources that the IMF could lend to countries in need. Second,
 although exchange rates against the dollar were fixed, these parities could be adjusted with
 the agreement of the IMF. Such devaluations and revaluations were supposed to be infre_x0002_quent and carried out only in cases of an economy in fundamental disequilibrium. Although
 the IMFâ€™s Articles did not define â€œfundamental disequilibrium,â€ the term was intended to
 cover countries that suffered permanent adverse shifts in the demand for their products, so
 that without devaluation, the country would face a long period of unemployment and exter_x0002_nal deficits. The flexibility of an adjustable exchange rate was not available, however, to the
 â€œ th currencyâ€ of the Bretton Woods system, the U.S. dollar.
 How did the Bretton Woods system resolve the trilemma? In essence, the system was
 based on the presumption that movements of private financial capital could be restricted,
 allowing some degree of independence for domestically oriented monetary policies. The
 new system thus was diametrically opposed to the gold standardâ€™s subordination of monetary
 policy to external considerations such as freedom of financial flows. After the experience of
 high interwar unemployment, the architects of the Bretton Woods system hoped to ensure
 that countries would not be forced to adopt contractionary monetary policies for balance of
 payments reasons in the face of an economic downturn.
 N
 $35
 N - 1
 N - 1
 N - 1
 N
 $35
 CHAPTER 19 International Monetary Systems: An Historical Overview 519
 520 PART FOUR International Macroeconomic Policy
 Supporting this emphasis on high employment, restrictions on cross-border financial
 flows would allow â€œorderlyâ€ exchange rate changes in situations of persistent imbalance.
 In theory, policy makers would be able to change exchange rates in a deliberate fashion,
 without the pressure of massive speculative attacks. As we shall see, however, while this
 approach worked well initially, the very success of the Bretton Woods system in rebuild_x0002_ing international trade made it progressively harder for policy makers to avoid speculative
 attacks as the years passed.
 Convertibility and the Expansion of Private Financial Flows
 Just as the general acceptability of national currency eliminates the costs of barter within a
 single economy, the use of national currencies in international trade makes the world
 economy function more efficiently. To promote efficient multilateral trade, the IMF
 Articles of Agreement urged members to make their national currencies convertible as
 soon as possible. A convertible currency is one that may be freely exchanged for foreign
 currencies. The U.S. and Canadian dollars became convertible in 1945. Th</t>
  </si>
  <si>
    <t>b'0D\x02 3\xf7\xfb\xf4@\x13oy\x88\xa0\xe3(uD\xd9\xc81\xea\xf7\x96\xdd\x96p\xa9\x06c\x14\xdb\xe5\xc5{\x89\x02 \x17\x9d\xda\xb4\x83l_\xa0\x1e\x92Moh^EG\x0f\xac\x97\xfe\xaa\\1\xd4\x8b6\x7f\xb2\x1b\xcc#}'</t>
  </si>
  <si>
    <t>3044022033f7fbf440136f7988a0e3287544d9c831eaf796dd9670a9066314dbe5c57b890220179ddab4836c5fa01e924d6f685e45470fac97feaa5c31d48b367fb21bcc237d</t>
  </si>
  <si>
    <t>b'0D\x02 3\xf7\xfb\xf4@\x13oy\x88\xa0\xe3('</t>
  </si>
  <si>
    <t>. Emily looked so
 like a real child that Captain Crewe felt glad she was there. He drew a big
 sigh and pulled his mustache with a boyish expression.
 "Heigh-ho, little Sara!" he said to himself "I don't believe you know how
 much your daddy will miss you."
 The next day he took her to Miss Minchin's and left her there. He was to
 sail away the next morning. He explained to Miss Minchin that his
 solicitors, Messrs. Barrow &amp; Skipworth, had charge of his affairs in
 England and would give her any advice she wanted, and that they would
 pay the bills she sent in for Sara's expenses. He would write to Sara twice
 a week,</t>
  </si>
  <si>
    <t>b'@- F\xdf\xf2\x1fn'</t>
  </si>
  <si>
    <t>402d2046dff21f6e</t>
  </si>
  <si>
    <t>and rewarding than entrepreneurship.
 Once you get the itch, it never really gets fully scratched. Once you get the
 first taste, you never turn back. It will be that way for life. Once you are
 called to be an entrepreneur, thereâ€™s simply no other satisfying way you can
 spend your days.
 Starting a business requires more sacrifice than I ever imagined. So, why
 do I do it? Simple: because thereâ€™s nothing else I can do and be happy doing.
 If this sounds like youâ€”if freedom is your calling, and you have to have
 itâ€”then consider this book the roadmap for your adventure. In these pages
 youâ€™ll learn how to become a seven-figure entrepreneur. This plan is proven
 to work. Hundreds of success stories have come before you, making your
 path easier.
 Entrepreneurs are weird. We are few. We see things differently. The rest
 of the world debates us, judges us, and even sometimes blames us for
 achieving success. But we create change, and the world needs more people
 like us.
 If youâ€™re one of the weird ones, then this is your invitation to answer the
 call.
 If youâ€™re not? Then please donâ€™t turn the page.
 Believe me, Iâ€™m not saying this to try to create false intrigueâ€”Iâ€™m dead
 serious. This is a warning, not a sales pitch. This bookâ€™s roadmap is so
 effective it can turn even the moderately curiousâ€”the window-shoppers, if
 you willâ€”into successful entrepreneurs. If you casually go down this road,
 and you commit to the plan within these pages, you may very well find
 yourself quickly responsible for a million-dollar business. I donâ€™t use the
 word â€œresponsibleâ€ lightly. I wouldnâ€™t wish entrepreneurship on anyone
 whoâ€™s not cut out for it or dedicated to the amount of work it takes.
 This roadmap is for the entrepreneurs who have been searching, seeking,
 and grinding their way to success. It has worked for single moms who
 desperately needed a change. It has worked for bankrupt families who needed
 new hope. It</t>
  </si>
  <si>
    <t>b'\xc4\x96v\xd4\xc1P\xc1\x85\x86\xf2H\x16\xdd\x17\x0cm\x83\xcf\xe1C\x8f\xfd\xb6r@}\x98\xbeI\x15`\x86,\x83\xc1e\xedD\x9a\xa4\xcd\x16y$"\x1bO`\xa6\xd3\x1d\xf0\xa9\xaekv\x97+\xb6w\xa2"`\xeb\xd7\x19\x9cDn\xa6\x97\xd3\x7f\x9d\xe5\xed\xb8\xe1yj\x9c37\xff\xfb\xf9\xbb\x80\xccn\xd1\xf5y\xfd\r\xab\xed\xce\'\xb5\xa1\x03|\xec\xdcW;\x8d\x1d\xdduRyo\xef\xa5\x02\x05\xa7\x99C\xcb\xb4\xef\x9d\xcb\x84$\xc2\xf8\xfa\xf3f\x85{,\xcaX1o\x1a\x8e*\xd1\xa7\xb8\xfc=\xf85\xc8WI\xc4\xb8\x8c\xab2\x10\xa3\xf2i_\x13\x11X=3&amp;9\xd3]\x83\x89p\x1e\x07d\xf5\x03\x8a\xf8\xc7ck\xf8\xf0\x1d\xfe\xcfZ\x19\xe4\xe1\x97\x1e\x00Np\xb4\x83o=\xd9(m5\x1d\xfb?\xee/s\x9f\x10-R\xb0\x8b\xdf\xf7\xb7\xdd\xb2\xf4,Y\xe6\xad\xb7nwP!J~\x01\xa7\x07\xaa\xe2\xaa\xf6\xb8m\x9a\t\xde\xf6\x8e\x97\xa3[3:\xc7\xcf\xb6V\xb9\x93\xf8\xdd\x8f!76en\xab%=\t\xd1d\xf5\xcfaT\'\xaf\x15\x1f#\'\x1a\x1d\xd2\x04\xa1GT\xd1\x0f\xba\x96vg\xac"4\x9bfY\xda\xe6 ;7\xe06\x96\x97\xb2\xef\xf4.\x0cO\xec\xe6]\x1a\x86\xe9\xf4O8z\xceX\xdb\x1b\xa9\x06^_\xc9\xd1Vl\x14\x9e\x89H\xea\x1c&amp;\xf2\xc4\x93i\xf17%\x17%8\xb7\x98\x9e\xff\x7f^e\xd3\xbf\xedW\xd9\xaa,\x9b\xd8\xad\x87j\x9fc\xa0\xc0{b \xfa4\xbc\'b\x0b\x83q6Z\xfb\x9e\xe1\x8e\xca\x07\xe1\xb93\x80wS\x03\xc6\xad~\xa2\x12\xc0\xd4\xf8\'\x8c\xd8R\xbe8\xcc:\x90R\'H4\xc8\t\x85\x95Fn\x1a\xean\xc9\r\xe0y\xd3)\x9da\x10\x9ev\xc9\xd0v\xd9\x11\x13\xce\x18\x88\x1d\x86!bt\xc2\xaekd\xc8wPd8sjt\xc9\rt\x17\x99z\xef\xc2P\xf8R7\x186~\xfa6\xbd\xcc\x9e\n\x9d\x9b*\x08\x8b\x19\xdb\x89\x16ZzQ&gt;\x8c\xc6\x05|~\xc4K;\x17X@\x9bd\xf4D~A\xcev\x92\xf9x6\x1fa{\xd2w\x07Z\x0cb\x11\xdb\xc1\xbet$\x83\xe7Q\x1bBFj\t\x8c\xe4\xbe\x07\xd3\xeb\xd6\x02\xe2Y\xa8\xdc\xc7\x00\xb1#\xac\x95\x962\x929\xee\xc7\x17H\x96K\xe8\xacz\x99\xdb1@\xfcK\xc5\xdd\xc7\xe3\xf0pI&lt;\x08[\xbfM\xa4;Ba\xbf\xcb\x19\xd8d\xaf\xf4\xb9Yk/o\xe6E\xc1\x8fX\x1b*|p\xe7v\r;,\t\x90\xd5M\x11\\\xab\xec\xe7\xf7\x0fU\x0bq\xde\xce\xa7\xcf\xa0\xd8#\nR\xe9w\xfc\x0e\xdc\xafd\xcb\xcc\x01\xbcK+T\xf3\xd3C\xba\xd6l^"\xf6L\xb5\xf1\x1fp\xae5m\x87\x07\xf4\xd1\xda\xc949\x7f\xa7\x1e\x94\xb4v1\xe4`\x197W\x19\x84\xd6{\xc3!G\x15\xefR\x1e\x88\xd2 \xb67|\x04Gb\xd8\xdda\x96O\xaa\r{d\xeeT\xc5)\x96 \xe3\xb4\x8c\x00x\xd9h\xd0b\xd2\x04Pt\x88\xa5M\xb2\\\xc1 \xe9u\x18\x1b\xad\xa9\xc9\xa9p\xf3\x8e;(z]`\xf1\xf8&amp;p\xce\xd1}\xd7\x93\xdbA\xeal\r\xbc}\x18\xa4\n\xa9\xfep\xecb\x07"\x95\xd6\xe0\xc1\x17k\x923\x14\xc8@\xd4\xb3\x0b\xd1M\xe9d\rh\xafyE\x10\xd1\x83n\xbf-\xc1\x10\xa8Bi\xa0\x9a\xa6?4\xe4H\x80bks\xd8\x03\x17\x0e\xc6z\xe5\x16\xdf\x19f\xbf\xff\xd58\xf6\xcb\x0b\xd0\xbf\x8bL\x9b\xf4\x1f\xce\x7f\x80\x82\xfd\x9c\xe4\xde\x0c\xb2o\xb1\xb7$E\xb1e\xc1\xb3\x9aF\xc7\x85\x14g\xd4\x8d\xf3\xfaALb\xf1\xd0\x8dK\x90\x1e\xe0Zg\xfe\xdb\xfb\x92\xf0$\x92\x96\xa7\x9a\xd6\xfc\xeeU\x0c\xa2\x83\x8a\xcf=\xfe{\x84\x98LQ\'\x13A\x90\x06\xb5K\xc9\xe1\xd5\x1a\xbb\xda^?z\xa8v\'!T\xd5&lt;\xe4p\xa1\xdbW\xfay^\xb0\x03\x87D\xe4K#"\xd3\xb3\xc3\xd6f\xde\xb7\xbcke&lt;?\x15j\xb0\x08\x10K\xd0[\x02YJ\xe35[`\xf5\xbcSs\x90\x01$\xdas\x05\xf5\xfcW\x9awt\xa4\x8e[\xe0V\xd9I\xc6\x9c\x9ed\xb2\xafg\xa4\x97E2\x1b\xd6\xd0\xd7p\xabo\n]1\xdd\xde\\a,C\'\xc7\xe7\xe9\xec\x1e\xd4\xc8\x90\xb526\xc9\x8d\xa9\x17\xe1\xd8I\xe5Q\x00\xc2F%\xb1\xc1\xe4b8\x1b\xacO\xb6\xe4`4+\xfd\xe7\xc5\x8e\xdb4\x1b\xc2\x19\xd8\xb4_\xaa=\x9eq%\xcb\xf9\x9d\xa2\xa4\xfa}\xab\xf3J\x91A\xa6\xae \xd78u\x9a\xa3\xab\xe7Y\xab\x1b.\xec0@Z\x18\xb5a\xba\x1a3Rn\x91\xdc\xb7H:\x9e~Z&lt;\xf2\x8cj\xaa\'\xbe\x96\xccJ\xe8=bb\xbf#\x1a\xa5\xba\xf0\xc3tR\xa4\xfc\xd3\x91\xaa\x85\x06q\xeeE\xf8v\x8b\xee\xbal\xa1W\xee\xb2\xdc\n\x96\x8d^\x98\x0b\xce\xe6\x84\xd0\x186btQ$\xb7z\x1b\xd7\xb3\xc9QV\xda\x14px\x9f\xb9O\n\xe9w\xfc\xd3k\x8b\xc1+\x80\x17\'\xec\xc5\x86\x08\x11\x18\xc2o\x13\x08m\xe2]\x7f\xbef\xe1\xde\x1c\xe1\xc6\xdd\x1fw\x94\x923I\xdfq\xad\n\xc0\xa3\xec\xdc\x96\x1f\x8c\xdb\x8f\xe7l\xba-5\x8b\xd0\x1a+_\xf5h\x99\xcc\x98b\xed\x04\xac;\xeb\x7f\xfd\xa4\xc5\xd7\xe0A\xa0BYr\x83\x9d\x1a!\xea\xd8U#\xd5\xd8\xe6]\x91\xebP\x07v!P"2O*N(\xeb)\x9b0b\xe7\x9d)c\x85fXlH\xe0\xce\x1c\xe7\xe8r\x9f\x84\x13"\x84\xf6\x98|\xa3\x85eJ\xa78\xe2\xf1\x12+\xecL\xc3\x82\xae\x06\xf8\xdch\xcc\x99\xad\xa3]\xc1\xf4\xcb\xfdzF\x14\x9bU\\9\xf9\xe2\xd0\xd1W\xe5I\xe5\xe3+\xb0\xfeX\x08\x04\xd3\xd1\xb8GM\t\xe3\x07ZHj\x16\xec\xce\x90|0\xbe\x95\xd9\xb0C\x9f\xa2\x9abr}\xa8\xc4\xd8\x13\xe2*E#\x03\t\xf4\r\xb5\xef7\xda\t\r=Q\xcdq\xdc\x89\x0b\xe5\x99\xc61\xca\xa0\xfd`\xd7V\tP\xeb\x81\x8a@\x8d\xbc\x98\x80\xb0Y\x98bi\x81\xd5\x8e"\x0cU`:Jnp\xfa\x82\xe7\xe1\xa2g\xff\x04\xfa5I\xf6XH\x97\x13\x82\x9a\x1bv\x815\x84-w\xc1\x1c4\xda\xd9_t\x18\x12]\xc7\xd9)~;\x98~\xbc7\xe4 \\\xf9{\xb4\x977\xd9;\x00&amp;\'~\x93\xb1e2m\xa4\x0b/\xf8K\xff\xbc\x13\xd6\x9cF*}\x9f\xa1\x105\x1e\xea\\\xe2b7ipe[^\xca\xc0\xd0\x8f\xcf\x7f(\x99\xd3\xcc\x94\xf8\x87&gt;mx\x9e\xc3\xcc\x10\x97\xa8)\xd0\xfe)zGF\x18\xc5\xc8\x8b2&amp;F\xf5\x82s\x16!q\xab\xd3\xd9\x89\xbd\xb48\xf3\x8f)\xe1\x8e\xc42\x01y\xa3\xa5\x17\x8c\x91\x15\x01}P\xbb\xd3^\x03\xf3\x8ar\xb3\xcbS\xcaM\xfc2\xac\x04\xac\xb6\xce\x06\xa0`\xbfp\n\xfd@F^hf\x82U\x1c\xaaW\xd8\xfa\x9f\xf0\xd8\xa8E\\\xed-\xdd6-\xfd\xd0P\x82\xf3\x18;Z&amp;\x8b\x93\xe4=\xfd\xae2J}!0[R\x8d0\xa4\x1a\xe6\xb2\x07\xf0\x1ao\xc9d\x83\x82n\xe8\xbe\xb0r[R\xb5\xce\xf8@\xcf*\xe4luIS\xea&amp;X\x14\xe1\xc2\xf6\x0c1}\xaaf\x08t\x07vk|\x88\xc5\x97x\xd8\xfe\x89\xb3\x086\xa5\x0f\xfe\xa8o^\x919V\x9ap\x9a\xe3\xc6BN\x0f\x9eu\xde\xb79\xcal\xb1M\x96"-\xe1\xc8\x19\xe6\xb1\x01\x9c\xc9\xa1Vz\xf7&lt;C\x9brj_\xd1-\xa2\xa0rq\x9e@\xf8\xb6\x85\xf3M^9\xbc\x01\x04\\\xfcP\x1a\x96\xf8\x8a6\xc8\xa1\x18\xf5\xeb\xbb\x11\x83\xd37g\xd7k\xdb\xfb6O\xf6\xe7\xb6e\x8aZ.#\xb7\t#`\xd72\xf2dg0{\xa7\x9e\xa2\xf1\x05_Y\x87=\xc9IK\x9cp?\xb5G\xda\xb1\xdc\x82\xb6j\x1e_\xc3\x8d~\r\xf49\x97\xd8\xa3h+\x01o\x18\x9f'</t>
  </si>
  <si>
    <t>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</t>
  </si>
  <si>
    <t>b'\xc4\x96v\xd4\xc1P\xc1\x85\x86\xf2H\x16\xdd\x17\x0cm'</t>
  </si>
  <si>
    <t>r the worse, Emily sorrowfully bade
 Madame Montoni good night, and withdrew to her chamber. Her spirits
 were more than usually depressed by the piteous condition of her aunt,
 whose recovery she scarcely dared to expect. To her own misfortunes she
 saw no period, inclosed as she was, in a remote castle, beyond the reach
 of any friends, had she possessed such, and beyond the pity even of
 strangers; while she knew herself to be in the power of a man capable of
 any action, which his interest, or his ambition, might suggest.
 425
 Occupied by melancholy reflections and by anticipations as sad, she did
 not retire immediately to rest, but leaned thoughtfully on her open
 casement. The scene before her of woods and mountains, reposing in the
 moon-light, formed a regretted contrast with the state of her mind; but
 the lonely murmur of these woods, and the view of this sleeping
 landscape, gradually soothed her emotions and softened her to tears.
 She continued to weep, for some time, lost to every thing, but to a gentle
 sense of her misfortunes. When she, at length, took the handkerchief
 from her eyes, she perceived, before her, on the terrace below, the figure
 she had formerly observed, which stood fixed and silent, immediately
 opposite to her casement. On perceiving it, she started back, and terror
 for some time overcame curiosity;â€”at length, she returned to the
 casement, and still the figure was before it, which she now compelled
 herself to observe, but was utterly unable to speak, as she had formerly
 intended. The moon shone with a clear light, and it was, perhaps, the
 agitation of her mind, that prevented her distinguishing, with any degree
 of accuracy, the form before her. It was still stationary, and she began to
 doubt, whether it was really animated.
 Her scattered thoughts were now so far returned as to remind her, that
 her light exposed her to dangerous observation, and she was stepping
 back to remove it, when she perceived the figure move, and then wave
 what seemed to be its arm, as if to beckon her; and, while she gazed,
 fixed in fear, it repeated the action. She now attempted to speak, but the
 words died on her lips, and she went from the casement to remove her
 light; as she was doing which, she heard, from without, a faint groan.
 Listening, but not daring to return, she presently heard it repeated.
 'Good God!â€”what can this mean!' said she.
 Again she listened, but the sound came no more; and, after a long
 interval of silence, she recovered courage enough to go to the casement,
 when she again saw the same appearance! It beckoned again, and again
 uttered a low sound.
 'That groan was surely human!' said she. 'I WILL speak.' 'Who is it,' cried
 Emily in a faint voice, 'that wanders at this late hour?'
 The figure raised its head but suddenly</t>
  </si>
  <si>
    <t>b'i\xaf\xa9\xcao\xce\xe77~\xbd\x9a\x7f\\}h\xe9\xffbM\x9c\xb5\x1bC\xb9,\x90\x8a\xd6\x82\x96\xa2x)T\xde\xe9`\xc7\xf2\x17?-l\x14\xeeY\xd8(\xc2\xdc\xacK\xc4|\xa6\xe49\x10\x19\xe3\x87\xd6m\x08'</t>
  </si>
  <si>
    <t>69afa9ca6fcee7377ebd9a7f5c7d68e9ff624d9cb51b43b92c908ad68296a2782954dee960c7f2173f2d6c14ee59d828c2dcac4bc47ca6e4391019e387d66d08</t>
  </si>
  <si>
    <t>b'i\xaf\xa9\xcao\xce\xe77~\xbd\x9a\x7f\\}h\xe9'</t>
  </si>
  <si>
    <t>ckon. "Us'll have thee walkin' about here an' diggin'
same as other folk afore long."
Colin flushed tremendously.
"Walk!" he said. "Dig! Shall I?"
Dickon's glance at him was delicately cautious. Neither he nor Mary had
ever asked if anything was the matter with his legs.
"For sure tha' will," he said stoutly. "Thaâ€”tha's got legs o' thine own, same
as other folks!"
Mary was rather frightened until she heard Colin's answer.
"Nothing really ails them," he said, "but they are so thin and weak. They
shake so that I'm afraid to try to stand on them."
Both Mary and Dickon drew a relieved breath.
"When tha' stops bein' afraid tha'lt stand on 'em," Dickon said with
renewed cheer. "An' tha'lt stop bein' afraid in a bit."
"I shall?" said Colin, and he lay still as if he were wondering about things.
They were really very quiet for a little while. The sun was dropping lower.
It was that hour when everything stills itself, and they really had had a busy
and exciting afternoon. Colin looked as if he were resting luxuriously. Even
the creatures had ceased moving about and had drawn together and were
resting near them. Soot had perched on a low branch and drawn up one leg and
dropped the gray film drowsily over his eyes. Mary privately thought he
looked as if he might snore in a minute.
In the midst of this stillness it was rather startling when Colin half lifted
his head and exclaimed in a loud suddenly alarmed whisper:
"Who is that man?" Dickon and Mary scrambled to their feet.
"Man!" they both cried in low quick voices.
Colin pointed to the high wall. "Look!" he whispered excitedly. "Just
look!"
Mary and Dickon wheeled about and looked. There was Ben Weatherstaff's
indignant face glaring at them over the wall from the top of a ladder! He
actually shook his fist at Mary.
"If I wasn't a bachelder, an' tha' was a wench o' mine," he cried, "I'd give
thee a hidin'!"
He mounted another step threateningly as if it were his energetic intention
to jump down and deal with her; but as she came toward him he evidently
thought better of it and stood on the top step of his ladder shaking his fist
down at her.
"I never thowt much o' thee!" he harangued. "I couldna' abide thee th' first
time I set eyes on thee. A scrawny buttermilk-faced young besom, allus askin'
questions an' pokin' tha' nose where it wasna, wanted. I never knowed how tha'
got so thick wi' me. If it hadna' been for th' robinâ€” Drat himâ€”"
"Ben Weatherstaff," called out Mary, finding her breath. She stood below
him and called up to him with a sort of gasp. "Ben Weatherstaff, it was the
robin who showed me the way!"
Then it did seem as if Ben really would scramble down on her side of the
wall, he was so outraged.
"Tha' young bad 'un!" he called down at her. "La</t>
  </si>
  <si>
    <t>b'u\xf1\xf4j\x8eCZ\xa5\xe8\xccV\x94y\xa4\x05p\xbf#Avg5\xbcz\xf1%\xaf\xfe\xacH\x90\x02\x05\xb2\xd7;\xbe\x82\xc6\xc6\x0f\xab\xa7&gt;\xd8\x9b\xa1#\xf8\xc9me\x8b\xf4\x1c\xd6~\x9c&gt;\x05\xbaRQ\x87\x04\x8dlG.\x86r\x8d\x8f\x16\xf7\xe7[\xbd\x83O\xa9\xb56\xe4\x88\xec\xd11zh\xac\xf7\xda\x1d\xc5c\xc8Pg$\x8c\x11mo\x02\t\xfck\x7f\x98A\xad\xf4\xfbOT=\xf2\x0c\xa1A\xcceW\xdcSB\xd0\x0b~\xfe\xcd&gt;\x8b-7\x19\xc8\xbc^\x10\xbdQ6\xe6x\xae\x94\xaa"\x95i(\x7f\x80G\xb4\xcc\xdc\xd57o3\x19x\x1d?\x01\xca\xce\x0c&amp;\xd3\xde\xef\x05_\xf7\xcb:\xf8\xff\x9f\xdf\xd1\x08\xde$\xd2\xc4\xe6\xde\x10;n\x8e\xa4\xfb\xbb\x17\xb5[?cybn\x12M\xf1xe\xe24\x86P\xe9\xb6\xda\xfb\xa1\x01\x02\x06@\xb0\xcaH}C\xb6\xe6$%\xfb\xb4,\x97\xacZ\xca\x0c\xc5\xe2\xef\x12\x95\xb5\xeb\xa0\xcd(@k\xe5\xd0\xab\xb7n\t\xc7\xef\x06V\xa7u\xc8K!U\'p\xd2\xc2\xf4\xa5Oz\xe0\xe6\xa6\nX\xab\xe5\x1f\x81\xca\xa0\x9f\xca\xe8\x87\xd6\xa7\xd1\x88\xca\xc4\xf0u\'\xc2\xa6^GQ\x19\xbb$\x89x\xc49*\xfe\x9a\x87\x85\x12c\x9b,\x9c\xc9\xd4\xa6\r\xce\x9c \xaa\xfb)Z\xb4\xb8\x14\x06`\xa0\xac\x7f\x1fJ\x89J\xdd\x9bp\xfdf\'=\x9e_\xd3\xbb\x1b\xdb\x9b\x17C\xcequ\x84\xb5\xe1\x8c\x0e\x16\xf2\xf2\x97\x03$\x85&gt;\xa4\x93\xd55\xaf\xe5!L~\xa9\xec\xef4N\x08&lt;!\x9b\xa5e\xe0\xcf\xfe{\xce\x10\xf9\x07r`J|\x00d"\xc0Cir\x11\x19\xf9Cf\x17vG\xbd\xb5\xedIk\x8eE\xa2\xc7 c\xf0mv\xf3\x1e\xd2\x03 \xb6\xb4\xf9\xa6\xde\xc53\x07\xbcxR]M\xe2\x82\x95JZ\xf9\xc2\xc7\x9dA\xa3\x88\xbd\xf9\xeb\x07\xaaD\xef(\x87\xe9\x04L\xdc\xf0\xd20\x18fEv\xb2\xa8"}\x17\x9e\xae\x80\x00\x80\xcf\x81\xad\xc9\xb9\x8d\xbdoF\xf8\xe8\xa0\xa0\x10\x89\x91\xb8m{K\xd2\n\xd4\xe6sa\xff\x94\x87\x93K]\x89b]\x85\x94\xd4\x89\xa1$,\x94X\x81u\xea\x84\x00TP*\xa5fL\xe2\x00\xfa\xe0|\xae\x96\xe6\x8cX\x06P\xcc\xba\xa4\xbel\xabF"\xb7\xb0?\xab\xb6\x01o\xaf\x86x+\x0c\xac\xe3\x81\x14$\xab\xed5\x18;8?\x12\xee\x16/\x8d\xf4.\x8c\xd7\xa4\xda\xf3\x0fU\x8f\x9c\xff\xab\xed\xfc\xdd\x1a\xa6\x0e=\x9d\x99(v\xcc!Pb\xbf\xdb\xe1\x9f4_\xef-\xf3#@:\x11\n\x01\x03j\xb7\xb2\x11\xcbENA%\xc0|\xbeK\'&lt;\xb6\xd8R\x02\x06I-2a\xf2f\xac\xe4\xeb\xeb\xa7\x95/\xd5\\\x11|\xad\x9bE)\xe0\x8eH\xa6\x9c\xffb\xed\xd6=\x8fHZ\x7f\xafnD\xc4\xdf\xfa~\xc3\xc1\x94e\xaf\xdc"%s\xac\xc8\xda\xc8\x1f\xfa6%R\xc1_\x03\x92\x92\x11\xb6"5\xff\x12f,\xb6\xfc\x7f\xbbk\xa0\x81\xb6S_&amp;\x9d\xcd\xba*V2\xde:\x14m\\DwR\xb6z\xa5\x90\x8f\x1e\xdd\xaa4\r{\x82\x80\xfb\x1c9\xde\xc2\x121,\x84\n\x96&gt;S\xce+\xc7\x8a*A\xa4]~\xd8jJ\x94\x107\x11+\xa4\xe8&lt;*,\xf8\x94\xc2\xddL\xea\x9f\xf0&gt;\xf7\xa5\x0f\x1d}@7\x96\xa1\xf2\x04\xb3\x84\xf7\xd4\x03\xe5\xe4\xab\x94_\xb9o\x87\xa7\xb6\xcb;az\xe3\x13\xe9$=\xdc\x80\x93\x96$\xc7\xa5\xb5\xce\xf8\x17\x96\xe0\x83l\xd6?&gt;\xdfFs\xcf2#J\x1f\xf1\x06k\x1bM\x95\x1a\x92\x80\x8d\xe0\x1b&amp;\xff\x1b?\x1b\xddG\xda\xed\xf9(8y\xa5KC\x13O6\xcf|\x10\xf7\xd3\xf7\xa7\xcb\x7f\xa2\xaf\xcbz\xbb]\xca\x02\xc6^\xc1gHUhT\x04\xec\x90\xb7\t9g\xd0\x07\x06\x86\x9d\x1c\x81\xfd\xf3^1\xa83\xad\xc9:-\x8a(\xe8\xa7\xdb\x963\xd20\xee\xab\xbewO\x84\x10\tJ\x94}\x8c\xce\x92\xf5b\x92C\xb0LS\xa4\xcdV\x9e\x1d\xcd\xeb\x08\xc5G\x14\xffAH:\xfd\xfa\x1dZ\x80 \xacoXG +*\xe8_+1\x1d\xae\xc5\x1b\xff\x90\xed\x1b\xf9?*\x90\xfc\x03\xfe\xd0\xa2\xe9Hv:\x11\x0f\xb8E\xf7{W|\xcf\xbd\x1af\xc4\x8f\xd9\xf33O\x13\x03T\x1a\'$\x18\xf9?\xf6\x07\xcf\xdcQ\xa2 \x03\xf2\x8e!\xed/\xc7\xa0\xe3\x18a\xc3\xb9\x93\xe4U"\x0e\xd8(&amp;\xef\xb2\xa6v\xb76\'\xd3\x81\x94\\k\xe8\xda\x07\xfc]\x8c\x12\xd1}i\x1e\xd2 \x18\xd76\xb6\xd9\xac\\\x8b\xbcw\x02\xa0\xef\xa4{\x06R\xd0\x88k~FE\xa7\x81?\x89BG\xd6\xa7\xaf\x96\xa3\xc2\xb4\xd8\x9e\xf2F\xa1\x8b\xd2\xec&lt;1\x04\x80\xfb8\xb6\x9c\xd7\xa9"\x91\xb1n\xbd\n\x86\xaf^\x9c\x85\xafNE\xfdHq\xeb\xd5\xe0\xb9S\xf6\xe1`T\x9bt\x9fE\x07\x9f\xd3\xb3\x12c\x12\xd6Md\xd3\x1f.\x19\x9da\x00b\xd6\x9bK\x81\xa0\xad\x96\x855\xa4N\n$"\xeeC\x83\xb33\x80\x9bsv\xcb\xed\x8d5\xec\xb0hS\xea\xf7u\xaae\x8f\x14\x1bv&gt;\xc7\x17\x07\x87\xa1\xe3\xd4\x16\x11\x87\xc4j\xc7\xeex\xd9\xe2\xc0r9\x1c\x7f\xea\xc4\xc2y\x0e+\xbd%3\x06\'xK\xb1\r\xcceR\xb9S\xae\x07\x8e\x85\xc0\xedZ\xfc\x1cn\x021 \xe5Q\xde6\rnX\x8a\xfb\x1f\xad}\x89iV6\xfd\xa9\xfe\xf1\xe5!\xa9\x98\xd7\x85S\x1d\xabK\xd6_t\xec\xb5-\x8f&gt;:dI"(\xdf\xc6\x81\x83\xcb\x99\xc2\xe0\x11\x89\xd1-.\x89\xa0D\xc5\x95W\xf4\x0f\xcaZH\xf0`l\xa3\\\xa0\xabH\xeb\xf9\x96\xe8{\x11\x06\xa5\x1d\xb3\x01\x83I=\xba\xf3\x98\xe4\x9b\xc7\xf6\x8e\xb8\xc9\xd5\xc7\xb57\xc7\x83\x14\xec\xd4\x11)\xd59\x8a\x0c\xf5\xb7P\x8d=?Wp\x9c\x83\xe2\xcek@\xbe\x1d\x0e+@\xa5uC\x1f\x06\x95\x11\xf0\x90\xfce@\xe8\x87\r_\x96\xca\x80\xe8\xa7u\xbc\xc3u\xc6\x8bc1\x0b\xa2:)I\x9b\t\xae\xf4\xafo\xb6\x82\xab\xa7\xf6/\xa4\xa4\x99\x02\x9f\xf9p\xa5\xf5\n=\xc0g\xada\r\xcd\xd62YL\x149G\xac\xd1\x7f9z\xf1\x1d\xb6\xe1\xcc\x1c\xac\xd1\xa8\x18\x82S\xfe \xea\xda3\xb9\\/\xf4W(oWp\xdf\x05\x07@R\x1a\xaf\xb1\xe6\x18\x1c\xc0\xf24l\xa7A\xd1\xfaE;N=\xa0\'\n\xeb\xb6\xab\xbc\x04G\x05\x04}\x8e\xb2e3\xae\x15\x85\x02\x9d\xba\xfez\x95\xab\xaaGX\xa1\xf1\xf4\xd4\xc5\xd5%\xab.\x7f\xcbM\t\xbd0\xe5f\x07 c\xa6\xa2\xcaZ{{\x18Y#\x91\xad\xca\xec\xe1\xeeXP\x1e\xe1\x87_\xbc#\xc5\xee\x15\x8a\xb8-\xb2$\xd8\xf3\x82[}&amp;\x83V\n\xa3^\x88\x96\xfc\xb3\xd5\xf7C/\x8f\xb49\xc6\xaa\x80\x8f\xda\xb1\xc3\xe1\xfcv7\xf25A\xc7#\x19Tt\xd2\x1f8\xcc\x95&amp;&gt;R\xc8u&gt;\xe1\x94\xebPB\x975\x02\xa7\x8b\xe1\xe3Z#g\xe1LB_a\'\xb08)\xb9\xac&gt;\x04\xad\xb0\x00C\x17&gt;\x11\xb8\xe7\xb6\x1c&amp;\x17\xa5\x88\r\xc0(\xf1\xa3\xec\x96\x9b\xf1\x07\x82\xeb\xa6f\x16\xf0&amp;_;\xf2\xfa\x97\x04z\xed1\x0f\xdb,\xabO\xb7\x8f"\x0f\x0b\xb4+$\xb0D*=\xc5\x96\xe8PEyg\xee\xa0T=\\X\x1c\xe4\x97\\\x0c\xc1\x83I\'\x99yi\xd7\x16+@c!M\xc88t8M{\xd8\x9fN\x81b\xbb[\x97\xba.P\x87\xea\x06\xee0!yE\xb4\x15$\xc7T\xe3V\xda\xd1\xef4_\xe2\xe4\xdb\xb0\xe6\xb5\x93\xff\x99\xfc]\xd4\xc7#\xb7\xfa\xba\x95\xd1\xd2\xe1.\\\xec\x1e\x9c\x1d\xaa\xea\x81E\x19\x16\xcd\x1d&amp;\xafDaR\xa3y&lt;\x13P.]\xe0\xc4\xf0\xdb\x08\x80\xd3\xea\x9c\xbf4\x1b\x99\x8b\x7f \xcd\rg~\xc5\xfe\xab\x0e\xd2p5\xc0\x02\xb1\x10\x94r\x1c\xac\'\xc7\xc3\xb8\xeb&gt;\\D\xc4*\xba\x05\xd2\x0b\x87E\xf4\xb4XcG\xbc\xa1\xe1Y\x95\x8a\xc8\x8e;\xca\x14Wa\xae\xdcx\xd3t\xaa\xe9\x8d\x0b\x88\xd8]\x83;\x96Ux\x9c\x13\xd9H#]\x82\xb1\x08\xc1\xd5\xfb\x86r%\xdbo\xa1\x81\x802\xf5\xd3\x12\xa7\x02jD\xe7\x82\xdc\xdd\xda2\xd8v\x0b\x0f\xb4\xd2q,row\xaf\xf6o\x88-\xe7\xf6\xedO\xc2\xf3J\xe1\xd1\xe4\xc8\x96Gy?\x01xJ#\x17\x9d\x90\xa1\x88\xe7\x89[\xb8\xab(\xfc\xd0\xa0#0m&amp;\xa7]\x9f\xc7]m;\xb2\xdd\xe7\x10\xc7\xd1o\x9dx\xf66"[\xed\xd4\x0e\x8d\xf0\x92\x18woH\x9e\xcd{xD\xa38\xd2\x0c\xf3\xf3Y?p\xce\xab\x10\x05\x1d]\x98h9\xb6\xc7\x11\x11\x8f\xb6F\xee\xd34\x1f\xb0JjtF@\x9b\xbe%\x99\x90BO\xcdp\x15R\x02&lt;\xc87\xdey\xcfCe\r\x90\xd0\xca-G\x9bJ\x82vx\x92\xf4\xf8\xdfF%\xb3\x9bE\x87\r\xe3\x1d\x8c\xe0+\x97=\xf2\xd1a\xc2\x87\x93&lt;\xe3N\xea\xdb\xb1\x14\xd1\x0f\xd2\xd1i\xe2We\xba\x04,\xdc\x93\x8e\xaey6+C\xc8\x98\x8e2vR\x1b\xe3$\xe3\xae\xabm?\x9f\xaf+G#\x8b\xed\xeb\xc6\x81\xc7\x7f\xd1{,\x11Z\xa0\xedTo\xdd\xfdDj\x8e\xdd\x80\xfai-\xc6HF\r\xce%\xc7\x83\xbd\xb3\xb2\xf0\xddh.\xf3S_\x1e,&amp;-6%\xf6\rPR\xc5\xa0\x8b;\xb66\xe8\x0cQ\xb1\x84~\xdc8^\xbd\xde\xc2DA\xcd\xea`8\x04\xf9\xa1\xe3\xc3I\x15\xd5\x1c\xad\xcaz\x98\x84(33\x0e\xb1}\x047}\x1a^\x04r\xd8\x90\xe12m\x81\xd7X\xab\xca*\x92i\xc8\xa0\xfcX\x15p\xb6xAC\xdf\xa3\xffQ\xf6~\xc1K\x8e\x865\xb2\xa0\xa6\x0c6LB\x1a\xeaRG0\x98Z\x02\xcboaj(e4\xfd\x9cl\xb9\xea\x91\xb6\x1b\x10\xccF\x9c(a\xcbI\xec#\x18\xf9-\xec=\xecf\x1a\x00\xd0 8\xd3\xf1\xc3a4\'\xb5\x9d\xb4\xa0\xfa\xb3\x9ay\xb6/\x08gN2;\xdelx\xa5\x98v\xff5I\xf8\xd7\xe9\x93\x8d)\xce*\x8b\x9e?\xa0h\x04\xfbX\xc2\xfcA*\xa8\xcdS*^M\xbe\xaey\xa3\xb3\xfb:\x82\xa7Yz\xb8S\x0f\xa9P\x95\x18\x90\x9cl\x1bwi\xc6+|k\x16IC\x8f\xd4J\x02C\x9f\xa6\x0cy\x84\xbf\xbe\x8e\xb2\x8b.\xcd4\xad\xa1hW\x97+ZP6\x81\x06T\x15\xbb4\xf8~U\xbd\xd5\xba\xc8H\xb3\xe6\xde$k\xc2\xf0VWn\t\xef\x9a\xfb\x87\xbd\xcd\xc6\xa7\xc9\xf9\xbb\xf8\xe0\xc8?\xfdv\x0cg\xd1\xabbzq\xa3\x03\xb7*\x08\x89+\xe4\xbd:;z\xffx\xc8N\x95M\xc8\xc3\xfe\xb5\xc7\xae\xef7\x06\x90F\xb7\xd1\xea:\xc5\xb5\xe9\xe1\xcb\xf6d4\xbe\xd4\xb0\xb0\xe6"\xfc\rq4\x9d\xe5{d7\xfb\x84\xaby\xd5\x06 \xb7Q\x81\x90\xc9\xa8!+\xa5\x8d{\xedf\x8c\xc9\x979\xd5\xffo-\x8e\x0b\x15#\x9b\xc4A\xfd\x80\xbaM\x1a\x158\x12z\xca\xd4uo*\xfa\x10\x88S\xe4 \xca\x87t\x80@\x0e\xb9\x9f\x8fj\xa8\x1f\xfcE,\x19\xa2\x1c%\x91\x1dmK\xb3"z\xd7'</t>
  </si>
  <si>
    <t>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</t>
  </si>
  <si>
    <t>b'u\xf1\xf4j\x8eCZ\xa5\xe8\xccV\x94y\xa4\x05p'</t>
  </si>
  <si>
    <t>tor say how long I was to lie here in this old berth?" 
 "A week at least," said I. 
 "Thunder!" he cried. "A week! I can't do that; they'd have the bla</t>
  </si>
  <si>
    <t>b'\x94\xecv\xe3=\xd7\x91\xb0(z\xbf\x95\xbb\xa6OY\x17dm\x0c\x91\x98\xf3\x94\x07[\xdc\xa5h\x80\xe9:\x7f\x1a\t20\x0f\x1dN\x9c\xf0\xe5(!\x1d\xc3\x81\x19Ed~\xe5\xab\x1f0\x98\xe7N*\xa9i\x85\xba\xeb\xc75\xc2\x89w\xcf\xa9\x97VVH\\CVy0b\x93{v\xcf\x14)\x7fO\xefN\xb1)\xe9\xcfPXV\x87\xacn=D\x8bV&amp;\xd0\x89\xff\x11\x0f\xa9\xd2\x9fD4\xe1\xc7\xda\xa9}\xdb{p#W\xf2\x17/\xbam\x18\xc4J\xc1PDj\xd9\xd7=#\xd0Z`:fTo\xaf\x9e\xb9\x82l\x0b\xa0\xcaK\xbf\xe6\xc8\xd2\x9c\x0bZS\xb86r\xce\n\xc8u.\x84\xc9\x16\x8b\xa2\x17\xf6\r{\x81\xdf\xac\n\x00qB\xd48\x19\xe1f\xacY\xccu\x16\x85\xf1\x9d\xc2v5 \xc7d\xb3m3\x87%\x81r\x91H\x0f\xc9M\xf5\xc2?E\x02\x8e\xca\xbf\n\xfd\x18%\tO\xc8\x8dL\x80\xed*\x0f\x13\xaa\xd5\xd5\x04{\xe3\xa1\xf16\xbb\\\x84\xf5\xf2T\xa8"U\xb7\xee\xcf\x89\x94\x1e\xf1\xf8X\xdc\xabDy\xd8\xfd+\xa5*H\x11\x15\xc1\xe60\x0fC\xdf\x0fd\xf1\xdcq\x92\xc3rb\xe3\xa8\x01U:~\xff\xf3?c\x03*\x17\x0c\x0c\x00o\x07\x93\x93\x1d6Z\xd4i\xc1\x8d\xcab0\xcd\x1c}\xc19\xdb\x80\x05\xbe[W\xcadH\xbe\xaa\xd1L%\x94ph\x0b\xba\x16\xe7\xd5zZqz\x8b\x15\xcaI\x97\xd1\xb1\x88\xfc\xe4\xb8OsHK \x06O\x96gGbW\x90\xed\x84\xf80S\xb3I\xffb\xff\x90\xdc\xc1y\xd6\xc3\xca\xaf\x8e,\x1c\xdfan\xa1~jy4h(\xc1\x95\'7\x91\x9e\xd8\xae\xd6W\x1c\xa6\xf4\x9b\x0b\xf3C\xe7\x19\xdb\x90A\xdf~\xbc\x87N\xa7\x14\x16\xd8{S\x11H\xaf\x15\xba\x8f\xb1\xb1\x1aqL\xf8!\xa8\x91\xad\xc7\xc3WH\xd9\x944\xf3\x91X&gt;y\xaa\xf6.Z\x80;\x81\x17\x83I\xc8\\J\xd0\xe2\x8f\xf4+\x8f\xcaf\xfe\xddE\x85\xae|x\x12\x02\xc9\xc7\xd62\xe7\xec\xca'</t>
  </si>
  <si>
    <t>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</t>
  </si>
  <si>
    <t>b'\x94\xecv\xe3=\xd7\x91\xb0(z\xbf\x95\xbb\xa6OY'</t>
  </si>
  <si>
    <t>our new best friend.
 You can create your StoryBrand BrandScript for free at mystorybrand.com, and it looks like this:
 In the next seven chapters, Iâ€™m going to walk you through
 these seven elements and help you create your BrandScript.
 Once youâ€™re done, youâ€™ll no longer feel confused about how to
 talk about your products and services, and youâ€™ll have messages
 that powerfully engage potential customers.
 THE SIMPLE SB7 FRAMEWORK
 39
 The first project Iâ€™d like you to BrandScript is the one
 that represents your overall brand. Next, youâ€™ll want to create
 a BrandScript for each division of your company, and after that,
 each product within each division. If you like, you can even create a BrandScript for each segment of your customer base. The
 uses of a StoryBrand BrandScript are endless.
 Again, to create a BrandScript you can save, edit, and
 come</t>
  </si>
  <si>
    <t>b'\xf1\xd8\xf7\x0c\xc4\xac\x82\x83\x10\xa9\xc1|\x92\xbb\xdc\xcb\xb0Z\xee6{\x12\xcc\x13\x13\x810s\xbb4\xe4\xeb\xaeW\xf1r;3#\xf6\x1a\xb2\xf4\x01N\xe1\xd1\xd4\x892\xc8\\Z\x8a]\xebw\x84\xfe\xa4\x19AUX\x06\xa9\xbe\x8c\x8f&amp;\x8b\xff1$\xf9E\xe9`\xa3\xd9\xf6!&amp;\xf5|\x93\xe4\x92d\xea\x1fy\xb0\x086\xcc\xeb\xba\'3I?\xcf\x98`\xee\xd7\xaa\xa2W&gt;\x8bA\x12[\x1a\x0e\x191\x92H\xdf\x92\x17q\x02\xb2\xd5T\xa3)=\xa1\xb6~;/+\xde\xd1\xcf\xd7\x81\x9b\xe7\tUK\xa0\x1d\x9d\x0bu\xdce\xb7\xd9a=\xcc\x99%\xdf5`\x8a\xf7\x84Y\xbd\xfc\x9fp\xcc^\xc7b73\x9c\x1b\x82\xe7A#\xda\xdd.?\x90\xa1l!GC\xe5)\xf2J&gt;\x1bI7;&gt;i\x93\xbb\xb1\xbbG\xa9\x91\xc3\x9c\xab\x05\x1e\x9c\xbeX\x87\xfb\x9c/(\xc9\xa5|H02~\n\xcf\xb9\xd7A\xba!A\xd9\x1e\xd8\x9c\xd9\xf3\xe1\xbe\x9eh\xc9\xc8B\xc6dUO\xd7\x97\x16\xbf\x8d\xdc\xad\x94VT\xa4\xab^\xd0\xaa\xa5\xbcY{T\xf4\xee\xd2]\xcc\xdej\xc1\xf3Xdlg\x05k\xf5+\xe9Fs\x7frb!\x92\xb6\x0c(\xfdL7\x82R\x95\xaa\xb2\xf0zRR\xe2\x90\nRl\xf2\xce\x91\xbb(Q1\xfam\xda\x19\xe9\x94\xdaY\xa8\xf8@\x05\xb9\x80#t\x8d\xd6\xf8\xcb\xcf\x81\xcfl\'\x86\xa0\x08Z_\xe9Z\xc9\xff\x1f\xdc\x01\x01\xca\xd3L\xf5\x9c\xdf\x9c\xd4\xb0\xeaB!\xdep\xc3"NP\x9d\xbf\x05^P\x1f\xed\xb1\xfeV\xaebj\x04\x05\x90C\xe6$\x12\x02\xed\xbf\x84\xa0G\x11\xc0\xc3\x04\xf0\xc1\'^\xf5i\x19\xa6%J/\xd496\xd0\xe8Y\x08\',\xda\x82P\x088\x1d\x0b\xfc]\xee\xa7\x13\xf4\x92\xf8\x8b\n\x0c\xf9\xc2E\xac P\xbe\x93\xda\xd6\xe4\xe6\xd1\xc9\x17\x86B/\xb5`\xf6Q&lt;\x89\xdc\xb3\xd2qQ\x9e\xbb\x99\x80\xbf.h\x82\xd0\\\xbe\xdd\xcb\xcd\xee\x17\x0e\x11\xa1-),sw&amp;\xbf\xdbb2\xb0\xc0\xd5Qy\xc2\xd4\x15\xa6Jc\xb3\xc8\xc7+\x9dH\xed(p\x80\x94\xac\xbf\x15\xac\xff\xa2\xda\xecS\xacH\xdc\x12\xf2\x9cr\xc5\xdcn\x90\xb2\x99$o-\xff\xd1\xc53hs\x0b\x91\x00\xa3\xa2v\xf9RHd\x82\xbb\x86(bK\xce~\x99K\x86\x05\xa7eH\xf9\xa8\xe5\xe4\xf9\x8f\x04P\tLq\xa8\x90\xc8\x1c\xcb\xe8t\xd0\x891\xc2\x97\xe6\x06m\'\x90\xd8:\'\x17\x19_\xd7\xe2|\x8e\xcfv\x97T\x87\x86s\xe1-\x8a\x8e\x10\x16\xe1j\xde\xa4Md\xdc\xdf\xc4\xfd%\x159\xa4!\x96\xf9\xa7\xabx5\x85^\xa8`\x87\xa1\xf9+\xf5!\t\x81\x1b\x02\x8e\x85:\\+\x06\x01\x89\xfb\xa6\x1b\x94\x08t\x894@\xb12\x81\xea%\xd7\xdd\xf0\x1d\x8d3&lt;m\xad\x01VK\xbb\xf5\xebg\x18I\xe3B\x8aZ\xc73\xe7\xbf|Ks\x04b\xdf\xdf\xc8\x03\xb05\x0e\xf5?v\x07K\x99\x9e\x9bO%|\x82;S\x04Q\xdb*\x80h\x9d\xee\xde\xca\xdc\x19\x9a\x8f\x17R\x15\xc8\xb3"H\x93\x92\'\x12\xd7a\'\xabB\x08U\x83\x98\xcb/\x7f\xa6\xe7\xcd\x97B\x91\x8f\xd2\xa2\x17 lc\xfbsW:]\xd3\xf0\x19~\xe5?.KZ@\'K\x9a6\x1e\x86\xdb\xd3\x1d\x00(\xd0&amp;\xe2\x00\xa4\x9b\xfd3?\xf2B\xb58\xe9\xeb\x89@Q\xf2\\@\xc6\xc4\xbc\x82\xa7\n|P|l\xb3&gt;~?Q\xc4'</t>
  </si>
  <si>
    <t>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</t>
  </si>
  <si>
    <t>b'\xf1\xd8\xf7\x0c\xc4\xac\x82\x83\x10\xa9\xc1|\x92\xbb\xdc\xcb'</t>
  </si>
  <si>
    <t>nd to go; the most part of the time we were broadside on, 
 and I am very sure I never should have made the ship at all but for the 
 tide. By good fortune, paddl</t>
  </si>
  <si>
    <t>b'\x82\xaa\xfb\xdaCG\x93\xea\xf1\x9b\xbf\xf9\x83JD\xea\x9f\x19x08\t\x1bE\x15.\xdf\x96\xb0\x02\xdc\x89\xe3*v;\xdaFzi\x90Qc\xb3\xa1\'\xa2U\xcd7\xd4\xbf\x8e\xf2:\x9b\x83\r\xb4\xf3\x0c?x\x05y\xd4\xccD\xca`\xe8[\xe4\x19\xb2`w\x0f&amp;-6\xa6\xac\xaa\xeb\xca-\x8e#\x92\x82\xd8\xc7\xa1\xb6$q\xe2~\xbc\xb2M\xe5\xaa\xf3\xd7\x05\xf4\x82|\xb3\xa6mM \x94\xef\x06\xdd\xc5{\x06\x85.ICv\xdd\xc9N\xe9\n|i\x1d\xf4Z\xd5\x7f\x15\xb2\x7f-@\x83\xad\xbd\xba\xa0BQ\xeb(\x17cQ\x19\xe3\x9fd\x8c\x93\x04\xd42\xc7#\xc3&lt;\xb7c\xd6\x93\xb7\xb1_\xab\xa09\xa0x\xfcM`\xb1HgxO\xa8s\x95\xd8(\n\xa6ip\xee1\xef\xe5Q\xd0"\x89\xa7#\xae\x9a\x89\x9d\xb5\xa6\xee\xa7&gt;!\xfb\xf9M\x83\x8f\xd8\xfa|\xc4\x0807G\xfc\xa5\xe19E\x86OL@\xdboS\x81\xe7\xc5\xb3zS\xdb!\xe9CG\xf0a'</t>
  </si>
  <si>
    <t>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</t>
  </si>
  <si>
    <t>b'\x82\xaa\xfb\xdaCG\x93\xea\xf1\x9b\xbf\xf9\x83JD\xea'</t>
  </si>
  <si>
    <t>in 316 because of the war against Licinius, but
in spring 317 Constantine began exiling the Donatist leaders and confiscating their
property. However, imperial persecution of Christians and creation of martyrs was a
hard concept to defend or implement and persecution tailed off rapidly. By 321, the
Donatist exiles had been recalled, and Constantine wrote to the Catholic bishops,
saying that revenge would be left to God. For Constantine, this appears to have been
as much about imperial unity as it was about religion; there were no theological issues
involved. It was difficult for imperial officials to enforce imperial commands while
living in a community among their peers and many must have been grateful that their
terms of office were short.
The half-century between Diocletianâ€™s accession and Constantineâ€™s death was a
period of significant change and development in the Roman state. It is important to
remember that change occurred both before and after this period. Most measures
204 Hugh Elton
were not new, but were institutionalizations of existing practices. Too much emphasis
can easily be placed on Diocletian and Constantine personally and not enough on
their imperial colleagues. The most significant change was in the restructuring of
administrative hierarchies, with the state now run by imperial officials rather than by
equestrian and senatorial aristocrats. There was more government in the fourth
century than there had been earlier, though it remains unclear how heavy the
demands were or whether the state actually strangled efficiency. Thus the demands
of supporting multiple emperors and their courts as well as new provincial governors,
vicarii and duces, need to be set against more efficient collection of taxation and
judicial process. There was also a secession of part of the world from imperial control
with the creation of a Christian church, though the problem of who was its master â€“
emperor or God â€“ was still unresolved when Constantine died. Lastly, though the
framework of the empire itself may have been more efficient, government itself, as
always, depended on the people involved â€“ exemptions and contradictions in policy
and enforcement were frequent.
The Transformation of Government 205
CHAPTER ELEVEN
The Roman Army
Nigel Pollard
In his book on relations between soldiers and civilians in Roman Egypt, Richard Alston
(1995: 3â€“4) bemoaned a tendency in past decades for the study of the Roman army to be
treated as â€˜â€˜almost a sub-discipline of ancient historyâ€™â€™ (and, one might add, of archaeology), with inward-looking preoccupations and obsessions, emphasizing the study of
organization, rank, deployment, and the typologies of military installations. This approach has, quite rightly, put off many students and scholars. However, the study of the
Roman army is important and interesting, but only if we re-integrate it into the wider
context of Roman history as a whole. This is easy to do, since one or another aspect of the
Roman army is relevant to just about every major sub-discipline of, and approach to,
Roman imperial history â€“ including politics, provincial administration, social and economic history, and the study of local cultures within the empire. The Roman army was a
crucial source of imperial power and its support made and broke emperors (see Peachin,
this volume). Its members were the most numerous representatives of the Roman state
and performed many of the basic tasks required to run the empire. It was the stateâ€™s
greatest financial burden, present in each and</t>
  </si>
  <si>
    <t>b'D\x97\x18\x8c\x19\xbb\x8e\xb4\xa6U`\xa7\xdc\x07!\xf6}\xd8x\r\x97v=\x0fM\xb1R\xbf\xba\xb3rZ1\xabuEsJz\tQ\xdc*\xab\xe8\x1e\x98@\x88\xb6\x0e\xd8!\x1b\xfc\x98\x1d\xd9\x81\xbe0\xa7\xc6\xa9\x9d\xd2\x1ev\x10\x87m\x00\xf2\x0b\xc6\xa8\x9b\x10\xfco\x9d\x0c\x85\xd0\xacC\xa5\x10H\xd9$~\x8a\xc6?;,\x0b\xe5j\x84We\x0e\xea\xb3)\xbe\xdc\xa0\x819\xd66\xc2\xa2\x875\x84\xccm\x0e\xd5W\xc7\x82\xffo}\xaaG\x01O\xccK\x06w:\xbb\x1c\x91v\x0c\x8e\x9a\r\xf4\x00\x12\xa5\x90/\xb3vF\xef\xe1?\xe3\xdd^\xf9?\xac:\xff\x9d\xd7N\xcc\xe6\xef\x85\xf0\x07\xc52\xa0il\x07\xddM\xc6\xfc\xc0gc\x0c\x94\xc0\xf7&lt;\xae\x15_7S=\xe7\x82\xf4h\xd8V\t\x19\xce\xdf\xe3W\xee\xa6&amp;\x03\'\xee\xa8\x9d\x0f\x9a\xe9c&gt;}\xc3R\xeeq\xe5\x97\x80\x02\x95\x9a\xd9\xdc\xef\xb0\xbb\xda\xc6\xbe\xb4\\U\x10\x04\x90\xc0|\x1e\xb5\x9f!s\xbdg\xa0\x05J\xea\xfa!N`\'\xb5\x9d\x12|SM\x1c\x82\xdbAt\x7f\xce\x15\xba3\x07\xc0\xcf\x11M\xebT\xe5N\x9bV\xa9\xb5nDA&gt;uy\\\x1e\x8c\x9e\xef`\xaf/X\xa9*0\xe1\t$\x80\'\x0f\x1d\xf4\xa3\x96g\x835\x13\xe5\xb6\xec\xa3y\xd8X\x0e\xcb y\xe0a\xcc&amp;\xf7~\x101z\xe0R\xd0w\xec\x94\xae\x04\xb1\xec\x0c\xad\n\xe7:xAw\xe8\xcdJ\xa7\x9b\xe92a\xc2\'$\x1fo\xa7Q\x9c\xd3\x86\xeeg\x92\xf8"\x7f~\xb2\x0b\x03e?fp\xfc\x91\xa3\xdc6\xbdow\xbc\xb3\x7fc@bc\xa8T\xd25\xb0`\xd48\x9b\x0c\x88\xbdKx\xab]\x95.\xf8\xd5\x80\xb9\x92\xfc\x1d\xa9\xb2\x89\x01\xd0\xabW\xf2\xe9\xd4\xb5\xddt\xc8\xc4\xab\xe6\x14\x10z\xbfN\x13\x9e,\xa6\x181\xd5\xad?\n\xd4\xef\xc5\xee\xc4\r@\xcf\x15\xa3\xc89x\xd94\xed\x9b\n\xe7\xecM\xd3\tH\xbcF\xd2}M\xb2E\xb9\x0e\x17\xec\x87\x19\xb3\xff_\xf6\xc7\xdd\x87\x04\xd5\x86W\x8b\x1dsJ\xf5\xa8\xc8\xee\xd6\xd1\x84\xb9\xf5\x9eRN\xec\x0b\xcdf\xee\x1f\x0b\xaa\x9dKq!Z\xff\xce\xd7\x00je\xc1\t\xbf\r\xc1\xa2\xa9\xf4\xcc\xcd`\x96%Y\x1cc\x88\xa8\xfa\xe3\xf3\xa5\xdd\xef\x05\xdcr\x99\xd8a^C}V\x0fj\xe1\x98\x92!G\xbd\xd1\x99\xf9\xd7\xbb\xf0I\xf8\x82\xaa`y\xbdP\xf34[\x8bE\xa3ju\xf0\xcb\x93l\xbei\xca\xa0\xce\x95\x14c\x94\xf4\\\xb4\\\x94\xdfPN\xdeSq\xf5\xea{p\xbd\xfd\x07\xd2\x85\xb3\xa8\xd7\xb4\x85\xa0\\\xc2\xb7\xff0\xf4:\xf5\x82\xdb\xe7\x8cl\xccnQ\xc3\x1a\x92\xc60\xc5\x87yS9\xfaG;\xd1\x1e\xa6\x0b\xb5\xfb\xbe\xdf\xac\xbd\xc4\xb8a_\xba?\xc1\n&gt;\x97\x1d\x81\x90\x85\x16\xb4\x8b\xa8\xc0:\x90&lt;\x98VD\x82\x86D-k\x94\x9a\xdb\x08\x18\x89QHJ\xe3\xc5\xdcP\x82\x18\xd3_\x14?\x06\x00\xe4\xdc\x9f\xf7\x15:U\x18\x95D1\\/x\xf7\xd0\xad\x7f\xd4\xcf\x89\xf2\xb42\xb3\x94\xc0\x7f5\x90\xb1\x97\xfd\x06R\n\xf5\t`R(N\x10,=d\xf9-\xf1E\xe1K)G\x9b\xa0P\xffs\xe1\x85\x81m\xe4i\x06~\xbaU\x05H\xe55\x9f\xd61\xb5&amp;\xd9\xdf\xd9\xb3\x18Pl\x8e\x03\'\xc4H2\x1b \xb2\xaa\x8f\xa7\xce4\xa3N\x8a\xfd\xce\xb6G\xa7m\xbe\xd9*G\x97\x96\'\xe2\xbe\xa8J\xb0AW\xf7\xc9\x91\x8c\x95\x04\xe3\tu\xaf\xe0\xf2{m]\xbe\x8e\x03N\x96\x92\x94\xcdkn\x88\x802!\xbc\xc8\r\xec6]0\xb4\xbe\xd8.\x04\x97\xdeH\x11\xd4\x9a\x19\xbf\x9d^\xad\xb6\xa4c&amp;\x90w\x0b\xccH&gt;\x8ff\xea\xde&gt;\xcc{\xcc\x0b\xb9:a\x8a-B\xf2q\x8c\xcb9\xbb\xe1\x18\xe2\x15\xc5A\x05\'\xde%\x02W\xd6q(yx\xfe\xb6\x9f\xc3\xdb\x99\xa8E\xf4\x86\xa6~\x13\xado}K\xa5\xd5\xc4\xbc\x14\r\x1bG\x89\xce\xac\x170\xdc\x9f&lt;\xe9\xb9.$\xc9\x0e\xda\xcc?o\xec\x973Je@A\x1e\xa7z\xc3\xf1\xd3y[\xe1\x0e\xba\x9a+\x05c?R1M\xf5\xb4\x04S4\x88\xadm\xabd/\xeeF\xc9~\xe7\xad\x7f\xdb5\xe0\xfe\xa0\xafo\xf1\xa7\xe5\x84g\xbei-\x9b \xe6\x88I\x81,H$l)\x80\xd9}\x92YH\xb1D\x91\xe5\xe4W\x16&lt;u\xe7\x03\xc3A\x00\xe8\x83\r,f}\xb61\xab\x86\x9eI\xf7\xd9\xa5F})\xda\xb9\x9a\xa8\x04u\xfa\xb1\x80$M\xe7/\x8bN\xfc\xa8Q]\xb1\xabe\x07\xbd\xd2\xf1\xba\x1d\x97t\x16\x9e+\xaa\xedf&lt;\x7f]\x1b\xa9\xeb\xe3\xebQ\xc1!\x1f@\x88w=\x02kl1\xbd:\xffC\xd5!\x1d\xf4\xa6@\xfe\x86\x89\x07\x83\xce\x839p\xa3\xa9uC\xb5\xf4S@O[\xb7\xd4\x17\xb4\xa6S\x06 \xb5\xa7\xca\xcc\xee\xa6\xd5R\xd5\x8bLJ\x91\x9a2\x19\xf8\x9cG\x03&gt;$\xef0\xa5\x1a\xef\x9c\xcd\xb03\xab\xb2\xd3q`{\x90\xfa:\xd2f\x9de\xb8\xdad\xc6\xf9 \x10\xadn\x15GD6\x90d\xe9\x06-\xfc*\x92\x04\x1a\r&gt;\x89we\x96\xca\x96\x80t\xe5\x172\xfd\xc3p\xce\x069\xe7X,,\xc8|:\x18\xfcl\xab\x14\xca}\x7fA\xd3\xd6\x8bq\x82\xaf\xa2\x9bOI\xcd0{\xccP4\x9bx\x0c\xc9\xc7\x9f_\xcaO\xef\xf0\xeb\xd3\x08\x12\xeb4X\\\x9ec\xc0\xf0\x7f\xf1\x8fw\x00y6\x14\xe2\xc1\xa7\xc23\xb1u(\xbe\xbc\xf2\x1e)S5J\x92\xf5\xb7V\x19=-\xb1\xf7\xdd\xb5H\x1d\x8e=\x93i\x1f\xedo\xe6\xf2\x07a\x14\xdc\x1dsU\x10\xe7\xa5\xd0\x9b-\x07F\x9c\x9c0#\xf3\x87{\x9f\xbdP\x00\xb1\xb9\xa1\x0e\xff\x9d\xa5\xc9~C)\xc3\x1cc\xb0\xee.\xe6\xa9s\x9c\x96q\x84y\xb5\x124\xf1\xf5\xda\x17\xca\xe0\x9a/\xb4\xce\t@\xa7\x93\x1f\xddd?q&gt;\xe1@j\x19\xc1\xc2\'\xf1\xa61^0%\xa9\x95\x16\x10G\xa6\xd1U\x03\xc3\x82;\x91\xe3U\xe1P\xab\x93\x14\x1as\xe6N0\xdf\xd6C\xbb\x17Tc\x8b.\x8c\x9em\x1d\x1cY\xa7\xef\xc7K^x\x90\x83\xd0\xe9F%\x17\xc5\r\x0b\xb2\xef\xf4\xb2\x06\xf0\xc9h\xf2\xcb\xdc"\x19\xd5y\xf4C\xa8)\xf4\x1b\xa6\x98\x0f\xc3\xbd\x8d.\xf8\xca\xb6[\x12\x93fkX&gt;\x90\xa8\xc1\\\xa0\xec\x07:}\xc3\x10\x8b\xd5fahY2\x18G\x03\x9f\x1b\x8e\xab\x82y\xa2\x11\x81\x1dL\xfa\xb4:\x141$\xcb\xb9\x9c\xdd\xe9\x87[\xb8\xce]\nSc\xe1\xe0\x12}&amp;\xb6z\xf7\t\xe7\x07\xd2\x87\xe0&amp;\xf2m\xd0\x10(e7M\x1e/Gs/)\x19\x1d5\xa0\xa9\xfa@\xcc\xf8c\xc4\xdb\xe0\xff\xba\xa4f\x97[\xfa&amp;\x01{(\xd6\xbf\x0c\xdd\xe6\xa6\xde\xa0\xc2KX&amp;\x8a\xd0J(k\xbbeL\xa8\xc2\x142\xf9\x04\x1cwqy\xb1",\x01\xf9\x81\x1a\xf0 \xcf\x9f\xa9\x8bU\xe3\xf1&gt;\xe3\xcaVJ|h\x17\x04\xb8\xdf\xdc"8\x89\x11\r\x07\xc0\x1cI\xa2z\xc9IO@\xba9VJ\n\xb6c\xb1g\xb3\xc6\xed\xd1,\xec\x14\xb0\xdb\xb7\xad\x1c\x8dv%R\xa9\x14\x1c"\x94\xc9\x86\x8a&gt;\xe73\x00\x91\xa2Qi\x0e\x06D\x16\'x\xf6Z\xe7\xe7\x85K\xd0\x85}n\xbd\x84\xb4\xc6\x99\xc0\x95\xa2\xab\xb5\x95\r\xcd\xc2\x8a\xc4\x03\xce\x9c\xccQ\'$\xf7\x00\x87.ZY%\x9dJ\x7f\xa1vt\xa9"H\xe1\xba\x11e*\xf7\x16%\x8e\xb4\xfa\x13+\xf2\xf3\xe6\xc5n&gt;\xeb\xca/\xcd\x93fJ\x81k\xc2\x04_\x10f\xa8\xb8k\xdc_\xfa_\xf8\x0f&amp;\xa6\xae\x1e\x95\x0bt\xa4\xf7U0\xf8\xd0\x9e\xc5\xe2\x82A\xdd\xf5\xf1\xcf\x0e\xcc\xf0p\x97w\xaa\xea\xc40~&amp;\xb4\x18F\x80*\x07\xa0\x93\x08\xbbI\xd1Gi\xfc?9\x9f\\\x8d\xd1\x12\x16\xe2\xa7;hn\xd8\x07jy\x03\xb8\tyw\xba9v\xc1`\x80\x10v\xb1\xcc\xc4G\x11I&gt;.\xcdH\x9b\x99\xf4\xfc\xe3\xa2\x12\x1d\x83\xec~^\xed\x12$\x0b\xdd!\x9a\x1f\xe3\x9d\x12(\x7f\xe5\xcf\xe8\xb3\xcfS)\\\xf5\x92\xf8\xf0d\x8f]\xd5\x82\x1eON\xa3\xfb\\(|\xc3\r\x1e\x0e*\x005;l\x8a|\xf7,g&gt;\x85\x91\n\x9f\xcd\xd9\x92\xf5z \xf5\xe3\x1b\\QJ\xf9\xb2KI\x97&lt;\x11\xe3\xf8\xce\xcf\xd0]GBVo\x1a\x9d2*\xd1z\x17\x82\xc5\x16\x0c\xa9\xf5h\xef\x7f\x9a\xfb\xceO[\x96\xbd\xa0L\xeb.L\xc1\xaax\x1b\x92LH\xd3\x0f\xf7\xf2\x9e\xab/N\x905B\x04\xd1o\x04k\xde\nT\x9f?\xd8h\xe0\x00y\xbc4\xa7\x06\x14\x82\xb9\xdd\xcf\xf0`\x12\xad}5\x94\x0c\x95$\\\x04\x13 zEk\xf0~\x0e\xb7\xc3%\xc0\x9by|U\xcf3\xd5R\xed\xf4\xc7Q\x10m\x85\xaa\xcb \xb6\x86\x12\xdd\xba/2\xb8I\x88\xc8\xcd\xd1\x8f \x8e\xd2AP\x1c\x16A\xdc\x12\xd3\xd7V\xa0O\x9e\xe2\xe3\xac\x90\x02\x98\\`\x07$\xc2T\xb5\x99\x06\xe9H\xe8\xd0N\x1dX\xe2\xfa}\x10\xce\xbd[p-\x9ef\xa8\x0b\xb3\xdbY\x9b-\xfe4\xdd\xdcK7F\xd0t\xe4\\n\xc6Y\xb6\xca\xdb\x88\xde}\xfa\xb6@.\xe5\xd8O\x83\xc8\x1d\x19y\xe3\xec\x94\xa9I\x11\xb43\xc3\x7f\x9b\x08\xbeE\'Uw\x18\xbf\x89\x1cG\xdf\x90 oq\xafI\xf5\xa8h\r?\xb7\xe3\xe3\xa9\xc8u\xe9\xf2\xc4G)\xdcN\x97\xc4\xf3zm\xd0@\x0f\x91\xc8\x8cb"q\xb3M\xe6&lt;\xf9\xc3\xc7\x9e\xb6\x90\x12\xadY\xdb\x90\xd0\xcc\xe9#\x90\x7f\x81\xd0\x14sb\xe9v\xc55)SN\xd0M\xf3\xc5\x93\x9f\x8b\xf4\xcb\xf4d\xc97\xe2\x00\x0e\xfe+86\xf3SwU \xbb\x1f\x08\x05\xe4\xd5\x9d\x82;\xdb\x01=\x1eX\xc2T\xfb#"\x1b\x05\x94(\x05\x06\x9fZ\xd8\x028\xd1\x82\x8d\xe0.\x83K\xfa\xa3\x18I\xe3\x13\x97K{a\xd6\x92\xf4\x07\x06%_f^o\x87a\xd6\x08\x86V\x8d\x13\x00\xa0*\xcd\xa3\xacF\xf8\xdd\xe60\x836\xaf\xad#9\x9d\xa3a\x82\xd8\x18\xc2\xfc^\xe7`\x11!\xbd\xc8\xed\xcb\xa8\xe6\x86\x9b\x88d\x16x\xa4,S\xbb\x98\xc1\x08FC\xeeTE~;Y^Ep\x81\xeb\x8b\xdap\x1bn\xe9\xef\x9c,\x14\x81e\xbe\n\xbb\x82r\xbe\xa3V\xba\xf48\x1d\xf9\x03\xfa%\xbc\x0f_@]\xddL0\xd3XC\x98o\xfeS\x99\x94\x87\xf32\x02\xb2\xd5f\xc7\x8bS\x89h\x14\xb5\x00\xf4\x82r\x99\xf3\xa8q\x15\xdeg\xf8\x19$\xc3Y\xc4\x94&amp;\x02\xbc\xaa\x9f\x9c{\xe6\x07\xfe\xda\x05\n\x98\x0c\x0b^;\xdc\x8f4\xca\xe7\xf7\x84g\xa6\xd9\x94&lt;\x8cv \xafU\xd2\xec\x0b\xdf\xeb$\x94ug\xf3$l{\xd3\xf3\x98\xb0\xb1V\x02l\x06\xe1;\xb7 \xc1i\x04\x8d#\xa9\x8cou2\x96\xa4\xc9\x94|1\xc0)\xf30:\x99\x0f\xfbO\xd0\xeev\x06@OT\x1e)\xc9\xd6\xdb2r\xbd\xcaU8\xfc\xa1k\xea\x04\xfe\xc29\x06\xcaz\x89k\xbdK\xb3"\xee\xc5\xf0\x10\x99\x1f\xd5sM\x87\x84\xc1\xfc!\x11L\x9dE-\xd2M{|M\xa1\xc7\x80\x82\x08+\\\xbff\xe5\x05\xaa\xb7\x99\xe3\xb4\x9a\xbaWMS,\x0e\xe1Z &lt;\xab(G\x89\xb7\xf2\xe0\x97\xdc\xec\xa2qQ\xbc\x95\x15\x99\x85\x1e\xc5%\x8d\xf2N\xaf\xf3\xf7\\\xca\x91\x87\x1f\xfc\xfdKR\x1d\xd5\x17\xaa\xa70\xaf\xb5G\x9c\xf6I\xee\x9a\xf9j|\xdaV\xf3\x01\x90\x8bo\xb7\xac\x04\xce_7\x94\xa8\x8f\xb0\xd7\xbc\xffH\xb5\xcb\x7f\xb4:_\x12\xfb\xb8\xa88\xca\xa1\x92\xb5\x80\x94\xac`\xb6\xb2o\x91\xc9\xb8\xea`\xc5\xb1\xda\xea\x82\x0bU\xff\xe8t\xbb\x11\xb5H\x01\xf4\x9d\x0e\x86\xc0r0\xcf\xe6Ds\\&lt;E\xae\xb4\x8co\x0b\xd3\x92E\xc1\x82\x1a&amp;\x962\xba\xe70\xa00\xdbyY\x0c-e\xa8\xe9\xb2\xd66\x0e\xc6fl\x1d\xe9|\xfeN\xe9\xe8\xc2d\xb5qN\x8d3\xb6J\x8d\xcaO\xc1\xea\x7f\x1eW\xb99m\xd7\x19\x03\x9c0E\xf6\xc7\x0c&lt;\xa0\x80\x81\xdcBW\xb5t\xde\x11\xc7\x182\xeew\x89\x12\xa4\x91\x0c\xbb\x93n\x9c$h%$\x97,\x8b\'\x9f\'\r \xad\xe2\x85;\x95\xc6\xa5\x8f \xf1\xe3\xe9\x04\x94\x80\x04 6\xc1\x9f\xe8\xb9\x18s\xe4\xa3\xffMQ\x8d\xbc\x13\xf4u\xef\xc7@\x7f\x02\xa4\x9c\xfd\xff/\x89J\x1c\xdb\xe4\x85\xb9*\x9bxe\xa3\x8c\xb8`\\7\x95\xc2k~gt\xa2\r.\xca\x93L[\xbf=\x17\x94+\xfb-\xb5\xd2\xef\x00\xa3\x98\xec\x8a\x84-(_\x98\xa0JuM\x9b\x90k\x04L\x92\x13\xde\x16\x9a)\xa0C:^\xe2a\xcd4\xbaLh\xd8\xfd!\x88Y\x84\x80\x11c\x0e.\xf8Vx2\x894h\xd7\x1cKb\xedA\xea\x14w\xfe\x10H&gt;\xb4\x17Glb\xc6xL\xf1\xdfd\xf4z6\xed\xd0\xf2-\x0e\x96 q\xddJ\xf7K\xceC\xcb2\xd5\xdcy\xbd\\\xc8\t#SqJ\x90\x88i\x9b$}g_\t\xe7\xe7\x83\x93\xc4\xb7[W\x82\x00hM\xcbo\x84\x11\xdc\xec\x1d-\xb3\x8b\x1d\n\xb1\t\xda\xe4\xb3\x83\xe4\xee\xef\xf0\xeaC\x8b\xe1\xc2\x1d;\xa0_Z-\x18e\x8dM\xbd\xe08|\xfbi\xeeN@\x0ff\xe8\xf9\'&amp;\x14\xd3\xcf\xc3u\xd9\x19\\\x04&gt;\xad\xf7\xdeV\xd2\x9e\x92\xea\xb5\xe3l\x10\xe8\\m\xa0\xcd\xea\xb1@\x18\x00m\xaf\xb7^ l\x10\xd2\x18\xc4%aI\x88\xae\xad\x81-gH\xdf\x95\xa5:P4W5c=r\xe1\xeb\xb4\xc2\x89\x11^\x93\xea:\xc7\x03\x9e8]\xfd\x1c\xfaU\xf6\xd2q.\xb1\x02\xfa\xcd\xf7$3&gt;\x7f E\xf4x\xb3\xcd\x1e\r\xe7R\\\xbf\x0c\x153.X\xcf\x14C1m=\x9fp\xf7{m\xbbn&amp;@%:\xe3\xfd\xb5\xc1\xe7\x1c\xba\\\xc7\xc4Z?\xf4\\\r \x1f\t\xa4\xcb{d\x83|RmF\x0e\x0443&amp;\xa2i;\xfe\xba\x1c\xae\'\xb9\xb9\x82\x14\x06\x96\xf0\xe6u\xfd\x1fyM\xdc\xbaN\x1a\xe9\x10\xb0\xf5\xf2\xc7I\x9cC\xebe,*A\xcfJ\x17y2\xafz\xa1\x01\xd3\x12\xe4w\x06\xdbC \x8d\xfc\xff\x90\xc9&lt;\xc5\x87\xfe\x81\xcf\x03\xd0E\xd2G%\x816\xeb\xc2$H\xabv\x9f\x14J\x1aV\xb1\r|\x1bP\xf1x\xf1f\xf5\x88ZC\xd4I\xcf\xcc\xf07so\xd1\xba\xb4\x05\xf6\xc4\xeb\x01\xd9W\x8d\xbf\xb33\xda7w\xe4=\x05Ji\xdbS\x00\xb3\\\x9d\x9c\xe5\xec\x8d\xb9\xbf\x9ba'</t>
  </si>
  <si>
    <t>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</t>
  </si>
  <si>
    <t>b'D\x97\x18\x8c\x19\xbb\x8e\xb4\xa6U`\xa7\xdc\x07!\xf6'</t>
  </si>
  <si>
    <t>t a
 chocolate for him, and Mr. Darling thought this showed want of firmness.
 'Mother, don't pamper him,' he called after her. 'Michael, when I was your age
 I took medicine without a murmur. I said "Thank you, kind parents, for giving
 me bottles to make me well."'
 He really thought this was true, and Wendy, who was now in her night-gown,
 believed it also, and she said, to encourage Michael, 'That medicine you
 sometimes take, father, is much nastier, isn't it?'
 'Ever so much nastier,' Mr. Darling said bravely, 'and I would take it now as an
 example to you, Michael, if I hadn't lost the bottle.'
 He had not exactly lost it; he had climbed in the dead of night to the top of the
 wardrobe and hidden it there. What he did not know was that the faithful Liza
 had found it, and put it back on his wash-stand.
 'I know where it is, father,' Wendy cried, always glad to be of service. 'I'll
 bring it,' and she was off before he could stop her. Immediately his spirits sank
 in the strangest way.
 'John,' he said, shuddering, 'it's most beastly stuff. It's that nasty, sticky, sweet
 kind.'
 'It will soon be over, father,' John said cheerily, and then in rushed Wendy with
 the medicine in a glass.
 'I have been as quick as I could,' she panted.
 'You have been wonderfully quick,' her father retorted, with a vindictive
 politeness that was quite thrown away upon her. 'Michael first,' he said
 doggedly.
 'Father first,' said Michael, who was of a suspicious nature.
 'I shall be sick, you know,' Mr. Darling said threateningly.
 'Come on, father,' said John.
 'Hold your tongue, John,' his father rapped out.
 Wendy was quite puzzled. 'I thought you took it quite easily, father.'
 'That is not the point,' he retorted. 'The point is, that there is more in my glass
 than in Michael's spoon.' His proud heart was nearly bursting. 'And it isn't fair;
 I would say it though it were with my last breath; it isn't fair.'
 'Father, I am waiting,' said Michael coldly.
 'It's all very well to say you are waiting; so am I waiting.'
 'Father's a cowardy custard.'
 'So are you a cowardy custard.'
 'I'm not frightened.'
 'Neither am I frightened.'
 'Well, then, take it.'
 'Well, then, you take it.'
 Wendy had a splendid idea. 'Why not both take it at the same time?'
 'Certainly,' said Mr. Darling. 'Are you ready, Michael?'
 Wendy gave the words, one, two, three, and Michael took his medicine, but
 Mr. Darling slipped his behind his back.
 There was a yell of rage from Michael, and 'O father!' Wendy exclaimed.
 'What do you mean by "O father"?' Mr. Darling demanded. 'Stop that row,
 Michael. I meant to take mine, but Iâ€”I missed it.'
 It was dreadful the way all the three were looking at him, just as if they did not
 admire him. 'Look here, all of you,' he said entreatingly, as soon as Nana had
 gone into the bathroom, 'I have just thought of a splendid joke. I shall pour my
 medicine into Nana's bowl, and she will drink it, thinking it is milk!'
 It was the colour of milk; but the children did not have their father's sense of
 humour, and they looked at him reproachfully as he pouredthe medicine into
 Nana's bowl. 'What fun,' he said doubtfully, and they did not dare expose him
 when Mrs. Darling and Nana returned.
 'Nana, good dog,' he sai</t>
  </si>
  <si>
    <t>b'\x13_&gt;\x8cF\xa5\x83{'</t>
  </si>
  <si>
    <t>135f3e8c46a5837b</t>
  </si>
  <si>
    <t>wimagine charging up the capacitor, by connecting it (and the resistor) to
  a battery of voltage V0, at time t = 0 (Fig. 7.5b).
  (c) Again, determine Q(t) and I(t).
  (d) Find the total energy output of the battery ( V0Idt). Determine the heat de
 livered to the resistor. What is the final energy stored in the capacitor? What
  fraction of the work done by the battery shows up as energy in the capacitor?
  [Notice that the answer is independent of R!]
  Problem 7.3
  (a) Two metal objects are embedded in weakly conducting material of conductivity
  Ïƒ (Fig. 7.6). Show that the resistance between them is related to the capacitance
  of the arrangement by
  R = 0
  ÏƒC .
  (b) Suppose you connected a battery between 1 and 2, and charged them up to
  a potential difference V0. If you then disconnect the battery, the charge will
  gradually leak off. Show that V(t) = V0eâˆ’t/Ï„, and find the time constant, Ï„,in
  terms of 0 and Ïƒ.
  1
  Ïƒ
  FIGURE7.6
  2
 7.1 Electromotive Force
  303
  Problem 7.4 Suppose the conductivity of the material separating the cylinders in
  Ex. 7.2 is not uniform; specifically, Ïƒ(s) = k/s, for some constant k. Find the re
 sistance between the cylinders. [Hint: Because Ïƒ is a function of position, Eq. 7.5
  does not hold, the charge density is not zero in the resistive medium, and E does
  not go like 1/s.Butwedo know that for steady currents I is the same across each
  cylindrical surface. Take it from there.]
  7.1.2 Electromotive Force
  If you think about a typical electric circuitâ€”a battery hooked</t>
  </si>
  <si>
    <t>b'\x19T\xd5.d\xf4\xa4\x02K\\\x0806\x82&amp;\xc5\xc1\xea\r\xc4\xf9y\xd5\xf4\\\xb3\xf7\xa4\xda\xe4\x80\xa0'</t>
  </si>
  <si>
    <t>1954d52e64f4a4024b5c0830368226c5c1ea0dc4f979d5f45cb3f7a4dae480a0</t>
  </si>
  <si>
    <t>b'\x19T\xd5.d\xf4\xa4\x02K\\\x0806\x82&amp;\xc5'</t>
  </si>
  <si>
    <t>st as much. Founders should share a
 prehistory before they start a company togetherâ€”otherwise theyâ€™re just rolling dice.
 OWNERSHIP, POSSESSION, AND CONTROL
 Itâ€™s not just founders who need to get along. Everyone in your company needs to
 work well together. A Silicon Valley libertarian might say you could solve this
 problem by restricting yourself to a sole proprietorship. Freud, Jung, and every other
 psychologist has a theory about how every individual mind is divided against itself,
 but in business at least, working for yourself guarantees alignment. Unfortunately, it
 also limits what kind of company you can build. Itâ€™s very hard to go from 0 to 1
 without a team.
 A Silicon Valley anarchist might say you could achieve perfect alignment as long
 as you hire just the right people, who will flourish peacefully without any guiding
 structure. Serendipity and even free-form chaos at the workplace are supposed to
 help â€œdisruptâ€ all the old rules made and obeyed by the rest of the world. And
 indeed, â€œif men were angels, no government would be necessary.â€ But anarchic
 companies miss what James Madison saw: men arenâ€™t angels. Thatâ€™s why executives
 who manage companies and directors who govern them have separate roles to play;
 itâ€™s also why foundersâ€™ and investorsâ€™ claims on a company are formally defined. You
 need good people who get along, but you also need a structure to help keep everyone
 aligned for the long term.
 To anticipate likely sources of misalignment in any company, itâ€™s useful to
 distinguish between three concepts:
 â€¢ Ownership: who legally owns a companyâ€™s equity?
 â€¢ Possession: who actually runs the company on a day-to-day basis?
 â€¢ Control: who formally governs the companyâ€™s affairs?
 A typical startup allocates ownership among founders, employees, and investors.
 The managers and employees who operate the company enjoy possession. And a
 board of d</t>
  </si>
  <si>
    <t>b'\x0f\xfd\xe8\x00\x9bY`\x87\xd7\xaeT\xb7\xf0\xfed\xaa\xa5\x84\x95\xeb\xa9\xcdc#\xebs \xf1BI\xb05rr\xec\x06\xc2\x83[\x84\x7f\xb2C\xdf\xca\x94\xf0\x1d\xc7[\x87ES\xdf\xc1\x0f\x1f\xcc\r\xb4-c\x03vAr^H_\x8b?\t?N\x98\xa1\xda\xa4e\xe9\xd2\xd9\x9cqg\xb3\xffI\xfdg\x8cr\x10\xa3\xbd\x8e37\xef^\x12F\xcfT98\x1f\x98\xc5a\xf1\xadC\x7f\xa63\xaa)\xe0\xd9\xa7\x9dD\xed\xb9\xd8B\xec\xa0\th\xc5\x13x\x97\x1d{\xd7\x9cgzH\xd1\xf9\xe5\xae\x9d\xc0|Zy\xa4j\xb7FYOI2\x9c|\x08+\xcf\xb1w\x01\x94\xb7%\xf4\xa2\x9e?\xd0\xd3\xceA\xe93\xeb\xf1\xe0\xd2\x18\xa3\x07\xd7*w\x95\x19\x12d]\xb9\x0b\x8f\xc8\x83$\x85\xf7\xc7H\x05\x9aTv\xc4\xc7\xcb\xb4\x98\x18:\xcd\xe8E4nM\xf7W\x16\xde\x01O*]y\xc09\xfb\x8f#+p\x17\xf9\xf0\xd2\x11\x8at\xa0\x9fR\xd5\xda\x90\xc5v\xc4\xa3\x9d\xfa\x12Nc\xdc\xdb\xeb\x0e\x9d\xf5L\xe4\x02\xea\x07\xe0\x9a\xba\xcc\x05a\x10\x85\xf4xA\x83^R\xf7\xacvV\x83\x0fd\x00\xef\x9e\xe57\xc9\xce\xa8\xe0\xcbQ|\x86\xc8\xeaZN\'\xc8.\x89\xcbq\xc0\xcc\x7fR\xf0p\x1f]\xec^\x83\xa4\xea\x986\xeb\xc2\xf0\xa72\xc1\xdc\xbef0j\x19\xb6I_\xab\x12z\x02\xd0Q\xfd/\xcer\x97&lt;\xc5\x82\xcd\x86\x883+K\xce&gt;7\x90X\x87\xeb\xd6/\xee\x89\x10\x05K\xfbvL\xfa\xe3=\xf4\xb3\xd6\xf2\xe8\xb5\xc0\xe5\x8e\xa9\x00P~`\x13\xa6\xf1\x0bNu\x95\xc4x\x1a6\xd4\x8f"*0\xcfq\xbfP\xc7\x94G\xaf\xa0\x1f~n\xa7A\x82\x04\xd48\x10a\xec\xebV=\x1a\xbc\x02$#/E\xcd\xcd\xd6\x99?\x17\x91\xb3\x89\xc4I\xf7\xf9\xd4\xd3\x94\x1e\x04\xf4\x8d\xa1|P\x0e\xd1c\x1c\x8et\xd6Z\xd2\x14\xabg_\x8b\x14\xa5\x87\x7f\xdb\xdc\\\xbf\x1e\xb9\xb8\xfe\x04\xccE\xea\xc32\xda\xce\xdc\xf9\x02\xaa\x07o\xb8s\x13 \x9d\x99\xea@\x89\x06\xe8,\xa3\xaaQhY\x8a\xaf\x9dy\x03MI4\xb2\x1c\x01\x06~\xea+\xcd\xe1\x9a$8\xb89e\x11\x12\x10\xcf\xf0\xdf\xc8 \xf8|\xa0\xaa\xd6\'\xe6^\xea`\xe4\x97\xd8`-\xb0\x17\x12\x8aF\x05&gt;^\xeb\x84\x1c3\x88\xd5\xf5\xce\x16\xban\xb8\xb4\x80\'j2\xb1D\xe3\x9a\xefJ\xfc\'m\xc3\x84\xea\xd8\xa7J\xb70\xc7q\xeb\x0e\x17\xf9\xd2*d\xf7\x7f\xe0\xc9\x939\xa6x\xaa\x80H\x7f\xa8\x02\x8c\xb2\r\x80\xf02\x9d\x0f\x10\xfe\x927\xeb\xb0yC\xe9\x84k\x9a"\xcfc\x82\xff\xfe\x9e\x03\x95\xcfG\xe3K\x8f\xf6}\xf0\x16\xb8\x8bq\xd8\xd5\x97\xb6\xe6\xf8\x82=N\x17D\xe9\xf1\xbc\x80T}.\xa9.\xfc\x91\xc6,\x1c\xfdNA\xad\x1cB\xd4X3\xfb&gt;\'6N\xbd\xf5\xaf$"\x83\xd4\xab\x85\xd2\x15T\x00\xb3&gt;\xd8\xab_\xb3\xc4{&amp;\xf9l\x8b\x1b\x9dA\xeb8\x15\x0e\x84\x9f\x97t\xf5A1\xd0G\xdbve\xbf\xac\xa5\x81PS/\xe7|\xa5\tn\xa89B)\x02\x80\xb5\xffI\xd4\x08\x85\xe19\x98w\xa2su/\xa6\xc9W\xc9}"+\xe63\xac\xa3\xd6\xa8\x1a\x8f#\xa9s\xe4\x86!R\x06\x10O|\xdc7&gt;\xd0\x89\x1e\xefT\xb1\xf7h^\xfd\r\xf9e\x92\xd4l\x8f\xa9.T\xe2\x1f\x19;\xa1\x1b40\x0e\x0b\x0b{\x7f\x1b\x10\xa0\xcc\xbd\xc9\xab\x19t\x02\x8e\x19\xd9#N\xa1b\x9b\x98\x96\xaeZ"\xcc\xe4D\xba\xc0\xb7\xbe\x18\xc4\xb4@(\x17\xef{\xa9_m[\xa8v\xd7\xa8i4\x9e\x11\xc2#t\x93\x14\xed\x9a\x05\xc6\x8a!\x9c\x10\xcd\xb9\xa4\'KY\xba\xednp\xd0\xa8v\xad\x1a\x06\xc9d\xebCg\xff\xcdzKe\x15@\x19\x13\r\xa8\xc0S*\xe3vv\x07\xf6/l*\xddrx\xc1\xc6L\x174=\xda\x97\xcb[\x1f\x1b\x7f\xd0\xfa\xdbY\xb5\xdb&amp;~\x99[\t\xba\xe4\xbe\xd1\xe0\xc3^9S\x87H\xcb\x87\xc8\x0f\xe18d\xd3R\x95\x9b{\xc9\xfc\xbd\xe1\xef,\x13,\xa2\xbc`n\xe1\x95.\x8f\x82\xd4\x80\x95\xd0\x7fH[\xecU\x11\xcc\x08pM|\xd8\x83:\x19\x16\x8f\xe7K\x8d\xfd\x8c\xe8U\xc8\x8e\xc7T\x1eS\x17\n\xc0\x9e\x99g\x80\xa2\xd5\x93\x88\xa4\x19J\x88\xdc\xe5E\x85c^\x0e\xec\xe7\xd0\xd9y\xdb\x93\x0c\xee\xba\x04\xd2^\xf8\xcc\xc8,F\xe5/5SI@V8\xcb\xa5\xb6\xeeG\x16\x95\tA\xdcLv\x99\xb3t]qkL\xf1\xfelth\xd3\x1e\x95W\x17`\xcc\x1fR\xe5;\xf6T\xc5\xc4\x1a\xaa==[id\xae\x0f\x13_\x00\x85\x83s\xb7\x12I\xb2T\xb97\xbf\x8f\xda\xceX\xa8\x94\x18\xf5j$\x81\xe5\xd0DS\x1a\xac\x99t\x0f;\xbf@\xc3\xb5Z\xbc\xe0\xb8I\xfc\x05\x88r\x18\xd5\xcdV\x90\x89t\x11\x85\xc9\xe0\xe2\x84\xe0\x83y\x03\xd7\x9a\xa5P\xab-v\x18T5W\xd4;5\xf8\xaf\xb8\xa9\x9d\xd8\x9e\xe5\xc9\xf0HJ\xf5\x86\xf7\xa4\xc8\xc9n)\x19\xe5\x18N\xea\xad\xcd\xa9\xe3M\x12\x95\x18\x88~\xb3a\xfd\x88F\x94\xa0\xeb\x12\nzN\x97\xb2r\x03\x18\xc8\x0f\x18j\xde\x85\xfb\xf0\xbf\x873\xbe\xbd\xf9\xe6\xf3\x857\xa8\xc3\xc5B\xf9\xb1)oZ" h)\xa9"\xef\x96x\xf6h\xbaoeVSy\xd5\x99\xa3%\xd8\xf0\x92$\xc1%\x9b\xbb\xe7\\Jw\xb6q\xe8\xfd\xac\x93\xe7\xa6?\x90\xcdTn[\xa9\xa3&lt;e\x064\x90\xb7\x8c\x95\x98\x87\xf7\xe2\xf6X\x00*\x0e\x8e\xbc{!\x1c\x10\xacP_\x00\xdf\xf8\xb3\x83\xd7YC\xfbk\xf2W0\xb4p%\xd7\x1fdWU\x9d\xd6i\x18LA\xcd\x97\xbbn7&lt;F\xf2\x7f\x1c8g%Q\x93\xef\xe5/u+\xf4\xe6\x86p\nX\xc8\x0e\xe8C\x16\x16P\xa6;\x9b]x\x86\xe2i\x15\x01&lt;V\x92\x89\t\xfb\x1a\xb6\xb8|!\x9b\xc5Z\xdf\x8dD\xa4\xb2\x9e\x15(?\xb8\nNH\r\xdf\xee&gt;nr\xf6F\'7\x98dv\x011\xaf\xa6k\xd7\xf1F\x00|{y\x00WY\xc78[\x06y2\x13\x1e\xec\xdc\t\x1c\xb9\xe5{-\xd5_\x80\x01t\xd3\xfb\xe2\x98\x85K\xbfVer\x05\xfc\x86\xe3\xe6\xdb\x03\xbc\x00\xdb\xcc!\xde\xdf\xe1\x82\xa9\x00\xee\xff\x93|\xbf\xd8b]:\xfbVb\xf9N\xc0\xa2\xdd\xa9\xa9\x9a\xf89xprQ\x7f\xd6:X\xcfMc"\x176\x8c[\xe4\x03\xeec\xd37\xd6\xa2\x9a\xef\x0b^{\t\xba\x04O\xcbOP\x89\xdd\x00\xba\xf0\x88R\x7fr06W\x02\xc1V\x0ek%)\xe7N+Gh#\x82\x83q(eG~\x00\xc1&gt;\x9b\xde\xb0\xb2V\xfaN4\rk\x12\xc2\xca\x86P\xd2]\xb0\x15\xe9\xe0\x1f\x85\xd9\xe4{]\xfd\xc5\xae@\\\xd3\xbe\x84b&amp;\xcc\xda\x8d\xa8\x18\xd0o\x1de\xbcp\xd4\xfc\xc6|\xd6vmC\x88 w\xbbl\xf8QU\xcf\x9e\x01\xda\x97U\xea\x8d\'\x80a,\xa5\x16\xb5\x1e\x86l\x15\xbaB\xeb\x90\xd2)(\x1a\x8f\xd5\x81*\xb28\xee\xea\x02q\xd4\xab\xd3\xaa\xb6Q[\xb3\x11\xd0\xf6@\xe9#\x19\x057\x92\x08\xd3!\xb8\x857Q\xea\xa7\x946\xc8\xa7JS\xc1\xe2\xec\xf2~Q\xfc\xb5\xber\xc3\x9es\x00\xc4\xf1\xac\x82+g{\x98\xe0\xf6\xd0\xfdNJ&gt;\x8eA\xdf0\xb2r\x19\xa9;\x1el\x81Ta\'\xc7\xebB\x07n\x04\xc3\xdfw\xd5:m"\x12\x0c\x7f\xe4e\x1c\x94\xc12\xf8T\xfcP\xcd\x92aH\xfa\x86;\xa3w\xee\xdd\x9ad,\xca\x91A2\xd9\xf5]\x0f\xf9\x8cU\x99\x1f\xb8\x7f.\xbc\xdd\xef\xd3\x82K;6\xbe\xda\x17\xb2\x9b\xd5\r\xa1`\xeaDT\xd6\x07\xaaY\''</t>
  </si>
  <si>
    <t>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</t>
  </si>
  <si>
    <t>b'\x0f\xfd\xe8\x00\x9bY`\x87\xd7\xaeT\xb7\xf0\xfed\xaa'</t>
  </si>
  <si>
    <t>n she had
 suspected even Montoni could practise.
 After a long struggle, she determined to accept his permission to visit the
 turret, and to take a last look of her ill-fated aunt: with which design she
 returned to her chamber, and, while she waited for Annette to
 accompany her, endeavoured to acquire fortitude sufficient to support
 her through the approaching scene; for, though she trembled to
 encounter it, she knew that to remember the performance of this last act
 of duty would hereafter afford her consoling satisfaction.
 Annette came, and Emily mentioned her purpose, from which the former
 endeavoured to dissuade her, though without effect, and Annette was,
 with much difficulty, prevailed upon to accompany her to the turret; but
 no consideration could make her promise to enter the chamber of death.
 They now left the corridor, and, having reached the foot of the stair-case,
 which Emily had formerly ascended, Annette declared she would go no
 further, and Emily proceeded alone. When she saw the track of blood,
 which she had before observed, her spirits fainted, and, being compelled
 to rest on the stairs, she almost determined to proceed no further. The
 pause of a few moments restored her resolution, and she went on.
 As she drew near the landing-place, upon which the upper chamber
 opened, she remembered, that the door was formerly fastened, and
 apprehended, that it might still be so. In this expectation, however, she
 was mistaken; for the door opened at once, into a dusky and silent
 chamber, round which she fearfully looked, and then slowly advanced,
 when a hollow voice spoke. Emily, who was unable to speak, or to move
 from the spot, uttered no sound of terror. The voice spoke again; and,
 then, thinking that it resembled that of Madame Montoni, Emily's spirits
 were instantly roused; she rushed towards a bed, that stood in a remote
 part of the room, and drew aside the curtains. Within, appeared a pale
 and emaciated face. She started back, then again advanced, shuddered as
 she took up the skeleton hand, that lay stretched upon the quilt; then let
 it drop, and then viewed the face with a long, unsettled gaze. It was that
 of Madame Montoni, though so changed by illness, that the resemblance
 of what it had been, could scarcely be traced in what it now appeared.
 422
 She was still alive, and, raising her heavy eyes, she turned them on her
 niece.
 'Where have you been so long?' said she, in the same tone, 'I thought you
 had forsaken me.'
 'Do you indeed live,' said Emily, at length, 'or is this but a terrible
 apparition?' she received no answer, and again she snatched up the
 hand. 'This is substance,' she exclaimed, 'but it is coldâ€”cold as marble!'
 She let it fall. 'O, if you really live, speak!' said Emily, in a voice of
 desperation, 'that I may not lose my sensesâ€”say you know me!'
 'I do live,' replied Madame Montoni, 'butâ€”I feel that I am about to die.'
 Emily clasped the hand she held, more eagerly, and groaned. They were
 both silent for some moments. Then Emily endeavoured to soothe her,
 and enquired what had reduced her to this present deplorable state.
 Montoni, when he removed her to the turret under the improbable
 suspicion of having attempted his life, had ordered the men employed on
 the occasion, to observe a strict secrecy concerning her.</t>
  </si>
  <si>
    <t>b'\x1c\x94\xd9+\xdf\x080+\xa7\xf3H\xe0\x93\xcb,\x1f#\xa2E\x86\xac\x88\x9f\x93_U=n\n\xe5vS\xd3[\xab^\x800~8\x9a(J5~&amp;\t]\x01\xeb\xe8\x8f\xecw\x12\x18e\x0eA\xfb\x80Q!\xbc'</t>
  </si>
  <si>
    <t>1c94d92bdf08302ba7f348e093cb2c1f23a24586ac889f935f553d6e0ae57653d35bab5e80307e389a284a357e26095d01ebe88fec771218650e41fb805121bc</t>
  </si>
  <si>
    <t>b'\x1c\x94\xd9+\xdf\x080+\xa7\xf3H\xe0\x93\xcb,\x1f'</t>
  </si>
  <si>
    <t>ving done a beneficent action, and which
 disposes it to receive pleasure from every surrounding object. 'I
 remember that in my youth this gloom used to call forth to my fancy a
 thousand fairy visions, and romantic images; and, I own, I am not yet
 wholly insensible of that high enthusiasm, which wakes the poet's
 dream: I can linger, with solemn steps, under the deep shades, send
 forward a transforming eye into the distant obscurity, and listen with
 thrilling delight to the mystic murmuring of the woods.'
 17
 'O my dear father,' said Emily, while a sudden tear started to her eye,
 'how exactly you describe what I have felt so often, and which I thought
 nobody had ever felt but myself! But hark! here comes the sweeping
 sound over the wood-tops;â€”now it dies away;â€”how solemn the stillness
 that succeeds! Now the breeze swells again. It is like the voice of some
 supernatural beingâ€”the voice of the spirit of the woods, that watches
 over them by night. Ah! what light is yonder? But it is gone. And now it
 gleams again, near the root of that large chestnut: look, sir!'
 'Are you such an admirer of nature,' said St. Aubert, 'and so little
 acquainted with her appearances as not to know that for the glow-worm?
 But come,' added he gaily, 'step a little further, and we shall see fairies,
 perhaps; they are often companions. The glow-worm lends his light, and
 they in return charm him with music, and the dance. Do you see nothing
 tripping yonder?'
 Emily laughed. 'Well, my dear sir,' said she, 'since you allow of this
 alliance, I may venture to own I have anticipated you; and almost dare
 venture to repeat some verses I made one evening in these very woods.'
 'Nay,' replied St. Aubert, 'dismiss the ALMOST, and venture quite; let us
 hear what vagaries fancy has been playing in your mind. If she has given
 you one of her spells, you need not envy those of the fairies.'
 'If it is strong enough to enchant your judgment, sir,' said Emily, 'while I
 disclose her images, I need NOT envy them. The lines go in a sort of
 tripping measure, which I thought m</t>
  </si>
  <si>
    <t>b'[\x08!\x1e\xdb&gt;\xeb/\xa5"E\xe0\x1c\x1ff\xf6\x951\x992(g\x82\'\x94&amp;\xc1=\xef\xc9\xfdI\x8cs\xff%Q\xe1\xfeJ\x07,P\xff\x92\x83T"8\xa2\x14{\x97\x15\x89J\x1b&amp;\xb1%J\x8cZ!'</t>
  </si>
  <si>
    <t>5b08211edb3eeb2fa52245e01c1f66f695319932286782279426c13defc9fd498c73ff2551e1fe4a072c50ff9283542238a2147b9715894a1b26b1254a8c5a21</t>
  </si>
  <si>
    <t>b'[\x08!\x1e\xdb&gt;\xeb/\xa5"E\xe0\x1c\x1ff\xf6'</t>
  </si>
  <si>
    <t>â€œJournalingâ€ is not making decisions. Decisions mean that you are
 moving forward, and you are choosing what to bring forward. You can
 always go back and make different decisions, but you have to choose
 something to create progress.
 Hereâ€™s how to get out of The Grind as quickly as possible:
 1. Define your core customer. Starting with an ideal â€œpersonâ€ makes all
 other decisions easier.
 Theoretically, you could skip this step and put all your focus into
 developing a great product, but you run the risk of developing what we call
 â€œthe golden turdâ€â€”a great product that you keep polishing and polishing,
 without ever knowing who would want to buy it. If you know who your core
 customer is, then it is nearly impossible to end up with a turd.
 As you outline your core customer, note how they identify themselvesâ€”
 what groups do they belong to? Itâ€™s okay (and recommended) if this forces
 you to cut off a good portion of your market. If you are selling gloves that
 appeal to both woodworkers and gardeners, pick one group and target them.
 Your core customers will take your message to the rest of the world.
 You cannot create a product for everyone. You can only create a product
 for someone. Therefore, you have to decide who that is, even if your product
 could appeal to more than just your core customer. Make a product that your
 core loves, and let them take it to the rest of the world.
 2. Outline three to five products that your core customer buys. When
 your ideal person is starting their journey, what do they buy? If you cannot
 name at least three products, you either need to ask them, or you need to
 choose a new market. You will need multiple products to hit the million, so
 do not move forward if a market does not purchase several different items.
 I know several people who made a short-term killing selling fidget
 spinners and eclipse glasses (yes, thatâ€™s a thing), but they were out of
 business as soon as the fad faded. They were sent scrambling to find the next
 product. You cannot scale or sell that type of business, so donâ€™t move
 forward without identifying the first three to five products that your core
 customer buys. Otherwise, you will stay stuck as a perpetual hustler, not a
 real entrepreneur.
 Itâ€™s important to note that you do not need to release all these products,
 nor do you need to commit to each one of them. You simply need to be
 absolutely clear that this core customer makes multiple purchases for multiple
 things. You have to know that you can get customers over the long term and
 that you are not a onetime purchase. To do that, you will need multiple
 products.
 3. Choose your first product. Out of the list of possible products that
 you outlined, one of them may stand out as an obvious â€œgateway productâ€â€”
 the purchase that leads to other purchases. If one does not stand out, then
 choose the one that interests you the most.
 Alternatively, you may identify an obvious way that one of the products
 could be improved on. Is there something that your core customer doesnâ€™t
 like about the options for one of them? If so, pay attention. Thatâ€™s a sign
 youâ€™re onto something great.
 4. Pick a place to document your journey. Sharing your progress will
 build an audience of potential customers, and it opens up opportunities
 through the network that you build. That random person who is fascinated
 with your brand knows an influencer, a blog, or a retailer that can radically
 change your journey.
 Document your journey where your audience already hangs out, if
 possibl</t>
  </si>
  <si>
    <t>b'\x96^\xed\xf1\x7fOI\xf6\xcb\xf4\xd1v\x9a\xb1D[W,\xc2\t\xe0\xf7\xb0\x0e3.+\xea\x90\x1ePw9\rWE\x16\x82\xd6\x15\xf4\xba\x98Vw\xd0Mm\x83|7\xb0!\xbf\x0e3z)\x0e\x1b\x8b\xfcJ\x86\xd5\x12\xa3\xc8\xdeVc\xea\x18\xf1\xa7\xd5Z\x10\x83\xc6a\xadQ\xfbw_u^?\x18D\x01\xeb\xccI\xa4\xec\xdc4\xdb\xf1\xb7\xa4\x00\xf4\xe5\xfb\xbe\xaf~\x8dR\x89|\x81\xf1f@\xfcCr\x87\tGd\xf6\xc7\x9aw\xb7\x93L\x897hg~K\x17_\x82Do\xe5&amp;\x9f\xca6\x1c\xab]\x93!\xd3gn\x93\x84=\xaeu\xe8\r\x0eF\xb9g\xe2F\xcayY^\xfe\xee*\x81\xc2\x81\x960\xd1\xad\xd8\x8a\'{UX\xb5\xbf\x8d\xc3C\x86\xacp \xd26\xad)\xb6\xfd\xdc\xd4O\xc5\xcb33\xe3L\x17cl\xf4\xdf7\xc3\x80\x95\t\xdfTA\x14\xbfl\xdf\xa3\xe5j\xc3\xdc\x91\x14\\&gt;e\x02x\x94[\xe9\x06\xc3K\xc3\xd5\xdc\x9d`I\xfa|L\r\xbf\x15\x04\x99\xb8\x8d\xfe\xf8\x83mk\xa3#K[]\x1e\x1a\x15r\x80\x8d\xd0\x82i\x1a\x86\x9a2\\#\xd2@\xe8\x92\xe7\xc4\xa53\xeaS\x14\x17u\xa0*\x14Y\xf2\xc4\x90\x95\x87\xee^Kt\x02\xde\xfb\xbd\xb4\x81^/\xdcC\xcd\x1c;t\x8e\xb2\x12\x89\xe1\xa5u\xfc&gt;\xac\x8a\xf9\xcaT!\xf7\xee\xd2\x18\xf9\x17$&amp;}\x0b\xc4\x11\x19$\x15\xa5T\t\xb3\x03i"\x8ba|D\xe8\x0c\x0c{\x99\x12\xc1?\x05\x1e\xa8Z\x83\x81\x0e5z\xf2\xe3\xb0\xe1O\x0c\xff\x03\xc4\x1e\x0e=\xc3Q,:\x9d\x1a\xc7*o(\x8a\x141\x13\xdbR\x07\r\xc4:c\x04k\x96\xb2\xcd\xef\x9dX\'\x9d-\xef\xcc\x1d"\xd3\xac\xb0\\\x18\x05\x1c\x1c\xee\xf4\xfeG\xba\x10y\xfb\xb7\xee\x05\x7fEV\xf2\x1d\x00:}\xf3Gq1\x03\xf7\xfd\xcc\xfa\xd5\xa6\xd5W\xd28\x02\t\xc1}2\x99\x0bR\xd8\xf0N\xd7\xbfR\x0f\x89\t*\xebfW\x95;\xc3\xa6&lt;4Q\xb2\xdd\xf4`\xd2\xcc&gt;}\x9f2\xb5\x0c\xcds[ayto\xd5b\x05\xa6\xbaK\xd9\x7f\xdf\x0f\xb5r\x82i\x9bY3\xf3\x8c\xfd\xb0\\\xe5~\xads\xea.\xb5\xa14\xb5\x82\xad+\x85\xcfQNf\x81\x12%\xf9\x89t\xa0p8/\xbb\xd9z\xf5]\xd0\xdfd\x9f\xd3V\x1400\x8d,3?\x07\x82\x83\xf9Q\\\x07\xc3\xde\xff4\xb8/\xe2\x05\xe0h\x7fjU-\x04$\x18Ts;\xd4\xd7O\x13K\x0e\xc9\xf4p5\xff\x1eX\x05\xd2\x05\xfaH\xdeK\xb7\xecd\xf0\x10W\xa5\xf7\xe2\x18\xb5\xa1\xe6\xfd\x83\x1b\'\xa3\xb9\x1b\x01\xdb\x7f0\xbeG\xca\x03\xe4"\xcb9\x9b\r\x11\xce\xc2KVa\x7fjN@ei\x9b\x83x\x19\x8dG\x02~\xce^\xae\x9c\xd7\x11\x85\xeeH\xacBq\x11s\xca\\\xbf+\xff=J\xad|\x19E\x1e\x80\x13w\xd3\x8f\xd3!\xaf\xdeWi\xda\xea\x8e\xaa\x1a\x8e-\xbf\xd6"i\x96\x91\x9e\xc9\x8e~\x058#\xb1q9\x19\xe0&amp;r?\xc5\xeb\x1a\xb97\xe3qDN\x14x8\xdby\xa4\x87\xf8A.s\xd0\xa3\xb7\xabT4H\xb2\xbe\xfc^\xce\x7f\x1f\xc3\xfc/\xf9\xbf\x98j2\xdc\xc7\x9fN\xd3\x84\xc7\x0b[\x12\x8b34#0\x95\x84\xbc\x06B\xfc\x14\xff\xbb\x83\x9cy\xbaw\x99C\xb2\xe8zOxi\xc9"Cfa/\x98e/.\xd5h&amp;\xdf\xaeyQ\xd3\x84\x10\xbbQs\x9b"iP\x82\xc6\xaf\x98\x05n\xaf!\xe7\xf2\xee\x17\x1c\xe1\x7f\xb8hjDxWX^\x17\xff\xaf\r\xf0\x1d\xd8\x85g\xa7\xcf&amp;%T\x1e1\x95\xb4\xd0I\x8d\xce\xdc\xf4W\x17\x14@\\\x9e\x7f\x1e";\x14\x89-\x19\'v\xb8\x1a\xd1\x0e\xc2\xf7\xa0\x16&gt;%\x13\xadtu\xfc\xd81lcee\xa9\xdb\xcf\x1b\xb7\x01\xe2@\xd9\xe3\xfdG\xaa\x95E[\xf2\xef\xa9\xbdz\x96\xe8 \xe9\x0c}E[/K;V\x83\x8c\xd2l\xb7\xf4\xcds\x06\x13\x80\x1b\x82r\xc0^\xa0+\x18n\xf27\x7f\xb1Ye\x8f\x8f\xe5V\xe8D\xa9I05\x06\xd0\xc3iS7^y\xa9\xad\rHq\x00\xde7\xda\xa9\xb0\xe8\xda\xed\xc9!\xd3y\xe3\xab\x8d\xb0\x7f\x1d\x04E\x1e\x14\xf7|bg\xe5\xcd\xcd\xb6\xba\x0f*\xf7t\x18\x14\x1al:Nn\xc8\xdd\xf4\x19utRV4_\xed\xb3\x8b\x1d\xdc\xcd\xb2\rLT\x9aT\x12\xb3\xef\x93\xdfDu\x15\xf4\xc1\x91\xf0\x89\xbbs\x89\x15{\xec\x8d\xa8u\xce\xc3\xddel\xd7w\xa9\x1b\xc8\xc5\xf1\xd5\x1c\xe0\xa6\x8fU\xa3\x11r\xc7\x1f\xd6}\xf6*x\xdc\xce\x12\xa7KI\xdaV\xb7\x1d\xac3&amp;\xfd[G\xf9\xb1\x92\xb2?\xae\x04\xab\xe4IQ\xbdqq\x8c\xe6\xe4aA\xb8\\\x8f\xd5\xe6B)\x80[Q\xaf07\xec;`"~(fo\xfd\xdcy\xb74E:\xa4.\xac\xcb\t\xe7\xcb\xb8\xa9\r3]\xf8\x89?m\xca\xed\xee&amp;\xc19\'\x9d\x03\x94|\xb1\xecq\xa3\xf2\x1d\xea\xde\xdf\x1cV\x84\xb5\x9f\x97\xccQK\x82\x17\xa6\xb2L\xed\xc82\xc3\x96R\xd3E\xf1\x9f\x1f\x97N\x02\xc5\xca\xb1\xd1\xf3;\xccq:,q\x94\xc5g\xf5\xb8\xfc\xd1\x9cb\xc8B\xc2\x9bz\x8f\xb3\x07\x0b4\xc4\x1d\x10+\x80p\x7f\xaa\xc1\xf2i\xb9*\xf2\xa6\x93i\x9fT\xdb&amp;#\xcb\x1bbF(\x9aY7\x14\xb32\x01\xce \x04y\xe7\xb1&amp;1\x12\x08e\xb9\xcb\xda-O\x9ds\x06\xbb\xd0\xa3\xf3\x16\xfb\xbc\xe1z\x80:\xc9I\xdf\x9dL\xea\x93=\xa4b#\xd8|B\x8e\xf3\xa8\x16\x82\x05\xcd\x86\xf1\x04\xc3\x0f\xeb\xf3\x17\x1c\xec\xfb\x15&gt;\x03\x11mrR"f\xcdHQ\xe4\x9fN\xbc]\xd3\x81`\x8a\x87\x05m__\x7f\xbfN\xc9Xf\xed\xd6\x0e_\xe18\xf3u\xaa\x17\xdb\x81\xcea\xc2\xef\xf2\xc5\x12\xec:\xb94\xdb\xf17q8\xeaBi9\xb4~\xd2#\xf9^8\x1b\x0e\x83\xc5\xad\x10\xcb\xeefo\xed.\x8do\x1c\xd7h\xcc\x89O\x04)M\xb9\xbc\xb1\xa2\xa2\x1e\xb0\x15t\xb6\x80\\+\xc9\x8f\xce}\x86\xf8\xd0\x13\x7f-\xd2\x96m\xb7v\xd2\x88\xea;\x08[\xd8\xc3&gt;\x11\xb0R\xd8\xa5\x1c&amp;K\xe6\xe5\t\x1f\xbau\x84M\xc9&lt;\x92\xf0^uZ\xac\xb9\xddU"\xac\xca\x96\'\x90\xb4T_.\xf7Y\x10\xa7\x8d\xf0\xf8\xaa\xe8\xcc\x91\xc0p\xfd\xa0\xddV\xb9\xa6\xda\xba9\xd8\xb1 \xc4\x87\xe3!}2\xd6 \xb5\xab\xd6kL!\xbf\xaf\x95/W\xf1~\xbf\xfd;S&amp;\xa7-r\xa1\xb9\xd9\x07,\xbe\xe7\x86\xb0I\xee\xb4\xae\xbaq\xeb}\xa5\x9b\xf1\x1b\xb8\x1d\xe2\x10 v\xcd\x0c\xae\x8c{#p\xe0\xcc\xb2 \x03CzJ\x84\x97e\xb6\xdd\x13f\x13\x92f\xe4r\x9f\xc9\xbc\xad\xb8\x06\x03\xe7\xecvp`;\xc5\xe7\xec\xa2~T3\x15\xaa\x96Y\xe2\\\xd4\x833\x91h(\x9fS\xffh\xd2\x83\xd9\x81\xcbM\xd0\x0b;\xcc\x00\xef\xcd\x84\x85q\x0cd\x94\xe8\xce_\x08\x8d\xb6\x10\xd6\xb3\xa5\xa7\x8a\x1f\xf4\xbe\xe7\xa2\x91\xe3PD\xdb\x9b\x9f\xee\xe6\xe9\x9c-5,\xb7\xd8\x96\xd4\xd2\x8e\xe6-l\xe8"P\xb4\x03\xc8\xe4\xabWec\x07\x0f#\x88\xaa\x97Bk\xa3\xb2}\xa8\t\'\x1b_\x02)G\x88-4\xfa\x15\xd9\x9d\x17P\t\t\xfb\x88\x11\x0b\xdbI\xdc\xfc\x04\xca\xd12\xbf\xab\x1b\x8b*\x11\xc3\xba\xe0en\xd0\x9fKX\x9c\xe8\x9b\x12\xd0v\xeejl\x86{\x90uo\xb5\xf7\xa2\x1f\xfb\x89p4;i\xe8\xd5\xe9\x985\xb6\x08\x89\xe8\x9c\xe2\xec\xc6v\xe3t\xe6\x86\xb2\x838UtS\xa3\xf9A?\x90\x8f\x8e\xa0\xd0"a&gt;\\\xa9\x8c\x07\xab\x00t\x17[y\x8feM\xf4`\xbc\x92w(\xf2!\x96\xb2\x16\xbaK\x18\x7fD\x86\x9bMa\xb4\xfe\xce:\xa1\xea\x89E\x1e\x11l\x11\xd7\xa9\x92\xb5L\x0c\xff\'Y\x84\x1d&amp;\xac,tW8\xd8$\x1dD\xda\xcf\x01\xfb\x9c{f\x1d\xfa\xa5N\xd7\xa4(\xec\x99\x9c\xe7\x9b\xc1\x99\xbb\xc7\x91~\x98\xc6\x05\xe8\xcc\xc1\x18\x9a\xd6\x13\x0c\x82yg\xda@\xa0\xe9\xe8#\x1c)4\xb46&amp;\xb6\x05\xce\xe9\xc6\xdf\xb8\x93\x9bs\x00y\xed\xc3\xa0\xf45\xf13=\xb4\r\xcb\xa6\xaf\xe7\xd0V\xf1\xff\xdfF\x92\x196\xca;D4[.f:"\xa7\xd6=Q\x9cn~;\x83\xe3\xe6"\xac\xfc\xd9\xd6\x8f\x9f\x96\xb9\xedsX\xdcu\x12B\xff\xb4?n\xc7H*\xfa`:(-\xb5G\xb1\x8c\xe5\x7f/\x1d\x17M\x90^\nPp\xe8\xa1\xc7\xb8&amp;\x80\xb6\x91\xd6s\xae\xf3\xff\x82\x9cf\x96M\xf1\xb5\x7f\xf2\x81\xb3[C-\xf5] ;Uik\xab,\xec\x00a\xa4\xb5&amp;F\x84\xcfr\xcd\xd2?q$c,\x84O\xc7\xfd;2\xdb\x04\xcc]\xd8S\xfd\x1cU\xde\xb6\x95(\x08[\x8cn\xfe\xba\xac\x0f\xf9Q\x82j+L\xf6\x84V\xc0\xd5" \xfb\xc2\xd3\n\x1d1\x99\xcd\xb1\xc9\xeca\x1fK\n\x06\xb0\x14%\x02M49\x19\x97\xa36\xb2R\x1ev\x18yU\x0c\xd7\x8b\xa6\x0e\xff\xe0F\xab`z\x03\xa7\x91\x15\xc8\xc3\xbc\xcd\x9e\x9f\xeb\x039}\x19f\xce9\x95\x8c\x04\xd5q\xc0\xf3\xf8b\xafS\xef:}\x11\xc7\xff4p\x04 \xa1p\xd5\xcb\xd2\xf49\x85e\xfb\xfd\x87Sa\x82\x8b\x8c\x06\xd1\xc3^\x08 Q\xeaq\x95\\\xc2*\x13\x9b\xda\xb8\xc7F@N,\xf6\x10\xf5M\xf59\xe0\x8f\xa2&amp;T."\r\xd8C\xc6\x0e\x84\xa0\x05\x0b\xc8!S\x07\x1a&amp;\xac\xffN\xee\xbc\x136\xe9\x8b\xfe1\x89\x83\xf6\x86\xf7\xd6\xee\\\xdf\\\xab\xf1A\xfa\xcct\x1c\xa3\x98\xc0\xd6]\xacG\xc2\xf0\x1d\\\xd9\x92\xfdmi\x08\xf3\x01\x84Xv\xc2\xe4\x16\x91\xb6\\J\xd2\xa6\x12\xc7\xda\x81\xe7\xf3w\xccH\x7f|K\xd3\xdb\xae\xb2z\x03\x0fI\xe1;\x9en\xd3\xd2?l\x99\xd8\x96/^p\x84\xd9\xe2\xd4\xad\xbc\xbe\\\xb5\x9c\xa9\r\x1ee\xb0\x9a\x8c\x05\xd9\xfe\x0e\xd1Q\xd4\x8b\xbe\x13\xc5\x83\xbd\xc4\xd6\xce\xa8\x08b\xeeCf\x02\x96Z\x9e\xba\xef:\x82\xf5\xd3\xd0\x9bT\xa1&lt;\xce\xeb\xbd$\x7f\xd9\x90\xff\xf6\x81P\xde\xa6\xecC1\x90V=[\xf5J\x02\xf5r\xf6\x02\x13~3j\xbfQ?\xb2\x16f\xde\xab\xcfC\xb1\x0c\r\xb1\x9e\\\xfc\xe0\xda\xaco\xc3\xba\xfd5\x1d\xe4\xf02\xc7\xdfj\xd4;Z1\xbb\xbd#\xad\x1f\x07a`\xd2@y\xc4\x07\x9bC\x03}\xf3\xde\x95\xdd\xbc\xe2\x11A\xda~\x1c\x05@\xae[\x02\xbb\x88\x92t\x81\x9e9\x06\x0fI\x88){\x9b\x05\xee\'m\xf9Xxq\xa2@ME\xf3\xa7\xed:\xbeJ&amp;\x13\xf2r\x02\xc33\xbeV\xcc\xed\x85&gt;\xbf\x146\x1a\x1f\x98r@\x8c\x9aa\x11\x12\xf9\xe1\xa12;\xd2\xc6t\xe2\xfe\xe7\xf3\xf8\xe5\xd12\x81\xf18)\xabGY~\nLX\xa4P\x02\xf0U2S\xdf\x14\xccg\xc2\x15\xdc!_\xe7\xa46\xc1?\xbeg\x8e- a\xe4\xc1\x8aie%5&gt;\xadk\xb5\xe2\xcb\xaa\xfc\x1e\xfb\xbeS`\xd0$\xb0\x0b\rTw\xc7\xad\xeb\xb4\xe5\xb0\x0b(d1\xef\x8di~\x15\x8e\x98c\x1e\xff&gt;r\xfaQ,\xcf\xf8\xe6\x90|a\x95\x17pyID\xf0\xedY\x13_=}3I\xee\xf5\x07\xb2\xa4\xa8N^\x01\xd2\xa3\x1afA7lH\xde\xfe\xc2$\x1bt\xd2\xca\x954\x83I\x88\xb7\xa1Sd\xba\xce\xc3\xb2\x07\x16F#a\n\xf7&gt;\xbe`\xf6:\xed\xa6\xf1\xda\x92\xa1+\x85pY\x1eT\x82T\xbdM9GP\x1e\x9c+=&lt;\x17\xaf\xfca\xb5op\xa8\x05\xb6\nf$\x16m}\x0fD;?\xa3\xe2rn\\FB\xd9fH\x8b\x9f~\x88\xf0l\xf5R\xce\x80&amp;\x179%\xad\xba\xa3T\x82\x9e\x8e)\xdc6y\xfa;\x13\xfc\x82Al8\xc6\xdcC\xd3\x01\xc5a\xdb\x80hT{\xa6b\xb6\x99\x8aE,\xe9\xa7Tx\rG\xb4\xdb[\xd5\x88\xe5\xe5cf\x95\'q.\xca\x8ck&lt;m\'\xa1\xee\xd3\xca^\xa1\x1c\x80\x97FFM\xda\xd7g\xa4Q\x8a\xc0\x17RM\x0b!\xf7\xbf\x86\xa0q\x8al&gt;\x9c\xcb\x8b\x12=\xd6\x8eB\xdbLdi\xba+?\xb9\x8dC\x8aF\x18lL\xca\xf0\xa4\xde\x1d\x1bF{1\x01\'\xb1|\xc6\xdc\\(\x94\x93C\xe3\xcfd\x97\xd5\xb9\xd71\xbaQ\x0c\x07L\xb3!\xda\xf0\x17\xedF\xad\xf5BZd\x1a\x96\x87\xf3}\xf3d\x89\xb9#\xef\x90\xc0\xf1\xae?\xacS\x0c\xbcyC\x93\xe0\xf9i,\xf3&gt;\xda\x9a\x91\xc7\t\'\xe9\x12\xa9\xa1\xa5E\x11$\x0f\n!)jJ\x05\x97M~\x07\xb9{Ea\xaf\x95`\x0f\xfaY\xaf\x1a\x08i\x1ao\xe4\x8db\xf0\x93-\x01/\xb0\xa3[*\xf9\xd22}eO 8\xb6\x9e&gt;\xb8`\xb7*2Oc\xa2j\x7fi\xb3\xdd\x19\x8b\xaa\xef\xd3\xa8h9\xdc@\xf3z\xb2\x06\\\xa4\xd4\x89$\xeb\x1bE#\xda\x12\x08\xa8\xb1\x0b\x12\x07\xf1\xb4k\xe6V*G\xef\xbe\x96o\xbe\t&lt;\x8b\x16\xbc\xab\x98\'\x8a\\c\xe5\x85\xfa1\xb4\xaa\xfd\xdf\x8f\xec\xde\x0c\xcdyq\xdcV\xbeo\x8f{C\xc6\xd7\x98\xd1B\xd7Xm\x15\xe9\xe7\xba\xa4_\xb7h\xc9l\xbf2\xa2\xdd\xfb\xce\xe6\xf8\xd7e\xb8&gt;\x94\xd7\xe4\xc0po\x9djv\xdd\xac\x89\x90\x18\x9f\x16&gt;\xbbh/\x15G\x91\x12\xd9\x99"n\x15\xb6$\xde\xd1kp1\x01Q\xb5\xbf\xf5\xfa\xd86&gt;\xf9R*y\xc7\x9d\x89\xc3$\xf9(&gt;\xa1\xc1\xf0\xc9\xcaG\xcf\xfa,u\x7fGC\x0b\xa5{\xa4q\xd5\x92\x1d\xd9\xb9V\x80L\xbf\x84\x82\xc7-\xd8a@\xe0\x95\xdf\xcbi\xc3\xd5\x02\xeb\xee\xfby\xb9\xd2G\x98\xec\xca\x8c~\x8f6\xb2\xbd\x18\xc2P\x07\x8aQ\xd6W\xd7\xd9\x12P\xe7\xf3O\x19E\x02\x15\x9a\n\x02\xc1\xa7V\x0f\x82\x95E\x19\xef\x96\x926\x89\xf14\x83\x08\tz\xa1\x0f\xb7\x92\xda16\xa9\xea\xa8Sq\xd6?\'\xe9i\x1f3\xc5\x9fx\xe8\x99\x87"\xdb\xca\x85c\xc5$\'\xe3\xce\x85\xa17\xfc\x84`\xb12\x0f\xd2/ \x18/8\xe2K\xe4\xab\xfd-x\x00\x83\x04\xc7\xf1\x8c^d\xf3\xd2\x9f\xe9-\xa20\xa4u\x1d\x8a\xdc\x84\xf7y\xd7\x871\x17\x17\x8d\x0f\xfe\xdd\xd4\xd8T\x0c\xb1\x12\xc7"\x8eC\xba\x81\x9e'</t>
  </si>
  <si>
    <t>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</t>
  </si>
  <si>
    <t>b'\x96^\xed\xf1\x7fOI\xf6\xcb\xf4\xd1v\x9a\xb1D['</t>
  </si>
  <si>
    <t>rite and tell Mester
Craven. Mester Colin's savin' th' secret to tell himself. He's goin' to practise his
Magic on his legs every day till his father comes back an' then he's goin' to
march into his room an' show him he's as straight as other lads. But him an'
Miss Mary thinks it's best plan to do a bit o' groanin' an' frettin' now an' then to
throw folk off th' scent."
Mrs. Sowerby was laughing a low comfortable laugh long before he had
finished his last sentence.
"Eh!" she said, "that pair's enjoyin' their-selves I'll warrant. They'll get a
good bit o' actin' out of it an' there's nothin' children likes as much as play
actin'. Let's hear what they do, Dickon lad." Dickon stopped weeding and sat
up on his heels to tell her. His eyes were twinkling with fun.
"Mester Colin is carried down to his chair every time he goes out," he
explained. "An' he flies out at John, th' footman, for not carryin' him careful
enough. He makes himself as helpless lookin' as he can an' never lifts his head
until we're out o' sight o' th' house. An' he grunts an' frets a good bit when he's
bein' settled into his chair. Him an' Miss Mary's both got to enjoyin' it an'
when he groans an' complains she'll say, 'Poor Colin! Does it hurt you so
much? Are you so weak as that, poor Colin?'â€”but th' trouble is that
sometimes they can scarce keep from burstin' out laughin'. When we get safe
into the garden they laugh till they've no breath left to laugh with. An' they
have to stuff their faces into Mester Colin's cushions to keep the gardeners
from hearin', if any of, 'em's about."
"Th' more they laugh th' better for 'em!" said Mrs.</t>
  </si>
  <si>
    <t>b'n\x90(\x12V\x0b|\xc2\xce.\xc5\x12\xac\x00_\xed\xac!&gt;8\x8a{\x15|\xd57I.\x11|\x1c\x98\xc8\xc63y\xdf\x86\xf2\x14\'Q\x8aBa\xf3m\xda\x0e\x92\xae\xac%\xf4\x0c\x84\xfd\xff\xc7\x8e\xafE\xeb\xc2\xaf\xff,a\\M\x83N\xd0\xc6\xd1\xa9\x81{\x10\'\x10!$\xfa\xbb\xe1\xdd\xf8\xbb\xf92Yq\xfdOi\x87\xf47}\x9b\xbd\xe7Z\xd3\x13&lt; \xa9\xc6\x17\xb8\xe3\x9f\x9a\x1f\x1c\x03\xe6\xd7c\xc1v\xd7D\xfb\xc8\xf4\x1c\xfd1\xa75\xd5DP\xe8^\x0eNU\xbbIy\xd4\xb9\xdb\xb7&gt;\x96g\x13@D\x01R\xe9p\'\x9dj\xf7\xdcP\x1ey\xcd\xc8\xecc\xca\xc0\xcf{\x96\x809$\x93e5\xfeWg\x05\x03\x87\x85\\\'D\xc1n\xe4\x82\x17\xdfgS\xf0\xd6O\x1a\x83M\xb8\x1c2\x19\n\xa3\xab\xc1\x17\xb6\xd0\xb4n\xd2\x00\xd8\x94\xff\xa4\xc7\x90\xc2X%#\xf1e\xe4\xa6\x87\x88f3\xd6+\xde\x17\xdb\xd1\xc1\xc4.\x11N\x13\x9b\x98\x15,\xad\x81\x06\xfa\x16(\xa6w3*&lt;HK\xe4\x05\x87\xc6\x98\xb3\xe2w\xe8\xc7Nl\x07\x1c\xd6\xc1]\xcc\xc4\x10\xc3\x1e\xba1\xef\xc6rt\x12I\xc6\xab\xe1\xe0"\xfdK\xa2\xeb\xcc\xaeF\x9d\xba\xb7\x8em\xa9\xef\x01v6\xdbk\xcbB2c\xbfY\xa4R\xb7=\xc5\x07\xf06\xc9\xb9\xbdeo$\xf8Uvb\xe4\x97\xfb\x82.\x02\x8dB\xd5\xa3\x14\x0f\x86$B#\x14\x97\x82\xa8\xf9\xf6\xc2\x9d\xb5Y\xc0\x1e\x9f6\xaf\x9c\x14\x89\xf1\xcfz\x85\xe5\xb3\xbb\x96\xf9I\x95_v\x7f\xe1\x82$\x93\x1c{JT\x7fmqC\xc2\x1f\xde\xc8\xabT5 \xed\xe8\x81\xde\x07\x9b\xd8\xba\x12d\xa5C\xb230\x04\x15\x80\x17\xba~\xec\xd0\xa6F9\x1e\x10\xfd6g/m\xea\xe2&amp;\xbb\x05"b\x82\xb0b\x08\xc9}\xa2\x10s\x92\xd7u\xb3\xbb\x8a\x08yzR\x1c/\xc9\xae\xe1\x18\xa9\xeb!\xf5;{\x90\x9f.\xb2\x92\x0c\xcec\xb2\xbd\x9a\r=X\x84lC\x0ebl\x84\x16%\xb7\x07\xe0~\xca\x94\xe7\xc3\xd9p\xda\xbb\xae\xd9*\xf4LJ=\xa3M59\xe9@\xac\x85K\x11\xf1r\xb6\x00|\xed\x155J/\\\xd4\x1c\xcd@\x8a\x9cJ\x8c\xe9\xc8:b\x91f\xfa\xbfo\x16^\xd0\xe1s\x94D\xce\xc2T&amp;n\xbfB\xd6w\xa3\xac/\x9c\x80\xae\x16\xeau\xd1&lt;-\xae\xd3\x99\xb3x?\xf1\x97\x04\xdf\x887\xc4K=\xc9-\x1a\x90\xad)\xac\x8ca}^\xd0\xc5b\x94@~w&lt;^B+rTG0\xf9\x968U\x94#*\x8e\x1c/\xb4\x107CO\'\x13\xf8\\\x00Hr\xe4j\xfc\x8d\xf0U\x8b\x17ow\xe4\x1fHN\xd9\xc6Y}\x1f\x1b\xee\x97\xd1\xd7Pm\xe9ca/\xd5\x83q}X\x12\r\xa8*\xee\x7f+\x13a\xbd\xbf\x02\x84\xd9\x95\xc3E\x0ea\x91\x04\x985\x82+\xb7\x80\xc9e\x12!\x81\xf0\xcc_\x19\xf5\xce\xdfD\x1a\xbf\xa7\xbe\xf7\xb2\xaa\x07\xbeU\xb6\xd2L\xca\x006(\t/\xb3:s\xb8r@\xc3\x81\xa4\xf2\xcd[\x10\xf1\xaf\xb0Hs\x90\xa3 K\xe3T\x8d\x87\t\x822\xb8Z\x0c1\x19A\x99\xc9\xf2\xdc\xbe\xa9-\x80\xf46\x8e&lt;{fk\x1c\xbd\xa6\x0cz\t,\xb3\x80\xc2\x9c \xafu\'\xeeWb\xd3bms\x1d\xf2\xe0k\xa9\xe0\xefu\xcbu\x1f\xed\xd7fX\xe0E\xf2\x1d\xf3kE[\xf8Yh\xcb%\xbc3\xb3\x00\xcb\xb8\x12\x86&amp;W\x1b\x16\x8b\x84x\x7f\xfeZ$H\r\xd5\xc9\xdbq`22\xa5\x88\xdc\xe58OL\x11\x83BTa\x8c\xe8\xad\x10\xa7\xa1x\x84^\xf5\x1b\x9c\x81\xd5t\x9f\xb6\xe4\xae\x83\x14\xad\x8ct\xc5mM\x8a\xdem\\\x96\xbc\x98\xb9&amp;&gt;N\xd8\x9c\x8b\xe5Q\xfa\x11\xee\x12O\xd0\xf7\x1c\'93\xdcqa\x99\x89Zh\x1c\xc7J\x83\x90\x82Gv\x83\x98\xaap\x18\xcf\x19z\xe5\x9a8x~.\xd0\x93/\x9f\x04\xae\x0c\xa8\x1b\xad\xed\xe3\x9f\xf9\xb2\xa1\x18\xb0%\xeb\x90\xe8w\x93J\xfc\x80\xe6rFl\x14?\xceb\xc8\xe7rP\xf7\xf1\xa6!T\xc8\\\x0c3\xc8\x16\xbf\x15&lt;\xcb\xba\x0c\xaa\xca\xa7!6\xba\xa2\xb6\t\xeb`\x81\xd5vv\x03v\xaa\xc3\x9d\xe8\xf5,L\x04\n\xb7,\xc0\xb1\xbf\x02\xebR\xdc\x89Jv&lt;\x8c\xd0\xed\xc0\x928\xd7\x11\xb8\xbf\x96\xc36\xffh;\xe3\xc8\x8f\xedQ\xad\x95`o\x199\x7f"Gd\xac2\x90\x10K\xdd\xc9\xbc\xech\x1e(\xb5~\xdf\xd3\xb3\xc6Kx\xe6\xd8\xa1\x89\xb6q\xde\xf7h\n7*\xbbKf\x1d#-+&lt;\xd5\x8c\xd7\xed\xf5\xb4\x96\x86k\xa8v\x13-\xc8:J\xfc\x84\x9a\xa3z\x1e\x98(\x8eH?\xa8\xa1\xd5\xa4\x1a\x86\xb3\x1fK\xc0:\x1b}\x16w\xcd\xb4R\x08MW?\x02\xb9rKn\x80\x14\xc8_\xd1\x96\xbdU\x10\xf3\xa9[|&gt;}\xa6 b\xc5LN=;\xa7\xd5D`\x06\xfd\xe3\xe5]\xadm\xcb\xc0\x946vn\xcarY3\xea&amp;\xe3\xaf\xfbh\xae!\xea6sb-\x8d#\xb9\xe1\xbe\xca\xa6E\xa8u\x1f\x8d\xf7\xd4\x9b\xc0\xc9I\x92\x9f\xecFE\x8f\x15\xf9\x9fZ\x93;\x00\x8c+W\xb7o\xc0\x15\xc4%\x19t\xba\x9b\xe7\xaaY\xae_\xb1\xd0\x85i\xbeb\xdf_\x95M\x00m"j\x1a\x9f\x13G\x17\x10t;\x84&amp;\xef"\x91\x12-\xd0\x17\x08\xfb\x17I\x80\xa8 \x895\x0b(A\xc9K(\xd9\xaccr}\xa0\x97x\x98\x81=\xe4\xf4\xd1\x93\xe86\xf5\xa8B\x9cv\xdbD\xa5NQ\xe4\x8c{\x8aa\xd3&amp;N\xa0\xd2,\x00\x88G\xe4\xaa\xca\xb9G\xf8\xc0\xae\xe8\x1c\xf6\xf1J\x88/\x1aN\xb0\xd9\x80\xd7+\xd1\xdc\x1b&lt;y@\x13\x0e\x82\xe9\xcam\x96\xe3\x80\xf4/\x05\x01q\xe6\x81\x97r\x1e\x7f%\x1f\xee;\xc9\xe8\xbeF\xe8L/:uz\x1a\x90\x17~-\x82\x97\x8e|\x05ijK\xa2"\x8c\x8c\x1b]8E\x8aN`\x11$\x11[\xa1\xbbD\x9c\xc54\xdb\xee\xd6&amp;aHj\x15s\xbez"\xfe^N\x1fo\x8f\x900\xda\x8d\xee\xfbH\xfd\xab\x15\x07\xcfa\xd1})\x80s\xb77\xd3z\x8a\xf5\x17\x07\xed=u\x97L+\xfcgC1\xfe\x8e\x8a\xbf\xfaeIEk3mZZD\x01\xa5\xba\xf9\xfa0g\xd5Po\xc7\xb9v_\x1a\xce\x83\x92\xff\xd3\xb8\xf0\xe4\xb2\xe2\xbda\xaf\x8c\xb7!\x88\xf0b\xc5\xb6\x99\xbe\x98\x0euZ\xec\xc5\xdf\xe2a/\xde\x86\xe1\x9a(\xe5\xdf\xe2\xb4u\xaf\x93\x9e\x89\xfc9\xd4i\xc2\xad\x07}\xf7@\xfdP\xd7\x84\xec\x8cX\x19\xf7I\x1d'</t>
  </si>
  <si>
    <t>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</t>
  </si>
  <si>
    <t>b'n\x90(\x12V\x0b|\xc2\xce.\xc5\x12\xac\x00_\xed'</t>
  </si>
  <si>
    <t>ing owner. Subsidiaries are subject to
 the same regulations as local banks but are not subject to the regulations of the parent
 bankâ€™s country.
 3. A foreign branch, which is simply an office of the home bank in another country.
 Branches carry out the same business as local banks and are usually subject to local
 and home banking regulations. Often, however, branches can take advantage of cross_x0002_border regulatory differences.
 The growth of offshore currency trading has gone hand in hand with that of offshore
 banking. An offshore deposit is simply a bank deposit denominated in a currency other
 than that of the country in which the bank residesâ€”for example, yen deposits in a London
 bank or dollar deposits in Zurich. Many of the deposits traded in the foreign exchange
 market are offshore deposits. Offshore currency deposits are usually referred to as
 Eurocurrencies, which is something of a misnomer since much Eurocurrency trading oc_x0002_curs in such non-European centers as Singapore and Hong Kong. Dollar deposits located
 outside the United States are called Eurodollars. Banks that accept deposits denominated
 in Eurocurrencies (including Eurodollars) are called</t>
  </si>
  <si>
    <t>b'0E\x02 r\xa3\xb3\xd4\ty2B\xbd9\x8b1\x1do\xe1\x0e,\x11\x02\x19\x17\xa8\xa3-.\x15\x94\xd6\x00/\x1a\xa9\x02!\x00\x90\xf2\x95|E\xa1]\xdbD\x9a6\xce\xe9\xb7\x10\xf7\x1c\xca\xfa{(\xa8\x87\xc6\xc17P\xdbX#\xecu'</t>
  </si>
  <si>
    <t>3045022072a3b3d409793242bd398b311d6fe10e2c11021917a8a32d2e1594d6002f1aa902210090f2957c45a15ddb449a36cee9b710f71ccafa7b28a887c6c13750db5823ec75</t>
  </si>
  <si>
    <t>b'0E\x02 r\xa3\xb3\xd4\ty2B\xbd9\x8b1'</t>
  </si>
  <si>
    <t>Bullet
  speed of â†’
  relative to â†“
  Ground 0 1
  2c
  Dotheyescape?
  Police
  3
  4 c
  1
  3 c
  Outlaws
  Bullet
  !
  Problem 12.16 The twin paradox revisited. On their 21st birthday, one twin gets
  on a moving sidewalk, which carries her out to star X at speed 4
  5
  c; her twin brother
  stays home. When the traveling twin gets to star X, she immediately jumps onto the
  returning moving sidewalk and comes back to earth, again at speed 4
  5
  c. She arrives
  on her 39th birthday (as determined by her watch).
  (a) How old is her twin brother?
  (b) How far away is star X? (Give your answer in light years.)
  Call the outbound sidewalk system Â¯ S and theinboundone Ëœ S (theearth system
  is S). All three systems choose their coordinates and set their master clocks such
  that x =Â¯ x=Ëœ x= 0,t = Â¯ t = Ëœ t = 0 at the moment of departure.
  (c) What are the coordinates (x,t) of the jump (from outbound to inbound side
 walk) in S?
  (d) What are the coordinates (Â¯ x, Â¯ t) of the jump in Â¯ S?
  (e) What are the coordinates (Ëœ x, Ëœ t) of the jump in Ëœ S?
  (f) If the traveling twin wants her watch to agree with the clock in Ëœ S, how must she
  reset it immediately after the jump? What does her watch then read when she
  gets home? (This wouldnâ€™t change her age, of courseâ€”sheâ€™s still 39â€”it would
  just make her watch agree with the standard synchronization in Ëœ S.)
  (g) If the traveling twin is asked the question, â€œHow old is your brother right now?â€,
  what is the correct reply (i) just before she makes the jump, (ii) just after she
 12.1 TheSpecialTheoryofRelativity 525
  makes the jump? (Nothingdramatichappens toherbrotherduring thesplit
  secondbetween(i)and(ii),ofcourse;whatdoeschangeabruptlyishissisterâ€™s
  notionofwhatâ€œrightnow,backhomeâ€means.)
  (h)Howmanyearthyearsdoes thereturntriptake?Addthis to(ii) from(g) to
  determinehowoldsheexpectshimtobeattheirreunion</t>
  </si>
  <si>
    <t>b'Vt\xd8\x07K\xdd\x8e\x9c\xcc\xbd\xf5{1#\xb5\x19/\x8f\xf9\xe22\xf2\xe3\xf4"\x7f\xca\x0c\x18\xaa\x05M'</t>
  </si>
  <si>
    <t>5674d8074bdd8e9cccbdf57b3123b5192f8ff9e232f2e3f4227fca0c18aa054d</t>
  </si>
  <si>
    <t>b'Vt\xd8\x07K\xdd\x8e\x9c\xcc\xbd\xf5{1#\xb5\x19'</t>
  </si>
  <si>
    <t>nhoffen, E. 1984. Die Einforderung des AchaÂ¨meniderbes durch Ardasir: Eine Interpretatio Romana. Orientalia Lovaniensa Periodica 15: 177â€“90.
Kettenhoffen, E. 1995. Die Eroberung von Nisibis und Karrhai durch die SaÂ¯saÂ¯niden in der Zeit
Kaiser Maximins (235/236 n. Chr.). Iranica Antiqua 30: 159â€“77.
Keynes, G. 1940. The library of Edward Gibbon. 2nd edn. London, 1980.
King, A. 1999. Diet in the Roman world: A regional inter-site comparison of the mammal
bones. JRA 12: 168â€“202.
King, A. 2001. The Romanization of diet in the western empire: Comparative archaeozoological studies. In Keay and Terrenato: 210â€“23.
King, C. E. and Walker, D. R. 1976. The earliest Tiberian tetradrachms and Roman monetary
policy towards Egypt. ZPE 21: 265â€“9.
650 Bibliography
King, C. E. and Wigg, D. (eds.) 1996. Coin finds and coin use in the Roman world. The
thirteenth Oxford Symposium on Coinage and Monetary History 25â€“27.3.1993. Berlin.
King, H. 1998. Hippocratesâ€™ woman. London.
King, K. L. (ed.) 1988. Images of the feminine in gnosticism. Philadelphia.
King, K. L. (ed.) 1997. Women and goddess traditions. Minneapolis.
King, K. L. 2003. What is gnosticism? Cambridge, MA.
Kinsey, A. C., Pomeroy, W. B., and. Martin, C. E. 1948. Sexual behavior in the human male.
Philadelphia.
Kingsley, S. and Decker, M. (eds.) 2001. Economy and exchange in the east Mediterranean
during late antiquity. Oxford.
Kippenberg, H. G. 1997. Magic in Roman civil discourse: Why rituals could be illegal. In
SchaÂ¨fer and Kippenberg: 137â€“63.
Kleberg, T. 1957. HoË†tels, restaurants et cabarets dans lâ€™antiquiteÂ´ romaine: eÂ´tudes historiques et
philologiques. Uppsala.
Kleiner, D. E. E. 1992. Roman sculpture. New Haven.
Klose, D. O. A. 1987. Die MuÂ¨ nzpraÂ¨gung von Smyrna in der roÂ¨mischen Kaiserzeit. Antiken
MuÂ¨nzen und Geschnittene Steine 10. Berlin.
Knipfing, J. R. 1923. The Libelli of the Decian persecution. HTR 16: 345â€“90.
Knox, B. M. W. 1968. Silent reading in antiquity. GRBS 9: 421â€“35.
Kofsky, A. 1998. Mamre: A case of a regional cult? In Kofsky and Stroumsa: 19â€“30.
Kofsky, A. and Stroumsa, G. G. (eds.) 1998. Sharing the sacred: Religious contacts and conflicts
in the Holy Land. Jerusalem.
KoÂ¨hne, E. and Ewigleben, C. (eds.) 2001. Gladiators and Caesars: The power of spectacle in
ancient Rome. Trans. R. Jackson. Berkeley.
Kolb, A. 2002. Impact and interaction of state transport in the Roman Empire. In de Blois and
Rich: 67â€“76.
Kolb, F. 1987. Diocletian und der erste Tetrarchie. Improvisation oder Experiment in der
Organisation monarchischer Herrschaft? Berlin.
Kolendo, J. 1991. Le colonat en Afrique sous le haut-Empire. 2nd edn. Paris.
Koloski-Ostrow, A. O. 2001. Water use and hydraulics in the Roman city. Dubuque.
Komnick, H. 2000. Die flavischen FundmuÂ¨nzen aus dem Bereich des â€˜â€˜sottosuolo urbanoâ€™â€™ der
Stadt Rom: Eine Vergleichsanalyse. In XII Inte</t>
  </si>
  <si>
    <t>b'\x94\x95\x15\xeb&lt;\xba\xe3fd{\xd4\'\xe1\xe6\xb6\xaa\xfcY\xa8\xb0[\xd7\xe9\xa3\xd0\xc8M\x86\xe3\x08z\xdfw\xd3{\t\x18\x0e\xda\xf4H\xfb\xe5\xa0\x96\xf3\xee6\xc0\x8eq\xdc\x996EY\xba*R\x98\x01TCC\x9c\xbaVq\xb9\x9d\xaf\xbc\xcb\x1b\x03\xe1Y\xbb\x0c\x87x-\x15\xf3\x9eG\xaa(\xf7\xa8o(\xf1\x1a;\xa5\x8f\xe2\xe9&lt;Z\x97T\x02\xeb\xf0,_\tj$\t@i]\xa9\xaaH\x13dC3;\x95\x83nG\xbe\xbf\x8dzo\\\x82_M\xc0\xe97v\xe4\x15_3lP\xe1)\xf88\x8e\x02\x0f\xde/\x9b]\xf7\x99\x9b\x15\xc0\xe3=k\xb5\xa6\xa9bu\x87\x86\xe6\x11fM\xf1\x8b#\xce\xc1\x8b\xa8\xb4\xa3\xceC\x19E\x9ag+\xf5u\n\x81\x1dMK_\xe1\x94V\x06\xec\x1e4\x03\xf3!s\xa3w+)\xe5\xbc\x8f\xaam\x94\xf6\x9dl\xac\x8a\x117\xd6Q\x05s\xb7\x90|?\xdfT7\xdd\x89"\x0558\xeb\x1d}\xf11\x1c\x13D\x17\xe8\xb6\x10\xcdq\x8a+\xb6\xe7\xc4\xc6L1\xe9)-_\xc1\xc2Fn\x0e\xceo-W\xf9\x1e\x8c\x1c\x92\xf5+1\xb5K\xf5C\t\x06\x8d\x171\xf2\xa6\x7ft\xeb\x10,\x8c\xb4\xeb\xa1\xf4x\n\x10\xe4\xfb\x95\xb4\x15\xbd\xf3\r\xb0\x03i\xc1\n\x13\xcb\xaf\xfdrf\xef\xf0\xdf\x8f\xd2\x93:\xb1y\xc3n@\xedp\x96\xc6\xa8\x84\x8f\xe5\xbd\x9c\xb0l\xcf\x91!\xa0\xa1\x15\xabvD\x8fZz\x13\x92\x9e\xde\x92\xd6[0\xe6{Cf\x7f\xc5F?K\x13\x84\xf8\xd9\xa752\xd8\xf0\x94Jy\xf1\x9d\xabEV\x08\xe4&gt;\x05H\xe8+p\x95\x02\xa6\x92\x91N{J\x17\xee\xf4e\xacc\\/\x19:\xea\x92o\x9f2zWk\x85\xb2\xceu}\x06\x8d\x92\r\x0cE5\x03\'h\xe3\xdb\xeaQz\xbc\x9e\xfa\x9a\x0b\xf3\xc3\x8b\x80\xb2k\xb5\x86\xc6e\xdf\x9f\xae\xd2^\xb6K\x06.\xca\xbd\xde\xba\xcdM\xe9`6}\xf5\xb7\xdf\xf5\xc2\x06P\x1d\x1f&lt;\x18M_E OY#\xab\xb3\x7f\xef\x1e\xf1\xd5N\x05{H|\xb1\x98\x1f\x94\x04\x1eR\xee\xef\xdf\xc8\xd5\x17g\x84\xe5\x82\xccE:\xc8p\xa4\x95\x1b\x18p\x91\x12\x0fU\xa4P\xb9\x86\xf1\x89]\x11\x0cg\xdd\rV+\xc5\xe7\xd6\x1b\xdf\xa4\xa2_\xc1J\xac\xd1\xd0\xa8\xe9\xcd\xe81\xa7ov\x8c\xe7/\xd5F&gt;\x19\xbe\xc9\x163\x1d\xf61\x96\xa87\xce\xd0[!jL;\xd6V\xd5bO\x82\x19\x88\x18n\'/\xa2\x9f\x93\x1f+\xc8\xff\xb0\xbfP\x11\xac\xf4\x91\xc2]w\x1c@\xe0\xa8$\xfd(h\xeb\xaes.\xc6\xa3\xf3n\x1b4|\xe3\x8b\xf4\x1c\xa7\x04Jx)\xde531\xcch\xf5A\xae9\xa0\x08.\xe7\xb0\xe6\'=\x01\x16\xff\x83\xe2\x1d\xa1M\xb3\x92\xe3\nX\xfd\xf1\x86\xb9\xd3\\0\xbbP\xa4\xda\xdc\x00\x9e\x8aN\xcfB\xde\x88\x861\x8fz\xe7F\xcb\x0e&gt;\xd7A\xa8\x80"\xba9\xbf\xba\x94e\xcb\xae\xfc\xd1\xear\xe35\\28q\xc5\xf7\xd5\xa56\x9a\xbc\x8bt\xc0\x9f\xcf\xae\x07\x06B\xa6\x90\xdc\x95\xe3\xc91\xfaY\xcf\xe3\x0f-\xb7\x0b\xbef(5\x8bSqI\x98\x984\x8c\xcf\xa4\x02\xaf\x91Ma\xaa\x8c\xf8\xa2A\x84\x9cQg\xe7\x91\xab\xb5q\x9bV\xe8+\xae\xc3N\x07[hN_\xf7\x85Q\xc6-\xb0\xb9\r\xa5\xdd\x0c\x9e\xa6\xca\x0b/\x8b\xd5\xa5\xa3B\x9c&amp;\xea\x8ej\xb4\xb5\xe7;\xbc\x08\xed\xa82D\x16\x81\xfe\r\x80+,\xceO\xec7\xe8PjR\xda\xe9&gt;\xbe\x91\xfbSB\t\xb8"\xd1\xcc\xf6\xfa\xa0vS\xc4\xed\x87B:\xd7\x88`P\x8f}\xcdG\xfaD\xfa\x82dduW;+\x9a&amp;e\xf8q\x7f$-\xe76\xe2\xa2"W\xa1b\x85\x9b\xa6\x87=\xc1\x91\x0eP\xf9\xc23t\x0b\x1dk0\xc2\xda\xa42^\x1f\x04@\xe0\xccV\x8a\x13\xb5"\xdb\xc2\'\x13+\x1d\xcaP\xf0\x18\xbeH\xfb\x87~Eecc(e\xb3{\x0euL\x13UO\x8d1D2\x11\x90\xbf\x8d9\xef\xdfI\x85\x9a\xad\xac\xed\xb4o&gt;\xed{\xce9\x02\x92\x10\xb6\xf1\x0f\x80\x9f\x8fB\xbf\xbf\x0f\xe4\x1amV\x19c\xce\xd5F\x82\x06\xfd\x9c\xd7\xc80\xe9\xcf\xa6*6g\xf6\xc6k\xc9\x80B\x19M\xedfXd\x1a\ndL\xd5\xb1\xb8\xf6\x1d0\xb6_\xea\xea\xb8I\xa2YJ\xd9x\xf0{Q\x93\xeb\xdc\xca5\xae\x1b\x12H:\xd8\xfb\xc3|\x91\x8d\x10\xeb\xa8Ere\xdfPc&gt;\xda\x85\x8a%\xe9\x8e\x9dd\x82\x07o\xc5\xf1\xbc\x81\x0c\xcfo\xdc@\x11\xcf\x07b\xd7"u\x14\xd3\x0e\x8c\x0c\x98\x05\x8eA\xaf\x85\xc0\xe0!\x01\xf7w\x00$\xcbZT9W\x81\x8f\x0b_\xda\xf7Q\xb8]\xb2\xf0;:R\xea\xb9\x12xoi"/\xeeQh\x1b\x917\x11p0W\x98\x97\'X\x9f\xc6\x87\x81\xc2\x14\x1dd\x90EPQ\x1f\xbe4q\xa6\xd5f\x9c\x17`\xc2\xbe`\x8e\x9c\x07\xd6B\xec\x01\xef\xd2\xb6\xd3\xb9ew\xaf/\x9c\\mK\xee\x1b\xa8B4\xb9\xc1\x1fW\xe0\x80\xcaO5\x96\x80\x97\xc5\xee\x97\xc85\x9f\x8a\x8b\xbeq\xa1\xb2\xb1\xcd\x17\xe7P\x1cl\xd2\x16i\xd8}r2xM\xfb\xb0\xce\xbf\x04\x97\x11\xce\x80xn\xad\x15\x12\xd6{B\xd29\xf8\rl\xba_\xectM\xb8\xad7R,\xe9qM\xff\xfe]!b6-\xf2\xe5\xc7\xad\x91\xea\xf6\xf1\xaf\x93\x08\xe4\x9b\xb5_\x7fl(4\xe2g\xbd\xe66\xb5{\xd8AQ\x8c\x8b\xab\x172l;\xf7}q\x9d\x91\x02\xb0\x80\xf6\x87\xd8\xe3\xb3\x9c\xa8Z\n\xc7jDh\xaeg2\x1c\x93\xbf\x06\x10\x1c\xa0\xf2\xf0]m7\t\x05\xc3^*\xcb\xa7Z\x0c\x01\x0c\x14\xd1\x02F\x17\xe3#\x03\x862\xe9p\xde\xb6\xde/\xdf\x0e?\'~\x93\x17Qy\x1f\x03\xcfG\x7f\xb8F\x0c&gt;\xc4\x0b\x07\xe92\xb4\xc2\x8bq\x83\x1a\xb66\x9b\xbb\x7f\xfb\xed\x03\xf5 =j\x83\x9c\xb8\xd1\xaa\xe2p\xd2\xb9\x04]9t\xc0v;\n\xd6"\xac\x08M{\xa6:\x8e\x0c\xd7\tU\xa8\\\xd2\xcfr\x12\xc0\x04C\tk\x9bnn7\x92\x04;{\x85\x98\xc8\xfb\xda!\xf2\xb8\xd2L\xc7^\x12\xa06\xcc\xe7\xf8\xbbp\x15\xb9\xbb`e\xffzH\xca\x90\x0f\x81\xd2\x97\xcb\xbc\x9d1\\\x8d\x87\\C\x08}\xc6\xb4[\xcb\'*\xc2{=\xa2E\x1b+P9\x0e\xfae\x13\xa07I\n\x0eq\xceJ\x82\xdb\x16\t\xc8\x12\x91|~\x00\xb5q~l\xf4J\xc5\x9eDo\xad\xa7\x8eq\x1e\xef\x1d\x7f\x91\xba(W\xc1\xf6\xa1;\xf0_\xd1}&gt;stn\xde\x0e\xc6\x92;\x0fc\x9d\xe4\xc9\x0bB\x80\xcd\xbe\x15[\xd2\xcc \xaa\xd6\xec5\xe7un\xe4\xb6\xaf\x89e\xee2C\xb9j\xc5\x83 \xcds\x9dB\xa5-5ez\xc2\xf1\xeb\xd9z\xa6\x84\x1fi\x1e6\\\xe3s\x94\xf7\xed\xd7\xbc\xd3\xb6y\xdf`_"\x97s&lt;\x13\x0c\x85A\xf8\xcd\'p\n6t\xa7\xe3s\xcb\xb9\xcf$v\xd6\xa7\x02u\xea\x08\xb8\x00\xf7\x91x~d\x9fCI\xa5\xb6\xfc\x1b5\\\x8cZ\n\x9eq9\x1a\xdb|.\x9b"\xcd\x80\x8f\x958\xf2\xb3ko\x8d\xa1\xbd\xd8\x02\xd6\xb0\x9aS\xe0\xf1S\x80\xa5\xa8\xd7\xc17\x17\xd9\xb8\xf8i\xfc\x126{\x85\x11&gt;\xf0e\xdcX\x0e*\xa4\x16\xb10\xa1$*\x0f1C\x86g\xe4\x7f}\x07\xd2\x86\xec\xe4\xf1\xe9Be.\x025\r^\xd4\xf1\xcd\x9aoF4\x13\xf3^S\xa6=\x85\xca\xcc\xf7\xf0\x10\x1e!\t\xc6\xa6YF\xf0\xfa\x02\x9d\x98\xb8\xa0\x81\x12\xa7\xe1{XP\x82\x9c\x88K\xd1z\xf1\x0c+\xcf\xa2Q\xd6`~,\xff/\xb7\xfc\x80\xcd\xa5\xd3\x11s*?\x89\xa3\xc1\xb6@x\x0f\x14$\x17VL\x13)lG\xc5\xfa\xddC_8\xadk\xd4\xc3\x8d\xf1|bS,\xae^\tz&amp;\xd8)N\xa7\xf2\'/\x13\xd2\x08\xd6\x9b\xd9\x84|T\x9bHG\xee}U\x8b\x1ev\xc0\xbd\xa2C[\xed\xa9\xae\x1e.s\x80\xa3\xbd\x91\xad\x89\x8b@\xfa\xc0\x0e3\xf7\xf5\x18\xe73(\xa5\xab\xbfSK!\xa2\x03 \xb1\x01\xba\xfa6\x96\xaf9\xd0\x83A\xb5b\xd9\x05\xcd\xf8{\x87Pi\x07\x95\x9bxD\xab\x19,\xe8\x9f\xf3P4P\x94h\xd1\xee\xa6\x056R\xdc4U\x1aj\xa9e\x033\xac\xeb\xf3\xf9&gt;\xd7\xdd;jO\xd9\x9f=\r\xf9\x05\xfa\x10`t\xfb\xb0\xf5\x05\xef\x141\xbbr7e\xe0\x7f~\x05\x85\xef\x12\xa4\xde\xee^P\xc4r\xf2Cg4\xb6\xcf&lt;{\xf6\x10\xb6\x82\t7\xce\x14f\xfdm)\xc0\xd3;a0\xe8_\x01s\xbc\xb1@\xa1\x95\xd3l\xcb\x0cA\x9b\x85\xcaiW\xe7\xec\xd8e\xa6\x98\xf0S\x0fvB\x83\n\xcaT\x00\xb20\x0c\xe9C\xdd\xf1yHw\xff]q\xab\r@f\xb7\xa7\xbf\x9a\x85f\xcf\xcd\x93h\x94\x18\x12\x17\x87\x89\x13\xf22\xd9\x92\'\x00\xb6\xa70\x96\\\x91\xc1\x9a\t\xf7\xd7\xd6s_\xee\n\x16e\x0c\xf0\x94\xb6c\x18\n\xad\xf5\xbfP\xdc\xf4\x1fV\xc8Te{\x97\xbd\x1d\x94\xf5\xb8dO~\xa9\x92\x04C\x87&amp;\x01\xae(\x14\x15\x8e\xfb\x8bP&amp;v\x94\x8dC\x9f\xad\xcc\x8a\x10&lt;\x7f\x9e\x01\x8c\xa4Q\xcf\r\x00R\x8c&gt;x.n|\x9b\xff\x18O\x98\n\x86F|\xb0(\xe5z\x95H\xbe\x97J\xad\xd4\xb3&lt;\xab\x02\xf83\xf6\xe5t\xd6\xa7#\xc1\r\x00\x8d4\xb2\xb2\xa6\xe7\xa3c*\x86\xc6\x07\x03f8\xb9\xf6\xd0\xd9\x0c^\x10\xa2M\xca\x9c\xd1\x92\x96\xb3\x9c\xba\x96\xd7\xae\xa8|\xd5Z\xf0dp\x8a\x97)\xed\xdbO\xe2\x81 \xfa\xa7\xc3\xec\x9b$^\x80\x91\x1c\xde)\x95\x1d\x1fD\xffZ\xa8|\xd4\x1e\xe9\xea\x11&gt;l\xe4\xb7\x103da\x98\xdaTO\xe8\x11\xe9\x89(\x08\x82\x06\xc4\xed\xc4\x0cS\x7f|LU\xc2\xc6s/\xfe\xe4!)\xdctN\x08VX\xccv\x91\xe0\x9d\x0c\xa8\xdf\xde\xdc\xf7e \xaf\x0f\xfe1\xe6\xfb}\x83\x96\x83\xd0%\xee\xf2\xeb\xa8Q\xe1\xd4\xd8\xea\xe6\x00\x800\xee\xd5W\xe7eQ\xc9\xcd\x0f\xffX2\xe5\xa5\x11\r\xc4\xf0\xcd\x1c4\'\xfd\xfe:\xcd\xc6\xed/\xec\x8a&gt;0\xf3\xe2,\xfd|U\xe5)\xfbN\x12-\x8f&amp;bkr\xf4\xaa\xfdAOXXV\x06\xd0g6Q\xb9\x0f Wv\xfc\xd2\x08\x8c\x7fH\xe4H\xab\xca\x81;\xefe\xba\xd3a\xf30\xa9\xf1&gt;i!\xfe\xbf\x00\xf4]\x93\xcd@\xefc\xc1N0\x82\xe8\xce\x05\xa3\xaa\\(\x0b;\x8cWA"\xddA^\xc8!\x08M:`\xaa0(\x89\xc0W\x1ciX\xc3n\xf9\xbax\xbbC\xc8([Wri&gt;o\x0b\x10\xc7\xb8dl\r\xbb\xe8\x1d\xc3\x93\x9cg\xe4:\xbb\x94\x97T\xc7\xdc\xa1\xfd\xc0\x03z5BS\xab\x1a\xfd!$\x072\xc6q\x84&gt;?_\x02\x86\xa71\xd7Y\x1eG\xc4:P\x13\x8a\x1d\xf85\xadGY\xe9\x02\x03\xde\x0c\x0c\x1dP\xcab\x18\xc4\xc4H\x88\xc2\xdcj\xed\xfdH:C\xf3\x88\xf1\xb2\n\xa62\xe7\x05\xa7\xfb\xf3\x85\x91\xaeh\xed\x81,\x1c{\xca\xb2\xdbDpn\x14 E\xae&lt;\x17\xfc\xd4\x1b!\x84_\xfa\x00\x87t\x96\xeb\xb7eU\x84$\ra\xf4{\xf0d\xda\x9a\x8f\x90\x98=\xcc\x9d\x85\xc5\xc0Q\xa1\xc8i\xdf\x98\xf2\xdd\x12\xff\x1b\xc5N\xe6w+4\x1b\xd03\x18\xbaVt\xb38\xfb\r\xf6\xc3\xb5\'-)E"\xef\x1f\xcd\x06\xed\xe5E\x15\xb0d\xf3\xf1\x1dfA\x80F)\x83\xfa\x8e\x16r\xa9\xb9\xf1\x9f\xa8/\xbf\xdd@\xf1\xd4\\\x94g\xff1\x87\xa7V\xc9$\xf93W\xba\xf2N\x14m8\xbfB\x00/\xb6l\xd9\xcd\xea\t]~aI\xa4+\xc9\x0b\x7f\x80\xa1w\xdb\xad\xa8\xfc`N\xba\xa2'</t>
  </si>
  <si>
    <t>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</t>
  </si>
  <si>
    <t>b"\x94\x95\x15\xeb&lt;\xba\xe3fd{\xd4'\xe1\xe6\xb6\xaa"</t>
  </si>
  <si>
    <t>Then all of a sudden there was a tremendous explosion of oaths and 
 other noisesâ€”the chair and table went over in a lump, a clash of steel 
 followed, and</t>
  </si>
  <si>
    <t>b"U\x16\xcfC\xa9\x0c\xfehx\xa8C\xed\x10\x14k\xf6\xc3\x04\xcb\x1c\x94\x0f7\xb0\x80\x0b\xa6\xcd\xaf\xd6\xc7\x055\x9a\x93v\xcd \xc6F\xcd\xe0\xa8\x86@\xc2K\x1d\xa2\x18vA \x0cm|*,p\xed\x8fK\xeaE\x1a\xbb\xa2\x03\xb9\xe8}\x18W\xd7\xc5\xf6\x88\xe3o\x0cJ\xf3\x1e\x9c\xbc\xb7\xd9\xbbb\x17|\x12\xf9\x9b\xd2\xbfu\x139\x16\xf9i\xa5(\xc1#;\xf1\xcf\x08\xb1#%\xc4\xb5\x87/UZg\t\x80^\x81\x86\xf4\xfd\xe3\x80 \xbe_\xab\xd9\xd9\x0c\xa7\xbb\x99\xf0\xd3\th\x16d7\xf3\x1c\x1c\x00\xb4\xbd\xd1l\xf9`\xbd\x17\x84\xcd\x14\xab\xae\xcfW\xfdF\xf1_\xa6\xdc\xbeZ\x1b\xbd\x9d\xe4^8N\xc0\x08\x18\x05)W\xaa\xe6\x15\xec\xd4\xae\xe02s\xff\xda\xdc\xf2\x19\x85\x98\x1a\x90\xdc'\r&lt;\xf5 X/^\x11l\x05\xff\xc1{m\x9d\x1f\xe5\xc8\x12\x89\x02\xbdM\xe8\x9e\xc3\xb3\x8ej\x05\x13\xa35\x87\xfb5l\x8f\xe9r\x7fwK\xfbB\xb7\xd9\x04\xa1i]0\x91X|\xcfz\x1b\x9eQh\xa1@\xc26\xf5!fT\xa1\x1aD\xb1\xf6x\xbep\xfcR\xb3\xb0J\x86\x93\xe7\xffTQ\x91\x0e\x00\xf1Z\xa8\x87\xf1\x18z\xd0\x8dA8\xeaP\xd2\xd6\x80\xf7\xf3(\xdb\xf0\xba\xb2\xcd\xdby\xf7\xfe\x91\xf1\xfd|rv\x88s\x8b\x06Vn\xbf\xa0\xfc\xdcD\x9e\x08\x06\xbb\x98\xc0\xdas\xf2\xab\x85\x87\xa9\xf3\xc1\x7f\x8b\xb5\xa4\xd3\xce\xf3Y\xdb;\xd5s\xb8\xcb\x86\xb0L\xcf\xbektp\x0c4\xb6-r\x8d-\xde\x0b\xf2S\xe4\xa2\xe0\xbaS\x19\\\x93O\x7f\xa3\x95\x07Z\x1aux-\xd1/\xb4\xc1\xbb\xc9\x12\xbd\ni\xaaTF\xd0v\x15\xae\x1f-\xcd\x0f\xeb0\xe0\xcd\x01\xc5\xf5'P\xf3V\xbf\x86ZA\x15\x01H@\x1e\xba\xbfIm\xa8\xf5[\x8c7\xf0\x98\xbb71\x07\x10\x16\x0e\x17\xeb\x05\x16&lt;\xce)\xf8x`\x0f\x8b\xde\xa4\xf8O\x80\xd7\x1b\x82\xedx@A\xccF\x04\xff\xbf\x85!\x975\xc8\x11W\xcc\xdd\xbb\x01\xeei^c8"</t>
  </si>
  <si>
    <t>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</t>
  </si>
  <si>
    <t>b'U\x16\xcfC\xa9\x0c\xfehx\xa8C\xed\x10\x14k\xf6'</t>
  </si>
  <si>
    <t>ople in the world who will give up everything to
 bleed over their businesses in pursuit of success.
 But if you knowâ€”if youâ€™re 100 percent certainâ€”that youâ€™re one of those
 crazy people . . . strap in.
 By turning the page, youâ€™re committing to the process of building
 something great. If you follow this roadmap, thereâ€™s a good chance that you
 will have a million-dollar business one year from now. This is your epic
 adventure, and your journey begins now.
 W
 INTRODUCTION
 hen I was a kid, I asked my dad how much a million dollars was.
 My dad was a middle school teacher for more than thirty years.
 He gave his life to his profession to provide for his kids and to create a
 retirement. As a teacher, he never had much chance of being a millionaire.
 â€œRyan,â€ he said, â€œif I worked for my entire career, and never spent any of
 the money I ever made, then I would have about a million dollars.â€
 It took me a few years to process that. But if you run the numbers, it
 makes sense. Once you factor in taxes, teachers tend to take home an average
 of about $40,000 a year. To make a million dollars, theyâ€™d have to work for
 twenty-five years, and never spend a dime.
 Jeez.
 I decided then and there that I wanted to become a millionaire. I donâ€™t
 know why; perhaps I equated being a millionaire with being free. I mean,
 hell, a million bucks invested at just 6 percent interest would bring in the
 same annual income my dad earned for the rest of my life. Iâ€™d be able to do
 whatever I wanted (ignore, for the moment, the adorably naÃ¯ve kid-think that
 $40k a year equals doing whatever one wants).
 At the time, I was just a business-minded kid with no idea what the
 runway to becoming a millionaire was like. After reading up on some
 obvious ways of making moneyâ€”real estate, the stock marketâ€”I realized
 these paths seemed long, slow, and pretty dull. I didnâ€™t like the lack of control
 inherent in investing, either. Making a million dollars that way would mean
 rising and falling with the whims of the market, and I wanted to carve my
 own path.
 At the age of twelve, I concluded the only way to make a million dollars
 on my own terms was to start a business. My adventure hit a particularly
 exciting plot twist nearly twenty years later. One very surreal morning at the
 age of twenty-nine, I found myself staring in awe at a bank balance that had
 multiplied overnight into eight figures.
 That morning, my business partner, Matt, had called</t>
  </si>
  <si>
    <t>b'\xb4\x11\t\x83\xb82\xec\x13\xab\x82\x85\x90\r\xf9\xd9k}B\x98\xaa\xef\x97\x80\x00\xd2\xab\xe6\xea\x80\\Y8\xa6\x92r\x01\x0cg$P\xe1\x88D\xbfL\x12i\xc3\xa8f\xd9J8\'d\x1b|c\x91\xd0*%$@\xe0,\xf9\xea\xc6\x0e\x8f\\\xfdY\xdaL\xcfz^\x146\xcbBf\x01\xaf\x8f\x02\xb3&lt;\x8d\xaa\x03\r\x18\x06&gt;\x98&amp;\x0bF\xfb\xdd\x063\xab\x88\xe2\x88\xb8\xcd\x1ec\xbe\xac=.\xb6\xd80\xc9C\xdb\xc1\xa9\xc8\xd6\xffL\xf2\xca\x9c\x95\x9cY\x8e\x97\x86\xc8\xa6|\x0b+\x9d\x88\xa7\xcc\xf0G\xf08\x07G\xe8\x85\xa5\xf97_\xda\xa1\xdehSo\xbe0c#\x9fH:\r\xfa\xcd\xf4\x1f\x82f\xef\xc7-3\x91\x9dL\xe7\x01\x83\x98\xa5\xc9\'\xaeo\x0e\xdaG\xb4\xcf\xdd\xce\xfd\x9a\xb6S\x85\xda\x8b$\xe5\x85\xbd~OB`\xa07/\x19\x89\x97jD\x85\xf6\xef\x99\xd7\xed\'\xfe\x93\xf4+=K\xb0Q\xec\xe2\xaez9\x8c\x87\xb5H\x1c\xbfJ\n\xc74\xa3k\xcd\x90\x86S\x07\x96\xaerJ\x14\xfc\xa3\x94\xd8:\x85\xa8\x1e\\\'\xfdz\x89\x8d\xf0\xa4\x0f`\xd8\xa8\x9a$Y\xda\x8dO\x9b\x0b\x03\x94\x92\xc3\xd5\xe7\x8e\x94\xe4\xbc\xf9\xe1t\xe3\xf9b\xf2\x91\x1f\xe6\xb2#\xc7\xf1\x0cH\x82\xb7\x10#1z\xf3\x03\xa6\xdc\xe3\xda\x12\x0b\\\xc9\xdeA\xf2\xdf+D\x19\xc1\x15:\xef\xf5`\xb0\x14\xd67\xc8k\xf1#%\xbf\xf6\x0c\xf3\xfb0d\xe5\x05\x1ff\\\xfd\x8b"\xcb\xd3;D\xc2+\x06\x97\x9e\xa2\xbc\xfe0[K\xf8\x8a\x87\xc6\xc9\xd8\xc0\x13\x8d\r\x1fM}u\xf9\x99\xac\xe3b\xf8wt\x9a[\xaf\xfa&lt;\x11\xd5\xa87\xe9\xb2\x88\xc3\xa1\rVx\xa3\x9e\xb9b`\x9c \x06N\x8f\xad \x8e\xe2{\x19\x91y\x80\xfa%&gt;&lt;|\x06\x88E3B\x9a\xbb\x12\xa7l\xaf\xe0\xf7\xbd\xb53*Cu:\x17=\x90\x1b%Xr\x91\xcc\x0bK\xa0\xee`\x054\xf8+\x1b&lt;w\\\x0ec\xea\rw\x17\xb1n\x1c^\xc8\xf08\x91\xbeO#)\xc6\xfe\x16\xeb\xf2b|$\x881\xe5\x97/\x00H\x8fk\xa0 \to\xc4\xfd\xb5F\x8a\x8ep\xe2\xd2\x9dO\xd6\x84\xff|#\x8cP\xa3s\xac08\x07\x976\xcf\x17z2\xdeR$\xdd\x08{x\xb9\xfb\xe3vg\xc5)\xc4M\xcf\xcf\xae\xa3\xce\xabAn\x05\xd4\xd1\x95\x05\xe1\xf1\x13\x13b\xfe\xe9\xe7\xa0\xe7\xf2s\x8f\xb9\x1c\xf2\xebs;\x06h\xe7\xa1D\xc5F\xc5k"*\x96\xd5%+\xd4\x91\xd8#w&lt;\xf1\xf0\xafr\xe3\xaa\x0b\xe9\xad\xf5\r\xb2\xcbU$\xea\x1fn\x88\xf4\xecb\x18O\xaa\x14\xf9\x9dLq\x1em\x17\x0f8\xf6$G\xfd\x7f\xef\x9f6\x01;\xdb\xc2p\x8b\xcc\xc2\xcf\xb2\x92\x82N\xd7\xee\x89+d\xbc\xb4a0,\x92B\x90&gt;:\xb0AV\x19vR\xc6\x7f\x0bF\xf6`\xa0\x17"\x01\xec\x06\x1c\xe9\xd1reE\xb3\xb9oq\xce\x9a\xae\x01\xc1\xf6"\x8f\x85\xf1\xe3\x00\xce:xO\xfe7pKgW\x89\'\xc7\x12Q\xff\xdc\xd7v\xc1W\xa4\x13\xdd\xb4\xc4\x93R\xc8\x04\x84\xcbM\x11\x95\xf8$]`\xc7\x1b \x17\xf7\x88\xbf&gt;\xef\xce"\xdfK\\x\xfd\n\xeeF\xa5kMbqS\x1d\x1f\xe1\xa9c\x11\xec\x13g\xc8\xc8\x9f\x10DX\xb9\xc0\xdf\x7f\x92d\x88\x13z\x9a!C"\xb8F\xea\xb8\xf1.\x15\x7f\xa5-\x9a5&amp;}l\x02\x9amV8\xdaD@b\x85\xd5&lt;\x9d\x8b?Xi\xa0v\xa5o\xf0l=#\xdf{p\\\x0f&gt;\xb8\xbe\xd6\x06e\xd2\x94\x06\x0e\x820\xe2\x1fl\xa4\x07\xe0X\x81?\xe1r\xe5 =$\x96\x1e\x94\x04\xb3\xb9|3\xa5\xb0\xa9\xe8\xd5\xf8\xfe)%\xee\xd0\x9f\x12\xf3y\xc1/\xa9L-WO\xf4\xf6\xfb\x08~)\xb8\xb7\xcd\xdb;2\x96\xd9\xd9^RfN\x02\xe6Wm.\xb2\xd3\xa4\x88\x1d\xb9\xff\xe6#]d\x90\xbc},9\x8d\xd0\xf8;\xbe\xcc%\xd9\xee`\xee\xaeZ\xea~\x18\xe2\x89&lt;\x93\xfb\xb7\xe0"\xe8q\xbc\xc4Q0\x9d\xa9\x93\xb0\x1f\x9a\xd4P$^\xd7\x86N|Q\x1aj\x82\x0e\xccJd\x9a\xe5\xad\xdd\xa9FnS\xf1\x158\xad\x8a\x04\xa9\xfdcb\xceBs)c\xb0\xce\x16\xc70%\xbc\xfbo\x07N\xd3\x06[\xd0\xdey\xd2+\xf7\\;\n\xa9\x95\x01\xc8n\n\xc1\xad\xbbWm`\x03\xbd\x9a&amp;\x86\xfa5#X\xc3\xcd\xed"L\x86\x9e\x05\xeaD\xf5\x92\xba\x1d\xe8E\x04\xd9z\xd6$\xfcM\x8a"\x0e8\x02Q6\xd8\xc2\x16\xdc\xc3\x11\xdft\xfc\x9c\x02\xcc\nCL\xd7E\xb4V9\x9a\xf5\\\x0f\x9a\r\xebw1I[\xeeu\x81\xca\xc7\x07\x87\xe2\x1f3"\xe0\xd1\x82Lz\xaem\xfdt?\xee\xed\xeb\xe4\xb2o\xe3\xcf\x07y\xe6\xc0r\xc7\x92EI\x10\x12\x83\xadbu\xce\xc0)+\xf6_\xb4\x16\xcd\xf6\xc4\xc0KM\xb4.\x86-By\\L\x10\x95\xb7 \xee5\xbd\x86\x1a\xbb\x9c5\xa1\xdd\x08\xc8f\x9c\x8b\xda[\x06\x9e\xc5\xf9uI\xb8\x03\xf2\x8d\'\x0e2\x84\x17:\x1c\xa7f\xb3E\xeb\x10=}\xa3Ybb\xb7S=\xd9\x03\xc6;\xadT\xc7@\x9c*OKN\x99\xef\xf6\xd2\x92\x94\xb35\x84\xfar\x0b-QZ\xb3@-\x99P\xcc1O\xfc\x9747\x05m\xde\x82\xea\xfa\xe6\xb2\x97!U\x0ftQV\xb6\xb4\x88\xef\xbd\x88\x80\xd5a\x82q\x0c\xf2\x90\x0ej\xf6\x9eq\xfbg\xf8\xfa\x0cv\xdf6\xa9\xc6}\x91d&lt;\xf7\x11\xa0Q\xcf\xc7\x8b\x1b\xbb\nE\x88\x84\xd5\x84\xee\xc8\xc9\x9f\xbbE\xd9\xbd\x98\x97\x1b\xa7\xd2\xb5(\xf5^F\xf4_\xba:M\xd7*\x1a\xba"\x99cq?CE\xd0\x08Oa\xde\x91\xfae\xd9mmk\xaar\'\x83\x959\xd9b\x0c G\xb7\x01Lv4\x7f^\xd8\xbc\x1cS\xbeC\xc0\\\x92.\xf2c\xd4\xd1\x83\x81\x05\x19_\xab\xf3\xd7J\xa95\xa3\xcb&gt;\x9a\x84X\x1e\x16N\xa6j8\xf6\xb5\xb6\x81\xdc\x1a\x12\x8bx\x92\xd96\x1e\x0f\x82\x8ewnc\xb6\xc5t\xeaS!n\x8c\x9ff\xec\x93{\x08j\xfef\x15\xbd=\x95\xe2X\xe4i0sR\x7f_\x8d!\xf8"\xeci\x11\xfd\xce\xe9nl\x84\x08\xbb\x92q\xe2\xcf,\xca"U\xa9\x10\x10\x9fd\x8a;|\xeb\x92\x06)~\x12\x93\x8c\x86|\xfdE\xf7\xe7j\xb10]\x90\x14\xcf\xa9\xa9\xd7TAK\xa6\x81\x89l\x8c\x82s\xc2\xc8\x98m\x8b\x91\x92\x02\xc2\x04\xa4\xaf\xd3\x86\x99\xd0~\xd9c\xd0\x8c\xbf\xe4\x04\xf6P\x07p@\xcadz\xf9q@}#\xed\xb2\xc5\xf4\xe0\x13u5\x8c\xcd\xeb\xb4\xcf\x08\xfc\\q\xd0\xd5$\xa5\xac\xe7]\xc7\x12\xf3\xdd=D\x99\x86\x05Z@\xe5\xe3bC\xecNM\xfdC\x88\x15\x1a\xdby\xe9\xf9\x12\x99B\x99x\xba\x0b\xd9\xab\xd2WK\x9d\xebY*/\xfa\x89\xe3\xdf\xde\xe4\xe2\x023\xa1\x9f\\!\x90\xff)&lt;\x8f\xcf\x13\xa4:\xeb"\xf2\x19k\xb7\xd0\x00\xbf\xad\xa12\x1b\x9f#)\xecf\x0f\x16\x84\xb3\xd3(E\xc8\xe1\xe8\xe7V\x91\x14\x80\xb7\xe3.\x8d\xe0\xa1\xd4!\xd5\r\x86U%\xcd\xbf\xa0\xad\xd3\xedm\xfa\xea\x8d7|~*\xb0\x97\x11\x86K\xbeVI6w\xb8\x9a\x10&gt;\xa7\xf0\xaf\x03\xee_&gt;(\x10\x0c\xc3ZSk\xe2\x87\xc3F\xd0\x1c\xb90g\xbc\xb3G{8\xbb\x84\xf8q\x1f&gt;\xc61\xd5\xfcB_\x95\x11}2\xfd\xae\xbd\xf4_#=\x04(\x10\xfa\x14{\x8d\xaeK r\nB\xcbO\xb6\xc8\xb8a\xf0\x97MhPX\xea\xb3l\xb8\xd3\x9b\x07\x13M\xb2\xban\xffXpO\xd3\xde\x1f\x8b\xa2\xf1t\xbb\xae\x97\xd2=\xda\xb5\x1e]t\xd0y\x9f\xf2O+\xb3\x8f\x17\x93\xec\x1b\xc3?\xf7\xab\x891\xd8\x8fJ\xd3&gt;\xf1\xf8\x94\xe8\xa7\xae\xe8\xa5-\x06\xe6\xfe\xbd!\xc6\xa9\'w\xdf\x91\x08\xca\xf5\xdeC\x8f{\xbeq\x99Y\xa7\x8f\xc8\xbcA\t\xf3\xf3\xec\'\xec\xc4\xfb\xa7\xa95\xc2\x9c-\xf8\x0be\xa6\x122\xb0\xc1\xd19\xfc\xb5g\xaa\x0b\xd1`\x1c\xfcu\x84\xf5&amp;\xad#\x9e\x1eoZz\xcf\xc2\x85\xf3*\x86u\x8d\x9b=][t5\xfe\xe9\x12$\xd9\xf1x\xcf\xf2\xc4\xf2\xc6[\xec\xd0ZL\xb1F\x98\xdc\x05\xb7\xf6\xc5&lt;\xe7*\t&lt;J\x0f\x00V\t\'X\xba\x89\xd9\xd0jU\x98\n\xee\xf3\xcf\x81\xad\xbf\xd5?opRF\xb7}Fr\x93*\xaf\xac\xd7\xbbQ\x0c&gt;wN\xcdU\xc8\x98\x05U\xe8Y\xeebY\xb0\xd1\xf0\xdaU3\xf1\xb5\x1d\tbJ\xee\x8c\xb5\xdc5\x1b\x9b\xfe\x93\x96\xd5$h\xb9}\xce?$\xb22?\xffb\x84#\xa3\x98\xac&gt;C9\xee\xe9*P\xdbu^yH\x9c\xc7\xcc\x94\xac\x10\xf6\xad\xc6\x1c\xb3\xb2%\x1c]X\xbf\xc4\x1d\x1b\xa0"\xe3b\xc21]&amp;\x95u\xf6)S`\xf1\xdap\nA\xcf\x83\xe9\xcd\x92\xdd}d\xf2\xa1`\xc2\x0e""4\x04\x87\xf3\x111\x8f\x95\xb0\xee-\xec\xd9\x0eD\xaf\xcc\t\x8d\x0f6Za\x9d\xc8\xba=qR\x9c_\xff\xbd\xb1\x94\xac7F/9\xf3\xbfW\xdf\xcf\xcd\xf82\xf0a-\xe4U\xb3\tw\x85\x1c*7\xe9\x06X\xf5\xd4}\xdf\xcaq\xcaZ\xc1\x0e\x9d\xc2\xd5\x86\x8d\x9d\x12\xfa}\x0b\x10\x81\xca\x0cN\x0f:\x98[\xceq\xc4\xab\x14\x02d\xaf\xe2*\\?\xe7\xf7\xb6\xd0\x88\xd8\xcf\xd88Y\x07\xd0\xd9L\x1f\xb8\xe46\x8c\xb7.\xd5\xa9\xeet\xafK\xb3\x84Io\xb9\xa4\x87\x07\xd16YZ$}\x8a\xafZ\x13!\xd0VA\xaf]\x920R\x0f:\xa1.\xa4\x18\xf3\xcb\x94,?\xcb\xd3\xf3Z\xf4\x91\x81i\xb1\xe9Q\x19\xcb\xec3?\x13\x8d\xbf\x8b\xee\xc1\x8d\x1c\xc4r\xa6H\xd1\xf0c\x14xI\xab9&amp;\xe8\x1fnOuAv\xd6Vs\xe3\x13&gt;^M\xf9k\xc7\xe8]\xc3NM\xdcI\x17\xd4\xe3\xfaD\xb4\xc6\x1b\xb9\x03\xa5X\xbd\xbf}\xf8\x9f'</t>
  </si>
  <si>
    <t>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</t>
  </si>
  <si>
    <t>b'\xb4\x11\t\x83\xb82\xec\x13\xab\x82\x85\x90\r\xf9\xd9k'</t>
  </si>
  <si>
    <t>the same little comedown Iâ€™d had after my business
 made it to seven figures. The same thing happened! I was mildly depressed
 and unsure of what to do next. Now what?
 A friend of mine, Todd Herman, called me up after the event and asked
 how I was feeling. I was honest with him about the funk I was in.
 â€œYou know why, right?â€ he asked.
 â€œNo. Why?â€
 â€œBecause you planned up to the goal, but not through the goal.â€
 He explained that itâ€™s common to get depressed after you hit a goal
 because you donâ€™t know whatâ€™s next. If you plan through the goal, though,
 the goal itself is just another step on a longer journey.
 He was right. After a couple years of CapCon, I started to see deep
 correlations between the people I brought onstage to talk and my own
 journey. I started to expand my perspective of what was possible. My lens
 widened. I started to see myself not just as a successful entrepreneur but as a
 mentor; I wanted to help other people achieve their own business dreams by
 sharing the path through the jungle Iâ€™d hacked out with grit, guesswork, and,
 honestly, a shitload of stubbornness.
 And there had been one more very important factor in my success.
 Through it all, Iâ€™d had incredible mentors.
 We can all point to moments in our life that changed everything. I hope
 that reading this book becomes one of those moments for you. One of those
 life-defining moments happened when I accidentally sneaked into a bar to
 meet Travis Sago, who would later become my long-standing mentor. That
 ultimately paved the way for my success, and ultimately to the writing of this
 book. When you hit your first million, you will have this accidental barhop to
 thank.
 When I was nineteen, I was, believe it or not, attending ministry school. I
 was studying to be a pastor. Remember when I told you that starting down
 this path was opening Pandoraâ€™s box, and you wouldnâ€™t recognize yourself at
 the other end? Case in point.
 Deep down, I knew that I was attending ministry school out of guilt, and
 that what I really wanted was to be an entrepreneur. Iâ€™d never lost that spark
 that had started that day I asked my dad how much a million dollars was and
 decided Iâ€™d become a millionaire. Iâ€™d been carefully guarding and kindling
 that flame all alongâ€”constant little hustles throughout high school, running a
 scrappy dorm-room internet marketing business while preparing for a career
 in the churchâ€”and the vast gulf between what I was planning and what I
 wanted was starting to wear me down.
 Thatâ€™s what led me to take a few days off and fly to San Diego to attend a
 conference for internet entrepreneurs. I was making a full-time income from
 my college dorm room, and thatâ€™s hot shit when youâ€™re bragging to your
 buddies, but I knew that I was just â€œguessingâ€ at it. If I was going to be a true
 entrepreneur, then I needed help building a real business. I needed someone
 to guide me. I told my mom that I was going to the conference to learn how
 to grow my business, but I went for one reason: to meet Travis.
 I walked into the bar that evening thinking that it was only a restaurant; a
 few hours later, when it turned into a dance club, I had no idea what was
 going on. (Life hack: Itâ€™s not technically sneaking into a bar underage if you
 go there for dinner and then stay out of sight until after they start checking
 IDs.) I was distinctly the youngest person there. I didnâ€™t drink at all, and I
 still donâ€™t know how to talk to girls. Talk about being out of my element.
 Travis went by â€œBumMarketerâ€ on the internet forum where we met.
 Donâ€™t let that fool youâ€”even in our digital conversations, I could tell that
 this was a person who could teach me everything I craved learning. I figured
 that if I could get Travis to meet me and remember me, then it would be
 worth it. After all</t>
  </si>
  <si>
    <t>b'\xb8\xd7\xc7\xdb\x8aa$\x9fow\xc1hJS\x0f\xeb\xdeV\x9cx\xa9$N\xb6o\xbe\xcdl\x01\xb1\x88\x03\x06\xb2FB\x1a\x86g^\xbc\xf7t\xac`\x97(\x9e\x16i\xff\xf9T\xd3\xdf\xa3p\xc4i%`\xa2\xe9\x8f1\xdc\xd3\xe4r\xfa\xeeS\x80B\xa7\xd5\xf50q9\xa7j\x82\xc8Oy\xf3nB\xa39\xcf\x8c\x999\xe26j\xf3\x9a\xa6\xe6\x94\xd3q\x16\xeb \xb63\x8c\xe3\xe6\xf1{&lt;\x90&amp;\x14\xd6\xbfv \xca@\x950\xa7\xc9\x93\x94\xd0\xc9\xa3\xab\x03b\x8f\xd3\xda\xee^VO\xbfo:\x0e\xa2\xbabC\xe3*k\x9e\xd4\x87\x94#\x93\x07@\xf6\xb3\x9f\xe1\xabd\xf6\x14x\xf9R\xdf\xf43\xe8\x01\xd4(\xf1\xe4\x878V\x96\x90\t|\xf7\x9b\x04\x84j\xff,"\x93;\xd9)-\xdf\xed\xd4(\x85\xed`pl\x0fs\xef\xcf\xf1[RaT,e\xe9\xfa\xbb\xd4\xefa\xc7\xd3\xe3\xee\xebvx\xa7G\xb0\x8f\xfdX\xa2\x1e\xbd\xc2x\xcdV\xd9\x06ZK\x8a7:\xa9\xce\xbb\xea(\xbd0!\xa1dB\xc9\xc3\xf7#\xf5 J"\xb57_\x11\xc0\xd5\xa5dE#\xcc\x89\xfc\xb66\xd83\xde\x9e\xa4\x85m!O\xf63\xfe\x1f\xf7\xe4\x1bp\x8e\x02\xdb\xa2\x9dh\xee\xcc22\xd3;{o\xbe\xf8\xa7\x8f\x04&lt;\xe1\xfe\x8f\x9e\x03,\xf3\x87\xb6#\x99@\xd6oA\xcc\xf6\xdeA\xa9\xc9\xc9\xefI\x80\xa7\xd3\x1fP\xe8\'\x06\xb0\xef\xba!r\xeay\xa7\xcd(\x1e\x01v\x88_c\xc6\x84\xa2:\xdbeW\xe3F\xac\xe2\xc83\xd0\x92F\xed\xae\xe9\xe7M\xb6s\r\xfc\x82\xf8\x87W\xd9\xfdg\x8aI\x02+\xa9\x04\xdf\xf7\x10\x8cghr\x1bl\x18U\t\x1e\x92\x98`\xf09\x1e\x82\x0c\x12\x1f\x1fll@\xef\xb3\x1e\xa5Zk\x02\xf2\x13Hb\xe8\x87\xf2\x0c\xffl\xbc1e\xc0\x1fwn33\x9f\xe6\x05\x12X\x04\xe4\x9fx\xf0\xef,S\xc3e\xa3ih\x9b\xab\xc9\xfb\x89\xb7Uh&lt;AD;\x8ek\xb4\xe2\xba\xb9\x08\xb2\x99H\xd8\x8f\xcb\x16\xb3o\xf0X\xa0\x85\x87\x10\xb4\x92\xaf\x1f\xf7\xf3\x9aK\xb5C\x08\xae\x1eH\xc3\x9e\xdat\x18\xe4\x8d\xe8\x10\xb5\x07\x1a\xff\xa4\xf7\xe5\x17b\xed\xbd\xb0Gg\x18g\xebr\xb0&amp;&amp;H\xbc4\x10\xf4\xfb\xee\xe4\n\x9cz\xb66\xff\xa0B\xd9\x90\xdfkT"x\xc7\xc0\x9fc\x98\xc3\xbb4v\xa8Y\x15\xa7d\xba\xe2\xbd2H9\xe2\xfcR\xc3\xf8\xdf\xe6\x0b&gt;\xd7\x07\x8bG-\xc2\x9d\x9a\xac3\xaf?\xe4\xeb\x1e\x00\xc23v\'\x16\xf4\xed\xca,k\x98\x8f\xef\xd7\x1b+}\xcbpQ\xbc\xd6\xe3$M\xb1\xfd\x80\xdb\x92\x08\x1e\xe0\xc1{\x97U\x94\xec\x89\xd9\x83\xd1\xdb\x10\xe2\'ds\xc4\x97\xe9\xe4\xa6\xe5\x92p\x19\xd9^Y\xcf\xc2\xa4\x0fl\xdcZL~ET\xdc\x0f\xa9\xd7\xd2\xe0\r\xcd\xe93\x99\r\x01Q\xd45h\x9e\xc1\xad}3d\x05\xe6\xf0^\x19\x99\xea\nNn\x80W\xd0t2\xef\x06\xc2\x1c\xcd3\x05\xa9\x9a\xaeM\x80\xdd\xf8cn\nl$\xe1!\xbd\xaf\x81o\xcf\xb8Qf\xfe\xe8\xbbn\xcb&amp;\xc7\x8d\xb98`\xe281\xf1\xc8QU\x86\x13)\xaf\x14Z\xe9\xde\x02\x17\xdb\xa2\x84\xa9\x86(Q\xdae\x93\xc8\x92[\xd1[\xaf]\xca\x0b:5\xe8|\xb7.\x0c:\x9e\xda/\x92\xd1db%]\xb4\x81\x8b\xeb&gt;\x18u\x19%\xf9\x02\x8b\x01Y\xe9\xb0\x8c5\x89\xe5\x8f8e@5\xad\xfa\xb6\xb2\xea\x85\xae\x88\x97aCV\xc5\xdd\xc9\xd6vQ\x1b\x96\x87\xf7\x01S\xacizK\x94\xf2\xbf*\xf0\xf7\xb98\x82Ut\x06,\xda\xb3\x9f\xcd\xf7L\x1d\xdc g\x86\xf0V\xc2{\xbc\x89\xac\x1b\xea\x07\xe8\x16\xd0\x17\x06N\x08!vj\xb1P/\xb7\xff\xa7\x95\xb5\xb4/\x03\x8be\x8e\xaf\x89\xd7i\xd8\xae9\x82\xf0\xe5\xc6\x07j\xf5\t\xf4\x11Bp\xe8\x8c\xb9\xd3\r\xb2\xb1l\x19\xcc\xf8\xfe\xa7\x05\x807.\xb6\x91D\xf2}T\xa54g\xf6bH\x92\xdb\xdbT}\xd2\x11\x1e\xd4]\xaf/\x17\x06#\xe3\xa8(\x01\xb5Q&lt;\\O\xe1N\xed\xd6\xb6\xeb\x89.g\xe1\xad\x9bo\xab!&lt;\x88c\n\xeb\xfer\xc3d\xecbJ\x13\xc5\xc0\xbc\x87\x1e\xec\xcf\xaa\xc7z\xda\xa7\x18#\xcc\x03\r|}&lt;\xc8\x85\xd0\x7f#\\QR\xf8\xa4h4V\xbf\x93\xb8s8;\xfb\x07\x02\x11_F\xd9\xdf\xae\xcc\xd9\xf3\xe0E\x8b\xa4\x05\x8a\xc1\xee\r\xc5\xbd\xa1\x98\x93\x14\xa6\xb2qC6\xa3\xe1\x12\x12\x1d\xbbd\x91"\xf2_\xe4\x00\x82x\xd8\xbc\xf7\xae\xb2\x84O\x15Q\xa5pCs:\xc7{{\xc6\xa63\xf5\x0c?n")\xa5\xfd\xe7\x0fH\xf5\xa2&amp;\xdaX\x15\x9a\x03\x0fz\xb6\xb2\'\xaa$ @{\x10\xd7\xc52\x1e\xc2K\xe5\xe5s\xf2e\xfd\x85\xa6G\x95\xecj\xc0\xbd\xec\xb9E\xa9\xff\x16\x0e\xd8,E\x99O\x18O&amp;}\xb2\xaf\xca\x81\xc9\x9dBS\xceZ\xd2\xd1\xba\xc4\x89w\xe8i\x89j\xf65\x81.=\x9cy\xfb\x89+\x07f\x1e\x15\xee\xf9\x85l/\x96\xf1\x96\x12C\x95\xcc\xc9\xb6\xbb\x19\xc2D\x8c\x1b)\xad!\xc5w\xd9PL\x1d\xc7\x9c[)\x1a\xa2\xec\xee\xb6m[\r\x91\xa7\x8b\xe9{A\xc3\x86\x1b\x00DAc\x8eZ\x87\x8f7\xd4\xa1h\xa7\x89\x1f\x99\xdc\xe1X\x8c\xa3\x10\x96\xc5\x81RN\xe3 \xd7?\x9aljs\xb2\xaft:2[\xa2-\x11`_5\xa0kq\xbc"q\xae\xa5\xb5\x94K\xf4;_\xfcE\x9b\x829\xc0\xbc\xe7J\n`\xc8\x90\xd9\xf1&gt;\x193\x81\xd9\xf6\x95\x9d\x11_M\xf1\xc5ox1\xfcBj9\xec\xbc?\xb4\x95\xdd\x7f\xb7\x14\xe5y\x00\x97\x06\xab\xa7\x88v\xf8\xc7+/-v\xecS\xc0B\x05\x0f\'\xc7\xd2%\x08Vi\xbe\xb55\x92\xbd\xfe,&gt;\xe3\x0e\x15p\\\xbf(\x99\xa5\'\x9c\xdd\x00+\xa3\xbf\r\x8d\xdf\xb9\xac\xc2\xfe\xbf\x0c\xf0\x91\xa2\xd8\xecq\xb6\xf6\xfe\x12\xf4\x19r\x98\xa2\xcbm\x1b\xa8\xf3\xeb\xbe\x95tH\xe8{,\x83b\xb8\xed\x96\xe3\x1d\r\x98\x8bS;\xbc\xbc9#U\x14v\xe9p&lt;\xe4\xc8\x98\xf9\xbew\xb0\xda\xac\\\x15\xbed\xc5\x02\xa1\xb0\xf6[v\x15\xc4yZnB\xcf\x8ch\xbe\x06K\xda\xea\xba\xad\x1c\xd5\xbd\xf6\x93}\xa7\x1a\x02\x01\x0e \x1e\xec.\x85\xc1r\x16.\x16\xf3\xb5Lp6V\xde\x12\x18\xce\x18\xf3o\xac\x98\xad\xed\xd7C\xb1\xc3\x13\xcc=\x07\x1at\xb2!\xb0\x16\xe7\x974L\x13VL\x81\xdc\xcb/[#&amp;\x89\x15\x93\x0f\x08\x9f?|]\x18\xca\x1a\xdcqG\xad\xb1+\'\r\xb5rS\xe3nL\xef+\xa8K\xc1e\xbb\n\xa6l\xd66\x92i\x8e\xdaPub\xe5\xed:\x15 \x8ak^;\xab\xa6]\xa7\x14\xc5\x9e9\xb7#X\xc8oT#\xb4\x8d\xa1\x8d\xf7[\xd6\xb7\x0c;\x0b\xe33\xe1\x9d\xce\x13w3\xf7F\xe7\'\xc5\x8e\xec\xe0\xd3cU\x97\x88\xbe\xc1\xd2\xb1\xb92\xbb\xad"\xc2\xfc\xdd\x97\x99\xce\'\xde\x1c\xf0\xa6\xaa`W|XO\xda\xe7\xb0n%C9\xfaB_B\xc7\xf8*\xe9\x9d\x83Y\x01|.L\x00\x94\n\xce\x85\xabt\xa6\x8b\xbdn\xe9&gt;a~\xbc\xb1H\x14\xad\xa2\x1b&lt;\xdc\xef\x06\xd0\xda\xd0\x89\xea\x14\xb0\xa8\xc6#\x05\x84\xfc\x99\\\xa8(\x81\x7f\xcfI\x7f\xbb\xed\x8a\xa6k\x8e\xfa\xe7\xbb\xa6\x93\xeb\xab\x06w\x16\xc3\xea\xbf\xd5\xd1\xf8\x0bV\xe1\xae\xd3K\xdd\xecg\x19kpi\xa4\xf4&gt;\xd8\xa7W\xd4\xb0I\x16\x87\x13\x98\x01\xcf+ \xbbe\x9e0\xabZV\x94\x04\xc1\xcc\xdc\x91\xdc*&lt;\xactS\xa7 \xc3\x7f\x1a\x97)\xaf?\x99c\xc9\xba\xbb\x9eBP3\xad$=\x1f\xd4\x0b\xe2\xeb\x85\x105\xce\xc6e\xd1Et\xd8b\xc4,\xd4(\x0f4\x97\x98\n\x16\xa7\xd5\xd8\xee$\xddg\x0c\x16\x02\xb9\xf6\xaf\xd3\xf5\x89\xe3\xd15\x9a\x15\xd5H\x1d,?K\x8ftG\x1b\xd7\xa7\xb8&gt;\x9b6\xb5-w\x80M(o@\xf3\xbe\xd6\xdd\x1a\x83F\xf6\xc0\x87&gt;\x1b\xb2\x88\xf9(t\xcb\xf4\xfe\x11\xd9\x93\xdc&gt;\xc8\xb6\xe0\xbb\ndnv\xce\xbe:\xc6\x96\\&gt;\x02\x14\xbce\x16~C\x15\xa0$\xe8\xfc\xee\x91\r\xb2\xaa9}\xd7D\x8f\x98\xefc\xe2=r\nlv\xef\xe4\xf1x\x8bKe\xb9\xb15\x1d\x1b\r\x86\xc8J]\xbe:\xe6J\xf6,\xc0\xa9\x99\x10#U]O\x08\xd5\xcenF\xf1&lt;\x98\xd87.\xbb\xa4\x15\xd2\xf7\xcf\x94I\xa8\xd1S\xa9\'r\xb2"\x11r*%\x12f\x19\xa6\xcf\xc2\xb2H(\xaa|\x82\x05_\xa4i\xbf\xb3vRHX\xd2+\xc4\xed\xee\xed\xa8\x13a\xbe\x18\xf6\xad\xba\xb7\x8dEHF#\xcaLjP\xc56s"f&amp;[Y\xb6\x80\xf2Q\xf4\x8f\x04U\xfd\x14\xf4\x99\xe5 \xbc\xca\xa1\r\x8b\xb2\x1c\x11\x92\xce\x9aqM\x8cv\xa1\x00\xca.\'\xb2\x86*\x0fb\xca3i\xbaw\x89\xdc\x07.ovX2\xf5\xe9\xad1\x02\xbaS\xa1[T,X\x90\x03Z\xc9;\x8e\x90\xb5\xb9\xc9;.\xa8L\xb9\x18\x8f\x87\x8ck\xc9\t9\x94\xeb\x14\x12\xef\xeaj%\'M\x03\x8b\x05Z\xf9\x12k&gt;\x90\xd2+\xa5\x03*M\x06\x0cd\x0e0\xf1\x88\x1f\x8c\xb3\xd4DK\xdc\x81\xe0F\x08\xcd\xfaA\r9O\x9a\xa0\xabq\xe8\x00\xacJz\xda!\x17\xcd\xcb\x1b2\t_m\x0f\xbb8\x15\xa3\xf1fY\xa3Y\xb7I\xfbP\xf85\xc2\xa1y\x0b;\x87\xd2\x99b\xaduM\nm\xcf\x16Sn\xb4\x9f=\x17\xa8J;H\x92\xa6\x8cbZ\xac\x88(~\xd4\xa6\x0f\x8c\xe45\n\xa3\xdc^\x0b\xaf\xe5\x83F\xe8+\x13\xae\x95\xeb\x9a\xc3d\x07!|\xbf1\xdb\x9a\xae&amp;\xed\x84\xdaJ\xe7hETG\xa7\xd8\x01\xea\xb5n\x8f\xe7\x00e\x8ca\xb9\xd1\xf0\xcb\x956Ku\xc77\xcaf\x0c,f\xdb\x8c\xfd\xda\xceTa\n\x9f\xadL\x16T\xdb\xf5\xda\xc7\x8b\xbfG\x13k\xac\xc9\xfbYC\x98\xeb=\xfe\x9d\x89z\xed\xf9\xff\xbc\x9a\xb7\x87\rv\n\xc3k\xbe\x01\xcb\xac\xb2\xb6\xc1\xf9?q\x19\xf7\x1e\xe4\xd5\xa3\x862\x895(H\xc5\xa7\xd64Y\x85\xe8{\x17Y\xc1T\xc2\xdb\xefj\xc4\x0b\x0e#)\xb31\x16mG\xca\x8f\xe0+k\xefu\xb2\x98\x1d+[o\xa3\x8274\xad\x8aK\x87X\x9fJ\xeb\x92Rwy\xc5p33e}4\xf6\xac\x94\x8e\xe5"\x0e&gt;\xd4MY\x9d&lt;I(j{\x80N\xca\t\\\xac\xe9\xc1\x93=\x1cMo\x9e:Z\xe3,\x1e\x91\x08\xfe\xd9j(\n\xb7&amp;\xc2t\xb9\x94\x86\xa4\xae\xd2\x14\x07\xb1\xb6\xb8g\xa2\xe6\xc6:O\x95\xb2\xaa5%\x88\x14\x8c&lt;R\xf6\xf1\xfc\x8c\x9b\x95 \xe2qV\x88\x18u\xa9\xb9\xd6\x07W\xb3\xf2\xbb\n0\x16\xc7+W\xc0\xc4\x8d\xd9\xca \x1c\xfd*\x14\x07\xbb\xc0\x85\x92\x05$}\xd7\n GP\x9f&gt;\x14T[\xec\xb9\xd7\x99_\x1c\x81^x\nN&amp;s\xee\xc0\x88\x1b\x10\xe66g-\xb8\xa8yb\xdaI\xfbn\xc0\xc2\xf4\xa2g\xe4s\xd5U\xabW\x99\x9azRu\xdaw\xa6\x8ejX\x87`s\xfc\x93\xc1\x1f \xf8\xd5\'\x10D\xdb[\x8e\xa9\xbctL\xe6\x0f\x978\x95\xda\x0c\xeb\x98\xee\xba\x0f\x99\x8d\x15\n&amp;H)\x83\xd5\x03U53\xf2t\xb5\x86|G\x06 \xf1\xb7\xc5\x94\x85?\xbb`\xe9\x80\x9a\xfb\x06\xc4\xb1e\x82u\xfcH\x18\xe88L;\xc8A\xec\xed\x94|\x8d\xc9\x95\x8c\x11\x94\xb8\xd2\xf5\x03\xc0\xb6H&amp;\xa4U_~\xce\x02\x19&gt;B\x03\xe4M\\\xa4\xaf\xe2\xeav\xff\xa5\xa9\xa5\x16hDM\x14B\x0b\x7f\x9c\x01\x04\xc1\xe8]\x9eX\x89q}}\x132c\x8f\x03\x84\x1e\x19~\xae\xf5,\x0fl\xd2\x96\xcb$\x81 \x1f\x97\xa6y%\xd8\x88\xb8\xab\xcc$\xc1\xad\xe94\xee\x8a\xf2\x14g&amp;-\x85\x056\x0f\x88\x14\xfb\xff\xf8\x1a\x18N\x7f(h\x17\x83\xb7\xe1U+j\xa2\x99d{\x1f@\xb5\xb1\xe7\xf0]D\xb4U&lt;\xbf\xf7Jk\xf6k\xdd\x82\xba\x1a\xafW\x8e\x93\xde\\\xcc\x93\xef\x062\x9fj\xfe\xe9\xa9 ze\x96\\\xb7\xff\x90NT\xb0p\xc7\xae\xf0\x98\xdf\x1ay\x85\xce\xbb\xe8n\x99\x07\x0f~G\xfe\xafkw\xf9Q\x7f\x9ev\x85W\x07\xb4\xedy\x9f\x1d\xcd~\xc6\xd7\x91\x0b\x11\xe3\x16\xe7\x08\xb6`f\xd9\xaf\x83\xb5\xf5\'\x82\xd0pA\xad\xc7($\x05\xb7/gu\xef\xc6Ft\x1d\x97h\x11\x02vt\xed\xa2\xb9\x07\xe9v\x1b\x99\xd0\xab\xe1L\xa8\xb5gQ\xcctX\\R\xcf\x07\xa3fn\xca\x14m\x18W\xfb\xa7\xad\xd9\xe5\'\xc7E&gt;\xacw2\xa5\x9e\xe0\xc7j%\xe5\x0cT\x1f\x18\xc2\x11\xcb\xe2[\xa1\xcb\xbf,\xa0H\x97\x00\x85\x85X\x90\xa9e\n,\xf6\xc0\xe8a-\xcb \xd6\x13\xd8\xbe\r\t\xa9\x07\xc1\x11q+\xdc\x90\xa7\xe61,\xe6\xd0N\x07\xd3~?\x1fW\xfc#\x19Y\x08rq\xa8;\xba[7\xb7`.D\xea\xc9\xacO\xbc\x16]\x91\x138\xb5\xfb\x81|{\x93\xa5\x81g4\xdf\xf4x\x02\x9a\'\x0e\x9c-\xed\x17\xfd\xaf\x1dv\x0e\x85\x1f&amp;w\xd5\x10l\xf0\xd3JM\x02\xbdHf\xf8\x05\xb6\x1a\xf0\xf59\x93\xe1J\xc1x_\xf3\x89h_\'\xf4\x15\x13\xceUr\xde\xebW\xea\x8d\xcdg)\x86\xccR\'\x1dJ;S\xd5mp\xb8p\xbe\xb7\xa1}[\xbfk\xcd\xd6\xcb\xdc\xeb\x1f\xfb]\x18\x05/\xc6d\xb2 \xd4\xcbc\x90\x03\xf8\xd6\xfd\xb9\xbf\x18B\x9dT\xc3%\xea^\xa0?\x19K[\x0f\xdc\xff=\xb2\xccn\x00&gt;\xa3\x96\xba\xf8\xc9\x1fY\xbb23\x8e\x81\xdf\n\xf3\xc26\xf1P?!\xc18\xc7\xdc\xf2Ipe;~\xa5\xc0{\x10V&gt;\xcc0\xf8\xa2\xddQ%\x8a\x84N~+\x93J\xe5\xf5Q\x94T\xa1\xdd\x93?2\x8e[b\xb3r\xb5\xe7.\x07h\x12\xe2\xdc\x7fS\x9e\xfa\xb0\x1b\xcc\x8f\x9d%\xed\xf9\xa2\xaa\xa7\xb8K\x10\x11\xbe\xfdK\xc35q\xf9\x95\xe30\xce\x83\xdc3\x1f\x86,\x0b\xe7\x06\x88\xeaU\xcfC\x9d\xd5\x99\x9e\x9d\xe4\x16\xe4\xce\xb1\x9bm\',\x80\x8d\xdc\x8f9\xdb\xa2\x06\x15X\x90!\x02mTC\x9bq\xcd\x7fg\xf67!&gt;"\xfb\xaf\xc7\xca|R\xcb\x94R\x16XtS\xdf\xcf\x06\xa9\xfbD\x99uV\xaf\x1d\xfel\x8a\xb5\xf9\xecx\x1a_\x9c\xa5\'\x00 &amp;\x0b\xc6\xd7,A\x9c\x7f\x11\xc4O&amp;b`mA\xe8\xdc\x8a\xd9p\xe8\xd3K\xe8\xe6\xbc\x13p\xc0w\x88Q\xff\xac\x1bfU\xbb$r\n\xec\xe4\t\xce\xaeG\x05\r.&amp;o\xe8\x8c\x0f\x88\x87%&gt;\xff\x85\xa4\x02\xb9t\xfa\xb3\xa8\x18\xc0\x16T\x7f_7c\xce\x0bpPf\xc5\xca\xd7\x8bk\xa2\x08C\r\xcc\x9d{\xcem\xb5\xe8W5-Wk\xb1\xef\xba\xad\xaavF\xa54\x8e-\xce\x82\x8bJ\x8f\xbd!~GNj&lt;I&lt;\xc1\xab\xc2\xdei\x924\xff\x0f\x06\x1c\xf6\xe4Ph7\x90\x99\x1cj\xc9\xe8"r0\xf0\xd8G{\x10\xc8UDSc\x8b\xc1\xc5X9u\x0c\xff7\xcb\xab\xfcJ\xee\xdb\xc4 \xda\x18\xe5l\xab&gt;\x98k#\xdb\xa8&gt;\xea*1\xef\x8e\xb1\xc6\x84\x11\xc8\\\xc2\xf8\xf3\x02\x01;\xf2\xb2[\x1e+\xc3\xe6\xdc:s\xa5R+v\xd2\x9d\xe9\xd9\xe5\xaf\xe1\xc1\x8d\x0e\x13:\x9f\xad\xa5\xdd\xd4\xcci-\x03\xc8\xa6\xca\xc8h\xd6\x9e\xc7\xd9\x16\xe3\xfe8\xe6\x84/}\x08\xb9\xf7\x80\t\x16L\xfc\x86(\xf4\xed'</t>
  </si>
  <si>
    <t>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</t>
  </si>
  <si>
    <t>b'\xb8\xd7\xc7\xdb\x8aa$\x9fow\xc1hJS\x0f\xeb'</t>
  </si>
  <si>
    <t>ed aft and down the 
 companion stairs into the cabin. 
 It was such a scene of confusion as you can hardly fancy. All the lockfast</t>
  </si>
  <si>
    <t>b'\xa3/\x11D$\x9bs&amp;\xba\xb4@|\x9a\xe0\xc2\x06}\xaaEP\x9b\xf7\xcf\xbd\xd5\xa1\xad\x85\xd5s\xb5\xdb\x01\xac|\xfcs\xb5\xc85\xfe3\xb33\xaf\x8f\x18\x82\x8b\x9e\x9a\'o\x86\x84\xe2\xc64\xdf y\xde\x9bk2\x88e\\\x1c4\xa7\xef\xef\xb7\xf0}Y\x8b\xe9\xa8\xbbB\xf2\xa6\xf0\xa9o\xbeec\\\\\xbc\xf0\xf5_|eDl\xa1UC\x7f10\xe1\xfd\xc9\xdea\xa9\xf3XW\t}\xb7\x95\xc1\xac)\xc4\x13\xfbj\x16]\x80\x1eC\x03QH\xc9\xae\xdd\x17\xfa\xa6sm\xd3z\x8c\xbf\x02\xefx\x94\x9ee\xf2\x0fx\xa2D\x93\xe830\x85MB\xc1\x04\x13\xfe\xb5\x1b\xd8ij\xf51\xc7\xb4\x8b\x9a\\\x01\xdf\xc4\xee`\x8a\x15xgN\xafl9.\xfd\xda\xac\x10n\x1c|\xb6(\x93\x9a\xbe\xf7\xa1i!y\x8f\xbf_"\x12\xc7\xc6T\xba\x00\xe4\xfa\x89\r\xeb{\xc4\x19\xb2v\x1d\xb4u_\xf3\xe2.\x96\\Y\xc5\xf6\x17\x83YYl\xc3R\x14\xc4\xa2|V\x82'</t>
  </si>
  <si>
    <t>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</t>
  </si>
  <si>
    <t>b'\xa3/\x11D$\x9bs&amp;\xba\xb4@|\x9a\xe0\xc2\x06'</t>
  </si>
  <si>
    <t>nd the IMF.
 Inflation, which had dropped from 159 percent in 1987 to only 7 percent in 1994, soared
 as the peso depreciated. Mexicoâ€™s national output shrank by more than 6 percent in 1995.
 Unemployment more than doubled amid sharp fiscal cutbacks, sky-high interest rates, and a
 generalized banking crisis. But the contraction lasted only a year. By 1996, inflation was
 falling and the economy was recovering as the peso continued to float. Mexico regained
 access to private capital markets and repaid the U.S. Treasury ahead of schedule. A major
 achievement of Mexico has been expanding its democratic institutions and moving away
 from the virtual one-party rule that had characterized much of the countryâ€™s 20th-century
 history.
 East Asia: Success and Crisis
 Until 1997 the countries of East Asia were the envy of the developing world. Their rapid
 growth rates were bringing them far up the development scale, putting several in striking
 distance of advanced-country status. Then they were overwhelmed by a disastrous finan_x0002_cial crisis. The speed with which East Asiaâ€™s economic success turned into economic
 chaos came as a rude shock to most observers. East Asiaâ€™s setback sparked a broader crisis
 that engulfed developing countries as distant as Russia and Brazil. In this section we
 review the East Asian experience and the global repercussions of the regionâ€™s crisis. The
 lessons, as we will see, reinforce those from Latin America.
 The East Asian Economic Miracle
 As we saw in Table 22-2, South Korea was a desperately poor nation in the 1960s, with lit_x0002_tle industry and apparently few economic prospects. In 1963, however, the country
 launched a series of sweeping economic reforms, shifting from an inward-looking,
 import-substitution development strategy to one that emphasized exports. And the country
 began a remarkable economic ascent. Over the next 50 years, South Korea increased its
 per capita GDP by a factor of 10â€”more than the increase that the United States has
 achieved over the past century.
 Even more remarkable was that South Korea was not alone. Its economic rise was par_x0002_alleled by that of a number of other East Asian economies. In the first wave were Hong
 Kong, Taiwan, and Singapore, all of which began growing rapidly in the 1960s. In the
 course of the 1970s and 1980s, the club of rapidly growing Asian economies expanded to
 include Malaysia, Thailand, Indonesia, andâ€”awesomelyâ€”China, the worldâ€™s most popu_x0002_lous nation. For the first time since the rise of Japan as an industrial power in the late 19th
 century, a substantial part of the world appeared to be making the transition from third
 world to first.
 There remains considerable dispute about the reasons for this economic â€œmiracle,â€ as
 we discussed in Chapter 11. In the early 1990s, it was fashionable among some commen_x0002_tators to ascribe Asiaâ€™s growth to a common Asian system of industrial policy and busi_x0002_ness-government cooperation. However, even a cursory look at the economies involved
 CHAPTER 22 Developing Countries: Growth, Crisis, and Reform 637
 Why Have Developing Countries Accumulated Such High Levels
 of International Reserves?
 Developing countries facing financial crises typi_x0002_cally find that their international reserves have
 reached very low levels. A country that is fixing its
 exchange rate may have little choice but to let its
 currency depreciate once its reserves have run out.
 A country without liquid foreign exchange reserves
 may have no means to repay lenders who have pre_x0002_viously extended short-term foreign currency loans.
 Like a run on a bank, market fears about potential
 default or depreciation can be self-fulfilling. If mar_x0002_ket confidence fails, reserves will quickly disappear
 and no new borrowing from foreigners will be pos_x0002_sible. The resulting liquidity crunch may make it
 impossible for a coun</t>
  </si>
  <si>
    <t>b"0E\x02!\x00\xbe\xf7a\x8e6\xe4T\xe7[W\x8a\xd0\xe9\xdfT\x15\x82\xc8\xc2\xc2u{'\x8e \xe0\xbf|\xe7L\xc2\x81\x02 h\xab\xef&lt;\x95T\xee\xc0\xffO\xb6.Y\xe4\x97q7k\xaf\x87\xb4\x02^\xdbP\\\x16P\xe2\x1a\xd1j"</t>
  </si>
  <si>
    <t>3045022100bef7618e36e454e75b578ad0e9df541582c8c2c2757b278e20e0bf7ce74cc281022068abef3c9554eec0ff4fb62e59e49771376baf87b4025edb505c1650e21ad16a</t>
  </si>
  <si>
    <t>b'0E\x02!\x00\xbe\xf7a\x8e6\xe4T\xe7[W\x8a'</t>
  </si>
  <si>
    <t>eters so that Vout =
 0.95Vin.
 (b) Repeat part (a) for V1 = 0.5 V. Com_x0002_pare the results.
 6.15. For an NMOS device, plot ID as a function
 of VGS for different values of VDS.
 6.16. In Fig. 6.17, explain why the peaks of the
 parabolas lie on a parabola themselves.
 6.17. For MOS devices with very short channel
 lengths, the square-law behavior is not valid,
 and we may instead write:
 ID = WCox(VGS âˆ’ VTH)vsat, (6.80)
 where vsat is a relatively constant velocity.
 Determine the transconductance of such a
 device.
 302 Chapter 6 Physics of MOS Transistors
 6.18. Advanced MOS devices do not follow the
 square-law behavior expressed by Eq. (6.17).
 A somewhat better approximation is:
 ID = 1
 2
 Î¼nCox
 W
 L (VGS âˆ’ VTH)
 Î±
 , (6.81)
 where Î± is less than 2. Determine the
 transconductance of such a device.
 *6.19. Determine the region of operation of M1 in
 each of the circuits shown in Fig. 6.38.
 *6.20. Determine the region of operation of M1 in
 each of the circuits shown in Fig. 6.39.
 6.21. Two current sources realized by iden_x0002_tical MOSFETs (Fig. 6.40) match to
 within 1%, i.e., 0.99ID2 &lt; ID1 &lt; 1.01ID2. If
 VDS1 = 0.5 V and VDS2 = 1 V, what is the
 maximum tolerable value of Î»?
 6.22. Assume Î» = 0, compute W/L of M1 in
 Fig. 6.41 such that the device operates at
 the edge of saturation.
 M 1
 1 V
 M 1
 1 V
 M 1
 1 V
 0.2 V 0.7 V
 M 1
 1 V
 0.2 V 0.2 V
 (c) (d)
 (a) (b)
 Figure 6.38
 M 1
 0.5 V 0.5 V
 2 V M 1
 0.5 V
 2 V
 1.5 V
 M 1
 0.5 V 1.5 V
 0.5 V
 M 1
 0.5 V
 M 1
 1.5 V
 M 1
 0.5 V
 0.5 V
 1.5 V
 0.5 V
 M 1
 0.5 V
 M 1
 1 V
 M 1
 0.5 V
 0.5 V
 (d)
 (a) (b) (c)
 (e) (f)
 (g) (h) (i)
 Figure 6.39
 Problems 303
 M 1 M
 I D1 I D2
 VB
 2
 Figure 6.40
 R Î©
 1 V
 M 1
 VDD
 D
 = 1.8 V
 1 k
 Figure 6.41
 6.23. Using the value of W/L found in Problem
 6.22, explain what happens if the gate oxide
 thickness is doubled due to a manufacturing
 error.
 6.24. In the Fig. 6.42 ,what is the minimum allow_x0002_able value of VDD if M1 must not enter the
 triode region? Assume Î» = 0.
 R Î©
 1 V
 M 1
 VDD
 D
 = 1.8 V
 W
 L =
 0.18
 10
 500
 Figure 6.42
 6.25. Calculate the bias current of M1 in Fig. 6.43
 if Î» = 0.
 M 1
 RD
 VDD
 W
 L
 Figure 6.43
 6.26. Compute the value of W/L for M1 in
 Fig. 6.44 for a bias current of I1. Assume
 Î» = 0.
 M 1
 VDD
 RS
 = 1.8 V
 Figure 6.44
 *6.27. In Fig. 6.45, derive a relationship among
 the circuit parameters that guarantees M1
 operates at the edge of saturation. Assume
 Î» = 0.
 M 1
 VDD
 RD
 W
 L
 Figure 6.45
 **6.28. Sketch IX as a function of VX for the circuits
 shown in Fig. 6.46. Assume VX goes from 0
 to VDD = 1.8 V. Also, Î» = 0. Determine at
 what value of VX the device changes its re_x0002_gion of operation.
 6.29. Assuming W/L = 10/0.18 Î» = 0.1 Vâˆ’1, and
 VDD = 1.8 V, calculate the drain current of
 M1 in Fig. 6.47.
 6.30. In the circuit of Fig. 6.48, W/L = 20/0.18
 and Î» = 0.1 Vâˆ’1. What value of VB places
 the transistor at the edge of saturation?
 6.31. An NMOS device operating in saturation
 with Î» = 0 must provide a transconductance
 of 1/(50 _x0003_).
 (a) Determine W/L if ID = 0.5 mA.
 (b) Determine W/L if VGS âˆ’ VTH = 0.5 V.
 (c) Determine ID if VGS âˆ’ VTH = 0.5 V.
 **6.32. Determine how the transconductance of a
 MOSFET (operating in saturation) changes
 if
 (a) W/L is doubled butID remains constant.
 (b) VGS âˆ’ VTH is doubled but ID remains
 constant.
 (c) ID is doubled butW/L remains constant.
 (d) ID is doubled but VGS âˆ’ VTH remains
 constant.
 304 Chapter 6 Physics of MOS Transistors
 M 1
 X
 I X
 M 1
 I X
 V 1 V
 X M 1 I X VX
 M 1
 VDD = 1.8 V
 (a) (b) (c) (d)
 1 V V
 I X
 VX
 Figure 6.46
 M 1
 RD
 VDD
 1 k Î©
 Figure 6.47
 R Î©
 M 1
 VDD
 D
 = 1.8 V
 5 k
 VB
 Figure 6.48
 R Î©
 M 1
 VDD
 D
 = 1.8 V
 1 V
 R Î©
 M 1
 VDD
 D
 = 1.8 V
 5 k
 M 1
 VDD = 1.8 V
 1 mA
 M 1
 VDD = 1.8 V
 2 k Î©
 M 1
 VDD = 1.8 V
 0.5 mA
 (d)
 (a) (b) (c)
 (e)
 100
 Figure 6.49
 6.33. The â€œintrinsic gainâ€ of a MOSFET oper_x0002_ating in saturation is defined as gmrO. De_x0002_rive an expression for gmrO and plot the
 result as a function of ID. Assume VDS is
 constant.
 6.34. If Î» = 0.</t>
  </si>
  <si>
    <t>b'\x81\xfb&amp;~\xc6\x17\xbas\x1al\xfc\x84\x19\x95\xdb\xf8'</t>
  </si>
  <si>
    <t>81fb267ec617ba731a6cfc841995dbf8</t>
  </si>
  <si>
    <t>he would sometimes sit and sing his 
 wicked, old, wild sea-songs, minding nobody; but sometimes he would 
 call for glasses round and force all the trembli</t>
  </si>
  <si>
    <t>b'+\xc5_i]@\xb1\xcf\xdf\x92\x8b\xde/\xfbf)% S\xd24\xcdI\xc0$\xf3&gt;~N\x81\xa5\xaf\xb6\xe3\xdd[\x03?A\xe8i\x8d\xf7~\xbd\x1a}?\xb8\x05\xed\xb1\x92\xae\xa9\xdc\x86\xc2\x97\xc7\xddD\x1a\x96*\xfd\xb3(yr*S\x9b|\x00\x03\x14\xf8Z3\xce\xb4\xe7\xf62\x1e\t\xea\xbd\xa2M\x0c\n\x8b\xa1Y[\xb9O\xa2\xb6\xcc7RDsKl\xc2Cn\xb4{\x15\x93\x81F\xf2i\xe8\xb6\xf0&amp;\xe8\xc9\x14\xed\xf7"\xdf\x87(=]\xb0\xd9\xf4\x9dw\xb5!\x03\xdds*\xce\xf4\x00\xec\xcc\x92x[\xe6!s\xaa\x10\x1c\xd8\xe0+\xa9\xc1c\x99\x9a\x1e\x99\xe1\xb8\xc1\x8f\xda\x90\x1aJ\xf9\xbagj\x9bYPK)\xf492\xa4\xa3\x026\x0ewQ\xcd\xfaQ$\xf8\xad\xfe\xee\xef\xee\x1a\xd1\x9f7\xd6\xd4\\\xa1"_\xfa\x1b\xbf\xf8\xf7\xc3%\xbd&gt;\xd0}\xc3\x1b\x89\xe11TCj\xbe\xf4e+\x8f\xed,\xa5\xd0\xd5?\xe8\xf9\xa3a\x83a\xcd2\x03\x92\xb6\x0b\x0f\xb9\xb9\xe0D1\x93\xbd\xcfB.\x95Oe\xe6\x7f-\x81\x18v\xaf\x15T;o\x14p\x17\xdb\x8a\xbdx\na:\x85bp\x00\xc7\xdf\xd1\x1a \n\xb3+\t\x12\xbfcB\xfb\xd6\xa6\x17\xb3\xa6\xcdl\x0bf|x\xa5\xc4\xcf}\xd9\x06e\xd8\xbc\xcc\xd9f\xcc\x16\x1c\x07\xe7n\x1c\xc43\x98\xa2\x1cQK\xa8j)[\xfcW:\xe2\x99\x02\xf3\x1a\xdbW?\x1a\xe6\x82r\xee\x94qy0\xc3v\x8f\x98\xe0\xeb:3\nr5$eE\xef\x19\xd7\x0cL\\\x0c\xa5\xf0\xbc\xac\x08\r\xb4\x15\x1e#\x11\xe7\x82\xf6J\xbeR\xa5\xd5]A\x7fX\x19liM"\xf0\xbe\xc1Z\r\xce\xa9j\xa1 \xbc9\xe7\x0c\xa2\x16^\x1a\xfe\xa0\xaa\x18-8\xbb\xa9\xbf\xdb\x13e}\xfax\xc6\x02/\xa6m\x00x\x80~BD\xeb"Kzv0\xf2\x11f\xfc\xa6\x80E\xd5\x00\xc4\xf0p\xd7\xaf\xf9\x92$\xad\x83\x12\x90\xbb\xd8k qRR\xbe\x0f\x19\nS8\xe8\x9eR\xefR\xcb\x9d'</t>
  </si>
  <si>
    <t>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</t>
  </si>
  <si>
    <t>b'+\xc5_i]@\xb1\xcf\xdf\x92\x8b\xde/\xfbf)'</t>
  </si>
  <si>
    <t>l period;
especially in the Greek-speaking parts of the empire, but elsewhere as well, virtuoso
speakers attracted great crowds and wielded great influence. To understand this
phenomenon adequately, we must reassess what we consider significant and adopt
new tools that will allow for new analyses. As Maud Gleason has pointed out, â€˜â€˜one
reason that these [rhetorical] performances were so riveting was that the encounter
between orator and audience was in many cases the anvil upon which the selfpresentation of ambitious upper-class men was forgedâ€™â€™ (Gleason 1995: xx). We
may put the accent here upon the word â€˜â€˜menâ€™â€™: oratory was an almost exclusively
male activity, and one of the most effective charges one could bring against a rival was
that he spoke like a woman. This was no accident: â€˜â€˜because rhetorical skill was
considered a definitive test of masculine excellence, issues of rhetorical style and
self-presentation easily became genderedâ€™â€™ (Gleason 1995: 160). Far from being
trivial and unimportant, then, rhetoric in the imperial period turns out to have
been a crucial forum for the construction of masculinity and the struggle for social
and political power (see Richlin 1997c for a useful survey of the issues).
As I have noted, it is not only â€˜â€˜high cultureâ€™â€™ that is currently providing the
subjects of cultural and ideological analysis. I will end my consideration of this
topic with two examples, one from the realm of everyday material culture, the
other from the wide range of ancient disciplines that were until recently dismissed
as mere superstition. Domestic architecture has long been an area of interest in the
study of the Roman Empire, although less so than the monumental architecture of
public buildings and temples. By and large, however, most work has been pragmatic
and typological, concerned with identifying the functions of the various spaces within
the house and with classifying the different kinds of structures. Since the mid-1980s,
however, as the co-editor of one recent collection of papers has put it, â€˜â€˜the study [has
been] moving from questions of function to reveal new depths of understanding that
stress the roË†le of the house as an element of a societyâ€™s social matrix, charged with the
cultural ideology of its inhabitantsâ€™â€™ (Laurence 1997: 7). This more recent work again
Interdisciplinary Approaches 107
stresses that the organization of space in domestic architecture was not merely a
passive reflection of social structures. â€˜â€˜What we see in Roman domestic space,
including the artifacts, is not evidence that can simply be â€˜read off,â€™ but e</t>
  </si>
  <si>
    <t>b'&gt;\xe6\xe1\xd7a6\x9b`\xfa\x1ak\xf1\x07\xd7\x95Y\xca\x02\x90\xbb\xb5\x14\x9f\x95\xdd\x13\xa2\xac\xa2\xd5&gt;2\x15\xe4\x93\xd6\x07I\xd6\xe1\xc3\xcb\xeb\xc7b\xbf-\xd4\n\xb3\xd7\xaf?\xb7|\x88\xb6\x89\x94\x87=U\xfc\xe0\xe1\tq\x8ck\x002\xe1\x807H3d\ry#7\xc8Om\xb9\xed}\xaa\xaa/\x07E\x0c\x8c\x86\xe5\x8c&lt;\x99\x93\xaf\xf3r6\xda\xfd\xe5\xb3\xde\xec\x14f\xa1\x9c\x1f\x96\xa5\xdf\xe6\xa2\xe2\xf9~\xcd\xae\xa3\x8e\xcb}\xe6F8\x94H\xfe\x11Q\xc4+\x87\xf4~\xc2\x11\x1ed\x96%\x18\x81\x1f\x989\'\x10\x83\x1aq\x8f\x81\x9e\x12\xaa\xa2\xbf\xaf\xaa]\xee\xfc\xbd\x84\x05\xa8\xfbN\x89\xd9\xdb\x06L%8\x00`A!\xe0\xe6s%\xbb\xa9\r\x94\x92\xdccf1\xda\xea\xe5Z\x0c\xe9\x0b\xe3q\xd8\xa6b\x1a\xee\x97\xb8\xc7\xbf\x01\x82\xcf\xea\xca\x12,\x94D\x04\xd3\x84\xe6\xfa\xc8|\x00\x92\x94\xd37\x03\x1c~\xd6\n=\x87\xd4\xd8\xf8\x933\xafB*P\x04\xbepv\xe7\xf6\x90\xf3\xdc\xac\x8ct\x95\x7f\x91Z\x16d\xff\xc8\xfe$\x14\xc2\xf4wu\x91\x0b\x15(-\x06\x00\x85\xba\n\x89%\xd5\x19\xe6&gt;s\xe0\xc2\x96\xf6{\xf6\x99\x16\xb1\x0bSQ\x821&lt;\x8c\x80\xd1-N|\xcc&gt;\xd8\\"n`\x0c\xc5\x89\xaeD\xe5\x12\xe2\x95\xb6\xfdE\x1b\xfb\xc6\x19C+\xc9\x96W\x94\xab1\xb2\xde0\xe8"\x11\x96 \x0c\xa9\x8d\xf2\xff\x1c\xb7g\xb9\x06[H\xaf\x99\xdc=.&lt;0\xd4\xe9\xbbB\x99\xb0\xc6c\x11\x10\x8bnm\xb3A\x1cmM\xd2\x84\xcc\x84\x91\x15\x8dd\xff\x04\x0e\xff%\xb5x\x98+:[\xc5\x07\xb8\x1ea\xa8\xde8Y\xfc]\xf9\x10\x19%~h\xf9\xf9\xcfH\x98\xe8\x0cN\x80\'\xf6&gt;\xc1\xc3\x8e\xa3#A\tf}\xd0mZGqE&lt;\xb9\xf4(im~\x88\xb0\xd8x\xc6\xf0\xf4I\xec\x03\x06WE\xeb\x8a\xe6\x1dg)\x1b\x1fc\x96\x87Q\x87y4\x9cxk\xfe\xbd\xc3\x0e,E\xeb\xa1\xb2x\x93a\xc6\xadz\xd2\xec\xf0\xa2\xae\xd9\x9a\x0e\xf1\x04\xde\xa9\x15\r\xc0Z\xc4\xb2D\xba\x92\x14P\r\xaap\x12\t\x14\xa4\xfao\x1e\xa9\xef\x042\x10\xe3\xf4[\xd7\xa2\x94\x82\xc3\x98\x96Q\xccH\xb8\x8fO&amp;\x13\xd1\x9aqZ\xa2\x8d\x9a\x86AO\xdb\\\x95\x8fS\xea\x86\x9e\x10(\x1b\x0e\x1a\xd4\xeb\r8\xe4\x90U \xf0\xc6\x0f\x0c\x99\x15r\xfef\x89\xed!\xa2x\x81(\xcf\xf1\xc4\xb3Dil\xa1O\xe3\xcb&amp;\xaa\x91\xe7W_R(\x97\xf4\x1c\x84\x1b\x87\x18\x85\x87&amp;+r\x00\x1e\x86&gt;\xed,F\x8b\xa7\x93\x01\xf3\xad\xa2\x97I\xf7\x08\xf0DyyA\xf9\xc6@&gt;\x1fA\xba*\xd6\x16\x96\xb5 \xf8P\x0b\x0c[K\xef\x00\x88\xc9\x9b\x01)\xa9\xf6\x9f\xb6O\x86\xc4\xd6\x0f\xad\xe6^)j\x94\x17)\xee\xb8\xf5\xf0\x84.\n\xeb\x15\xff\xdd)L\xa9\xa3\xb0\xb6s\xddh\\\xf2\x0e\x03@\xdc\x85\xab\xcd\xebi\xc7\x96\xb8\xc7\x95_\xbcos[S]\x9b\x13\xae\x1c\xe1W\xcf\xd4\xeeT,d\x82\x08B+\x8c0\x80\xad\xc0\xe1\xa5R\xb4\xd56\x07\xeaBm\xb5,i]\x845k\xee\xef]Y\xcba\x13{\x87!C\xbb+,\xa4\xf2[\xe3\xd7!\x96\x9a\x16cB\x04\xc4\x7f\x95\xddq3\xa9\xa3\xf1b\x96\xc7\xe3x\x10\xe0 \x14\xa7\x12\xa3\x087\x1d\xf1a\xb10\xbc\x7f\xea\xee\xb1\xeen\xac=I~\xf6\xf9\xe4\x1dIXi\x84#)\xbcZ\xcd\xe6\xdb\xa4r&lt;\xd7;&gt;\xa3o\xbaY\\|\xcb\xab\xe3K#\x9eH\xee\x1b\xc5\xa0\x95\x02\xc2{6\xcdl\x01\x87=\xa1C,\xb8ze\x90\x19\xaf\x8f\xb2-\x9d\xad\x13\x08\xba\xb7\x8d\xe3\xee\xbc\xbdM\xd3\x14\xd9Q.0\xfa\xe7\x81\x19w\xb9p\x9f\xf5\xdc\xe5\x88%\xad\xae\xe2\xe0\x8e+^\x83\x1e\xa8\xadN\xc7\xb6\xefD\xc6\x80\xa0\xc7\xc8\xc7\x1e\xbf\xce9&gt;\xbb\xa0|\xbbP\xa8%\xf0\x08\x03Q\x8b(\xb2.y\xd8_\xc3\xa8!\xae"F*\x04YWc$#(\x1b\xbb"\xb8\x1bO\xb3\x96y\xf9X\x92 J\x16oJ\x96\x0b\x92\xfd\x1b\xaf\xbf\x95\x91U\xaa\xa5?pc[4a\xbf;5\x96\xa0\xdd\xfay\x06\xc5\xad\xa3\x15\x1d\x90\x05\xbd\x082\xca\x07l5S,"~k\xf1\x14\xe6Y$\xc8\xd2\xb6\xfe\xca\xb3\x1f5\xfel+1\xd4\x0f\x03/D1\xfe\xf0\xe3\xcc \xf7E\xac\xa43\x8f\xe7KN\x16\xd1\x05U\xe4\x10r\xec\x9d\x92\x1aR"\xaeMR\xc6\xed\x00\xb0\xb3z)\x19\xf4\xeeH\xf9\x03\x9d\xdb\xd8a\xe3\xb1\x87;\x03\x17\xf8\xc2R\xd7\xfe\xa3\xd6w09#\xb0\x8a\x1e\x08\xf9&gt;\xb9\x12\xfb\xebAuI#\xe3\xc5o\xe5*&amp;\xea!jZ2b\xf1\x10c\xc0\x1d\x7f\x88d\x8b\x9fRsq\xb00\x1ful\x99/\x14VG\xe8f\xd1\xd3\xbf\x92,?\xa1\xe8\x91eG\xed\xfc\xd7I\xc1\xa9\xbb)\xa2\xab\xfc\x8f\xada\xe5^X\x8e(\xc9\x00\xff\xf73\xc0\x0c\xf3\x04c\xf8\xb9UC`\xe4+\xc4\x0c\x99\x18$\xd6\x1c\x1b!\xc3\x11v\xaco\x80G\x02j_\x8c?\x1d\xd2\x10n&amp;\xedrN\x89\x12NKd\x81B\x84\xc4\x9e\x7f\xe3&lt;#O\xeb\x0e\xe8\x82\xcf\x18\x1b\xdc\xdd\xc4c\x90\x16\xe2a\x08\xaf\x13\xc4\xde\x05\xea\xbf4mm\xde\xf7\xb3|7\xa4\x96\x08\xdfd }\xae\xa6\xa3\xe7\xb6\xc5\xc2k\x94P\xbd\xeaBGu\x8dT\x8e\x86\xdc\xc4F\x89\x07\x8e]N)n\\rQo\x91\x9f\xd2\xbc\xe4\xff\xb3\n\xf9\x88\xff\xd6\x92\xac/LOrH?$B\xbb\x97\x1b\xec\xa0\xaf\xb5\x97\xd4\xae\xe8\xf3:\x8d\xf1\x1cf\xa6\xa1y\x84\x92\xd5\xe6\xaa\x9c\xe6\xf3\x94\xe8\xa9M\xd9d\xfd\x84$\xd4wj]\xc9\x14~\xf6\xa5\xd0+\xae4\xc6\xf4\xe9\x1d\xf0\x81\x80G\x02T\xb8\xa2\xbd\x1d\x94\xf5\x08M\x17&lt;\xfd\n\xaa\xa9\xf5j\xe4\xd6?\xec\x885\x89z\x8d{nnG\xd1P\x11`\xe0#{H\xa6@~}S\x81yqj\x92v\xca=+\x18\x91\xac\xd4QD\t\xa8\x10*\xb1\x9a\xee\x127\xba\x1c\xd8&gt;\xc7z\x97\xc3\xb8\x81aW\x8a\xa2\xffP\x82{M\x83\xad\xd2\xe0Cn\x8a\xc3o\n\xcfY\x0by\x8c\x03\x0e\x99\xec\x1897\x84\xeb\xab:\xc9\xf2*\xea\\\xb5\x8dd\x01\xff\xf3\xb2\xa9\xa9B?\x13\x98\x86\xff\xd3\t\xee\'\x1c\x05\x1a\xf5\xc6\xfe(\xe6xV\x07\xac\xbfJ\x9f\x1eI\xed9\t\xed\x86\x1c\xc3\x8b,\x84g\xaf5\xb5\xf0\xfd\xd0q\x90\x9e\xba\x87\r&gt;/\x15\xc6_\xf3\x1b\xeb t\xee]r\xd3Q-\x0bZ\x89g\x1bC\x13U\xf6&gt;k\x88t#\xfa\xe9\xdf\x8c\x98N\x7fpj\xe8\xab\x07\xee;\x11n\x8bZ\x10\xcf\x02\xdd\xc7#k\x9e\xb8j\xf6_\x7f\xbdl\xdbO.\x9e4\x03\xfcz\xca\xed\xcc\xd9\x11HYn\x9b\x12\x8aj\x13\x0cMprf\x93\xf4\x06\xbdt2P\x9d\x988]]\xe7J\xbc.g1\xe0\xa7\x96&gt;K\xc4\x89}\xf1\xf8\x0f\xd7+\x97\x04VZ\xc8\x8eH\xb8\x83o\x169%I\xcf"qH\x16\xc6b\x90\xb7\xfe\xc1\xf9\xe8Y\xdd\x13\xb5\x1c?\x96 &gt;H(~\xb7\xde$\xe3\xe9\t\x01[\xea\xd9\xf7\xb0\xab\xb4\xa6]\x00=\x95\x98\xaf;\xdf\xbcXt\x0cQ\xbf\xda!-\x9bz\xc84\x12\x14\x8c=\xbf\x9d\x93\xaf3\xf5|j\xc8\xb4\xd4\x8d\rYxxqz\x02\xa9#\xa1\x17\t\xc9\x84\x8d\x00\x1b\xb4l8{\xbe\xf8\xfe\x0cE\xd0s7u\x8e\xaf\x1a\xb3\x8bZ*,\xe6\xfc\xac\xac\x8dA\xd3\x13b\xbe"\xfa\xf3b \xdah\x83\xef\xf6yD\xdf\xb8\xbd\x83\x8e\x03\xdb\x8bS\xd2%\xe6#}\xc7\xd1\x82\x96`xN\x89z\xf81\x1d\x88\xd9\x05\xaa\xb7r\xc1y\xd1L\xa9\xa9\xaaa\xed\x12\xbb\xc7r\xa1S\x8f\xef\x15\xa2?c@\xe7/W\x96G\xa5f\xec\xac\x0f1\xfd\xcf\x02\x15\xe7Pc\x03\x1b\x02a\x02\x8f\xae\xdf\t\x1f_.Mr(\x1d\x054\xa2\xdd\xfa\x9a\xb6\xb7#=\x13\xcd\x86\xf4\x80\xf1\xad=*\x80r\x97*RH%.\xd2A\x8c9\x01)\xda\xa1$\xeb\xd8\xa0\xefd\xbc\xa1)?{\xbb:c:\x10\xc8\x9a\x9f\x84\xdb\x94\xfe\xca\xb9Q~\x89\xed\x8a\xdb)\xfe\xda\x9e\x83\x8c\xaf\x88(@\xc6c\x10\x13d\x98\x024A\xcb?\xc0l\xcf\xc1\xb24\x02Wo1\xbe\x0f\x1c\x91E\x10\xae/\xc2 \xfc/\xce\xbc\xbf2\xdd\x93\x1eys\xb5\x90d\x11\x89\x92M\xe7=Z\xdcU?g\x9b\xce\x80\xa8\xf4\xc6&lt;#^\xcf9cY\xcd\x8cfxa\xd7\xd1\xc3j\xbc\xc29\x1b\xa2\xbf\xc9W\xf5\x05\x90\xe5\x1d\xdb\x82\x04X\xaa\xe7H\xb2\'{\xbb\x1a\xb3J\x80\xc6"\xa1\x9e\x17o%\xb2\xd6@X \xf9\x92\xe7\x16~\xe7\x87\x0fv\xadC&amp;\x9c_Y\xbc^U4\xbd\xa3q\xa8|D.\x080\xee\xce\x1c\xbe\xd5\xf4j\xf9\xcc\xcd\xe0B\x88\x90\xe0\x83\xb5\xfa[K.\x9f\xbd\x9a\xd3\xda\xc0\x97\r\x8f$\xa7|\x92\xde\x08\xcd\xe4\xb9A\xf5n\xf9\\\xde\x0e\xdd\x9c\xc5\xff\xb3P\x9eSG\x00\xd3j\xd1&gt;\xf4y[4\xeb\x97\xaa\xce0z\x86q\xb5\x1e\xaf-\xa4\xe3\x0f\xc1\x93\xc7\x04\xb4\x14s\xa0\x93\x92Uk\x82\xf47\x0f\xa2\xfcc\x18\x86L\xe4\xfe&amp;\xbd+\xafI\xd7\x002\x93=\xec w5\xd8\xceBSk-\xaaVOA\xffHQ\x95\xec\xcd\x8a0\t5I\xac\xb9\xa8;\x98\xe5\x9a\x93\x94\xbd\xa4\x80}\x01\xeb\xcb\xdco]\xe5\xd9\x8eg\xde\xf2\xe6\n\xe5B\x0e\x83H\xd2\\\x12\'\x88\xc23\x11)\xf1Bu\xc3\x7fb\xac\xd5\xedLm2\xb7\xbf\x92jH\x14n\xaae&lt;w\xea[\xb0m\x8d\x92\x15\x1f\xe6{\xf9\x8b\xd6\xaf\xef`@\xa5\xb1\xb6\xd4*\x96\x0e\x87p\xa0_/\x02\xcbF\xdb\x13\xecq_\x8c8\xae\x16CY\xb3\x1a5\x9e2\x15\xfc\xce+\x87\xe3\x08\xae\x90\x91\x10\xeaK\xfb\x070/\xed\x85\xbc#\x08\xdd\xdc\x18\x8aoy\xb4&lt;M\xd9}\xff\xaf\x0eT\x15\x15T0B\x87\xc7\x8du\x82\x83\t(\xc7\x0e\xa2pE\xf3#\xe0\xa9\x98\xf8r\x9b\x10%\xe9\x80G\xf7\xe8\xa8-\xe0F\xd6\xbe\x85\x7fD:Dh;(~\xb2A\xa8\xc4\x14-\xbfy\xc0s\xc4\x15@\xc2\xf3\x8b\'K\xf0\xb0\x85\xb9\x99\x93\x03f#\x9a 2\x08\xcdm}\x98\xb0\x7f\xb2\x93\x12\'\x04?H\xb7\xaa\x98\xaaMjm\xb2V\x8b\x9d\x9d\x1c\xb9&lt;\x82\x08&gt;\x85\x12sR\xf8d2\xe5=\xb3\xe4\xfb\x97\xc3\xb6\xbbzWj\'\xad{\x9am\xdd\xf8[RT\xb9Y\x05\x95H\xac ?\x00\xea#;\xb7\xbc\x8b\xc5Lf\xdf\xd9~?F\xc7\xf2\x17\x18OE\x07B\xca\x94\xe7j\xab\xda\xbb\x0b\xc4\xaa=\xe0\xb0\xad\xa5\xd2\x90\x86'</t>
  </si>
  <si>
    <t>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</t>
  </si>
  <si>
    <t>b'&gt;\xe6\xe1\xd7a6\x9b`\xfa\x1ak\xf1\x07\xd7\x95Y'</t>
  </si>
  <si>
    <t>g through its examples, you
 are encouraged to evaluate and improve your understanding by trying the corresponding
 end-of-chapter problems. The problems begin at a relatively easy level and gradually
 become more challenging. Some problems may require that you return to the section and
 study the subtle points more carefully.
 The educational value provided by each problem depends on your persistence. The
 initial glance at the problem may be discouraging. But, as you think about it from different
 angles and, more importantly, re-examine the concepts in the chapter, you begin to form a
 path in your mind that may lead to the solution. In fact, if you have thought about a problem
 extensively and still have not solved it, you need but a brief hint from the instructor or the
 teaching assistant. Also, the more you struggle with a problem, the more appealing and
 memorable the answer will be.
 Attending the lecture and reading the book are examples of â€œpassive learning:â€ you
 simply receive (and, hopefully, absorb) a stream of information provided by the instructor
 and the text. While necessary, passive learning does not exercise your understanding, thus
 lacking depth. You may highlight many lines of the text as important. You may even
 summarize the important concepts on a separate sheet of paper (and you are encouraged
 to do so). But, to master the material, you need practice (â€œactive learningâ€). The problem
 sets at the end of each chapter serve this purpose.
 Homeworks and Exams Solving the problems at the end of each chapter also prepares
 you for homeworks and exams. Homeworks, too, demand distraction-free periods during
 which you put your knowledge to work and polish your understanding. An important
 piece of advice that I can offer here is that doing homeworks with your fellow students
 is a bad idea! Unlike other subject matters tha</t>
  </si>
  <si>
    <t>b'z\xa0\x94\xd5\xbf\xcct\xfa\xbb\xd3A9\x16\x9d\x93w'</t>
  </si>
  <si>
    <t>7aa094d5bfcc74fabbd34139169d9377</t>
  </si>
  <si>
    <t>sovalue linesâ€”that
 is, lines along which the value of output is constant. Each of these lines is defined by an
 equation of the form or, by rearranging, 
 where V is the value of output. The higher V is, the farther out an isovalue line lies; thus iso_x0002_value lines farther from the origin correspond to higher values of output. The slope of an
 isovalue line is In Figure 6-1, the highest value of output is achieved by producing
 at point Q, where TT is just tangent to an isovalue line.
 Now suppose that were to rise (cloth becomes more valuable relative to food).
 Then the isovalue lines would be steeper than before. In Figure 6-2a the highest isovalue line
 the economy could reach before the change in is shown as ; the highest line after
 the price change is the point at which the economy produces shifts from to 
 Thus, as we might expect, a rise in the relative price of cloth leads the economy to produce
 more cloth and less food. The relative supply of cloth will therefore rise when the relative
 price of cloth rises. This relationship between relative prices and relative production is
 reflected in the economyâ€™s relative supply curve shown in Figure 6-2b.
 Relative Prices and Demand
 Figure 6-3 shows the relationship among production, consumption, and trade in the stan_x0002_dard model. As we pointed out in Chapter 5, the value of an economyâ€™s consumption
 equals the value of its production:
 where and are the consumption of cloth and food, respectively. The equation above
 says that production and consumption must lie on the same isovalue line.
 The economyâ€™s choice of a point on the isovalue line depends on the tastes of its
 consumers. For our standard model, we assume that the economyâ€™s consumption
 DC DF
 PCQC + PFQF = PCDC + PFDF = V,
 Q2 Q . 1 VV2
 ,
 VV1 PC/PF
 PC/PF
 -PC/PF.
 PCQC + PFQF = V, QF = V/PF - 1PC /PF2QC,
 PCQC + PFQF,
 114 PART ONE International Trade Theory
 Food
 production, QF
 Cloth
 production, QC
 Q1
 Q1
 F
 Q2
 F
 Q1
 C Q2
 C
 TT
 Q2
 VV 2(PC /PF)
 2
 VV 1(PC /PF)
 1
 (a) (b)
 Relative
 quantity of
 cloth, QC /QF
 Relative price
 of cloth, PC /PF
 (PC /PF)2
 (Q1
 C /Q1
 F) (Q2
 C /Q2
 F)
 (PC /PF)1
 2
 1
 RS
 Figure 6-2
 How an Increase in the Relative Price of Cloth Affects Relative Supply
 In panel (a), the isovalue lines become steeper</t>
  </si>
  <si>
    <t>b'0D\x02 @\x19\xa8\xfe=m1F\xe9\xcf\xae\xf3\xd4\x91\x0c\x12\xff\xd1\x05\x14\xc5g\xe8\x8b\x90\xdaA]J\x8a?v\x02 \t\xc0{"\x1a\x9f}\xe4&gt;i\x03\xaf\x0bq=TS~\xfc\xa4fz\xf0\xf3Vz\xf1\x17Z\xc44:'</t>
  </si>
  <si>
    <t>304402204019a8fe3d6d3146e9cfaef3d4910c12ffd10514c567e88b90da415d4a8a3f76022009c07b221a9f7de43e6903af0b713d54537efca4667af0f3567af1175ac4343a</t>
  </si>
  <si>
    <t>b'0D\x02 @\x19\xa8\xfe=m1F\xe9\xcf\xae\xf3'</t>
  </si>
  <si>
    <t>f a day.
 You may hurry and scurry,
 And flurry and worry,
 You've lost them forever,
 Forever and aye."
 He could not bear any careless loitering and waste of time; and nothing was so near
 making him angry as to find people, who were always late, wanting a cab horse to be
 driven hard, to make up for their idleness.
 One day two wild-looking young men came out of a tavern close by the stand, and called
 Jerry.
 "Here, cabby! look sharp, we are rather late; put on the steam, will you, and take us to
 the Victoria in time for the one o'clock train? You shall have a shilling extra."
 "I will take you at the regular pace, gentlemen; shillings don't pay for putting on the
 steam like that."
 Larry's cab was standing next to ours; he flung open the door, and said, "I'm your man,
 gentlemen! take my cab, my horse will get you there all right;" and as he shut them in,
 with a wink toward Jerry, said, "It's against his conscience to go beyond a jog-trot." Then
 slashing his jaded horse, he set off as hard as he could. Jerry patted me on the neck: "No,
 Jack, a shilling would not pay for that sort of thing, would it, old boy?"
 82
 Although Jerry was determinedly set against hard driving, to please careless people, he
 always went a good fair pace, and was not against putting on the steam, as he said, if
 only he knew why.
 I well remember one morning, as we were on the stand waiting for a fare, that a young
 man, carrying a heavy portmanteau, trod on a piece of orange peel which lay on the
 pavement, and fell down with great force.
 Jerry was the first to run and lift him up. He seemed much stunned, and as they led him
 into a shop he walked as if he were in great pain. Jerry of course came back to the stand,
 but in about ten minutes one of the shopmen called him, so we drew up to the
 pavement.
 "Can you take m</t>
  </si>
  <si>
    <t>b'\xf6\xe7\x9f\xba6\\\x02\xd9'</t>
  </si>
  <si>
    <t>f6e79fba365c02d9</t>
  </si>
  <si>
    <t>sent, rather than provoke a
 distant misfortune.
 With a candour, that proved how truly she esteemed and loved him, and
 which endeared her to him, if possible, more than ever, she told
 Valancourt all her reasons for rejecting his proposals. Those, which
 influenced her concerning his future welfare, he instantly refuted, or
 rather contradicted; but they awakened tender considerations for her,
 which the frenzy of passion and despair had concealed before, and love,
 which had but lately prompted him to propose a clandestine and
 immediate marriage, now induced him to renounce it. The triumph was
 almost too much for his heart; for Emily's sake, he endeavoured to stifle
 his grief, but the swelling anguish would not be restrained. 'O Emily!'
 said he, 'I must leave youâ€”I MUST leave you, and I know it is for ever!'
 Convulsive sobs again interrupted his words, and they wept together in
 silence, till Emily, recollecting the danger of being discovered, and the
 impropriety of prolonging an interview, which might subject her to
 censure, summoned all her fortitude to utter a last farewell.
 'Stay!' said Valancourt, 'I conjure you stay, for I have much to tell you.
 The agitation of my mind has hitherto suffered me to speak only on the
 subject that occupied it;â€”I have forborne to mention a doubt of much
 importance, partly, lest it should appear as if I told it with an ungenerous
 view of alarming you into a compliance with my late proposal.'
 Emily, much agitated, did not leave Valancourt, but she led him from the
 pavilion, and, as they walked upon the terrace, he proceeded as follows:
 'This Montoni: I have heard some strange hints concerning him. Are you
 certain he is of Madame Quesnel's family, and that his fortune is what it
 appears to be?'
 'I have no reason to do</t>
  </si>
  <si>
    <t>b'P\x1e\xd76@\xe5\xff\xfcu\xac\x83\xf3\xc2\xf6F\x952#\xf1a\x80\xbe\n\xd2K\x96S[\xf5J\xd0\x9c\xc4\xe6\xe2\x9apMl\x11\xf6\xa4\x92\xd4/JXx\x82\xecvQ\xce\xba\x1a&amp;:\x90\xa7I\x14\x1a\xa7\xfc'</t>
  </si>
  <si>
    <t>501ed73640e5fffc75ac83f3c2f646953223f16180be0ad24b96535bf54ad09cc4e6e29a704d6c11f6a492d42f4a587882ec7651ceba1a263a90a749141aa7fc</t>
  </si>
  <si>
    <t>b'P\x1e\xd76@\xe5\xff\xfcu\xac\x83\xf3\xc2\xf6F\x95'</t>
  </si>
  <si>
    <t>50 years before the edict of Mettius Rufus, show that his instructions about
how summaries of transactions should be recorded in the local offices followed a
standard Roman practice that was in use well before his time (P.Mich. II). The
following brief excerpts are representative of the format of the abstracts and demonstrate that they fully conform to Rufusâ€™ instructions:
To the good fortune. Register of the sixth year of Tiberius Claudius Caesar Augustus
Germanicus Imperator, month Sebastos 8.
[Agreement] of obligation to remain in service (paramone) for the sum of</t>
  </si>
  <si>
    <t>b'\xf7EP[\xf3&amp;\xccC\xfbL!\xea\xdd\xa1Qy\x1f8%\xd4T\x7fw\xc5\x02\x0e\xb4GHc\xd4=\x9cb\x7f\xe3zyXg\xf0\x05\xe0\xbb\xd70\xebh\xe0\xfd\xe4\x19\x90\xeb}\x07&amp;\xa6M8\xb8\xa3k\x93\xa28\xf1\x99\xf9\xa4\xb2\x90\xee\xd3^\xc7\xb1\x98|\n\x86\x0f\xa4t\xac\xf4\x18N(!\x02\xf51\xa4l\xad\x82\xbdb\'\xdc\xf1\x01\x16\xf3v\x07\xe1\x91\xd4\x0b\x9a\r\xec\xdb]`\x93\x8a\x9d_Uh\x85v.n\x01&lt;\x81\x07\x1c\xc6V\x0c.\x0f\x83\x96ZN\xb05+PN4\r)c\xb3=d\'DL^\xaa\x93\xaaT&lt;j\xc7\x9e=\xf9)\x04\xb8\xb5\xd4\xff?\x8b]OO\xfb\xab^\xe8\xd3\x03@V\t\xf6L\x7f\x07\xe8\x86\xcfj\xf8\x9a\x11\x89\xde\xf9\xdeo\xd1b\xaalDt\x86}"_\xac6\x1c\xc4MW\xd4\xa7\xc2~(\xb2LXJ0\x0e.7\x1e_}\x9d\xb8\x8e.\xe8M\xf7\x95el\xc6\xff\xbd4ivJ\xca%\x04\x8f0|\x9b\x03\x0e\xd2\xffx\xe1\xda\x84&amp;1\xd2\x8a\xf4^\xda\xf5\xb2\x05\xc1a&gt;\xba\x06\x1c\x9a^l\x99K$\xf2\x9f`\xcb\xc6\x9b\xf6\xf3]\xaeIw#\xc5[t\xaa\xbeh\xbd\xc6A\x82\xef\'\xdcqf\x1d/K\x1a\x11\x9d|\x1a\x0e\xf9}\x17\xfc \xb1\xcf\x03o\xfc2\xd6\xb0\x8aY\x0b\xe8\xa7\x81\xed\xe8\xf58\x14\x14h\xf0\xd6j \xa1\x8fs#\xf8\xb9\xb5\xc9\xc2\xc9A\xde\x91&amp;\xd8\xa9J\xcc\xcd\x9c\xbc\xcds\xa3\x98a\x84\xa0\xfdgC4J\x12P"\xf4\xea\x85l\xd6\xb4\xaa@\xb9\xd90t\xa8eqx\xbb4d\xf6#\xfe\xf9?\x96\x97\xc9\xd5L|\ru \xf83.f$\x1c\x99\xdd\xe7\x00"T\xca\xbe\xaf\xe15\x87)k;M3\n\x01J\x92\x88k}A\xda`k1k\xe6E\x8bvnW\x03\x99\xb7E=\x99\x88r\x08f%\x8c\x18\x0b\x03\x96\xbc=\xf1\x95?\x9a+\x1a\xee\xcbS\xd6\xf7\xcd\x93p\xe3\xb8\x9b\xca\xb8\x89\xd2\xb4_j\xf0CG|\xda\xb0\xdc\'\xb3~0R]\x95r\x06\'\x88/\x9dZ\xd1C\x15\xedv\xe2\x82k\xb2\x19O\xc8\xacY\xaa\x9c6\xf2\xca\xba\xf1\x8e\xe1\x99Ba\xd4r\xe6\xda\x03\xb6S\twH\xf7\xd4\xa5\xe1\xfe\xe3\xba\xfcmh\xc5\x99,\xca\xbe~z\xafZ{1O\x80\xc1\xd3\'P0\x01\xc9H\xec`\x94\xc4,\x13\x03\x1c\xf7\xd8j,'</t>
  </si>
  <si>
    <t>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</t>
  </si>
  <si>
    <t>b'\xf7EP[\xf3&amp;\xccC\xfbL!\xea\xdd\xa1Qy'</t>
  </si>
  <si>
    <t>ise What value of VTH places M1 at the edge of saturation?
 Since the gate terminal of MOSFETs draws a zero current (at very low frequencies),
 we say the CS amplifier provides a current gain of infinity. By contrast, the current gain of
 a common-emitter stage is equal to Î².
 Let us now compute the I/O impedances of the CS amplifier. Since the gate current is
 zero (at low frequencies),
 Rin = âˆž, (7.44)
 a point of contrast to the CE stage (whose Rin is equal to rÏ€ ). The high input impedance
 of the CS topology plays a critical role in many analog circuits.
 The similarity between the small-signal equivalents of CE and CS stages indicates that
 the output impedance of the CS amplifier is simply equal to
 Rout = RD. (7.45)
 This is also seen from Fig. 7.7.
 g m v v 1 1 X v
 i X
 RD
 Figure 7.7 Output impedance of CS stage.
 In practice, channel-length modulation may not be negligible, especially if RD
 is large. The small-signal model of CS topology is therefore modified as shown in
 Fig. 7.8, revealing that
 Av = âˆ’gm(RD||rO) (7.46)
 Rin = âˆž (7.47)
 Rout = RD||rO. (7.48)
 In other words, channel-length modulation and the Early effect impact the CS and CE
 stages, respectively, in a similar manner.
 g m v 1 v 1 r O X v
 i X
 RD
 Figure 7.8 Effect of channel-length modulation on CS stage.
 7.2 Common-Source Stage 317
 Example
 7.5
 Assuming M1 operates in saturation, determine the voltage gain of the circuit depicted
 in Fig. 7.9(a) and plot the result as a function of the transistor channel length while other
 parameters remain constant.
 M 1
 VDD
 in v
 v out
 L
 A v
 (a) (b)
 Figure 7.9 (a) CS stage with ideal current source as a load, (b) gain as a function of device
 channel length.
 Solution The ideal current source presents an infinite small-signal resistance, allowing the use of
 Eq. (7.46) with RD = âˆž:
 Av = âˆ’gmrO. (7.49)
 This is the highest voltage gain that a single transistor can provide. Writing gm = _x000E_
 2Î¼nCox(W/L)ID and rO = (Î»ID)
 âˆ’1
 , we have
 |Av| =
 _x000F_
 2Î¼nCox
 W
 L
 Î»
 âˆšID
 . (7.50)
 This result may imply that|Av|falls as L increases, but recall from Chapter 6 that Î» âˆ Lâˆ’1:
 |Av| âˆ _x0004_
 2Î¼nCoxWL
 ID
 . (7.51)
 Consequently, |Av| increases with L [Fig. 7.9(b)].
 Exercise Repeat the above example if a resistor of value R1 is tied between the gate and drain of M1.
 Did you know?
 The intrinsic gain, gm rO, of MOSFETs has fallen
 with technology scali</t>
  </si>
  <si>
    <t>b'\x03\x8a/t\xb1\x89\xc3E,y)X\xd8x\xb0\xab'</t>
  </si>
  <si>
    <t>038a2f74b189c3452c792958d878b0ab</t>
  </si>
  <si>
    <t>ith which
the fourth book of his Surgery closed (Marganne 1998: 96â€“109). Although little more
than a single column of the treatise survived on the fragmentary papyrus, it is clear that
Heliodorus was concerned with etiology and he distinguished three causes for the fact
that an anal sphincter was no longer functioning properly, but continuously discharged
excrement: either the sphincter had been incised by mistake, or a pathologic condition
had eroded its musculature, or paralysis impeded its functioning. Oribasius relied
heavily on Heliodorus for his excerpts on surgical topics and a brief look at Heliodorusâ€™
directions for examining head wounds dispels any notion that he was merely a society
doctor catering to the whims of an elite clientele. â€˜â€˜Every wound is to be subjected to
personal inspection and probing, discovering thereby whether it is simple, or if there is
bruising of the entire mass; probing ascertains its depths, whether superficial or deepâ€™â€™
(Heliodorus apud Orib. Coll. 46.7). Or again, when Heliodorus confronted distension
of the skullâ€™s sutures after a blow or a fall:
Use your hands immediately, pressing on either side in order to reunite the separated
skull bones at the suture; then dry out the entire head and apply a plaster with noninflammatory, fastening properties; finally tie with a bandage capable of complementing
the closure of the sutures, the bunny bandage; untie it during the first day, or the second,
and introduce a drying vapor bath, subsequently reapplying the same plaster and bandaging. The skull usually reunites and solidifies..., although occasionally suppuration
ensues. (Heliodorus apud Orib. Coll. 46.26)
Heliodorus was apparently the inventor of the bunny bandage, used for wounds in the
head, sometimes â€˜â€˜without earsâ€™â€™ and sometimes â€˜â€˜with ears,â€™â€™ with the ears apparently
providing the means by which greater or lesser pressure was to be exerted on the skull
through the bandaging. When treating the head fracture called rhogme, Heliodorus
acknowledged how dreadful an experience surgery on the skull was for the patient: he
used restraints to hold the patient down during the surgery, as well as an assistant to
keep his head motionless. When removing bone from the skull by chiseling and
chipping, he plugged the patientâ€™s ears lest echo from the chisel terrify him (apud
Orib. Coll. 46.11). The surgeon Antyllus practiced at Rome subsequent to Heliodorus
and he observed with regard to penetrating the skull in cases of hydrocephalus:
If the fluid collects under the skull, whether the sutures distend or not, we forswear
surgery, for the dura is impossible to manage when it lies in a sorry state surrounded by
fluid; distension of the sutures cannot then be treated at all. If the skull is swollen even
without distension, surgery is useless, for while we displace the fluid when we perforate
through, how could anyone dissipate the deformity caused by the</t>
  </si>
  <si>
    <t>b'\xda:3\x85JYS\xa5\xe5L\xb4FS\x84}\xbf\xdd\xd5bvOxS=\xf3\xf1f\xa3y\xa7\xf3.G\x90\r\xeb7&amp;aj1\xc2\xe1\x16p\xe6\xf54\x88\x9cg\x1clS\x81rYv\x93\xfa\xd1\xf4\x06\xbe&gt;\xe3\xb8\xb8\x8b\x84\'\xf7\xfbw|\xa6\x14\x05\x90\x1b\xf9\xe6\xe6GP\xd3Q\x1c\x9br8\xec\x82!\xc2}\xae \x80\x1a\xfexN\x1f.\xe2\x0f}\\\xe6\x88\xc0\x95\xa1\x07#t}-\x18\xe2}h k)\xf6$\xe9\xabjT\x1c?\xe0K9U|\xc2\xe6\x13r#\xce\xee)\xc7\x9fG8Pf\x0e\xa1\xda\x8a&lt;\x0b\x82\xf4\xa6\x05\xd0\xc9:\x16\xb1]h\xbf\xca6\xa2\xa2\xe02n\x86\xe3FY\xa0&gt;3m\x16\t\xf8\x95L\xf6\x01\xde \x05\xaa\xbcm&amp;\x1d^s\xde\xe1\xb9t\x18T\xed#\xa7\n\xb8\x8b\xdeR\x03@\x11K\x90\x1a\xc4\x01\xf3\xd9$\xd8\xcb\xa8\xc4\xec^\x9d\xed$\xac\x85 \x7f\xe2\xd2U\xee\xb0V\xca\xb0\xf3l\xabcM\xe5\x91{:\xa7\xec\x9e~\xd9\xb7x\xa4S\xb8M\xa6\x06\x83\xde~\xb8\x913;8\xe0Y:(\xcc\x9d\n\xdcxd&lt;f\xf9\x8f\xeb\xcd\xea5\x9b\x08\xca\xfe\xf3\xe6\xde\xb9\xe1\xab\xa9V\xfc^\x1e~)J3\xda]@\x97\xc3)R\x8a\x8c\xdbcs\xf9B\x0bu\x94\x86\x9c\x19\xba\x93\xe8\x15\x9acI6\x973\x88\xc9\xb9W\x07\xc1\x16\x81\x80`\x85qi\x08\xaa\x1e\x9e\x85\x04\x04 \x84\xe5h\x81\xd7&gt;\x05\xf7\x95Cp\xd7z)\xb0\xda\x85\xeb\xfa\x95\x12\xa0\xbb\xb0\xfc\x9dm\n\x90\xed\xbb0m\xf9y\xcf\x1611\xea\x83\x14\xb9\x051\x94O\xe3\xa1\xafz\x03\xf8\xacXN)S\x94\xd9ZH\xe2\xd0\x04\t\xca\xb3/\xe4\x9d\xc0&amp;\xc4d\x88W\x8d\xdc\xe2\x1d\x1d\xe2k&gt;\x01d\xac\x04|\xfb\x80\xcbn\xf0\x8a5\xe6\x9dM\xe1\xd9D\xaepn\xa8\x85U[\x95i \xf0\x10O\x169\xd8\x08\xb8\xa6s1\x10(dZ[\xd3\xfb\\\xd1}\xda\xa5\xf0\x9f\xee\xb9\x87\x96C\xe6\xe9\x9d\xcd\x8b\xf7"\xdcL]\x83\xd11\x81\xad\xc6\xfa\\\xe9\xf5\x81A\xa6\tYa\xab\xeb5\x1ac\x8b\x8e\xf7\xff\xd5mz\x9d\x966\xd2\x19\x8f^\x9b\x8fwX\xc6\xf0Bo\x9c\xf3\\\xec\xb9\xd1\x9b\xb7\x1d\x85\xd8\xe6\xcd\xf0\xe7\xd1\xe2\x81\x95\xa5\xfa\x00f\xca\\\x99\xee\x03\x9e\x9d\x0f\x93\x19\xeb\xd4\xe8x\x01F\xa5g"w \xed\xe5P\xbf&amp;\xb6Z\xee\xa4\xc6\x84R&gt;T\xd0\xa6\xf3\xda@\xda\x11\xbd&lt;K\xe7\xbcG\xa5\xaa\xda\x8c\\\xa4\xbb\xf0\x90db\x19\xfcK\xe0\xa7.\xe8|\xc4\x0b\xaaCG\xdb\x82F\x02\xad\x17\xf3\xee=\xa0\x94Q\xfaI\x02X(bS\x9b!\xeb\xb4\xfb\xf6\xf6\xf3rUp\x1d\x89}\xee\xabr\xf3Y\x04ZM82\xcf\xd6\xf7\x8f\xebh\xda\x13\xee7c\x0e\'\xc1\xeb\x17J\xcdDy`E\x0b\x04q\xaa\x12\x92q\xe4\x82\x99\xeb=H\xbdo\xf9\x19\xa1\x19\xa9\xadi\xb3\xcf\x86\x98\xe7~N)\xa9\xba\xb2\x06\xea\xc9l\x0c\xdb\xab\x15\x91\x0f\x1f\x0c\xee\xe2\x13\x83\xd1\xc7\xa0z\xe1\xce\x86\x7f\xf4M\xd5\x80\xebc\xdf]%\xd8Fq\xf5S\x16h\xd7z&gt;U@\t\x14\xe7^\xae\xfa&amp;\n\xf0\xf6\xd1&amp;\xbb\xe8\x00\x9c\x07]\x16\x7f&lt;8\x10\xd7\x95o\xc2\x9d\xb4\x06F]\x0ev\xc6\xe4\x1cU\xec\xeeS\x90&gt;\xcb\x9e\x89&lt;I(\xb8\x1c\x0b\xa9\xffa"c\xad\xa4\xe0\xe9\xc82\xfe,\xc6^\x1c\xffs#\x9dK\x83!(\n\'\xe9\x8c\x8e[\xe1\x82mO\xde\xf1C{\x98\x86\xf0\xb6\xb7\x84\xee\xfe\xf7i\xeaV@\xf8\xc1\xd4\xc5\xd9\x10\xc1W\xfc\x1f|5m\t\xf4\x01\xce\x83Y\x0b}\x81\xf5CwR\xed\xfbU\xf1\xfb\x1dX\xba\x01\xa0\xe5\x92\xaaT{\xab[\x14\x0bY\xbf\xd4`}\xe0\x81~5&gt;\xda+\'\xd0\x83\x08\xa8\x81?\x9dd~O\xa0\x9e\xfa\xd4}`e\xab+\x16C9\xa4\xf6\xf1\xaf\x90~\xa9\xf8{\x1a\xc9\xad\x94\x90\xc8\xa8\xd5\xad\xe5\xb3=\xfaK\x19\xce\x871\x80;A\xb1\x1d\xb8r\xd7\x82\xa1L^\x8bS\x13\x06\xc6)"\x94b\xa77 J\xfc\x0b\xd3\xa9\x11\xa0&lt;\x1er\x87zsK4&amp;\x8f\x1d\x16\x12\xcc$\xb9\xbe\x95\x12\xe7L\xa3O)$3T\xd7\xae\xca\xcc\x15\xa4\x9c\x8d0\xd25!\xac\x7f?\x1d/\x93R+\x15\x12\r\xb3A\x88\x9c\x0f\xe1\x82A\xaf80ZW\x86\xae\xe1\xa2\xabM\xf0}\xba\xa0\xe5\xae\xd3\xa1Nv\x88\x94\x1c\x94\xab\x1b\xb5\xe8\xb5\xec\xabH,c6\xe8[\xdf\x84FS\x17P,\xdb\x08F\x06a\xa3O\x92I}\x83?ub@\x8c\xbe\xf4c\xaf]\xa1\xa1\xf1\xcf\xd4Zl.\xa8\xdf\xf9\xb3iyL\x95\xb4A.\xa4-\xa6\x14\x8e\x90&gt;\xc9\xffr\xbc\x1bhM\x1d\xa9\xe4\xb3\x1c\xd8B\x07\xf5\x03\xfb\x16l\xcd\xe4l\xfe\xd2.\xc9\x1a\xc6e\xcdV\x95\x9c\xfd\x1a\x02\x01y\x84Q\xb2w\xd6\xc5\x95]\x9d\x87wA\x90\xfe\xd2\x0e\x8d\xa1M\xad\xe9\xce\x08\x03\x87\xe5c\xa2\x8c\xa3\xf3}\x92\xc6!\x92\x8c\x99\xd1\xe0\x9dp\xaa\xaf\xe6\xe2!\xe2\xb7E\xc6N\xcc\x17r\xd9$2}\xa0K\x98(8\xb8\xc6{\xbd\x1em\xdd\x8fR\xbb\x04+\xa0u\xa6o\x9a\xfcC\xa8\xa2\x08\x87{\xb2\n\xb4\x80\xa1\x99/\xb8\xcde\xb6\xec\xaa\xe7\x9de\xdf\x1a(;\n\xa9&gt;P\xab\xdf\x11\x02\xe8\xb0\xb0\x07\xa4\xa8\xfd\x81\xf9\xca\xd4is\xf2G\x1d6\xdb\xb4\x8e1\xad\xc9E\xe5\xc0#7dZq\xf7\x1c\x7fXG\x89\x17\x92\xa1\x921_C\x96a\x18\xa8\xd4g\xc8C+\xf0\x0b\xed2\xd0\x96\x07S\xa4[\xbf\x9cL;7\xe2\x172gW\xf9\xe4\xa7\xe7\x86^\x9a}B\x87Hh:.&lt;CBET\x8en\xd74\xc2\xe9\x9c\xd2\x84\xc5q\xb9\xc3\x83P\xf9\x17z\xbf\x94\xe6S4\xa7\xce\xd4+!\xf7\xc1f(s\x13\xc6\x13MQ\x11\x89\x83\xa8~\t\xaf\xdd\x90\xf9\x17M\x12\x81\xe1\xc9\xa9\x10\xbf\xcc\xaf`\x99\xfc\x7f\x1a[\x8e\xa1\xec\xd2\x16Z\xb6\xa0\x11\xe0\xda\xc8\x8d\xb1Oq\x0f\x9d?\xed\x95_\xa9al$\x85\x0e\xb4\xc4\xed\xe1Kf\x85\xf3\xecd\xd2\x1e2(\xda\x05\xe1PJ\t\xf3\x81p\xb8\xf1\xd9Xn\xafDnS=\xdd\xa5\xf2\xe8\xc3h+,\x82Z\xcbd\xcb\x1a\x1d\xf5\xb6\xfb\xb2Q\xfe{V,\xaf(\xa6\x02\xb0\x13\x10\x94!V\xc2\x1b\x0fF\xc8\xf4\x08Yi\xa2\x10\xee7\xbd2~\\\x7fuk\xe9\x81e;d\x80\xea\xdf\x13\x8fopw\x1a\xef1Q0\xe0\xb00\x80\x14\xa9;\xf7fs\xb4\x94\xde+\xa6B\xf8\xc28\xee\xd1\x8b\' \xae?\x95hI\xbe\xe77\xf7U\xae|P\x9bN\n\xe3x\x98\xb7\xd1\xf8}\x84\x9aZ@I\x02@x\xcb(\xf4\xfc\x18a\xb0\xfbSe/wbP\xd4\x89B\xb7\x12\xaf2\xbf\xe6[\x1e\x83\xc3\xcc\xe5\xe2&amp;3\xf3.\xc3\x83}\x10N\xb9\x81\xaf -{C=\x8d8\xa4\x89\x10\x84la\xe3hvU;\x06In~YHHm\x13R\xaf\x8c\xd5\xfbjkL\n .\xb7&amp;\xc9\x02\xa0\xdc!\xa0z\xb2&lt;Y-\x1c|f\xf6:\x92\x83\xea\xb9\xdcn\x0f\'\x8c\xf9yl&lt;\xbd&lt;\'Lm\x19 +FiJ\xba\x84\xe5V4?b\xe1\x82\xd9A\xfc\x9e6n\xbc/\xcf\xdf\xba.1\n\xb0\xf8!^[V~\xb4\x9a\xca\xe66\\*D\xe7a8\x05\'&amp;,\x99\xd2\xee\x19\xe3\xacg\xb7=+\x08\xa3\x7f\x9dlP\xc6\xaf!^\xcbK4\xf1 \xe2\x0bG6\xc6\xb8\xbb\xbf\xd19\xa4\x84\x83\x10\x1d\x92\x0c72\xb0\x96\xcd\xa4\xfa\xda\x80\xab\r\xf7\xe0w%DT:\xbd\xcb\xc5\xac\xae\x8f\x8d\xc7\x02\xf8\x93\x8e\xeaI\xff\xe054\x8f}\x9f\xce\x14G\xb0^na\xe8\x11\xc9s\xfdu\x8e\xc1\xc6\xee\x1f\x86\xbd\xb3\x1f\xc8\\\x8e;\xfb\xbb\x97\xa9?\xc6\xc3L\x11\xc4\x8e)\x80TY\xf9\x8a\n0S\xa2\xe3\x8c\xbc\x8b\xe5!\x07p\xce\x8e\x8e\x96\xd7M\x16\x006\t=\x93[\x8f\x94\x02\xd1C\x86\xde\x02\xa3\x13\xc8\x14FT\xd2\xa7\xc7\x81SJZt\x11-&lt;W\xbf\xa7M5\xd9\xf9+\x92\x8d\x8b\xbf\xe3\xf9\xa6P\xb3KOT\xa7\xcc\xb2J\t\x9co\x0b\xeb\x84\xd2?\xa6S\xd2\xeb6D\xc8\x04k\x1f$\xfd\xa7\xb3z6\rhx\x11\xa9/\xb5^{\x1b\x15\xddd\xff\x8a\xab\xf6\x1av\x87\xda\xa4\x97L\xde\xba\xcdf\x15\x05\x94\xb0\xd5\x8e7\xd55\x9a\xfe\xae\xdf\xfat\xff\x13\xd1\x9a\xb00?A\xa8\x12\xa1\x01\xe0\x9a\xd9*\xf0\xdcv\x9b\xc4\x86\xbbS\xe3w\x7f&amp;\xf5$\t&lt;\x07|\xe2\x1b\xc1k\x8cU\xde8\xb1&lt;\xfd\x8f\xab\x01\xed\x87\xf7:6IE\xa7\xf2K\xaa2\xc9\xc2\x03\xb2za\x86S\xad\xe2I\xf9\x134\xfdAl\xd8\xd0\xd4:\xcc\xb1\x8c|1\x8f\xaf\xe1}\xedt\x06\xc6A\xa1\x182\x8aJ\x92\x03)\xee\xcaR\x8bb\xf0+a\x91\x87\x9fM\xd5d8;\x82\xda{\xb6\xd89\xe9\x90\xb9\xee~\x98@\x9a&gt;\xd7R\xd3\x03\xed\xc8\xef\xbfs\xd7\x8fg\xe1z\x13f\xf1\xe7S\x8eb\xf7\x04\xa8g\x16T\xf2\xde\xd4\xe2\\y\x1c\x07=hE\xb5\xbd\xc4\\\x1f\x99\x93\x80\x97H\n\x81J\xb8&lt;m\xe3y\xe4C\x9c\xb0\xd9\x1aH\x87^\xeb\x00VY\xef(\x83\xa9\x0cJ\x01\x87\xdd\'\xb4\xc6\xc15\xe1\x8c\xa2\xcd\xc7W\xcc\xa0\t\xa0Q\xa2Ff\r/\x9e\xa1\xafz\xbd\xc4M\xe1\xcaa\xc8\xb9\xd2(\x14\xbc\xb2Dt\xe1\xa6\x0bv\xbe\x90Mh\xa7E"\x0f\x0b\\\x16\xe9MV\xd3K\x12\xfe\xdc\xbd3\x01z\xdaO\x05\x97\xd6\xdb\x96tO\xb6C\xf3\x82\xd5\xca\x91X\x16\x93\xa9H\x9d\x91\xc5\x99\\K\xf0]\x15\x89\xefb\xc2\x0e\x9e\x0cJ\x1d,\xd0\x89\xf7\xabc\xaf\xea\xf2&amp;\x99\x82\xdc\xd7R\x8f!\x1cO\xd5@\xd1\t\xcch\xa5J\xc5\xf4?\xf2\x97\xfd\xbb\xe0\x14R\x13\x99\x9e\x0f\x05\xb3\xea`\xfe.~\x9d\x97q\xa41\xfc\xdc\x06E&lt;4Y\x8b\x8eq~\x1d\x9f\x87\xad\xa9\x05\xcfw\x92\xd3\x08\xef\x83\xf6w4\x82\xcc9l\xf2\x8581\xbf+\xe0\xbc\xaeU\xa8C\x9c\x00\xe6\x0br\xd44\xf2&lt;\x03+\xfa\x1b`\x13\xd1qY\x1fJ\xbc\x16\x97\x91\x14O[0\x8d\xd9\xf7\xc3\x82\xdaS\x1fZ \xae8\xb5\\1\x7fR\xaa\xc9\xd2y\xb0\x8d\x18\xec\x9f\xbe+-\x840}\\o\xdc\xc8,1\xd8\xda\xf7\x16 \xe1,\xcb\xa7\x05ViM\xce\x1c\xac\x15\x0c0\xe8R|\xd8\xe7k\xe4EW\x9ai\x94\x14\x7fY\xcc\x8bF\x95\xd4\xdahf\x0e//jj\xc0m\xa3\xa3?\xb9P\xf25\x02\xfc"\x8e\xfa\x16\xb5\x9b\x1dW\xe3\xc4X\x1a\xd4\xac)&lt;\xda\xf2Dg\xc0g\x9d\x97t`\x00In)\xe3\xe1\xdbA\xcb\xa5\xa0q./\xd7\xb39\xc5\\\xd9\x0b\x04M\x8b\xb6s\xadBj\x88P\x12\x0e\x07\x9b?\x060\xff\xfc\xe6\x9b0G-O\xd0\xce0\x02\xb9\xcd\xa7\x97MQxV\x04]\xaf\x13\xc0\xdd\x18&gt;\x8e\xb7Q\x00\xbd\xe2\x93\x01\x90\x0e\xed\xc7\x84\xa25\xea/\xca\xe4\x05\xf0Cw\xd0\xab\x90oyq\'g\xb5\xd6:\xe2\x1e\xc7\xa2T\xa6{\xa2\x04]\xa5\x01!\x1d\xfdZ\x03\xd1V\xd7\xe02\xaf\xdf\x15\r\xa2\xca\x94"\x02\xbe\x0c3x\xdb7\x99\tS$k\xd2\x11\xf0\x16\x14\x0b\xa7\xf7\xbbu~\x014\xfa\xd5\xefb.l%F\n\xfe[\x85Um\xd4Y`\xf3[\xc3N~\xf2i\x9e\x83Nh%&lt;\x91\xd5Kz\n\xfa(\xe5\xab\x16\x8e!`\xac\xdd\xa8\x0eN\x1a[\x12\x1dl\xe4O\x9a\xf7\x8c\xbf \x8cD9jkW\xc8\x98"\xe8g\xcc\x93\xfd/|d\x80\x7f\x1cw&lt;R\xf5\x16\x18\xc46F\x9f\xf5\xca\xff\x8aJ`f2\xb9\xd0\x123b\xb1\xd0\xf2\x18\x17\xf2\x1a\xfc\xf7h5\xce\xb6\xc3\xb3s\x05?\xb6\x9d\xaeh\x89\xe9i\xc6\x12\'E\x94/\xe0\x87R{\xe5e/\xeb\xc4\xd6\x04\xbb\xe5\xf4m'</t>
  </si>
  <si>
    <t>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</t>
  </si>
  <si>
    <t>b'\xda:3\x85JYS\xa5\xe5L\xb4FS\x84}\xbf'</t>
  </si>
  <si>
    <t>nal economies.
 â€¢ Discuss the roles of external economies and knowledge spillovers in shap_x0002_ing comparative advantage and international trade patterns.
 138 PART ONE International Trade Theory
 TABLE 7-1 Relationship of Input to Output for a Hypothetical Industry
 Output Total Labor Input Average Labor Input
 5 10 2
 10 15 1.5
 15 20 1.333333
 20 25 1.25
 25 30 1.2
 30 35 1.166667
 Economies of Scale and International Trade: An Overview
 The models of comparative advantage already presented were based on the assumption
 of constant returns to scale. That is, we assumed that if inputs to an industry were
 doubled, industry output would double as well. In practice, however, many industries
 are characterized by economies of scale (also referred to as increasing returns), so that
 production is more efficient the larger the scale at which it takes place. Where there are
 economies of scale, doubling the inputs to an industry will more than double the indus_x0002_tryâ€™s production.
 A simple example can help convey the significance of economies of scale for interna_x0002_tional trade. Table 7-1 shows the relationship between input and output of a hypothetical
 industry. Widgets are produced using only one input, labor; the table shows how the
 amount of labor required depends on the number of widgets produced. To produce 10
 widgets, for example, requires 15 hours of labor, while to produce 25 widgets requires 30
 hours. The presence of economies of scale may be seen from the fact that doubling the
 input of labor from 15 to 30 more than doubles the industryâ€™s outputâ€”in fact, output
 increases by a factor of 2.5. Equivalently, the existence of economies of scale may be seen
 by looking at the average amount of labor used to produce each unit of output: If output is
 only 5 widgets, the average labor input per widget is 2 hours, while if output is 25 units,
 the average labor input falls to 1.2 hours.
 We can use this example to see why economies of scale provide an incentive for inter_x0002_national trade. Imagine a world consisting of two countries, the United States and Britain,
 both of which have the same technology for producing widgets. Suppose that each country
 initially produces 10 widgets. According to the table, this requires 15 hours of labor in
 each country, so in the world as a whole, 30 hours of labor produce 20 widgets. But now
 suppose that we concentrate world production of widgets in one country, say the United
 States, and let the United States employ 30 hours of labor in the widget industry. In a sin_x0002_gle country these 30 hours of labor can produce 25 widgets. So by concentrating produc_x0002_tion of widgets in the United States, the world economy can use the same amount of labor
 to produce 25 percent more widgets.
 But where does the United States find the extra labor to produce widgets, and what hap_x0002_pens to the labor that was employed in the British widget industry? To get the labor to
 expand its production of some goods, the United States must decrease or abandon the pro_x0002_duction of others; these goods will then be produced in Britain instead, using the labor for_x0002_merly employed in the industries whose production has expanded in the United States.
 Imagine that there are many goods subject to economies of scale in production, and give
 them numbers 1, 2, 3, . . . . To take advantage of economies of scale, each of the countries
 must concentrate on producing only a limited number of goods. Thus, for example, the
 United States might produce goods 1, 3, 5, and so on, while Britain produces 2, 4, 6, and
 so on. If each country produc</t>
  </si>
  <si>
    <t>b'0F\x02!\x00\x9c\xed\xc1\xd3\x07\xdb4\xc8\xef\xe5 \x93\xbd\x14#\xbe\xbds\x94\x08\xb5_i\xe1\xe2\x90~\xb9\x04\x9c\xaa\xa6\x02!\x00\x9c\xda\xff\x96\xdf\xa4\xc6$A\x9c%\x94\x15c\n\x1fw\x9bOJ\xad\xb2\xd4&lt;\x0c\xdb\x05y\xdb\x88\xba\xa6'</t>
  </si>
  <si>
    <t>30460221009cedc1d307db34c8efe52093bd1423bebd739408b55f69e1e2907eb9049caaa60221009cdaff96dfa4c624419c259415630a1f779b4f4aadb2d43c0cdb0579db88baa6</t>
  </si>
  <si>
    <t>b'0F\x02!\x00\x9c\xed\xc1\xd3\x07\xdb4\xc8\xef\xe5 '</t>
  </si>
  <si>
    <t>telian Science. Ithaca. 164â€“78.
Sorabji, R. 2000. Emotions and peace of mind. Oxford.
Southern, P. and Dixon, K. 1996. The late Roman army. London.
672 Bibliography
Spawforth, A. 1996. Symbol of unity? The Persian wars tradition in the Roman Empire. In
Hornblower, S. (ed.), Greek historiography. Oxford. 233â€“47.
Spawforth, A. 1999. The Panhellenion again. Chiron 29: 339â€“52.
Spawforth, A. and Walker, S. 1985. The world of the Panhellenion I: Athens and Eleusis. JRS
75: 78â€“104.
Spawforth, A. and Walker, S. 1986. The world of the Panhellenion II: Three Dorian cities. JRS
76: 88â€“105.
Speidel, M. A. 1992. Roman army pay scales. JRS 82: 87â€“106.
Speidel, M. P. 1973. The pay of the auxilia. JRS 63: 141â€“7.
Speidel, M. P. 1975. The rise of ethnic units in the Roman imperial army. ANRW 2.3: 202â€“31.
Speidel, M. P. 1994. Riding for Caesar: The Roman emperorsâ€™ horse guards. London.
Sperber, D. 1970. On pubs and policeman in Roman Palestine. Zeitschrift der Deutschen
MorgenlaÂ¨ndischen Gesellschaft 120: 257â€“63.
Spurr, M. S. 1986. Arable cultivation in Roman Italy, c. 200 BCâ€“c. AD 100. JRS Monograph 3.
London.
Srejovi, D. 1994. The representations of tetrarchs in Romuliana. AntiquiteÂ´ Tardive 2:
143â€“52.
Staden, von, H. 1989. Herophilus: The art of medicine in early Alexandria. Cambridge.
Staden, von, H. 1996. Liminal perils. Early Roman receptions of Greek medicine. In Ragep,
F. J. and Ragep, S. P. (eds.) Tradition, transmission, transformation. Leiden. 369â€“418.
Stadter, P. W. 1992. Plutarch and the historical tradition. London.
Stark, R. 1996. The rise of Christianity: A sociologist reconsiders history. Princeton.
Stanton, D. C. (ed.) 1992. Discourses of sexuality. Ann Arbor.
Steinberg, M. P. 1991. The presence of the historian: Essays in memory of Analdo Momigliano.
History and Theory, Beiheft 30.
Stephens, S. A 1994. Who read ancient novels? In Tatum: 405â€“18.
Stephens, S. A. and Winkler J. J. (eds.) 1995. Ancient Greek novels: The fragments. Princeton.
Stern, E. M. 1999. Roman glassblowing in a cultural context. AJA 103: 441â€“84.
Stern, H. 1954. Remarks on the adoratio under Diocletian. Journa</t>
  </si>
  <si>
    <t>b'g)\x1f\xf8\x892\xdc\x9b\x07+&gt;\xc6\xd7j\xf0\x1b\x94\xd3\xcc\xa1\xe7\xd6\xec^\xac\xd2\xe5S\xd0\xd5\xa9c.\x9b\x95$\xa7\x0fB\xa2\xfbn\x16"mw\xef\xa9\xae\xc5y\xf1\xd0[\x1fZ\xbb\xe6\x01\xd8\xfb\xcc\x02\xe5\x15\xc8\xe2\xea-`\xd1\x14\xd2\x1d\xb4)F\xdb\xfc\x7f\n\x9e\xa1Y:\xd4\xa9]\xa1\xb8zgL\x1d\xf8\x10\x99\x91}d\xcc\x10YX\xe4\xf7K\xcf\x16&gt;Q\xbf\x13\x9a\xbal\xc2CG\x92\x1f\x13E\x15\xfa\x0c\xf8\x8c\xe5IM.\xc7R$e\xc2\x9b+O\xf5#\x19B\xad\xda\xe9\xbaQ\x83{\x90b\xc8\xb7\xab\xf3#`sI-@\x83,O\x11u\xf1\xe5m0\xf5/\x8b\xbds&gt;\x9e\x8ag\xc8\x08:\x17\x0e44\x0c\xb0t\xb1\xf0\xe3M\x1e\x1e\xbf:\xdcP\xb0\xf1\xc0+p\x91__.\xbe.\'!\n\xa6\xfc\xa2\xce:\x10$\x17\xfa\xdanT\x9e.\xc0\xf08\xf3\xe7#\x0e1Ca\x82\xd5\x06\xaa\xd0?F\xc3\xb9ma\x01\xfaE\x9c\xd5\xfb{=\xab&lt;\xbe8\xd3br\xf43\xfa`\xd9\x1cZ\xfe!\x831\x9f,\xb6NS\x80\x88\x14\x0f$v%\xee\ri\xc3\x8c\x08\xc4\xf5\xe3"\xcaj\xa3\x08\x03\xf9\x07_\x1b\xcdY`)\xb2\xb0ic\xba\xa1;\x83\xcb\xb0oQ\\\x85\x1c\xfe\xc5\x80uas\xf8\xa0\x82\xae\x9f\x85[\x88\xd4\x1e\x91\x87\xf2Q\xe7\xad\x7f\x06j\xed\xbb\xec\xb1 \xb5h\x84\x91\x11\x1c\xd9\x19\xdf&gt;|\x90\x1a\xf0\xa0\xadC+\xbb\x84\xee\x96\x1f\xb3bQ\x1e\xed\xf0&amp;:b`\t\x0ff\xcb\xc5\xcdQ\xf3@B\xfd\xc1%\xb0*\xd8\xe0\x10\xe1\xbc\xdbe\xe7\x08A\xa9S\xf1\x9f%\x82&lt;!\x99_P\x9e\x85`X\x11\xc5\xa2,\x12\x8e\x90\x0f\x0e\xd7\xefR&gt;\x17}\xd7\xe2\x85P9\xb0\xbf\xa3[\xb7E\x8d\x8c-&lt;\xdaN%!\xd5\xc3\x87\xb4@?\xc4\xa3P\x85\x1c\xd3)+&lt;tf\x02G\xe5\xacX\x11\xbfB,\xd63\xa5\x84~\xd1\xf8\xe4\xe2\xd7\xf5\xd2\n\x9d\xafW\x85ky\xcf\xe9)\x13\x10\xeb)\xb1l\x9d\xb6\x87\xab`\xdf\xf3\x8c&amp;\xe0\x85\x1b8\xa2\xbd\xaf[{\xb2f\xcd\x0f\xd6a\xb6\xc9\xb1\xa0\xdey!\xba\xa7\xbd\xa5\x1d\xe6?@\xd7\xc4\x13\xb5\x9a\x03\x84Cd\x02\x81\xc9%\x87\x96\xa8\x891\x00\xd2\xa7)\xba\xd1\xfc\xfd\xaa\xdf \xbb\x07\xae)\'\xdd\xcb\x85\xaf\xd2\x9aF\x87x\xb1n\xa5\xa8v$\xf3\xe3U[X\x82\x08\xae3;\x84(xR\\\x9f{m\x82\xc7\\\xf1\x93=_\xbd\x8e%\xce\xa6\x86q$\xa4\x1c]\xc2\xff\xf7YZ\xef\xcd\x8ci\x12\x10\xdb"\x9d\x08j\xbd\xdfk\xfc\x80^}+\xcb\x1d5lU\xc5^\xe05\xfb\x84\x03\xc1\x0e\x16`|\x9e5\xff\xa1\x83\xfa\xf2\x9e\x19\x9b\x9dwW\xaeCZ\x06E\xcc\xdf+\xe7\xa5\xa5\xd4P\x9c\xdb\xb6\xc3\x9b\xca\x84?\x08\x14\xa0F:\x9b\x19\x01\xc0\xab\x81ohsN\xf5:\xb5\xd0\xbfTr\x7fz\x7ffJ\xa4\xea!H\xab\x1b\x84,\x86M\xa4H\x16\xa4[\x07\xf7\xc7\n)H\xfcL\x1eK\xec&lt;\xceG3\xf1,]\xedp\xc1\xb7!(\x98\x88\xd5A#\xbdQ\xbb\x0e\x1a^\xd7\xe8\x0cF\xd2\xd9\x12w\x01l\x1b\xdc=\x87[\n\xd3\xfd\xc15\x8f"\xbc\xbb\x94;\x800\xf5K(\x9fh\xaa\x02Mp\xee\xdfS\xf8%\xe6\x1aA\x06\xa7\xdb\xe5\xfe\xca3S)\xb1}\xe2(\xe57\xdb\xc5\xea\xff@\x1e\xd1G\xd0\xc9\xa0\x05\xf4\xfal\xa0\xf7\xc0\x0c\xb0\xfc\xc2\x7f\x8d.\xf7\x1d\xd1\xe0O,\xb1Z\xa6\x9eJ\x0e\x81\x8c|\x1e\x85[`\x7f\x7fY\x90\xbf.\xb6\xe0\x91\xcbz\x06\xe3\xcau\xefrT\xe5\x13^\xc0\xafV0q\x17\xa2\x05\xde\xe5\xact\xc9\xee\x89\xdf\xe5\x05Gh\xbf\xfc\x13]\x020\xb0;\tH\xd7d\xcd\xb18\x83\xd6\x047\xf3\xaa\x84\xa4\xf1\xae\x0f\xe5=\xe0\x01s\x04\xc3\xfb\xd2\xd9\x11\xc4\x96w\x1bq\x8a\xf4\x17\x10\xef\xf7d\x0bH\xf2Z\x8a\xaf:\x93\x8e\xcc\xa8\xc6=\xa5\xf0\xbc\x87\x1bKJ\x17\x0f\x16%\x8c\xac\xb0:\xce\x02\x0b^\x9a\xdb\x07\'\x13\x80#"\x80\xfd_U\xabt\x84\xf6@h\xbf!\xd2\xefc\x1e@\x80\x8eqc\xce\xec\xb4Q\xd2\xeaG\x99r\xb4\xdaJS\xb4/\x0bEC\tRtu`\xac*\x19\x06Y\x17\xd4cn\xc3Z$w\x12x\x1aQ*\xe2\xeb\xed\xfcQ\xe1\xaeCY\x91\xcdw\x90q\xe6\x03;\xb6{&lt;~\x8e1\xbf\xb7\xcf\xce\x9f\x91\xc4:\xa0\xc4\x8f\x88\x96\xcf\xcb\x89^\xf3~\xe8\x08!\xa3\xca\xa1\xe4a\x994\xe5\xf6oX\x06S\xd7\x17\x116GS\xfd\x99\xa1\'|\xbf\x85\x94\xd3\x15\x96\x929\x15k\xf5\x93O\xafj-G,\x01\xa4\xbffx:o\x03%\xe7\xa4\xea&amp;\xab\x0bC\x94\x82"\xef\x07JUP\xf1\xed\xd6.\xf6\x7fc\xbc\x8b\x7fu\xad\x89\x01\xcb/\xcc\xda\x8c\xc6\xc5\xbd9[P;\x19\x97\xf7\x82\x11\x1b \x08p-onX\x9d\xd4\xa9\xb0\x1d\xe7\x90.s\xb7e\xcd\xf2\x124\xa7\xe8\xbb,\xab\x8fR\xd7\x7f\xff\x13\xd0}\xd1\x8feo\x8a\x89o\xa23M\xf4!\xe9\xe2R\xa6\xe1\xb1d\xd3I_\x85\x0f\x86ls\xa0=\xd0\x97\x92Z*\xaa\xbc\xcb&gt;I\xe8\x1ai\xd6\xb1\xf7\xf3\xb3Y\x8aV\x0e9Dyp\xb4\x1f\x91OyK\xb5\x99\xed\xe8d2\xb3\x15nu\xeb\xecQ\xbd\xde\xf1H\xe1X\x80&amp;)\n\xb0k\'\xc3e5\x01D\xb0\xba\xb5(\xa5\xa6\xa3\xb0\x03\x84&gt;T\xf5k\x85\xa20\xa1\xe1\x08\xda\xf84\xfdm;\xdb4\x08\xf0\xd1U\xc3\x96\xccI\x8cS=t\x02\xea\xa0\xb7[\xe2\xa24\xb1\xfb:\xc7\xef\\ {T`\xd0\xb6\x9b\x9c\xd7\xc8\xf8\xdaB\xa3\x87=&gt;\xf1\x98\x7f\xbe\x04z\x95\x8d\xdfE\ty\xc3:\xd1\xa4\x1dh\xb7f\xc5A\xd6$\xbb\xb2\x1a\xb9\x0bA\x82M\x84-\x19\xa0\x90$n0T\xd3_&amp;\xa8\xd6\x0b5\xbf\xb2\xc8\xac\xc0{&lt;\x1fV#X\xc8\xe2o\x96\xa0a\xbe\xd2p\xe3\xb3\xf7,\\v\xf6\x81\xe6\x82\x08\xe9\x87\x1dN\x89\x97\xe85\xe2\xce\x9d\x12\xadKG\xdb\xf4\xc7;\xef\xf4\xa2\xe1\t\x862\x00&amp;/{\xbe\xb0\xc0-\x05\xe8\x96U\xe9\xe3\xdcA\xcb\x03y\x0e\xf4*\'vr\xf9\x12\xb4\xdbV\xef&gt;\x88\\\xe1\x03\\\xa2\xcb]\xbc\x1c\xf1\xca\xcf$\xfd\xcf\x07\xda\xff\xda\xb6\xed.\x8e\xf2\x86\xfa\xf6\xc3\xf5\xe7\x94G\xa3\xd4sQ\xc3\xc1\xce\x7f\xfa\x85.tz\xdaAP\x14[)\x9f\xefj\n\xaaw\r\x8ab\xb4r"\xd8\x8e\xedM\xdcS\x1246&lt;gV\xe7v\x16\xc1\xa2\x91\xae\x06\x9d\t\x8f\xcc\x93{(X\xb6Z\xa5\xe9m\\\xcdT\xdb\xb7\xe7\xe4\x13\x83\'Q\tj\xda\xa8\x9a;=\xaa\x14\x9f\xa5\x03\xa7\xdfB##z!\xf0\xee\x06\xe6\x83\xce|\x14:\xec\x87#\xf1\xcc\xb7\xdey\x11\x90d\xd0\xbbD\xd3\'\x96\xd9~\x19\xe3\xfd\xf7JQ\xf3\xae\xe5\x84\xf0\x9f\xf6/\x1a\xbe\xf6\xa8\xecd\x93\xa6\xb2\xfc\xcd\xe195)\x8ch\x0b\x12\x9d\x93\xb5_W5\xec\x98\x89\n\x9d$\xe6\xfe\xb3\x0f\xf6s\xf9?[\xa3`\xd92#\n\xe1!\x03\xc6\x86\xe3\xa4\x85\\\xaa\x1a\xa7\x04Z\x7f\xe0\xaa\xe3B%v\'\xc4\xcf\n#\xf7\xca\xbd\xfaA\xe4\xad\xf9Y\x11\x84J\xf8\\)\'5\xf9\xc9O\xc9\xd8aow\xd8\x8b\x9c\\\xc3"\xack\xfdE\xc9\x88\xee \x19\x84\xb7\x8d\xbd}\xbf-\xfb\x14b\xd2s\x9b\x95\'\x1f]J\t\x10y\x9e\xd4\xae\x81\xe9sIg\x93\xcf\xf0\xaf\x18\xa9\x0b\x963\xb4\xf7s\x93dv\x8e\x1f\xe0J\x8a\xabG\xdb\x90\xdb\xf9&amp;\xc4\x97\xa7\xc7\xf4\xa0\x11\xbbJ56\x0ba\x99\x94\x9f)\xcc\xfed\xb0\xfa\xb7I\xcc\xe9&gt;\xfd\xb1\xa5\xf6\xb0K\x13BN8\t{\x8a\xc8P\xaauRlG\x1e\xe0R\tT\x93\x11\x08AW\xb4\x94\xa0e\x98\xc8\x1f\x12\xa5\x18\x01\x1b"\xaf+\x07\x02\x9e\xcc\xb5\x00\x8c\xd5\x1d\x18g\xdc7\xa2\xde\x9a\xcaO\\\x18\xb5j\xb79\xd9\xde\x9cYx\xba\xf1\xdbG\xe3}\xe1\x95\xbb\xadK\xa2\xa7\x03\xde\x11\x1f\xa3h\x0c\xcd\x92\xb4\xf2~\x95\xabw\xdaM\x93\xff\x17\xf5(\xe3i@\xa0g\x1c!\xedA\xb7\xa8V\xe2\xba\xceh\xd5^\xda\xbc\xf9\x9e\\\x15\xfc\xed\x1eL\xed\x95\xf7\x86\xc6\xaa\xc8\x16\xd2\x1cc\x0fG.\xca\x13\x0cn\xb0S\tA\x06r\xd0C;\xf3\xf2U\x87\xf8l\xbc\xf5\xf2F\x7f"\x85\xd7\x9c\xdd\xf9\x0b\x00;\xe4\x03\x1b\xe85\xb4x\xb6\xcd\x7f\x1b\xb6\xf5#\xcd%\xaf\xb2\xcf\xd6\xeb\x9f{\xd3\xc7e:\xaf\xec\xc7"}\xc2\xd1#\xb6\x95\xa7\xc1\xb1\xe9,\nW\xc5\x16F\xc6\xbe\xcd\xb7\x9f\xe8\xce\x82\xce\xf8\xc6\xb5I\xcc'</t>
  </si>
  <si>
    <t>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</t>
  </si>
  <si>
    <t>b'g)\x1f\xf8\x892\xdc\x9b\x07+&gt;\xc6\xd7j\xf0\x1b'</t>
  </si>
  <si>
    <t>at takes you to twenty-five
 sales per day and beyond.
 How Much of an Audience Do I Need?
 Theoretically, 100 people in the same room, ready to buy on launch day,
 would be enough to start the fire.
 The size of the audience matters less than the responsiveness of your
 community. Buying cheap traffic to a Facebook page wonâ€™t give you as much
 momentum as dedicated email subscribers or a close community of Instagram
 followers. The goal is not to have a lot of passive followers; your goal is to
 have people lining up at the doors on launch day, ready to buy.
 Yes, you can include your friends in this list. You can include your coworkers, and you can include the pizza delivery guy who needs your product.
 Heck, I know some people who launched their products with a private email
 or text thread with just a few dozen people. It wasnâ€™t ideal, but it worked.
 Remember, your goal is to get just enough people ready to buy on launch day
 that you kick-start the momentum.
 I have found this formula to be helpful during this process:
 1,000 followers + 10 personal contacts + 1 influencer = 100 sales
 In other words, if you can get your brand in front of 1,000 people on your
 own using ads or content creation, then you have enough of a â€œpublic
 followingâ€ to smash launch day. On top of that, if you ask ten personal
 friends to join the launch, and you secure one micro-influencer, you will have
 the numbers you need.
 When Sean and I had more than 1,000 followers on our Facebook page,
 we knew that we had enough of a fan base to begin the launch process. On
 top of that, we called our list of personal friends who did yoga. We knew that
 if one of our friends was into yoga, then he or she knew other people who
 also were. We told them what we were up to, gave them a free yoga mat, and
 asked if they would be willing to post about it on social media on launch day.
 If you want to really knock it out of the park, add one micro-influencer to
 the mix to stoke the fire. In our case, that meant forming a partnership with
 one similar yoga page with at least 10,000 followers. That was 1,000
 followers on our page, ten personal friends, and one micro-influencer. We
 knew that would be enough to get 100 sales on launch day. And if we were
 wrong, well, it was better than nothing!
 You donâ€™t have to have everything perfe</t>
  </si>
  <si>
    <t>b'\x05\xafB\xfaqm\n\x80\x83z\xf4z\xe3Q\xadIS\xe9\xa1\xfe\xf1\xcc*\xe4\xb6\x7f/c\xbb\xf5\xfd\xdb\\\x80fk\xba\xe8\x95\x03\xc0\xe1\xe2\xfdv\xfc\xd3;6Q\x9a\xdf\x02\x9e)\xeb\xf6i\xb5\xff\xa7\xae_\xd7\x1b\xf0\xc43\x7f\xfb\xbdW|\x9e\xb1)\xca\x89\xc7\xb0&gt;\x88\x16vQ\xbf&gt;!\xb4\xccf8\x89\x97Q\xf5z\x98\x8f\xaf_pt\xdb\xe5\n\xd6\x1f2h\xa2\x02\xb0\xa5\xc4\n,C\xd8x\xf4\xa5\x16&lt;3\x14~\xf14\xeb4\xde\xb7f\x87?\xd9\xceX\xf7\xa85\xf8(\x01T\x17\xcf\xc0&lt;D\xba\xadVG\x15\xc02tU\x01\xb1\x83\xdc\xc9#\xe5e3\x19\x0b\xd9&amp;\xe7\xa1\xe4=z\x031\xb2w\xf5")\xef^\xfa\xc2U\xf0Z\x1a\xa7\xd7\x93\x9fN\xd0\x96\xaf\xc6\'\xb3\xc7\xd7V\x81\x07|\xccwJ\x0cy\xa4\xe1\xb4\xb3\xb5\xf2:!2\xb6\xc1\xd6\x8a\xba`\xf2mv\r\xfd\xf5\x89V\xf27\xde\xe7\xfey@\xec}\xe1q^F\x05\xbc\xd8\xf8\x01\xbe\x1ck\t\xcd\x15\x9d\xb36\xab\xc4\x04\xe4\x92R4@5\xc7\x0e\xc5( \x9d\xa8=\xd3\xc0`\xa0\x81\x13\xeb\x90\xff8?\xdf\x83\x9b\xce\xd3\x91WB\xf5{\xe5\xc1\x1ejA\xb5\xb2S1\xc0j\x85\x18H\xda\xac \xb7\x0c\x92\x17\xab\xe8(q|\x00\xed\x9a\xc0\xcb\xe5\xe8D\xe84\xf0\xa4\xddT\xa07\x1a!/\xbc=\x14\xed\x16\x95\'\xd6e\x9c\x05\xd5\x89\xb7\xdb\xed4\x8fi5[\xee\xdcj\t\x81\xde\xa8\xbd\xd8q\xbf\xb1\xb0\xf9\xee\xa3\x08\xb6\x87\xc5\xdf\xefk\xde\xad\xf1\x85]\x11m\x0b\xa1\xa5\xbdB\x99Q\x19\xb8\xb8\x17b\xf6\x98?z\xf5\x1f\x8c|\x19\\vU\x85\xa1.\xad4H\x86\xaf*~\xb07\xecH\xa5\xd5\xa9R\xb9\x92D\xaf\xa4\xa2\xa1\x98\xb6\x92\xdb\xc3\'\xd4\xe1\xf5\xd2\xe6\x0b&gt;+\xb2\xd0\xc8Pq\x90\xefS\xd7\r\x1a\x8e\x7fVB\xca\xeeU_u\x83\x13$\xf5\x94`Fc\xd3\x92\xc5*\xcb\xb2\xd5\xd6\x1f]\xc4\xd3e\x83J\xb8X\xcb)1\xf2\xdeW3/5\xd4w\xac1\xd8l\xfdR\xed\xa4\x1d\xb0\xdaU\xfe\x97Y,\xb4.\x88\xb5\xa9\xba\xb1\x93\xb7\xe4c\xf5\xfa\x99\xa8\x92~\xee\xcbW\xfb\xbdR$\x12\xb0\xdd\xc7\xf2\x87.\xf6\xbe\xe2i\x03\x13a\xe8\xe8\xf2\x82b\xb6\xd3X7k1\xa3\x8b\xe7@\xe6\xe4)t#\'\x93Q\xdf[*~V\x81\xc3\xf28o:qW}\xf1U\xea\x02\x1b\xca=\xd17\x8b\x94\xe9\x13y\x1e\xf6Vq\x0b\xf4\xf9#.\xbb\xc2\x04%\x0b\x80{W\xd6\xb1\x8d\xd9\x84\xde\x1e\xddi#\xd7\x10\xddGa\xc9\xd8\xad\x19\xb7\x96\xbcY\xc1;\x87\x1d\xef\x8b\xf5\xe1C\x1eh\x10\xca@`4\x1a^\x035Fw\xf1\x13p|\x01\xd4\x1a\x86\xe5r\xf7\xc9`\x08$\xfb\xf8"jW;V\xae ua\x9eH\xa2\xd0\x0eW\xd4\xd8\xd6\x00\xf4\xa2\xca\xf8\xc9O(\xe1\xc3/\xce\xf5\xbfy\xab\x03\xbe\xc9n\xd9^\xc3Z6\x85\xcf\xb1\xb2!\xe8MD\xef=\x7f\x0b{\xa6\xf3y\xc53\x85\xdf\xcau\xccG\xe5r\xd1\xf8\x05\xf7S\xbdv=\xd2,\x95\x1bR \x11\xae\x0e\xd0\x9b\xc2\xcc!S\x1e4\x9c&amp;?\xcf\xb4\xdf\x88\xc7\xb6\x9drf\xd1\xe8\xb8\x94\x1c\xafr\xccR*\xb6\xcd\x03&amp;\xb1\xf7\xdfvs9\x1a\xa2g\xeaH\xb5\xb9\xcf\xab\xfeu5\x9c\xc7\xbcQ\xdc\xd0\xb6\xca\xddL\x97\xf8f\x83=_1T/\xa6\x9b\xfb\x8c\xce\xd3}^\x9dg\xf8\xb7\x0b\xfb\x8fK\xdeIRdR r\xb9\xb6\xbc`\xcf\xc9+`\xa9\x91\xe50v\xc1a\xb7\xbb\xfbW\x7fA\xf6\x90\x8c\x1c \r\xef\x9a\r\xbf\x01\xca,#\xca\xc9\x1b\xd7\xc3\x04!\xbb"{X\xe3\xf3\x1d\xd2\\\xd4nBu\xcbc\')\xf0\x8d\xf2N\xf1\xa9O\xcc3ev\x16\x1d\xc3\x13ej\x89\xa8\xb1\x91\xdcc\xbfA\x91\xc0%\x05i\xba;\x9b\x00\x1d\xe79\xe1\x16\xdb\xcc\xf5s\xa4\x07{\xc8\xc5\xf7\x07\x92\xc8\x80\xdf\xc8+\xc8\xa32\xe54\x88\x93\xb9FP\x1c\xf2|t\xd7\xbe\x01T\xb3q\x9b\x8e\xe1\r\xa3&lt;\xc3\xa8f\xbe\xe1"k\xbd:\x13\xd9\xcd\x90O3,\xa4\xc0w\xdd\xeb\xdb\xa7\x96\x19\n&amp;\xc5\x8f?\xcf\xdeG\xd8\xae\xd6\xfb|\x03w%\xd1X\xb4\x99\xb1\xf6\xe5\x02q?bX\xe8\xfe\xcd6\xc3\xb3\xd5\x1a\xe1\xbe\r\xd9\xb68L\x83\xc0\xc7%\x9a\xb8\x8d3\x06$\xdb1\x94\x10}=\xd2\x95&gt;Z\x8a\x07Y\x8f8$\xd7crW\xae\xa7\xb70\xeaTO\xb2u\xb4\x94\x0b,\xc3\xea\xa0=I\x11(\xda\x19\x0f=&amp;\xd6pi\x8f\xa1\xba\xd7\xbd\xd4\x9eD\xd8\x0f{\x1fc$\xce{\xa1\x99\x08Clb4\x12\x92\x8a=\xfa\x01\xe0\xceX\xf7\x97At\x02 \xd1\xf8:7[\xe9\xc1\x90\x85\xa3"\x0b-}*\t\xf2\x01\x8e\xfc\x1c\x196!Q\x97\x89\xab\xaa\x8e\xf6\n\x81?\x82\xee\x0c\x99tml~\x04\xf8`&lt;\xa9\x98\xbf\x90\xa20\x85\xc8\xd4\\\xc2\xdf;0\x91\xb1=\x93\x82z\x9b\x95\x9fy\\\x82\x9a\xd7\xbb_\xc6q\x02\xb4\x99\xe9\xae\xfei\xf1\x92\xf3\xf5d\x04\xc2\xbe\x7f\xb5O\xeex\x8a\xc7,OD\xd9n2\x94\x15\xfa3\x98\t\xda\xb3\x89\xa4\x88\xafz\xad\x8c\x17V\xe7F\xa9\x06\x17a\x03q\x84\x15\x94\xeb+\x00\x9b\xf3\x94\x0e\xd6\xc7\\\xad\x8a\xb5\x8f\xde\x11\x0b\xf2*[m\xe0\xb7\n"\xd4?+\xad@\xcc\x9f?\x1b\x9a\x87q\xd6{4\x88\xfbz\xc0\xfem\xe7\xc15_\x8f@8\xce~\xae;^\xc8]\xbc\xf8\xd1$R\xcc4\x91,\xd9v\xb3\x7f\xd4\xbb\x9b\xe4\xa0\xcc\xeb]\xd3\xe2Hl\xe432;\x05o`\xd5T7X"\xd0g4\xfbH\xf8^\\\xbf\x97a\x829\xd6S&amp;]\x82z\xbf\xe6\xe4L\xdcZ\xdb\x10\x86\xf5e\xae\x17C\xc7W\xb4\xc1\x05?\xa3\xd2\xbc\x92G\x1cq\xc8v\x93I\xc9k\xe6Q\xdf\t\x01\xf3\x12Z\xf9\xf3dF(\xa0\xbf\xc6\x9ck\xf8\xe4x\xbf\x8e\xd6y^G\x19\x0f\xc0\xd6\xf2\xe6\x1f\xffS\xde\xd4\x92\xa8\x04\xa7\x08!\x8e\x19\x81F\xe2\xfc\xda\xa0\\\\\xf2\xf6\x07\x9a\xbe\x9f\xc0\xe6\xbaN#(\x02a\xd6\xdf#K}8\x13c\xc6~\xfa\n\xbeF&gt;\x10v\xb3\xf7z\x94\x04\xcb\xf8\x8b55\xc4\x9dr\x0c\x1bRZ\xef\xb8k\'\x83\xae\xf0\xad\xec\xa9R(\xdauk2\xb2\x0b\xd9\xc3\xf9&gt;\xb7\xe0\x9a\xc1T\xac\x92d\x17\xfb\x10~\x9a\xe2j\'\x1a\x18\xa7?2w\xd8\x7f\xe4\xe1;*\xfd\xbe\xc4\x03\xc0\xbf\x19\xacc\x15=6\xc1\xbfd\xac\xe3\x0e\x924\xda\xf8\x84}\x08\xeb\xd7\xe4Y7\x90E\x9f\x95\x06i\x8b_\xdb\x12\x008\xbb$Wrh\x8e\tl\xedT\x1e\x91m\x9f\x0c\x03\xfc\xee\x00\xce4\xc9\xcdK\xe2$\x90\x14\xe9\\\x16\xd1\xc6&gt;%aJ\xd29\xe7]rB]\x83\xd3\xb1N\xc8\xebms\xd1\xb6.:\x97\x93\xf1\x0cn\x85\x1d&lt;\xd7\x7f\x1b\xe0\x98\xa6\xcd}\xe6\x95\xd3\xb2K\xcd\xf5ku?\xcb\x8f3i\xa1\x12d\x8a\xde\xcaN\x10\\\x9a\xfde^*S|\xe5\xea\xce\xc1-\xc9c\xb4}\xfb,\xeeO\x90K~\xca\x99nM\x90__\xe4pJz\xbb\xb4z\xbf\x9a\xc0\xed\xef\xeb\xa3)\xa4\x16\xd7n\xc7\\\xcd\x92\xa0V\xcb\xe3\xd6\xe0\x1a\xd0\xb2\xae\xd7\xc4:\x93.\xd1\xe0\x01=nG\xbc\xc1#\x96\x1cPCNTn+\x1a\x1eM\xe7L=\xe9\xcev\xfb! \x9d\xf5X\xb5Fc\xe5,(\x8a\xe8\xa8\xa8^\x06N\xde\x85\x88\x05\x80\xa8\xf5f\x1f\xaa\xde\x19\xd7b\xf3\xe0\xaa"\xe4\xf3r\xd1\x86\x80\xa4m\x9c\xe8\xa7\xa8\xd4:\xaf\x12u\xfb\xda\xf1\xd3#\xea\xb7\x9fA\xa5\xd2\xe7Lk\x1a\x12\x8a63\x9d;,\x8e&amp;\xa7L?\xdff\xe9\xab\x9b\x9bc:\xbe\'\x03^\x04j\xf81\xaa[\x0e\x86\x1d\xe6\xf7\x96\xbf\xb8\x92\x91\x91\xff\xd1\xe6L\x84g\\\x82\xe9$8;Y\xc2\xc3\xc5\xab[b\x81CV\xf5\xbcG&lt;\x05\xa0[\xeaE\xf1+,K(\xf1\x15)\xe5\xe6O51\x88\x0e\xba]\xbe\x9aY\xc8[f\xc1o\x8c\n\x11\n\x88|\xec\x82\xb2\x84)\x045\x04Z\xaf\xec\xcchC*;\x89\xf8\xd6\xdd\xbe\xacN\x06\x1cL_=\xcc|\x8d\xb9\x0f\x08\x83\xdb\xce\x19\xb5\xe14*\xce\xcc\xc4\xfc}6S\x98\x9b\x83\xbf\xed\xa5\x00\xb3%?\xd7b!\t:\xa8\x97\x1f\x90E\x05\xb3\'?\xe4g,\x1d\xe5$\x04\xb4\x03\xb8\xf7\xfd\x11\x94\xa9\x88X\xc0\x99\xb3\xeb\\\x89\x8f7,\xb9\xa1z1\x91\xc5?7\xa9\xb9\n\\\xa0\xe3\xec{r#\xd0\x96\x14S3(A=\x92\xbc\xbe\xff\x14\x02d\xa97w\xa9k\xe0\xb0\\\xc8\x9c \x12\xc6Q\x8a\x8dX\xd9\x9b\xc2\xf2\xee4f\xca\xbaZ$\xe6ux\xdd\n\xe4\x83*#G\x99_\x8d\x92\xe9\x89\x10\xb7\x0f\x9e,&lt;\xab\x11\x9d&lt;\xa5(\x9d\x83\xd0\x8c\x1e\xf2T\xbf\xe5/\x0f8\xe9\xe8\xe0\xe9m\xa0+\x01\x9e\xc3\xf7nbb1\x7f85\x0b\xd2\xa0\xe6l\xd7d&lt;x\x9b\xb5|\x05\xad\\th\xe0QV\xc7\xa8\x07\xae\x87\xe7\xbb\xe9\xae\xc74VV\x19\xa3\xa1\xa4\x12\xe2\xe9o\xff\xa3\xf7\xb9\xa8\xf9d\x99\x97\xaaZ\x85\x92\xe1\xf1\xe5\x9c\xa4AC\x8d\xed.\x90V\xd4\xc2\x1aD\xbf\xce\xc3\x95'</t>
  </si>
  <si>
    <t>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</t>
  </si>
  <si>
    <t>b'\x05\xafB\xfaqm\n\x80\x83z\xf4z\xe3Q\xadI'</t>
  </si>
  <si>
    <t>â€ term (in place of
  zero) on the right. From now on, I shall use the Lorenz gauge exclusively, and the
  whole of electrodynamics reduces to the problem of solving the inhomogeneous
  wave equation for a specified source.
  Problem 10.5 Which of the potentials in Ex. 10.1, Prob. 10.3, and Prob. 10.4 are in
  the Coulomb gauge? Which are in the Lorenz gauge? (Notice that these gauges are
  not mutually exclusive.)
  Problem 10.6 In Chapter 5, I showed that it is always possible to pick a vector
  potential whose divergence is zero (the Coulomb gauge). Show that it is always
  possible to choose âˆ‡ Â· A =âˆ’Î¼0 0(âˆ‚V/âˆ‚t), as required for the Lorenz gauge, as
 suming you know how to solve the inhomogeneous wave equation (Eq. 10.16). Is it
  always possible to pick V = 0? How about A = 0?
  Problem10.7Atime-dependentpointchargeq(t)attheorigin, Ï(r,t) = q(t)Î´3(r),
  is fed by a current J(r,t) =âˆ’(1/4Ï€)(Ë™ q/r2) Ë†r,where Ë™ q â‰¡ dq/dt.
  (a) Check that charge is conserved, by confirming that the continuity equation is
  obeyed.
  (b) Find the scalar and vector potentials in the Coulomb gauge. If you get stuck, try
  working on (c) first.
  (c) Find the fields, and check that they satisfy all of Maxwellâ€™s equations.3
  10.1.4 Lorentz Force Law in Potential Form4
  It is illuminating to express the Lorentz force law in terms of potentials:
  F = dp
  dt = q(E+vÃ— B) =q âˆ’âˆ‡V âˆ’ âˆ‚A
  âˆ‚t +vÃ— (âˆ‡Ã— A) , (10.17)
  3P. R. Berman, Am.J.Phys.76 48 (2008).
  4This section can be skipped without loss of continuity.
 10.1 The Potential Formulation
  443
  where p = mvis the momentum of the particle. Now, product rule 4 says
  âˆ‡(vÂ· A) = vÃ—(âˆ‡Ã—A)+(vÂ·âˆ‡)A
  (v, the velocity of the particle, is a function of time, but not of position). Thus
  dp
  dt =âˆ’q âˆ‚A
  âˆ‚t +(vÂ·âˆ‡)A+âˆ‡(V âˆ’vÂ·A) .
  The combination
  (10.18)
  âˆ‚A
  âˆ‚t +(vÂ·âˆ‡)A
  is called the convective derivative of A, and written dA/dt (total derivative). It
  represents the time rate of change of A at the (moving) location of the particle.
  For suppose that at time t the particle is at point r, where the potential is A(r,t);
  a moment dt later it is at r + vdt, where the potential is A(r + vdt,t + dt).The
  change in A, then, is
  dA =A(r+vdt,t +dt)âˆ’A(r,t)
  = âˆ‚A
  âˆ‚x (vx dt)+ âˆ‚A
  âˆ‚y (vydt)+ âˆ‚A
  so
  dA
  dt = âˆ‚A
  âˆ‚t +(vÂ·âˆ‡)A.
  âˆ‚z (vzdt)+ âˆ‚A
  âˆ‚t dt,
  (10.19)
  As the particle moves, the potential it â€œfeelsâ€ changes for two distinct reasons:
  f
  irst, because the potential varies with time, and second, because it is now in a
  new location, where A is different because of its variation in space. Hence the
  two terms in Eq. 10.19.
  With the aid of the convective derivative, the Lorentz force law reads:
  d
  dt (p +qA) =âˆ’âˆ‡q(V âˆ’vÂ·A) .
  (10.20)
  This is reminiscent of the standard formula from mechanics, for the motion of a
  particle whose potential energy U is a specified function of position:
  dp
  dt =âˆ’âˆ‡U.
  Playing the role of p is the so-called canonical momentum,
  pcan = p+qA,
  while the part of U is taken by the velocity-dependent quantity
  Uvel = q(V âˆ’vÂ·A).
  (10.21)
  (10.22)
 444
  Chapter 10 Potentials and Fields
  A similar argument (Prob. 10.9) gives the rate of change of the particleâ€™s
  energy:
  d
  dt (T +qV) = âˆ‚
  âˆ‚t [q(V âˆ’vÂ·A)],
  (10.23)
  where T = 1
  2
  mv2 is its kinetic energy and qV is its potential energy (The deriva
 tive on the right acts only on V and A, not on v). Curiously, the same quantity5
  Uvel appears on the right side of both equations. The parallel between Eq. 10.20
  and Eq. 10.23 invites us to interpret A as a kind of</t>
  </si>
  <si>
    <t>b'p\xe2\xda\xe0{\xe4\x94\xfd5\xda\x12\xe8(\x0c@\x92\xc0k\xca\xf3#\x14n\xdd\xbbPq\x9a\x00\x99&lt;R'</t>
  </si>
  <si>
    <t>70e2dae07be494fd35da12e8280c4092c06bcaf323146eddbb50719a00993c52</t>
  </si>
  <si>
    <t>b'p\xe2\xda\xe0{\xe4\x94\xfd5\xda\x12\xe8(\x0c@\x92'</t>
  </si>
  <si>
    <t>M 1
 VDD
 Vout
 Vin
 0.8 V
 M 2
 0.18
 20
 0.18
 10
 Figure 7.97
 7.76. Figure 7.98 depicts a cascade of a source
 follower and a common-gate stage. As_x0002_sume Vb = 1.2 V and (W/L)1 = (W/L)2 =
 10 Î¼m/0.18 Î¼m.
 (a) Determine the voltage gain if Vin has a
 dc value of 1.2 V.
 (b) Verify that the gain drops if the dc
 value of Vin is higher or lower than
 1.2 V.
 (c) What dc value at the input reduces the
 gain by 10% with respect to that ob_x0002_tained in (a)?
 Vin M 1 2 M
 VDD
 Vb
 1 mA
 1 k Î©
 Vout
 Figure 7.98
 SPICE Problems 353
 7.77. Consider the CS stage shown in Fig. 7.99,
 where M2 operates as a resistor.
 M 1
 VDD = 1.8 V
 0.18
 M 2
 10
 0.18
 W2
 Vout
 Vin
 Figure 7.99
 (a) Determine W2 such that an input dc
 level of 0.8 V yields an output dc level
 of 1 V. What is the voltage gain u</t>
  </si>
  <si>
    <t>b'\xbbL\xa0z\xab\x9a\xa0\x8c\x9dOz\xb8\xf6\xd7\x15\xdd'</t>
  </si>
  <si>
    <t>bb4ca07aab9aa08c9d4f7ab8f6d715dd</t>
  </si>
  <si>
    <t>huddered to behold herself on
 the dizzy height, whence she had pictured the descent of others.
 Madame Montoni, meantime, as she looked upon Italy, was
 contemplating in imagination the splendour of palaces and the grandeur
 of castles, such as she believed she was going to be mistress of at Venice
 and in the Apennine, and she became, in idea, little less than a princess.
 Being no longer under the alarms which had deterred her from giving
 entertainments to the beauties of Tholouse, whom Montoni had
 mentioned with more eclat to his own vanity than credit to their
 discretion, or regard to truth, she determined to give concerts, though
 she had neither ear nor taste for music; conversazioni, though she had
 no talents for conversation; and to outvie, if possible, in the gaieties of
 her parties and the magnificence of her liveries, all the noblesse of
 Venice. This blissful reverie was somewhat obscured, when she
 recollected the Signor, her husband, who, though he was not averse to
 the profit which sometimes results from such parties, had always shewn
 a contempt of the frivolous parade that sometimes attends them; till she
 considered that his pride might be gratified by displaying, among his
 own friends, in his native city, the wealth which he had neglected in
 France; and she courted again the splendid illusions that had charmed
 her before.
 The travellers, as they descended, gradually, exchanged the region of
 winter for the genial warmth and beauty of spring. The sky began to
 assume that serene and beautiful tint peculiar to the climate of Italy;
 patches of young verdure, fragrant shrubs and flowers looked gaily
 among the rocks, often fringing their rugged brows, or hanging in tufts
 from their broken sides; and the buds of the oak and mountain ash were
 expanding into foliage. Descending lower, the orange and the myrtle,
 193
 every now and then, appeared in some sunny nook, with their yellow
 blossoms peeping from among the dark green of their leaves, and
 mingling with the scarlet flowers of the pomegranate and the paler ones
 of the arbutus, that ran mant</t>
  </si>
  <si>
    <t>b'\x00V\x96\x16p\xe7c\x1d\x89A\xe0\x18\xc2\xb0\x88\xc4\x95/\xca\x1fe\xe3wd\x11\xe5ts\x03G\xfb\xb8!\xe3\xde\x04\x83V"\xac\x10j\xd8\x90\x81[\xc5(\xe2\x8a\xcc\x04\xd19\x87\x1d\xb3\x84\x94\x9c\xce\x14|\xad'</t>
  </si>
  <si>
    <t>0056961670e7631d8941e018c2b088c4952fca1f65e3776411e574730347fbb821e3de04835622ac106ad890815bc528e28acc04d139871db384949cce147cad</t>
  </si>
  <si>
    <t>b'\x00V\x96\x16p\xe7c\x1d\x89A\xe0\x18\xc2\xb0\x88\xc4'</t>
  </si>
  <si>
    <t>x =âˆ’âˆž)is
  âŽ¡
  âŽ£1âˆ’
  vi = vf âˆ’ U0
  mvf
  âŽ¤
  1
  1 + U0
  mv2
  f
  eâˆ’T/Ï„ âˆ’ 1
  âŽ¦.
  To simplify these results (since all weâ€™re looking for is a specific example), suppose
  the final kinetic energy is half the barrier height. Show that in this case
  vf
  1 âˆ’(L/vfÏ„) .
  vi =
  In particular, if you choose L = vfÏ„/4, then vi = (4/3)vf, the initial kinetic energy
  is (8/9)U0, and the particle makes it through, even though it didnâ€™t have sufficient
  energy to get over the barrier!]
  !
  Problem 11.33
  (a) Find the radiation reaction force on a particle moving with arbitrary velocity in
  a straight line, by reconstructing the argument in Sect. 11.2.3 without assuming
  v(tr) = 0. [Answer: (Î¼0q2Î³4/6Ï€c)(Ë™ a + 3Î³2a2v/c2)]
  (b) Show that this result is consistent (in the sense of Eq. 11.78) with the power
  radiated by such a particle (Eq. 11.75).
  Problem 11.34
  (a) Doesaparticle in hyperbolic motion (Eq. 10.52) radiate? (Use the exact formula
  (Eq. 11.75) to calculate the power radiated.)
  (b) Does a particle in hyperbolic motion experience a radiation reaction? (Use the
  exact formula (Prob. 11.33) to determine the reaction force.)
  [Comment: These famous questions carry important implications for the prin
 ciple of equivalence.27]
  Problem 11.35 Use the result of Prob. 10.34 to determine the power radiated by an
  ideal electric dipole, p(t), at the origin. Check that your answer is consistent with
  Eq. 11.22, in the case of sinusoidal time dependence, and with Prob. 11.26, in the
  case of quadratic time dependence.
  27T. Fulton and F. Rohrlich, Annals of Physics 9, 499 (1960); J. Cohn, Am.J.Phys.46, 225 (1978);
  Chapter 8 of R. Peierls, Surprises in Theoretical Physics (Princeton, NJ: Princeton University Press,
  1979); the article by P. Pearle in Electromagnetism: Paths to Research, ed. D. Teplitz (New York:
  Plenum Press, 1982); C. de Almeida and A. Saa, Am.J.Phys.74, 154 (2006).
 CHAPTER
  12 ElectrodynamicsandRelativity
  12.1 THESPECIAL THEORY OF RELATIVITY
  12.1.1 Einsteinâ€™s Postulates
  Classical mechanics obeys the principle of relativity: the same laws apply in
  any inertial reference frame. By â€œinertialâ€ I mean that the system is at rest or
  moving with constant velocity.1 Imagine, for example, that you have loaded a
  billiard table onto a railroad car, and the train is going at constant speed down
  a smooth straight track. The game will proceed exactly the same as it would
  if the train were parked in the station; you donâ€™t have to â€œcorrectâ€ your shots
  for the fact that the train is movingâ€”indeed, if you pulled all the curtains, you
  would have no way of knowing whether the train was moving or not. Notice
  by contrast that you know immediately if the train speeds up, or slows down,
  or rounds a corner, or goes over a bumpâ€”the billiard balls roll in weird curved
  trajectories, and you yourself feel a lurch and spill coffee on your shirt. The
  laws of mechanics, then, are certainly not the same in accelerating reference
  frame</t>
  </si>
  <si>
    <t>b"\xa5*\xd4\xac\x11\xdav\x82j'\xb2\x03\xc9\x11H\x03\xc6\xddp\x1a\xc8\x19&lt;\x8fk\r\x8bB\x00+\x89\xba"</t>
  </si>
  <si>
    <t>a52ad4ac11da76826a27b203c9114803c6dd701ac8193c8f6b0d8b42002b89ba</t>
  </si>
  <si>
    <t>b"\xa5*\xd4\xac\x11\xdav\x82j'\xb2\x03\xc9\x11H\x03"</t>
  </si>
  <si>
    <t>ose we replace the
 load resistors in Fig. 13.8 with PMOS current sources as shown in Fig. 13.9(a). The circuit
 still satisfies our foregoing derivations if we substitute rOp||rOn for RD.
 3 But let us change
 3We assume all of the transistors are in saturation, which is not quite correct when the drain voltage
 comes close to ground or VDD.
 13.2 Ring Oscillators 647
 VDD
 M 1
 X
 M
 M
 M
 M
 M
 Vb
 2 3
 456
 Y Z Vout
 VDD
 M 1
 X
 M
 M
 M
 M
 M
 2 3
 456
 Y Z Vout
 (a) (b)
 Figure 13.9 Ring oscillators using (a) CS stages with PMOS loads, (b) CMOS inverters.
 each PMOS current source to an amplifying device by connecting its gate to the input
 of the corresponding stage [Fig. 13.9(b)]. Each stage is now a CMOS inverter (a basic
 building block in logic design), providing a voltage gain of âˆ’(gmp + gmn)(rOp||rOn) if both
 transistors are in saturation. This type of ring oscillator finds use in many applications.
 Note the transistors themselves contribute capacitance to each node, limiting the speed.
 The operation of the inverter-based ring oscillator can also be studied from a different
 perspective. If VX starts at zero, we have VY = VDD and VZ = 0. Thus, the first stage wants
 to raise VX to VDD. Since each stage has some phase shift (delay), the circuit oscillates
 such that the three voltages toggle between 0 and VDD consecutively (Fig. 13.10). First,
 VX rises; after some delay, VY falls; after another delay, VZ rises; finally, with some delay,
 VX falls. If each inverter has a delay of TD seconds, the overall oscillation period is equal
 to 6TD and hence the output frequency is given by 1/(6TD).
 t
 VX
 VY
 VZ
 Delay of
 One Stage
 6TD
 0
 VDD
 0
 0
 Figure 13.10 Ring oscillator waveforms.
 Example
 13.3
 Can we cascade four inverters to implement a four-stage ring oscillator?
 Solution No, we cannot. Consider the ring in Fig. 13.11 and suppose the circuit begins with VX = 0.
 Thus, VY = VDD, VZ = 0, and VW = VDD. Since the first stage senses a high input, it
 happily retains its low output indefinitely. Note that all of the transistors are either off or
 in deep triode region (with zero drain current), yielding a zero loop gain and violating
 Barkhausenâ€™s first criterion. We say the circuit is â€œlatched up.â€ In general, a single-ended
 ring having an even number of inverters experiences latch-up.
 648 Chapter 13 Oscillators
 VDD
 M 1
 X
 M 2 3 M
 Y Z Vout
 M
 W
 4
 Figure 13.11
 How fast can ring oscillators run? The gate delay in 40-nm CMOS technology is
 about 8 ps. Thus, a three-stage ring can oscillate at frequencies as high as 20 GHz. Their
 simplicity makes ring oscillators a popular choice in many integrated circuits. For example,
 memories, microprocessors, and some communication systems employ ring oscillators for
 on-chip clock generation.
 13.3 LC OSCILLATORS
 Another class of oscillators employs inductors and capacitors to define the oscillation
 frequency. Called â€œLC oscillators,â€ these circuits can be realized in both integrated and
 discrete forms but with different topologies and design
 constraints. We begin with integrated LC oscillators.
 Did you know?
 A tough challenge in the design of integrated LC
 oscillators has been the realization of on-chip
 inductors. While discrete inductors can readily
 extend in three dimensions [Fig. (a)], integrated
 devices must be preferably based on a â€œplanarâ€
 (two-dimensional) structure. Figure (b) shows a
 â€œspiralâ€ inductor commonly employed in integrated
 circuits. The spiral is made of the metal layer
 (copper or aluminum) that is used for on-chip
 wiring.
 (a)
 (b)
 (a) Simple three-dimensional inductor,
 (b) integrated spiral inductor.
 Why LC oscillators? Why not just ring oscillators?
 LC oscillators offer two advantages that have made
 them popular, especially in radio-frequency and wire_x0002_less transceivers</t>
  </si>
  <si>
    <t>b'\xb7])n\xf1\xb3\xe8/\nG1\xdd\x04\x08C\x9f'</t>
  </si>
  <si>
    <t>b75d296ef1b3e82f0a4731dd0408439f</t>
  </si>
  <si>
    <t>airy story she had once read called "Riquet a la
Houppe." It had been about a poor hunchback and a beautiful princess and it
had made her suddenly sorry for Mr. Archibald Craven.
"Yes, she died," Mrs. Medlock answered. "And it made him queerer than
ever. He cares about nobody. He won't see people. Most of the time he goes
away, and when he is at Misselthwaite he shuts himself up in the West Wing
and won't let any one but Pitcher see him. Pitcher's an old fellow, but he took
care of him when he was a child and he knows his ways."
It sounded like something in a book and it did not make Mary feel
cheerful. A house with a hundred rooms, nearly all shut up and with their
doors lockedâ€”a house on the edge of a moorâ€”whatsoever a moor wasâ€”
sounded dreary. A man with a crooked back who shut himself up also! She
stared out of the window with her lips pinched together, and it seemed quite
natural that the rain should have begun to pour down in gray slanting lines and
splash and stream down the window-panes. If the pretty wife had been alive
she might have made things cheerful by being something like her own mother
and by running in and out and going to parties as she had done in frocks "full
of lace." But she was not there any more.
"You needn't expect to see him, because ten to one you won't," said Mrs.
Medlock. "And you mustn't expect that there will be people to talk to you.
You'll have to play about and look after yourself. You'll be told what rooms
you can go into and what rooms you're to keep out of. There's gardens enough.
But when you're in the house don't go wandering and poking about. Mr.
Craven won't have it."
"I shall not want to go poking about," said sour little Mary and just as
suddenly as she had begun to be rather sorry for Mr. Archibald Craven she
began to cease to be sorry and to think he was unpleasant enough to deserve
all that had happened to him.
And she turned her face toward the streaming panes of the window of the
railway carriage and gazed out at the gray rain-storm which looked as if it
would go on forever and ever. She watched it so long and steadily that the
grayness grew heavier and heavier before her eyes and she fell asleep.
CHAPTER III
ACROSS THE MOOR
She slept a long time, and when she awakened Mrs. Medlock had bought a
lunchbasket at one of the stations and they had some chicken and cold beef
and bread and butter and some hot tea. The rain seemed to be streaming down
more heavily than ever and everybody in the station wore wet and glistening
waterproofs. The guard lighted the lamps in the carriage, and Mrs. Medlock
cheered up very much over her tea and chicken and beef. She ate a great deal
and afterward fell asleep herself, and Mary sat and stared at her and watched
her fine bonnet slip on one side until she herself fell asleep once more in the
corner of the carriage, lulled by the splashing of the rain against the windows.
It was quite dark when she awakened again. The train had stopped at a station
and Mrs. Medlock was shaking her.
"You have had a sleep!" she said. "It's time to open your eyes! We're at
Thwaite Station and we've got a long drive b</t>
  </si>
  <si>
    <t>b'\xbe\xa5\xf1\xb8\xfcc\x0f\xd0\x84\x10\xe0\xf1\xcb\xa9\x95\xcf&gt;\xa8}\x84\x0e\x98\xf6\xee)\xa2\xf1iW\xfa\xcf\x10\xc6\xfe\xbdy[\x0c\xd0.\x15D\xde\x9c\xcb\x17m6\xb6\x9f\x01\xc0u\xf6\n\xe9\\=\x87W"vG9\xad\xe4\xe7\x07w\x94\xf9O\xf5L\xc1\x88\xd0\xa1Z\x01\'\xa3\xc9&amp;\x02D\xfbN\xa0\xd63\xfc\x12\xb6I\x1e\xc9\x83\rs\xa6H\x01\xdd\x06\x1f*\xf8\xba\x06$p\xa0M\xf8\xf1rM\x16\xfd]\xe4(\xab\x08\xba\xd3gL\xd4\xf1\xa4E\xbd\xb9\xebY\xe9\xc2\xb6\xea\x1b\xea\x1b)\xb6\x06=\xfb\x7f\'\x11&gt;\xde\xf3\x9b\xbf\x88\xf2`\x0c$|O! a\x01\x16G\xb2i\xddh|i\xf74C\xa3\x12\xbb\xba\xf0\xbb\x03:*B-\xad\xc6\xeaf\xaa|\xb4M\x84K-2\xd6\x84\x9b2\x1b\x0fMD\x82\x8b\xab\xfbx\x90[\x08\x023\x8aZ)\x82Gx\x8a&gt;r\x9e\x8f\xca\xfb\xcau\x9e&amp;\xc7\xb0Q\xe3\xd7\xaf\x93cx\xf8\xd0\x9a\x11\x19D\xae\xd3\xa3b\xa8UB\x84!*\x90\xd9\xa9\xca6\x9c\xa2\x88\x0f\x89\xad\x12SI\xcew\x18\xf1Z\x18\xdd\x94\x02\xa0\x0cR\xca\x8a4.\xb0\xccmQ\xab\xba,\x8a\xed#\x16A\xd3\xc2\xcdV\xb2\xab\x93\xe2\xac\xe4\x0bb\xca\xfa\t`\x8bW\x81\x1d\x06p\xb79/!o@\xac\xc7d\xef%\xe4\xdehQ\t\xf5qFw\x11\xf3!\xa9\xaa!\x01\xaa0\x19\xca\x8b\x83\x93\xce\xdb\xadL[&lt;G\x1c\xbeo\xe6\x87\xdc\xec\x060,\x8f\xa6}\xf5V\x04*\n\x9a\'\x80\x1en\xeey\t\xad\x7f\xec\'\xa7\xbb\x96\x8f\x1d\x01\'\xa6\r&gt;\xa6\xaf\xbd\xba#\x10\xd3.O\n\x19\xb8\xc3\xb8C?\xff\x8dK\x0f;T\xf9\xc2\x17\x99\x1aA\tq;\xb7&lt;[\x9e\xa8SJ\xc0\xd7\xef\x9b\xcb\x87\x10\x15:)\x07\xd2\xa9\x7f\x15x\x8f\xa8\xadB\x90\xe9\xc0O\x84&gt;\xb7\r&gt;L\x03.Qe\xfdl]Y\xe0\xd7f\xfd\xc4;\xc8^\x1b*\n\x1a\xe2\xff\xf1`K\xaa]\xe9Jn\x1b\t\xdb~\xb0p\xf9lM\xf1ut\x9c\xe5\xbf\xf9\xfa}\xf3\x90\xda1y!\xfauG\xdf\x1ag \x15&gt;\x8f\n&amp;\xd6\xb1\x7f4\xf0\x89\xe2~\x8b\xc4$\x14`v\x80\xbbKs&gt;\xed\xd9W_\xaa\x03\x017\x9aa=\xc2\xe2\xaf0\x95\x83\r\xb2s\nZH\x1b\xc5\xdaLVO\x06\xcb^?\x8e\x0c@\xc9\xbd\xca\x7f\xbb\xe8L\xad\x9c\xb9`\xb9J.\xbbyA\x9d\xd2?\xde\x94\xf7\x17\xdcc|\xf8\xad&lt;-\x0fT"\x16\xc9?\xf2\xe1\x87\x86\xf5\xb3\x1f\xbe7\xccU\xb2\xf3\x83\x8d3\xad\'-[}\xbc\xfa\xe2P;J\xb1\xb1\x87$}9c\x14\x91Yd\xf0\xd8\xefKtlLX\x15;"\xf7\xee\rf\xfb\xf0:\x90\x07S\x8a(V\xff@#\x9dT\x0e\x1d\xc3\xd1\x88\xe9t\x85\x1d\x85\x859v\xde\xc1\xb1G\x9c\x00\x0f\xb0P*|\x11\x16\xb6\x13;\x12 \xe0\x82+\x014\x8f\xbd\xac\x96\x16\xb6\xc7i\xb50\x9f\x9a\x83\xd0\xc7\xd8\xf1\xda^\xd8\xe9\xab\\t6\xc3\xaf+\x8b\x13\x91, G\xec\x17\x98^\xfd\x07G\r\xd7\xa22y\xd2\x8d$&lt;\xed\xd2M\xbca|9\x7f\xe6AlI`\x8b\x95\xf7ny\xb95f\xc9\x197\xa05\x8b\xc6w\xae\x8f\xd4m\xb6,x\xfe3\x1f\x8c\xcbv\xc4A\xc3\xf3\x04e\xdd\xdb\x9f\xc4\'m\xf4\xd5\xc1&amp;F2\x95\xa2n\xe58z&amp;\x1f\xa6\x01\x86\xb4\x1an\x18mA-\xb9\xe9C\xef\x15\x12\x01\xd3\x98\xd5\x81\x02\x88\x1c\xb0\x1f\x8a\x8a\x017\x00\x08\xc4x\x9a$\x8a\x94\xf2 c\x18\x07\x8e\x8d\x82\xf5\x87\x92q\x88O\xb7\x85nI,\xcb/\xde.D\x84\x8aI\xb8\x19\'\x81\xa3\xfbE.LiH\x0b\tb\x86Sw7\x04h\x88\xd0\x7f\n\xf4\xff\x8d.\x8a\xa0\x17\xf7\x01$\xf5#\xce\x9c\x88\x88\x02] \xdcF\x86\xb5\xf5\xfc\x8a\xa0\xb50\xd4\x96E\x87\xa3\x12\xa1(\xf3]\x01\x0c::\'\xe6\x92r&gt;n\xe6\x8b`8\xe8V\xf5`:c\x9d\x8a\x1c\xb5\xc4\xc1R\xaf\xf6l\xa6Nm\x80v\xa7\xb7\xd4?\x14|\x12\xa6nL\x0f(\xd1\xde7R4p\xe4\xb3+\xa8\x10{[\x8dd\x9c:] \x91z\xbb[\x02\xc1\xab\xb8\xe4t\xed\xfc$s\x97\x9c\x84:[.\x9eN\x1av\x8b\x92\xba`\xd0\xc81\xa3\xc2\'\xb9\xd6\xf2z2\xd1f\x8a\x87\x89\x89\xa9\xae%oJ\x8b\xd3\xfe\x03\x8eST\xeb\xe5\xe6\x9fd]-\xf7\xe2RA\x0c5\x92\xb9\xe6\x90`0\xa6\x88\x93\xcfI.Q\xaaA\xab\xb9?\x00|\xd9O=\xc5\xb4\xbd\xc7\xbc3\xc6g\xbe\xe7\x85Z\x1c\x05O\n\x9f\xff{\xc3\xcf\xcc\xe1{\x00\xe0-Sj\xd0\xaa\xf0rO1\n\x13\x9d\x1d\x19KV\xe6\x9a\x0f`\xf3\xa0?\xbcg0\xbei\xfcbM\x99\x19\xa5y\x01\xa4\x98\x1a\xdf\xfd\xa1\x1b\x08g\x07\xfcP\xcb`$\x8f\x08\xb1kp\xb6^b8\xb3X{D;\x14\xf3\xbd9\x0f\xac\x86h&lt;\x1f4 )\xb9\xfb\xb0Xu\x01\xf0\x84\x16\x1f\xf7\x1es#eS\x16}AQ\xf2\xe6\xb0\x10\xfd\xa6\xf0\xf6\x915\xaf\x83c5\xc9@\xd53\x83\x86#\xb0Z\xf7u\x92/\x9b\xbc\x7f\x89\x06\xfc\x93\xa1\x1a\x99\xb6B\x9f\x14\xe3\xbc\x10\t\xec\xcd\xb3\xfd\x82\xe2\xceH\xd9]\xbd\xf2\x01\xab\x06\xf1\x192\x8b\xa6\xb9\xae\xfbM\xa2\xe7\x90\xca\xe2\t\xbd\x05\x8d\xb4\xcaoH\xe1\xf9An\x19\xd5\xbbs\x0b\xa4\xea\xfa\xa4k}=\xb6\x16\xc7V\x86\xc3\x93\xb9\xf5\x8d\xc8\xf8P\xdb\xca\xdc\x85(\xc9\xc5WA\xb1d\x92\xdde4\x17\x12\xfa"\xb2\x99g\x8a.1\x91\r\xfcn{\x16;t&gt;\x7f!$\xb6\xa1yQ\x9fB\x81\x82\x07\xd7*&lt;\xb1\x0f\xcc"\x8ay\xc8\xc0\xf7\xa5+\xccX\x82\xeeL*g\xa6\x13.\xce5/\xb5\xdb\x03eR\xb2t\xe4..0\xfc=\xd8\tFz\x87\xb9\x8a\xec\x8e-\xef\xfa:=\x89\xb6\x9f/\xba9h\xa8\xeaM\x84\x07M#P\xde\'\xdd\xb9\xe5sf\x06\xb0{\x96\xaa\x01\xeb\xa3Gy#\xbd`eN\xc8\xeb\x8b?\x07\xb1K\xaa\x93\x0f\xe2T\x02\xfb\x8c\xcf\x87Jv\x0b?\x1b\xa4\xfaN\xc5\xd2)\xb6\xb1\xec\xe8&lt;\x1b\xfa\x8f\xca\x04\xc0\xcc\xf4\'\xda\n\x88B)\x0fK\x8a\x83}\xc3x%\xde\xed\x12\xca\xa8\xfd\xe1\x99\xb1\x01\xf8\x10\xeb~\x91)\x93\xe5r0\x059\x9f\xe7\x07"{\x16\xed{s\x8b\xd77\x03\xd1&amp;b\xf7\x08\xbe\x11\xa2\x9dp/;\xf7(\xa6\x16%@\xfc\xa7\xf5\xfd\x8d\xc5\n\xd7\x9e\x82\xbd\xba\xb9v\xbc\x91\x0e\x00\x02\xfe\xa2\'\xc9\xff\xb0\x9b-\xb3\xcb\xf5\xc7\xea\xc6)\\\x91 ]\xec\xa9\xf2\x9b\xb1\xd0\xb4\xbehA\xa5,\xa75t&amp;\x0b\xcb\'\x88|V\xb4\xcc_]l\x81\x8f\xa5\x07\xb5@\x12\xdf\x9f\x18v\xca\xd3\x91\xd5Bc\xcb\xcc\x0f\x88Q\xcd\x80AyS\x88t\xb5\xbc\x977)\xca@"\xc9+\xc7K-t\xc0@\xfb\xaa\x15a\x1cD^\xe2\x10\xa6*c\xad\xb3Q,L9`\xc9\xe6G\xe1z\x87d\xe0Z\x894\x86\x91\x88`\x98C\x98x:7o"\xa7\xe6\x9b(\x10\xcd\xef\xfa{\x95X~\xf6Xs\x96\xc8\xf8\xda\xa3a\x84&amp;\xcc\xb4\x07\xd1\x8ee=\x89\x1d4\\\xc0Li\x97\xb9\x1aN/\xf4\x81\x83k\x8a\x9a\xed\xc2&lt;\xf3P/\xd9\x00I\xa9#.bg\xeey5\x8b\x8f\xd1\x0f\xaf\xfa:\x1c\x97\x16\xe7\xdb\xe6\xa4L\xdd\xe8_s\x1d\xe6\xf7\x867/\x8b\xe1\xdcq\xf7\xd2\xad\xe6\x8fut\x81 \x8eIt};\xdb+\x8bi\xa8\x0c\xd2\xec\x81\xd3!\xde\xc7\xa6\x18#\x85\x94\x81\xb9\xf79!\xb3\x9f\xe1\xe8\xfa\x19\x9eN\xfa\xf0&gt;\xa4g\x86m,\xfa\x99C&gt;\x94\x93\xc1x\xd9\xf6P2\x01&lt;\xfbe\x02D\x03\r\xe7rq\xce\x000hF\x1e\x01\xc2\x84\x13\xed\x082\xd7\xbd)b\x02\xb0\xcd\xb0%\x7fz\xc6[\xcd\xe8\x86\xb1\xf6\x0c\xf6\x82\xfa\x0c\xa1+\x08~\x0f\x07\nr\xc0\xdc\xaa\xc6\xb9\x90c\xcc\xc1=\xd5O\x1f|\x95\xa0\xaa\x96\xd8\xea\t0U\xd2\x9ejD\xb8\x16]\xc45\xa3\xfd!\xc8-\x06\xde\\\xa1\x9a\xad\x0e\x97\x9c\xee\x84\xc3\x9e\xe4\xc4\xe8\xb6P\x10U\r@{\x0f\xeb%Od\x07)\x15\xd3R\x0f3\x92\x98\xd1\xbfx\xfa\x9b\x00\xd0M\x88dv\xbc\xdbD|c\x90A\xc6\x80\x11\x9f\x9b~\xef\x8e4\tf(&lt;\xceX\xfc\x0f\x1al\xe4\xe5\x8e\xb2\x08\xa0|\xe7\xbe\xe9\n\xfcv\xb8\xdeC\x0en\xcf\xe11\xe3@\xab\x9b\xfb_\xbe\xf0\xafA}6\x0e^v&amp;\xc6Q\x0b\xa3R\xc6?*g\n\x8c\xb7\\&amp;K\x82\x9a\xf5B\x1c\x94\n\xd6\x05j\xc5\xa6\xf5\xbbT2#\x05\xde\x8b\x81 \xc2X\x1c[=\xfa\xd9\xe5\xd7e\r\x81\xb0\x86A\xfe \xb0\xe46\x8eLN\xdb~Z\xe4\xa6eD\x80\xe6\xfeW\xf3\x9c\x9br\xa2\xcaO\x97\xa0\xc8\xe2*\xc1\xa4\xa6\xb2\x19\xd5,\xaeb\\\x08\x85\x7f\xc9Es\xb0\x11\xa5}CBv\x11/\xe7\x92\xb3\x0b\xaf\xd1\xe8@\xf9\xe5\xfe\xb0\xa8W\x80\x9c2\x14!\x8ca\xcc\x0c\x0e\xec\xd6\x98?q\x81&gt;oL@\x9bFo\x04:?\xd4\x8f^c\xc9\xb6\xe3\xc8$\xd79\x9f\xd4\x07~]\xf8\x16{tX\xad\xd8\x9a\xeeO\xfa\x06\xed_\xba-C\xef\xa6b-D3`\x94\x14/E\x8e\x1fs\xba\xae\x84\xf8-\xb79\x0f\xbe\x1f\xf8\xa6kc\x87\xb6\xaa\x1a\xd5\xe8#=\x05\x12\xf5j\x08s\xa4k-\x8b7B\xd4\x1e3}\xa7!xzS\xceS\x1c\xe7\xc4K\x95\x81\x82\x00?a\xb88\xb0\xb1\x9c.\x06k\xd2\x13{\x9e7\xa9\x98\x00\xd7\x8f\xaa\xb2\xe1Z\x1c\xb0\x07&amp;\x8d;\xec\xca\x02\xc2\xf9\'Y\x86\xf0\xe5\xd9\x9e\x91w5R\xf8\x82\x85\xe6\x8e$\x9eDg;\xaa\x06\xbb\x82\x007c\xf2@\x1c$\x1b\xc2ag\x81\x0eu\x12\xc3KS\xa6)\xda\x0f\xceV\x95m\xc76\x0b\xa6\r\x88\x85\xf9M\xdc4\xe3X\xc5l \r\x85\x05\xbf\xd9Q\x06\x87\xd1\xd7\x16\x81!\xe6]8\xc4\'\xd3U\x8cIn4\x8e\x8b\xafb,\xa7\n\x19\x08\x17\xf3\x0f\xee\x99\xc8*\xefc\x93\xef\xe2\xde\xf4E\x93t\x94\xfeq2\x10`\xa7\xba`z^\x1cP\xc15\xd9\xc5\x0cF\xabE\xa7\x82\x8b\xc3\xc0~\xdcen\x82"\x04\x00R\xf0\xbbP\xf9\xd7\x1e\xbc\x9b\xdc\x1b\x17e\xa4\x03\x15\xdb1/s\x15\xfd\x0e\x80yX\x18\x0bc\xeb58\xb0\xcdw*=h@4\xe8\x1c\xbf\x03\xe0\x0f\x9c\r\xe9\x06A\xa5\t\x90\xb6\x8d\xf2~0]p:uV\xfd}\x10\xa7\x94\x83\xd1\xde$&lt;G\xa5\x7f"|\xb4\x91=\xb1j\xaf\x97\xc7\xbd+\xe1\x02k\xe1\xd5o\xdft\xaf\x93^\xdc\xcaPZ\xd3\xeb\xf0Ak\xdd&gt;\xe9\xc1dm\x9a\xa1\xb2G\xcb\xc6n\xc0\xb6\xaff\xc9\x1c\xa6\xa7\xc0\xdf\xa5\xab\xd4[\xfb\x08\xb5\x98&gt;?\x12\xbap\xf6^\xabe\xfc\xb6)P\xb6f\xefb\xe0k}\xcd\xf1\x9eA\xc30}\xa3G\x01\x01\xd1\x98h\xd5\xbe\xaa\xc7\x82\xc2\x07\ra\x14\xec\x07\x94\x7f\xd9\xe7e\xd66\xbe\x11;|\xae\xcb\xf6\x05z\xc5\xaf\xf9A\x9e\x17\x93\xa6\xc5q\x8c\xa4m_\xa4\xc0\xc31\xf0Wu(\xcb\x96Yd\xdaDA\xca\xe1\x94\xb8\xccD\xab\xeb\xfd\x82\xb1b\xae\x81\x9bgIT\xa8B\t\xbd\x82\xb6\x17\xb4\xedS\x95P\x8d\xa8&lt;Hq2\xc0[q`\xae\x04\xf9\xbb\xec\xe3]\xb56ed\xde\xcc\xbc\x8f\t\xec\xbb\na\xf4\x03\x86\x9aM\x8e:\xe0\xad\t\xc4VW\xaf\xe2\x87*c\x07&amp;`\xaf\x92\xd3\xaa\xaaw\x9e\n]Z@\xda\xc9VC\x0fyA\xf0\xaaA)!j\xd4;\xa2\xc8XNu\xe7\x0e\xa2\xb9k\xcf\x0fY\xbf3\xf7\x9d\x8cP\xab\xd9q\xac\xe73\x99\x13:[\x12s\x1e\xd0f\xabE\x1a\x18|\xcbm\x93\x80\xc6\x0e\x08\x95_\xa8\xe1_\'\x00\xc3\xcf\xa46P\xa8\xf1Ao\xe3\x938\xb1g&amp;\xca\x84\x85\x89\xc6\xef\x8an\xcf\xb4\xd7\x91\x9d\xc9:\x19K\x03\x1c\x13\xf8*\x1cF\xba\x04vADx\x81=\x91\xf0\xaf\xd1\x87\xa4Hb\xa3\x85\xdc\xdf:\xd2\xe3\x15\xf1\xea\xd2\xaaWse6y\xff\xa5\xfet\xee\x99\xa1\xdc[bE\xac\xdc5I\xf6\x1c\xe8O\xfe\xfc\xc6\x1d`\xa2\x9e\x8eL\xbe`h(\xa8\xaf\x9a\xf25\xe4\xba\xb8\x9b\x9a\xbb\xff\xb4R6/\xd5j\x01\xe0\xbcn\xcb\xd6OE\xd1\x14\xa3\xa3\xc0\x80\xa9Z\xdc\xdf,\x02B\xcb\x1b\xce\xd9\xea\xe2\x0c[,\xc8\x8e\xa9jZ\xdf\xdar\xc1\x07\xa8\x05\\\xac\x19\x94\xcf]\xfe\xb8|\x05d~\x19\xa9\x92\xf6\xd43\xc2'</t>
  </si>
  <si>
    <t>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</t>
  </si>
  <si>
    <t>b'\xbe\xa5\xf1\xb8\xfcc\x0f\xd0\x84\x10\xe0\xf1\xcb\xa9\x95\xcf'</t>
  </si>
  <si>
    <t>To this he was
 influenced by a double motive. He meant to debar her from the comfort
 of Emily's visits, and to secure an opportunity of privately dispatching
 her, should any new circumstances occur to confirm the present
 suggestions of his suspecting mind. His consciousness of the hatred he
 deserved it was natural enough should at first led him to attribute to her
 the attempt that had been made upon his life; and, though there was no
 other reason to believe that she was concerned in that atrocious design,
 his suspicions remained; he continued to confine her in the turret, under
 a strict guard; and, without pity or remorse, had suffered her to lie,
 forlorn and neglected, under a raging fever, till it had reduced her to the
 present state.
 The track of blood, which Emily had seen on the stairs, had flowed from
 the unbound wound of one of the men employed to carry Madame
 Montoni, and which he had received in the late affray. At night these
 men, having contented themselves with securing the door of their
 prisoner's room, had retired from guard; and then it was, that Emily, at
 the time of her first enquiry, had found the turret so silent and deserted.
 423
 When she had attempted to open the door of the chamber, her aunt was
 sleeping, and this occasioned the silence, which had contributed to
 delude her into a belief, that she was no more; yet had her terror
 permitted her to persevere longer in the call, she would probably have
 awakened Madame Montoni, and have been spared much suffering. The
 spectacle in the portal-chamber, which afterwards confirmed Emily's
 horrible suspicion, was the corpse of a man, who had fallen in the affray,
 and the same which had been borne into the servants' hall, where she
 took refuge from the tumult. This man had lingered under his wounds
 for some days; and, soon after his death, his body had been removed on
 the couch, on which he died, for interment in the vault beneath the
 chapel, through which Emily and Barnardine had passed to the chamber.
 Emily, after asking Madame Montoni a thousand questions concerning
 herself, left her, and sought Montoni; for the more solemn interest she
 felt for</t>
  </si>
  <si>
    <t>b'\xf8\x1fNu\xbe^\xfdP\xc8\x97\xd0\r\xd4\x02\x83\xcc\xe3\x8b\xfd\xa1\x15\x18\x8aQ\xe1i\x95-\x0f\xe1AW\x96\x1fp\xf5\xf7oG|IM\xe2+,\x87\x80\xe0\xc8\xa1G\xd0Y\x81z\x01\x9a\x93\xf0\xf2\xab\xd8\xafP'</t>
  </si>
  <si>
    <t>f81f4e75be5efd50c897d00dd40283cce38bfda115188a51e169952d0fe14157961f70f5f76f477c494de22b2c8780e0c8a147d059817a019a93f0f2abd8af50</t>
  </si>
  <si>
    <t>b'\xf8\x1fNu\xbe^\xfdP\xc8\x97\xd0\r\xd4\x02\x83\xcc'</t>
  </si>
  <si>
    <t>decided what to do, John?" he said. "I find you have not accepted either of
 those offers."
 "No, sir; I have made up my mind that if I could get a situation with some first-rate coltbreaker and horse-trainer, it would be the right thing for me. Many young animals are
 frightened and spoiled by wrong treatment, which need not be if the right man took
 them in hand. I always get on well with horses, and if I could help some of them to a fair
 start I should feel as if I was doing some good. What do you think of it, sir?"
 "I don't know a man anywhere," said master, "that I should think so suitable for it as
 yourself. You understand horses, and somehow they understand you, and in time you
 might set up for yourself; I think you could</t>
  </si>
  <si>
    <t>b'\xe0bo\xc3\x08Z\xfb\x92'</t>
  </si>
  <si>
    <t>e0626fc3085afb92</t>
  </si>
  <si>
    <t>ex organs, development of growing
2024-25
CHEMICAL COORDINATION AND INTEGRATION 247
ovarian follicles, appearance of female secondary sex characters (e.g., high
pitch of voice, etc.), mammary gland development. Estrogens also regulate
female sexual behaviour.
Progesterone supports pregnancy. Progesterone also acts on the
mammary glands and stimulates the formation of alveoli (sac-like
structures which store milk) and milk secretion.
19.3 HORMONES OF HEART, KIDNEY AND GASTROINTESTINAL TRACT
Now you know about the endocrine glands and their hormones. However,
as mentioned earlier, hormones are also secreted by some tissues which
are not endocrine glands. For example, the atrial wall of our heart secretes
a very important peptide hormone called atrial natriuretic factor (ANF),
which decreases blood pressure. When blood pressure is increased, ANF
is secreted which causes dilation of the blood vessels. This reduces the
blood pressure.
The juxtaglomerular cells of kidney produce a peptide hormone called
erythropoietin which stimulates erythropoiesis (formation of RBC).
Endocrine cells present in different parts of the gastro-intestinal tract
secrete four major peptide hormones, namely gastrin, secretin,
cholecystokinin (CCK) and gastric inhibitory peptide (GIP). Gastrin
acts on the gastric glands and stimulates the secretion of hydrochloric
acid and pepsinogen. Secretin acts on the exocrine pancreas and
stimulates secretion of water and bicarbonate ions. CCK acts on both
pancreas and gall bladder and stimulates the secretion of pancreatic
enzymes and bile juice, respectively. GIP inhibits gastric secretion and
motility. Several other non-endocrine tissues secrete hormones called
growth factors. These factors are essential for the normal growth of tissues
and their repairing/regeneration.
19.4 MECHANISM OF HORMONE ACTION
Hormones produce their effects on target tissues by binding to specific
proteins called hormone receptors located in the target tissues only.
Hormone receptors present on the cell membrane of the target cells are
called membrane-bound receptors and the receptors present inside the
target cell are called intracellular receptors, mostly nuclear receptors
(present in the nucleus). Binding of a hormone to its receptor leads to the
formation of a hormone-receptor complex (Figure 19.5 a, b). Each
receptor is specific to one hormone only and hence receptors are specific.
Hormone-Receptor complex formation leads to certain biochemical
changes in the target tissue. Target tissue metabolism and hence
2024-25
248 BIOLOGY
physiological functions are regulated by hormones. On the basis of their
chemical nature, hormones can be divided into groups :
(i) peptide, polypeptide, protein hormones (e.g., insulin, glucagon,
pituitary hormones, hypothalamic hormones, etc.)
(ii) steroids (e.g., cortisol, testosterone, estradiol and progesterone)
(iii) iodothyronines (thyroid hormones)
(iv) amino-acid derivatives (e.g., epinephrine).
Hormones which interact with membrane-bound receptors normally
do not enter the target cell, but generate second messengers (e.g., cyclic
AMP, IP3, Ca++ etc) which in turn regulate cellular metabolism (Figure
19.5a). Hormones which interact with intracellular receptors (e.g., steroid
hormones, iodothyronines, etc.) mostly regulate gene expression or
chromosome function by the interaction of hormone-receptor complex
with the genome. Cumulative biochemical actions result in physiological
and deve</t>
  </si>
  <si>
    <t>b'\xacv\x15\x87\x18\xa7s\xdb\xe8\xbc\xf9\x84\x115D2\xdd_q\xaa`\x9e$\xdez\xca\x05)\xb5\xb3\x8c\'\x8b&amp;\x80\x17[+\x9eN\xe4q\x94\x8d"u\rd\xc0A\xdc\x93b\x84\xb2\x19\xd16e{\xb0\xd6\xa5\xc7\xad\x83\xb2-\xb8\xf5%\xdcY\xd9\x0fI\x9c\xd829\x90\xa4\xda\xa8\x01\xaa\xb5+OR\r\x9dgj\xef\x13\xd0)JT\x93;\xce\xc9\xcb\x94\xbb7\xba\x95\xd3y\xf9:U\xab\xba\xb9\xac\x91\x82xz\xc5\x0ev\xd3\x15\xd9\x8d\xe1\xdd&gt;h\xb4?\xd4\x1b=B\x046\x98\x99\xf2"_\xa3F\x19&amp;\x06\xcf\xd1\xe8S\x92_\xa9~M\x90B\x1d1\xfc\xca\x9d$\xbe2\x8eu\xe3\xc8\x9c\xa1\xc9\xb0\xeeF\x05&gt;\t\xe4\x12p\x1bh\xba\x840\xa7\xc9p\x0b\xbc}Z&gt;\x91;\x129\\a\xf0me\x1f\x7f~\xd2\xa5\xaa\x14j\x8c\xaa\xaf\x9e\xca\xeef|\xf5\x91\x86\x01\x03\xbd\xda.@n\xca\xafPPvu\x9c\x89A\n\x8b\xcf\xc0\xcc&lt;\x9a\xd7\xc4\xc83\x8a\x06:\xa1\xe4s\xe3\xdb\xbc\xff\'\x12rF\xcc\xdc\x1dmo\x9e\x84\xe9\xc7\xb2\x80\xe1\xef\xe2S\x08"\x82\x89\x91\xde0\xf0}B#\xb6\x12dT \xb4\xd6\x07\x1e\x1c\x0bwQ\x1a\x1c\xb3\x14\x0f \xc6\x81\xf02\x0cO] *mp\xdb\xb8\xf6\xa9\xd7\xba^\x91l\x19\x96=K}\x8eJC\x94\xc5eF\xed\xb8,h\xc116TZ"\xfc\x97\x81\xe59F\xcc7.\x87\x04\ndH\xd4*;\x13f\xd3\x1b+ds\xeb\x10u\x12\xef\x85C\x10\xe0H\xaf6\n\xfa\xbb\xb4\xfa\xb8\x82\xac\xbe\x96sK\xe9\x0e\x0e\xcf\x85\t%0 #\x9c\x8a\xb9?"\xdek/?Y\xdc3\xdeO3\x90&lt;)`\x8c\xb8l\xe7NQ^_\n\x11\xa5\x1c\xd7\xc1\\\x11W\x16\xeb\xb3w#B\x9aI\x91\xdf#\x08\xbb\x94\xa7\xab=\n\xd6\xba\x1f"N\xb3\xab\xf6\x86l\xb5\xfdZ\xb5X\xb8y\xf1\x80\xd85W\x05\xce\x89\x9c\xda\xd847\x8f\x18\xe6q\xe9\xcc\xda\xf5\xae\x84\x93\xb1&lt;[Y\x93\x99\x82\x1e3T\xc4\x07\x10B\xe9\x92;\x91_\xda\xbevS\xf7\x94\xfe\xe2\xc32\xf2\xf4C\xdf\n\xd4\x8e\xd4\xd6\xba\xd6\xe0\x8f\xe0f\x9dV\x88:5_\xb0\xc4AKi\xcd\x14\x9a(\xd5\xe1\x1f\xf2\xb4\x86O&gt;6Kg\x0e\x06^X\xc9x\x0f\xa1\xd6o\xb1\x8b\x9ck\x1c\xc6\xe7\xa5|\xe1\x18\xb4\\\x04m*5\xc0FT\xa5\xa8I\x14\xa6\xe9\x00\x01#\x92v\x14\x8cch\x0c\x86\xe9B\x8c{r\x94@+\xe0K\x1e|w\x945RK\xe0\xc4\xd3\x8aWR\xb5\xe2\xd6\xbf\xdd-g\xe2\xa1\xef\xb3t\xcc$\xb8gp7\x8d\xfd\x8f\xa6$\x1e&gt;s,\xf4R\x9b\xdd\xba&lt;\x9em\xc7%\x95\xb3\x12\x9e\xe8\xf9\xa5\xa0L\xe0;\xc6\x15E\xe5\xb9v?%\xd4P\x95\xdfqR\xbe\xca\x80 7\x103Co&lt;\xb2z}q\xf1\xbeT\xea\x9d\xc6|\x13N5{\x1c"U\xbf\xd9\xbc\x06}(\xc4#R\xff0\xae&gt;\'\xf1\xb2\x8de\xa9\x90\xf0\x0f\xdc3\x97\xc8\xe4\xe8\x9e\xa1\xf8\xd8y9\x85\xa5\n\xd0\x07b\xb2\x8e\x13\xfa\xc3\xed\xe5a\xe7hb\x0e\x1d\xdb\\\xc5T%\xd7\xca&gt;\xb4\xb9\xebd\xc8L`m,7\xc1\nO\xa6\xb0\xd5\xaeX\xa3\xc4\xbb6Jm\xd5/\x93\xacD(\x9eR\x19i\x86;G\xa1w\xeb\xdf\x04/uN\x17\x93\xceb\xb8\xd1\x19\xec\xe5N\xc2\x93\xab$\x87\xfcC\xd1\x9c\xa6)6G\x83,\x0bS\xaa\x1dm]\xc0\xe0\x1c\xe9N\xea?\xc9!\xd4\xfb\xb0\xd3@\xdb\x07j\x86\x91`]\x06aN\xa3f\xbb\x18\xf2\x15n\x93\xd19/\xf5\x13\xba6\xa7-\xeaw\x07n-&amp;\xf0\x10Z\x92\xe1\x0b\x8e\x0f2\xe6\x0e\x86zM9\tk6\xa4\xe2\x99\xd4\xb5p\xe6|}\xe2&lt;\x13\x0e\xc3u"\x0cH\xf2\x15I\x8b\x17\x07\x1c\x8f\xcc\xb51&lt;b\x05\x8fz\x8eg&lt;F\xa3\xfa\xc2\xa5\x0eM\xc6ot\xfbI8\x8ay\xb8\x9b\x14A\x83.\xee\xf2\xc5\x16\x86\x92\xb1F/\xec\xd5\xd3\xc3o\x15\xb0\'\x0f\x87\x87\x8bj\xa1\xad\xff%\x01\xc6\xa0koF+\x06\x1b^a\xcc\xe8\'t\xa62\xf3\x05!\x7f\xeb\x93\xef\x0bG\xcf\xc6\xde\xa6\xef\x8dW\x83\x9e\xe6\xfdd\x02$\x81\x96\xc2\xd1\xd5;\x96\xe4\xde\xfa \x16x%X\xc3JO\xbe\x87U\xf6\xa6vC\xa88\x8b]\xbf\xc5\xd7\xc9\x88\xbe\xa0\x0b\x8e\xff\xc0U\xf68\xc8\xe6_\xba\xf1e\xe1U\xb4\x10\xf9\xc6H\xe4\xc4\x18\x90ZI\x93_q\xc1{a\x8d\x13\xee)\xf9\xc7\x1e\x85\x12%\xc1\x987dKj\x84\x9b\x9e\x0c]\x94\xbc\xcb\x0f\xd24\x12*\xcb\xbbSRoI\x0b;\xdd\x85K\xd1\xe0r\x9b\xf2P\xbcX\t\x88\x05\x82\x9c+T\xbb7\x91\xd5Su\xaaO\xb7%\xbc\x80\xcar@\xa9\xe8\x843ZRCaX@\xd1\x1b\xf9\xd4\xdd\xdc~2\xe5\xe2|Od\xbb\x89\x1c\xa0j\xfc\xa4\xc0]e"\xda\xe7a\xa0"P5\x11\xa4\xa7\\\x99D\xcd`TL\xf7LF\xd70\xa4\xf3LG3\xe0W`\x0e\x8a\x92}\xa3\xb0!=\xc0\xfb\x8c,\x84\x11E\t\xa6j\x16\x1d\t\xf3\xe4\xd7\x88\xb0\xfd\xdde:\xbb\x91\x89\x8c\xfb\x06\x8d\xa0w\x07AS-8}\xe1\xff\x97\x02\xad\xf3\xd1\x92W\x94CM\x8a\xf7\x15\xf3\xdc\xa8\xdf#\xfd\xe1\xe9\xf9M\xd4{\xc7\xc5&gt;\xe8\xce\xf4f\x03+\x7ft=qCg\xad\x81Kz\x1bKj#\x8d\xe8\xe50\x10\xef\xb5r]g\x19\xe0\xfck\xb1&amp;\x84\xfbZ\x0b\xe9]\xec+\x8e\x87\x05,\'\x80\xbd\x8c;\xdb\x90\x89\n\n\xb5w\x9c\xb16\xca\xce\n\x8c\xa4E\x04\x16&amp;\xb2\x7f\xfd\x1a\xe5wq\xe4Z\x86\x0e\xf3\x94\xd6\x16^\xe6\xffg\x91z\xe4\xa6D\xc4\x11\xdc\xba(\x92\xf1\xfe)7\xff\x1d\x18\xa9\x04\xc1w\x9fD\xba)B3z\xc0\xb2\xf7&gt;LO\x85\xf8\x93\x86?\x9e\xbe\xcc\xdeO{\x87\xc7\x01cw\x05#_\xb8\xfdBVQ\xd9\x13yY\xf2\x15.e\xd6:\x1c\x9a\x0ch\n\xa5\x1b\x03\x86\xe9\x07!\xfbU\xb68\xc9\x1a\xcfv\x81\xdd\x02\xdbX;\xd88\xc1\xaf\xf7\xb4\xc9Z-\x8d\xe6!}\xaau\x11\xf0\xb1\xdb\xec\x8b\x1e\xaa\xde\xa1\xa0\xa2%\x95\xd0JT\xc8\xe1\xc3\xef\xe8\xccN\xc4\xd3x\xfb\xcdwt\x10\xc7\xa0\xd6j\xf8\x8e\r\xf3\xb6k\xa6\x88\xd0*KOG\x9a\xab\x0e1\xdcb7|_\x16\xad\xdcq\x05\xab"\x88\xa0p\xf1\xb7\x8b\'\x1d;\x990j2t\xc0"\xf2\xe9\xf9L7y\x9b\xe6\xdf\xcd\xc4\xa18\x18\xa6c\r\x83*\x9a\x1bl_\xb9\x9f\xc5\xf5U\x9d\xd7D\x90\xb5\x1d_]v\x89\x06zr\xb6*/)\x10\x1f\xc4\'T\xfe\xe5\x97ov*\xdb\xa3iH\xaae\xf6\xd1\xa4x\x97\x9a\xb6\xd6\x00\xbe\r\xdd\\2\x05\xc5\x0e\xd7\x02X5\xe0\xfa,\x85\tt7\xbc0\xe1\x95\x1f\xc1\xaa\xa8\x83|\xc1\x02&lt;\xea0\xc7n\'\x0e\xb7v&gt;\x8e\xd5\x91\x84\xa1\xb6\xba\x93i\x15;\x8d\x08\xd3\x18\xa4]\t]Y}\x8eI\x01\x16TV\xc2\xb5`E\xd2FO&gt;jd)\x7fY(\x15\x02\xafM\x89)3N7`\xa1&amp;\x84/\xe8\xfb\xaf\x1dBJ\x02\xf8\x02!\x99j\xac\xd2M\xaa*}\xca\x17\xc8Z\xd3\x02~\n\xff*\x93\xf1\x99#\xa3\x05\xc4\x00NQ\xa2\xd6T\xe6\x86\x0er_\x9e\xfdXDc\xf27\xff\x8a\xc3\x12\xb2\xca\x06\xe3\xf6V\x93\xb0pV+d\x89\xee\xc9\x16f\xf6\xc0\x0f\xa0\xa0%\xc1\xf3\x96\x02\x86MO\xab\x86O\t\xf1\x0f\xf9\xfa\x92Ove\xc0;\x84_V\xe5\x85\x99\xeaR\x19TU\xae\xe4\xdbm\xb8\xc8!\x14\xeb\x95)S\x7f\x94\x12\x0c\xccQ\xaaE:\x07\xf8\x7fQ\x0f\x92Rn\x81\x1d\x1fQJ\x19\xe3\'\x9a4=\xeb\xcbs\x11\xc1\x8a\x9e\xe5\x08E\xb5\xe0\r\x83N\xc0\xbfx2\x83\xb1\xf3\xa3\t\xfc\xaa\x14\xe7\xa3m\xed\xf5\xd4H\x04\xf6\x7f\x86\xebD\xddfZ=\x10\xcf=E\\\x8f\x9e\xad\xc0\xe1\x8d1\x90J\xff\xa9\xa9\xa7\x88"\xaa\xdd\xdft\x8aE]\x1e\xf6\xc1lZSt\xa4)\x11Q\x19SA\xe2e"\xa4\x1c\x8c\xef\x8cN\xb5\x9f\xa1\x7fF\xcd`i\x98\xb0\xb9\xad\xac\xd5\xdag\xa7&amp;w\x7f\xbb\xbb\x0fA\x95\x93\x05\x8ew$\xe8H\xa4\x8c\xff"_K\xc2\t\x1e@49\xbf\xdeY\xa5AM\x1b\xef^\xf8b\xc1H\xe2\x0bj K\xa5\xf3\xb2[\xfe\xaa\x893Z\x85\x97Uz\xb1t{\x84\xf1\x99\xbe\x81\xb4g\x80\xa7\xd6\xae,N\xa2\xab2z\xe4\x02\x1f\xfd|\xf5\x11\x0em\xaf\r\n\x13\xd8\xa5\xc1R\x82\xde\'\x95P\xee{\x08$ \x99\xba]\xd6\xcb\xc0k\x10\x14\x8eF\xfe\xcfB\x90!m\xf1\xd7\x9b\x06HnT\xf4\x03\xf74\x8a\xe7\xa7A\xc1\xa6\xda\xe7\xb3\xb6\x97\xdf]B\xa2\x88\xda3\xcc&lt;\xbc?M\xd4\xbf\xca\xe3G&lt;Lo@T\xe7\x1e\xfc&lt;\xed1\x84V\x0c8\x19\xd5\xf8O\xc4i\x7fId\xec\x94\x07\x80\xd4@\xd2\xf1MT\xfc\x0f4*\xafM\xde@\x9c|\x9cA\x1fas\x12\x87J\'\x1d\x9068|0+\xf3Ig.D\x14fxL!\xe9\x96%z\x146\xdel\xf8Wq\xadSb\x07\xb6\xc7\x9ew\x97\x15\xea\xcf3\xbfv#\\\xf7\xb1\x15H\x94\x9bJi\xe7\xcd\xc3,z\x15\xdf\x8d\x8bg\xb2\xea\xbe\xeeL\xe6\x85G\xd1\xac\x0e\xef7\x9a\xeaH\xcc\xa9\xc2Et2\xffOgY\x165Sww\xbb\xf1\x82\xf0\xa8\xabw\xc4\x06\x866\xa6\xbe&amp;\xf5l6y\xb7\xb7\xee\xd8\xc6U\xd9(\xdf7m\x1e\xc0\x92\x914\x14\x80b\x7f\xfd-\x80+\xdd7\x17\xe3\xdb\xf5\xc1\xe9\xd3\x8f\xd84O\x7f4~\x15\xfd\xeb\xafQ\xab;\x04\xe6N\xb2\xf0\xa1\xf7\xbb\xca\xe3"\x9e{\xd07i\x1b{N\xd1\xc3\xc76i\xb1\xd4\xd6\x8dt\x92j\xe9V\xf0S|PP\xcc\x05\xfb\x10-\xde\x113\'Xl\xd3\xf0N8\xd6\xc2\xd8]B?\xb1d\xa2\xc5K\x95Y\\\xfd[\x98\xfar\xd5Q\x91m\xe72\xc6\xb4&gt;7\xa8\xe4\xb2;\xd1\xc5\xe1\\v\xc8r\x93\x97h\xe3\xeby\x1c\xed9\xc5\xb4\xed\xb2\x02]\xa54\x80\xa6\xa9\xf1\xa9\xa4\xfb\xc1\x84\xe8t\xf7\x01\n1E\xc2\xb2\xc2`\xe1\xbe\xf7\xd3ta\x93\x16\x1d&amp;_\xcb\xfd\x82\xfe\x9e\x7f:d;/\x1a\xd2\x928\xc7\x92}\x03\x0e*\xaf\x0c\x97o\x13\xfc\xe8\xe9I\xf4\xbc\x9b\x16\xa8\xaa\xde\x8a\x08D\x8a%\xdbt\x82Rx\xea\x1e\x042\xc8x\x89I\xf8\x92S]o\x1dn\xde\t\x08jg987\xa6s{J\xc8\xe2&amp;R\xa9\xf1\x86P\xaes\xc7\xcah\x11\x18\x9c\xaaJ\xa1Y\xfb\xf5{\xf7\x16\xda\xa6\xf9\x07$\x0cj\xddb\x1c\xcd\xc2\xb8\xd3\xf6\xf23\x10\x17\x9e\x8d%\x97\x0c\xc4\xa6C\xc9\x19\x9azx\x13F\x81[L\xfd\xb9\x9c/p\xb4\xfa3 \xbb[\xddw\xfa\x94\xffN1u\xfaZ\xd7\xc1\x9bb\xd9\x9fk($\xafP&gt;\x840\xe8\xf5U\x17\xc4\xc8=\xf8\'$\x80&amp;\xed\x08O\x1f\xdc\r;]\x10\x94Lu\xe8q\x88\xa2\xc0\xe2%\x1aY_\x8c2P\x06\xdc{\x15\xd8E\x96@\xeb\xacE\xd8\xeb\t\xbd\n\x14jl\x97\xfd\xc1\xc9\x88(\xdb\xc9"\xa5\xcc\x9d\xd5\x17\xf6\xac\xd2F\xe6\xc9\xc3\xac\x1fv\xf9\xb5,7\r\x81\xd0\xe0~\x83\x1f\xdd\xca\xd0Y&gt;FY6+\xcf\x0f\xc2\xb8\x9fU\xfa\x96\xc9}\xf3@L\xfc\xf2\x06\x05K\x95O\xd2dEv\xd6\x03s\x11W\x1f\xc4k\x9c_\xe9\xcf\xfb_\x111\xcd^\x90\x0b\x86V\xef\x8fg\xe2u\x83Hcj`\xda\xb4v\xde&lt;\xfe\xf8\xcdN\x16\xd6L \xc2^\xd6\xda@\xf02\x00\x1b\xed\xa9\x88\x9f\x97G\x997\x97\x9f\xa2\xc9\xfaS\xe2\x1c\x90\xea\x8d\x871\xbf#\x98\xef\xe8\xce\xe4p\xfb\x08\xf6z\xa4m\xaa\x1eK\xd1\x00\x95\xfd\xdcD\x9a\xa91\xbc\xc8K\x95\x9a\xe7\rD\x08/\x83\xa1v\xf8\x9d\xb4\x99\x98E\x05j\x03\x8f$_\xab\x1a\x94[\x8f\xb1\x84\xcf\xf3F\xfb\x90\x1c \xdf\x96\x0fR\xff\xf1\xe3\xda\xc9S\x04K\xd2z\xefz\xac\xd8t\x01k\'6\xb3\xb5\x13\n\xf3\xc9\xaf\xfc6\x9f\xce\x86W\xdc\xba\xd0&lt;o\x81\xa1\x0e3T\x8c\xdb\xfe\xc1\xe8;Z\xac\xac\xcf:\xb9\xbf\xfb;\xc4\xe9\xad{ \xc2\xff\x9arEk\xe4,\xae9\xa0\xc5\xa2\xc5F\xa8\xf3\x10;\xa9\xf8\xe1\xcc9P\x9abY\x0e\xc4\xdca++\xc8N\xd3\x0eBB&amp;7%\x99\xef9\xd3\x02l\xd2]\xa0\x10\xf4\xed\x88\xaf\x0bp\xd9a\x9fQ\xdb\r8[\x1b\xba\x0c\x1f\x0b\x8a\x0e\xf5G\xc9D\xb5\x85/\x01\xaa\xb3!3Z`\xaf\xb3\xa51\xde\xe6\x17\xbc\x86G6&amp;\xb7=\xe9}\xa7\xa6\xdf\xc8a\x95\x11\xb5+\x1b\x86\x16\x8a\x9a\nZ\xe8w\x8b\xf4\xec.5\x8d\xd8\xdev\xad\xcd&gt;\x19u\x84b\xfd}\xb5c\x88\x9dl\x03\x1b\x95\x16p\xce\x94\xc2?7\x13\x13\xb3#}\x1e\xa6o\xa1\xec\xb1\x85\xedqs:\xfbL\xf4\xf6\xeb\xbd\x15\xb3\xb2\n\x8b\x9e\xa2\x1dm(\xd1b\xc0H)\x14\xa2\xf8\x0br&lt;j\xfc\xda\xbf\xdb\x80\x0fe\xabw\xbe\x1b\x92\x08\t\xc8\xffnOdz\n\x1fW\xe2\x921|\xf2n\xcd\x82\xf7\x0e9\x07S\xc8\xec\x91\x8fd\x8b\x01\x8a\xecr|Z\x9d\xd9\xe6\xfa\xc7{\xb2\xe2\x90\xf2\x01\xa6\x01\x8d\xfd\x90\xb7\xf2.\x9c1JCwj\x1e\xf5\xe5\xd1\xcb\xea\xc3\x96\xe3!\xe8m\x95\xca1\x15&lt;\xb2*\x166m\xd9\x15N\xf6F)\x08\x9e`V(!W\xa5\xbc\xf3\x1f\xa6\xe9\xacc\xcc6Z\xc3\xcb\x90\x9f\xdf\xabvU\xbd:\xe3z\xf2?\x91\x84\xad-1&amp;ls\x9c&amp;.\x7f\x99\xcaRv3\x13\xd8\xb0\x84\xc2\x1e\xc6bJ\xe4\x12\xc7\xbf8$\xf7\x17Q_:\xd8cs]\xdd#tl\x9a\x0b\xc1g@\x1a\x01\xf5\x16\xa6\xf5\r]\xf0\x8a\x8e\xa0b\x8aS\x14\x01\xe6hQ\xc7\xbf\x9a'</t>
  </si>
  <si>
    <t>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</t>
  </si>
  <si>
    <t>b'\xacv\x15\x87\x18\xa7s\xdb\xe8\xbc\xf9\x84\x115D2'</t>
  </si>
  <si>
    <t>th surprised and worried when she saw the
mark on Dorothy's forehead, for she knew well that neither the Winged
Monkeys nor she, herself, dare hurt the girl in any way. She looked down
at Dorothy's feet, and seeing the Silver Shoes, began to tremble with fear,
for she knew what a powerful charm belonged to them. At first the Witch
was tempted to run away from Dorothy; but she happened to look into
the child's eyes and saw how simple the soul behind them was, and that
the little girl did not know of the wonderful power the Silver Shoes gave
her. So the Wicked Witch laughed to herself, and thought, "I can still
make her my slave, for she does not know how to use her power." Then
she said to Dorothy, harshly and severely,
"Come with me; and see that you mind everything I tell you, for if you do
not I will make an end of you, as I did of the Tin Woodman and the
Scarecrow."
Dorothy followed her through many of the beautiful rooms in her castle
until they came to the kitchen, where the Witch bade her clean the pots
and kettles and sweep the floor and keep the fire fed with wood.
Dorothy went to work meekly, with her mind made up to work as hard as
she could; for she was glad the Wicked Witch had decided not to kill her.
With Dorothy hard at work the Witch thought she would go into the
courtâ€“yard and harness the Cowardly Lion like a horse; it would amuse
her, she was sure, to make him draw her chariot whenever she wished to
go to drive. But as she opened the gate the Lion gave a loud roar and
bounded at her so fiercely that the Witch was afraid, and ran out and
sh</t>
  </si>
  <si>
    <t>b'\xdbe\x03=\xa3\xad\xb7\xf4\x18\xf1\x8f\x84Nj\n\x9d\xf6\x15\xc9W\xa0\xd1&amp;\x9e\xe1{\xb8\xe9`\xfb`\x91\xe9\t\xbe\x99\n@\xcb\xc3\xec\xad\xc22\xae\xd6\xf1\x9b\xac\x87lH]M\xb8\xc8t\xb5&lt;\xd3\xbe1\xe7C%\x8d\xc2D\tS\x98\xbd\x82\x15\xe3kHq8\xbe\r&lt;\xa8\xc7+\x9c\xeckD\xcff\x84\xa38.\xbb|^`k+\x12o\x88&gt;\xa5;l\xcb\xde\xd1M\x0cb}\x8d\x19\x16*\xa6\xc3\x99jL]D\xda\xbaX\xeaI}\x88\xe5j\x8b\x03\x9e\xb1\xb8A\xb1\xa1n8\x12S\xa5F\x1b\xe2\xe8\xa6\xd4\x1a\x81(\x07\xee\xbe\x03d\xact\x10a*o\x8d8Q\x9f\xf8g\x13\xd2\xcf\x05\xa7\xe0\x11t\x1dj\x19\xc72\x97\x8a^\x14\xac\x19\x06j\xf4\xe0O\x00&lt;\x9a\x12\xf8\xca\xc5\xc8\xd0mE\xa9\xa6\xef\xe3+\x11c\xaed\xb1*\xc3\xab\xa2\x147&amp;\x1c\xbe"T\xa5g\xcd\x9b7\x85\xdd\xbcU@\xe6\x8c\xeb2\x14|\x8b\x97GGv8\xdbN4Be^\xd8B}ZT\x1c\xf2\xbe\x02\xd3a\x9d\x85-\xadi\xda\xf5\x87\xe5S\xa0\x93zv\xe4bi\x84\xa1!\xba]\x89\xce`\x19&amp;\xe5.*\'\xd1\x80\x87\xd7\xaf\x97\xa2[c\x8e\x9f\xb1\xb6\x82&amp;\x9a[\nE!IgO\xeb\xce"\x08^|\xd2\xe1\xf5\xe3\x1cc\xf6t\x92\xe9\xcc\xd6]\xe8\xbbG\xd9\xa6\x8d\x93u{\xe3(6\xa5\x8a\x18\xc1\xd5k\xa3&amp;\x81`\x14\xd8\x8e\xb1\x85\\:c\x0b-\xcfL(\xa1D\xe9\x82SEY\x8b\xa79\xf4[\x10O\xebo\xb3\xf8\xcbx\xdf\xb5\x9dD\xc8\x8d\x7f#@N\x17\xb3\x1cy\xd1\xea\xc1\xddK\xaf\xd6d\x1b\x00@\x0c"\x88r%*\x8e\xcb_\xc3\xe5D\xd1\x0e\x1c_\xc0J\x95\xc8\xef\xdd\xb2\x0b\xb0\x8d\xd2\xcb\x86\xf6"\xdc\xd87\xdcaf\xf7\x1b\x8b[X\x10\x1c\x1cD\xd5,:\x9b\xc5rB\xcf\x8d\x96\xc2\x80\x05m\xeb\xb2o)k\xd4A\n\x9dR\x86&amp;\x90\x94\xe2Qp\x85\xc1\x05_jv\xdf\xb7\xef\x1b\x17\xaeu@\xc6\x9d\x1b\xa8\xe5\x98f\x01\x11\xbd\xff\xfe\x05\xa00\xf1\xa2\xf8\x10\xd6\x87](\x95\x97\xe5\n\xdc\x8e\x89G\x02rZ~D{\x17\x9f}\x84\xc0\x88\xa6\x18\xde\x89\r\x8br\xe4\xab\xe2\xe3i\xe2\x93\xd7\x98E\xcd\xbc\xc6%,\xab\xd5\xaeg\xf2\x0c\xc6\xa1\x89\xfcx\xcd\x91q\xe3\x05\x7f\xc0\xc0\x17Lc\xd0\x90f\xc1\xb1\x1e\x1bC\xe4\x13\x11=\x98\xb5\xfb2q_\xa8*\x8fh\xd5\x8e\xb6\xcc3"\xe5o\xc5\xdd\xb1\x9cm\xa53\x17Yo\x00:\'\xfa\xf5\x07\xf39O/\xc1\x9d)\xdd\xe6\x85\xbb\xaa\x86\x8a\xc6&amp;\x02\xe6\x8c\\;\xa22\r\xf1#\x1eW\x85\x04\xacv\xd1\xa6\x7f7t?\xeaz\xd1")\x9b\xb4\xfbI\r\xc4\xe5\xf4f\xcaX\x88j\x01\xa8\x82\x1f\xa2\x1c\x91\xf7\xa6\xdd\x08\x1c\x07\\\xf05v\x82\x12))\xa4\xef\x12Q\xd9\x0e\x97\xbe\xc3\xb2\xb37wU\xe0X\x8f\xf9}r\x95\xdf\x8b\x05\xda\xd41\xa181V\x020\xe4\xd6i\xc2*\xf4\xf5h*\xdf\xaf[\x80\x08\x17\xcaB\x0f\x02\xb9\x92\xdc\x88\x1d\xca\xf3\xe3\xa8\xa3\xfb\xa5\x9c\xbd\xa3\xb0\xbd\x9a\xcf\x9e4\xb3\xbe\xe5\xd6\xf0\xce\x86\xaab(2\xfb\xd8\x0c\x0e\xc2\\\x98%\xb7\x87fq\xd2&amp;\xd4\xd7\x83\x96\xaaJ\x82\x04M\x8bf\x9e\xb3\xafA{\\\xee\xcf\xc4-6\xb6\x03\xfe\xc5\xbc/\x8b\x87ZrMAS\x9a\xfa\xd8\x1fN\x1f.i\xc1\x14S\x89\x9a\xcb\xdc\x83`2\x98\xaa\x97BO?\xf7&amp;\xcf\xc2\x1788\x82\x1b\xad\xa0R?\r\xe33F\x8a\xf9\xccIfv\x01/0icz\xfazGa\x82m\xf8?\xf5\xf3\xba\x00W^\xc0?qnI]\xe3\xc9u:n`\xeb;\xd1\xc7\xc0 \x83 B,\x8dMa\xee\xd9\x8fF5\xe3\x1f\xd1\xe6V\xce?8t\xc6\xd5(Q_U\xe6$\x03Z\xeb_(\xeeY\x06Y\xe0]\x91\xb7\t4a\xeaLX\xc9\xc6\xe4\xce\xba\x03j\xdcK!\xb5\x18|\x17\x92\xc8\xd16v\x9eLN1\x1brg\x0b\x9cQ)\x90t\xbe.\x1dP*\x08PV\xe3\x8aM\xd6\xd4eM@\xe1\xed\xc5O\x96\x81F\x01\x1d\xb1\xa5\xc7\x8fB\xe2!\xcd\xe7\xb6\x95Z\x10\xef\xf5\xa1\xcf\xdd\x8dG\x0b{C\x95\x14&lt;r\t\x0b\x86\xe1\xff&gt;\x90\xdf\xa9\xa5\xf4\xfb$\x9d#\xe0\x074\xaf\xee\xbd\xbc5\x93\x15DI7z1\x8eu\xd9\xa6.J5l_\xd0\x00\x897\x83Ms\xb9%pm\x00G\x07r\xc4z1\x11\xbb&amp;A\xad2\xf6\x11aU\xbe\xb9\x1dx\xd5\xab\x82\xa3\x1a\xa0\x9e5[\xc3\x08\x8c1\xd3\x1f\x98\x03&lt;{\xb5\x07a\xeb\xcf\xc5@\xbf\x08\xa9\x92\xdf\x97\xe0\xd1gfjF\xbe\x91\xb0/\x14\x0b\x85r\xba\x95\x9f8\xb1\xcd$,\xf9_\xd8U1b\x05\x15\xb6\xd3\x851T\xf3\xb9N\xb4\xd3\x86\xc2\xd8e\xfb}\'\xa7\xa1\x1d\xdc9\t,\x95\xa7o\x7f\xeay\xbcFXJ\xcf\x91\x0bv[\r\xab\xdf\x08\x9d\xa1\x1bWb\xd6(@\xf1\x91\xe9\xde\xfb\xc2\xe29\xda\x7f\xb9\xdfE\x80\xc6\xb9\x8f\xc2\xb4j?/(Fh\xab8\xb1V\xa3#\x8fP\x94q)\xeby\xf6\x17\x1cu_l}\xcd\x8b\xbb\xf0\x95&amp;\x06\x04S\xdeJ\xbb\xf9\xef\xea\xa0\x87#\xfa\xc1\xf9\x165\xa5\xb5,A\x15\x94\x80lmS\xfd\x91a/\xd5\x04(@\xfa\xa8j)\xf5\xd23\xe8\xc0\xb2\xf9\x9fb\x9bM[\xb3\x06mt\xfbG\xech\x07\xb0o8\xe0\xce\xce\x9bb\xa2a&gt;*\xc4l\xea\xdc~\xfa\x8f\x86\xc3\xf1:p\xdf.\xc1\x8a\x0e\xde&amp;\xd6.\r\r\xf9.\x97pl\xbfE4\xbc:eGk\x91f\xf9g\xfd\xf7&gt;\xeb\xf6X\xcf&lt;)*\x11E\x93\x19\x935\xad\x81\x85\x95\x10\xd7\xdc\xcca\xfe\xec)\x1a\xca\xda?o\xeb&lt;\xf9\xd4\x15\xcf\xee\x8b\x85:\x87\x02\x9e\x01\n%\xfc\xc6\x8bm}t\x99\x9da\xfb\xb0\x11\xf2o\xc1(\xa4m\xf6\xab\xedav\xb5\xf9\x88\xea\x16\x0c\x1a\xd3\x90\xfe\x1d!\xd5\x02\x03\xe9B$\xc2\xda2\x1e\xc2\x15\xeev[\xdd\xdd6\xa1\x84\xfc7\xb6 \x1b\x17{7\x83!\xf4\x08\xaa\x8d\x83\xd5\xa9\x9di\xf1\x86\xc6\xf6\x82\xb5H\xb6\x9f\xa2\xb5\x1cBM\x1c\xb5%\x8fc\x7f\x1f\x0e\x91\x16\xd9\xaev\x83\xc7\x1e\xa5x\x9d\x85\xb4U\\\xc1\x0cUHh\xe1\x02[X\xd9\x9b\x8d'</t>
  </si>
  <si>
    <t>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</t>
  </si>
  <si>
    <t>b'\xdbe\x03=\xa3\xad\xb7\xf4\x18\xf1\x8f\x84Nj\n\x9d'</t>
  </si>
  <si>
    <t>eyes and 
 looked mistily about him. First he recognized the doctor with an 
 unmistakable frown; then his glance fell upon me, and he looked 
 relieved.</t>
  </si>
  <si>
    <t>b'\x08\x9a\xda_(\xfc?\xa3\x0eH\x8b\x00\xe5Ks\x0c\x13\xa8\xff\x13\x12\xbez{Y\xd6\x92\xd2\xe8iP\xd7\x0euH\xe8\xbcy\x9bX\xb2*\x0c\xec$\x1dtC\x11|\x1a\x04\xb7TvA\xc9\xaf_SJ\xc9n\xb8\xd9\xad\x19g\'\xff\xf2aW\xff\xd7\xb7.\xc4\x99\xd5Md\x1a\xdf\xf3\xa1\xbd\xce\xb1\x19\x0b\x87?{^\x9c/\xcdZ\x03\x10;\x1a\x8c9\xd8-\xe9I.\x9c\xc9\xf21|\xf0\xe3;\x988;"\xb8\xe0\xf9z\xf4\xaf\xf9,\x05g\x876\xdc\xdf\xbc\xbe\xf07\x0fZsyja\xdd\xa4j#\xa3}\x9c\n\xa0\xaf\x9e\xdc\xc4}\xa4\x90O\x82&amp;n\'\x893\xa06\xa2\xec@\xc5\xd1\xee\xf6)c\xef\xdd\xba\xe8\x84\x8d*\x8b\x9eG&lt;t\xc9@\xdf\xf9\xe5?h\xb4\x93\x1f\xd0R\x94\xa1]\xa0L\x9cm*\x1f\xe5\xef*\xc2\x0e\x86\xa2\x14!\x8aa|\xd8#\xca\xfc\x87o\x02[\x914\\\xf8=\x8f\xe8\x84RY\x9b\xa7\xa3Z\xb2x\x19\x1e\xf1@\xa0\x01\x9f\xf6\xccpO-\xf8\xc2\xc2\x94\x8b\xf5n\xaa\x17\x11\x8d\xe5Y3/\x87\x94\xbfn\xd9G2\xf7\xea-Q\xcf0\xede\xba~\x05o\x00p\n\xd5\x0c\xb24N&gt;)\xd4\x8ec!|(\xf4\x8e\xabV\x1e\x9dY\xb22\x81\x1ab\x0b\x83\xae\x04\xc2\xa1c\x07\x1c#;\xb7\rU\x0e\xa8\xe5\xec\xfd\x05\x11\xaf\xd8\x8e\x1b\\\xb66\x0bG\xa0\xff\xa7At\x03\x8cg\x8d;p\x868f\xbb\xdd\xb7&amp;&amp;\xa6\xbb\x9a\xec\x82W \xad\xca0wB\\\x8f\xf3N\x84=\xfd&gt;:\xfeWZ\xde\x85L\'\x9f\x06&gt;\xf3\x9e\x00\x1dX\xf2\xf1,gD\x85w\x10\xde\xe5"\xd4\xc5\x1a\xa5\x02\x95U\x04b\n/\xf2\xdc\x83=\xba[\x06\xcb\x06\x1f\x07\xf8y\xe5\xc4\x1c/\x1a|%\x8cS\xbe?\xe66\xccw\t\xdb\xe9\x15\x13\x9an\xa8\xc9\xbf\xeb\xb0\x99$s\xee`c\xa4\xc61A\xea\xa5\xcf\x8e\x98\xc7I\xd3\x1f\x92\xb9\xc1\xc2\xbc]\x08jEr\xccPw\xbc+-\xf8\xac\xe9i]: '</t>
  </si>
  <si>
    <t>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</t>
  </si>
  <si>
    <t>b'\x08\x9a\xda_(\xfc?\xa3\x0eH\x8b\x00\xe5Ks\x0c'</t>
  </si>
  <si>
    <t>again as quickly as she could, for the accident of
the goldfish kept running in her head, and she had a vague sort of idea that
they must be collected at once and put back into the jury-box, or they
would die.
â€œThe trial cannot proceed,â€ said the King in a very grave voice, â€œuntil
all the jurymen are back in their proper placesâ€”all,â€ he repeated with
great emphasis, looking hard at Alice as he said so.
Alice looked at the jury-box, and saw that, in her haste, she had put the
Lizard in head downwards, and the poor little th</t>
  </si>
  <si>
    <t>b'jp\xa7}@ \x8f\x92\xfc"\x8e\x1eiY\xf4h(\xa79\xee\x19u3\xea\xa5\xea\xa6or!\xbac^+"\x7f=\xbcj\xb0\xf9\xe5p\x07\x1c\x03\xda\xe0g\xb9.\xbc\xc7{\xde\x05\xc3T\xc4\x14\xd9\x0b\xd1F\x0e)\xac7\x12\x9a\x13\xd8""\xf07\xb9L-\xbcN\x0cd\xd0QZ\xa7\xb8w/~\xa8\x82d\x14\xee\xc1\x02\xe6a\xeb\xf4\xbd\xe2\x10}\x9a"}b\x18\xf9)\xbc\xd5\xf4.\xd4\x98:\xf6\xda=:\xac\xae\xf1$\xe6Q\xab\x0baJa\xa2$=l\xd8\x9a\x08\x18\xde\xf6\xf9D\xc1\x9d\xfa7\n\xec\xb4\xef0\xaa\xcb\xabg\xd93\xb0\xf8\xd0\xfb\xd2N\xc20Z\xe0\xade+@m,;\xa0\xabo\x0c\xdb\xaf\x1d\x19u\xdd3\xd5\x11\xdd\xe3`e\x0f\xa9\x0e\xa7\x9aTJ\xa2[\xa6\x89\xae\x1d\x04m\xf6]\xb1\xe9\xbf\xe7\xde\xaa\xe6\xed\x18^\x9e\x8e\xe2\x1c\x7f\x0b\x99\xf7\xc5\x1c\xf2\x81X3\xb9\x82\xbf\x1e\x8bC|\xa6k\xdb9&gt;Tn.\xfb\xe9\x84\x80\xe2\xb8\x97rvz\xb8\xef=\x83\xb7\xf2\xb4\xe6\x1d\x9c\x0b\xdd,(\x99\x965\xf2\\\xcc\xe0\xba6\x11\xa0\xd2\xa3\x92\xe9\r\x1c\xa3T\xa0 \xe2\xdf\x9d\x1f\xba\x18a\xbb\xaaT\xb1U\xa7\xad(\x9f\x95ok9Tz\x94\x1b\xe1\xf1\x0e\xe5MH:%\x9b\xedM\xaa\xc0N3\x0eK\xf4\xde\x1a\xec\x99\xff\xd3\x05\x9a\x0f\xa3\xa0P\x96Ng\xe0\x9c\xcbB\xe9QU\xf2\x1dTNx\xbfJ\xc5m7\x88lR\x19\xc2\x87\xc3\x84\xb8\r\x9a\xdf\x05\x07\x8eL\x8c$\xa5H\xa7\x97u7-\xad\xe8\xbeW\x12X\xc2\xda\xcc\x96\x12\x0e\x9aR\xe6\n1\xa8t\xae\xfan0\xc7\xd9\xc0\xdc\x14\x9b\xf6_\x84r\x9f\xda\xc2P)3\xca-\xf8x&lt;\xc4\xe0\xc8\xaeC\x84u\x00Qc\xaed\xbe\xa0\xa8e\xa5\xa5\xe5\xff\xf7A\xee\xc3X})l\xcfe\xf5m\xb2\x86\xd8\x87W\x98#@&lt;c\t\xf1k\xac\xd3\xado\xc89Zr\x1c\xb7\xb8\x92\xa2\xabAP\xcfD\x16\xce\x83YB\x99\xcb\xcb\xb9\x19l \t8\x91G\x15\x94O\xce\xa5\xea\x05\x04\x90v@\xcd\xd7ey2\xbc&lt;e'</t>
  </si>
  <si>
    <t>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</t>
  </si>
  <si>
    <t>b'jp\xa7}@ \x8f\x92\xfc"\x8e\x1eiY\xf4h'</t>
  </si>
  <si>
    <t>price of a bratwurst in terms of a hot
 dog? All else equal, how does this relative price change if the dollar depreciates to
 per euro? Compared with the initial situation, has a hot dog become more or
 less expensive relative to a bratwurst?
 $1.25
 $1.05/per euro
 $4
 348 PART THREE Exchange Rates and Open-Economy Macroeconomics
 2. A U.S. dollar costs 7.5 Norwegian kroner, but the same dollar can be purchased for
 1.25 Swiss francs. What is the Norwegian krone/Swiss franc exchange rate?
 3. Petroleum is sold in a world market and tends to be priced in U.S. dollars. The
 Nippon Steel Chemical Group of Japan must import petroleum to use in manufactur_x0002_ing plastics and other products. How are its profits affected when the yen depreciates
 against the dollar?
 4. Calculate the dollar rates of return on the following assets:
 a. A painting whose price rises from to in a year.
 b. A bottle of a rare Burgundy, Domaine de la RomanÃ©e-Conti 1978, whose price
 rises from to between 2013 and 2014.
 c. A Â£10,000 deposit in a London bank in a year when the interest rate on pounds is
 10 percent and the exchange rate moves from per pound to per
 pound.
 5. What would be the real rates of return on the assets in the preceding question if the
 price changes described were accompanied by a simultaneous 10 percent increase in
 all dollar prices?
 6. Suppose the dollar interest rate and the pound sterling interest rate are the same,
 5 percent per year. What is the relation between the current equilibrium exchange
 rate and its expected future level? Suppose the expected future exchange rate,
 per pound, remains constant as Britainâ€™s interest rate rises to 10 percent per
 year. If the U.S. interest rate also remains constant, what is the new equilibrium 
 exchange rate?
 7. Traders in asset markets suddenly learn that the interest rate on dollars will decline in
 the near future. Use the diagrammatic analysis of this chapter to determine the effect
 on the current dollar/euro exchange rate, assuming current interest rates on dollar and
 euro deposits do not change.
 8. We noted that we could have developed our diagrammatic analysis of foreign ex_x0002_change market equilibrium from the perspective of Europe, with the euro/dollar
 exchange rate on the vertical axis, a schedule vertical at to indicate
 the euro return on euro deposits, and a downward-sloping schedule showing how the
 euro return on dollar deposits varies with . Derive this alternative picture of equi_x0002_librium and use it to examine the effect of changes in interest rates and the expected
 future exchange rate. Do your answers agree with those we found earlier?
 9. The following report appeared in the New York Times on August 7, 1989 (â€œDollarâ€™s
 Strength a Surprise,â€ p. D1):
 But now the sentiment is that the economy is heading for a â€œsoft landing,â€ with
 the economy slowing significantly and inflation subsiding, but without a recession.
 This outlook is good for the dollar for two reasons. A soft landing is not as</t>
  </si>
  <si>
    <t>b'0F\x02!\x00\x85\x8e1\x92\xd6\xf0\xb0\xe6\x7fv\x90~~\x00O+"\xa8!\xe9\x7f\x01\x81ys\xe2{:\n\xec\xe25\x02!\x00\xd3\x1b\\\xbfl\x89m\xb7\xd4*\xa6\xa1\xae\xcbB\xc3\xce\xd3.iE7^\xa5/\xa7&lt;,\xbf\x0c\xf3\xa1'</t>
  </si>
  <si>
    <t>3046022100858e3192d6f0b0e67f76907e7e004f2b22a821e97f01817973e27b3a0aece235022100d31b5cbf6c896db7d42aa6a1aecb42c3ced32e6945375ea52fa73c2cbf0cf3a1</t>
  </si>
  <si>
    <t>b'0F\x02!\x00\x85\x8e1\x92\xd6\xf0\xb0\xe6\x7fv\x90'</t>
  </si>
  <si>
    <t>le devices because thatâ€™s where hundreds of
 millions of users are, and those users stay on the platform because itâ€™s where the apps
 are. These other monopolistic advantages are less obvious than Appleâ€™s sparkling
 brand, but they are the fundamentals that let the branding effectively reinforce
 Appleâ€™s monopoly.
 Beginning with brand rather than substance is dangerous. Ever since Marissa
 Mayer became CEO of Yahoo! in mid-2012, she has worked to revive the oncepopular internet giant by making it cool again. In a single tweet, Yahoo! summarized
 Mayerâ€™s plan as a chain reaction of â€œpeople then products then traffic then revenue.â€
 The people are supposed to come for the coolness: Yahoo! demonstrated design
 awareness by overhauling its logo, it asserted youthful relevance by acquiring hot
 startups like Tumblr, and it has gained media attention for Mayerâ€™s own star power.
 But the big question is what products Yahoo! will actually create. When Steve Jobs
 returned to Apple, he didnâ€™t just make Apple a cool place to work; he slashed product
 lines to focus on the handful of opportunities for 10x improvements. No technology
 company can be built on branding alone.
 BUILDING A MONOPOLY
 Brand, scale, network effects, and technology in some combination define a
 monopoly; but to get them to work, you need to choose your market carefully and
 expand deliberately.
 Start Small and Monopolize
 Every startup is small at the start. Every monopoly dominates a large share of its
 market. Therefore, every startup should start with a very small market. Always err on
 the side of starting too small. The reason is simple: itâ€™s easier to dominate a small
 market than a large one. If you think your initial market might be too big, it almost
 certainly is.
 Small doesnâ€™t mean nonexistent. We made this mistake early on at PayPal. Our
 first product let people beam money to each other via PalmPilots. It was interesting
 technology and no one else was doing it. However, the worldâ€™s millions of PalmPilot
 users werenâ€™t concentrated in a particular place, they had little in common, and they
 used their devices only episodically. Nobody needed our product, so we had no
 customers.
 With that lesson learned, we set our sights on eBay auctions, where we found our
 first success. In late 1999, eBay had a few thousand high-volume â€œPowerSellers,â€
 and after only three months of dedicated effort, we were serving 25% of them. It was
 much easier to reach a few thousand people who really needed our product than to
 try to compete for the attention of millions of scattered individuals.
 The perfect target market for a startup is a small group of particular people
 concentrated together and served by few or no competitors. Any big market is a bad
 choice, and a big market already served by competing companies is even worse. This
 is why itâ€™s always a red flag when entrepreneurs talk about getting 1% of a $100
 billion market. In practice, a large market will either lack a good starting point or it
 will be open to competition, so itâ€™s hard to ever reach that 1%. And even if you do
 succeed in gaining a small foothold, youâ€™ll have to be satisfied with keeping the
 lights on: cutthroat competition means your profits will be zero.
 Scaling Up
 Once you create and dominate a niche market, then you should gradually expand
 into related and slightly broader markets. Amazon shows how it can be done. Jeff
 Bezosâ€™s founding vision was to dominate all of online retail, but he very deliberately
 started with books. There were millions o</t>
  </si>
  <si>
    <t>b'\xe1\xae#`*\x05\xe7\xaf\x00]\xdf\x10n\x16\xad\xe5\x08\xad\xf8\x17\x8d+\xf1\x8c\\\x01\xea\x9dj\x96o\xcb\xda\x1b\xda;4\xbdo7\xa4\xfc\\\xd1\x05\x918?\x96\x1d\xa6\x06\xac\xc1\xde\xf7\xd4\x17\xbf\xf7\xb5dDZ\x18\xdb\x07\xcd\x93\xb0\xd1\xcc\x14\x8bp8\t\x99~\xfb\xe1\xe7\xeb\xbe\x19UV\xe7\xde\xbe\xd7\xd3\xc3\xa7\xe3:\xe8ws?\x1b\xb2\x94\x7f\'\xab~\xef\x7f\x95\xe4H\x9b\x14\xb30\x99\xc4\x9b6\x8a\x7f\xab\x98m\xf7G\x1a\\]\xb0\x04 t\xc9/ac\xaa\x8c\x93\x18\x13\xb6sJDq\x00\x02\xbd\xc5l\x81\x1a\xbf\xed\xd3\xdd\x80\xb6\x08\x8e^eF&lt;{/\xd7#|\x99\xd4 \xc86\xad\tdH+\x8f\xd3\xd8.u\xfe\xed\x89`\x8b#lW\x93\xcb}\xef&amp;\xc1X\xf6\xd5\x0c\\t\xa5V\xb1sX\x16\xb5\x91\x98\xb0&lt;\x9e1\xd01\xdc\x91\xe4\xc7%\xee\xd2mdj\x86\x85\xf9\xe4\x11\x8dV\x13R)9\xb5\xd6\x8e\xe2s\x90dAg\xf4\x99\xdex2\xe9o\x8c\xeaL.\xfdm&lt;\xb3\xab\x91&gt;n\xad\x97\x87m+\xf3\xbb\x1bF\xbfH\x08\xd6\x83z\x1fR\xf1BY1\x90\x8b1\xb4\xa2\xc9\xe6\r.}*\x8b\xfd\xdf\x97\xb0#w4j!\x7f\x96\xff\xd81\xe1\xa6\x9a\x08nd\x92W\xd5n\x83\xf5#\xf1f\xc2\xba\'&lt;\x1e\x9f\xba\x7fk\xcd\xdb\x8e)\xea0.IrUjE\xdd\xd2\xb9\x97\x88YV\xdb\xa30\xc1X\x98\xc6x\xa6\x97\x04a\n\xe6\xd8\xca8\xd0\x1c\xe8\x95f`\xb2\xad=\x97bJa\xd2\xc7#X\xc9\xac\xd8\xc4\x14)\x10\xc2E\xceV\x10u\xafv\xe1\xc1\xb2\xfd\xebl\xc7\x1c\xba\xc1W\xad]=\xcb/\x87\x9d\xf8A\x97hRp\x8a|\xb3\xaf\x81\xe4g,\xe9\xe0:\xe3\x17p\'\xae\r\xf6\xde\xa3\x99B=\xc7\xda\xd607\xb8\xa4\xe5%\xa2\xd7\xc8\xf8\xfe#\x9b\x83\xb8\xd0\xb6\x13\xa93\xf3\x8e\xc4\xb2\xc3\xba\x01\xdd\x80\x16\x8f\x95\xdci\xde*\xcf\xd3\xe6Y:\x9c\x85\xee\x1f\xfd\xfa$h\x01\xec\xd7N\xef\x13~\xa5\x8d\x8d\xdd\x0c\x10\x9e\x87-\xd7\xf0g\x8c\xbaT\x1f(\xf7F\xb9\xb4I\xb9[\x01-\x93\x04l\xf9W\xff=\xf3\xa8\x14\xad\x94+\xcf\x02.\xa6P`\x00\x03\x0f\xa6\xab[\xfc\xd5\x9b\xc1\xc7\xa3N\xaa\xb8W\x82\xe6\xd3\x8b\xf5\x902\x86\xd7!\x9c\xbb+\xe1\x00\xf0Q\xcd9\x8c\xb3\x86\xa2\xdb.\x0fu\x01\xfeTRu\x1c\xe0\xef\xc8]\x96-u\x8a0&gt;\xdc~8\x97@\x9f\x08\xe9\xdb\xf7B\x17H\xcbd\x80j\xea&amp;\xf3\x19R\xa0\xed+\x0c\t\xc6^\xa9W\xe4a,\x0b\x0bAk\xbf\xdb\x01Ku\xc4\xe5`E\xe9\xf4F\x98"\x0bOB\xcc\x12\xa3\x9f\xcd\xce\x1cIou\x98\xc8\xfd\x0c\x82a\x10v\x7f\xa6.\x0f\xb6G\x0b\xd3\xb0\x9e\xc5\xb8D\x84\x81GL\xa4J\x8d\xc5oH\x18$o5e\x17\x1b\x9ce\xe1\xfc\xc8~\xb4x\xe1\xb44\xd9\xea~\xd8&gt;\x1b\xcc..\xed\xe5\xe9!\xe5PE\x84\xc7\xd8\xac!\xd3\xf0\xda\'O;\xe9\x92\x8fy\x0c\x83;R\n\xd0\x10\x05\xe0\x06\rW&lt;7\xcdom`\xcb\xe1\xc8g\xac\xe2+Y\xc96N\xea\xe1\xf9U\xd1\x80M\x8c\xe6\xd2\x8f\xcc1\xf6\x17\xf3IO\xc0\xbd\x9a\xf6\x11\x86\xb0&gt;\xfa\x90Y\x06cM\xd2\x18g\xcb\xd2\x04iK\x0c{\x96\xba\x83\xba\xdekN~\xf4 \x0b\x02x\xb7\xdf\x12.\xa8DfM\x1f\xbc\xa2\x1d\x9bs^|ok\x05\xde\x88v\x83\x8b\x1d\xec\x98\xe5\xc1\xf2\xd1\x16\x8a_\xc3\xd3\xd6AU\xb3\xf5\xe8\x02\x97\xd6\xb1\x91\xf5\x8d\xbb\x02\x90m\xd9\x8b\xf0\x80(d\x05*#"\xf2\xea\xb7\x10\xca\x9d\x14\xc9\x92\xb6\x0c\xb0d0\xdc\x94dC4ub\x83\xb4\xf6\xa8\x95\xe8\xdbZ\xb5H&lt;c\x9fY\xfa\x93\x94\x106g\xf8\x93\xa6\xe4rc\x8a\xbcP\xbd\xfd=w\xdaR\xd05\x01)6&amp;\\U\xd1\xb9\xb5x\x01\x94\xbf\xc9\'\xaa|\xc6\xc0\x85\xb3)a#\xd7\x7f\xbam\xaet\xd2X\xf8\xfd\x05-\xe2\xa0(&amp;HR\xc5\xb7 "\xc5\xed\x8c,\x08U\xbdi\x96ZO\xdcs\xf5\xedQ#N#\xcd{\xd7~f\xdc~M\xdaiV\xce\xd9pl\x87\xb4\x9c\x0c\xde\xc3\x02b\xec\xf4uyM\x80\xc00\xd0\xb1\xe8l\xae\xf6R%4E\x03OP\xde&lt;\xac\x1dw;\xbb\x07j\xfbL\xfc\xab\xad\xa8\x00\xebi~\xfc\xad\x13\xb2\xc9\x05\xef{\xef\xf4\x13\x04g\x14O\xe3X(\xa5F\x00\r\xae\xb9V\x8b\xba\xe5k3\xfd\x80\xa4\xa6\xe6\x0e\x01\xff\xa5=\xc3\x99\x9bM\x9d\'\xbf\'[2\x18\x91B2\x1c\xe0-\xe2\xba&lt;L_+!;\x90\x11\xb3\xf9\xb8\xe8\x94\xdf\x8a\x1fc\x8e\x17[\x8a\xd0\x97\xd5^\xbb\x01\t\xb7\xfeD@\x92\xec\xc8\x8c_a|ir\x97\xdc\xe6\x9f\xbaS\x9e\x01!b_\xe4\xf9\xe3x\xc8Y@\x00\x96$\xff\xbf\x8c\x05\xda\xc1d\xba\r4\x9dQm\x95\xfa\xebM\xc8\x92PMc\xe7&lt;t\x0e\x9bJ\xa0{|\x06\x9d\x00\x1b?\x86(\xea\xe2\xfeJ5\xc28pB\xb1\xd3\xfe\xfb\x0cX\x03\x8f\x7f[\xf7\x1c\xfb{\x1a!,\x1e\xafO\xfb\x01U\xb8\xb1\xb5\x08\x8f\x95W\xd6\x02/ \xf2\xb7G\xbf\xe1\xee\xe4\x00p\xa7\xbe\xd5y\x10\xbf\xa8j\xd4@\xb2\xd3\xa6\xf6\x00\xa8${\xfb\x82\xec\xbd\xc2B\xdf&amp;\xeb7g\x9f&lt;\x87\xc6{VT\x9e\xff\x1b\xce(!.\xe2;\x06lYdM`:\xef4t6\xb0\xfd~\x15N\xef\xf0\xdd\xba\xab\x9a\xfa\x88\xc2=\xafg\x8b\xd06d\x92h\x17\xdf\xa4kg!\x1bKvd\x8c\xa8\xea\x10\x90\xf3Q\xb1-\x07$\x92Z\xb3C\'h\xce\xf4\xaa\xf0k\x13"\xd73(j\xc2se\x8emw\xe6\xf4\xd9\x89\x0e\x87\xd8\xc8\xee\xe4*OE\xaaQ\xebR|V"1\n\x8b|\x0c\x08ZU\xb6\xa7)\x07\xfeL-\xbe\xbd\x91\x8a\xc1\nr\xc3\xded&amp;\x1co"\xf8,\xbe\xc7\x1dc\xd3\x1e\xe5\xc0~a16j^\xc6\xf1\x1a\x94cK\xc8M\x99-7E\xc8\xb7F\x12\xaa\x0fz\x8e\\\xb04\xdci\xb9\xdfz\xf6a,\x95{\x03\xb7djV\xed{x\xcd\xbd\xd5\xeb\xbf\xa4\xed\xebxcXYwF\xefVT\xef\x03\xe3\xda\xd2Us\xb6\xb8\xd9`[m\xe1\xcd\x03R\x01Hhr\x8e\xaa\t\xda\xc0X\xaf\xbd\xb4\xd2k3Q\x7f^\r\xd8a\xabWR5\x91\xb9&lt;(7!I\xb8\x86R2i\x9b\x10\xe2\x93\xd8\x9e\xcb\xb8F+\xf3n\x16\xbd\x8d\xcf\x8b\xfe\x0f\xb1\xa7\xf5\xc7\x9c6T\xa5&gt;\'\x8f\x90\xb2\x98\xcaj\xa2N\xf9\x81E\x87\x7f\xdb\xf8\xab&amp;\x94\xa1\xd4P\x17\xeb\x0e\xdbO!OA\n/\\CX\x9f\xc8M\xcc[b\xb9FB\xa9\x89D\x072r\xc0}&gt;\xb6"\xe5\xd6M9]\x83\x07\x07\x96\xc1{39\x9b+\xbb\x00\xccAPS\x8e\xd3\xfe\xc8&gt;\x91R\xe7b\xd2c/\xe0a\x9b\x03\xf9\x8b\x93\xea8\xdf\xab\x05\x03\xc4m\xfd#f\xfd\xe7x\xe6X\x81\xed_\xa2tn\\&lt;qf%\x08\xee\xe7\x1cFM\xe7\xe9Q\xa4\x04}Z\xf2\'m\xe8d&lt;XW\x8d\xa7(7\x11&lt;\x8b+\x00\xb2}\x7f\xdaX\t\xbb\xa0\x8f\x8a\x174T\xa6H\x12|+~\xd1k\xd4\x1e\xe4\xa0\xa2c\x96\x1fkX\xeaM\x18\x7f\xae|\n\x15\xf2/b\x88\xde\xe2\xf1`L\x8d\x03\x92d\x12\x042\x1alU\x9f\xbfi\xc31\x1cG(\x12\xca\xf1\xafR\x9d\xf0\x97/\x16W\xcf6t\xda+\xceZ\xfe\xbffl\xe1\x93[gQB\xbc\x91\x8e?\x96\xb6@\t\xea\xcf\x0fG\xa6\xf3\x01]\xf2D%\xe3T]\xed\xeb\x1a\xf2\xf1\x04i\xc2\xdagt\x07\xdb\xe8?\xad\xa8NT.\xcef9\x81TaW\x920\x824\xfeDO0\xfb\xc2\x02\x15\xc3\xb9\xca"_\xe2R\xf7\x16T\x1b\x9b\xca\x0f\xd3q\xcb\xb4\xe4\xc5c\x81{d\xfbB&amp;\x8fa\x82\xf8\x86\x9e%\x0e\x916\xdc\xad\xe5|\xb2q\xf6\x9f\x86$\r\xfe\xe8a\xbcM\xd5,\x03|\x8d\x04\xe4RN\xb2sC\xb6\xd2\xbc\xff\xdb\x19\xb7VP\xaf72o\xbd\xdeL\x1a_\xbe\xbf\xd1\'$\xc6\x1cc\x05N\xc6\xe2Ma\xafY\xb3\xc7\x00\x86\xca\xfam\xc3Z\xf0\x95\x11\x1e&gt;6\\\x9b9\xc9~\x9b\xe06\xb6)\xd7\x92\xb0\x1a\x92\xc2\x84}~MI\x133:\n\xee)\xe4\xa7wg\xbc7\x96c b+\x10ea\x9f(\xd3J_Q\x12\xa4\xba3\xa1\xcao\xd2m\xc6\xaf\xa6"[~\n9\xbeD\x1f@\x81|\xce\xa1\x83\x9a\xe0\x96\xc2J\xfc\xbc\xc5\xa4QL\xae#\xdfZ\x87\xae` K$\xa7\x8c\x12\x07~;U\x97\xdd\x1c\x1a7;\xc8\xffK\x87\\\xb9\xcbV#\xc8w\xa6\x06\x7f\xc6\x15/!\xec\xa9T\x92d\xd9k7G\x15P\x89\x90\x12\x9ci\xeb#\x86\xa6j\x1e_9T`{\xa1w\ti"\xb5\xea\xa4a\xe1=\xd0\x8b\x18B\x0e s\xc7y\xedj\xc9\xb2NR\x164XA\xb2\x90\xed\x1c\x83\\\x04X_\x17n\x0b\x7f\xf9\xec\xe9)\x02c\xea\x8f\x85\xd0I\x1f6w;\xc0\xadSHr\xa8:\xbf\x8e\xcc\x82\x190M&lt;\xba\xc4\x97\x86&amp;3\x18 J\xd8\xb7z\x85@ \xa1+\x91e\x11\xa1d\x7f}\xb5\xb3G\x8a t\xe0\xeba\xd7\xab\xf0p\xa9\x95\xcb\xc5\xe3\xd4\x9e\xb0\xc0\x02\x80\r\x95\xc2dk\xcfO4!n\xefao\xbe\x92\xc8\xc66\xd7\xbda)\xf1g\xd9\x9eVe\x015\xaf\x86{_\x8fY\x7f\xeaZ\x83\xc6\xcc\x1c\xf6%\x05i\xd2\xbb\xc6=\xab:\x90\x9e\xc1`\x946\xd88\xb5\xa1\x9a\xabX\xdc\xc0\xf4\xd6]\xcaN\xa3\x170&gt;\xa0\xa97\x015*\x1dT\r\x1a\xc9\x80z\x16\xb4\xa1\x15c&amp;\xfc\xefp\x10\x96:\x93V\xc8\x12\xfdK\xc3nj\x7f\xb3&gt;\xaa\xc8t\x8c\x91h\x99cj\x8e\x7f6\xf0X&lt;2\xa9m\x86\xa0\xa6I\x9c/\n\xa9T3\x9b\xf2-\xdd\xe9\xd7Jc)\x9f?x\xd9\xb6\xee\xc1\xa3(k\x9b\x7f\x08\x06\xf6\x0c\xc6j\xb1\xd5\x13zx\xec\x16\xd8K\xba\xf9\x8d\xf1@&amp;\xf8@D\x14\xe9,\xd0\x9f\xa8s\x8c\xd0{+=s\xb3c.U\x9aj\x95k\xa5m\xfelU\xd8\xb5\xbf\\\xe9\xdfL%\xca\xc5AdrZ_\x01@\xe4\xf3\x18\xfdJi\xe9j=\xbe\xc3wc\x1a\x02(\xf2\xf4]\x17+\x8dyK\xe8d\xd5\x13H\x8d\x82\x85\xc0]\xb9\'\x1dZ\x12\x16S\x9bOU\xe9\x88t*p#2\xae\x8dq [\x18\xd0\xad\xd2\x9cj\xa8\x01s9\x9e#\xbb\xa6\xd51\xed\x15 F\xcd\x80\xd4\xe0\x15`\x0e\xf2\xa2\x04)\x87\xf8A\xf2B\xc6\xe81nt\xf1\xf0\x1a\x0f\x16\xec$\xef\xf0R\xd0\xf7k\x99\x9cb\xf7?\xf7@\n5\xf3p\',\x06\x13*\xe2ux\xc9\xf0\x18\xa0\xa9\x87\x9c\xee\xe1\xe8\xb1\x95\n\x10\xa7\x0ep\xb0\x87+=\x91M8\x04\xca\xc9\xd8\xc5w\xd0\x98\xa0\x93\x10\xffDf[\xf1\xfb\x18\xa1d\xf2\xc4o\x944\x06|=\x9e\xc5T|\xd6\xed\xc4n!\xf5\xe1\\5\x14\xf6h\xb8\xa6\x97\xe8\t9\xcf\xa8CI\xf5\xae\x8ab]b2P??J\xc7\xd8\x805\xca\xa4$X\xea\xbb\xa4\x031\x82\x07\xe9\x98\xaf\xa0&gt;\x1e_\xd5s\xbd\x01\n{P6\xe69\x8dE\x9c\x1c\x13a#g\rL\x95\xfa \xfa\xdf&lt;\x96\xed&gt;JU\x0f\xc4\xca6\xca \x96,\x8c\xc1\xb8\xabj\x19\x0c\x8dC\xd8x;\x00t\x10\x96$\x97k~\xb6\xfa\xd2u=&amp;D\x9a\x9d,\x17\x81\xd6"\x1e}^\xd5\xf3 \xd9&lt;\xc7\x027aD%ya\xe6\xe6k\x9eQ1?+\x1aG\xc1\x17\xec\xf4W\xadj\xf1)W\x8f#\xe0\x96\xb4\xa0E+\xe7l\x14\x16op\x8f\x85\xe7\xaa$=I\x81ve\xfaT\x95W*\xe2\x88\x93\xb94\xc0\xc7G\x8bm\x85\x0f\xbe\xe5\xbd\xbb\xc1s\xb6i}n\x19\x01\xce?:\'\x89\'\x0b/L&amp;[\xdb@!C\xa6\x0c\x02*\xe1\xac\x0b\xbdb\xc295\xc5a\xbb\xad\x1a\xf6\xe9:\xdb\xa1~\xbc\xccP\t\xce\xb1A\xeeN\x0f\xd1.\xa3O\x87\xe5\xb8\xfa\x13\xa7S\x12\x81\x8eL\x89\xc1v\x01q\x83\xbbBGaw\xba\x0e\x9a\x03X5&amp;\x9f\xf1:/\xb7W\xd1\xf8P\r\x17\xb2\xdc\xa8R\xf4\xdf"w\x89t6\xda9)\x12\x8c\xf8\xc9\n\x94\x90$p\xc6\x0b\x9a4\xadp\x90\xe3|Q0\x85\xe6\xb2\'\x8c\nX\x1c\xbf\xdf\x18\n\xbf\xad\xe6\xb55r\xa2\xf7f\\Y\x0e|\x858E\x15\x7f\x95\x97`\t\xb6\xb2\xe9pf\xaf\xbc\xe5\n\x18\x16\x0e\xcd\xedW\xc3\x99\xcag\xfb\xab\x13D\xd5\xe9\xd8\xa04\xeb\x04\xaeT\xfbm\x17\xd8\x84\xd0\x08\xc9Z\xc5M\x8c\xdf\x94W@\xe6\xd8?2\x0b\xd9\x93\xbe{\x12\x9d\x16k\x96\x1b\xde+\xbb{k\x96\xe25\xb4\x9a\xd4\r\xdc\xe3\x16\xe4\xaeZ\xd0F\xe7\x9c\n\x01b\x93\xa5\xe1\x13\x18\xa7\xd5(\xcca\x14kwka\xb8\xdc\x9dY+(\xb9\xc6e2F\xaaJl\xad6\xd4\x9f\x98\x9d\xa8\x9a\x80\xb58\xc383\x07in\xc5\x835\x8blp\x7fXl\xc3\x96E\x97\xe7\n\x04\x9f\xc4v@\xcf\x9b\xbb\xdb\x83\x84\x94\x10\x91\xe7&gt;.\x86\xbd\xc3\xc4\x7f\x9d.\x01\x05\\6L\xc1\xe7}\xba&amp;E\xee\x8at\xf3\xbcWfX\x8cXc\xa1\xd1\xc5\xf0\xfaZ\x0fWN\x95{\ry\xa3Os\x04)\xce\xd7c+f\xdb\x11\xb7\xc4\x83*\xa3\x17_\x0c\x10BW\xef\xfe\xd69\xaa&amp;\xc7\x80\xe0\x0e\x8b.\x88\xaa$\xefG\x97&amp;A\xddN\xab\xe4L\xf9{Q\x17wjr\x82*\xf4\'c\x9b\x08\xd4\x12wY\x1c\xcc\x8a\x18\x1f\xe7\xd2\xa2\xfeh\xb2B&amp;\x9e\xd0\xf9O\x03R\t\x85G\xc7K\x8f\xa9[\xa3\x97\x8c\x0f\x14\xc2\xcc\x0b\x8b\x1f7\x8aD3\xa8\x1d\xe3_\x86\xa4^w\x1b\x9e\x888\xbe6\x87\xa5\x93j\xebN\xe1#@;5\x88&lt;\xaa\xf9Ot$\x03\xf0\x06\t\xad?\xbd\x0f\xc8~\x0e\xc4\xb2\xdc\x1dkw\x9e\\WM\xf7\xce\xc2\x84\x1d\'&amp;h^\xc3\x87v\x1f\xb0s:\xbf\xec\x02\xd7!\xbc\x03@\xca+\x91\n\xa2\x8dS\x1b \xd8\xf7\x81\xc5\xe9M\xae\x92\xdc\x1d\x98\xfcc@W)q\xa4\xad,\x1c\xcd\x9f'</t>
  </si>
  <si>
    <t>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</t>
  </si>
  <si>
    <t>b'\xe1\xae#`*\x05\xe7\xaf\x00]\xdf\x10n\x16\xad\xe5'</t>
  </si>
  <si>
    <t>frontier. It is illustrated in Figure 4-5: If the
 relative price of cloth is , the economy produces at point 1.
 What happens to the allocation of labor and the distribution of income when the prices of
 food and cloth change? Notice that any price change can be broken into two parts: an equal_x0002_proportional change in both and , and a change in only one price. For example, suppose
 that the price of cloth rises 17 percent and the price of food rises 10 percent. We can analyze the
 effects of this by first asking what happens if cloth and food prices both rise by 10 percent, and
 then by finding out what happens if only cloth prices rise by 7 percent. This allows us to sepa_x0002_rate the effect of changes in the overall price level from the effect of changes in relative prices.
 An Equal-Proportional Change in Prices Figure 4-6 shows the effect of an equal_x0002_proportional increase in and . rises from to ; rises from to . If the
 prices of both goods increase by 10 percent, the labor demand curves will both shift up by
 10 percent as well. As you can see from the diagram, these shifts lead to a 10 percent
 increase in the wage rate from (point 1) to (point 2). However, the allocation of
 labor between the sectors and the outputs of the two goods does not change.
 w2 w1
 PF
 2 PF
 1 PC PF
 2 PC
 1 PC PF PC
 PC PF
 1PC /PF21
 -MPLF/MPLC = -PC/PF.
 MPLC * PC = MPLF * PF = w
 CHAPTER 4 Specific Factors and Income</t>
  </si>
  <si>
    <t>b'0D\x02 )+X\xe8\xa0\t\xc0\xe1\xb1j\x91\x00\xc4\x1f\xb1\x05\xf4\x07J/\xe9\rO\x1e\x86\x9f\xfbq{{\xf2\x86\x02 z\xa2\x11T\xcc\xc0;RJ\xf5\x9e\xb9\x93Y\x84\xb9?:z\x93^\xc1@\x16\x91\x19gk^\r\xb4\xf9'</t>
  </si>
  <si>
    <t>30440220292b58e8a009c0e1b16a9100c41fb105f4074a2fe90d4f1e869ffb717b7bf28602207aa21154ccc03b524af59eb9935984b93f3a7a935ec140169119676b5e0db4f9</t>
  </si>
  <si>
    <t>b'0D\x02 )+X\xe8\xa0\t\xc0\xe1\xb1j\x91\x00'</t>
  </si>
  <si>
    <t>any electronic systems, e.g., in adaptors
 that charge the batteries of cellphones. (2)
 The pn junction is among the simplest semi_x0002_conductor devices, thus providing a good
 entry point into the study of the operation
 of such complex structures as transistors.
 36 Chapter 2 Basic Physics of Semiconductors
 (3) The pn junction also serves as part of transistors. We also use the term â€œdiodeâ€ to refer
 to pn junctions.
 We have thus far seen that doping produces free electrons or holes in a semiconductor,
 and an electric field or a concentration gradient leads to the movement of these charge
 carriers. An interesting situation arises if we introduce n-type and p-type dopants into
 two adjacent sections of a piece of semiconductor. Depicted in Fig. 2.16 and called a â€œpn
 junction,â€ this structure plays a fundamental role in many semiconductor devices. The p
 and n sides are called the â€œanodeâ€ and the â€œcathode,â€ respectively.
 Si
 Si
 Si
 Si
 P e
 Si
 Si
 Si
 Si
 B
 n p
 (a) (b)
 Cathode Anode
 Figure 2.16 pn junction.
 In this section, we study the properties and I/V characteristics of pn junctions. The
 following outline shows our thought process, indicating that our objective is to develop
 circuit models that can be used in analysis and design.
 pn Junction
 in Equilibrium
 Depletion Region
 Built-in Potential
 pn Junction
 Under Re</t>
  </si>
  <si>
    <t>b'Xo\xeei\xe1{\xebj\xbbMB\x98\x1co\xb3\x86'</t>
  </si>
  <si>
    <t>586fee69e17beb6abb4d42981c6fb386</t>
  </si>
  <si>
    <t>ed, for a little
 time after the children left, to play gaily on his pipes: no doubt rather a forlorn
 attempt to prove to himself that he did not care. Then he decided not to take
 his medicine, so as to grieve Wendy. Then he lay down on the bed outside the
 coverlet, to vex her still more; for she had always tucked them inside it,
 because you never know that you may not grow chilly at the turn of the night.
 Then he nearly cried; but it struck him how indignant she would be if he
 laughed instead; so he laughed a haughty laugh and fell asleep in the middle of
 it.
 Sometimes, though not often, he had dreams, and they were more painful than
 the dreams of other boys. For hours he could not be separated from these
 dreams, though he wailed piteously in them. They had to do, I think, with the
 riddle of his existence. At such times it had been Wendy's custom to take him
 out of bed and sit with him on her lap, soothing him in dear ways of her own
 invention, and</t>
  </si>
  <si>
    <t>b'\xc1\xbfC\xb5+:\xdc\x19'</t>
  </si>
  <si>
    <t>c1bf43b52b3adc19</t>
  </si>
  <si>
    <t>nominate some high officialâ€”a governor or member of
 Congress? It was not improbable, so agitated was the multitude
 before them.
 212
 Just at this moment there was an unusual stir in the human
 mass. All the hands were raised in the air. Some, tightly closed,
 seemed to disappear suddenly in the midst of the criesâ€”an
 energetic way, no doubt, of casting a vote. The crowd swayed
 back, the banners and flags wavered, disappeared an instant,
 then reappeared in tatters. The undulations of the human surge
 reached the steps, while all the heads floundered on the surface
 like a sea agitated by a squall. Many of the black hats
 disappeared, and the greater part of the crowd seemed to have
 diminished in height.
 â€œIt is evidently a meeting,â€ said Fix, â€œand its object must be an
 exciting one. I should not wonder if it were about the Alabama,
 despite the fact that that question is settled.â€
 â€œPerhaps,â€ replied Mr. Fogg simply.
 â€œAt least, there are two champions in presence of each other,
 the Honourable Mr. Camerfield and the Honourable Mr.
 Mandiboy.â€
 Aouda, leaning upon Mr. Foggâ€™s arm, observed the tumultuous
 scene with surprise, while Fix asked a man near him what the
 cause of it all was. Before the man could reply, a fresh agitation
 arose; hurrahs and excited shouts were heard; the staffs of the
 banners began to be used as offensive weapons; and fists flew
 about in every direction. Thumps were exchanged from the tops
 213
 of the carriages and omnibuses which had been blocked up in
 the crowd. Boots and shoes went whirling through the air, and
 Mr. Fogg thought he even heard the crack of revolvers mingling
 in the din. The rout approached the stairway, and flowed over
 the lower step. One of the parties had evidently been repulsed;
 but the mere lookers-on could not tell whether Mandiboy or
 Camerfield had gained the upper hand.
 â€œIt would be prudent for us to retire,â€ said Fix, who was anxious
 that Mr. Fogg should not receive any injury, at least until they
 got back to London. â€œIf there is any question about England in
 all this, and we were recognized, I fear it would go hard with
 us.â€
 â€œAn English subjectâ€”â€ began Mr. Fogg.
 He did not finish his sentence; for a terrific hubbub now arose
 on the terrace</t>
  </si>
  <si>
    <t>b')n\xd1\xb1\x99^\xe6\xe8B\x91h\x83\x17c~D\xc0\xadK\x94\xce\x10+\x8c\xca\x8b\x16\xc6\x04\xa4A\x8e'</t>
  </si>
  <si>
    <t>296ed1b1995ee6e84291688317637e44c0ad4b94ce102b8cca8b16c604a4418e</t>
  </si>
  <si>
    <t>b')n\xd1\xb1\x99^\xe6\xe8B\x91h\x83\x17c~D'</t>
  </si>
  <si>
    <t>nlike their bipolar counterparts, MOS differential pairs can provide more or less
 linear characteristics depending on the choice of the device dimensions.
 â€¢ The input transistors of a differential pair can be cascoded so as to achieve a higher
 voltage gain. Similarly, the loads can be cascoded to maximize the voltage gain.
 â€¢ The differential output of a perfectly symmetric differential pair remains free from
 input CM changes. In the presence of asymmetries and a finite tail current source
 impedance, a fraction of the input CM change appears as a differential component at
 the output, corrupting the desired signal.
 â€¢ The gain seen by the CM change normalized to the gain seen by the desired signal is
 called the common-mode rejection ration.
 â€¢ It is possible to replace the loads of a differential pair with a current mirror so as
 to provide a single-ended output while maintaining the original gain. The circuit is
 called a differential pair with active load.
 488 Chapter 10 Differential Amplifiers
 PROBLEMS
 Sec. 10.1 General Considerations
 10.1. To calculate the effect of ripple at the
 output of the circuit in Fig. 10.1, we can as_x0002_sume VCC is a small-signal â€œinputâ€ and de_x0002_termine the (small-signal) gain from VCC to
 Vout. Compute this gain, assumingVA &lt; âˆž.
 10.2. Repeat Problem 10.1 for the circuit of Fig.
 10.2(a), assuming RC1 = RC2.
 10.3. Repeat Problem 10.1 for the stages shown
 in Fig. 10.59. Assume VA &lt; âˆž and Î» &gt; 0.
 10.4. In the circuit of Fig. 10.60, I1 = I0 cos Ï‰t+
 I0 and I2 = âˆ’I0 cos Ï‰t + I0. Plot the wave_x0002_forms at X and Y and determine their
 peak-to-peak swings and common-mode
 level.
 10.5. Repeat Problem 10.4 for the circuit de_x0002_picted in Fig. 10.61. Also, plot the voltage
 at node P as a function of time.
 10.6. Repeat Problem 10.4 for the topology
 shown in Fig. 10.62.
 10.7. Repeat Problem 10.4 for the topology
 shown in Fig. 10.63.
 10.8. Repeat Problem 10.4, but assume I2 =
 âˆ’I0 cos Ï‰t + 0.8I0. Can X and Y be con_x0002_sidered true differential signals?
 *10.9. Assuming I1 = I0 cos Ï‰t + I0 and I2 =
 âˆ’I0 cos Ï‰t + I0, plot VX and VY as a func_x0002_tion of time for the circuits illustrated in
 Fig. 10.64. Assume I0 is constant.
 Q
 R
 V
 I EE
 CC
 C
 1 Vb
 Vout
 Vin
 R
 M 1
 VDD
 D
 in
 Vout
 V
 RS
 M 1
 VDD
 Vin
 RS
 Vout
 Q1
 I EE
 V
 Vout
 VCC
 in
 (a) (b) (c) (d)
 Figure 10.59
 I 2 I 1
 VCC
 R C RC
 X Y
 Figure 10.60
 R
 V
 X
 CC
 R C C
 I 2 I 1
 Y
 R1
 P
 Figure 10.61
 R
 V
 X
 CC
 R C C
 I 2 I 1
 Y
 Figure 10.62
 I 2 I 1
 VCC
 R C RC
 X Y
 Vb
 Figure 10.63
 R
 V
 X
 CC
 R C C
 I 2 I 1
 Y
 I T
 R
 V
 X
 CC
 R C C
 I 2 I 1
 Y
 I T
 R
 V
 X
 CC
 R C C
 I 2 I 1
 Y
 RP
 R
 V
 X
 CC
 R C C
 I 2 I 1
 Y
 RP
 (a) (b) (c) (d)
 Figure 10.64
 Problems 489
 V1
 R
 V
 RC
 C
 2
 P V1
 R
 V
 RC
 C
 2
 P
 R1
 V1
 R
 V
 RC
 C
 2
 P
 I 1
 (a) (b) (c)
 Figure 10.65
 *10.10. Assuming V1 = V0 cos Ï‰t + V0 and V2 =
 âˆ’V0 cos Ï‰t + V0, plot VP as a function of
 time for the circuits shown in Fig. 10.65.
 Assume IT is constant.
 Sec. 10.2 Bipolar Differential Pair
 10.11. Suppose in Fig. 10.7, VCC rises by _x0004_V. Ne_x0002_glecting the Early effect, determine the
 change in VX, VY , and VX âˆ’ VY . Explain
 why we say the circuit â€œrejectsâ€ supply
 noise.
 10.12.In Fig. 10.7, IEE experiences a change of
 _x0004_I. How do VX, VY , and VX âˆ’ VY change?
 10.13.Repeat Problem 10.12, but assuming that
 RC1 = RC2 + _x0004_R. Neglect the Early effect.
 10.14. Consider the circuit of Fig. 10.9(a) and as_x0002_sume IEE = 1 mA. What is the maximum
 allowable value of RC ifQ1 must remain in
 the active region?
 10.15.In the circuit of Fig. 10.9(b), RC = 500 _x0005_.
 What is the maximum allowable value of
 IEE ifQ2 must remain in the active region?
 10.16. Suppose IEE = 1 mA and RC = 800 _x0005_ in
 Fig. 10.9(a). Determine the region of op_x0002_eration of Q1.
 *10.17.What happens to the characteristics de_x0002_picted in Fig. 10.10 if (a) IEE is halved,
 (b) VCC rises by _x0004_V, or (c) RC is halved?
 Sec. 10.2.2 Large-Signal Analysis
 of Bipolar Pair
 10.18.In the differential pair of Fig. 10.12,
 IC1/IC2 = 5. What is the corresponding
 input differential voltage? With this volt_x0002_age applied, how doesIC1/IC2 change if</t>
  </si>
  <si>
    <t>b'%\xa6\xd9\x06o\x8a\x0e\xd0ed\xba\xe7a\xe9\xad\\'</t>
  </si>
  <si>
    <t>25a6d9066f8a0ed06564bae761e9ad5c</t>
  </si>
  <si>
    <t>n in areas such as a bathhouse
where members of different orders might share space, distinctions still had to be
observed. When we turn to the world of spectacle, the same divisions will at first seem
to apply. Before the end of the republic, seating at the theater was divided by class, a
distinction that was extended to the amphitheater and the circus in the course of the
first century CE. Many spectacles were associated with civic events; their provision was
the duty of city magistrates. To offer a spectacle was to assert superiority in the
symbolic system of exchange that governed social relations within the GrecoRoman city. That at least was the theory.
In practice the realm of spectacle was much less orderly than the theory would
suggest. Just as members of the aristocracy might break the rules of otium through
over-indulgence in the pleasures of the table, or by wandering the streets to seek the
company of prostitutes, so too the divisions of class asserted in the organization of
spectacle were liable to break down. Virtually every aspect of Roman hierarchy was
open to challenge â€“ public executions could go awry if the crowd demanded the
release of the condemned, gladiators could become heroes, charioteers could become
millionaires, and actors might challenge the order of society by the way they chose to
utter their lines. To be successful, a spectacle had to offer an opportunity for radical
changes of fortune; it had to stir the passions of the viewers.
To understand Roman spectacle it is perhaps best to begin with the emotional
response that was expected of engaged viewing, and the Roman fascination with
sharp contrast. Ancient thought often appears to be binary â€“ chastity can only be
demonstrated in the context of sexual temptation, honor implies the risk of dishonor,
courage of cowardice. To know that one was strong, one had to be tempted. To be an
aristocrat was to be free from the base desires of the common person, yet it was also to
provide for those desires. To be an aristocrat was to be in thorough control of oneâ€™s
passions (Gleason 1999a: 70â€“8). To do so one had to be victorious in the constant
struggle with the incitements to passion with which one was surrounded. One needed
to empathize with powerful emotions, to recognize their effect upon others, and at
times, one had to run the risk of experiencing them.
Just as the rhetorician Philostratus of Lemnos, in describing the pictures on display
at a gallery on the Bay of Naples in the later second century CE, enters into the
emotions of each picture, members of an imperial audience expected, or feared,
involvement in the emotions of the moment. As he describes the pictures, Philostratus seems to have f</t>
  </si>
  <si>
    <t>b'"Vk\x03\xa6\xc3\xe0 x\xa2\xb2\xff\x86\x9b\xfd\x95\xe0h%\xceZ\x8d-B\xbb\x7f%A\x03\x11qXd|\xc6\xc7K"\x97\x94\xf0:\xab\x95&lt;+.\xf2\xef\x91J\x8f\xcb\xffL\x87Jk\xe284\xfd6L\x02\xc7\xfe\xa2\x87\x86\x0b\x04\x87\x95\xed _\xee\xa6\x10\x91\x8fy\xe2\xff\xac\xfc\xbe+\xb3\xffby\x85\xa2\'\xe3\x90\xab\xa4\xd6\xd13\xb2\xa3j\xdf\x18m\xb7\x98\x17\xb3w\x8b\x9b\x85\x88\xa5\xf368\x81[9)\xb6\x81\xb4"\x7f\x10\xa31a7\t/\xceP\xb9\x81\xfdE\xea\x8c:c\x04\xfe\x93\xfe\xc1\xdf\xe3\xa0\xc5\x0b\xaa"\xf3\x8d\x13\xbcX\x1cu\xf6\x0f\x1e:i4\x06a\xa4\xb2\xdae\xa3\xed4e\x9a\xf8\xa2H3h\xe8\r\xc3\xc8;:\xc4\xdf\x9b\xc7\x9e\x9cLm\xcb\xb0\x9c\xbfVWnw\xd6\r\xbb*\x1f\x83\xf8g\xdc4\x84Q/~\x98\x85SS\xf4%\xd2\xcbp\xd4Z\x8f\xda\x97\xbdz\xe0*\xecj8\xaf\t&gt;&gt;\xffs&gt;\xf1b\xae\xdc+!\xa4\tYL\xecj\x85\x89Th\xd7\xb6\xbc\xa4\xcf=\xe9#l^\x14\xbb\xaf\x96\xef\x1f\x9ag\xb8\x1b\xd2S\x02\xbe\x8c\x9e)\x08C\xf4\xd2Z\xf6FF\x04\xc7G\x90\xed\xa6\xe1\xaf\xbe\xdf\x07\x1e\xb6\x1f\xad\xa0j"\xd1z\x9f\xed\xd8W\xba\xe1\xb0\x9d\x12\xf5\x9aC\xd2\xe5?\x81\xc5M=*\xee\xbc\t\'sS\x7f\xb1\xaf\xe2\xa3\xb4\xb8\xc81\xee\x98\xe5\xf6\x0b\x94Soy\x12;\xe8\xc6\xcfnL\xec\xcc\xba\xd5\xbfd\x16\xfb\x0b\x0f\xea@\x96\xd2\xcdc\xea@7\x0c8\x08\x90\xa6\x7fe\xf7\x16/\xd2I\x86\x04\xb2\xe3\xb3Q\xe7\xb7\xac\x96]\xc4\xe5\xa2@\x8b\x00\x1e(\xdcE\x85t-D=\x82#\xe4\xfd\x03\x1c\x02\xc6~\x86v\xaa\xcca\xff\x98C\xee\xebU\x06\'\xbf\xe6\'\xc2\'\x9c"\xf4\ta\xaf\xb2\xd8:\x8a\xb9\x8b\x8f\xab\x9c\x9b\xd9U\x8a\x8d4\n\xf2\xd4\xb7\xa9\x1a\x85\xa9\xe5"\xbc\xe2\x8d\xf2\x9e)\xc1\xeb;\xac\xbf)\xfam\xfc\xce\x80]\x1b\x94\xcbd\xd2h\x89\xae\nj\x9f_U\xdb\xee\x87\x18\xcc\xa7p\xa8\xd6F/\xeb\xf0g\x96(\xab\xc6A\x12\x96mZ\xae\xc0C\xfe\x907^M\x94\xe9\xfa/\x8c\xe5&lt;\x9a\xf8\x10\xdf\xa0\xeb\x02\xcb\xbf%9\x11\xf9\xccZ\xc4\xd4\xd6[zk~\x14\\\xf16\x12bgc\x13\xf2x\x90\xb0\xff\x15_(Y\xdb\xaehA\x07\x9a\xca\x82\x11\xa3\x95\x81n\xd0G\'2\x1e&amp;\x92q\x82)\x1d\xe2BC\x04\xe7\x11\x1d9"\xdc\xba\x8au\x85\x9a5+T\x11\\\xdc{sB\x07\x1aE&lt;\xdf)\x85b\xf1\xd8\xec\xe9\xe0+\x9d\xab\n/\xa7\xa4!\xa1+"I\xcee\xd5T\'tP\x92\\\xbaN\x0f\xca\x86\xd0\xb1\xf1\x9c\xb2\xa0W7R\xdc7k\xefC\xd9T\xb1\xe3\x05L\x9d\xae\xb0\xe4*\x02\x9a\xc84\xdb\xae\xea\xa4^q`\x86\x18\x08;\xe15\x87pk\xb6\xb3\x1d\x0eGK$\xf8\xa8T\xbb\xa8[\xb3\xe9\xecR\x9f\x9fH\x167 Y~&lt;C\xe9[\x08\xbf\x1b\x13@\xcd\x14\xb3\xc5\xef\xa5:\xc4\x12\xbd\xf8)8\xa4Z\x86\x06\xc3\x83\xd7#"\xebT\x0fI\x07\x11\xe4\x01\x80\xbc3|\x00Cp2\x8d\x9e\xfe\xea\xac\x8b\xa2\xab\xafu\xc3\x84\x1a\x7f~\x03\xa9\x82\x14\xd0\xad\x03\xd0\xfb\xbd#\xff\x97\xcbR\x94W\x9e\xf3\x17\xfe-\\\x11\xa2\x1e|D\xfe4\xfd\x07\x17\xe5\xa2\'\x0ek\x90\x85\xebkf\xa2\x89!\xa0O\xe2X]\xe1\xbc\x9d\xcdu?g\x0br\x86\xbf\x9ff\x94\x9eM\xb4\xdbM\xcb\x14\xd9\x8b\xc8\x90\xab\xea\xfeD\xc5K\xdb\xe1\xf8\xef\xb1\xd4;\t\xa6V"o\xe8\xe6,-\x071\x17@\\\xcf\x18\t\x14I\x07\x1c\xfb\xd0r\x07\xbf[k\x18Rv\xe3\xc6\xb6Z\xe3B3Q\x07:g\x8bJ\x8e\xce_\xd8\x97\x9d\xed@!\xd2&amp;\xf9\xae\x1b\x8b\xe28\xd9\xd5n\xfeq|\xa1\x00IQh\x90\xac\xbbB\x15e\xb7\xa4\xce^\xdf\x94\xe3=\xd1c\xdb3\xc8\x9d\x81+\xfe9\\\x97\x89?p\xf6\xb8eg\xa4\n\xda\xa3n\xc9nw:R\xd6P\xe8\xe11\x1c\x9f|?\xd3\xa0\x8acA\xee\x9e\x83\xba\xe5bh\x0f\x8a5\x9a\x0b\xab1t\xc9Z\x90O\xac\xc6\x89$I\xe9\xab\xc4\x98\xfdWA64\xb9M\x8c =fo\xec\x83\x8f?\x81Y\x96\x8d\xacF$\x1a{\x16\xef\x06\xc7\xc5\xa1x\xb1\xbf=\x1b\xb3\x1c\xd6\xf6\xd4G\xa2\xf9f\xfd\x82&lt;e$\xad\xabe\xe6\xc8\xbf\xf0\x8ai\x19[XS\xc8(H\xfe\xf4x9\xc9\xfff\x92q~3\x87\xd4Pc\xe9Z\xbd\x0c;?N\x06\xc0\xacm\x12)Hw\xf5+\x8d4c\x12\xcdX/\xdaE\xd0\x92\xef\x1cq\xb0\x91\xb9\xb95J,V\xfe\x7f\x1dd\x0c6\xee\x06l|R1\xb2\x94\x11\xdc\xdfQ\x1fQ\xd90a\xf7\xd4\xbb\x9e\xfd\xba\xd7Z\xf6\xeb\xe9\xad\xb6s\xf2&amp;\x95\x1fkv6G\xce\x9c\t\xf6\x96\xb2\xc7\xaa\xb9&gt;qU*\xf0\xc2\xf7\x9c\x01\x825#\xdd\xdf\xd9[\xfd+\xcay"D;R\xf0g\x16\x00r\x89P]R897\xa3\x9eJQi\x00\xaa\xbc\x19\x15\xdb\xa6\x8e-fb\xaam\xb5\xdd\xcb\x86,\xb3X\x92\xb7\xb1\xce5qq\xe8\xf5Y\xfa\xd3\xb7\xdd\xe7\x00bm\xc6\xa9{-F\x04j\x18HwG\x8cOA\xb3\xae\\\xe5\xaf\xac!\x00\xd8Ey\xce\x8dhk\x18O|\x8cK\xa4\x9d\xe1\xc0C\x9b%{8\x11\x9e\x03/\x8dd\xe3\xfd\xee\\\xb2J\x9bT}5OYj\x87|]O\xb8\xdeJ\x0f4]rYP\x05\xa9\'\x0c\xf0ru\xf4yt\xea\x89\xa8\xe1\x85\xe3,\x990f,\xab\x06\xf9)\'\xe4/\xf5\r \x84U!K\xb8\x1d\x99\x1e\x82\x8f*\x8b\xea3\xdb\xfe#\x0e\x13\x86Rld4\x14\xc4DP\xbbv`\xea\xf6$~.Y\xdf\x83\x86V\xf5T\xa7ZJ$\x95\xf3\x84z\xcc\x0bv\xef\x81\x9b\n\xb0\xb7\x95\xb5@^y\xb2\xab\x93\x8f\xb1\x1c&lt;\x9d0\xfa\xcc\xfe\x83\x18\x88#\x8e\xf4\x1e\xf14kA{\x8b\xea\xe8pS\xf1\xe0\xa7\xd6\xfe\xa8V\xe7UZ\xb8i\x82\xef\x9e\xfd\x9bsk\x02\xce3\xb5\xdd\xd9\xef \xd5?\x1d(\xb7\xcb,\xf5Nq\xb6\xce\\\xbc\x1c\xee\xb7\x14F\x17\xd2x\x01p\x18\x96\xbf\x81\x99\xf4.F\x15\x19\xda\xe7O&amp;\xa5Kc\x8aC\x0bL\xb0+%\xb9\x7fv\xb3\xf6\x07\xecOvy\xed;T\x0elO\xc7\xc4\xfb\xa5(\xf2P\x83\xe6\x13\x99\xb5\x07Fu\xb5\x1d\x00f/\x1b{6.\x0c\x07\xa5\x01\xd2\xd2k\xf7\x00QO=\xae\x9c&amp;\xb4\x89YZBgL\xc6oN~\x10}\x0c\xf2\xcd\xdd\x98\x7fHO\xb7\xc7F5w\x8a\xe2_\x93\xb74\x0c_9\x84r\',\x04\x8f\x1a~\n\x88z\x06Z\xd1O\xca!Aq\x19\xa8\x80\xc294\xf2@\xf5\xffh9p\x1f\xf2My\xe1N\xadP\xa2&gt;\x99\xdf1\xf2\x00CC\xae,d\xd5\xa65&amp;"-\x15\xca\xeeu\x00\xca\xf4X\xe8\xc7m\xf5\xbe\x90\x07T\xc8\x85\xbc\x9c\x8d\x82\xa0\xc9\t(\x16\xa4a[\x95\x9e&lt;\x17\xa4\x0fC\xaa\xfa\x02\xd5bI\xb8\xd0/\x7f\xd5\xe8QQ\xba\xcfqJ\xfbgG\x87\xd7\xcc\xd0\x9c\xf7\xae\xaa3\x84&amp;\xed4o\x92c|}\xa7Z\xd3\xfc\x93&lt;O\x17\x03|@|\xd0z\x08p`\xce\xb3A\xb3HG\x90\xd7\xec\xe5\xb9g\xd6\xe8\x96\xc0\xd5\xd0\xb1\x03E\xb0\x8b71\xf7!\x9e\x03^4\xb7\xab,\xc7\xdb\xd7\xefJ{Y\x988Wy\xc4&gt;{\x1a\xbbYNv\xe3\xbd\xb1\x87\x80\xcd%\xe7fo|A\xa4\xa5\xbd\xdc\x84\x9c\xeax\xd8\t\xef\xc8\x02\x95\x8e\x00\x05Us\xf8\xe2\\\x97p\x1e\xe7\x1a\xb8\xc4\xa3Z\xc9\x8d\xc8\x1f;\xb1`l\x88\xbeTG\xb4\xcfUI\x8d\xf8m,\x16\xae\xaa\xa6\x95_\xf4\x83\xad\xdc\xfc2\xe1\x13II\xdf\xfeH\xad\xb4\x85\xe4\x8d*\xcel+\xca_\xd3"\xc1\xc0\xc8\x0b\x9d\xbc\xce\xbc)tf\xd9\xda\x93\x19y\x94BN\x93\x14\x1d\x05W&amp;\xbfB\xe9a\xb5\xf4\x8d(\xf0&gt;,\xcak(S\xb7o\x80ZzIMT\x89\x1bi\xcft\xcaaw\xc9\xcd{\xf8\xe4n6QR\xbe\xc8\x8b\xf1\xdar\x9e9\x1a3\x94&amp;\xce8\xe3\x94\xaf\xe3\xcb\xf4\x86\xc4\x93\x02-P\x14c\x8b$\xffFy\xe2\xef\x0bz\xd9\xe3u\x17f#\x81V]\x03\xb5\x9fj\x8e\xf7:t\x96\xbc,$\xfep\x91-\xfc\x1d\x9b\x03\xe9\xb9J\xf0\xc3\x07\x0e&lt;\x1aNcqr_6?\xe5\x05\x80\\\xe3\x0eT\xed\xf7\xc6\x04\xbc\x84\xf9\xe4\xb1\xd1\xc0[\x05@8\xd7\x027\xbb\x17\x18]\xbc\xac&gt;\x7f9\xb1\xf7\xd7\x10\xd4\xe6\x17\x96+\x01s\xe7!o\xe8.\x1b5\xa0\xb5\xaf\x03n$Af\xd9&gt;\xa2\x14\xe7FIW\x9e\xfeZ\xee\xfd\xbe\x81g\xca\r\tr|\xce\xc6{\x96`.[\xa4(\xab0X\xdf\x05\x81\x8d\x85\xaam\xbb\x19\x05"\xe9\x8e\xd0\xf7@\xe0J7\xe5D;$\xb8\xeb\xa9x6na\x86,\xaez\x1b\xe6f\x13\xef\xac(q\xaf\x9f\xec\xc8\t\xdb\xd8\x9e3l0l\xb4\xfa\x1fF\x89\xb6\x10|,\t/\t8\xd6\xa3\x049F\xc1Lz\xb8\xbd.\xf4\xe9ab&amp;\x82\x86(\xcc\x7f\xbd\x93\x06\x9b\x8d\xca\xa67\x89\xdc*\xdc\xeaF\xc1=zi1}\xb7q\x95\xf9\xf2.l^J\xb6!\x11\xb4D\xb5"\xec\xee\xa6Qe\xab\x17\xc3\xc1\xf6\xa0\xf72\xd2*\no\xb2I\xce\x87\xf6\x8d\x7f\x12\xae**\x0b\xc79s\xa6&lt;\xed\x08#\x9aD\xf9\x86f\xa1\x86\xfe\xd7\xd4J\x17\xc8,\xa8\xb7\xea0Hj\x80\x06\x94\r2\xdaEi9Ev\xda\t\xe6\x1e\xef\x94\x9a\xb1\xc3#aw\x9f\xe2h\xfaw\xfd\xe3\x01\xf1W\xe2\xf6C\x83\xd6&amp;`;\x9f\x88\xbd\xe4b\xec%/gMSw\xe2$\xb8\x89\xda\xf9.\xbc\xcci&lt;\xe0v]\x9a\xbd\xb9c\x18KHit;b\x89\xe6\x1b\xd6\x97\x08\xd1U\xcc\x85&amp;\xd1\x98\x9a\x8c\x9e\xf4\xfa\x87\tZ*R\x8c\xfa\xa5]\xf1\x9e\x92\xd2\xde\xc4\xe6\x87\xe6\'"\x9f\xb0\x9b\x0bDh\x80R"\x0b\xc79\xc0`\x96\x99&gt;\x040\xe0\x01\xef\xd6\x8cr7\x17\xf0\xc8pe\x9fQ\nR\xd6J:#\x98\xec{\xe5\x02\x07\t\x96\x87^e\x90\x08=Q\xc9\xd5\xc6,\x8d`@\xc7\x84\xb3\xe0\xa2\xab\x88\xfad\x13f\xdcA\xaam\xfb7%o\x8aF\xad8\xf9\x17\xdd\xfdw\x11FLw\x83\xb8a\xa5\xb3u\xc9T\xe2\x00:\xa4K\x15\xca\x8e\xdbu\xf4\xc4%\x8a\xb4#.8\x1f\x1e\x17Z\xff\x80\xceX\x9a\x87\x98\xc6k\xdb\xf1\xed"p\xcf\xc5\x81\xa8;\n\xf8\x00\xe4\xfas\xe8i*E\x06\x0b\xach\xcd\x04\'4\xdaw`v\xbd]\x8c\xe4\xa0\x82\x8a\x8f{\xdcJ\x0c\xf31\xeb\xd2(\x9b\xc9Y:\xba\x12\xed\xf4\x7ff\x00\xb6+p\x14\xa0E.K]\xe7\xb5+\xa8&gt;\x91\xde\x9eb\x93\x8cH\\\xbb@TA\xd4\xf2\x874\x9d\xc8\x0b;\xaf&gt;3\xbc\xcb\'\xb5\xa0\xf2\x9bq'</t>
  </si>
  <si>
    <t>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</t>
  </si>
  <si>
    <t>b'"Vk\x03\xa6\xc3\xe0 x\xa2\xb2\xff\x86\x9b\xfd\x95'</t>
  </si>
  <si>
    <t>).
 Q1
 RE
 Vin
 VCC
 Vout
 RC
 X
 Q 2 Vb
 Figure 5.159
 Design Problems
 In the following problems, unless otherwise
 stated, assume Î² =100, IS =6Ã—10âˆ’16A, and
 VA = âˆž.
 5.74. Design the CE stage shown in Fig.5.160 for
 a voltage gain of 10, and input impedance of
 greater than 5 k_x0005_, and an output impedance
 of 1 k_x0005_. If the lowest signal frequency of in_x0002_terest is 200 Hz, estimate the minimum al_x0002_lowable value of CB.
 VCC
 Q1
 Vout
 R RC
 C
 Vin
 = 2.5 V
 B
 B
 Figure 5.160
 5.75. We wish to design the CE stage of Fig. 5.161
 for maximum voltage gain but with an out_x0002_put impedance no greater than 500 _x0005_. Al_x0002_lowing the transistor to experience at most
 400 mV of base-collector forward bias, de_x0002_sign the stage.
 VCC
 Q1
 Vout
 R RC
 Vin
 = 2.5 V
 B
 Figure 5.161
 5.76. The stage depicted in Fig. 5.161 must
 achieve maximum input impedance but
 with a voltage gain of at least 20 and an out_x0002_put impedance of 1 k_x0005_. Design the stage.
 5.77. The CE stage of Fig. 5.161 must be designed
 for minimum supply voltage but with a volt_x0002_age gain of 15 and an output impedance
 of 2 k_x0005_. If the transistor is allowed to sus_x0002_tain a base-collector forward bias of 400 mV,
 design the stage and calculate the required
 supply voltage.
 5.78. We wish to design the CE stage of Fig. 5.161
 for minimum power dissipation. If the volt_x0002_age gain must be equal to A0, determine the
 trade-off between the power dissipation and
 the output impedance of the circuit.
 5.79. Design the CE stage of Fig. 5.161 for a power
 budget of 1 mW and a voltage gain of 20.
 5.80. Design the degenerated CE stage of Fig.
 5.162 for a voltage gain of 5 and an out_x0002_put impedance of 500 _x0005_. Assume RE sus_x0002_tains a voltage drop of 300 mV and the cur_x0002_rent flowing through R1 is approximately 10
 times the base current.
 Problems 267
 VCC
 Q1
 R 1
 RE
 R
 = 2.5 V
 Vout
 C
 R
 Vin
 2
 Figure 5.162
 5.81. The stage of Fig. 5.162 must be designed
 for maximum voltage gain but an output
 imp</t>
  </si>
  <si>
    <t>b'I\x9a\xde\xde\xcdR\xc8N\x8d\xf3\xb9pK\xa4\x1d\xf0'</t>
  </si>
  <si>
    <t>499adedecd52c84e8df3b9704ba41df0</t>
  </si>
  <si>
    <t>ted as
genuine in the fourth century CE; the penalty listed here is so much more lenient than
those allotted in the later empire that it seems unlikely to be late. See Richlin 1993: 567.
Diogenes Laertius, biographer, before 250 CE:
While [Cleanthes] was saying that, according to Zeno [both c.300 BCE], character is
graspable from appearance, some lively young men brought before him a queer (kinaidos) who had become hardened from outdoor work, and asked him to show the manâ€™s
character by reasoning. Flummoxed, he ordered the man to go away, but as the man did
so he sneezed. â€˜â€˜I have him,â€™â€™ said Cleanthes, â€˜â€˜heâ€™s swishy [malakos].â€™â€™ (D.L. 7.173)
Nothing is known of the life of Diogenes Laertius except that he lived in the early
third century. This story, popular earlier, was recirculated by others as well; see
discussion in Gleason 1995: 77, and Masterson 2001: 9.
294 CE: â€˜â€˜Thomas,â€™â€™ Syria, c.200â€“250 CE:
And I saw the first pit, and as it were fire was blazing in its midst . . . â€˜â€˜Into this torment
are destined to come those souls which transgress the law, which change the union of
Sexuality in the Roman Empire 341
intercourse that has been appointed by God.â€™â€™ (Acts of Thomas 6.55, trans. in Brooten
1996: 310, discussed 309â€“13; Himmelfarb 1983: 11â€“13)
Rabbi HË™
iyya bar Abbah, Galilee, 290s CE:
Is it not enough that we are subjugated to the seventy nations, but even to this one [i.e.
Rome], who is penetrated like women? (GenR 63: 10 [Theodor and Albeck, p. 693],
trans. and disc. in Satlow 1995: 213)
The text is ostensibly about Esau, who is, however, routinely identified with Rome.
These sentiments are not restricted to Jewish circles: Romans say similar things about
eastern peoples, and it is much like what Cassius Dio has Boudicca say about the
Romans under Nero (62.6.2â€“5).
364 CE: Firmicus Maternus, astrologer, from Syracuse, 334â€“</t>
  </si>
  <si>
    <t>b'\x9f\x18\x94=s\xa3\xaf\xf9\xe1\x06g\x90\x99O\xca\xd1S\xb5\x02\xb6He0\x14\x8c\xe2]\x1d]\xcb\xd91\x92\\\x1a\xcf\x89=\xce\xf4\xbf\x83\xcaG1\xd9\xe3@\x12\x88\xc2\x1ag\xad)\x91&gt;\x1e5\xbd\x91Ta\xbb\x9f\x16hq.y\xd9\xa0\xf5]P*\xea\xa3\x0ez\x01\xdc\xb8u\xaa\xcf\xd6E\xcf/\xe7\x1a~\xfc\xb9S:Nk\xc1\xfa\x0bp\xea&lt;\xb8)\x90\xdaM\xfcw\xcc\x14\xcf\xd2R\xaa\xc2\xef=\xb4\xa5r\xa6I\xb0\xc3\xfe\x15\x08:\xb7\x7f\xbf\x15C\xa1J\xf1\xc1&gt;\x11\xeb\x92\xc7D\xff\xd8)\x0c\x02`\xde\xbcN\x93\xbd\xccr4\x04\xb1\xea\xd4\x1c\xa6\xa7q\xeb~\x99\xf6$V\x05n\x939\x97\xd1\n;\x9f\x8d\xc5J$M\xdc(\x89+\'\xcc\xad\xdd\nD\xf3\xb1\x91\xc2\x19E$\xb7t\xc1\x0e\x87\x19\xa1A\xa5X\xdb\x8c\xec\xfa\x96\x15\xf9\x9d`\xa5k\n\xb2\x95\xa9\xd1\xbc\xa3\x9c]Zc\xd3\xda\xc9w\xea\x1f9\xaclq\xfd\x88g3\xa9;\xcd\x8d\xaa\x84\x0f\x05\xa8\x8a\t\nq\x0c\xf6\x058\x7f\xfe\xad\x0f\x9e\xa7Z\x01\x925\xcc\xf8-o\xcf\x01&gt;\xc4\xccL&gt;S\xb1y\xb8T(N\xc3!\x85\xf5\x91&amp;\xef\xef\xa63\xa5\xc3m\xdeV\xf9\x82\r0\x0f\x15\x1fct\x8bA8`V&amp;&lt;#6\x94\x81\xd1Y\xff\xefo\xe4\x95{\x11\x94\xc0\xd3Nc\xabA\x03\x1a\xbbJ\xad\xd4\xa6\xaa\xe7N\x08A\xe7j\x87\xdba\x8c\xed&lt;\xf1\xfd\x85r\x9e=&lt;T-\xa8\x92a\x1a!\xa1z\x83\xb2\x89\xcc;8\xe4]&gt;bGc\xd3\xfb\xad\xad8|\x04\xfd\x98\x9a\xba$\xfas\x10_\xcb|\x06D\x8d\xcc\x14\x94\x01\xe4=X\xbb\xfeb\x90\n&lt;f9\xf6&lt;\xc1\xd5!|\x8aH\xa0\xb9[\xae\xc6ieP\xf1\x17\x8a\x18\x0f\xd0\x8e\x9a\xca\xca\xd4\x8b\x13_\xdc\x8bM\xe7r0\t|d\x15\xca\x99\xc4b\xe7\xdb\x83\xb5K;2\x0bB\\7)\x9f\xd0\\\x17\x15N\xa6\\}\xf3\x17x#9\xbd`\x17\x01\xf6\xb5\xab\x1fP\x07\xf8H\xb4\x12\x03\x98gi$C\x10\x03\x04MF\xc9\xcf\x90\x9b\x81\x0c=\xae\xc3E\x89u\xdbp3=}\x13l\xee\xca \xc4\x1b\xb6]\x96[dS\xe4\x96\xc0\x1bd\x85\xf6\x0cg\xf6\x1b\x8eV\xaa\r\xed\xe1I;\x13/9:\x0b\x8f&gt;a\xc2\xf1Y\x89yZp\xf0\x1f\xd6P\xa1d\xee\xc2\xbfg\xd1!\xec7\xdb\xc27o\x97\x18YH\xdc\xb2M\x85A\xe4\xf9\xca,\x96\xda9\xee\xd9l\x19\xcb\x8c\xba\xa3\xf2\xc82\x9d\xfe\xde\x08sSV5\xbd\xcf\xa3V\xeaC\xfd\xb2Hc\x9a\xe6Z\x86\xe7\xc0p\xd0k\x08\x96\x12(\x90=\x9b\xe7\xe5\xca\x8f\xfc\x17\xf2\xb0\xd2#\x97\x1b\x94\t\xee\xd7_-\x8dK\xff\xe1\x96!?J\xf1\xe4\x82\xa3)rT{\xeb"v\xe11\xe7.\xd04\xfd\x9e\n\xb3\xabG\xf2fa\xc6\x84\x9a8s&gt;\x1dl \xd8\xcf\xc8m^\xec\xb62\xb7&amp;(\xbb\xa7R\xfd\xb5\xb4\x8c\xec\xb7\xc9nr\x99M\xfb%\x85\xe3c\xf0\xedr?\xb1\xab\xf7\xa1\xc8\xbf\xe9\xd0\x82.\xb1\x93!4\xcb\x96\x9c\x13\xcb}\xc4\xe3\xe9\xce\x96\\\xb2d\x04C:c$\xe5G\xf1&amp;&lt;s"\x91\xc8\x84\xf6\xfa8f\xfc\x8eS\x99\xb6&amp;=\xdd\x1b\x7f\xdf\xd9\xf9\xef\xa9V\x1c\xdeB\xc8\x00`z|\x8a]\x120"O5:+\x9a|\xb1\xb4\x95\xb0\x11,\x80K\x06r&lt;\x0fT\xf6\x1f\x1b\x02e\x8a:\xfeo \xab\xba\x9f\x06\xeabS4\xad\\\xf4\xa0\x9b\xa5\xdf\xe9 \x12\x8fa\xff\xcd\x85DK8\x9de\xdb\xb3B\xc5\xa5\x00&lt;\xce\xa4\xd0\xba\xc2\x8a\xacpe\x96\x95L\xd6\xae\x1bK"jo\xda\x9f\xd4\xfe!\xd1\x01\xff_e\x86\x12y\x11W\xfe\x92\xf6\xd4\xc8\xfa\x1cl\xed\xbb[\xcb\x93\x07\xcf\xbeJ\x98\xfb\xd8W\xcd\x1a\x91"\x82\x11\x9e/t7r\xdcl\xac\xa5\x05\xe9o\xbcw\xf3\x8f\xb1:\x1aM\xecd\x0e\xcb\n%\xa6\xd5\'E\x95\xe1\xe2\n\xbaT\xb6&lt;)ymm\xf8\xf3rM\xcf\x99H\xb0\x99\xe9\xd2\x99\x91\xecaY\x0e\x9f\xfaf\xc1\x1c\xcbE\x8a\xa3\x7f\x9fV8#\xfa\xe4\xe7\x8dq`*\xadB\x1c\xb6d jk\tA\xd8S\xfe\x1d*\x13B\x1c8\xf3&gt;\x8e\xd5\x15;\xf3_\xbf\xcdq\xf4\xbf\x82\x0b\xd9;\x8f\x12t\x9f2\xc7k2\xbc\xcf\xd4\x8e\x92xp\x8b\xb5\x8a\x14/\x90\x89\xde\xc3;\xf5\xdd\xed&lt;\xd9\xed\xfc\xa5\x95\x8a/v.\xfe\xa8\x1a\x83q0\xdf\xaag\xab\\\xf5%\xd1(\xba\xa9*\x0b\xa2r1\xd90F\x93\xfb\xaaO\x0f$\x82\xad2\x02\x16\x04\xca5);\xac\x02\xa6\xbe\x85\x05\x06\xbd\x1d\xf6\xaa\x88\xb9\xb6\xf7\xd1\xc3\x9c\x17\xe6D\x84n&amp;\x984\x0fX\xd2f\x1b\xe3\r\xc5\x0e&gt;\xe90\\+\xb8\x87\xaa\xcec\x91\xa0;\xcbo\xf0t$\n`\xb9\x07g\x8c\xfaNz\x0fR%|8\xb1\xae*\xde\xb4mh\xae\x027\x95\xb1\xe9\xd5\xbd\x92\x0f\x12\xed\xc1\x15yi\x9bZztUA:q\x05W\xb2 7\xc8\x84]^\xdb\x89\x18\xdd\xca\x1f\xdfq\x9f\xd0X`?Z\xbbh\xdc\x1b]\xab\xcb\xb5D\xa4\x94\xff^\x1e"&gt;\xad\x88H\xbb\xce3\xa0\xb4\x91:\xec\x89A\x8a\xd7\x95Lt;j\x8e\xa7C\x8f\xb0mw\x07\x04,\x94(\xae(\xdd\xfd1\xe0\xd2a\x9f\xcc\t\x92\xbft\x97\xcc\xe638\xf2\x85\xb9\xce\x90.{X\x98\xae\xafi\x92\x06\xc1\xb8&amp;\x80\xde\xe5\xa1)\x17\x8f\x1fG\xedJ\x05+532-\x8c~J\xca\xeabF\xf9:\x12V\xd1\xe9H\xe30\x1e\x8f\xaa\xba]\x94\x80@\xa5\x0b\xb5\xecj\x8c\xe03\xbb4\xd9\xa1_\xf8)^\x01Of\xfe\xd7y\'\x9buS\xfd\x94v\x1e\xb4\xed\xc2\x94\r\xc7\xe3E\xd3\xcej;\xceX3\x06o\x16=M\x0cQ\x0c\xe2\xd8\xbbl\\&amp;\xb9\\X\xb6vi\xa9af\x84\t\xd2\xae\x84\xbej\xea\xfc\xb6\x9c\xa1\x15\xdd\x82\xda.r\xfe`\xcd\xc0W]~"\t\x1e\xd2\xf8\xe60\x97\xb88\x83\x88\x8e\x9c\xad\xf97\xb95`Ru\x94\x03:\xef\x902Ao+\xa6\xc9\xb9\x11\xe8\xc5\xc4`\xd2\x02\xc8\x1a\xe8Q\xf8KLB\x0c\x93\xc51\x1e\x18[\xe8\xc6;\xc6\x98AdY\xe8W\xc1\x98\x82\xb9]\xb6[s\x1a\xc9\'\x17\xd6\xd0qP\x7f=H.\\^\x82\xd4\x14\x02\xce\xd7\xad\xc2!&amp;\x87\x07}\x1c=\xde\xc0\xbd\xa9\xeb]A\x0b4\x9e\x10\xfah\x1d\xb8\xa5\x0c#\x14}\x81^U&lt;O\xfer\xa3\xe53\xa2@6k\xfb\xf5\x9b2\xaa\xb8\x8a(s\x0f\x8d\xf1\xf2\xbbO\x81\xdf\xb5\xb1\xba\xdf\x9c\xc0\xa2\x1c\xf3\xc5S\xa9\xe9\x8c\x9f\x0b\x85\x16\xad[\xa4SM\xce\xa1A\xbd;\xd5\xa5zH;\xa9\xdd\xce\x86\x82\x9a\xee\xe1o\x9d\xd0@;\xce\xfc@\x15\x03\xe2\xc6\xf7k\xeb\xb3\x81r\xc0\x95\xa8\x9b\xc8ZY\x95\x08\x8b\x96=\xad\x88\x87\x03\xeb\xca\xef7?tF\xc3\xb2IX\x1al\xbb\x0c\x08\xad\x16/\x01/\x12\xf2~*\x80\x1a\xfeM\xce\xa6\xae\xcf0\xb9\x86\x1c\x04\xd75k\xc09\x9e\r\xec\x87\x9d\x88OY\x82\xad\xe8QUu.\xa8\x95\xe6\xea5\xc3\r\x91i\xddatV&amp;\x99\x01\xf0\xed\x0e\xa4\xf8\x1a6W\xe4+xC\x14\x84\x8f#\xca\t\x04\x84K)k@3B3\xff\xb2\x88\xf2\xf1\x1c\xa9\xb0\x1d\xdd"\x05\x02J\x9b\x17\x8dMc\x14?I\xc4:\x04m\xc0\x14,\xc0\x14X\x9c&lt;\xa3\xf0\x9dNE\x84f\x94\xa3\xd7Q\x87tb\xcaau\xd9\xb1\xe7\x0f^\xf3\xb8\xdd\xeb\x12\xe2\x0c\xd8*N\t\xaf\xd9b\x0f\x16\xe9\xe7\x10\xb4\x85\xe0\xe1f\xd5f\x93\x9ae\xa2j\x81E\xa2k&gt;\xb6J\x95W\xacf\x97\xf4\xdf\x07\xdbs\xa5\xb8\xfa\xbd?W'</t>
  </si>
  <si>
    <t>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</t>
  </si>
  <si>
    <t>b'\x9f\x18\x94=s\xa3\xaf\xf9\xe1\x06g\x90\x99O\xca\xd1'</t>
  </si>
  <si>
    <t>year. Joe is the best and kindest of grooms.
 My work is easy and pleasant, and I feel my strength and spirits all coming back again.
 Mr. Thoroughgood said to Joe the other day:
 "In your place he will last till he is twenty years oldâ€”perhaps more."
 Willie always speaks to me when he can, and treats me as his special friend. My ladies
 have promised that I shall never be sold, and so I have nothing to fear; and here my
 story ends. My troubles are all over, and I am at home; and often before I am quite
 awake, I fancy I am still in the orchard at Birtwick, standing with my old friends under
 the apple-trees</t>
  </si>
  <si>
    <t>b'\xee\xa1EZ\x8e\x8d\xd1\xc1'</t>
  </si>
  <si>
    <t>eea1455a8e8dd1c1</t>
  </si>
  <si>
    <t>en?â€ said the Cat in a low voice.
 â€œNot at all,â€ said Alice: â€œsheâ€™s so extremelyâ€”â€ Just then she noticed
 that the Queen was close behind her, listening: so she went on, â€œâ€”likely to
 win, that itâ€™s hardly worth while finishing the game.â€
 The Queen smiled and passed on.
 â€œWho are you talking to?â€ said the King, going up to Alice, and looking
 at the Catâ€™s head with great curiosity.
 â€œItâ€™s a friend of mineâ€”a Cheshire Cat,â€ said Alice: â€œallow me to
 introduce it.â€
 â€œI donâ€™t like the look of it at all,â€ said the King: â€œhowever, it may kiss
 my hand if it likes.â€
 â€œIâ€™d rather not,â€ the Cat remarked.
 â€œDonâ€™t be impertinent,â€ said the King, â€œand donâ€™t look at me like that!â€
 He got behind Alice as he spoke.
 â€œA cat may look at a king,â€ said Alice. â€œIâ€™ve read that in some book, but
 I donâ€™t remember where.â€
 â€œWell, it must be removed,â€ said the King very decidedly, and he called
 the Queen, who was passing at the moment, â€œMy dear! I wish you would
 have this cat removed!â€
 The Queen had only one way of settling all difficulties, great or small.
 â€œOff with his head!â€ she said, without even looking round.
 â€œIâ€™ll fetch the executioner myself,â€ said the King eagerly, and he hurried
 off.
 Alice thought she might as well go back, and see how the game was
 going on, as she heard the Queenâ€™s voice in the distance, screaming with
 passion. She had already heard her sentence three of the players to be
 executed for having missed their turns, and she did not like the look of
 things at all, as the game was in such confusion that she never knew
 whether it was her turn or not. So she went in search of her hedgehog.
 The hedgehog was engaged in a fight with another hedgehog, which
 seemed to Alice an excellent opportunity for croqueting one of them with
 the other: the only difficulty was, that her flamingo was gone across to the
 other side of the garden, where Alice could see it trying in a helpless sort
 of way to fly up into a tree.
 By the time she had caught the flamingo and brought it back, the fight
 was over, and both the hedgehogs were out of sight: â€œbut it doesnâ€™t matter
 much,â€ thought Alice, â€œas all the arches are gone from this side of the
 ground.â€ So she tucked it away under her arm, that it might not escape
 again, and went back for a little more conversation with her friend.
 When she got back to the Cheshire Cat, she was surprised to find quite a
 large crowd collected round it: there was a dispute going on between the
 executioner, the King, and the Queen, who were all talking at once, while
 all the rest were quite silent, and looked very uncomfortable.
 The moment Alice appeared, she was appealed to by all three to settle
 the question, and they repeated their arguments to her, though, as they all
 spoke at once, she found it very hard indeed to make out exactly what they
 said.
 The executionerâ€™s argument was, that you couldnâ€™t cut off a head unless
 there was a body to cut it off from: that he had never had to do such a
 thing before, and he wasnâ€™t going to begin at his time of life.
 The Kingâ€™s argument was, that anything that had a head could be
 beheaded, and that you werenâ€™t to talk nonsense.
 The Queenâ€™s argument was, that if something wasnâ€™t done about it in
 less than no time sheâ€™d have everybody executed, all round. (It was this
 last remark that had made the whole party look so grave and anxious.)
 Alice could think of nothing else to say but â€œIt belongs to the Duchess:
 youâ€™d better ask her about it.â€
 â€œSheâ€™s in prison,â€ the Queen said to the executioner: â€œfetch her here.â€
 And the executioner went off like an arrow.
 The Catâ€™s head began fading away the moment he was gone, and, by the
 time he had come back with the Duchess, it had entirely disappeared; so
 the King and the exe</t>
  </si>
  <si>
    <t>b'\xd4&amp;\x02\xc5y\xf6lb\xeeT\xd4=\xa4\x8d\xb9\x96\x1e\x08\x12W\x80\xfe\xc7v\xfa-\x9a?\x9e\xf2q\xbd\xbf\xc4$\x1e\x9f"-\xeb\xd0\x15\xa8\x07\x9d(\xe2\x85T\x89g\x88YP\x8e\x0b\xb4\xb2\xc1#4\xd7\xcb\xf6\xfc\xd5\x0c)\xeeT\xed\xc8f\xb0J\xb2\xdb\xe1\x9b!\'\xb0\xd0~\xe6\xe3\xdb\x17m\xb8\x82\xeb7to*\x9d\\\x99\xe5N\x9b\xa3}`X\x9bL\xba\x9aFN,\xf6\xfa\xf8\x05\x01\x8b\xcc\x88\x9b\x14\t~\nla\n\'\x8e\xa7\xb3\\7].I\xd0\x9fC\xca\x03\x91+\x16\x97\x03\xac\x85\xe0\xb6\xf7\x81\x93\xf7xxZ\xc9\xe2\x93z+b\x1e8[\xb9\xc9Y&gt;I\x9a\xcf\xe5Z\xf5\xe9\x0c\x9a\xa6Dkg\xd0\xa9/\xf0\xb9)\x94y\xa2y?7D\x94|00\x8b\x8f\xa1\x8aV\x1c\xc3\xe8\x10\xdb\x1c$\xf3\xcd[\xc4\x9d\x1a@)p\xec\xbb\xbcw{\x88\xacb\xc6V\x0f\xc2\x87\\\xafb\xd1\xd0\x01\xd4Xn*2\x83\xb23h1\xd8l#\x9bST\xfc\x85\x10\xf3\xfa\xcd\x08\xebz\xe3\\\xfb\xfb\xf0\xc7T\xd7\xbd\xb0m\x01\xf1\xa9\xaa\x94\xd0\xfb%\xce\\)VoU\xcc\x1dq\xafuC9\x83\x1a\xab;\xddE\x87\xf0Z\xces\xed\xab\xc1^\xa3\x01\x03oaW\xfa\t&gt;\x8c\rNx\xafn\x14\x7f\x0b\x8aQ\x994`\xfe\xbeR\xb5\xd0\xe5\x1c\x0c\xfeD\xd0\xe5\x90\x13\x11\x94D\xb8\x81\x19\xe0\xd6\xc3\x8c\xad\x8e\x12\xc5\x9c\xb87\x97c\xb9eT"e?\xa6\x87\xc9\xae\xb1\xe1\x1f\x8a\xc2\x04\x1en\xe6\x82\xe0\xd2\xe9\x99\x0e\xce\xe6\'\xbb\xf8\x01m\xfe\x9c\xc1\xfc\xf2\xeeY\x0e&lt;\xe2\xfdz.\xe6Eu\x9eS\x8f\x11}b\xe4\xde\x96\x072\xd7\x87\x88\xf5O\xec\x82ar}b\x9eW\xc5\xd5\x12\xca-;\x8di\xab\xc5B\xfa\xa3\xa8GN\xaa\xfb\xfdK\xcc&gt;"\xafd"C\xd9]\'Ju9zV\\\xe4}\x1d\xb1*\x04\x0be\xa5\xbe\x19_C\xa9\xd9\xa8T\xaf\xfeS%\xaa\xb4j\xc7\xb88\xa4\x14\x9b\x17\x9a\xfb\xf5f\xf9\xfd\xb3\xdax9\x1b(\xa4\xbe]\xe5\xe6R\x91\xf5m\xd4\xcaF5\x9b\xa5\xd6\xc8\xe9\xe6\rB\x03\xbb\xac\xeeR\xf3\xf8l\x80McS\xed\\L{\xb6\xd9\xa9\x16\x97\xf8}\x99N\x7f\xf9x\x14\xf3uO\xc7\x91l\x96qEA\x8e_,\x94fy\x03m\x1b8 \x86~\xdepe\xb5\xcfqA\x9f:\xe0\x93\xcd*I\x83\xf7\xe5x\xc2-/\x02\xddd\x08\xfe\nh\xa0j\x0f\x97\n\xa3+\xabD\xee\xbe|;\xae\xc3TX\xce\xb2\x00\x19$\x84@} kl\xc1\xd2m\x85.\x07\x93\xd7\x04yu\xc5\'\xb4po\x8f ^\xdc`\x86y\xdf.\x8e\xec\n9\x97g\x0fqy\x80\xa7\x0f\x85\xd2\x94\xc3?e\xf5mw\xf5G\xd7\x96\xa8x\xc2;\xac\xb3\x00\xa5\xba\xa0\xc9\xc2=u\x0el\x00+\xeds\x88\x97\xb1\xb2\x9c\xc2\xe4\x0b\xf9\x10\xbcF#\xb2\xed\xc2\xf2\xfcK\xe1\xec\tP\xf1\r~\xbc\x1bEm\xcdM\xb4\x13n\xf4Mzp\xaekd2^\xcew\r\xdc\x14\xb5\xce\xf0|\x11\xc4\xa3\xfc\x99e\x08\xc5r(\xde\x99\x1cd-\xfd\xcc\xb8nj\xef\xe9\n\xc3,w\xda\xcd\x8bb\x94\xeaF\xafF\xa5\xf8F\xd5\xe2\xf2#xYv2^=!\xe8-S6\x1e\x0f\xcd2f\xf8E\r\xddm\xd1Ov\x08?\xc3\xc4\xd6p"\xcb\xf2\xd0\x89\x84\x1d\x13\xdb\x88\xfc\xcd\xf5\xebD?-b?\xc3\x96]f\xf6\x82\xe2\xe7\x1a%\x1c\xad\x8c\xa4I\x8e\xf9\xe0\x95s\xc42\xed\x812,\x10\xc99\xb1\x1dA\xb3E\xf5)\xdf\x97\xaa\x98\x08\xe3-;B\xa2\xc6\xc6\xe8_-\x07w\xae\x93\xfe\x83\xc1\x8am\x91\xf1I\xfc?|E\xab\xbe\x89b\xe2\x95\xc01D\x85\x10@s\x15\x9b\xa4\xb8\x9c\xf2\x9a\xa1\xf9\xe1\xa3%\x13Y\x0bu\xa7\x06-\\\xf4\x8cL\x96\xbdo\xc4\xf3V\xfa\x87W\x84\xf4\x1d\x92\xbe\x8c"\x96\xba\xf6lx#\x1e\xdbh\x9d\xd7VpC*\x1e\xee\xb3\x80\xd2\x96\x9c1\x1e\xdb]\x87&amp;\xf62Q\xd8S\xd9\xf7\xafl\xcf\xb4\xa7\xde\xe5\x8fD\xe3f\x96N"\x83\x8b\x97\xa29\xe7T\xbaF+\xf8\xa4\xf8\xe6\x89\xaeI\xcc\xff9\x97\x1a\xbd\x91\xea\xe9\xad\x9b\xa8\xb2\x88\xe7\x81\\\xf2\xea\xe7=\xb18\xd1M\xa0\xcc\x16%\xa2_\x9bXM\xcc\xdb\xb1\x0f2\xec^\x84k\x84\xec\xd1\x07a\xd1\xc1\x9b\xa2\x17\xe5\x01\xa6NMsVJI\x8f\x93\xabA\xdb\rcyl\x8d\x89\xa10\xf1#\xdf\x8a1\xf2\x16&lt;\xfa\xf3\x1e\x1d\xf6\x95\xa9\x0b[l\x80@\xca(\xe5\xd0\xee\xe9e\x04\xe4\xff\xdc5\xdcW\x9b3H\xecXv\x9d&gt;\xe0\xdey\xfa\x93aF\xd7\x01\x97+\xf8T\x81_f\x03s{\xd7jI]{\xad\xd6\xcdb_\xee\x83u\xffi\x01Z%-E\xc9\x84q\x86B\x98r\x1f\x1c\x84\x1a&gt;\xedc\xb3\x88b/\xaf\x85v\x89\xf5\xa6I\x14\x11\xf9V\x04\xaf.\xe6\x92\xca\x9e\xd2\xeb\xc7\xa5\xa6j\x88\xde\xec\xddl\xa6\x0f\x0c\x81$\x8a\xce \xb2\xca\x0b\xc2\x97\x90\xdc_X\xb3\xcd\'\xba{$\x92.5\xc1\xbf\xe9d\tMW\xb9\x1c\xd6\xf4\xb8\xae+\\\x99\xcd\x92^\xb7&gt;\xfb\\\x9b\xfc\xd8\x95gU\x0c\xcc\x00d\x8f\xed8\x04f\xd9F\xec\x90\x8e\x9d\x08Eu\x18vFKcL\xa1rW|B&lt;\xf1x\xa30x\x9a\xb2\'\x19\x15\x1a|\x132\x99\xad\x01\xf5\x17\xe4Q\x8aCU\x95G;\x19\xe9X\x8a7t;\x932c`\xa7p\xe54;8\to;\xfd\xbd\x822\x80\xc0[TAH|\xc68\xd5\t\xab\xcdi\xe3\x1d\x81\xf5\xa52sw`{\x1b\x1f\xde\x0e\xab\xd2L"\x16\x88nDuM\xcd\xc9\xd8E\x15v\xec\x97\xd2\x00\x97-\xa5TS\xeb\xe8N\xe2lkcwz\xdeQB\xcbm\xbd\x14S\xe1\xd64=\xb0\xa3]\xf9S\xec3\xb3:VP\xf3\xec\xd7N\x1ek\x0f\xab\'|\xe30#\\\x87\x08\xa7\xcb\xfa\xdf\x86\x82\xd4\xaf=K\xbdif\\\xfcs"\x85p\xfeB\xcaj\x03\x9d\xb0\xbb\xa1Fw;\xbb\x7fJ\x85\x1eC\xc1%\xa5\xf2C`U\'5\x1cM\xdb\x97\xdfO\xe2\xfd\xdep\xe2\x1c\xcb\x02\xcaoE`\xacu\x1b\xd5\xa5[w\xb3\xb2\xbe\xdb\xc5\x93Cv}2\x06\x02U\xb5\xc4(\xa1\xc8\xae\x11\xd2\xac\xcb\xf56e\x04-u*\x11F\x11\x8a\xba\x84 \xc8\xbe+\x07"\xd7\x93\xec\x00\xfdWo\r\x82\x19\xff_$\x98\x15\xe6O\x13r\xe4E\xaf\x1b\xdf\xba\x80\x10\xbb\x14\r4\x80H\xaeH\xdc\x8c\x96\xe3\x8cR?\xece\xf9\xb1\x8f\x07\x9ev\x89h&lt;\x0c\x98\x08^"\x8d6]~w\nfs\x84J\xee\x17\xc6\xa7\xb1\xdb.\xc3\xc7\xa8\xf8Z\x8b1+\'\xd7\xd3|mV\x19\x8b\xe4\x10Gu&gt;i\xe6\x858X\x08\x10\x0e\x115#I\x11\xce\x08Q\xd0\x1ad\xce\xdeYE\xae4\x1df\xa1##\x8a\x81\xbcn\t\xd1V\x81\xbb\xb9\x1dgQ\x8e\x9fR\x1c\x81\xdd\xcacl-Nq\x82\x8b\xf9\x882!\x9ba\x00\xd6\x8d\x9c\r\xb9S\x8a\xb1\x80Pld\x18g\xad\xacF\x1e\x05\xcb\x1a\x82\xf3\xa5S\xf9{\x8f4\x8d\xf9A/\x9f\x9e\xfe\x92\x17\x97\xc9v\x1e\x00J\xe3\x89\xa7\xb8\xb4\xcb\xd2\xc6\x01\x13#\xd5\xb2*\xbb\xbf \x12\xcf\x10S\xb3\xd3\x1en\xc7L&gt;M\xfbWO\xde\xf1&amp;\xaf\x0e\xe8\xb5\x02Z:\xd8\x04\x06(#\x93\x1f661f\xdb)fB:\x82\x91\xf2U\x18\x0e\xabDs\xfat"\xbc\xd6pM\xe9*04i\x95\x05|uz\xac\xbb\x8b4\x91}\xf4(\xbcfgm\xa2\xf1\x89\x9eH \x19\xfd`\xb4\r\xd8\xbd\x04\x02\xc4X\xd9\x17\x00\\)\xc0\r\x06\xa4\x99\x96\x96i\xfa\x7f\xc77\x1dB\x86\t\xb3\xd9-\xe832\xcb\x11\xf9\xe4\xf7&amp;`\xd8\x9a{14|vQ/\n\x1cx\xc4\x991\xd9\x87k]\xb4\xfdP\xf6\x96\xa3&gt;i\xec\x99wv\xb2[cA[\x05\xdf\xb9\xa5w}\x1a\n68\x80j(\x86\xd9\xe1\xd7S\x8b\xee\xcb_l\xa0\xbax\x11\x9cWp\x9b\x02\xcc\xc1\x97\x84\xb2\x99\x06R\x0bv\xce\x16\xad\x89#Q?(\xeed5\xca\x99\x04\\\x98\xc4t\x87R\x0b\xb09La=\xa6\xa1K"\xc8\xd5\xa0\xa29\xae\xff\xbb\x90\xedd\xc1\xbb\x13.\xde\x8b\x8d\xefP?\xdd\x82\xf0\x01p:\x10\xe3\xa6\x1br\xdb\xf8&gt;m\xa6:\x0eJ^\x05\xb2\xd0\xa1:q\x9a\r\r\xb0\x10\x80V\xfa]\x1f\xf1\x06\x10\xb93\x906\xe7\xd6\xd5\xda\xd9\x83\xb8\x0c\x10\xb5\x0e\x9b8\x01\xd7O\xb6b\xd4Z\xbc\xea\x173\x7f,j0\x8bfT\xba\xfdW&lt;\x0ci`\xb8x\x9fy2\xa2\xa3?\x93LO\xe0a\x91\\\xfc\x19\xb7\r\xb2cH\xf1\xa6i\xff=Om\xa0\xbcu\xd9\x88\x00\xed$.\xe3\x8e\x19\xa8\x13\xd0C\xe1\x7f\x817\xbd\x8f\x15\xfc\xa3\x00\r\xb0f\x9an\xa1\xbd\xef\xeb\xc8i\x0c\x1c\xa2r\xb0j\x0e\xf6\xbaLfxD\xb5\x97G\x8e\x99\xd1\xe4\x7f\x82\x8f5\'\x9c\x02RZ\x88\x81\xc9?\x8fr\xe3\x1c\xe1W\x00\xc1\x88[No\x07\xc3\xa7\xfb9lG\xacz"]\x13\x9d\x1e\x18\xd6\x0f\x88\xee\xcc\xb4\x94j\xc1_\xab{&gt;\xa5uK\x1d\xb3\x99)\xfbX\xe3O\xf3\xccL]\xcd\xa6e\xed\xe5\xd6b\x1et\xfbT\xd6+\x1aD\xaco9\x18s\xec\x11\x8bQNT\xfc4"r\x05R\xb6\x10y\x9c\x84uq\x88D\xe4\x1a\xdf\x84x\xf5\xc6\x9b\x9e?\xfd\xdfi\x93\xb7\xe57\xc5s\x14\x8f)\xd9j\xf9\x04\xdc\x99\x83\x165\x90hn\xfa\xe6|\n\xa6\x08Q`G\x94\x8e\x1fq\x9aE\x86y\x1aU\x8e\x13;\xc9\xa0\x8e\xab@\x10\'\x8aR\xe2f+\x00\xd8\x9c\x92\xbf1^\x1c\x1e\xa3\xe0iu\x97\x9e\xda6=\xda\xa4b\xdd@T\xde\xe5\xb4\xe2o\xd2\xf8&amp;\xb8B$\xa2r\xd1\xe3\x99\x82dp\x9f\x8dcI\xc7s\x1e\x1c\x9e\x86\t\xc4\xc8z\xdf/\x07O\x86\x1aW"\xa0(\xc7H\xd3\xcb\xb0\x9bj\x1e\xaa\x92\xf8\x9b\xe1\xe9\xb9A\x1a\xf8/\xda\xb3[N\xb6F\xf8lU\xb4\xa0\x86\x94\x86\xcf\xb5\xc8\xe8\x92\x85C\xe99\x94\xcd\xdb3d/\xe0&gt;\xf6\x16\x8d\xae\x8fF\xad\xdc\x057Z\x9c\xd1Hg\x17\x9f\xf3\xee\x8b\xf2\x7f\x19D)\xe9bg\x94B\x1b\x1c#`\x9cil0K7\xeb\xe2\x84\xd6\xa5\x18\x9b|\x80V\n\xd8Z\xa9\xf4\xe721\xc1\xf8\x9dm\x96Y\xc3,\x1b\xb89I\xee\xd3\xa8Uv)U1\xdfe\xdb\xd1\x03u\xcd\xd2\x02\xd3\x81D\xbbYS\xa3\xb6\xeb+\xa4\x0e@\x9a\xdc\x0b\xbf\x97$Ek\xe5\xf1\x81g\xa5\x97\x0b\xed\xac\x1b\x8d\x98\xf4\xc6\xa4I,\xa4{\x82+0=d\x1e\xfb{\x14&amp;UQ\x9c\x80A}\xe0^_\xf0\xa3=\x8a\xfe-\x81bB\xec\x06\xb9\xbe\r\x90\xb0o\x05\xa8\xd5\xae\x86\\a\xbb\xf5\xd5\xcb\x1e\x97^\xefQ\xa2\xae\xba\x03\xa0r\xb3\xdaa\xb3x;\x15\xc8TI8;/s\xda4\xa6BU\xa73L\x18\xff"\xf8\xb5\xe3\x0fsQ!Q\xcc\x05\xdf\x05\xe9\xc7-\x17\x9e:\x89\x8a\xf4\xa9&amp;E\xe1&gt;ks\xedI\xb94\xc2&gt;\xbd\xe0\xef\x8a~\xf9m\x87\xfa9V\xb4\xb7\xdd\x1e\xd7\xbf\x98\x82\x06\xd6H\x9c\xf2\xd0,\xaf!hc\xbb\xde\x1a5p\xb8\x1a\x1c:I\x0fU\x9aWS\xefg\xae\x8b\x02\x7f\xcb*&amp;\x17FN.\xafk\xbd\xbe\xf1\xc9n{.ce\x8e\x845v\x88\xa7\xa03\xb4\xd4\xfe\x93\x02&gt;\xcb\xe5\x1c2\x06\xde\x07\xa8T#\xc0\x1a)\x91\x9dW\t\xd6\x19\x04x\x80&amp;\x04])\xfe\xf5d?d7T{N\xcc\x9a\xba.\xc7K\\r\xad\xedb\xf1\xc950\x85\xe6J\x06n\xdfC\xcd\x8c\xbc\x9a\xd0\xb6\xe5\x13U*\x92kO\xf9\xe3\r\xd8k|\x9f\xa0v\x0b\x89\x8c\xfd\xce\x1b\xf7\x13\x1cb\xd2\xd6\x7f\x00g@^\x91K\xe2D\xa0\xaf\xc1\x84$\x10\x0c\xde\x00\t-\xa5|\xcb\x81x\xdf\xc8\xa7\x059E\x9d\xc7K\xdd~g\x17{/\r\xfaI\xb5\xf7\x91\x9b)\x82\xbf\x85`+k\x0c\x96}3ZA\x93\xde\xcdX\xcb\x86\xd6\xcb\xefV\xfb\x04\xea\xa9\x92\xe8m\x1fnz\xfd\x10\xac&gt;k\x12\xcf^{+\x1f\xfa\xee\x8bO\x13\xb2\xf9X`y\x8f\x9ab\xc6\xccU\xd5\x1c\x8e\xab\xcf!C\x94\xfd\rD$\x94[\xec|{\x8cf\xb4\x17kN\xfcK\xef\xb9d\x81\xb7\x9b\xc5\xdc4\x8e\xbc\x14U\x85|Y@\x8cw\x9f\xc18\xe5\xb3\xf7F\xec42H\xf8\x86H\x18\x1b\xe3\x91\xe2\x186\x14I\xf0\x00C\x12\xc8\xa0\xa3!b\xb9_z\xe0B\xe3 \xb2\xb6\xad\x9b\xe0Uj\xba\n\xc3\xd5?\x9c\x1a\xa8"\xe7\xa6sJ\xa4\xa3\x07\xea\xe4\xea\x1b\nYT7&lt;\x95\x0c+\xc2\xe4RA\xec\xeb\xd9t,\xe9Vr\xa6\xd1D\x9c\xfd\x91q\xc7\x00T(L\x97\x8d\x8d\x0f\xb0@-\xdc\xc3\x89\x97\xd3\x00l@&lt;\x1c\xc5B\xaf\x1f\x85\xbfA\x9fM\xffH\x8d\n\x82\x92i\xbc\xd1\x9c\x8bv_\xe8\x87\xa58}\x9b\x83=\xcd\xe6\xa5\x93|g\xe8\xe3\xdc\xd6"\xfe\x02\x9e\xbfr\x91\'{\xaa\x98f\xba\x1dK\xfd(2%r\xf2\xe3\x04o\xbfJ\xb3\xbf\x9e\x17\xf9\xce\x82\xd1O!\\X\x85\x06\x88P\x04\xef[z\x89\'\xba\xa8`\x1d\xfa\x90\xde\x90\x08\xf1\x9f\x99\xec\xa2\x9b\xac\xa6\xaa\xcf\xff\xe7\xb7O\x99\x89\xde\xcc\x8dl\xf0\xc8\xc1\x88ro\x7fN\xa1i\x1aY\xd5\x88\xc4&gt;\xb3\xf9\xb8\xd7:Go\xe2\xad"\x81&lt;p\n\x97\x04\x95\x08\xd04\xe9l\xcd\x0f\xdf\xb8\x0f1G\xe5\x9b\x80p\xe2\xae\xf3\xf9\xf2\xa0\x89\xae\xc7\xe1\xe2\x1d\xb2:3R$Z\xa2+a?\xb51\x99\xaeVk,=V\x99\xd7/O\xb3\xd1\x86N\xc4:\x1ep\x92\x91\xb9_\xd5\xd7\\w\x94r\x06Y\x89\x9f\xe6cFBI \x80WC\x16-\xedm\x99\xefVE\x90\xadT\x96p% \xe5N{\x86\xd9\xe6:Y\x8d\x8f~\x8bbL{\xff\xcc4\xa6(MA\x1by\xeb\xbd\xe3\xde\x15\x83\x0f\xe8\x84zN\xc4\xd2,\x8b\x9d\xa4\xf9\x97\xfb\x98XP\xb5\x08\xed]M\xd3\x02\xc9!\xc6\xe9\x00\xb7\xea\x9e\xb0F\x15dh/J\xb1\rz\x7f\x87\xf8\xea\x10\xc1\x84\xf9\\\x06\xcf\xe8^y)_\x17$N\x8b\xd1\xd1QS\x13\x90\xce\n2Y\x06&lt;\x99\xadTs6\xee\x19\x922\x84x~^jor\x81`\x94\xa0\xbakv\xdf6\xca\x14\x18\xa6J\x80\x8e\xa8\xd6\xd0T\xbd\x03ej\xeffKPC2;zRI\xc5\x84s\xaa\xb5\xfe\x8b\xd3\xbbo\x9dk\x1a$(\xad\xdc\x98\xd7\x8e\xbaF\xc4X\x85a~\xe6\xa9/\xea\x8aj\xaa\xf42R[d\x95\x18E\xdc\x7fP\xad.\xf4s\xb8].\x1e!\x98\xb1 \\];\xfa^\x8d\n\xbf6\x84\x19\x86k\x86\xfc\xb7\xf5\xadp\xbb\xcb\x9fc&gt;\xc1\x02\x0f\xbd\xe8\x8c\xe4\x8b\xd9R&amp;VT\xc3Z\xca\x0b\xbc.\xd8\xa3WvGR\xb3\xae\xc6&gt;\xa3.\x86\xbd\xd4\xbe\xa4\xb4\x95\x8e\xeai\x0eo\xba\x08\xb5N\x13\xf3\x85d\x11#\xd4"\xdc\xc5\x8d\xbb\x17\x1f\x98\\\xd4\xf6?\xe4\\\x11+{\xab%[\xbb\xec\x0e\x7f9\x13\xd9\x8d\x7f/\x0b\xfe\xb4\x9e\xd9a\xdf\xedr\x16U-OX\xa9\x8c\x97\xa7\x1d\x93P\xe3\xcd9\xdf\xe6\xf4!\x03\xa5\xe6\xf49M\x1e\xc1\x90\xa0\xca\x12KJ\x1c\x1b\xfc\xf6\xbfe\xb1!&gt;4'</t>
  </si>
  <si>
    <t>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</t>
  </si>
  <si>
    <t>b'\xd4&amp;\x02\xc5y\xf6lb\xeeT\xd4=\xa4\x8d\xb9\x96'</t>
  </si>
  <si>
    <t>ess in his armsâ€”may, perhaps, be
 imagined, though they could neither be then expressed, or now
 described, any more than Emily's sensations, when, at length, she
 unclosed her eyes, and, looking up, again saw Valancourt. The intense
 anxiety, with which he regarded her, was instantly changed to an
 expression of mingled joy and tenderness, as his eye met hers, and he
 perceived, that she was reviving. But he could only exclaim, 'Emily!' as he
 silently watched her recovery, while she averted her eye, and feebly
 attempted to withdraw her hand; but, in these the first moments, which
 succeeded to the pangs his supposed death had occasioned her, she
 forgot every fault, which had formerly claimed indignation, and
 beholding Valancourt such as he had appeared, when he won her early
 affection, she experienced emotions of only tenderness and joy. This,
 alas! was but the sunshine of a few short moments; recollections rose,
 like clouds, upon her mind, and, darkening the illusive image, that
 possessed it, she again beheld Valancourt, degradedâ€”Valancourt
 unworthy of the esteem and tenderness she had once bestowed upon
 him; her spirits faltered, and, withdrawing her hand, she turned from
 him to conceal her grief, while he, yet more embarrassed and agitated,
 remained silent.
 A sense of what she owed to herself restrained her tears, and taught her
 soon to overcome, in some degree, the emotions of mingled joy and
 722
 sorrow, that contended at her heart, as she rose, and, having thanked
 him for the assistance he had given her, bade Theresa good evening. As
 she was leaving the cottage, Valancourt, who seemed suddenly awakened
 as from a dream, entreated, in a voice, that pleaded powerfully for
 compassion, a few moments attention. Emily's heart, perhaps, pleaded
 as powerfully, but she had resolution enough to resist both, together with
 the clamorous entreaties of Theresa, that she would not venture home
 alone in the dark, and had already opened the cottage door, when the
 pelting storm compelled her to obey their requests.
 Silent and embarrassed, she returned to the fire, while Valancourt, with
 increasing agitation, paced the room, as if he wished, yet feared, to
 speak, and Theresa expressed without restraint her joy and wonder upon
 seeing him.
 'Dear heart! sir,' said she, 'I never was so surprised and overjoyed in my
 life. We were in great tribulation before you came, for we thought you
 was dead, and were talking, and lamenting about you, just when you
 knocked at the door. My young mistress there was crying, fit to break her
 heartâ€”'
 Emily looked with much displeasure at Theresa, but, before she could
 speak, Valancourt, unable to repress the emotion, which Theresa's
 imprudent discovery occasioned, exclaimed, 'O my Emily! am I then still
 dear to you! Did you, indeed, honour me with a thoughtâ€”a tear? O
 heavens! you weepâ€”you weep now!'
 'Theresa, sir,' said Emily, with a reserved air, and trying to conquer her
 tears, 'has reason to remember you with gratitude, and she was
 concerned, because she had not lately heard of you. Allow me to thank
 you for the kindness you have shewn her, and to say, that, since I am
 now upon the spot, she must not be further indebted to you.''
 'Emily,' said Valancourt, no longer master of his emotions, 'is it thus you
 meet him, whom once you meant to honour with your handâ€”thus you
 meet him, who has loved youâ€”suffered for you?â€”Yet what do I say?
 Pardon me, pardon me, ma</t>
  </si>
  <si>
    <t>b'p\x8eu\x05\xb7&amp;\x18\xc5\xc3\xac\x08\x02\x18\xdf\xdd\xdb#|\x9c\xb6?B\xab\xd3,\xaaM\x1f[\n$\x12\xb7\x17\xeb\x1eJ7l\xc6\xc4\x83\x17\xfb8\xf7[=6\xd2H\xca\xf0\xd9|\xdb\x03\xfa\xd6}.i\xf9*'</t>
  </si>
  <si>
    <t>708e7505b72618c5c3ac080218dfdddb237c9cb63f42abd32caa4d1f5b0a2412b717eb1e4a376cc6c48317fb38f75b3d36d248caf0d97cdb03fad67d2e69f92a</t>
  </si>
  <si>
    <t>b'p\x8eu\x05\xb7&amp;\x18\xc5\xc3\xac\x08\x02\x18\xdf\xdd\xdb'</t>
  </si>
  <si>
    <t>ing on his computer late at
 night was causing insomnia. James found the solution in wearing blueblocker glasses, which filter high-energy visible (HEV) blue light, when he
 was on the computer before bedtime. They helped him sleep, but they were
 ugly as all get-out. Pain point alert!
 So James developed the solution. He decided to make glasses with the
 same blue-blocking function that didnâ€™t make the wearer look like a dork. He
 noticed that competitors were selling blue-blocking glasses for about $8 a
 pair. Most people would balk at the low profit margins, but James created a
 brand that was specifically for i</t>
  </si>
  <si>
    <t>b'\xad\xeei\xacE\xf2bf\\Jt\xd5\xa1&amp;\xc2\xe2\xa1Ci\xec\xc2]\xe8\xe7\x8d\x827;l\x9aK\xb4o\xa1d\xfb\xbbYK|\xf1|)\x82\x08\xc3\x07!\x17\x82\x81\xa2\x86\xd8\xc1[3\x9c\x89\xd9\xec\xad\xc3`G\xe8\xa4e\x9a\xe2\x18\xe8\x1c\x04\xf7j\xa6/|\x19\xe1\x04\x96\xefZ\x8dIze\xd4\xd9\xd3\x18M\xccp\xf2V\xb5u\xb6 \xaf&lt;J\x07\xe1\x17\xcf\x89L\x13\xe2\x8a\xb3\xea\xd5\xd1\xfakN(\xca8T\x8d\xe3&lt;1\xe2v\xa9r`{\x1dp\xca\x021?\x18\xe9\xd7\xa4\x13\x979\xb8T\xe8B\xd4\xfc#N\x88\x0c3\x97\xa8\x94\x06z\x93*#cHmz\x1f\x92\x9d\x1c\xf8\xea\x84\xc7\x81k\x8a\x16\xd1\xc2\x93uZ&lt;\x14\x08\x80)f\x81\\2\xa2|\xd0s\xbfl\xecy\x06\x93\xfe\xa0\x1e\xb7\x88\x90p\xecy\xf4\xf4\x95\xae$\xbe\xce#\xf3"\\\x07~]\xc3\\{\xd7B\xc64n(I\xa0k\x83\x13b\x05\xaf\xeb\x9e\xa2\xd7B\xb1\xe5\xa4*N\xb0\xb8$%\xe8{\x95\xae\xd3 &lt;r\x99i,\xba\n\xf6\xbcH\x10\xa9P\x80\xfa\xef2\x0fP\x8aE\x82\x83\x19\x86\xf5C\x13jw\x99\xb6\x92\xf4\xc4\xc7:{\x0f\x9f\xce\x0f\x11X\xd0\xbe\x8d\x8a\xc0^]3\xb0p\x87x\xa6\xd5\x01\xc5\x03\x92\x04\xb0\x9d\x1b\x7f\x8dJ\x85\xb3k\x96\xfe\xc3\x06K\xe1\t\xfe\x9f\x13\xc3\xed9\xbe\xbb\x1c\xdd\x915\xdfl\xdb\x9al{\xf5Y\xb2\xa0Qv\xf5\xba\x04&amp;^\x85\xe7N\rT\x1ae\x93\x1a\n\xa3\x9d]G\x15\xca\x1d\x1aB\x05m\xba\x8f\xe0{\x08\xfca\x94\xeb\xaboM\xde\xecC\x12\x98m\xe9\x19\xfb$\xae\xb7\xab5\x7f\x8d\xa5\xbfb\x93\xc2\x00/\x0c\x0bS2\x82\x92\x1c\x8f\xde\x94\xec?U\x7f\x95\xfb\x04\xc9j\x94^K\xcb\xf2\x87\x81\xdd\x19\x94)z\'\x1f\xca5\x1d\xa0tI\x8bj,\x08\x1c\xd7f\xe3\xd1\xe8e\xe6\x01\xd9N\xfasyy\xd5\x10\x9a\xdbK\xb2\xacK\x05*"8\xa8)@B\xba\xef\x88\x06\x9a\xb8\xa3\xd1\xb4\tjw/\x9c\xeck\xcd\xe8\xc7\xf9\xd5\x01\xbax\xa9A\tg\t&lt;T8\x0e&amp;\xca\x0e\xad\x15Gf]\xd2\xc6y\x06\xb4\xaa\x87*\xa9\x94\xbe\xbe\xfc\x01E\x9f\x1dl\xad\xf9\x17\xa4s\x80\xad\x80\xe0E\xb3\r\xc4h!u\xcf\xcfW3\x99eAi\xd0JCRUf\x86\x08\x96p\xe7\xa8\xdc&amp;dax\x87\xdd4\x84\xb7@\xf2e\xc3\xf2\xb0'</t>
  </si>
  <si>
    <t>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</t>
  </si>
  <si>
    <t>b'\xad\xeei\xacE\xf2bf\\Jt\xd5\xa1&amp;\xc2\xe2'</t>
  </si>
  <si>
    <t xml:space="preserve">?
(d) The process of adding impurities in an intrinsic semiconductor is called?
(e) What is forward and reverse biasing?
2. Write short note on:
(a) What is intrinsic and extrinsic semiconductor?
(b) Define Energy band structure of Insulators, Metals and Semiconductors.
(c) What is Photo-electric emission?
(d) Define Drift current.
3. Explain the following:
(a) Effects of temperature on Conductivity of semiconductor.
(b) Why Zener diode connected reverse across the supply?
(c) Why do we use transformer in a rectifier circuit?
4. Long questions:
(a) Explain full wave and half wave rectifier with their types.
(b) Give the brief introduction of Filters, Clippers, Clampers.
 Basic Electronics
73
                 UNIT 4
4.0 Unit Overview and Description
?Overview
?Knowledge and Skill Outcomes ?Assessment Plan ?Learning Outcomes ?Resource Material
?Topics Covered
Bipolar Junction Transistor
  Construction and operation of NPN and PNP transistors, Biasing of BJT, CB, CE and CC configuration, Characteristics and transistor parameters for CB, CE, CC configuration, Introduction to FET, JFET, MOSFET, CMOS and VMOS, Characteristics of various transistors, Comparison of various transistors.
Overview
This unit starts with the understanding of fundamentals of a transistor, types of transistors and biasing of transistor. Further three types of transistor configuration has been discussed along with the characteristics of transistor. Fundamentals of FET, JFET, MOSFET, CMOS and VMOS have been presented. A comparative study of various transistors has been conducted. Finally whatever discussed and presented in various chapters has been summarized as a quick review.
Knowledge and Skill Outcomes
i) Understanding of construction and working of Bipolar Junction Transistor.
ii) Difference between operation of NPN and PNP transistor.
iii) Knowledge of various types of transistor configuration.
iv) Difference between CB, CE and CC configuration.
v) Knowledge about transistor parameters.
vi) Knowledge of FET, JFET and MOSFET.
vii) Knowledge of CMOS and VMOS
viii) Learn about characteristics and comparison between various configuration.
Assessment Plan: (For the Teachers)
     Unit-1
Topic
Assessment Method
Time Plan
Remarks
Construction and operation of NPN and PNP transistors, Biasing of BJT.
(i) An interactive session: Question &amp; Answer
One Hour
  74
                      Unit-1
Topic
Assessment Method
Time Plan
Remarks
CB, CE and CC configuration, Characteristics and Transistor parameters for CB, CE, CC configuration
(ii) Assignment
After one day
Introduction to FET, JFET, MOSFET, CMOS and VMOS, Characteristics of various transistors, Comparison of various transistors
(i) An interactive session: Question &amp; Answer
ii) Assignment
One hour
After one day
  Learning Outcomes
 Unit-3
Bipolar Junction Transistor
Outcomes
Construction and operation of NPN and PNP transistors, Biasing of BJT.
i) Understanding the basics of transistors.
ii) Understanding the fundamentals of biasing.
CB, CE and CC configuration, Characteristics and transistor parameters for CB, CE, CC configuration.
i) Understanding the various configurations of transistor.
ii) To have the knowledge of various parameters of a transistor
Introduction to FET, JFET, MOSFET, CMOS and VMOS , Characteristics of various transistors, Comparison of various transistors.
i) Understanding various UJTs
ii) To know the characteristics of all types of transistors.
iii) A comparision study of various transistors.
     4.1. Bipolar Junction Transistor (BJT)
A Semiconductor device consisting of two pn junctions formed by sandwitching either p type or n </t>
  </si>
  <si>
    <t>b'\xd9Ch\x14\xe1.)F\xa6\xb6\xbe\x1c\x93\xd9Z\xdc\xdd\xcc\xd5\x1e\xb3\x8d\xcb\x98\xd8\x01\xfdQ_\x7fL\xf9yF\x9ej\x1a\xae\xf6\x08\x0fo\xb2\xcb\x02\xdc\xf4\x1dm\x95z\xa7\xf3\xb3};#\xd5\xc7\x0eb\x8bU\xb3\x8b\xc3\xde1\x8a\'\xc4 \'l\xec,Z\xb8\xe4?~\xf6\xe0\xb6\xf2\x04\x1bs\xce\x13\xcb\x8c\x80q\xe5.\x18?\xd4\x1d\x8dm\xa0\nq\x8c\xdc/Cvf\x80-Z\x082\xd27\xbe\xcf\x0cB\x93\x17\xbd\xdc\xf7\xbf\xe1\xbe\xb8p\x9c9\xc5X{\x82\x96\xecV\x06=\xd4+xp\x90^\xec\xbft\x1dg5|\xd2\xa0J\x1e\xc2\x19}&amp;\x03\xe56w7\xf2\x91\xb9\xd7\x06T\xba\x8cGN\xcd\xa9M\xae\'P\xac*iU$\'8\xb4\x1d\x99\x0b\xfap\x194*L\x81\x8e\xdb@3B\x80\xd2b\xcd\xfe\x91\x1ds{\x8e\x7f$E\xe5\x9d&lt;\xd0{\x7fl\x88M\x13:|\x9c\xad^\xb7\x11\xc0\xd7\xc7a\xbd\xd1D\xef\x19HW%\x05\xb0\x04W\xa1\xb60\xfe\xd1A\x1d\x1eI\xd5P\xf1\xfb\xb9\xda\xcc-\x0e`\x19|\x9b\xf7\x94J\nQ\x1c\xcf\x0cC\xbc_\xe6\xbb\xd5\xe6\xca\xbc\xd8!\x90A\x17[\xa9C\xeb\x97\xb0I\xb8\x82t\xfaD\xaa##\x15\xb7\x80\x0f\xc0S\x95\xd0\x18\x9e\x0f\xbe\x16\x1d\r\xe8cb\x07Q\x8f\xd8j\xdfN\xd8n3\xb3\x1a\x7f\x87\xc8\xc3,5i\n\x19\x16\x91\x8d\xa1c\xf6\xae\x11\xcb\xac{\xe7\x94=\xe4\xc5I\xbd\x9c\xa8\x1e|S\xce\xad+\x94\xf4\xa2\x9b\xd2\xe2i\x0fIZP\xe3&lt;\x12\xd2\xe9M1Cf\xdaN0\xd2\xc4\xe2\xbb\xad\x95\x17w\x00\xf1l;w\x17G\xfa#&gt;o\x89\x0e\xbc\x14t\x0bX\xd579\x1c\xeca@,A\x86g\x13j\xead,\xf1C\xa8\xb1\x1c\x14\xe1?lo3\xed~D73&gt;\xb9\x15\xa4\xe3\xcc#u\x84\x8emY6\x11B\xeer\xe6\xb9\xe4\xcdB\xabE^&lt;E\x15\x93\x8f\x88&lt;GL\xd4A\x89^\xffhsj\xcb\xdbw\xb3\'El\x03\xc9\xd8\x06Wx\xb7\xd2\xf8L,\x8c\x13\x83\xe8&amp;\x92j @e\xa9`y\xe1\x0b\xf0\x05\xa0\xf3+\xaf;6\xd3!#\xf6\xc0g\x8f_l*\xe5\xf3J\xfb\x9f\xc0%\x0c\xc9\x8eAJ\x8d|E\xf6\x89\x08\xc1\x04\x172\xc0\xae\xcd\xc5\xaf\x9b\xaf\xa7eV\xd0\x8b\xb2\xe6;\xbf\x8c\xef\x0b73XW\xdb&gt;}\x03\x9e\xda\xc4&gt;\xd3\xa1\xde\x06j\xa6\xbeB\x0f\xd3\x8a\xf9r\x1d\xba\xfdr\x80\xff\xf8e\xb7I\xa8\xae\x9a\xcd\xfeO}bp\xac\xad\x8b\xef\x15v\xce\xf5 \x00\xcd8\x916\x97\xfc\xc0\xf70\xdd#\xff|E\xc5I\x96\x01\xad3/\xc1J\xc5U\n\xe3x\xbd\xfber\x9b\x85Zm~\x03/\x1b\xc8\x9c\xc3,X\xa7|\xf8\x88\xfc\xecd\xaa\x9a\x07[l\xf5\x1b5\x01\x93\xbe\x05\x81D\xd4\xe8\xc4)\xa7\x8e&lt;C\xd6\x9d}^\xe4\xebYb\x12v\xdc%$:\xcb\xd9\xef8\xe9\xd1ThO\xe1\x08PvYY\x12]\xe08\xfeLP\x88n\xfb+\xe0\\\xdb\x01\x80 D}\xfd\x9b\x169W\xcd\xc8 \xf7-\x94\xca\x0eaT\xea\xe3u\xf1\xa2B/\xa2o\x19\xa8\x96\x90\x9d$\xb8\xf0\x98\xef\xa6\xc4\xb7\x1d)[E\xc4\xc9\xb63\x84A\x85\n&gt;\x982&lt;I!Lz\xf4\xb1&gt;+\xc2\xc8d\xafwn\xba\xe53\x15$\xb2\xb9\x95\x88\xd4\xc2\x195H\xc3V\x1a\xba\xd9U\xe5MG*,\xbf\xea\xd2P\xf8\xad\r\xfc\x02\xc4\x88]"\xa0\xd9\xd0\xd5s\xc5\x90Tq=\xa0\xfc\xccL\xafZ\xee\xd1\xc1\x80\xc1\x93\xe9\xbb\xc4\xa1\xba\xb0@\xcb\x85\xdb\x9e\x06\x93U\xe2\x0f\xfd\xa0\xa2.\xcc\x9d\xef\xe3\xe4\xfc\x8fg\xdd\xea$q+Y\xf5\xfc\xc9\x8c\xb0\x98v\xd1N\x90\x87qwx\x02 jZ\x9f\x97H\xd31\xe8b:\xbe\x82i##cb\x91\xa4\xa2\xf1\xf2Y\rx\x00\x88\xf4\x12\xb2J\xabs\'\x16hS#N\xf9\xcd\xbc\xb9\x87-\xca\xbb\xdd\x83\'\xc82\x1a\xb6\x88zO\xab\xd0Y\xdb\xec\xb7\xc6.\x97\xa5\xf8\xdcZ\\\x93P\xd1\x18_\xea\xcf\xa4PL_r\x93\xfc\xb56\xd5\xb5\xe5\x84\x11\xaen~\xc3*\xd4_\x9a\xeb!w\xd46K\x9b\xf9O\x14\xc4\n\x89\x9a`[n\xaf\xf1b\x83_a\xe7\x84\x07&lt;d\x8b[\x02\x1a\xcfF%dT\xba6Or\x85\x14iK\x85\x1c,\'\xd7/\x87\x8czb&lt;\xa6*0\x84N\xc9\x10\x06?Y\xd2G\xaf\x88\x10\xbb\xf9\xac\x13\xc0\xf6\xebgG\x07\xe3E-\xfc]-D\x89\x96\'=\xcao\xfc\xb1\xf6R\xbd\x10&gt;\xd8\x8f\x17\xc1\x9cajVh13Ra\xfd\xdc\xce\xa1+Q\xe4\xf5\x8cT\xb3\xd4\x83\xeb$\x835w\x0b\xa1*\xe8\xf7\xb5\x00\x91[\xe71O\xb0C\xbd7K\xa3\\\x92U\xecO\xbd\xe1\x95\xc8\xbf\xd6\xf7\x85x3\xb7K\x9b\xf4J\x1d\x06\xd6U \x8d\x05\xa1\xb3\x15\x89f\x0f\xf0\xb4\xbd9S\xafi\xd4y(\xee\xde\xe1\x02\xeen[\xd2\xdef\x08\xe0[\xc0I\xdbP\xfa\xafz\xf7\xa2\xd7)\n\x19Qu;sT/i\x89\xd3\xb2\x9b08\xc3\xa6\xbef\xd9Ds\x9f\xdftN\xa9\'/#\xfc\xe7\x9bW?\xb4\t\xf8\xc4\xe3\xdc\xfe\x05\x1d\xfd\xc5l\xf6t\x80\x1eh\x87\xdf\xf8\x19\xb9\x843H\xdc\xc7\x10K\xf6\x88\xde\x9c\xbb\xcc\x95\x95P\x18\xc6(o\xce\xeeP\x1eA%\xa2\xeeH4\xf0z\xee\x97\xbd}&gt;\xa1\x06\xde\xcc\xfc\xcc\t\xcc{vD0J\n\xa4)\xa4\xb9\x0e\xdb\xab\xe1g\xd2\x8d\x97\xafL[Fb\xda\xa6&lt;o\t\xb2\x1f\xa0\xd3U\x9c\xd3\xa3/\x18\x10T\xb9\x88\x06\xf06Mg\xb7\xea\xdd\xaarA\xd1|\xdbz\x8b\x81v\x07\x1e2\x86\xdb\x7f\xbb]"\x06&lt;\x90\x06\xae\xc7\xf0\xed1$\xe8Vv\xae\x1a \xcbQ\xa3\xcc\x08Wi8\xa9\xae\xa6z\xff\xf2\xd2\xd9jT\xc5\xe3\xa8[U\x86\xe46\x0e\xc5.\x14\x995\xff\xd1\xbc\xe7\xf8q\x8e\x04\x0cD\xad=}\x95\xc9\xfd$\x19\r\xd5\xc0\x9dl9\x0e\x8d\xcf\x8a\xdc\xf0d5X\'\x8b\x17dY\x11\xc6\xa5z\xb5\xe5h\xf2\x1eU3\x8c\xb9m\xec\x06\xf98M\xde\xe5~\x90\xd3\xde&amp;\x9az3O\x0e\x86\xce\xeap\xdc\x81\xe9U\x9b\t\xe6\xc9\x13\x1b(W\n0\xb8\xa5E\xc2|7\xaa"\xba\x95*\xc3\x96\x8b\xa4\x1f\nZ\x80\x0e[^\xa3,Q\x1c\xaef\xb1\xdf\xfa\xbc\xa7\xc0\xb9\xbf5\xf16B\xd9\xa7\x9a~/\xbb\xce\x14\xccYU\x10O\xbc!K !\xc2G\xfeJW\x847H\x8a\xe3I\xc3\xb4\x02\xa6\x9a\x97\x14\x94\xb1H\xed\xec \xbe\xa2*}..\xc3\x91h\xfe~\x81\xc76st?\x81\xa2M\xa7\x16Y\xb0X\xa2O1\xf9i~\xe3\xe5\x9b\x9d&gt;\xf8\xea\x80\x88\xed\xb0\x97\xcc$Kx\x1a\xaa\xe5\xdc\x15\xdeu\x9an4\xee9\xe8{\xb4\xdbw\xac\xca\x17\xc6\x92\xb3\x11\x03!\x91\x9f\x02f.E^\x8a\xed\x84\x06\x16\x8f\xe5J.\x86_p\rP{K_\x02@\x8d\xd7\xb6\x02\x86\x94\xf4\x8b\x17,e\');\x04t\x15\x958Eg\x82\x7f\x8f\x9a\xde1\x93\xd7\x7f\x0by\xe2~W\x07\xca\xb9-\x1c\xef\x16\xcfu;ZlF\xef\x1c\xa8f\xc69\xa8\xcd\x9b\xd93\x93\xfb\xb1;G\xc7wSFw\x16\x04(\xfc:\x0f\xb1\xe0\xe3\x1b2f\xb1w\xa1}\x8e\x11\x9ba!\xd5\xdc\xd0\xa85\xa7\x0c\'\xe8\x8dE\x05\xe2a\xed\x95\xa4\xad&lt;\x97\x80\x0c\x97\x9e\x9f\xd0\x1d\xebZ\x85\xe2s\x1f\xf9\xe1\xb7\xcf\xc5)\x88\xa4\xbe\xa1\xb4\x8e\xd16~4H\xd1\xee\x83\xe0;&lt;\xb1\'\xbe\x8d\xf3\xb1\xaeL\xc3\xbcy\xff\xa1\t5\x11:!/\x1e\xeb\xdb\xe6\xf6?\xd0\x0f+\xbb\tAut \xe4\xc5\x0c\x86\xf9:\x8d\x81\x83\x0f\xb7\xe8XT\x85\x87b\xde|\x9cS\xc7a4\x12a\xe1\x86\x96\x88!w\x98\x1e\xbd\xa83".\xb7d\xd5HX\xae/\x1c\x8b-\x9b\xd8c\xe4w\xe3\xcd\x91\xb0c\x88\xea\x82Il\x0f\xe7\x7f\xc8\xef\xf4\xb6\xfc%\xc4=\xb9\x9ae=\xb7\xc0}\xe6\xdc9"\xd7\xd9\xd6\xeab\xee5\xda\x19V~9\xad\xf0\x16V;\x9djW\xfcL\xef\xffaE\xd6\x89\x0f\xfb\xef\xcd,,\xee\xea\xa4[\x95\x93!O\xca\xd2\x82K\x19v\x03\xd9u\xa3g\xdd\xce\x9d\xc7\xdb-u\x0b\xeb\xb1Y\xeb@Y4\x18\xa7\x8drG6\x15Mh\xd0w]u\xdbq\xd2R5*\xdb\xean\x08I\x81\x99\xb0\xa2\xdf\t\xdb\xee\xb6\x1e\xe3R[\x9fE\x0f|r( \xa5\xbem\x02\xf6\xd4L_q\x11\xa2\x0b\x05T\x8e\x9a\x16s\xfc\xf3`\x1e\x1f^\x1fN\xfdc\x84J\xc7xl\x08\\xr\xc50\xfe\x19\xed\xf0\xb6\x85\xdf\x8a)\x9eX\xc0\x9f*\xb3\xd4z\xbf\x12hu\xb4h\x8f\x97\xab\x0b\x93,\x1b/\x0c\xb7\xfe\xbf\x9b\xeb\xfeg\xc4P\x8a\xa6\xc0\x18\x8e4\x83\x8e\x07\xabi1\xd2\xc9\x17C;w\xf7\xdd\xa56\xe5\xfb\xf5^\xf2\x8f*\x87w\xcd\xe0Qc\xeb\xcf\xffrqC\xee\x82\x1d\x98Il\xa5!\xb7\xa4\x94\xa1U\xfb\xd76k\nnR\x9dm\x9f\xbe\x80\x98\xe9\x7f\x04\x97d\x8a\xe2\x80\xe8JZ\x8d\x9d,\xe6\x02\xd4\x19%\x93\x07\x87\xe7\xf4\xebRyy\x8f\xf3k\xd0t\xe7D\xb8-Q1e[\x05\xf98\xbe\x81\xa2;`Hk\xb8y\xeeUtc\xeb\xf0C\xdb\x9dH\xba\xcb\x85\xa9\xe00ojM\xf9\xad\x00\x16@\x9c\xbf\x1fZJ\xd5\xcc\x94\xa5yH\'\x9apa\xd7\xd6\x82=\x81ot\xd4YE\x01F\xe6\x8e\x99\x96o\xaf\xba54\xd3]3C\xc6\x9a\xcb\x05z\x9fnZ\xca\xc5\x8d\x968\x0e\x1c/\x853&gt;\x83\x1c1\x1f\x98+\xcd\x83\xfc7\xc4\xdf\x98gi\xc4\x17\xd9[\xa4\xa0\xfc\xe1\xa2\x81\x81\xf8\x9b\xd2\xe3S\x1c s)\xa7\x82)\xb2!~\xc5+ICle\x0f\t\xb8\x9cCl\xd4#\xfa2\xf4\xcb\x92\xffV\x92\x89*J\xc2\x14\x0cX\xb6\x11\x11\xb1^v\xce:\xd8\x96\x17\x8f\xab\x8d\x97\xa4\xd7\x06\x1c\xa9\xfc^\xdb\x86\x80\x8f\xcf+E\xe6\xf44I\xf5\xe4a\x97\x1d$"\xb2\xa2M_]\xd0\xa5\xa9\xa8\x878\xcd\xd3\x1c\x15\xce\x0e\x8f\r\x08h\xc3*z\x91\xa4E}\x86R8\xa1\xc6&gt;t\x0b\xb7\x06\xfcf\\\x82\xfe\xf4Z\xc9\xaf\x93\xf1\t\xac\xd3\xa4\xf1l\xbb\x87\xf1\xde\x8b@0\x82`\xa0\xb5\xf9\x842\xca*\x04\x04c\xe6M\xc79D\xad\x82\x1d\x8d\xda\x1e{\xb4b\xeazf\xedc0c\xeb\xba\x85\xd9\xfc\x06\x1d\x1a!C\xfb\xff\x9a\xc4\x95n*A%\xbc=y\xd9\xbf\xd8\x1c\x8b]\x92\xd6%\xb8\xb6\x8b\xb92\x84\xea%\x0b^\xa3\xaf\\;\xfa\xef\xe1\x1e"R\x95\xe5D\x86\x0e\xa8x\xfbn\x8ec\x02\xe1\x16\x1d\xbb\\\xe3\xda\x10\xb2)\x9fI^m~y\x188$\xf9\xe9\xf2Di\r;\xf0lg\xad\x0f\x1a\x02L#@O\xde\x05\xb5d\xd5\x15:V\x82U\xe6C\xe0\xf4}\xc4\xe1K\x0el\x1e\x0b%\x8c\x92k\'\x9c\x1ca3_q\x89U[\x87x\xe3f\x96\x1fY\x8eC\xcaYO\x8fS\x9a9\xec9v\t\x1c\xb20*\xb6\xd8w\xd2\x05y\xd4[45\xda)\x00\x14\xbdP}\x14\xb7\xec\x82d\x06F|\x0e\xf00\x90\x19\x81;\x12v\x8eC&amp;!D\x19\x18c[\xa4\x90\xb6\xea#40+IO\xbe\x92\x80\x7f7\xa9\x13\xeaD+\xf1\xde\x83\x81\xa2\x0c\xf5[\x1b\x1aa*%\x1104\xcb*\xe3\xd5#vW\x83\xbfd\xb1\x00\xeff\xba\x9e\xc7\x8a\x8e\x9aq\xe0\xf8\xe1146~Y&lt;_\xa9\xd9MD\xc0\x03\xc9\x8c\x98\xd6]o\xe8\xd8K\xfcA\xe3\xba\x01\xebN\xe2\xa4W\xf0\xb9\xd2\x1f\xc7\xc8IF@\xb8\xc5e\xe1\x1a[h)Z\xbb\x90;@\xc5y\xfd\x16U\x9e\xf6\xf9\xc0\xa0\x93\xeb7\x8b\xd9\x18eD\x9fW\xfd\x8f\xa0P\xe7vs\x8e0&amp; \xc14\x8b\x9d\xe9~m!\xf0\x14\xe6r\x94\xad\xa6\x89ae\t&amp;IO\x7f\x7f\x87\x9c\x93D\\9Yx\x94\'\t\x80\xd7\x9aqz\xbfC\x82\x06\x0fE\xbeW\xbd\x9d\xf2#o\xe8\xf2\n\xaf?FnU\xd7\xac\x8b\xf7\xa8\xa8Z\x0c\xc5\x8fF-\x92\x1b1X\xbf\xa1\x8d\x0e\x0eG\x04\xb2I\xf9\xb1[\xd1\x7f\xec\xdbk\x8d\x84H\xb0\xed\'=xg\x12,\xa8\x18\xf1+\x0f\x86\xe2Q\x0bRS\xda\xf2;\xe0.\xb2\\z6\x16v\xa8\x00\x8a\x90\x95x\xae\x99o\xfe\x8a\x7f\xadyO5\x8c\xe99\x84TT\x04\xe8K\xb4\xcf7gX\x7fc\xdb@\x83x@\xe21\xb8\xec2%\xf1\x05\x01\xe5\rSyE\n\xc1\x16\x00|\xd4\x1b3\xc3\xcd\xbed\x1clQ\xa3\x96b\x1b$5\xfd\xb9\x01\x98\xc9"h\x94\xba\xd5\xb0\xe5B:\xae%\xbd\xd5\x04\xbb\xdd\xb9\xe5\x1f\xd3`\x82\x14m\x95\xe5N\xcf\xebD/\x92\xfe\xc8\x90)jYjm\xd8b64\x19\x91\xe4\r\x96\xa2\x91\x0b\xf6O\xdc$\xb2]\x84\x8c&lt;\x8a\xdd%\xb5\xa4W\xb16g\x04\xcb|\xd1\x1ap\x80\xb80\x12\xc9\xf2.V\xb1X+-\xac\x7fF\xe6\x88\x17f\xc6QH\xf0\xa01`\x1e\x9a\xff\xfc\x9d!\xc9\xf5\xe4.{\x86M!}{\xe59\x90iZ\xc5\xf1u27B\xaa\xca\x13\xa3ClQ\x11[4q\xa9e\xff\xd2\xed\xf8\x84\x8f\x96\xf4z\x1bT\x8cP\xf7PK\x01\xae&lt;!\x8e\x81\x08\x8f5^\xea\xd5\xb9#\xfc\xf9\xee\xae/\xa1\xdd4\xa1K\x16\x83\xcez\x93\xfa\xf4F\xc1)\x8e"\x1ed\xae\x1b\xc4)8\x17\x0c\x9fP\xf4OS\xa4F\xc4\xe7\x07\x18\x01\xc4U\x063\xfes\x9a(&lt;\x9e\xc6\xf4\x1f}\xe1\xf8\xab\xa2p\x16W\xcb\x8dg\xd57\x9f\xdc\x8c0\xd0\xca}\xc0\x0f\xd8&lt;\xb3\xc0N\xd3\xb9\x0b\xff\xedR`\xe4mO&amp;8\x03\xa0\x16\x1f\xe4\x0bp"\x04\xfd\xb1\x84\x8eGp\xb5\x11]F\xa3(??\x19\xaf&gt;\xc9\x98\x8aS;\xe1\xb6Y+\xdap\xd2\xe1\xfd\xd7\x96\x1a&lt;\xcd\xa6\xe9W\x8f\x8cXr?\x91\x08\xd7\x7f\xb3\x18\xb7e\x8c\x8c==\xb3\x81{\xba-}6\xc0\xbd\xcap\xc8\xf6\xc7\xc5M\x831\x90S\x92\xe8q\xb5\xe6\x95m\x1e\xfc\xf7\x06\xf4\x08]A\xcf\xa1=_$0rh\xb8\xdaxL\xdf\xcd\xfdA\xe7\x98[\xaa\x12:@\xc5x\xd9\xb5\xe1VF*\x1f\'\xf2\xf4\x83.\x15\xed\x1e\xc0%\xe2\xb2Ev4\x981p\x05f\x12KG\xeezC\x81K\x0f\xd3\xe0\x9dqm\x9b\xd1\x9c\xa5}&gt;\xb0m\x94\xe4\x8f\xd7\x1b\x19\xf5\xb5\xc8 \xc6\xab\xcc\rH\x94\xa4l\xb72^\xa7K,q'</t>
  </si>
  <si>
    <t>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</t>
  </si>
  <si>
    <t>b'\xd9Ch\x14\xe1.)F\xa6\xb6\xbe\x1c\x93\xd9Z\xdc'</t>
  </si>
  <si>
    <t>boat, carried forward by the
 wind, seemed to be flying in the air.
 Night came. The moon was entering her first quarter, and her
 insufficient light would soon die out in the mist on the horizon.
 Clouds were rising from the east, and already overcast a part of
 the heavens.
 The pilot had hung out his lights, which was very necessary in
 these seas crowded with vessels bound landward; for collisions
 are not uncommon occurrences, and, at the speed she was
 going, the least shock would shatter the gallant little craft.
 Fix, seated in the bow, gave himself up to meditation. He kept
 apart from his fellow-travellers, knowing Mr.</t>
  </si>
  <si>
    <t>b'\xdb\t\x9b#k/c\x04\xc2u\xc6\x84\t\x8f\xca\xab\xab\x1f\xba=\xd7\x84L|\x06I\x9b:\x8b\xbc,\xe8'</t>
  </si>
  <si>
    <t>db099b236b2f6304c275c684098fcaabab1fba3dd7844c7c06499b3a8bbc2ce8</t>
  </si>
  <si>
    <t>b'\xdb\t\x9b#k/c\x04\xc2u\xc6\x84\t\x8f\xca\xab'</t>
  </si>
  <si>
    <t>1) [1] 1
 1982:Q1 -5.1 (-3.9) [-6.4] 1 (1) [1] 1 (1) [1] 1
 1982:Q2 2.1 (1.7) [2.1] 0* (0*) [0*] 0* (0*) [0*] 1
 1982:Q3 0.7 (0.8) [-1.5] 0* (0*) [1] 0* (0*) [0*] 1
 1982:Q4 -1.1 (-2.5) [0.4] 1 (1) [0] 0* (0*) [0*] 1
 1983:Q1 2.6 (3.1) [5.0] 0 (0) [0] 0 (0) [0] 0
 1983:Q2 9.7 (8.7) [9.3] 0 (0) [0] 0 (0) [0] 0
 1983:Q3 7.6 (7.9) [8.1] 0 (0) [0] 0 (0) [0] 0
 1983:Q4 5.0 (4.5) [8.4] 0 (0) [0] 0 (0) [0] 0
 1984:Q1 10.1 (8.3) [8.1] 0 (0) [0] 0 (0) [0] 0
 1984:Q2 7.1 (7.5) [7.1] 0 (0) [0] 0 (0) [0] 0
 1984:Q3 1.6 (2.7) [3.9] 0 (0) [0] 0 (0) [0] 0
 1984:Q4 4.3 (3.9) [3.3] 0 (</t>
  </si>
  <si>
    <t>b'L\xab\x14\xf4\x1d\xdb\x87\x9eJ\xb1tm"\xfbj\xd0\xc7s=\xe3\x16\xe9\x94\x8e\x12\x13\x03P\xda\xdb-\x87\xdb\x9fW\x96\x8a\xba\xb9\xabP\x01\x98a\xec\xae\xee~w\xe8;\x183:G\xe9\xfba\x08!\xcep\x12R\xe1\x1c\xe3\xf6\xa5\xc5|\x13R&lt;\x9e\xc4\xd7#\xc7|\xaayl[X\xf06_\x94}\xae\x9bli\x85\x8cM\xcd\xf0\x8f\x97N\n)\xe6\x9d\x8f\x17\xec[e\x07\xce:\x00\xef\xa6&amp;\xdfqe;s\xb8\x1aK\xe9\xe2\xb6B\xde\xe6\xdd\xa3-\xc6\t\xec0\x13\xd9S\xa8\xae\x02\x8a\xbf\xbc\x1fp\xbe\xb4H\r\rq"W\xdc\x11\xb6\xab\xf8G\xb1\x11\x1e.\xbe\xa1\x1bV\xc7\x8d\xd8\'\x86\x1d\xf4`\xf7\xb5\xb9\xec\xc9\xf3\x81dQ|\xd6\xeb\x18e\xb0\x90\xf4\xc3\xb4\x00\xb0.\xe1e\xf7\xcb\xa1Y\xf9\xd89\x82\xd42`\xbb\x1a\xedGO\xba\xb2\xc8\x9a\xfeH%\x1d\xf5\xb1~\xdbv\xc3T\x01\xa1\xdcd\xb4b\x85\x12\xe0\x02\x11c\r\xf1\x04$/\r\xd0\xb5TYU\xb6\xbd\xb1Y/{AP\xd97\xba\xbb\xa3\xf2\x88\xca\x1fw\xd1\x0e\x1dZ\xa1\x11-\x8a\x9e\xda\nN\xe684!I{owhWO\x02\xd6G\xe5\xd4\x1fb\xdf\xa9\xbf\xdd\r\x91K[9\xa4/\xeb\x01\x93\x89?\xb6o\xe0\xbcS\x93W\xd4z-\x9d\xfe\xc5\xed&gt;\xbd\x96\t*\xca\x93"\xaa\xb5\x82\x1f\x12\x1c(\xd8\t\xa8\xbaN\xe5\x9cVsOgFQ\x92\xfaB\x8c\xf8\xe1\xc1\xeaQ)\x05\xe4\xf2\x91\xf3\xeb\x1a\xd4\x84!9\x08\xc6\x8c\xe9\x1f\xbe\x89\x9a\x7f\x1f\x91\xe4\x9d\xb2\x05\x03\x00dw\x84H\x95\x17\xc2\xefNW\xdae%-\xc9+\xfea\xfaWw+K\xde\xce\x1am\x08\x86,.\x13\xb5\x11\xb2\x88\xd2\xf7v\xdfd\xfc\xd0\xdf\xfcj\xee\xb7\xf2\xae\x00\x07\x0b4\xcc\x07\xeb\xbe\xfe\xc9\x19\x1e;?\xec\x9dJ\xe3r:\xe4\x8c\x11 \xd1\xa7\xfc\xabU\xd7\xfce\xb5\xb07\xa1+\x0bQ\xfc/\xf7\x83^Ty\xb2k\x7fg\x7f&amp;h\x8by\x90\x9c\x19*@\x16;}\' M\x90v\xd7\xad\xfa\xa6\xc2!\x9b\xce\x0f\x87d\x82{\xa5wF\x8bH\xedi\xc4Z\xfdlQt4R\x8aVR\xb5\x97?\xc2\x1f\xce\xa61\xfeh\xf1M'</t>
  </si>
  <si>
    <t>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</t>
  </si>
  <si>
    <t>b'L\xab\x14\xf4\x1d\xdb\x87\x9eJ\xb1tm"\xfbj\xd0'</t>
  </si>
  <si>
    <t>awing her footstool closer, "and I will do
what my Ayah used to do in India. I will pat your hand and stroke it and sing
something quite low."
"I should like that perhaps," he said drowsily.
Somehow she was sorry for him and did not want him to lie awake, so she
leaned against the bed and began to stroke and pat his hand and sing a very
low little chanting song in Hindustani.
"That is nice," he said more drowsily still, and she went on chanting and
stroking, but when she looked at him again his black lashes were lying close
against his cheeks, for his eyes were shut and he was fast asleep. So she got up
softly, took her candle and crept away without making a sound.
CHAPTER XIV
A YOUNG RAJAH
The moor was hidden in mist when the morning came, and the rain had not
stopped pouring down. There could be no going out of doors. Martha was so
busy that Mary had no opportunity of talking to her, but in the afternoon she
asked her to come and sit with her in the nursery. She came bringing the
stocking she was always knitting when she was doing nothing else.
"What's the matter with thee?" she asked as soon as they sat down. "Tha'
looks as if tha'd somethin' to say."
"I have. I have found out what the crying was," said Mary.
Martha let her knitting drop on her knee and gazed at her with startled
eyes.
"Tha' hasn't!" she exclaimed. "Never!"
"I heard it in the night," Mary went on. "And I got up and went to see
where it came from. It was Colin. I found him."
Martha's face became red with fright.
"Eh! Miss Mary!" she said half crying. "Tha' shouldn't have done itâ€”tha'
shouldn't! Tha'll get me in trouble. I never told thee n</t>
  </si>
  <si>
    <t>b'\x17\x16X\xe5\x0bu:\xc8\xffE\xb8\xc2\xb5&lt;\x95\xfe\xa1U\xec\x99\x0eT\x1c\xb5\x81\x06\xfe4\xdd\xffV\xba\x86\x05\xc3(\xf9\x1f\x08\xb6\x8e\xa4\x19\xad*W\xeb\xaf\xc6\'\x04Y\xca\x15\x16X\xc2\x9e\xd5\xb8\x07/\x7f\x86\x04\x93\x1f%\xfek\xaeB5\xaeF\x83(i\x8f!\xd8\xd8#\xd6\x17\xd3\x9a\xf3\xd3=_\n&lt;\x90\xc5n\x1d7\xb6\xcb\xeb\x1a\x9a\x05\xb5|\xca\x8fb\x86\x9a\xdc\xd9\xf1v\x83\xe0\x80_\xf2\x96V~\xaf\xee\x802\xc9\x8a\x11k\xdf\xbd\xb6Z\x9924\xea&amp;\xa4\xdc?\x19\x8f\xc1\x85wV\xcd\xe1|\xcd\x83\x97\x170\xaf\xc4\xa6\x14V%\xbbI\x80\x88\x11\xe0\xc1`\xc2\x084%\xae\xc3\x87\x05/\xddp\xab\xcfDk\x0f\x07\x1fJ:\xa7e\xb0\xca\xc2\x96\xfc\xf5\x8c\xd7\x94q\xe5\x1au\xc2\xe0\xb2\t)O!\xe26\x0b\x8b&lt;\x15\xa7\xf1j\x9f\x13\xe0Q\xb5\xd9\xe7\xe6\xedx\x88\xc3&amp;\xaaE5\xf7\xe2l=\xffr\x8d\x17\xd5\xb1\xa4\xa5N\xf3\x06\xe3x\x96\xda\x90\xae\x90\xd0M\xcb\n\x1f\xe6\x1b\xe7\xa5]\xd6pb\xd8\xe3\xec\x8e\ns\xc2\xc6\xe7\xdf\xe3?\xa4\x84p&amp;\xfd\x8a\xf2d\xd6\xed\xfc[\xff#\xe8k: \x7f\xd4c\xcb\xdb\x1f\x8f1\xb8h+p={\xd8\x04q \x9anDO6R;\xd7\xcf\xb0N\xa3!\xe0\x80\xf2O\xd7\x07@\\\x11\xd60\xb6\xea\xcf\xd4\x91\xd42\xa5\x0f\xed\x02\xb9\xae\xccK\xda\x8eX\x84\x98\x86l\xbb|g\xc8\xaa\x02b_\x9e\xa6\xe5\x84Z\x1f,2$\xac\x01\r,\x08\xed,2\x8c\xdd\xcb\xaax\xc6D\xa7\xb2\x19F^\xdc\xaf\x8bJ\xbe\xd5\xc3\xb8~\x84\x00\xe1&lt;!K\xd3\xd9\xce\xdb\xa2yM\xa1=-n\x1d\xb8\x95W\x01Z:\xde\xfc\xcf\xf8H\xd0\xbc\xeb\xe0\x17\xad\xe3`\'\x1e@\r\xe3\xab\x0e\x07u\x1e[\xf5\x1a7\xb9\xd1d\xa7\xce\x91\n\xb4r\xb7V\x8b\xce|\x9a\x9c\x1c\x02\xdc\xadd\xf9\x8c\xa4\xb84\xfavW\x97X\xf18\xab}\xc0\xd5\r$YD4\xad\x1bMOQmMQ7n\x82\xdcr\x8aEOr\xfbj\xe4\x15\xe1.Y\x939n\xb3$\xc4\xd6\xed\x16\xcb\xca\x89\xa5\xfcR\xae\x1d\xe3V\xd6mw\x84.\x19Tr\xec\xcf\xe4\xb2\xf5\x84_\xac/\xed\xa0q\x1bg_\xdfT6&amp;\xcf\x9b\x8e\xb2\xa9\xc3\xb4\xab\t\x82\xed.\x04\xb6[\x93\x886\x07I\xe6Dy\xa6v\xa0\xb1v\xd4\xebh\x82\xbc\x04W\xafCo_\x0e-\x93|:&amp;\x07\x19\xe4ao\x1e\x9f{\x12\xfb\xb4\xda\xd1\x96\xf8\xd45\x86\xb8${\xdc\x1bX\xe0\x18\xa8\x95\x07c\xd1\xb8ZR\xb3\xd6\xb7p\xe8\xd2\xe5S8\xd7\xa6j\x8f\xfa(\xb1\xc4)6\x14\xed\x02E\x9d\xbb\x93Y\x0fr\x02M\x84OY[\x84C\xa1N\xe39\x17\xa9@J-U\xc3uW\xd4\xf8\xfb\x065\xf6ku\xcac\xfc\xe99[\xde\x98\x9d\xefmrj+\xf7\x0e\x03Q\xfe\n\xff\xa4\x90xoW8`I\x92\x1b)\x9e\xadg\xa3\xdf:\xbe\\\xcc\x1e\xe9\x8du\xc8\x99\xf6\x11\x8c\x8bd,I\x07\xd5\xf2\x02#\xb3\xa9\xff\x848\x04\xac\xbeCPp\nm\x1dbr\xf6Ud\xb3\x9az\x8f]Q\x18p\xa1\x021\xb4\x06\xe8\x95\xd4\x9e\x18~\xb1\xc5\xb6\xf8\xaav\xb5\xed\xcdnu\xa1\xe0\xc5e\xc4ga\x97\xd1y\x87t\xb2Y\xed2YH$\xf9:\xe5\xd9,T\x82N\xc9A\x88\xc6!\x15\x82\xf3\xbd*\xd6\x0b\\\x84\\\xd3\xba\xef\xd5\xa6\xfc\\_c\x979u\xe9\xae\r\xf6\xc2V\xcb@\x1d\x11\xc0\'(UJ\xe2?H\xe4\xe8?\xb9\xdc\xce\xe2\tQ\x01\xf2\x15m\xf1\x1b#\xce\xc8@\xaa\xec\x9b8\x03\x16\xba\xe4e\xb9\xfb\xbb_\xe8\x86&gt;\x87\xbfq\xfa\x88\xf5\x92\x18\xcf\xf6f\x91\xa3\xd0\te\x91\xe0\xbc\xcb\x01\xb3\xeb\xd9nKHx@\'\x16r\xd0\x02)IU\x07\x95\xa8\xd8\xc7\x04po\x1d9\xe6\x16\x97\xbbJ\xa1\x0eV\x18\x0ev\xb6\x94?4\x95+\x82v\x9fT\xd6\xe4?B\xae\xd9D\xc8~\xf8\xc0\x88GV\xb39$\x86\x8f[N\xf4FR1-\x9b1JE\xb9iJ\xd5\xecG\xdfa)\xfbE\x10\xd2\x7f\xe9\x9d\x93\x17l\xc4\xe7(\xab\xae\x0e\x12^\x1c\xb9\xd7\xa4\x82\xa1\x07\x11\x9d\xfc=\x01|B1?\x90\x00%\x07C\xf9\x0b\xb4\xcc\xa5\x8cPWf\xae"\x08}\x94\x03\xd9\xbe\x0bkD\xf5zWcmH~\xd7\xf6\x16x\xf6h0\xf5;\x94U\x0b\xe9\xf1\x1f\x16\x02\xacg\x80\x97\\\xab\x06h1\x9d\xcb6.8\x01\xe0\xebA\x14\xa2\x1d\xc4\'\xedD\xd1\xf8C\x04\xed4\x9b\x13\x18\xfb\x1c\x1c&amp;\x1b\xaeT~`\xd9\x8f\xcb\xae%\xbe_\xd0L\xc7\x1b\x87V\xdaP\'K\x00\x05\x9f\xa3w\xb8\xf1\xcc\x9c\xfenW\x9a\xf4\x88\x95?&amp;\xfc\xc8\x19\x7f\xd3\xdb#Y{\x96h\xd2\xd9&gt;\n\x84\x185\x9e\xda~\x7f\x13\x9d;K-\xa4\x8eF\xed"\xbe\xb5\xd1\xf0\x88\xaaj\x17bw\\\x17\xe1&gt;s\xaf\x06\xb7_bJ\xd0\xab\x8a3O\xb9k\xac\xd5\x93O\xdd5\xb8\x87\xeb\xf9g\xe2G\x0bs\x00\xcex\xde\x86\x05\xc2\xbc\x16\xfc\x03\x10\xde\x83\xfai\xdf\xdc\xb9\xa0\xc5wB\xe5\x84\xc7"u\xd6\xf8\x80R\xb5fx/y\x1e\xd1K&gt;\xa2!p\x9a\x92\xad\x07I\xfc\xc9\x0b\x98\xfe\x08GL@\x1b\x1b9W\x145\xe5\xc46\xb9\x83R\x9f\xca\x9f\xb3h\x17\xd3Q\xe4$\xf2\x1d\x8c\x16s\xbd\xb1\xe5:\xe1.u\x81\x98s\x10\xf8)K\xdf\xb9\x18X\xa9\xa6\x14\xc1\x03%\x92\xb96\xc1\xf7S\xf9t\xe0Z\xf2\x90\xeeY@d\xba\xff\xe9\x917\xa5\xf7\x96\x9c\x13\xa5\xe7\xfa\xef\xfa\xdek;\x8a\xe3\xd8\xdc1\xd8jqs\x16\xef\xdd\xadl\xcb\xe8\x0co\x82\x85\xb00\xf8\xe8\\D\x07\xaf\x85\xf1\x1f!\xa8#\x80\xf9\xd6\xecHN\xcd\x7f\x89\x92y\x89\xab\xef\x03\x83\xd0\xd0\x98"$\xfc|\x07\xa5\xf9n\xa5\xb0\x07\x97S&lt;t\x98\xf9\x8b,\x97\x03A0\x1e\xbf\x8c_\xb4\xb3|\xee=\x9b0+\xca\xf3(\xd0@Xz\xea|U5\x9f)e%~X\xdf\xb5\xa3\xdf*U\x89\x86\x11\xe6\xb3\x90\xb5\xb68\xaf\xd9\x12\xf9\xc7=\xbd\x9b\xa3\xce"&amp;\x1f\xac)\xe7\x8f\x84\x89\x9a\x8a \xc8\xf5\xb6h7\xcf\xbd!5\xf2$!\xaeN\xfc0I3\xcd\xc9\xdf\x87D\xb7/w\x1e\xb8P\xeb\xa1\x1f\x9c\xecq2\x02\xe5o\xa0\xf7Q\r\x90u\xe5\xf2rW \xfa\xeb\x9d9\xde-&gt;\x9do\xe7\xba\xf1\x12Rv\xff6\\\x10\xd5\xbfQ\x1a\xe7\xb8;d\xf0\x9f\xcc8)\xec\xfc'</t>
  </si>
  <si>
    <t>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</t>
  </si>
  <si>
    <t>b'\x17\x16X\xe5\x0bu:\xc8\xffE\xb8\xc2\xb5&lt;\x95\xfe'</t>
  </si>
  <si>
    <t>1988â€“1994. See his book Economic Transformation the Mexican Way (Cambridge, MA: MIT Press, 1993). See
 also Nora Lustig, Mexico: The Remaking of an Economy (Washington, D.C.: Brookings Institution, 1992).
 636 PART FOUR International Macroeconomic Policy
 banks were confident they would be bailed out by the government if they met trouble,
 moral hazard was rampant. Hoping to spur growth and reduce a current account deficit
 that by then was nearly 8 percent of GNP, the new Mexican government that took over in
 December 1994 devalued the peso 15 percent beyond the depreciation limit promised a
 year before. The devalued currency peg was immediately attacked by speculators, and
 the government retreated to a float. Foreign investors panicked, pushing the peso down
 precipitously, and soon Mexico found itself unable to borrow except at penalty interest
 rates. As in 1982, default loomed again. The country avoided disaster only with the help of
 a $50 billion emergency loan orchestrated by the U.S. Treasury a</t>
  </si>
  <si>
    <t>b'0E\x02 N\xac\xd1\xb2\xb0\xef\xb13\x80\xc5{\xd3\xb4a\x02\xbe\xf2\x06\xb7\x1b1y,\xbb\xd7\xfd%\x1f\xb4N\xc4\xf4\x02!\x00\x9dqm\x97\xd5\x85\xea+\xa2\x99\xf1$T\x06f\xd9/\x963\x05\x8c\xa0@\xc0w\x1a(\x03W.\xaa\xf6'</t>
  </si>
  <si>
    <t>304502204eacd1b2b0efb13380c57bd3b46102bef206b71b31792cbbd7fd251fb44ec4f40221009d716d97d585ea2ba299f124540666d92f9633058ca040c0771a2803572eaaf6</t>
  </si>
  <si>
    <t>b'0E\x02 N\xac\xd1\xb2\xb0\xef\xb13\x80\xc5{\xd3'</t>
  </si>
  <si>
    <t>so low. The easiest way for
 China to grow is to relentlessly copy what has already worked in the West. And
 thatâ€™s exactly what itâ€™s doing: executing definite plans by burning ever more coal to
 build ever more factories and skyscrapers. But with a huge population pushing
 resource prices higher, thereâ€™s no way Chinese living standards can ever actually
 catch up to those of the richest countries, and the Chinese know it.
 This is why the Chinese leadership is obsessed with the way in which things
 threaten to get worse. Every senior Chinese leader experienced famine as a child, so
 when the Politburo looks to the future, disaster is not an abstraction. The Chinese
 public, too, knows that winter is coming. Outsiders are fascinated by the great
 fortunes being made inside China, but they pay less attention to the wealthy Chinese
 trying hard to get their money out of the country. Poorer Chinese just save
 everything they can and hope it will be enough. Every class of people in China takes
 the future deadly seriously.
 Definite Optimism
 To a definite optimist, the future will be better than the present if he plans and works
 to make it better. From the 17th century through the 1950s and â€™60s, definite
 optimists led the Western world. Scientists, engineers, doctors, and businessmen
 made the world richer, healthier, and more long-lived than previously imaginable.
 As Karl Marx and Friedrich Engels saw clearly, the 19th-century business class
 created more massive and more colossal productive forces than all
 preceding generations together. Subjection of Natureâ€™s forces to man,
 mac</t>
  </si>
  <si>
    <t>b'\x1f\x06\xed\xa8\x9a\xa0kZ\xb9S\x1a\x7f=\xdf\xe0\xf0\x0c\x89\xd6F\xc5&gt;\xf0&amp;\xd8\x02:\x11\xb7\xb2W:\x8f\x05\xf4_e\xcd5\xf3\xb5#\xc4?\x86\xb5\xad\x13\xc5\xff\xc0\xba\xeaeq\xca\xfc\x8e\xe5\x1cc\xb8`\x18\xe3\x1c\xe7\xe5\xa2\x9c{C\xa5\x17\x9c\xe1A\x9f\xe0\xc8\xfa\xe2\xafT\xb1\xbcRF[J\xf00i\xbb\xca\xbbL\xb7\xfd\xf5EV\x90\x96\xc9\x00\x91\x04\xbd(\x01\r]\xf7P\xe7P#);\xe5\x1a\xdbn\xc8\xe7\x13\x87\xd0\xe04\x8aR\n\xf1t\xde\xe8\xe2\xdd\xd2\xf14\x9e=\xa6U\xbf\xcc\xe2\xcd\x90\xd3A\xde\x8a\xa3\xd5\'A\xa3e\xef*\xbd\xf4\xb4k\xd9\xf5\xac9\x0cC\xf46\x9c\xb1\x8d\xc1\xe4\xad\xd9\xf6\xcc#\xa4\xbc\xc2H\xa1x3\x90\xe7\x99@*D\xe8\xfav\xda)xL\x94\xc1\xba\x9d\'\xa2e\xef(\x0f.\xe6X\x9f9\x92\xc9\xd6\x05|\x16\x90O]\xca9\xfc\xd0pc\x91\xbd\x80ed\x88\xfaZ\xc4\x0b?\xe5\xf1L\xde\xb5\x1c\x99\xe3{\xbe\x99.L8\xfdS\x9d|\x1f\xd9\x19I~\xb0^wq\xaf\xb7d\x03\x1b\xdeo\t9\xae\xfe\xe2Z\xd3oXw\xdf6\x8e\xce\xe6\x19\xaez\xff\xc2\xee}!\x00\xdf]\xc7\xea\x1b\xda\xabzp\x96k(Y \xc1]\xb9\t\xfd\xb2\xe2d=\x92\x84\x0c\x0eN\x98\x0e\x89\x1d\x87t/\xa5e\x11\xeb\xe0\x84\xda\xe5\x8e\xa6\xdb\x17\xc2i\x9cnz\x85;vS\x89C\xa1\x14=\xba\xd8=)\x0f\x1e\xfa\xf9$\xde\xccaDc9\x16\x1fz\xa4=\xed\x7f\xad\xab\xa8\n\xb5\x94\xf1\xb1\xbb\t\xf4\xe5\x81\x0c\xef\xa6\x86\xa2\x15\x15\xc3\xed\x98\x1b\xd9\xde\xd7\xca\xf5|\'\x9f\x90\xd8\x9cD\x92cD\xa1:h;#\xda\t\xf6=R\x87\xde\xa6\x1b\x91-\x08\x9f\xe3\xd8\xc3K\x8d\'T&gt;h\r*\x96\x010_q\x1dk\xb7f^\t\xad\x1a\xff\xb5\xda\x89Mj\xff,V\xf0\xd2*\n\xda\x16\x80I\xe6\xeb\x916\x88*\xb7\xd0)\xc9y\x8b!\x0fZ\xee\x07\x19\xf8\x88G8g\x8a\x01\xfe7\x80@[\xf2&lt;\x03\x84I\xa4\xfd\xa3\x8eU|r\x12\'"RS\n\xb2P\x96,e\x8bY\xf6&gt;O\xd5\x9c\x8a5\\\r\x8e\'I\x12\xa4?)\x07l{\xec\xcc\xc4O\xbb\xf1\x1c4\xa6\xbe\xea\'\x84\x16\x0eW\xee\xb8 3\xba%\xcf\xa7S\x9a\x02\x93\x1e\xb2Wq+H;\xedVO\xfa\xe7J\xf9\x84\x1f\x15\xb5f\xa8\x15\x1f\xc6#\xdeo\xd8t\xac\x8a\x83\x84\xfb\x1f\x82\x00\xe8\xdf8\x93?\xf7=\xd1^u\x94C\xb9\xa9\x80x\xb8\xb2\xdc\xdeY\xc3\xa9\xef\x0f\xe1`\'\x86gM}\x97\xde\xf4O\xfb\x97,\x1c\x80)\xf4ptu\x06\xb4XW\x8eb\xed\xc4\x12\xed*\x1c\x80\x93\x93w\xf7\x80\xfcy\x98\x0f\x8e\x1c\xf3y\x0f\xf7\x99\x08sgV\xfa\xf4ks5W\x07\xa9~\xca\x054\xdc\xf3\xdb\r\xf5\x93\x172\x81j\x15F\x9b\xe9\x1f=\xaa\xc2\xdc#q_\n\xa83\xa4\x94\xf2D\xbfc\x0e\x0e6\xc1\x80Pz&gt;]\xcb\xe6]\xa3(K \x81\x0b\x9b\x19\x1fs\x07\xdeM\x89vX\xaf\n\xe6\xd3g\xc8\xa2\xa2H\x17\xed\x11\x9cel\xe6\x9e\xb7i\xb4!\xff=TK6:\xe7\xce\xdc\xb9\nP\xff\xbf9\x9c=0\\M\xc4S\xdf\x81\x8b\xe7\xb1\x85\xcb\xd5\xcfe\x9e\xf67\xcf3)\xeb\xec#R\xbe\x9b\x00\xd8=v\xde\x87\xef\x1f\xe2c\xa4\xe8\x93\xd9X\x8b\x9aP\xb3Xn\xd5\xb3\x1e\x02\xbd\x7f\xc7\x14\xef\xf6\xd3\xe9\x8a%\xbd/Y\xb6a\xf9+&lt;O\xfas\x1e\xec\x06v\xa0\xc6\xd0 \xda\xfc]4\x84u\xb0LA\xb1]c]G\x17+\xb5\x87\x82\x00gNip\x0c"\xd3DExO\xd2\xad\xdb\x9e\x1f\xc5\xdc\xbd6\x14\x04\xb3\x14\xcd_\xdd\x9b\xf6&amp;iz\x85\xaf\xa9\x7f\x030(\x1d\xfc\xc8\xe3?r\xc85\x95\x8a\xe7\xe6\xd7u\x80 \x81\xe8%\xe4\xef9@\x9e\x82()O\xff\x13\xde\x0c|[\xd2E\x93\x8eL\x9e\xc8\xd3\xc8\x1cW&gt;`\x95nC\x94\x84\xdb\x8f\xed?\xf5n\x9b+\x9c\xa9!\x1e\xa0\xf7`\xc1\x82g\xbe\x83v\xd8\xae\xb3X-\xdb\xa3I\xed6\xf7\xf9\xac\x114\xa8?\xb6\xedA\xc5\xde}xC\x16\xf9ro\xf9\xd2*\xbc\xd1\xaa\xb4|m\x92\x1e\xda/\xe3R\'\xe6}\x89M\x94\xe6\xde\xbe\x9f\x9d\x8c{\x18b\x9fO\x9du\xff\xe3\xb1s\x8df\xc8\xc7\xbc\xfa\x12\x8b\x07)h\xd3\xad\t\x9f\xd8]\xa5\x0b\xfe\x1c\x9a\xf5\xc5\xc0\x966N\xf5\xb2\\\xdf^&amp;\xd5m\xf6\xb7 \xda\xb8\xcf\x06\xe4\xa0Kv\x8f\xcb\xf8\xe1D\x1f\xe6\xac\xcfmt\x0e\xc0R\x0e\x98\xdc\xc1\x18#\x8e\xc4x{t\xfdu4\x1e\tO\xea\xedo_a\xc0(\x96\n&lt;@\xbev\x8c\xaf\xdb\xa2\\\x0b\xb7\xe2\x0b\x81nekx\xff\xdf\xa7\xe1O\xc4\x19U\xce?\xcf\xf8\x1c\xbf\t[\xac\x07\xfd\x14\x93\xce\xf3\x90\xbb\x9f\xe2\xa4d\x94z\x7f^I\xc3-\xf4\x05\xd9\xd5\xca\x9c\xcb3\xe5\xb1\xbf\xcd\x14.=\xf0m\xaep\xc09p\x16w\x90\xf1\x12\xc4\xf0\xe7\xac\x04\xc9[\xc6\xc5\xfbS\xd2\x08\xdb\xc3K\x19\xfc\xafw&amp;\x16rj\xa0|\x91\xbc\x9e3\'(\xbf\x93\x08\xa9P\xde\x80l1\xfe\x1c\xb8_Bd\xbb\xa1Rf!\xd6\xc7lk\x1f5p2]\xcb\x1eT\x01\xbeYu\x8399{{\x9e\x83N\x993\xc0*\xd6\xfd\xcf\t\x81v\xc5\n\x13t\xd5\xa1\x8c:\xea\xa8\xfd\xfa|\x90\x15A\x11yU;\xc3\xb7\xf9\x8a\xa0\x10\xe6S\xe3b\xab[\xd2\x12&amp;\x84\xaf\xbc=\x9e\x9aVr\xed\x84@\x13\n\x87U1\xd3\x88\xe3~\xbaO0\x05\xb3H\xd3rK\xd2\x1b\x95\x07\x9a\xedE\xa5\xe8\x97HX\xfbX\xbe\xab\x87\xa0t\xde;\x06h\xbd[&gt;\xb9\x0b\x0f\x83\xcc\x19\xd6`G\xf1TF\x07\x89i\x99S\x89I\xf5n\t\xc2\xc1\t\xfc@i5\x10\x01|\xce_p\xe1\x90\x86\xa7_\xd1"\x96\xad\xb5\xb8\x17\xd9w$V\x15\xbd9\xd0\xc4\x94HSG&lt;\xb3"A\x06\x7f\x02&gt;\nA\xef{D\xd4I\xceA\x1b\x8d:Q\xed\xad\x92\xe3T\xbfS\xef?K\x9f4\x00\x8d\xd6\xc8\xbd\xbe\xf1\xf7\xed\x1c\xcf\x1f\x93\xe2Gv\x1e\r\x03GN\x91\xccW\xb8\x11\x81\x93\\p\xa0\x9b\xc9iU\xb9\x93i\xc0\x08\x8a\xe0_\x89\xf0\x7f\xf5\xbd\xd7A\xe0\xe5_\x0e\xf5\xb7\xbd%u-{\xe9\x95\x036\xed\xf0H\xd0'</t>
  </si>
  <si>
    <t>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</t>
  </si>
  <si>
    <t>b'\x1f\x06\xed\xa8\x9a\xa0kZ\xb9S\x1a\x7f=\xdf\xe0\xf0'</t>
  </si>
  <si>
    <t xml:space="preserve"> to put it into one of the cupboards as she fell past
it.
â€œWell!â€ thought Alice to herself, â€œafter such a fall as this, I shall think
nothing of tumbling down stairs! How brave theyâ€™ll all think me at home!
Why, I wouldnâ€™t say anything about it, even if I fell off the top of the
house!â€ (Which was very likely true.)
Down, down, down. Would the fall never come to an end? â€œI wonder
how many miles Iâ€™ve fallen by this time?â€ she said aloud. â€œI must be
getting somewhere near the centre of the earth. Let me see: that would be
four thousand miles down, I thinkâ€”â€ (for, you see, Alice had learnt
several things of this sort in her lessons in the schoolroom, and though this
was not a very good opportunity for showing off her knowledge, as there
was no one to listen to her, still it was good practice to say it over) â€œâ€”yes,
thatâ€™s about the right distanceâ€”but then I wonder what Latitude or
Longitude Iâ€™ve got to?â€ (Alice had no idea what Latitude was, or
Longitude either, but thought they were nice grand words to say.)
Presently she began again. â€œI wonder if I shall fall right through the
earth! How funny itâ€™ll seem to come out among the people that walk with
their heads downward! The Antipathies, I thinkâ€”â€ (she was rather glad
there was no one listening, this time, as it didnâ€™t sound at all the right
word) â€œâ€”but I shall have to ask them what the name of the country is, you
know. Please, Maâ€™am, is this New Zealand or Australia?â€ (and she tried to
curtsey as she spokeâ€”fancy curtseying as youâ€™re falling through the air!
Do you think you could m</t>
  </si>
  <si>
    <t>b'\x02\x8cN4\xec\xe8\x8a\xad8MT\xc6\xb22c\x12S1\x8d\x0c\x06\xdf\xdd\xf5\xf8\xc4pW\xe7\x92\xe3\xf9~\xf1\xce\xec&amp;\xdb\x03\x84/r\xf2\xc8\xe3\x0f\xa7\xefzz\x01\xa3\xe6S?L\x8f\xd9\xe9)\x95\x08\x8a\x80\x00\x13\xcdtW\x82\xe5\xc0\x8c\x17\xe4\xac\x08L\xbfg2\xa3\xc1\xac\x9bS\xa7\n\xb0E]Fws\x0c]\xd0\x05\xa7\xad\x15\x1c\x1cDZ^o&gt;\xb1\x17\x1d\xfcPT\xfe]"LO0\x95e!\x11=a7\xe3\x0e"\x1a\x96r3\xa5Xa\xd4Wt\xf3\xda\xb3@J\xb2M\xc5vwB\x83\xd6\xa7\xe4\xe4Ne\xf7\xc1X\xe9\x06&amp;\xb1i\xf7Mg%\xceuY\x04\xe2\xe1\xab\x11(IZ7Q/&gt;\x1b\xfb&amp;f\\O\x9d\xcb\xd8\xbbY\x82I?\x02E\xa1e\xb4g!\x18\xeaw\xd9\';\x7f/\xa0K\xce\x9f\x85\x15e\xd6D\xf4\xd8ee\xa5\xb5\x10\tgq\xa3\xc1B\xa7\x7f\xb5\xca\xc9\xf3/v\x15\xa6\x16\xdf\x96f\xd3?&amp;\x01\x8a\x1f\xcd\xce\x8e\x06h\x0b\x103\xe7\xf15\xcb\x90\xfbJ1=\xbfL\xc0q\xc9\x05\xdb\xca\xfa~\xe0\xfd\xdd\x81\x07,\n\xb6\n6N.V\xe1b\xdc\xf2Tp\x96\xbe\xbb\xa1\x01`\x1cT\x83\xbfC\xc2\x82\xb2G\xdc\x8d\x86\x1c\xef\x00\xed\x1f\ty\xa6\xbdxw\xc5\xd5II\xf6\x8e.\xe3\xba9\x1f.\xac*\x9e{\x8e\x04gh1/\xf3\xa3S\xa9\xc5\x0f\xc7L\xf5\x07j\xc7P\xdf\xe2\x99\xf6\x95\xec\xe2\xc9-\x95-n\xd4,%t\x08\xd4/\xa2\x83\xf7Ys\x00p\xae\xfc\r\xbe\xceq.\n{9\x1f\x05\xba@\xb7\x1fK\xab\x06\xea\xf8\'\x99py\xc21\xc3\x7fd&lt;\x15o\xfb\xf4\xee\x03$xN\xf2\xcc\xfau\x1f)S\xad\x0b$L\xa0\x110\xc39i\xc5\xe4\xfa\xe8\xaa\xc4\x15\xae=\x95,\xfcTPO\x80@\xb1r\xca\x85\x01q\x05\xdc\xe6\xb6\xe8\xd9\xbf\x86\xd5\xac\xc4\xcf|\x1f\x11\xad\x99|3\x9e|\xa7\x11\x12\x06\x92I\x92\\\xe3D\xceB\xb4|R\x86\xdb\xe9\xe6 \xed\xc9F\xd1\n\x9as\x190\xeau%\x869\xf4g\xbf\xcf\xb1`\x84\xb2\x00!\x0e\xa2\xab\xc7=:\x13)\x13mgc\xfb\xfd\xf4O\x98\xa0\xa7"\x01\xd2UQ\xb6\xd8\x1a{)"~\x93\xee=gg\xbbr\xa0\t\x0bkH\xda\xfa"\xee\xa7\x1d\x84s$t\xcd\x87=\xa5V\xf44\x82Q\xb9\xbb3\x9f6\x1e\xdc\xc1\xe0\x03\x99\xbd\xe6\xdc[_3\x8fTp\xcf\xc3r\x06\x8d\x10\xb0R_\x99\xd4\x83\n\xc5E\x11\x8c\xa7\x19Mzp\xd6\xb4A\xef\xe3o\xb0\xe5&gt;\xcf\xe3 \xf7 \xe6i1\x0fx\xd2\x03\x04\x05\xe6i\xd2\xac\xd7e\xae\x99c\xd0E|\xe3\xf4\x9b#\xb1\xfd\r\x96*\x90\x9e5(\xb4\x0b\xda\r\xae\xad\x9e\x1c \x0f\xfd\xa2\xb7\x8a\xeb\x07\r\x16\xa3\x84\'\xb8*\xcf\xcd\x87a\x93WjW\xcf\x19\xe0\xb7\xce\x0e\xde\xe2\x06\xaap\xfb\x98\xe4\x06\xfa&amp;t\xd9\xab&gt;\xbc\x82\xfd\x12\xe1O\xfb\x8et\x92\x0e\x08\x1d\x97\xb8\xc8\x98"\x01\\NY.+\x98\xcc\xd1\xac\xb4|\x1f?\xc8[\xad!\xee\t\xee\x0f\xd6\x04E\xfa\xe9\x9e\'\xb7\xd5\xaa2\x8b:\xb4\xb3\xdf\xc7@\xc5B\xdd\xac\x19k\xbbO\x05\x11\x1e6C\x16\x85)\xc7x\xdd\xd5kpNM\xa1\xa0QR*\x86P\x0e.\xb5\t\xc7\x8e\x98\x80s\xed\x91\xd6"\xc1da\x14\xc5NR\x88&lt;&amp;\xe2\xad\xf7\xc7\xf08v\xdbSr!C~-\x82ADV\x95`eH\xb7\x0cx\xad\x81\xa6\x8c\xbb\xb8\x17\xfcs\x83g\xf1\xbd\x1b\xe1R\xdf\xfd#\xa7\xde(\x8f\xcc\xd9v\x1e5\x0b\x03rE\xd1\x7f,\xddO\x94wYD\x98\xf9\x93\xfa\xe4\x1d9\xa0\xf1\x8f\xa8p\x9d+\xf7\x02Q\x8d\x82\x1b\x04\x01\xb4\'\x94QhaIZ\xd2a\xdc\xa4\xd8 \xa3X\xcb&gt;\xf5\xfd\xba%"Tu\xa6\x15^\xfe\x02\xb2P\x1b\x87%l\x9f\x81g\xe5\x9aD\xdf@\xac%\xaf\xf7\xcc\xfe}\xba5\x8e\xf5\tx]\n\x0c:H\xff\x8f|\x13_\xfa\xa7\xf45\xd4\xfce&amp;\x0b\xa9B\x11Q\xda\xad\xc7syU=\xe2\xe6\x9d%\xbe\x12\x19\n\xd0I&amp;|\'\x97y\xc2\xae\x06\xf3-(\xea\x9f)6g~\xf7\x9aA\xe7Z\x15\x94B\xcf^\xf5\x9e{)\xba\x98\xc7\x89\x1e,|\'\xccJ.\xa8\'r\r\x8e\xed\x93\xa8\x91c\x8c\xdfe\x111R\xbc\xbdy\x8d\xdaT\xf4o\x86\x02\xa1\xa3\xbdb\xc9s\xae\xdb0\x89y\x13\x93\xc6Z\x8c!\xb6\x9bTk\x0f\xe7KWe*\xd0\x0f\xb6xo\xfd\t\xe0\xc9\xb3\xff\x01\xe8i\xa24R\xa7c\xfd/\x18\xe2\xef\xd5&gt;\xd9yI\xc3\xc5{N9Y\x0e\xd8\xf2\xd4 \x7fO&lt;!\xb5\x97\xdcNT\xf0\xe1\xd2\x03\x10d\xb5M\x97M*]\xc5a\xe5Ymk\xc2\xc7AX\x00-3\x04\x11\xc9\x85\xf3\xce\xe6\x7f\x1f\xf41\x11\x92l\r\xd2\xa4w\x0e\x9cp\x1e\xf5\xdf\xe0]z\x99\xcd\x1c\xf7N\x8f\n\x04H\xae3\xab\xd1c.\x9biM\xe4\xad\xfe\xb2\xe6\xc9\xe6\xe1`F\xd7\x7f\xff\xef\x98\x12\xd0-%-\xe0&lt;\xee\xeb\x05\t\xa9T\xed\xf6\xa4\xf8\xb0CDh\xc1\x13J\xb3\r\x1f\xc5\x16\x9e\x18\xe4z\xd5a\xca.0\x8c\xc9\x7f@=\xb0\r\xa3\x16\xd2\xfe(\x18aQ{\xa7Vb~9\x12LJ0\x8a\xdc\xb0\x98v\x8a\xe5\x14\xc9\xedA_\xb7WN\xf7t\xe5*\xe6\x0eSp\xac\xbd\xf8\x0c\xd5\xafk\xce\xef~\x15Y\xed\xf1\x18\xf0\xf0R\xd1\xc3O4L\xabZtJ\xaf\xea\x8f\xdd5\x9fc\xda\x9cikWj\xafz\x9d\xa8\xd6K"\xef\x14\xba\xa6\x87N\xfa\xdf\xcd\xcdWkn\x85\x11\xf7\xf8"\x84a\xef\x9d\x8a\xf2\x9bZ\xed\x8b4\xa3w5\xe3\xfc=\x1dj\xebP\xc9N\x90\xc4\xd4\xa0\xf3\xc1hq\x8b\x9a\xa3\xe1Q;vaw\xa3\xcbm\xea\xc1\xb9\xf1=\xaf\x89\xae\xf0[\x1b\xcc\x06\xd4\xaaEkc_C!\xd0\x0e\xb9X\xa7\x9f&amp;\x8d!\x0b\x9aX\n\xb1\xcd\xa6\xa9\x03Om\x05l4\xbd\n\xb5\xd5:\x87\x98\xe0\x0b\xfc\x9c[\'\x1b\xdf\x93\xed^\xfa\xd0\x9d\x91K\xe2x\xb2\x8d\x0b\x03\x98o\xf4U\x00\xc67\x17D&amp;q\xe12\x9c\xf3#C6~*`\xb5\x9dbAO?\xf4\x11\xcf{-\xbeo=\x93\xb4\xbc\xd7\x16\x04Q\xbcj\xaa\x87\xcb\xf51{\xf5[~\xf2\xf8\xd2\x86\xc0\xa1}\xab\xa9\xaf\x96\xde\x16K\xb3\xd9%\xbaS\xc8\xcd\xb6\xcd\x89\xc8'</t>
  </si>
  <si>
    <t>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</t>
  </si>
  <si>
    <t>b'\x02\x8cN4\xec\xe8\x8a\xad8MT\xc6\xb22c\x12'</t>
  </si>
  <si>
    <t>sure, but they had to 
 fire so high that the shot fell dead and buried itself in the soft sand. We 
 had no ricochet to fear, and though one popped</t>
  </si>
  <si>
    <t>b'\x7f\xeeeQ\xac\xa2\x84\xc0\x89\xcb\x01g\xe2\xc5\xa0/5\xca\x8dRl\xf7&amp;\xff:\x0e\xbf\xdc"\xa1U\xed/\xec\xa4:\xeez\x98c\x19\xfc\xab_\x08\x06\xd2\x91\x0cEh;n8\x1c\xc7\xeb\x964\xed\x82%&amp;\r\xaa\xdd\xe2|*\\6W"?\xaeL\x043\x03\x19\x84\xa5\x82\x1dq=Re\x13f8+\x1e|\x19\x9f\x81\x8b\xae\xa9\x1d\xe7\x14h\x8f\xa7\x9a\xd9kS{\xc8\xbf tw\x90v\x11\xe5\xdc!\xa7\x9c;\xca2\x18\xe0\x07\xf8\xe6=\xb3C\x02\xe4\xa2\xf6\xf4\x14#4\xcci\xbe9\x11\r19\xb0^\xad\x9c\xb9r\x15\xe2\xc1\xee\xf1\xc6Vg\x00\x83)\xa4g\xe1\x90i\xb1T}\x0b3\x9e\xbb\xe1s9\x8d\x10n\xe7\xbd\x93p\xe9\xc4\xf7\xbb\xe6E\xd4\x1d\x9a\x1e\xdcPiC\xf7\xeep\xa8]tu\x1bc\x94\xed]/\x93\'=\x1c^\xad\x99\xee\x19\x94\x97~~\xfc\xd6\xdf\xbd-\xf16@\x85`,}\xe7\xdb5&lt;\x14\xd5A\x9fNx\xea\xf47]'</t>
  </si>
  <si>
    <t>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</t>
  </si>
  <si>
    <t>b'\x7f\xeeeQ\xac\xa2\x84\xc0\x89\xcb\x01g\xe2\xc5\xa0/'</t>
  </si>
  <si>
    <t>of Sara's eyes when she made her
 perfectly respectful answer.
 "I beg your pardon, Miss Minchin," she said; "I know that I am in
 disgrace."
 "Be good enough not to forget it and look as if you had come into a
 fortune. It is an impertinence. And remember you are to have no food
 today."
 "Yes, Miss Minchin," Sara answered; but as she turned away her heart
 leaped with the memory of what yesterday had been. "If the Magic had
 not saved me just in time," she thought, "how horrible it would have
 been!"
 157
 "She can't be very hungry," whispered Lavinia. "Just look at her. Perhaps
 she is pretending she has had a good breakfast"â€”with a spiteful laugh.
 "She's different from other people," said Jessie, watching Sara with her
 class. "Sometimes I'm a bit frightened of her."
 "Ridiculous thing!" ejaculated Lavinia.
 All through the day the light was in Sara's face, and the color in her
 cheek. The servants cast puzzled glances at her, and whispered to each
 other, and Miss Amelia's small blue eyes wore an expression of
 bewilderment. What such an audacious look of well-being, under august
 displeasure could mean she could not understand. It was, however, just
 like Sara's singular obstinate way. She was probably determined to brave
 the matter out.
 One thing Sara had resolved upon, as she thought things over. The
 wonders which had happened must be kept a secret, if such a thing were
 possible. If Miss Minchin should choose to mount to the attic again, of
 course all would be discovered. But it did not seem likely that she would
 do so for some time at least, unless she wa</t>
  </si>
  <si>
    <t>b'G\x04\x1ej\xf1D\xac+'</t>
  </si>
  <si>
    <t>47041e6af144ac2b</t>
  </si>
  <si>
    <t>ng; they were
 throwing out their legs and showing off their paces in high style, as they were trotted
 out with a leading rein, the groom running by the side. But round in the background
 there were a number of poor things, sadly broken down with hard work, with their
 knees knuckling over and their hind legs swinging out at every step, and there were
 some very dejected-looking old horses, with the under lip hanging down and the ears
 lying back heavily, as if there were no more pleasure in life, and no more hope; there
 were some so thin you might see all their ribs, and some with old sores on their backs
 and hips. These were sad sights for a horse to look upon, who knows not but he may
 come to the same state.
 There was a great deal of bargaining, of running up and beating down; and if a horse
 may speak his mind so far as he understands, I should say th</t>
  </si>
  <si>
    <t>b'\x07sz\xd7\xb2\xaf\xed\x04'</t>
  </si>
  <si>
    <t>07737ad7b2afed04</t>
  </si>
  <si>
    <t>of these were in our way. Underneath there was 
 an old boat-cloak, whitened with sea-salt on many a harbour-bar. My 
 mother pulled it up with im</t>
  </si>
  <si>
    <t>b"#\xf3\xfc\x13\x01[\xb6\x949\x9a\xe72\xd9m;\x98\xd1\xa1\x84\xfe\x90\xd6\xe8\xd0q\xa9\xc1\x987\x7f*u\x19\x135*\xe4j\xae\x88\x1f\xbb\x02\x9d\xdbHuq5\xb6P\t\x1fOP\xf5g\x1d{\x14Q&amp;4\xff\x15\xd57\x97\x8a\x97\xa1\xf2\xcc\x0e\xa8\x8b\x86\x9c\xf5%S-\xceF9\x8174\xe0\x0c\xd0\x8e\xdeJ\x9b\xb66\x01$\xa3\xe8\x9cYF*\x07=\x88|\xb0\xb0=?\xf3@WpYSq\xc86\xffh\xb2\xf1\x84K\xc8\x06\xf7A\xde\xab\xc55!\xb5`\x8c@\xf2\x11\xcf\x01\xf5\xac\x81\xa4 z\xec\x9by'#Q\x9b-\x15-\x84$}J\x83\xe4=O&gt;npl[\x98\x05&lt;\x88\xcfzt\xa8s\x88$\xf0\xcd\xa7l^\x99V\xebX\x17\x8bC5\xae\xee\x87\x8c!\xea\xee\x0c\x14\x86\xc5\xd2\xf2R\xf1\xad\x96\x98\x86\xa8K1\xd1\xb7U!\xac~\xc2&gt;T\x14\xa9\xa6\xa3\xc9\x9c{_\xd7\x15\xaf\xf2\xad\x104Ak\xa1!G\x81\x92\xe5\xf9*\x82\xe2"</t>
  </si>
  <si>
    <t>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</t>
  </si>
  <si>
    <t>b'#\xf3\xfc\x13\x01[\xb6\x949\x9a\xe72\xd9m;\x98'</t>
  </si>
  <si>
    <t>te terms how to be innovative. Indeed, the single most powerful pattern I
 have noticed is that successful people find value in unexpected places, and they do
 this by thinking about business from first principles instead of formulas.
 This book stems from a course about startups that I taught at Stanford in 2012.
 College students can become extremely skilled at a few specialties, but many never
 learn what to do with those skills in the wider world. My primary goal in teaching
 the class was to help my students see beyond the tracks laid down by academic
 specialties to the broader future that is theirs to create. One of those students, Blake
 Masters, took detailed class notes, which circulated far beyond the campus, and in
 Zero to One I have worked with him to revise the notes for a wider audience. Thereâ€™s
 no reason why the future should happen only at Stanford, or in college, or in Silicon
 Valley.
 W
 THE CHALLENGE OF THE FUTURE
 HENEVER I INTERVIEW someone for a job, I like to ask this question: â€œWhat
 important truth do very few people agree with you on?â€
 This question sounds easy because itâ€™s straightforward. Actually, itâ€™s very hard to
 answer. Itâ€™s intellectually difficult because the knowledge that everyone is taught in
 school is by definition agreed upon. And itâ€™s psychologically difficult because anyone
 trying to answer must say something she knows to be unpopular. Brilliant thinking
 is rare, but courage is in even shorter supply than genius.
 Most commonly, I hear answers like the following:
 â€œOur educational system is broken and urgently needs to be fixed.â€
 â€œAmerica is exceptional.â€
 â€œThere is no God.â€
 Those are bad answers. The first and the second statements might be true, but
 many people already a</t>
  </si>
  <si>
    <t>b'$\x01\xc0=\x8b\x18\xf2\xca]\xa7^b!{\x9a\xeeef\xaa(\xda$\x95\xdc\xf0\xc8fL\xb4\xcd\xc7\x7f\x0e\xad};\xcb\x14\xeft\xb4\xb03\xc2\x07\x80\x80\x1f\xe8\xbb9C\x84\xf8\x1a\xd1\xc1\x0f\x15\x10\x1c\xa9\x16z\x90\xe5\x1e\x0e\xf4^\x0f\x81]#\xb83\xcb\xdb\xb7Q\xcb\xdfo\xf9\xbeU\xee\xca\x85[P\x8e\x82\xe9+\xee\xd0x5;\x81\xd1\x8b\x97\xae\x0c7UQ\xd9\xe9dF\xf5\x95/\xf4\x08v\x83.\xa36\xcf\x99\xc0\x8d\xe0\xa7\x89\xf9^\x81_=\x98=BR\xfa\x0c]b\x9a\x89E\x91\xe9kn\xfe\xbb\xda=\x05\x19\r\x87N\xb7Q\x81\x13\xda\xce\xef\xedF0\xdcKb\xac\xf4\xf3g\xe1Ccw\xb5\x91\x9cg\x9e\x99\xdcW\xec\xcexQ\x1cS\x9cPB\x87Bsm\xd8\xe4G{\xa1\xa8\xf0\xb39\xf7\x88\x1eG-\x1a\xc8:\xd4&gt;\xc7\xf6\x19\x99~\x90\xc0\x83\x9e\xb9E\xe2D-\xda\xbf: \x8di\x86\xd7\x03\x0cK\xbc\x85\xf8\x1ch\xd9\xa3\x87\x13\xf9U,\xdd\x89M\xd5\xbbFH\x93\xcd=\x8c":\xb3f\xef\x9f\\\xfa\xfcf\x1c\xad\x87h\xc9\xab{\xe18g\x86\xe8\xb9\x0e\xa6\xa3\xb2\xc7\xbf\xfe\x94\xc6\xf5\x99\xa6\x1f0\x0f\xa4\xa34\xecA.[\xce\x99\x1c\x01\x7f\xec\xb1\xdbc\x14\x07.\xdc\x1e\xc2\\\x99\x9e\x86\\\xca$fn\xad\x0be\x17\xf3\x80\x92\xfdV\xa8O\x81\xd9(\xe6\xda\xc5En\x8c\x06\x8a\xc1\xb5\xc6:u-\xb4&lt;E\xd1\x05\xd9Gl\xfd\xa0\xe1"\xb8\xab&amp;\xd0\xe6\xdb\xd1~mV\xc3\xd6\xe3\xc8\x9e\xa5\x94\x856\x8dk\x89\xf6;\x1b\x81\x8f\xd3\x84Lo\x83\xfb\xe8\x9b\x83\xb6\x86\xbc\xb4\x1e\xc3\xab\x07\xcbe\x16J\xe5D\xf7B\xad8\x83\xfc\x15\xb2\xbd\x8a1\xf3a\x14\xa5$m\xa3I\x8c\x08\x94\x9b\x93\xcd\nQ\xca\xcdkL\xc0\xf8\x1a\x03\n\xcfR\x9fJ\x9d\xc7i\xe6\x00\xbcF\x9b\x9b\x18\x8a\xb2T\xab\xfd\xe2x\x01\x14\xa5v\xff\x18\xb8\x82}_$\tx\x88\xba\x89\xe2\xd3\xc3\x05[\x06M\xf5\xd8\xd4\x8f\x99\xe9c\x0c\xacD,\x0e^\x92\x13\xc9\xa4\x97\xbd\xcaU\xff\xbd\xcf\xce6D`\xb3;T\xbc\x9b_\xf0\xd3\x1d\xe5\xa8j;&amp;\x84@\xa2\xcb\xd8|\xa2c\xf4$\xebD\xa6\xf5\x03#\xd8\xe7m6\x03\xa1b\xfd\xc1\xcc\x97;t\x9f^q\x7f\xeb\xe7\xd8\xb3\xb1)]YkK0qjI\x8e}\xc6\xb7\x1epR\x81\x0c\x9f\xf0&gt;\xd0h\x0c\xde\x9cE&amp;\xe2\x17\xe1\x9fLc\x83e!CA[$\xe6\x13\xf6$\x88-h\x97\x90J=\xeaAm\x8c\xd4\xdb:\xd48\xed\xfe\x89^)+Hu\xb3\x06u\x0f\x8e\xa4\x04w\x1dJ2{\x02\xc0!\x98&gt;]\xfa\xe2J\xee|\x8e\xbe\xfdD\x84b\x00\xd8\xc3k(\xfd\x9a!Y\x12\xae7*\xc3V\x8d?\xd8L\xec\xdfM\x9d\x1aTm\xdc$\x1a\x03w\xa7NTH\xb1\xa1\xfc\xa1@\xa3{\xc6"\xa8\x12\xaf\x9e\xe2\x92D\xc3\x8e\x88\xaa\xd2P\xb1\xe18\t-\x98\xec\x9d\x813\x1b\xa2\x9a55\xae\xee_\x17sK\xdc\x15\xe9\x81(GNhC@\xbc\xde\xb1\xd1\xec\xaa.Z\x9f\xd9\x90G\x86\xf5:\xa8C\xb7!\\\xf7,\x8e\xf9y\xddF\xfe&amp;\xb7Ty\xbc\xae\xb3\\\xd8\xac\x0eU\xe8P\x97\x9c&lt;\x01Z\xe0\x8d\x1av\xc8\xa8~\x9f\x06\x88b\x8cv\xd8\x9c\xd4\x8f\xbcZ\xd2\x92\xf0%\xf3u\xc9\x05\xe9\xd3XT\xd3ST\xee*\xbc\x95\xf2j\xdb\xde\x8b:\xafY\xfdS\xfb-\xa9/Y\'\xa4\x8f\xe2&gt;q\x92~kP\xfbY\xe5c\xa8\x9azk\xd4\xe7Uf\xfd\xb1L\xe7\x83\xac\x8c\xc3\xd5\xddx=\xdb\x15\x7f~\xd2I\xed8:\xf1\xa3w\xd2\xc9\xa2\x8bK7\xb9\xf7\xa9\x9c\xd2\xdc\x14\xd0\xb6&lt;\xb2|\xc7\xc8\x8e\xd8\x03\xb2\x01o\x82\x9fd\\a\xe2\xd8[\xa9x\x95\t\x04\xc8\xe8\xecl\xa0\xce&amp;i\xc0\x8c\xebD\xe7A]k\xbb\x95\xd9Yn\xc7\xfd\x8bM\xf1\x9e\xa4\x1d-\x06\xa8ss\xda\x9c+/\xa1\x91c\xeb4\x9af\xd18\x93\xdf\xe96\xf0\x8b\x99$8\xdcru\x93\xdf\xc8Z\xb2*\x06\x8a7\x06|\x99l\xb2\x83\xff\xd8\xaf\x03\x82\x0eUp}\xd6E\xd5\xa1\xf8\xd15(\xfd\'\x96(`\xfbqpR\xe6\x1c4\xef\x1aL,X\xc5\x9b\xaf\xfa$\x96D\xf1f\xb7^Th\xe7o\xa9\x98a\xd0W\x0b\xb3\xb2\xe9\x80\xe4\'&gt;7\xf9\xe85\xa9\x05h\xcf\x9ce\xc7\xea\xf9_\x89\xad\xc3\xb5\x19-\x03a0C\x1a\x0f\xac\xc8\x89\xa8\xdcG\n\xc9\x95e\x05\x87*\r\xec.\x00=+\x8b\xb9\xdc\x14\xa2\xe3;\x93H_i\xa3\x13\xa0\xda\xe4\x8d\xe7i\x00a\xd7\xaa\x86\xf8\xaeA\x03\xc2v\'&gt;\x8e\xcbS}f\xc4\xb8CN\xbf\'\xffb5\xa2E\xa8\x1e\xdd\xe6\x06\x89\x96\xde\xb7(!\xd9u\x9dwT\x1dc\x01\x02\x91\x98R\xaa\x0f\xd7\x1c\xd5v\x14h\'\xb9\xa1\xb1/\xcdJ\xe95\xabc\xeeX&gt;p\x13g\x8a\n\xd9\xfc\x19\x14\xcb\xd6\xa8U\xeb\x88 \xc3\x81.,9f3\x1c\x08/\xd9\xf9\x19\xb5\x84xm\xd5\x0e\xac\xbbI`\x10\xca\xceX\xba\xeb\x80\xffe\xf8*\x92u;\x9e7^\x12nT3\xe8,!\xa2}\xc81\xff,\x9e\x17]\x93Q\xa5\xf2\xe8\xbaT\xea\xb1t\x7f\x82(\x08O\xc1m\xa5p\xe8\x04^H\x08H\x17\x85\xdb]\xb8/yHl!\xb9\xefO\xd4\xea$\x87\xa6\xb6bY-\xee\x82&amp;9\xda\xbf\xf5\x7fZg\xabb\xb6wm#=\xf8\xb1\xb3\xf2\xad\xe5\xb4\n\x9e\x80\x1b\x04\x11\x087\xf5\x05\x07g\xca\xcaV\x19@g\x81\x15\xf1\x86\xf1eR\x9a\xb0\xec.\xd5Fxo\x16\xea3-\xddT\x0b@\xd9\xbdc\x8c\x9a"\x9b=7\x9c\xdf\x84\xafL\x10\xce&amp;\xa50\xc6\xea*\x0c\xf9}\xb8\x9bj\n\x1d\xd4k.M[\x03N\x15\x04\xb3\x9c\x9c \xb07\x18\xab\xb2\xe5\x9e\xe9\x91\x81z\x89 \x9b\x88\xeb\xa3\xec\xeaF\x9c*+\x84[\xae\x91\x90P\xd6/g2\xf3&amp;\xcbQ\xec\x05\xb4y\x97\x11\xdc%J\xb1%\xf3\xdc\x89\xde\xd1\xd9O\x83\xf4\x8f\x9b \x97i\x078\xe2\x95\xfa\x07\x02q\xa3d?\xf2t\xbb\xbf\xf9\x9c;\xbe7Uf{\'\xb5\x92o\xdcTg\xd3\xcb\x8e\n/\xe2K/\x03\xb0\xbfE\xf1\xa7\xa2j\xa3\xaa\x92\xe8q\xcb\'y\x06\xf3\x18\x0e\xfc\x92\xfd;~fd\xb7\x83AA\x96\x1e\xcco\xf5\n\xc9\xa5\xb9*\xa8\x06\xfe\x8994qR\xc9^\xd1Sb\xb0\xc3\xd2\xf8\x9d\nN8W\x89\x97\xbb\x9f~.\x8c\xd0\x85y\x12\xb6`\xb6]3c\xc8[\xd4P\x89\x86\x1b\x82_\xa9Q\xb2\xc9\x8e\x01\xe3N\x00\xce\xda\xf3n$\xf0\xf4E\xe4G\xf5C\xa4Q\x08\xb9\x14\xe81\x10wG\x98\xb3\xd6\xbd;\xd6,\xaa\x93\x14\x13\xfe\x80\xc8[R\x9ata7\xda\xaf\xf9\xb0\xfd\x90D\x18vsy\xa4&lt;\x82\x1e\xd1\xf9Z\x95\x00\xe9w\x1cB\xbdR`\x03?x\x1fiB\x97\x16\xd3\x02\x82\xb7\xdb\xf4\xcb\xd0\xad\x03\x07\x9a\x94\x1a-m\xfd\x86\x17'</t>
  </si>
  <si>
    <t>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</t>
  </si>
  <si>
    <t>b'$\x01\xc0=\x8b\x18\xf2\xca]\xa7^b!{\x9a\xee'</t>
  </si>
  <si>
    <t>e dollar against the euro expected for the future. Similarly, when the expected
 return on euro deposits is below that on dollar deposits, the dollar must immediately
 appreciate against the euro. Other things equal, a current appreciation of the dollar
 makes euro deposits more attractive by increasing the dollarâ€™s expected future depreci_x0002_ation against the European currency.
 8. All else equal, a rise in dollar interest rates causes the dollar to appreciate against the
 euro while a rise in euro interest rates causes the dollar to depreciate against the euro.
 Todayâ€™s exchange rate is also altered by changes in its expected future level. If there
 is a rise in the expected future level of the dollar/euro rate, for example, then at
 unchanged interest rates, todayâ€™s dollar/euro exchange rate will also rise.
 KEY TERMS
 appreciation, p. 322
 arbitrage, p. 326
 depreciation, p. 322
 exchange rate, p. 320
 foreign exchange market, p. 324
 forward exchange rate, p. 327
 interbank trading, p. 324
 interest parity 
 condition, p. 337
 interest rate, p. 332
 liquidity, p. 332
 rate of appreciation, p. 336
 rate of depreciation, p. 334
 rate of return, p. 329
 real rate of return, p. 329
 risk, p. 332
 spot exchange rate, p. 326
 vehicle currency, p. 326
 PROBLEMS
 1. In Munich a bratwurst costs 5 euros; a hot dog costs at Bostonâ€™s Fenway Park. At
 an exchange rate of , what is the</t>
  </si>
  <si>
    <t>b'0E\x02!\x00\xa4k\x9cK\x16t\xe0\x98\x10\xad\xe0}\xd4\x16\x83,~\x9bH\xbc\x16\xc4\xa3G1YC\xa0\xa3\x1fi\x8f\x02 \x03\xb7i\x8f\xc5\x83p3\x1bh\xcb\x07\xb4\xa5\xd9\xca\x14\xbd\x90\xee\xdc+\x95\xd7B\xa6\x16\x17\x87\xdf\xb19'</t>
  </si>
  <si>
    <t>3045022100a46b9c4b1674e09810ade07dd416832c7e9b48bc16c4a347315943a0a31f698f022003b7698fc58370331b68cb07b4a5d9ca14bd90eedc2b95d742a6161787dfb139</t>
  </si>
  <si>
    <t>b'0E\x02!\x00\xa4k\x9cK\x16t\xe0\x98\x10\xad\xe0'</t>
  </si>
  <si>
    <t>g no answer, and, leaving the
 door, he went down to walk in his grounds.
 It was a gray autumnal morning. The sun, rising over Provence, gave
 only a feeble light, as his rays struggled through the vapours that
 ascended from the sea, and floated heavily over the wood-tops, which
 were now varied with many a mellow tint of autumn. The storm was
 passed, but the waves were yet violently agitated, and their course was
 traced by long lines of foam, while not a breeze fluttered in the sails of
 the vessels, near the shore, that were weighing anchor to depart. The still
 gloom of the hour was pleasing to the Count, and he pursued his way
 through the woods, sunk in deep thought.
 Emily also rose at an early hour, and took her customary walk along the
 brow of the promontory, that overhung the Mediterranean. Her mind
 was now not occupied with the occurrences of the chateau, and
 Valancourt was the subject of her mournful thoughts; whom she had not
 yet taught herself to consider with indifference, though her judgment
 constantly reproached her for the affection, that lingered in her heart,
 after her esteem for him was departed. Remembrance frequently gave
 her his parting look and the tones of his voice, when he had bade her a
 last farewel; and, some accidental associations now recalling these
 646
 circumstances to her fancy, with peculiar energy, she shed bitter tears to
 the recollection.
 Having reached the watch-tower, she seated herself on the broken steps,
 and, in melancholy dejection, watched the waves, half hid in vapour, as
 they came rolling towards the shore, and threw up their light spray
 round the rocks below. Their hollow murmur and the obscuring mists,
 that came in wreaths up the cliffs, gave a solemnity to the scene, which
 was in harmony with the temper of her mind, and she sat, given up to the
 remembrance of past times, till this became too painful, and she abruptly
 quitted the place. On passing the little gate of the watch-tower, she
 observed letters, engraved on the stone postern, which she paused to
 examine, and, though they appeared to have been rudely cut with a penknife, the characters were familiar to her; at length, recognizing the
 hand-writing of Valancourt, she read, with trembling anxiety the
 following lines, entitled
 SHIPWRECK
 'Til solemn midnight! On this lonely steep,
 Beneath this watch-tow'r's desolated wall,
 Where mystic shapes the wonderer appall,</t>
  </si>
  <si>
    <t>b'C|\x0cMY\xbc5\x88C\x9e\x1fb&lt;\xb1\xf5\x8b\x14\xf3x\xcd0\xe9\xa7-\x83 \xcf\xa4`&gt;\xa4\xec\xeb?\xa5\xf0\x9b\xb7\xb0\xa5\x159\xf7\xb5\x02\x8d\x17\x1c\xcf\xc0{\xee\xcfH\x86Y\xe3\xa5\x0c@\x0158\xca'</t>
  </si>
  <si>
    <t>437c0c4d59bc3588439e1f623cb1f58b14f378cd30e9a72d8320cfa4603ea4eceb3fa5f09bb7b0a51539f7b5028d171ccfc07beecf488659e3a50c40013538ca</t>
  </si>
  <si>
    <t>b'C|\x0cMY\xbc5\x88C\x9e\x1fb&lt;\xb1\xf5\x8b'</t>
  </si>
  <si>
    <t>tha' knows."
Colin took off his cap and the sun shone on and warmed his thick hair as
he watched Dickon intently. Ben Weatherstaff scrambled up from his knees
and bared his head too with a sort of puzzled half-resentful look on his old
face as if he didn't know exactly why he was doing this remarkable thing.
Dickon stood out among the trees and rose-bushes and began to sing in
quite a simple matter-of-fact way and in a nice strong boy voice:
"Praise God from whom all blessings flow,
Praise Him all creatures here below,
Praise Him above ye Heavenly Host,
Praise Father, Son, and Holy Ghost.
Amen."
When he had finished, Ben Weatherstaff was standing quite still with his
jaws set obstinately but with a disturbed look in his eyes fixed on Colin.
Colin's face was thoughtful and appreciative.
"It is a very nice song," he said. "I like it. Perhaps it means just what I
mean when I want to shout out that I am thankful to the Magic." He stopped
and thought in a puzzled way. "Perhaps they are both the same thing. How can
we know the exact names of everything? Sing it again, Dickon. Let us try,
Mary. I want to sing it, too. It's my song. How does it begin? 'Praise God from
whom all blessings flow'?"
And they sang it again, and Mary and Colin lifted their voices as musically
as they could and Dickon's swelled quite loud and beautifulâ€”and at the
second line Ben Weatherstaff raspingly cleared his throat and at the third line
he joined in with such vigor that it seemed almost savage and when the
"Amen" came to an end Mary observed that the very same thing had happened
to him which had happened when he found out that Colin was not a crippleâ€”
his chin was twitching and he was staring and winking and his leathery old
cheeks were wet.
"I never seed no sense in th' Doxology afore," he said hoarsely, "but I may
change my mind i' time. I should say tha'd gone up five pound this week
Mester Colinâ€”f</t>
  </si>
  <si>
    <t>b'\x88\x15\xe4\r.\xee5\xd6\xce\x19{$\xbe\xc7\xef\xd4\x81YaM\xe7\x9f\x9d\tRGU\xdaT\xdf\xeb\x9d\xab\xf6\x13\\FC\xeb\x7f\xaa*\x1d\x9fk\xef%\xa4FK\xe4\x83\x87\xd9\x9c\x0f9\xe9\r6p\xb0\t\'p\xaf\xf1B]l.\xed\x1f\xc2\x99\xce\xef\xd1\xc8a\xb4J6@/\x93\xe1\x8b\xc1\x06\xe4I\xb3\x83r\x0bS\x88Ux$_\xb9/d\xe3yW\x1c\x89Y\xaaWW\xbfl\x96b{\xbc\xa4\x03\xbd7\xbd\x8b\x8a\x1f\xaf\xfe\xc3\x01\xc7}\xb8E\x92\xef\x94\x90\x0f\xae\xbe\xc5\x99\x85\xc0\xd8\'\xedlmu\x10\xb5a\xd1a;\xfb,\xae:`(0\x19\x8e\xeb\x81\xb5\xef&amp;\xaf\x8fD\xb4\x84\x8a\xber~\xc9\xb1"U\x99{}f\xbf\xf5\xbc\xec\xa0\x91\xce\xca\x16\xe9&lt;\xea3\x12\xc6\x8a\xcc+\x85(\xd0\x89\xd9E\xc3\xfb\x049\xd3\xde\xe4\x93\xa8\xa6s\xd05\xfe\xda0\x03R\xb14\x84\xf4\x85\xd8\xe0L\xd8BGz#\xd5\x84r\x9a\x846g\xbe\x97\xe8\x12\x91\xec\x8f\xbb\xee\xe5,\x1e\xe4\x97\x8eY\xddu\xf9?\xaf\x93Nz\xfdbI\x04\xc3&amp;\xd5\xdcg\xd9?\xe9FZ\x86;\x92\xaa\x17\n|\xad,\xdd\x11\xb6\xdb/\xdc\x88\x13`\xf0\xdc\x05\xc9\x9f\xdeG\xddM\xee\xcc\xda\xb7\xa3\x98\x90\x00c\x0b\x1a\xd4\xdb\xf3U+\x86\xe3\xa8\x030\xc4*\xf7\x17\x01\x12\xec\x88C~\n\xcd\x8apgFh&amp;\xa12S\xe4\x81q\xe9\xe3CB\xcdF\x94\xc3\x10\xc0\xc9i\xe6\xa6*u\xfe\x18\x0fq9\xf4J\xa7\xc5\x83\x11T\x19\xdb\xb4L\xdd3\xbab\xc8\xf5\xec\x06\xb6:\x98\x8d\x07\xb7f\xd5\xff\x83\x04\xe2_\xa2 \x93\x049\xec0\xa8\xca\x0c\x86\xe2\xcfO\xdb\xe08\x89\x820Q\xd3\xca\xa3\xc7L\x1f\xa3Yk\r\x96\xaa6\xdbu\xcf\xb8\xd7X\xe1eN\xaa\xb2\xe7\x83h\x9a\x88\x84\xa0\x90#&lt;\xd2J\x14\x8d(\x81\x991F8X\x9dW0\xec\xc1\xff}\x8d\x813\xa5\xa4\xe9\x89b\x8c^Hj|4\x1ei\xbc\xce\xb4\xe1\xc6\x9c\xff(\xe4x*\xbb\t\x91S\xc4\xe8J\xb8F\xa1\x83\x83\xe9\x05\xae\x1d_fe )\xc0u\xb6=m\x87Lo\xe4\xc7\xb4\xf4l|bc\xef\x15\xe5(\xbfR\xea\xf5\xaf\x0bf\xe6\\\x01P\xf0\xfb\xc1\x17\xcf\xb2\x83uPF\x83\xbf\xc0\x15\xc2\x882\x1c#\x9aa9\x9c\x9b\xa1_\x9a\xcd\xdd?B\xc7Z\xbc\x1d\xd5\x81\x05_\xd7A\x89hL\xb4\xc6t\xd9\x10\xfa\xabag\xdea\xa7\xeenKo^\xbf\xc6\x81\xc8\x14\xbc7\xf0&gt;\xe0\xd4GO\xaf\x17j\xa10\x13\xc3\xcf\\\xea\x1f\x8cCA\xd9&gt;\xd9\xdb\x81\xce=\xe3\xcfjHv\xcb\xd9\xde]\x92\xa9\xa6\xe8\x81\xf0\x8c\xb9G\n\xd1C\xf4\xe4\xa5(k\x97\x0e\xba@\xbb\xe2\xeb\xcfH2\x84\xfbn\x04\xb1\x00\x80\x18\xf4\xae\xb0\xe5\n5@T\xabL\x17\xb3\x82\x11\x18\xc8\xd4\xbe\x88\xeaE\xb0k\xacN\xc3\x8a\xae\x81\xe8\xdc\x97\xdc\xbc"9"H\xc1\xd8)\xbd\xac4\xcf\xb5\x8c\xc2\xfd\x89D\xe5\xc9\xa2\'\xbc\t/\xc0\xc0\xb9\xdb+S3\x95~\x82\x9b\x8b\xa1S\x90\x9a \xeaQ\\\x07D\xe3\xd4\xad8\xe4Sd\xd2f\xa3\xcf(*\xcf8\x93\x97\xfex\xb9\xbc$\x10)C\xa1\xb3u\xcd\xd11\x14\xe8\x8d\xeb\xd8\na\x0cf\xf4^\x96\x81_\xd4\xdfuy\xf6RA\xfc\x82\xc2\x1f?U\x88\xa3Nz}\xcb\x03\x99\x83\xd6\xdf7:\x90\x1e\xf7\xc6\x02Q\xa3\x9fv\xb3\xa5;\x98\xab\x19\xf0\x96\x0f\x14\x04\xde\x15\xce\xb3\xdf\xd7Z\nf\xeb\xc1V\xc8\xa7z\r\x16\xb9\x16Q{\xeeX\xc0\xdb\xbc\x85\xe4\x84\xbf\xc8\x04\x07Jl^\xca\xd5\x89\x9d\x1b\xfc\xc4\x17\xe2j&amp;\x07&amp;\x86\xc4-3\xdd_\x01\xca\xfb\x111l\xd6\xc2\xc1\xde\x0b\xc7Pt\x9b\xee\xefK#z\x97@\x82\x91V!=&gt;\xd6\x04\xf0\xae=\xc926_H\x18]\xbdO\xd5-\xfe\xfbd\xce\xe9\x80h\x10\xaa\x17\x17\x86\x06\x89\xd6\xd0N\x0e \xe7\x0c\xad+\xb1\xe2\xf0\xeas\x91\x05\x00&amp;+\xf02\x95e\x8e\x8b\x97\xe5\xc2\x1b\xd1$\xc1\x19\x06\xdd\xf1K:\xf6\xbd\x17\x8d\x86\xeb@V\x82\x8d\xdfX\xe9\xb7r/-\xab|Bd\x95\x95\xab\xf2PJ?\x17\xcb\xfb|\xa5\xa6\x93\xf5\xe41\x03\r*\xbao\x8f\xe2\xca\x93S\xb5\xe9A\xbf\x88\xd7\xa1Zq9cy%\xd6\x16\x81*T`!\xfa?\x0e\xfe\x14\x8dQF\xe8\xbf?\x8a|\tyl"\xa8#6\x8bw\x8d.\x94,\xca$\xe0\x13\x03\x7f\xc5fM{6\xfe.\xcb\xe1\x99L\xb7\xce+\x80\xcc\x07\xfa\xe0\x11\xed?\xc4&lt;\x18\x82\x9d\xd0\x1e\xa9V\xf5\x95\xf5:\xbe\xb5^n\\[\x08\xba\xd4\x08\x8d\x86\xadd|R\x17\x173\xfbD\x873\xea\xb4D\x8e\x07/G?\xa7\xe5\x95\n\xeb\xc6\xac\xa5\xcf\xbf\t\x91\xf8\x1b\xef\x05\x0e-\x98\x93\xebYF\xd8Pk\x1b\xeb\x9c\x0c\xae\x92\xacX\x1eA\x08\xa7\x0e\x1f\xabwz\x9c\xad\xc8cu\x908\xe7Y\xe3\x8d\xbel\xf4S\xb9\xb3\xec\x15y~\x8f"\x96\xf9\xf7_G\x89T\xcf\x95\x03\xe4\x82\xe7,\x8f\x06L[\xb7}8If\x8aZ\xabt\x99\xbd\xcc\xdbL\x0c)N}P\x89\x03\x19\x1d.\x0b$\xfc\xc8[\xb5\x12\x11~\x82\xd3\xab\nuHG\x98qi}m\x13]\x00\xa1\x02\xcaj\xf7\x9f~\x94\x90F\xc0\xb6`\x06\x85\x06h\xab\xd5;\x18\xc41\x02&lt;\xaf\xdb\x9a\x19&amp;h\x91\xbf\x9dT\xfa\xdb\xa0\x92\xb7\xe3\x0f\x06]O\x1d\xf0\xf2\xd2==\xce\xa7p\xce\x90\xe7l\xd0t \xde\xeeO\xb8\\p\x88\x18"\x8c\xc9\x96#&lt;[\x1f\x1a;go8r\xa5\x83\r\xd3\xb8$\xf7ak\x96w\xecY\xe6:0&lt;\x14U8\xa5U\xa7\xfb\x18\xe6*\x1d\x8a\x08\n\x81\x86\x84\xe9\xe1]\xcd\xd8\xc9\x02\xd76\xf6\xa2D\xea=\xd1\xd8\xf5\xe1\xf6}\xed\xe7\x9f\x1a[Ch7\x98M\t\xb9\xbb\x9f\x10S\x07\xae\xa3\xe0\x8fTg\x9d\x1f\x97\xceJ\nev\xf0C\xae\xfex\x8a\xc0&lt;\xd2l\xde&amp;\x91\x89\xf9\xd0\x95\xd9\xb5\n\x12\x9aZ\xbb\x00;\xa4\xb2\x8c\x14\'\xcek\xe7\xa3\xfaDkV\x9d\x8c4e\xee\xf1y$\xe2`\x89\xfb\xd8p\x18#\x96/U`2\xafZ:S\xdaA.\x86yf\xa4j\xdf;\x01\xf4\xfa\x1cw\x08\xe9\x8a\x02\xccm\x85\xdd\xd4&lt;\x07\x8f?w\xf7b\xeb\xc4,\x0c\x11\x84X,\x9bUZ\xae6\xeb4\x9a\xf3\x01\xa9\x9e\xc2)\x10nG\xf5\xd5Z0JP?\xea0\x13\xb6\x96H\xe0\x1a\xcb\x7f\x94\xc4i\xb0\x15\xdd\xe9\xddb\xb9 \xb5P\x87,&amp;\xac2\x9e\xde\x99\xb6\xc4\xba\xb8\xcb\xb0x\xd1\xa2\xa4\xbb\xa2S\xf9\xc9\xf1\xbeE:\x0e\xbcU\xc3\x9e\xbd\xd1\x98\x01\xc2\xf1h\xf4\xb2sQ\x99k\xbf4\x91J~\x13@\xf2\xa1m6 \xb5\xaek\x18z5\xea]\xf6\x9f\xdfQI$\xd9\x80\xb3\x15wM\x1ck-pC\n\xbe}\x9c\xc5\x08\xe5\xda\xf1\xce\xd4u\xef\xd9\xf5~\xef\xeb\xb8\xc5\xf9\xfc\xba3\xea]1\x93\xb7}\xae\xc1\xfe\x93\x99\xce\x85V!\xedk\x1dc p\r0\x1c/\xeeI\xb9\xba\xa5?\xe5M\xee\xba9F\xd5&gt;\xcc\xfb\x04\xa13Aq\x9c\xa1\xee\xb2\x13\xd5T\x7fg\x1aCF\xb5\xf3\x02\x0eA-$\x12\x17\x12\x99s\x7f\xd8\xdf\xea\xa4\x9b\xb5;\xfeM\xdc\xf6\xdd\xe8\xd4\x12\xfc\xe6Z\xbd\x97\xf2X\x08\xc6\xf6\xf3\x98\xf5\xe8\n\x11\xb6\xbbR\xf3\xfd=\xff3\xe4o;\xbd\xaa\xb3ckiK\x1c\x06\x02y\xf0\x0ci\xba\xd2CfVY}\xa1\x1e \xabn\xc7\xb7Y38=\xd6j\x81\x17x\xd9:\xd5\xa2\x89\x1d\xd1\x0e\xc5\xeeTK\x7f\x15\xb2\xf6D\xff\x80\x9c'</t>
  </si>
  <si>
    <t>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</t>
  </si>
  <si>
    <t>b'\x88\x15\xe4\r.\xee5\xd6\xce\x19{$\xbe\xc7\xef\xd4'</t>
  </si>
  <si>
    <t>malâ€™s feelings. â€œI quite forgot you didnâ€™t like cats.â€
â€œNot like cats!â€ cried the Mouse, in a shrill, passionate voice. â€œWould
you like cats if you were me?â€
â€œWell, perhaps not,â€ said Alice in a soothing tone: â€œdonâ€™t be angry about
it. And yet I wish I could show you our cat Dinah: I think youâ€™d take a
fancy to cats if you could only see her. She is such a dear quiet thing,â€
Alice went on, half to herself, as she swam lazily about in the pool, â€œand
she sits purring so nicely by the fire, licking her paws and washing her
faceâ€”and she is such a nice soft thing to nurseâ€”and sheâ€™s such a capital
one for catching miceâ€”oh, I beg your pardon!â€ cried Alice again, for this
time the Mouse was bristling all over, and she felt certain it must be really
offended. â€œWe wonâ€™t talk about her any more if youâ€™d rather not.â€
â€œWe indeed!â€ cried the Mouse, who was trembling down to the end of
his tail. â€œAs if I would talk on such a subject! Our family always hated
cats: nasty, low, vulgar things! Donâ€™t let me hear the name again!â€
â€œI wonâ€™t indeed!â€ said Alice, in a great hurry to change the subject of
conversation. â€œAre youâ€”are you fondâ€”ofâ€”of dogs?â€ The Mouse did not
answer, so Alice went on eagerly: â€œThere is such a nice little dog near our
house I should like to show you! A little bright-eyed terrier, you know,
with oh, such long curly brown hair! And itâ€™ll fetch things when you throw
them, and itâ€™ll sit up and beg for its dinner, and all sorts of thingsâ€”I canâ€™t
remember half of themâ€”and it belongs to a farmer, you know, and he says
itâ€™s so useful, itâ€™s worth a hundred pounds! He says it kills all the rats and
â€”oh dear!â€ cried Alice in a sorrowful tone, â€œIâ€™m afraid Iâ€™ve offended it
again!â€ For the Mouse was swimming away from her as hard as it could
go, and making quite a commotion in the pool as it went.
So she called softly after it, â€œMouse dear! Do come back again, and we
wonâ€™t talk abou</t>
  </si>
  <si>
    <t>b'&lt;\xd6\x12\x08\xda?2\xd4\xaa\x03&lt;]\x17BCn=\xab\xe6\x83\xd9UO\xf0\xfd\x0b\xb8\x83\x02&gt;\xaf\xa0|\x1bQ\x0f\xef\xeeKn&lt;\xe1\x1c\xbd).\t\r\xa7\xff\x19\x92\x90\xde\xbdr\xf7\x06\\\x1d\xa1}{pvg\xaa}\xc5K\x1fCl\xc3\x98\xb5J\x12+\xbd\xaa\xb9\xb0\xd7\xc7Y\xa4\x11o\'\xee\xc8w\xe3\xf4\x06r\xfbv\x99A\x90w\x86\xb9[\xda\x9aQ\xd6\xa25\xc0\x03C(\x08v\x84\x86\xe1\x85\xbaz\x0c\xfa\xac\xaf\x9e\xd45\x11\x90\xe4Ow\xb0[U\x00\x9e/\xf7\x0f\xa9\xf4\xcf9\xf6\x1cg\x07\x85\xc5\xb9\x04\x10;\x8b\xf3\x85H\xc0\xad\xf2\x83\xd3\xe2S\x02\xac\xce\x90\x1cxZ(2v\x9c\x0f.\xc4\xd6,\x1ffj\xd3\xf5\xba{\xfa\x14\x9c\x15\xafV\x17\xf8S\x92\x81l3&gt;#\x18b\xe5\xc1\xfe\x7fW\xec\nQ\x9a+\xd9|`\\\xc2\xec\xb3TW\x96\xb1\xfey\xb2\x91\xc2\xef\xfdU\x85%\x11#\xfe\x7fh*Wi\xb6\xdd\xb8&lt;*B\x11:\xaa\xb4\xc4:\xd3K"\x0f\xcf\x1e\x08\x1f\x05^u\xf8@\xc8\x0fP\x93b\xef\x14m\xfaR\xf0/\xf0\x1d\xa6yV\x84\x9dH\xd94P\xc8\xe3\xb3\xc5"5\xc5.GP\x9c\xb4;\xe1T\xcehR]\xf3\xb8`\xb7\xf8p\x92\xec\x04\xce\x8e\xe3\xf3n\xaa\xb6\x85\xd9\xeb\x86\xcc&amp;9\xcc\xa4e\x83x\xb0\xf71\xd2\xa1(~\xab\xd9\xc3\x9aKQHJ\xa9\x17T\xb3\xf7\xa1 6\x82\x82\x96\xc9\x86\xef\x02\x02\xb6\xc60A_Y\xd1\x9b&lt;\xe7\xc5\xd0\xd32^\x9ao,S\x99\r\xdfB#6EM\x82\xdf\x95V)_\xe7|1\n\xa5\xc3k\xb5\xceE\xde\xab\x00\x10-7\xd4n7F\x96p\xb1\xa3\xff^\x05\xa9\x0b\x05\xc4\x07\xbbx\xbc:\x9a\x92;\xf9\xebG7\x8a \x1f\xd7\xdf\xa5\xcdG"\x89=&lt;\xccZ\x1a\xba\xb3\xfb(V\xee\x1bG\xce\x8d\xe0\x12\x08\t\xa6H;\n\xa3h\x08 \xd5\xab\x90\x0f\x98{(\x1b\x00-fO\x8f\xaf\x016&amp;)\x85\xf0fZ\xbb\xcb\x9e\xe1!\xe5\xe8C\x01\xee\xf1\xffJ_\xd3u\xc6r\x95d\xde\x07\xe2\xb0\xd3\xda\xf09\xb6\x9b\xa8\xd6\xe7\x991\x0ct\xf7&gt;i\x8b3GY\x83\xe7+\xabB\x89\xe2\xb546~\x93k\x01g\xe7\xcf\xe5\xecg\x81\xa9\xf7\x1f\x998)T\xd9\x9aV\x0e\xfa0a^i\xd3N{y\xcd\xad0\xa8\x1c\xfc\xb1Q\xe5\xbab\xe0\xa9\xe9i#@\x11F\x1c6S\xbb\xd8Q\x17\xdf\xfa\xb1\xf4\xf1)\xce\xaf\x95\x86\x95\x8a \xa3]\xaa\xe3 \xfdu,\xaa\xa3v&lt;\x03\x10\x0b\xb9\xe3E\x82\xd8\x9a`(S*\xed\xf6M)\xcd\xfa\xee.M\xe7\xc8\xef\x16\xe7\x94\x9b\xe2\xceO^R$\xcd\xc79\x1a@\xce?\x1d\x9b%\xe7\x17`\xa7c\xa6\xbd\xbcR0\xe3\xdf\xb6&amp;\x98l3\x10s9S\xea\xa1\xb6W\xebHb\xad\xff7\xc0\xa6\xe9l\xc4}\xd2a\x8c\x1e\x94QD\xfd\x1c1\xd8\xf1U\xe9\x89\xeb\xaf\x97\xc3\x81\xf0\xc8C*\xfb\x8d9\x0bd]*W\xd7wVB(-?\xff\xc8`/\xa0\x9b\x16c*Q\x06\x08\xe7\xcf\xe3\x8e0\x93\xdfm\xda\xab_\xba\x0e\xa4\xe7K!\xc2\x19B\x8e\xf8\x87G\xd9\x06-\xe0\x05\x11"kq\xe1\x08\x8a\xbe\x1fY\xd8r\xbe\x00we\x0e\xf4jk\x80\x0cFx\xd4\x87\x1d\xff#}k\t\x9b\xe6\x13X\xe1\xfd\xfc\x06\x83\x7f\x13\x0c\x1e\xbc\x986\xcf\xbb\x90$o.\xec\xcaa\xcb+\xcc\x7f\x18\xfa\xbd0\x87\xe5"\x8az3?\xfdE\xb5\xad"\xfb/"\x19\xf7\x04)\x10\xfb\xc3)\xbct\x87\xbe"\x11a\xb0!D@fS\xe5\xc3;"\xadh\xe7\xc9\xcci\xe0B\xe4\x8e\x02\x9c\x08e\x7f\xf7\xf9k5 N&gt;\xca\xe73\xd5bw\x11\x14\x91x\xf0\xaab\xc9\xa3\xd3\x96\xber\xfa\xba8]\x93\x1fP\xae.\xcd\xf1\xcb\xe5\x98\x04\xe5\xf4\x1b;%\x87\xfb\x17\xa43j\xcf\xcf\xf7\x07\xab\x0f\xa7[\xdb\x84$\xc2\\\x06\xa3\xec\x03x\x13~\xdah\x9e\xce-5\x8a\x95\x9a\x98\xec44{:\x15\x05\x8d\x9f\xd1\x07@\x95\x9a\xe1^\xeb\xd2Gc\x17\x92\xc6\xd8\x1c&gt;\xc6\xa9\x88*X\x95\x87\x1c\xc2\xbe\x054\xcdd\x80~\x84\xe9r\xb7\x12\x7f\x17&lt;M`\x17\x800\xc0\xfd\xffO}\x12Jd+\xd7\x94\xc9\x9e\x8d\x93^\xe7\x98n\xd6\xf5\xfe\xc4n\xe8\xf6Hw\xbbK\x12\x0b\xe7\t;\xb3\xe5P\x8d\xd5\xb4ha{\xe6&gt;`+\x9an1R\xdc\xdapuvF\x96\xd7&gt;\xeb\xe7n.\xe7E\xa4A\xfc\x15K+-\x9d\xc6VhYSZI\xb9\xcdb&lt;\xcc\xbc\x1e"\x83\xfe\xf5\xc6\x95\xc5A\xfbB\xd9\xd7\x08\xd7\xb4\x90x\\\xfc\xdd-\xa7\xd9\xc95\x88!\x08\x89\xf6\xffF}\xc1\xca\x10\x15**4\x0f\x94IkC\x1b\x85.*\xf0\x0b{W\x86)\xff\xfa\xe1\xf0\xba\x98\x9f\x1d\xfc\xee\xde98e\xba0\xfd\r^Cr\xce\x8f\xaa,C\x86{\xb5\x01b\xc4[\xd6Hj\x15\xe2\xe9\x83IN\x97\x8d\xf3\xb7\xa3\xab\xdc9/\x07\xc1\x95\xde\x1b\x0bM\x02)\xabQ]@\xfa\xa9G\xcc\xd6,\xedV\xeef7\xfd\xaa#\xc2\x12\x83\x1e\xdc\x88\xa9L\xc6\x82%Zx\xd2s7\x8b\x8a\x06\xe9hL\xee\n\x0c\xf7\xeaI\x80S\xef\xe85\xaeE\xdfJ\x1e\x17\xd3vroT\xc0\xbc%\x1f-*\xc3O2\x05G\x9ae\xde\xe5\xeb\xacF9\x8e\xec\x8b\x96I\xfez"L[]\xa6\x85\xfb,\x1d\xe7\xd8\xd5B\xda\x86\xb2\xd0\xa4\xd3)\xf2\xa7{=\xa3\x16\x1a\x1a\xc7\xfc\xd3\xcd1\xd0ezQ\xda\xfcEB\x15\xa2\x8f\x89F\xed\x19\xe7\xc2b\xeb\x93\x18\t\x93\xe9\x7f\x01\xfb\xf3\xba?k\x13\x8a\x17-\xa7\xf7e\xa9\xd6\xbf\xde\x02\xf8z\xb2\x8e\xb2`\x92\xca\x16\x92\x988\x1a\xfd\xdb[\xbd\x8cz`\xb9\xd0!9\x80[%\x93\x8f\xf6\xa2\xb6\t\x9d}\xe7\xc3\x8b\x92\xd4W\xf9\x1d\xa1\xac\xf3\xae\x95\xd2\x14r,\x88\n\x1c\xf4/\x97U:\xc8s\x9e\x87\x89Ae*\xb7\xc64w@{9t\x191tm\x9b\x1e\xc1\xfc\x8a~8Ph\x80\xfd\xda].\xc9l\x11\x03\xcbd\xe3\x95\xbd% \x9b\xa3\xc5\xd1T\xa1\xd4\\\xc5I\xc6\x87\xb1\xae\xc8sz\xf5s\xc2,\xcf\xb1@b\xd3^\x85_\xf1U]i\xb5\xd0\xfc5\xc5\xf9\x14*D\x19\xcb\xd6\x1f\xa0r\xd4\xe3\xd7:\xc9v\xc5\x91\xd4\xa9\x9c\xf2\xbeK\x01 c\x14\x85\xf8\xad\xb5\x87e\x94\x08\xee6\x0f\xc4;`\n38@\xb1\xf2\xe1O\x8a\x942\xa1t\x00\x17\xc8d\xfe%K=P^\xbc\xaa/\x96\x8fg\xea\xf0\xa8\xd4\xbe@\xa3\xd0\x89\x90\xac^\xdbq"T\xf2$\xaas\xa7\xd1\xb8\xdb\xf4\x9dA\xb3PY\x1b\x00\xe5\x10\xca\xfc\xdf\xcb\xfafi\x91\xaf0\xdc\x9a6\x90K\xdc\x1d\xca\x1a\x07yY\xfb\xf3?\x16\xf4\x14\xf4{u\xba\xb7?,\x92D\x07!\x85\x8b\xf7\x18\xf3\x07\x11[\xc2\x0bt\xaa4\xf0\xc3\xad\xc9\xbb\xb4\x9b\xfd$c{Oe\xf0O\x0e?&gt;\xb4\xffd`)\xab\xc5\x80+9\xbe\xca\xa9G\x13\xe1\x99\x897\xac\xe7\xc2:z{\xdd\xc9GY\x10_\x10I\xd1"hM\x9c\xc0\x89\x7f\x172\xa5\xc3\xbe?A^\x19\xec\x84\n\xc5IG^%\x8a"\x8a\xbc\x94\x7f\xa7p^/K`\xea\x0f\xd3\xf2\x15@\xdb\xb92!&lt;\x93\xfd\xf8\x122/W\xf3\x01\x9d(\x93H\xcd\xeb|Y\xe1\x82\xdaK\xe3\x8bDU\xf0\x12\xa3\xdfg:-\x1d\xf4\x89\xa1\'\xf5\xfdk\t\xfd\xa4\xaa\xc6\xf5(E,\xca\xcc\x13@%\xe2\n\x96\x13\x8d\x93\xb0C\x14\x9a\xe7u\xae\x9f\xb0@?\x953}\xc0\xf8\x02\x11\xef_\x97q\xb8\x8b\x0b\xff\xeb\xb9\x9f\x02\xdd\x81\xac~Gr7a\xc2\x13M5\xed\xf0\x90\xf6J\xa1(\x92\xcbg0-nQS\xfd\r\xa6@\xdc\x0c\x151?\xa9\xb4Bw\xe7k\xd7\xea\\\x94\xde\x84O\xf5\xeb\nu:\x19\xb4F\xdd\xc2VY\r\xc8\xe7\xd3\xe88\'\xdfE\xdd\x8em2#h\x11A\x1c\x7f\x96#H\xde\xad\xb6\xe4\xc3'</t>
  </si>
  <si>
    <t>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</t>
  </si>
  <si>
    <t>b'&lt;\xd6\x12\x08\xda?2\xd4\xaa\x03&lt;]\x17BCn'</t>
  </si>
  <si>
    <t>him. It was a dreadful sight to me, for I knew what fearful pain it gave
 that delicate little mouth; but master gave me the word, and we were up with him in a
 second.
 "Sawyer," he cried in a stern voice, "is that pony made of flesh and blood?"
 "Flesh and blood and temper," he said; "he's too fond of his own will, and that won't suit
 me." He spoke as if he was in a strong passion. He was a builder who had often been to
 the park on business.
 "And do you think," said master sternly, "that treatment like this will make him fond of
 your will?"
 "He had no business to make that turn; his road was straight on!" said the man roughly.
 "You have often driven that pony up to my place," said master; "it only shows the
 creature's memory and intelligence; how did he know that you were not going there
 again? But that has little to do with it. I must say, Mr. Sawyer, that a more unmanly,
 brutal treatment of a little pony it was never my painful lot to witness, and by giving
 way to such passion you injure your own character as much, nay more, than you injure
 your horse; and remember, we shall all have to be judged according to our works,
 whether they be toward man or toward beast."
 Master rode me home slowly, and I could tell by his voice how the thing had grieved
 him. He was just as free to speak to gentlemen of his own rank as to those below him;
 for another day, when we were out, we met a Captain Langley, a friend of our master's;
 25
 he was driving a splendid pair of grays in a kind of break. After a little conversation the
 captain said:
 "What do you think of my new team, Mr. Douglas? You know, you are the judge of
 horses in these parts, and I should like your opinion."
 The master backed me a little, so as to get a good view of them. "They are an
 uncommonly handsome pair," he said, "and if they are as good as they look I am sure
 you need not wish for anything better; but I see you still hold that pet scheme of yours
 for worrying your horses and lessening their power."
 "What do you mean," said the other, "the check-reins? Oh, ah! I know that's a hobby of
 yours; well, the fact is, I like to see my horses hold their heads up."
 "So do I," said master, "as well as any man, but I don't like to see them held up; that
 takes all the shine out of it. Now, you are a military man, Langley, and no doubt like to
 see your regiment look well on parade, 'heads up', and all that; but you would not take
 much credit for your drill if all your men had their heads tied to a backboard! It might
 not be much harm on parade, except to worry and fatigue them; but how would it be in
 a bayonet charge against the enemy, when they want the free use of every muscle, and
 all their strength thrown forward? I would not give much for their chance of victory.
 And it is just the same with horses: you fret and worry their tempers, and decrease their
 power; you will not let them throw their weight against their work, and so they have to
 do too much with their joints and muscles, and of course it wears them up faster. You
 may depend upon it, horses were intended to have their heads free, as free as men's are;
 and if we could act a little more according to common sense, and a good deal less
 according to fashion, we should find many things work easier; besides, you know as well
 as I that if a horse makes a false step, he has much less chance of recovering himself if
 his head and neck are fastened back. And now," said the master, laughing, "I have given
 my hobby a good trot out, can't you make up your mind to mount him, too, captain?
 Your example would go a long way."
 "I believe you are right in theory," said the other, "and that's rather a hard hit about the</t>
  </si>
  <si>
    <t>b'Z\xee\x92f\xca\x1b\xd2\xfb'</t>
  </si>
  <si>
    <t>5aee9266ca1bd2fb</t>
  </si>
  <si>
    <t>behind the flight of steps where they stood, and
 there were frantic shouts of, â€œHurrah for Mandiboy! Hip, hip,
 hurrah!â€
 It was a band of voters coming to the rescue of their allies, and
 taking the Camerfield forces in flank. Mr. Fogg, Aouda, and Fix
 found themselves between two fires; it was too late to escape.
 The torrent of men, armed with loaded canes and sticks, was
 irresistible. Phileas Fogg and Fix were roughly hustled in their
 attempts to protect their fair
 214
 companion; the former, as cool as ever, tried to defend himself
 with the weapons which nature has placed at the end of every
 Englishmanâ€™s arm, but in vain. A big brawny fellow with a red
 beard, flushed face, and broad shoulders, who seemed to be the
 chief of the band, raised his clenched fist to strike Mr. Fogg,
 whom he would have given a crushing blow, had not Fix rushed
 in and received it in his stead. An enormous bruise immediately
 made its appearance under th</t>
  </si>
  <si>
    <t>b'\x03\xb8.\xfaj\xb3\xa9\xabtk\x86\x00\x15\x04\xdf\xeb\x81`\x8c\x88u\xf2\x96\xec\xe1\xf8\xe4kwF\xeb\x84'</t>
  </si>
  <si>
    <t>03b82efa6ab3a9ab746b86001504dfeb81608c8875f296ece1f8e46b7746eb84</t>
  </si>
  <si>
    <t>b'\x03\xb8.\xfaj\xb3\xa9\xabtk\x86\x00\x15\x04\xdf\xeb'</t>
  </si>
  <si>
    <t>t at once and ride for 
 Doctor Livesey would have left my mother alone and unprotected, which 
 was not to be thought of. Indeed, it seemed imp</t>
  </si>
  <si>
    <t>b"L\x83\xdc5\x9e\x10\xa4\xa8DwV\x1a\x98j\xf7\xe1\x17\xd1\x02l\x80+y\xe4\xbd\x06\x8b;\xe4\xa0\xccr\x92\xe1\x97\xf3\x9cI\x97e\xb8\xb0/\x81\x15\xe6\xf2\xfd\xe7\xa9\x8f_\xdd\xf8\xf7\x84\x1c\xadt\xaf|\xd8\xcb\x933\xe5^yb\xa5\xc3{t\x07C#?\xcf\x9e\x05u&gt;\x8f\x10n\x16\x00d\xab\xbf\xdd\xe6n7C&lt;;\x90!\x07U\xf9\x18\x82Mr\xf4\xf4\xb6\x85\xdc\xba\x7fH\xdf\x15\x89\xbd%\x05\x88Xt\xc1\xc9\xe8\xebLT\x17%|hJ\x0e_4M\xff\x89\x87\x89\xdaD\x14\x96\xb6\xf7:\xfc^\x9e[c\x11(__l\xf0.\x97M}\x94\xff\xe6\x10\xa3\x18|\x8c{\xef\xe8M\x83\xb9\xa2\x0b\xc9\xb2Y\xac;\xb9\x0ft\xed\xeat\x03\xe5\xff\xcbQ\xf4'\x15\xc0\xfc\xf1\xea5a|\xa5\xbdg\xb8\x8a|\xad\xee}\xd6\xc1\xdf,\xb2\xe9\x80,\r\xaal\xbcH\xecH\xa5\x0b.3&amp;\xf7~M\x11&gt;%\x00\xed\xaam#\xea\xa2`\xe0H?aF\x9f\x96"</t>
  </si>
  <si>
    <t>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</t>
  </si>
  <si>
    <t>b'L\x83\xdc5\x9e\x10\xa4\xa8DwV\x1a\x98j\xf7\xe1'</t>
  </si>
  <si>
    <t>of the nonlinearity.
 702 Chapter 14 Output Stages and Power Amplifiers
 Sec. 14.3 Push-Pull Stage
 14.8. For the push-pull stage of Fig. 14.3(a),
 sketch the base current of Q1 as a func_x0002_tion of Vin.
 14.9. Consider the push-pull stage depicted in
 Fig. 14.32, where a current source, I1, is
 tied from the output node to ground.
 (a) Suppose Vin = 0. Determine a rela_x0002_tionship between I1 and RL to guar_x0002_antee that Q1 is on, i.e., VBE1 â‰ˆ
 800 mV.
 (b) With the condition obtained in (a),
 calculate the input voltage at whichQ2
 turns on, i.e., VBE2 â‰ˆ 800 mV.
 1
 Vin
 Q RL
 VCC
 VEE
 2 I 1
 Vout
 Q
 Figure 14.32
 14.10. Explain how I1 in Fig. 14.32 alters the
 input/output characteristic and the dead
 zone.
 *14.11. The circuit shown in Fig. 14.33 precedes
 the output npn device with an emitter fol_x0002_lower. Sketch the input/output character_x0002_istic and estimate the width of the dead
 zone.
 Q1
 Q RL
 VCC
 VEE
 2
 Vout
 Q
 I 1
 Vin 3
 VEE
 VCC
 Figure 14.33
 *14.12. Repeat Problem 14.11 for the stage de_x0002_picted in Fig. 14.34.
 Q1
 Q RL
 VCC
 VEE
 2
 Vout
 Q
 VEE
 3
 VCC
 Vin
 Figure 14.34
 14.13. Figure 14.35 shows a CMOS realization of
 the push-pull stage.
 (a) Sketch the input/output characteristic
 of the circuit.
 (b) Determine the small-signal voltage
 gain for the positive and negative in_x0002_puts outside the dead zone.
 Vin
 RL
 VCC
 VEE
 Vout
 M 1
 M 2
 Figure 14.35
 14.14. A large sinusoidal input is applied to the
 circuit of Fig. 14.33. Sketch the output
 waveform.
 14.15. Repeat Problem 14.14 for the circuit of
 Fig. 14.34.
 Sec. 14.4 Improved Push-Pull Stage
 14.16. Consider the push-pull stage illustrated in
 Fig. 14.36, where VB â‰ˆ VBE (rather than
 2VBE).
 (a) Sketch the input/output character_x0002_istic.
 (b) Sketch the output waveform for a si_x0002_nusoidal input.
 Problems 703
 Q1
 Vin Q RL
 VCC
 VEE
 2
 VB Vout
 Figure 14.36
 14.17. In the push-pull stage of Fig. 14.36,
 IS1 = 5 Ã— 10âˆ’17 A and IS2 = 8 Ã— 10âˆ’17 A.
 Calculate the value of VB so as to establish
 a bias current of 5 mA in Q1 and Q2 (for
 Vout = 0).
 14.18. Suppose the design in Problem 14.17 op_x0002_erates with a peak input swing of 2 V and
 RL = 8 _x0002_.
 (a) Calculate the small-signal voltage gain
 for Vout â‰ˆ 0.
 (b) Use the gain obtained in (a) to esti_x0002_mate the output voltage swing.
 (c) Estimate the peak collector current of
 Q1 assuming thatQ2 still carries 5 mA.
 14.19. The stage of Fig. 14.36 is designed with
 VB â‰ˆ 2VBE to suppress crossover distor_x0002_tion. Sketch the collector currents of Q1
 and Q2 as a function of Vin.
 14.20. Consider the circuit shown in Fig. 14.37,
 where VB is placed in series with the emit_x0002_ter ofQ1. Sketch the input/output charac_x0002_teristic.
 Q1
 Q
 VCC
 VEE
 2
 R L
 in Vout V
 VB
 Figure 14.37
 14.21. In the circuit of Fig. 14.11(b), we have
 VBE1 + |VBE2| = VD1 + VD2. Under what
 condition can we write IC1IC2 = ID1ID2?
 14.22. The circuit of Fig. 14.11(b) is designed
 with I1 = 1 mA and IS,Q1 = IS,Q2 =
 16IS,D1 = 16IS,D2. Calculate the bias cur_x0002_rent of Q1 and Q2 (for Vout = 0). (Hint:
 VBE1 + |VBE2| = VD1 + VD2.)
 14.23. The stage of Fig. 14.11(b) must be de_x0002_signed for a bias current of 5 mA in Q1
 and Q2 (for Vout = 0). If IS,Q1 = IS,Q2 =
 8IS,D1 = 8IS,D2, determine the required
 value of I1. (Hint: VBE1 + |VBE2| =
 VD1 + VD2.)
 14.24. In the output stage of Fig. 14.11(b), I1 = 2
 mA, IS,Q1 = 8IS,D1, and IS,Q2 = 16IS,D2.
 Determine the bias current of Q1 and
 Q2 (for Vout = 0). (Hint: VBE1 + |VBE2| =
 VD1 + VD2.)
 *14.25. A critical problem in the design of the
 push-pull stage shown in Fig. 14.11(b) is
 the temperature difference between the
 diodes and the output transistors because
 the latter consume much greater power
 and tend to rise to a higher temperature.
 Noting that VBE1 + |VBE2| = VD1 + VD2,
 explain how a temperature difference in_x0002_troduces an error in the bias currents of
 Q1 and Q2.
 *14.26. Determine the small-signal voltage gain of
 the stage depicted in Fig. 14.38. Assume I1
 is an ideal current source. Neglect the in_x0002_cremental resistance of D1 and D2.
 Q1
 Vin Q RL
 VCC
 VEE
 2
 D1
 D2
 Vout
 I 1
 F</t>
  </si>
  <si>
    <t>b'\x1e\xe8\xbeO\xa8F\x9a\xb4\x91\x02H\x19\xf3\xc2]s'</t>
  </si>
  <si>
    <t>1ee8be4fa8469ab491024819f3c25d73</t>
  </si>
  <si>
    <t>inn upon our hands, and were kept busy enough without paying 
 much regard to our unpleasant guest. 
 It was one January morning, v</t>
  </si>
  <si>
    <t>b'I\xb7\x8d\xfa\x02\x9e\x91\xbfU\x183\xff.\xc0$*jS\x0e\xad\xbcBJ/\xde\xbf\xbe\x92Ma"4\xdbt&gt;\x8d"P\xc8P\xa3\xeaI\xe85:\xbd"\x8d\x08\x1a\xf82\xdc\xecu\xd8\x1c\xfc\x86\x84\x07z\x87\xb1\x85pm`\xf8r\x15z\xc7\x10\xb5\xf2\x1e\xa8\xc0\xfd\x1f\xc9\xa5\x8c\xd9!\xf3\x01C\x04n)\xe9o\xaag/\x85T\x9c,)&lt;?\xcb^\xa2!\x8c\xeb\x81\xfcT\xd5\x92c\xc8\xe6t\xaa\xce\xb6)\xbcBS\xa5\x1bp\xcf\x1f}\xa7\x9c8-p\x9ev\xe5(\r\xed \x82n\xaf\xc0\xc1\x83p\xe2l\xc98\xa8`\xa7Y\xebp\x06-\xce\x83\x18\x80\xc2\xa6\xd6\xa76\x9f66\x89o\xe3N\xf9\xb5:m\xa3$;\x0e\x94\xe9\x15\xf8\xab\xbfL\x1c&gt;N\xe9\xea|\x00\x08\xb38\xcfui\x04\xc4&amp;\xc8s?q.\xc4\x97\x07\xe9\x90$\xa2\xd1\x9f\xb1\x10\xf4\xb2b\xad\xd2\xb7\xf9\xd5\xd4\x10\x820\x87\x9dOZ}\x9a&lt;\x8f\xab\xe7\x14\xbe\xcf\x98[\n\xef'</t>
  </si>
  <si>
    <t>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</t>
  </si>
  <si>
    <t>b'I\xb7\x8d\xfa\x02\x9e\x91\xbfU\x183\xff.\xc0$*'</t>
  </si>
  <si>
    <t>uge accomplishment, but
 the win was dulled by the fact that no matter what we did, we just could not
 beat out our number-one competitor.
 I could have shouted from the rooftops that our product was better and
 half the price. I could have blogged about studies that proved our product had
 a superior ingredient profile, sourcing, and research. It wouldnâ€™t have
 mattered; this competitor outsold us two to one, and got better reviews to
 boot.
 Why was this product outselling us two to one, while being twice the
 price and lower quality?
 The difference was who: They were only targeting an older demographic
 with disposable income. We were targeting young guys, like us. They were
 targeting the segment of the market that was willing to spend more money
 because they were addressing a specific pain point. Our competitorâ€™s product
 was specifically branded for their demographic, and they crushed us. The
 hungriest segment of the market ignored usâ€”we didnâ€™t look like we were
 â€œfor them.â€
 People will always pay a premium to solve their specific problem. Thatâ€™s
 why we choose brandsâ€”because they are for us. This is why you absolutely
 must hammer down the â€œwhoâ€ behind your product. If you can speak directly
 to your target market, you can charge twice the price while creating loyal
 fans. If youâ€™re just trying to sell as many products to as many people as
 possible, then you really can only compete on price.
 Roxelle is one of my favorite case studies
 because she focused so much on her
 person that she could sell anything and
 still be successful. If her swimsuits stop
 selling, she could sell a number of other
 products and still have a million-dollar
 business. Entrepreneurs get so caught up
 in the product that they forget about the
 people behind it. Roxelle did the opposite,
 and she can sell whatever she wants. I had
 Roxelle on my podcast to ask her about
 her story. You can listen to it at
 Capitalism.com/best.
 If youâ€™re attempting to bootstrap your business, itâ€™s even more important
 to dial in your customer base. You will need that profit margin to roll into
 additional products. If you donâ€™t know who youâ€™re trying to target, itâ€™ll be
 impossible to charge the premium prices you need to build that revenue.
 One of my students, Roxelle Cho, is a great example of an entrepreneur
 who has been rewarded for knowing her customer extremely well. When she
 built her swimwear company, Fused Hawaii, she set out to inspire women to
 be more comfortable in their bodies. To do this, she came up with a very
 simple product: a one-piece swimsuit thatâ€™s both comfortable and universally
 flattering. She started talking about womenâ€™s issues on Facebook Live, and
 she built a raving fan base. When it came time for her to launch her product,
 she pre-sold her inventory before it was even in stock. When she pre-sold
 through the</t>
  </si>
  <si>
    <t>b'r\xd9\xefB\xae\xc7\x80\xa2\x1d\xbbO\xbb\x97\x85\xd7\x18Y)\xcd\x91$\xbac-}g\xda\xe4\xb6.$\x0c)f\xbc\xf0\x83,2yE\xe0\x88\x1d\xd4\x11NY\xf5Bi\x12[\x1f\xa4g\xdfj\xfa\x03\xbe=\x08.B\xfc9]\xb0\xa9*fo\xa7\x05\xd5\xf5$\x1c3\xad&amp;\xfa(L\xa9\xd6V\xf6\x0f\xf9L\x84\x82\xf1\xe0v&lt;\xaaNW\x15\xa78h\x81C\xc4\x9e_\xcd\x11WZ\x0b\xbf\x00\xac&lt;\xf1J\x9dt/\x0b\x97\x1f\x80Gc\xf2\x97\\6n\x0bt\xeb\x1ep(&amp;\x86\x08~5\x95t\xda\xa5\xbc\xc8\x7f4\xb0?F\x01\x06G\xfa\xb9\xb1\x9e\xf6\r\xbe\xae\x03\xb3i\xd6H\x05O\x0b\x81\xf3\xc6\xe5\xd6\xc5\xf2\xd1\xb3\x9ec\xe0\x07.\\\xf9\xac\xc9*s\xe1\xb5m\x80$$?\xb9\x1bs\xf9\x9d\xed~}\x16\xe4\x980\xdb\x04\x84\x1f+\xc6\xf7\\\x909\xfe\x01\x91u\x99\x08\xae\xa2\x94\xb8Z\x18\xe5\x05\x17\xd2\xa3\xa1%\x85\x99\xd1lb\x91\xf4\x89\xd0Y\xd2\x08\xb7\xcc\xaa\x16\xd2L\xb2T$\xff\xe0\xe2I\xc2\xaf\xad\x846Y\xf0\xe7[\xf2\x87L\xf9x\xc7&amp;p\xc4f\x1c\rcDh"\x1a\x0e\xff=\x060\xa8\x15\xff-\xcf\x84\xfc\x97\x97~1\xdd\xfb\xcc\xe1\x1dN\x82\x14\xc4\x9e\x1a\x94\x1d\xeb\x13\x9e\x8d\xe5\x94\xdc\xa1\x83\xb0\x14\x1fOq\x10\x072*;\x85\xdb\x17{%8\x9f\xfc\x83M\xd85\x88\xad\x91F\x87l\xb1\r\x15\x0e\xb1\x95!\xf2u\xbd\xbb\xaf\x1c\xf7\xe6=\xe8qk^\xa1a\xaa\xd4zt72&lt;y\x9f\xb8A\x1d\x9ayo\xfbr+\x12\x05p\xc3\xe1h\x89\n\x9aR\xa2\xab\x90\xca\xec\xc3|E\xd3\xcd\x88\x91M8W\x9f\x8bJ$\x89\xd0\x19\x8f(b.\xf1\xf0\xf8\x08\xe8o\xaf\xfe\xdc\xec\x07\x9a\xa91\xb7\xd9\x07\x10\xfd\xb9\x13i?F\xe8\xbd\xd4\x86\x88\x1e\xeao\xf4\x9er\x00\xe9\xe8q\x1e;&gt;\xddW\x1a\xac&gt;\xb6\xa4\xe8\xe2\xad\xfd\x00\x97\xef\xa8\tA\x0c\xce\xf0C\x98s\x15\xacpn\x0b5\xf1\xbc\x8d\x01W\x92%;c2\xe4~k\xe6\xb1WQ\x82F\xb7\xe3x\x19R!\xd6)\xc8\x08\x1c\xfe\xda\x99G7\xd4\x08\xe4A\x9d\x9d\x05\x1f\xbf\xb0\x1a=\xa5\x01\xbbtb\xf6\x9a\xbb\x83\xe4\x1d\xd7\xb62\xe2\xf9\xd1V\x89^&lt;uYS\xeb\xf4o\x06Eu\x14\xa4\xbe\xf1\xc8D\xf9\xa6\x9c\x07\xea\xfa\xda9p\xa9\xedG;\xfc\xb8\x92\xd50\xa3\x1b$\xa6\x8e\xe1\x98\x0e\x8a\x15\x8d\xc6\xa91\xea2\xba\xaf\xa6\xd3X\x87&lt;\xb9Z\x16\xd4_\x17\xb4\xb6\x87*\x11\x18\xdbXc\xb9\xb7&amp;\xc0\x04|e)\xf7\xa6\xe4E\x0c\xc1\xfedx\t\xf1\x1e\xdb^"\x11D\xef^\x8f\x8e})\xeb\xad\xc3gVjuM\x83fg\x1a\xb4\x16^\xc5\xf8\tzv\x90\x88$\x0c\x97\xa1\xef\\\x83\x9f\x8d\xa0\xa2\xd6\xd5\xf95\x07\x02\xbb|o5\x04 j\x9c\xe8\x8eS\x8b\xc4\xac}\x8d\x1f\x9f\x04\x85\xd5\x03\x86\xbeC\xb7\xe5\xf7\x89t1\xd7\xb1\xce\x7f\xe4\x03!\x94K\x83aGx\x1b}\xf7kx\x8eI\x98\x81\x0c`\\\\P\x19\xe5I\xce?\x1f\x11\x00\xaa\xe0\xf8\xb4\xd6\x8c\xd1H\x0b\xb8^k\x8d\xb9-\xb2+\x934?\xa4\xa2\xd8\xe5\x8bI\xaeT\x1b3E\xb1\xfb\xe7y\x1eB\x16,\x1cz\xb1\xb1aI\xec/\x05\xd93\xca\x8d\x9cU\xb0*\x1eh\xd2#\xe0\xebP\xe8\xb4\x889r\x95cfn}\x92\xb8\xe1p&amp;k%\x16=Q&amp;\x8bJm\xea\xe7\x17\xe4\xe9B\x06Ew\x00\xcah\xdf\xfb+\xf3\xb8\xae$p\xe1\xea\xbca\\\x05\x8f%%\x8c\xda\xb3\xfc\x9c\xa6(\xa81\x90q|i\x10\x02\xbc\xbb\x1b\x87\x10F\xed\xd1#\xba\'v\x19\x88\x8c\xfb\x15\xb8\x053\xe6X\xd1\xa0\xed\x01\xec\xd5\xfd\xf7\xff\xf9\x88\x8aR\x17\xaf\xf4=\xa6Q\x96\xdaq\xebu\xc5o\xf1_\xac%q\xf2\xfa|/pQO\xcf\x1d\xa4\xd1_\x84\xd4\xa2\xd6\xce\xa4q\x9cO\x0f9\xe8q^\xb0v\xda\xd0q\xb8O6\x1b\xc1\x0c\xe7+\xadl\xfe\xa9\x1f*7\xec\xfd\x0b\x89-\x9a)\x92\xef\xa5$@\x8a\xc6\x9a\x15\xbd\x85\xac\x073^\xa7\x1d\xfc\xd3\xcd\xe39*\xb4\xe5J\xe0\x8f\\\x1a4\xc8*\xbf\xfb\xfc#\x99!C\xeb\xefB|K\xfb7\x15\x9f\xde\xc2\tS;\x01Q\xd4\xbd\xb9JRq\xf2!a\xf9\xee\x1b\xe3zu\x97\xa8\xac\xbb\xc5\x1e\xdd\xefq.E\xa4\xc5\xfe\x8d\xc8\x06f\r\xbb\xcd\xa3\x16\xfdt\xfe*\xf9\x02\x81\xc7\x980\xfd\xc4\x83\xe9\x9er\xe5\xb1\xf0j\x8f\xfcR\xb8.%\x85X\xd6\xd0k\xb2*\xde\r\x8bM\xaf1\x1f\x0eO7X\xba\x8f\xc9\x03\x92\xb6\xf96Ej\xe4\xcc\xb4\xf1zy\xde\xc32\r\xe8\xbe\xf1\xb5\xd2K\x9ee2\xcb\xbf\xc5K%T&gt;\xd8W\xf8:U\n\x85&lt;f\xfc\x9afJ\xc2\xc5:\xf3\xca\xeb\x82\xc9\x7f\x8e\xf9\xbc|\x0bn\xdb\xc6\xf3\xb9R\x93\xc0\xc9\xf1[F\xeb\xe6\xe3\x83\xa0\xd4\x8c\xcbj6\xc6s=\xb1(\xb16\x89F\xa5\xb7\xd8\xa3\xc1\x9eN]\xd7\xc7\x1f\xb1w7^\xcb/\x18\xae\x8ar\xa1e\x04\xdb\x01\x94\x9a\xd9\xe3e\x87\xf5\xe3\xc0\x8e\xf9T?\xfb\xc31\xe6,\x11\xf8\xd3\x00\xefZ\x7f\xa4\xbd\x00,3\x1d\x938\x94\xb5\xee\x17g\xaa\x82"|\x11\xdfZ!D\x86\x84\xd1\x969\x10\xce\'-}\xdf\x15\x08\xaf&amp;\xe2\x00WBoN8\xb1#Q\x98\x9f{\xe2e\x16\xc9\xad\x9f9B\xd0\x0c\xd1\xe3;\x0c\x8b\xf9t\x0e\xed\xe0\xce\xd1\xc4\xd8\'\xc5\x19\x9f\xaf\xbf\x85\x91s\x12\x80\xef{\xf9k\xd8&amp;\xd2\xce\x19\x99\x95\x0e\xe4\x98\x84\x86\xa1V/\xd7\xdeN\xe5\x88\xc5\xe7\xb3\xf0\x01\x1db\xeb]|V\x1b\xe8\xe5\xa6\x9a\x81\'R\xca\x02cY\xe3\x96\x1d\xc2\x08\xfdrO\x92\xfa1\xdbW^\xa0x#\xa4\xb3\xf4\xc7\xd1\x05|Z(^\xe0\xeb\x0f:\n\xe2\x9c\xe2\xccY\xab\xc6\xe0\x80\xa7j5Q\xa9F\x02\xc0\xaf\xdf\x91}\xa7q&gt;\xef\xccP\x98\xa4\xca\xcd\xd7W\xa5\xbd~\xd3\x16\x1c\x9f\x9c\xdc\xf82p\xb9B\t\xba\xd7\xf5\xbc\xaeC\x1b(\x04\xf6y\xe2\xb1\xe5\x98\x9bI\x9e\x9b\xb5\xfbSUt\xc7\x9a\xeb\xd5m,H\xc3\xfc\xa0%\xcf\xea\xe2\x92T\x08\x9b\xb62\x9f+\xc6\xd0D\x85;\xb0\x04\xa1T\x1e\x18\x93Y\xce\x9d\xdb\xa6\xfe#U\xf6QC\x96\xb8\xe8\xe1\xbd1\x18i}\xe3\x93\xb3\xc6\x1b\xe7\x8f\xde\xac\xd6\xcb_\\F.\xcc6\xc9V\x99N\xe71M\x06\\\xaf\x01\r\x7f\x8b\xf4\xc6\xc2f\xd0\xad\xd7\xec\xb0\x87\xe9\x00\xca\xb0\xd4\x89\xa6?\rO\x8f*\xa6\xcf\x8d\xf8\x04\xdf\'C\xed\xa9,\x9ak\x08\x9e\xbd\x99\xfd8\xf6\xd7\xd0\'-q\x90\x06\xc5\xd7\x18\xbc\x8eI\xfeg\xba\xf7\x06Fo^\xe7Y\xb9Ty\xcc\x07\xaeP\xf6\x80\xfe?M%\xc4_s\xa2H8N\xd2\xa4\xad\x8f\xd6lQ\xa5S\xc0{~\xb8\x0c\x07\x99$\xfc\xf7!Lh!t\x0eN\x8a%\xaeR\x9fv\xdbq\xac\xfb\xa5\xde\xd2\xcdk\x05\xe2\x0f\x06\xabO\xfao\xa8\xccfrY\xf6\x7f\x11c\x9a4c\xf7\x12i\xca3s\xfa:\x01+\xde)\xe5\xd7\x84Q\x8cp\xa8y\xcb\xd4\xafL\x92\x87\xe8\xcf\xc0\xe2\xe5\xb1\x02\x92\xb4\xf7mw\xdc?\x0f*\x94\x98\xf3A\x00\xce\xfa\xa4\xc6\xef-\xa4^1\xec\x16v\x97\x1fMl.\xfd\xcfb\xc7\xa7:n}29\xd8\xb1\x7f\xd8\xc2Ge\xdb[\x9f\xfa\x86\xa3z&lt;$8\xd9?j\x08\xdc\xb8\xedFhX\xc4^\x16z\xf0\xec\xac\xa9\x05_\x1c\x97\xbba\xfe\x00\xad\xb2\xf3U\xf9\xd1\xc9u\x13\x92\xd5\xd8\xcc\xcd&gt;\xa5\x89Da\xe8\xcb+\x8aE\xd4o\x8c\xf0\xb6\x87\r\x9f\xcd\x04\xa6\xfe\xa8\x0ek\xa1aPf\xc2v\xd9\xc0V\x0c\xce~s\x98\xb1`\x95~^\xefl"R\xfe\xcd\xef\x90\xc8\xaf\t\x05\x0b\x1e\xd9i\x96M-X\xd1\x93\x96\xbaS@\xba\x01yP"?=\xe1\x98\x0f\xa8\x87\x93\x82\xeb\xf4\xba\xd1:\x03T\xd48\xfd\x88\xe4S0\x1a\x83\x85\x089\xa5\xcc\xc8\xb8\xfa\xce\xca(\x9e3\x97\xc6\x17\x1d\xb2\xbd"\xea\xc3\x93\xe89\x96\xb1\x08\xc7\xf0Q\xc8\xc4!\xd6\x0b\xa7\xc7]\x07)&lt;\x08S\xac\xd2\xd4\xb5|\xc6z\xe0\x01\x80\x81\xf3\xb5\x1f@\xe3E\xbcN\xc5.\xe8\xcaO\xb9\xf4\xfaX\xa8\xa1\x13\x05A\x1e\xbb\x85\x94|"\x83\xd6\x08\xb5\x97\xa2\xbd\x8dp\xbcJ"\xc6!\xa35\x8d9o\xf1\x84\xa6\'\x17=T@\xf5\xec\xb7\xf1\xe2\xeb\xc3I_\xfd\xb0j\xcd\xf2\xa6\x14\xa8#\xf8\xe0\xe5/\xd2\x9c\x8e\x0f\x94\xb9}\xa5\x0b\x03\xea\x00b\x02\x7f\xd5\xefTw\xf9\xe7a\xf1r\xbd\xb8H2\xf2\xe8\xdf\xb0\x8e\xb6\x8fO\xa2\xe3\x8bR3\xb0\'\xc6\xd6t9 \xab\xb77^\x85\xc5Q\xa5\xa8\xc9\x0fA\xb25\x0e\xd5\xec\xe3\xdd\x8a|\x1f$\rNkb\xf3&amp;\xf7"@\xf7\xe8\x9ct\xd4\x8d-\x1b(\xf7\xec\xd8k\x08\xe2\xfb\xdf\xca\xe2;\xf3\x13\xe4\xec\x03h\xb9\x90\x15/"v\x08\x85\xd3N\xa5\x98\xfcC\x10\x87bu\x84\xce\xfbE\x16X\xb3\x9f\x1e=\xd4\xc1\xd6,L\xd7\xa0\xa3xe\x98a\xe0\xc2\xbb\xb9\x89W\x13\x7f\x83bi\x95\xb8\xe5t\x15\x16\x83L\x130\x9fC(x\x80\xbd\xdba\xd5@y\xf9\x16\x82\x02\xca\x8c\xb1\xa1U\xd1&gt;%y~\x81S\xe5\xed\x0eD\xf9\xda\x8d\xee\xf8\xd3\xf1\x8d~\x9fI\x0c\x84\xd3\xb3\xfb\x80\xfe\xa1#\x19\xaa\x96\x1d/\xe2\xc1 \x88\x99\x1c\x02\x9c\x12\xd4\xe7\xb9\x18Q)\xb3\xce\x84\xdf\x0c\x9c\x93\x1c\x84\x1a_\xad\x87\xe1\x17&gt;\x85X\t\\\xee\xdbu\x06\xc1\xb3\x87\x8f\xb6\x0e\xe2\xf8\t5\x7f\x18\xb7T\xce\x18\x80 \x1d|\x08\xd3\x14\x99\xe9P\x04\x8e\xadf\x8b6\xba\xa6\'\';|`\xb1\x0f\xf9\x19g\xca\x9dSy/\xfe\xbb\\\x90\x9e`\xd5\xc1\x10\x80\xd2PQU\xef\xc0\xd3\xbfxC\xca\xfb+\xfe\xbb\x81\xab\xc2\x9a\xbdD\x83\xe7\x9f7\x1e\xb6V\x1d\xd1r\xd2\xd3\xa0\xc7\x8c\x85^\x9fuG\x18G\x80\xcd)\x13I\x019=\x8dfS\xb9M"\x10\x9f\\\x8c\x84Aa~\xef\x19\xbc\x89\x93|\xbf!\x8a`\xcb\xd2gc\x8f\xe5N\x01\xbc\x17L\xca\xaa;oiC\r\x8eQ\xc8\xce\x0c\x08\x8dk\x08\x81N\xf3\xf9p\xab\x89\xbd\x9b\xe2\x8c\x94O\xe4y\x8f\x12\x15\xbb:^\xb6]3d\xff3&gt;h"`\xf2&amp;\xc6\x9c\xf0\xafkK&gt;\xbbp\x84\xcf\xb5:\xf5\x01P\x8b\x95\x87\x9c\x19\x995\xb6\x11\xc5\xc4\xdb\xa9.D\x94\xb5\xae\xeb\xbc\xa7s\xb2g\xda\xa2F\xa5m\x199\xf5I~\xb1X\xf5yG\xf8{\xe7\x91\xaeA\x9ck\xfc\x90\x90\x18S\xd1\x04\x00\xc5\x174\xf0\xa3\x0cFc\xaa\xd4\xd6=z\xed\xbcq\xa7\xa2G!\xc5F\x9fnW\'\x7f,\x7f\x12[\x02\xd1\xa7\xbb\xbc\xdd\x91\x07bY%%hs\xeek.\xf6_\xa8\xbc\xa9\x8b\xa8\xefc\xcc\xbe\xbb\x1a3\xad_(\xb1IM\xd1\x8c\x1b50H\xca\x88\x00s6\xcc\xa5\x08\x85\x00\xd8\xc1\x7f\xfe\x82u\xe4-\xbb/A\xe0\xa1\xd0\xdf$\xacg2Y\xe6"-\xf1\xc3\x82s\xae\x00\x86\x1c\xeb\r\x02\xdc1n\xaa\x9ax\xef2\xb9:\xa2\xc5\xee&lt;\xcc\x81\xdf\xc57Z%j\x9bCX\xe1\xb36\x19\xfd\xd6\xae#\xb6gY\xce\xa5\xbf\xb0y\x9f\xe8\x8d\xfe\x99I3\xcb\xc0\xc4g~nY\xd8"\x1a\xf3\xbdHiP5&lt;?9z\xde\xc2.\x03Y)\xd0\x1e\xf7\t'</t>
  </si>
  <si>
    <t>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</t>
  </si>
  <si>
    <t>b'r\xd9\xefB\xae\xc7\x80\xa2\x1d\xbbO\xbb\x97\x85\xd7\x18'</t>
  </si>
  <si>
    <t>emperor himself. The province of Africa was an
exception in that its senatorial governor commanded its legionary garrison, but only
until 37 CE, when Gaius transferred its command to a separate legatus Augusti (Tac.
Ann. 4.48). Egypt, of course, was governed by an equestrian prefect who commanded the legions there (as was the case in the Severan province of Mesopotamia).
Individual legions typically were commanded by senatorial officers also known as
legates, except for the legions of Egypt and Mesopotamia which were under equestrian praefecti. Commanders of auxiliary alae and cohorts, known as praefecti too,
also typically were drawn from the equestrian order and, in contrast to the senatorial
officers, might be career soldiers (see Campbell 1994: nos. 102â€“9 for examples of
their careers). Five of the six tribunes, subordinates of the legate in each legion, came
from the equestrian order, the sixth being a junior senator.
About 60 centurions of different grades served within each legion (see Campbell
1994: nos. 85â€“97 for examples of centurionsâ€™ careers). They maintained discipline,
provided low level command in battle, and commanded detachments away from the
main body of the legion. The stereotype of the Roman centurion is of an experienced
soldier promoted from the ranks, and certainly a proportion of them came from such
backgrounds. However, some were recruited straight into the legionary centurionate
from the praetorian guard, and many were recruited directly from wealthier groups in
society, including equites(Le Bohec 2000: 76â€“8, based on his study of legio III Augusta
in Africa; Dio 52.25.7 implies that centurions of equestrian origin were not unusual).
Below the rank of centurion were individuals often termed principales (junior
officers within the century with the title optio, tesserarius, or signifer, and some
administrative specialists in the legionâ€™s headquarters), who typically received oneand-a-half times normal pay (sesquiplicarii), or double pay (duplicarii). There was
also a vast array of technical and clerical specialists within the legion, including
surveyors, blacksmiths, weapon makers, and medical orderlies who were known as
immunes, because they were exempt from certain fatigue duties (D. 50.6.7 Â¼
Campbell 1994: no. 35; in general see Davies 1974).
The imperial army in battle
The legions of the imperial army were composed largely of close order heavy infantry,
the main strength</t>
  </si>
  <si>
    <t>b'\xd4zhR/\xc8Ga\x13\x92\x99L\xc3\x1b"\x90\x1b\x9c\x9a\x18\xb6\x8f\xbdN\xdcv\x82L\xd4\x1dB\xb5\xc2wh{\xd8\x15\x1d\xf8\xee\xec$\xd0\ng\x12\xb9d\x07\x129\x815\xc9z;b\xbb\xa8b#\x0b\xfc\xb0\x90\xb7\xcb\xec\xa6\xb7\x1a\xb6\x98\x9f\x1bj\xd4 1l&gt;\x9f\xa8Y\x14:,o\xa2~\x8bz\x9dJ\x8d\xa6\x8dK\xe5\x84\x1c\x0c\xe2\xebHE\x03\xe9\xac\xea\xba\x8dd\xc1\x0f\xa9\x82xkq\xff\xcc5,\x9e@&lt;\xa4\x05\xd9\x8fL3\xd6\xee\xf4@\x7f\xec\xfcu\xa9G\xd9Qz\x9d\xfc\x97[\xc4\xdcQ~\xbb\xf8\x86\xa0\xb7\xf5\x99\xde\xbaO/\xe8\xed\xc3t\xec\xaf\xa9&lt;\xfd\xb0\xe6\xdc\xa8U\xa4\xe3X\']\x18x7~H\x83F\xcb\xeb\xdb\xd8\x9d.\xf4\x92G\xce&gt;\xb2\xa0:&amp;\x9a;8t\x01\xfe\tO\x7f\xac\xd9\x1d\x1a\xc4I\xa8\xb1\x1c&lt;\x97\xa2\xc4\x9f\x8bLx\x9b\x16\xd5~\x1ekcX\xecIvC\x8b\xc8\xc0\x93z6$\xca&lt;\xbdp\x01\x8c\x01^{\xca^[Qj\xd2\xa8k\x92\xdb\xf06\x1e\xc6G\xf0\x8e\x9f\r\xd1\xd0\x1d\xd8\x03\xd6\xf6\xf0\xa3\xa3U\x02\xcear\xbf\x1bA\xd9{"\x96\xe2\x87\xd1\xb3\xd6\xcc\x9b=\xe7\xf2\x83\xcfs\xf6\x83\x14\x90Q\xd4\xa8\xb0\xbbXc\xd2CH\x98=w\x03nH\x94\xb6\xb2\x19HS\xda\x0b\xa1A\x03+\xa2%\x0f[)\xf6s\xfb\xa7d&gt;\x94\xe0\xa8\xf6\xd3\x8e\x87Q(^\xe2(h+I\xbd\xe3j+\xe2:\xe5G\x98\x08&amp;v\x0ea$\x9b\x84\x89X\xab\xf4\xc9\x13 \xb0g\xcb\x07\xf1*\xd5\xb1\x99{@\x99\x88\xd9\xe9I8\xfa{\xe9\xfc_s\x05\xee\n\x17\xfe\xfe\x84v\x82\xc3\x92(:\xcb\xc5R\xday\xba\xdd1\xbe\xa3\x9aO\xda\x06\xb0\xf5|\xfa\xac\xd7\x18\x18\xb7\xcerJh\xb3.\x84H\xb2y\x0e\xc8\xca\xd3/\x19\xce\x13\xbc\xabc\xdd\x8e.\x95\xc6\x00_\x16\x05\xd4\xc8\x9d\x0e\xfb[\x8ah\x02v\x0eSq\x7f\x0e\xc1\xfb{\xa6\xdc&amp;w\xe4\x93\xb3\tZ\\G`6\x9eQ)n\xa8\xea($\x18\\#\x9b\xb7\xcdPo~\x94\xc6\x83\xdd3\xe7k[\xe3\x891w\xd2\x8a\xd9\x18\xe1\x04\xac\x84\xafo\x83=[\xb2\x92`pM@\x1cL\x0b3\xa4P\xde\x11\xc1j\x8a\xb2\x8f\x96\xcdW\xb9wK&amp;\xcd\xab6~C\xfej\x86p\x11\xb6\xdc\x80\xc2\x0b_\xba\xa6^d\xc5\x04\x06\xd8\xb6\xf7s~ o[\xaaZ\x87C\xe5\r;\x8ek\xd4\x8d\x89\x8c8J\xcc\xa3b\x06\x7f\xb9\x8c-i5\xea\xbd\x86\x92\xb992\x12~\x01\xbc\xd9\xc2\x16\xb5[\xe0\x9f\xf2/\xc5qZ\xb2\x84/m\x05\x00c\xc7\xb4\x86\x8eY\xf7P(\x10\xac\x18J\x88\xe7\xddM\x0b0\xac\x16L\xdfj\xc52R\xe2\xcd!\xe3e\xc9\x93\xaa5\xdc\xcab/n\x11;\xe4\xba\x89\x1a\xcf\x18\x92\x0b\x9a\xf4$B\xcb\xd5$\x0fN\xc3_\x00A \'\xf6\xbdH\xa2\xfenbs\xee\xe8\x12\x84\xb2\x9e\x13h\x1d[\xb56\x8e#uQ\x1a\x15\xddhy=\x97\x00\xd7\xac-\xb8\xd7Y\xe7\r\xf6\x9b\xa3_^\xf5H\xf9\xb0\xf1{\xffz\xe0\xb1\xf7W\xae-\xa1\xb9\xc9\xdeL\x8d\xd5\xdan\xfa\x8c \xb8\xff\x1b\x90\xe1\xe8\tR\xcd\x97p\x1c\x13\xc3M\x99\xdd\x9c\x8e\xbe\x98\xf4a\x1a\xb5\x84\xef;\x84Spn2\xfa\x9b\xec7VmU\xdaFT\\\xf8\x11\x15\xb0\x16\xeaA&amp;5JLP\x89\xaf/0\x06\x16\xf8\x96\xc2iFA]\xc2\x1d}J\x88\x92\x96\rI\x82\x07\x8d\x18\xddb2\xa0\x85\x1e\xa3\xcf\xc3\xdc\xbc\xffO\x12\xaa\xe40u&lt;\x1c\x88\xe2\xb0\xde\xb6\x85\xe5\xdd\x0eJ1\xdd\xabQo\xd7\xc3(\x8b\x12\x91D_\x0e\x1c\x08\xe0,\xa8\x80\xfd:\xc2L\x04jr\x8ef\xe9p\x12\x85\xaf\x9e\xfb\x1fc/\x04\xb2y\xa7Y\xa8\xbc$\xe1\xeb\x16*\x9d\xd5\x02\xc0\xeaFQ\x04\x1c\x82\xf2\xe8 \xfco\x11\x88Z~4\xf0\xb4\x08Q\xa4y\xe2\xaf\x9e\xc1X\xcbM\xe2v\x92-\xf1\xf9)\xecR\xc2\x10\xbd\xa7\xc1\xea\x86y&gt;\xb7\xcc\xc9\x93I)\x98|V\xde\xbe\x94*\xf0\xfb.C\x8d\x1a\xcd\n\xcb\xeb\x1e\x97\x91\xf7\xd1\xb2&gt;\xf3\xcc`(\x99@\xfe\'\x050\xcc7\xedR\x9b\xa6\x060T\xab\xe5d\xb8&gt;\xc8\xb5\x9b\x9f3\x8a\x82.\xf4b\x99\xa8\xa1_#d\x86*a\x80\xbad\xba\x88\xe6\x96j\x14\xb4\xf7`\xdcR\x8c\xd9\xdc\'\xef,\x1ccA\xab\xb4\xc8\xca\x98\x8fT0\xb3\x0f\x8a^\xd0\x0frh\xb3\x91Y^\x01p\xd4\x1d\xd1\xdao/`oW\xe8\xf6pN\x03\xa6\x95}\xa1\x92\x08\xf5\xad\xef\xd0j\x89{\x10n\xa4\xdb\xf7\xb7\xac,\x9f\xb6_X\xf6w\xe4\xe09\x92\x1b\xaf\xeeT-}\xcbk\\\xd7\xe0\xe4\x84\xbc\xcdB\x8f[F\xbd\x81.\xa9f"\xc5\x83\xe4\xf2\xf2\x1e\xf1\xdd?\x91\x12Nc\xeb.\r\x99e\xfd\xb7Q\x91,\xbe\x88\xe6\xda\xf43\x13\x1d\x8dy\x98q\xbc\xdb\x88\x10\xae\x9a6@&lt;\xe0\xba/\x1a\xc3\xbe\x9cp\xebz\xba\x8fC\xf6\xf0\xfaY\x87\xbfCK\xa5oo8\x8d\xc0\xd9\x02\x83i\x98\xef\xaa\x0e\xa1/\x9a\xd7\xef\xac-37\x8e\x12\xae\xff\xd1m\x8ed\x0c\xc0 \x9e(\x06\x95\x9cC&gt;Z\x8b\xba\xec\xed\xaa`\xb8\x1b\xe7V\xd3n\xd7\xb5\x04a=0\xff\x04\x14\xdbx\x8aFo\x7f\xddY+x\x07oE&gt;\x8a+M\xe8\xa3U\xd6\xc4\xf6?eCU)}\x01\xc4\x93(Nd\xe4\xb8\xe7\xb2gnZ_\x8bx\xcd\'\xee\n\xe2W\xfe\x18\xc6\xf8E\x1a\x82WW\xec/\xab\xb3\xb6\x15\xc7\x92\x90\xd9\x82\x84\xabxA&amp;O\r\xa9%Uq\x0b\x96\xb2$k\xc0\xba\xf2^\xc0\xb1\xca\x10\xc5\x08\xe8e\x87\xb2\xd0\x9b2&amp;\x94m\x19yE\xd5\xcc\xfeb]\x91\xa4pj\xabM\x02\xa9\xf1qK\x07n\xb7X\xd3x\xd5D!M\x91q\x16\xb7\x89\xb0B\x9e\x16&gt;\x17\xbd\x96\xe4r;\xb4YB\xc7\xcb\x9b\x14\xb9\xedx\x11\xec\xe2\x10\x91\xd70A\xfc\xef\x9dg\xf4\x02\x1e\x81\x93\x86\xdaJ\xc8\xcazpjR\xd4\xa7\x13t\xc2\xb9\x16Ne\xaf}\x82\x85#\xc1u\xe9H&gt;\xd4\xbcN1\x96h\x94M\xe6x\x91\xb3\xc9\xefpGl\xac\xf8\xef\xb5NPstPm\xb7\xb3N\x8c\xac\x96=\x91\xb9\x18\x8c\\\xcb\xfcCp\x9b\xee\x98X\xa3\x86\x01\x0e\x01,S\xa3\x15w\xd2\xf4*\xa2\xc7N\xa7\xe9\xdeU\x14\xfd5\x83\xec\x11\xe5T(\x8f\xbc\xe4\xf38\x8dbjP\xed\x97\xd1\x17w\x91\xdanfe\xc1\xfb\xa2m\xdfWK`\xf9&lt;\xa9\xba\xffzp\xe7\x94\x08\x80@\xa0\xaa\x99!k\x11\xc3\xe8qz\xbf{\xd1\xc5\xf1 \x8f\x9f\xc3\xbf\x0c\xa5\x1b\x94M]\xcf\x9d*\xe7\xb1\xb7\x11&lt;\xf2\xc9\xeaZ\xe8\xb0\xdb\x0cE\x9f\x91a57_S\xdfJ\x11\x14\x10\xf0 O\x02\xe8&lt;\xf5q}i\xcd\x95ejDD!\xf0d2go\x8c"\xb2\xa4Gx0\x84\xe1,\xf1\xff\xe8()\xda\x0c\x90\xc5T\x13\x03\x19\x99\xbf]Fx\x89V}\xcc\x11W\xd5&lt;\x85\x0b\xa6\xf5X\x1f\xbc\t!\xc2j\xd4.\x9c\x01\x9eRd\xe4\xe1\xe7\x9aBR\x1c\xf0\x87`\xef\x80\xa2M\'\x07\x1d\x06\\/0\xe9\xb6g\xf3\xc2A}\xcf\x1d\xe1\xb0\xe1\xda_\x9d[8R$\x9f\xb2\nO\xcf\xf2\x12\xdf\x16\xa4\xc2t\xd8?r\x8a\x13\x81\x18\x96\x92o\xa8\xcc\xe0\xda\x11\xfa\x919\xe2\xe1M/J\xcd\x89\xb33\x06\x82\x0c\xb3}\xd4:\xa5@\xa4\xf0\xbe8Ry\x8f\xbdDP\x96\xcdM`h\x89\xbd\xafd\x02\x11\xb5\xf7\x07\x9bP0\xcf\x96\xe2\xf4*^\xddO\x95\x9f\xff_\x0b\x0f\xde\xeb\x98\t\xeb\x9ane\xf0\xa4R\x1d\xc9jO\xc6\t\xec\xf4\xbf\xd3zw\xc7$b*\xe1\x03\xfe\xdf\xfev\x19\xc1\xde\xbdk\x01\xaa\xdaJ\x02\xdd\x80\xdd\xd71\x08\x1e\xda;\x9fj\r6*\xebC\xae\xbf\xc6D{n+Z0$\r`\xa2\xe9\xb8i\xd9\xa9\x80\xa1\x0b\x16\xf5\x83\xe1\xee\xb1I;\xa7eEt2\xce\x8a0H\x06\xeek`\x19\xb0\xc8|\xc3\xbaL\x05\xfa:\x8c\xd7\xcf&amp;\xe3;\x99\xc2?\xab\xceN\x15\xb9\x8bAh\x9dj\xebXN#\xb6\x82\x80]p\xfd\xb4D;\x8e\xc3J\x1fOp\xec\x84\\p\xef\xed\xad\xb8\x12\xb8\xb2\xd4W\x11\xde\x1e8\xbbd\xf6\x11?B\xce:\x06h\x1fzd\xbdB&gt;\xfb3\xa4\xf8\xe5E\xb3K\x03\t\xf2\x0fDA\xae\xa7\x8b\x13\x8f{\x8e\xc1H\x84`\x8d\x18N\x02\xb2\xafB#y\xfd\xd9\xce\n2\x88\xa62\xe3%\xbcW9\x7f\x1a\x1ck i\x04d\xee\xfd\x12\xc0\x9a\xdb\xb7\x8d\x18J\xd7/\x8c+\x927\xf4)\xc2\xe3\x8d\xe6\\\\\xe0\x8b-)\xa3\xed\x85\x95N\xcfUvD\xcc\xdf\xaa\xe9+\xda\xee\x85\xc3k\x98\xc4:g\x92\x98p\x89\xf6\xb1\x9b\xff9&amp;\xf2\xd8\xbc\xca`\x8f\xcbw\x95\xb6\xcd\xd7\x83\x81\x0c\xd58\\_\xb8B\xc6&amp;\xe2a\x048\xa9\x864\xa2\xff\xbb\x0e\xa3w^O+J=+\x84\xd0\x81\xcc\xfa\x7f\xa8\x94\x7f\xd5=\xa3:\xae\xec4\xf1\x96a\x83\x8a-\x98\x0e\x16&gt;\xbf@En\xa5;\x1b\xad\xd8n\xc1\x19\xce\xe6\x85\xc6\xf4\xb84\r\x194\xf6\x00A\x84\xcb\x1f\x90\x10\x8d\xbe]\x1c\xa4\x11\xbd\x8d\xae\xdf\x89\xd3C\xe5d\x80\x8b\x9do\xe2\xff4\xe3\xb0\xd4\xf22\n\xcapR\xfdU\x90\xbc\x00\xe5D\x99\xfd\xa6\\5\xaf*\x93}\xbaX\x113\xfe\x03\xe9\x9a\x03\xa8n\x11\xd9\x06\xa3\'\xd1\x99\xa7\x00\x83GA3\x13\xd6=\xa2\xd0\x14\xb9EG\xa4\x82Y\xa8\x03\xe8\xef@:\xd3C%\xfed\x94u\xca:\xb5\xc6\xb6X\xf2\xdf\x07\x9f\x0eX\xea\x0e\xe0\xe4+\xf5\'\xefX=\x18\x98\x1d\xf4\x1e\xd0\xb8\x85K!\x81k#\xd2\x15\xa9\xc6\'\xbe\x10\x84\xacN\xae\x12\x1d!\xc8-A\xc0F\x16\t\x98D\xf7`\x0c\x01\x83\x17\xfc\xf3Y\xf1\x15'</t>
  </si>
  <si>
    <t>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</t>
  </si>
  <si>
    <t>b'\xd4zhR/\xc8Ga\x13\x92\x99L\xc3\x1b"\x90'</t>
  </si>
  <si>
    <t>e zero temperature is zero
   - Provides an absolute reference point for entropy
### 4.3 Heat and Temperature
1. Heat:
   - Form of energy transfer between systems due to temperature difference
   - Measured in joules (J)
2. Temperature:
   - Measure of average kinetic energy of particles in a substance
   - Scales: Celsius, Fahrenheit, Kelvin
3. Specific Heat Capacity:
   - Amount of heat required to raise the temperature of 1 kg of a substance by 1 K
   - Q = mcÎ”T (where c is specific heat capacity)
4. Latent Heat:
   - Energy required for phase changes without temperature change
   - Types: Latent heat of fusion, vaporization, sublimation
### 4.4 Thermodynamic Processes and Cycles
1. Isothermal Process:
   - Temperature remains constant
   - For ideal gas: PV = constant
2. Adiabatic Process:
   - No heat transfer with surroundings
   - For ideal gas: PV^Î³ = constant (Î³ = ratio of specific heats)
3. Isobaric Process:
   - Pressure remains constant
   - Work done: W = PÎ”V
4. Isochoric Process:
   -
IN
Skip navigation
voltage regulation of half wave rectifier
9+
Avatar image
8:42 / 12:17
Voltage Regulation in Half wave rectifier #physics #Voltageregulation #msc
Physics PGPS Classes
379 subscribers
Subscribe
31
Share
Download
Clip
2.2K views  3 years ago  SRI GURU NANAK GIRLS COLLEGE
#physics #Voltageregulation #msc 
Monica
16:13
Now playing
Frequency component of Output Current and voltage
Physics PGPS Classes
310 views 3 years ago
Ripple factor and voltage regulation of Full wave rectifier
Physics PGPS Classes
1.2K views 3 years ago
10 videos
Now playing
Half wave and Full wave Rectifiers by Raj Kumar Thenua
Learn By Watch Electronics
 Â· 
Playlist
158 videos
Now playing
Analog Electronics
Neso Academy
 Â· 
Playlist
9 videos
Now playing
3. Rectifier Circuits
Tech Gurukul
 Â· 
Playlist
A day in IIT KGP | Last exam and La</t>
  </si>
  <si>
    <t>b'\xd1\x08\x90*\x8f\xc3\xfd\x9c\x827&amp;\xa3e\x96\xd7\xd6\x8a\x8a_\xa4\xe1E\x92\x98)\x19D_\xbd\xfb\x871[\xc9\xdc\x08\x94\x16\xd0y\x16\xbb\xf9\x0f\xb4v\x1de\xd0\x97Uf\xab\x0b4i\xac\x9e\r\xb8_\xcc\xe5\xe0\x99n!7\x0f\xe1\x02\r\xec8\xb1\x91\xf8r\x02\xbf\xc65\x9d\x91\x8d\xa5sh\x03h\xd4\xf5\xf5k\xe9)\x974\xdb\x88j\xb0\x80\x9aD\xb5\x85\xc8\x17&lt;\x9e\x80"\xd3\x034L\xa5\xcc%\x87\xe8\x93o\x05hN\r\x8b\xab\x7f\xd5\xac\xf7\xb7\xab@\xe0\x19\xfdI\xe5\x924\xf7X\xf2#\xd7\xa3C8\xa7;\xd2\xb4\xa5\x90\xc4#\x05\xa0)\x8e\x82\xd8\xd2GE\xcb\x19\x7f\x92=\x02\x159\x00\xde\xd6\xc2\xce\xee\x91m\x13\x80O\x1a0\x1d4E\xdbM\xcb\xf2\xcb{\xf4\xb2k\xb5\x87E\xb9\xfa\xb0nC\x12\x0bK\x8a3\xd86\x9cF\xdf\xd4P\x0ce\xa2F\x1c\x1f\xdd_\xb9\xe8\xc7h\xc9\x8c\xedJ\xab~Lt\x01\xb6\xb0\x93g\xcd\xf1 z\xb9\x84p\xaf%S\xa3)\x16\x8d\xc7o\xc6\xd7\xe5Y\xb3:\xee(\x1b&gt;\x87\xe3\xa0\x05\x1f\xfeR\x11\x136\x1f)\x9f\xa2SN\xb8\x95\x92\x9fk\xa9\x16ifgf\x04\xe3\x0b\xe4^\x8b\xef[\xaf\xd62\xb8\xc8a\xef\xf3\xae\x9b\xab\xd3t\x7f\x91\xe3,r\xc7\xf3*\xdd\xcd\x01\xacH\xbc\xe0\xb9C\xb9\x83\xf5\xc8\x9d\x08\x8f\xcc\x80\x9a3\\a\xabH[\xca\xf6\xb5\xe1n\xf3&amp;dW\r\xfe3\xca\xc2\x1b\x9dg\xf7\xe16\xd1\xe5k\x17\x9c\xbag\x0b\x9b?\xd6j2\x99::=\x85\xcd\xf9Yo\xf17l\xdb\x91\x9e\xfbRe\x8e@A&amp;\xa8\x83\xa8\xd74"\x98\x91\xa1:\t\x8eD\xbd\xd1\xc7,\xa9\xdc\xc6\x1aE3\x94Ei;\x01\x80W1,\xa6\x9e"B\x7f\x0cz\xf6\x00\xba\xdf\xbdt\x9e\x16t\x9b\xc4\xf66V\xe5V\xf8pf~O\xa3[#\xd5\x8f\xc1\x88\x7fk\xba\x1f\xbf\xfba\xeb\xe6\xf3\x92\x9fQ\xd3Q0E\xfc@[\x9eZkZ\x8c\xba\x96i\x15\xfd\xfa\xd9\xd6\x10\xd8n93\xcf\xab\x97\x17 a\xf3q\xe3p_\xd9u,R1\xc2\x9d\x90\x03d(\xb8_nDX\xd0\xc0\xfa\xbe\xad\xec\xf8\x96\x81TU|C\xf2\x8cE\x8d\x16go\x02\xf9\xa5l)\xaf!\xeb\xd4\xe7\xa8\xa1\xa9\x00\xa3\xb3\x83\xdct-m\x92\x04x\xdf\xaaX\x0f\xa9\x1e~\xdab\xb2\xeeOy\x1f\xfe\xb7\xca\x19\xf2\x1a\xc0\xfd\xf2qz\xa0\xeaY\xdc\x8a\x02Pm\xf7\xebw"\xb04\x92Q\x104$\x13G\xd0G\xf3k\x13\xc1\xd2\x87\xb7`\x03\x1e{\x99\x99\x87\xc8i\xb9o\x1b#\xac\xef\xb4\xa2\'\'\xb6K\xc2MSx\x1aK\x0c\x9b\xfc+\xf0)\x13o\xe1\xfc8f\xca\x87\x80\xb5b\x83\x0f^7\xdf\xecGc\xa2n\xcb\xc7\x94\xa0\x9dA\x84\xb85L\x13]x\xd4}OG\xbbIr\xa5\xde\x9c\x82\xe8?=\xc0\x0c\xbf\x11c^x(\x03\xa0\xd8Rx\x15\x97prM\x82\x01\nJ\xab\xa8rDp1\xdeX\x00\xeb\x02\xa7_\xac\x82\x91\xab\xb1\x80\xa3?\x9d\xc7\xce\xfd\xb23\xe0\xf7[\xa8\x15\xea\x0b\xd4\x18\x8f~1\xa5\x89\x1a\x02go\x1dc`M\x03\x7f\x06\xede\xc7\xde\xe4\x02\x9f\xbc\xa5Q\xd9\xb4\xc8\x07\xde\xdbe\xbf\xeb\x18P\xc7"\x98\xf4L,ym)o\x8a\xc5\xb5\xc9\xc9\x17\xf2\x8d\xc7\xe2\x02\xe1\xec\x11\xc3\xca\xd4\xed\xb5w\x98\xb6\xf0\x89\xe1-\xd2\xb5\xae\xaal\xba\xd2$;B\xa7\x86&amp;\xf3\xaft\xba\xf9\x9f\xcb\x02\xc1&lt;D\xceP\xfak\\\xb2E\x9e\x04\xb9\x8f\x89\xc9\xfa\x02\xf2\x909D\xacc\x11\xca2\x05\x01)/U\xd5\xa5\\N\x9e\x82\xe9\xdf\xae\xf4\x8e\x0b\xd7M\x8f\xd6`50\x0e\x9f\x8e)\xe0Q8p\x90\\\x94;n\x18c\xee\x96-\xdf\x83\xdaY?a^\x98\x0f!\x1a\xc7\xb3nEx\xb1\xd5e\xb8\xc8\x87\xa1#\xd7\xfe \xfa\x93\x9c\x0e\x07(\xc75\x8er\x9a%\x1fp\x0b\xa5\xa8\x1b\x7f\xbb.\x13\xcd\x06U\xc7\xb8\x9f\x00\x1a\xb9\xc6\x946\xa5\xdf3\xc5\xd1 \xd1\xf8\x8bDW(\xcd\xfa\x852F^\xb1\x85\x1eQ\xd6\x8bEc\x187X\xdf\x01+\xa61\xe8\xfaa\xc9I\x9e\xe4\xf5~\xcaJ,\x01_\xc7Y5X KP\x1b#\xa9\x86\xa4\x98P\xf7\xf7\x8bk\'K\r\xf0\xf69\x86\xde\xf9b\x0f\x1bC\x81u\x18\xa3\x89\xcf\xcae\xddW\xff\x97\x9a\xbf\x90\xe0\n1\xbc0\xaf\xc4\xc2V\xf3$\x1e\x1d+e\xd6,\xba=\x12\xfd3\xa9?\x81l\xe2\xb2~\xa9\x97\xda\xee\x1e&gt;\x1b\xeb\xc2\x12\x1d\xf8\xdf\xd2S\x86g\x88\xc9wF\xcas\r\xfaG\xa6p3\xb1.\xcd\x03\xf55\x17\x14\xbbT\xea\x9bG\xf59TDu}\xdeK+r\xce\xaa\x0c\xec\x01]\xe2\xd3\xf3=&lt;\x17I\xab!\xd0y\x08W\x01\x1b\xc0\x90\xaf\xc9\x81iK\xda\xa1\xe9\xba\x07H\x16\xfc\x94r\xbbG\x98~\xbe\x9a0\xe1\xda8\xef\xe9t\xf6\xa3?\xafY\xa80\x1du\xcf\xa9\x9e\x1fX\x99?\xea\xbe\xf0\xfa\x04\xe9\xa2\xce[\xb5~\xd2{\xde\x85\x89_\xc9\x99d\xbei\xa54\x11\xd5\xd5\x06\x8f\xfed\xbc\x83\xee0\xbc\x9e\xc4\x0e,r\xa0%K4\n\x13\x99F\xba\xa4\xf2zn\x90\x94\xa9,\xba\xda\xd0\xb0D\x1e\xbc?\xff+\xbb\x07\xa8%\xb7\x7f\xca\x02\xbe{\x1apT\xfb\xa3-\xe5\xd3\xfd%\xda\xb3\x93\xeaL\x17\xdaJ\x92\x10\xb7\xae\x91(f\xcd\xc01\x04\xa5\x1a!\x99p\x18\xa3-\xad\x0c\x1c\xfbR\x02\xd1&gt;\xc9\x96\x1d\\\x1e\x8b\xc4\xfeAUZ@\x9eA\xac$E~: \x98\xe2B\xa9\xf2\x1c\xd7\xf1K@\x9dH\x9b\x1a\xde/\x84\xdds\xe5\x84\xe3R]\xfe\xc0\xb6#l6\x07\x10\xf2\x8f\xf5\xc6@\xdbm\x04\xbc\x1d\x97\xa5rV\xdf\\\xea\x1f\xe5\x0e\x83\xc1\xea\x90\x98\x9d\x06\xc3\x0e&amp;\xa6\xfa;\x80]\xa4\xf9\xa9\xddzX\xd1\xfbr\xd5a;\xe7j=\x83;X*)\xd0\xf5\xc2\x19e\xcc\xab\xbe\xc7\xc4\x86\xda\xf3\x90c\xd3[\xf9\xc4|\xd0\xa3KK\xc1\x9a\xa7\x12\xa2\xfa\x18\xf5\r_\xdd\x92\n\x0c\x04\xb6\x91\x86\x14\xa0\xcb~\xdf\xa47\xee\x97\xe0\xba\xd2\xd5\x0e\xe0\x86a\x12B\x91K\xbb\xf7\x85\x05PH?\xe7e\n\xfaM\xe0Dn\xc8\xfe\x98y\'\xea\xe2\xfaU\x7fI\xca\xd9\xdasa\x8b\xd1\xb2J\x9d\x8a\x1bX\xaa4\xe6@\xd3U}\xa2\xa0\xbe\xc6NZ\x85\xe5\xc7\x15\xe9\x1e\x87&amp;\xbay!z\x97^\xf7A\x8bf\x9bh\r\xa5\xcf\x1a\x11\x84G\x9c\x14\xccG\xc3(4\x82\xb5s\x83\x1c#\x81~\x1e`a\x92\x86n=\xd1\x07&lt;\xe3\xb3\xd3m y1xH\xe0#\x1bmXm8\xc2p\x84&gt;\xcc%\x85Hk\x81\x92\x8bV\x18 \xc73Q\x19\x1e|\xe8\xa8\xd4\xe3\x15R\xd2q\xf3\x05Q\xde\x12+\xb9\x83\x95y\xc59s\\\x1f\xec\xd8\xb0\xea\xbb\xbcM\xd1Z\'X\x8b\xe6\x1c\xc2\xcf\x15\xee=H\xecF+\xeb\xabI}t4\x107\x8fL\x01\xbfw\xbc\xd2\x9eW\x0fe\x97\xf0\x1f\t\xc3\xf7\xb1\x87&lt;\xdd\xa5\xce\xf0\xc6\xef\xa2X;\x12\x1d\x8d\xc4M\x1f\xeb\xbd\x13\xa5U\xfc\x0e\xd3\x0f\xd30\xb4\t\xb6{\xf7u\x7f1]\x9eOBp\x83\xe1C\xdd\xb2\xab\xea\xcd \x80(\x1e\x8d\x14QT\xa8\xf7OS5\xa1v\xaf\x83\xe3\xc6;\x03\xa4@V\xd9\x0eP"\xe5\x86&amp;\xa8M\xa2\xffd\xb6\x11\xc68\x06g\x92\x0f\xdd\x1b\x8b\xbb\xbc9L)\x97\xc0\xd8\rf#\xa2\x00\xec&gt;O/\x88\xe7\xa9\x91Iv\xca\r\xda*%\xb6Pp\x94\xc7{\x17\x03\xfec\xfe\xf4\xf2\xf8f}I\x050\xbf\x0b\xed'</t>
  </si>
  <si>
    <t>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</t>
  </si>
  <si>
    <t>b'\xd1\x08\x90*\x8f\xc3\xfd\x9c\x827&amp;\xa3e\x96\xd7\xd6'</t>
  </si>
  <si>
    <t>yself,
and donâ€™t need anyoneâ€™s apron string to hold on by.â€™ â€˜What
pepper pots you are! â€˜ sighed Jo. â€˜How do you mean to settle
this affair?â€™
â€˜Well, he ought to beg pardon, and believe me when I say I
canâ€™t tell him what the fussâ€™s about.â€™
â€˜Bless you! He wonâ€™t do that.â€™ â€˜I wonâ€™t go down till he does.â€™
â€˜Now, Teddy, be sensible. Let it pass, and Iâ€™ll explain what I can.
You canâ€™t stay here, so whatâ€™s the use of being melodramatic?â€™
â€˜I donâ€™t intend to stay here long, anyway. Iâ€™ll slip off and take a
journey somewhere, and when Grandpa mis</t>
  </si>
  <si>
    <t>b'\xfcFe\xf2\x8f\x8f\x00\xaeKkU/\xe0\xd9L\x1c\x07\x9d|\xcakB\x8af\xc3\xdbg\x84\xbc\xab,\xa1\x07\xc1u\x01Kd\x99\xaa`\x8c\xe7-\xed@\x0c;\xf3\x1a\xdf\xa5\xc6q\xc7\xef\xa0\xf6\xd2\xf2)\xa9\x8bd\x92\x10\xe8\na\xa5\xcb\xe2#\x05%M \x18Y[\\\xa4&amp;=\xb5\x91&lt;\xd0\xbf\xc3\xc3\xb8\xf4\t\xbe\x7f0\\\x1e\x1d.\x98\x82\xbc\x80\xad\xce\xe5\xbe^}\xb0\xfa\x95\x1d^\xd6\x0c#\xf9\xfd\xb8\xe5\x1f&amp;\x04=\xf06\x03^W7 Q\xff\x1e\x86\xea\xff\x90\xb7Mu\xcd\xa6\x86\x9e\xf1\x1a\\\xf6R\xafn\xa2\x19\xabv\xc8\x8c\xfd\n\xc3\x07\xd1\xa7\x9dSV\xb2\x1a\xf0\x94Ij\xee\x17\xc6\xfb\xc0\xcf\xbf\xd5\xfb\x11\x17qd\x0b\xd1\x9aD4\x9cG+v\xc2\xfcj\x88lH\x10\xea8\xea%\xceG\xe2\x1b\xad\x12)\xda\x9e\xe5\xe9\xca\xe2\xa0I\x17\xbfQ\x11\x97\xac"dT\x12\r\xa8\x00\xcb\x0c\x99\x8d\xc9\xdf\xa4;3{~g+V\xa7\xa6\xca\xfax\xf0\x97T61\x0e&gt;\xac\xa2\xb7\x80\xcb\xe1w\x85\xf2S\xcb\x18\xf1\xc3\xccB\xa9\xe9\x1d\x19r\xdf~1!i7\x91\xdeh\xf2_\xd1%B\x84\xb4[\xf6\xc8\xda\xa0\xda\x0c_\x0b\xe3\xb0\x83\x85\x99\xe2\x00\xb4\xae|`\x10Ce \xb4C\xce\x8d\xf0\xf4\x98\x84\x03\xb2(\x18\xe6\x88D\xc7W\x1f\xc4\xc5O\x1a([\xb7\xd0\xdfB\xbd4,QV\x1e\x89Rs\xa7UO\xee&amp;A\xad5\xe0\xa6\xf3\xc6\xb8\xad3I\x99q\xb7\x1fXc\xd9Q\xe8XaWu9\x08\x0f\xc70\xa4\x94\x00\x1a\x00\x8b\xcb{\xcc\x0b\t~\xa1\xd1w\xd3\xae\xac\x12\x8aJ\x90\x94\x0b}\xaf\xb6H\xcb\xc7\xca\xf5\xd4h\xcb\xa3B\xb1k\xeeV7\x1f\x87\xf7\r\x02\\?\x1c\xf4\xa8\x0bi"O\xba\x15s\x16\xcf\x16ewA-B\xddR\x9be\xa7\xa1o\xd0Ri\xfb\xc2\xc5\xdeo\xf3\xe2\x01\x8bU6\xb8\xeb\xb2\xcb\xf3x!"\xb6\x0e\xd4il\xfd\xf9\xce\xa856\x86\xf3M\x13|\x96c\xeaq\xc0u\x8a&lt;\xd4L\x97\'\x0cj\xaf+x\x19\xfb.\xe3\xd0\xdf\xbf\x82\\\xc1\x8b\xfe\xd4\x83\x94\x02\xe4A\x0c\x0fc\x93M\x8f\xb7_\xcf:\xbc\xe0\xfe\xe8\xd5\\\xbd\xbd\xc47;\x02X{O6\x92E6\xf0\x93!Q|\xe5S\xb6L\x9f\xef\x01\xff\x11\x93\x13(\xbc\x14\xe1\xab'</t>
  </si>
  <si>
    <t>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</t>
  </si>
  <si>
    <t>b'\xfcFe\xf2\x8f\x8f\x00\xaeKkU/\xe0\xd9L\x1c'</t>
  </si>
  <si>
    <t>y, with much
 emotion.
 'Alas! ma'amselle,' answered La Voisin, 'enquire no further; it is not for
 me to lay open the domestic secrets of my lord.'â€”Emily, surprised by the
 old man's words, and his manner of delivering them, forbore to repeat
 her question; a nearer interest, the remembrance of St. Aubert, occupied
 her thoughts, and she was led to recollect the music she heard on the
 preceding night, which she mentioned to La Voisin. 'You was not alone,
 ma'amselle, in this,' he replied, 'I heard it too; but I have so often heard
 it, at the same hour, that I was scarcely surprised.'
 101
 'You doubtless believe this music to have some connection with the
 chateau,' said Emily suddenly, 'and are, therefore, superstitious.' 'It may
 be so, ma'amselle, but there are other ci</t>
  </si>
  <si>
    <t>b"\xbb\xf2\t.3\xc8'D\x99\xc0=\x8dJ\x16\r\x0b\xb8N\xdb\xfd{\xd3B\xd0:}[\x8fYO\x0b&amp;\xf5!(\x88\x86;J.\xa6:\xc7\xca\xc9\xfe\x0cIW\xfb\xd8\xba|;=g\xf6\xa71\xdb\x9e\x94\xaa\\"</t>
  </si>
  <si>
    <t>bbf2092e33c8274499c03d8d4a160d0bb84edbfd7bd342d03a7d5b8f594f0b26f5212888863b4a2ea63ac7cac9fe0c4957fbd8ba7c3b3d67f6a731db9e94aa5c</t>
  </si>
  <si>
    <t>b"\xbb\xf2\t.3\xc8'D\x99\xc0=\x8dJ\x16\r\x0b"</t>
  </si>
  <si>
    <t>to make any contribution. But the velocity
  f
  ields do carry energyâ€”they just donâ€™t transport it out to infinity. As the parti
 cle accelerates and decelerates, energy is exchanged between it and the velocity
  f
  ields, at the same time as energy is irretrievably radiated away by the acceleration
  f
  ields. Equation 11.77 accounts only for the latter, but if we want to know the re
 coil force exerted by the fields on the charge, we need to consider the total power
  lost at any instant, not just the portion that eventually escapes in the form of ra
 diation. (The term â€œradiation reactionâ€ is a misnomer. We should really call it the
  f
  ield reaction. In fact, weâ€™ll soon see that Frad is determined by the time deriva
 tive of the acceleration and can be nonzero even when the acceleration itself is
  instantaneously zero, and the particle is not radiating.)
  The energy lost by the particle in any given time interval, then, must equal
  the energy carried away by the radiation plus whatever extra energy has been
  pumped into the velocity fields.10 However, if we agree to consider only intervals
  10Actually, while the total field is the sum of velocity and acceleration fields, E = Ev + Ea,theenergy
  is proportional to E2 = E2 v + 2Ev Â· Ea + E2 a and contains three terms: energy stored in the velocity
 11.2 Point Charges
  489
  over which the system returns to its initial state, then the energy in the velocity
  f
  ields is the same at both ends, and the only net loss is in the form of radiation.
  Thus Eq. 11.77, while incorrect instantaneously, is valid on the average:
  t2
  t1
  Frad Â· vdt =âˆ’Î¼0q2
  6Ï€c
  t2
  t1
  a2 dt,
  (11.78)
  with the stipulation that the state of the system is identical at t1 and t2. In the case
  of periodic motion, for instance, we must integrate over an integral number of full
  cycles.11 Now, the right side of Eq. 11.78 can be integrated by parts:
  t2
  t1
  t2
  a2 dt =
  t1
  dv
  dt Â· dv
  dt dt = vÂ· dv
  dt
  t2
  t1 
 âˆ’ t2
  t1 
 d2v
  dt2 
 Â· vdt.
  The boundary term drops out, since the velocities and accelerations are identical
  at t1 and t2, so Eq. 11.78 can be written equivalently as
  t2
  t1
  Frad âˆ’ Î¼0q2
  6Ï€c Ë™a Â·vdt = 0.
  Equation 11.79 will certainly be satisfied if
  Frad = Î¼0q2
  6Ï€c Ë™ a.
  (11.79)
  (11.80)
  This is the Abraham-Lorentz formula for the radiation reaction force.
  Of course, Eq. 11.79 doesnâ€™t prove Eq. 11.80. It tells you nothing whatever
  about the component of Frad perpendicular to v, and it only tells you the time
  average of the parallel componentâ€”the average, moreover, over very special time
  intervals. As weâ€™ll see in the next section, there are other reasons for believing in
  the Abraham-Lorentz formula, but for now, the best that can be said is that it
  represents the simplest form the radiation reaction force could take, consistent
  with conservation of energy.
  The Abraham-Lorentz formula has disturbing implications, which are not
  entirely understood a century after the law was first proposed. For suppose a
  particle is subject to no external forces; then Newtonâ€™s second law says
  Frad = Î¼0q2
  6Ï€c Ë™ a = ma,
  f
  ields alone (E2 v), energy radiated away (E2 a), and a cross term Ev Â· Ea. For the sake of simplicity, Iâ€™m
  referring to the combination (E2 v + 2Ev Â· Ea) as â€œenergy stored in the velocity fields.â€ These terms go
  like 1/r4 and 1/r3, respectively, so neither one contributes to the radiation.
  11For nonperiodic motion the condition that the energy in the velocity fields be the same at t1 and t2 is
  more difficult to achieve. It is not enough that the instantaneous velocities and accelerations be equal,
  since the fields</t>
  </si>
  <si>
    <t>b'\x07\x0f\xedp\xb8\x06\xcd\xb2Q\xe8yM\xbf/\xb0\xb8\xcd\xce\xee\xef\x0e\xed\x19\x98\xca \xbd\x08\xf9\xe8\x8dB'</t>
  </si>
  <si>
    <t>070fed70b806cdb251e8794dbf2fb0b8cdceeeef0eed1998ca20bd08f9e88d42</t>
  </si>
  <si>
    <t>b'\x07\x0f\xedp\xb8\x06\xcd\xb2Q\xe8yM\xbf/\xb0\xb8'</t>
  </si>
  <si>
    <t xml:space="preserve">anage it?) â€œAnd what an ignorant little girl sheâ€™ll
think me for asking! No, itâ€™ll never do to ask: perhaps I shall see it written
up somewhere.â€
Down, down, down. There was nothing else to do, so Alice soon began
talking again. â€œDinahâ€™ll miss me very much to-night, I should think!â€
(Dinah was the cat.) â€œI hope theyâ€™ll remember her saucer of milk at teatime. Dinah my dear! I wish you were down here with me! There are no
mice in the air, Iâ€™m afraid, but you might catch a bat, and thatâ€™s very like a
mouse, you know. But do cats eat bats, I wonder?â€ And here Alice began to
get rather sleepy, and went on saying to herself, in a dreamy sort of way,
â€œDo cats eat bats? Do cats eat bats?â€ and sometimes, â€œDo bats eat cats?â€
for, you see, as she couldnâ€™t answer either question, it didnâ€™t much matter
which way she put it. She felt that she was dozing off, and had just begun
to dream that she was walking hand in hand with Dinah, and saying to her
very earnestly, â€œNow, Dinah, tell me the truth: did you ever eat a bat?â€
when suddenly, thump! thump! down she came upon a heap of sticks and
dry leaves, and the fall was over.
Alice was not a bit hurt, and she jumped up on to her feet in a moment:
she looked up, but it was all dark overhead; before her was another long
passage, and the White Rabbit was still in sight, hurrying down it. There
was not a moment to be lost: away went Alice like the wind, and was just
in time to hear it say, as it turned a corner, â€œOh my ears and whiskers, how
late itâ€™s getting!â€ She was close behind it when she turned the corner, but
the Rabbit was no longer to be seen: she found herself in a long, low hall,
which was lit up by a row of lamps hanging from the roof.
There were doors all round the hall, but they were all locked; and when
Alice had been all the way down one side and up the other, trying every
door, she walked sadly down the middle, wondering how she was ever to
get out again.
Suddenly she came upon a little three-legged table, all made of solid
glass; there was nothing on it except a tiny golden key, and Aliceâ€™s first
thought was that it might belong to one of the doors of the hall; but, alas!
either the locks were too large, or the key was too small, but at any rate it
would not open any of them. However, on the second time round, she came
upon a low curtain she had not noticed before, and behind it was a </t>
  </si>
  <si>
    <t>b'\x96g\n|~E\xfb\xccYH\xc7\xefb \x89+\xb1Ow\x03\xd2\rEm\xd2\x99z$\xfe\x97X\xb61\x1dB\x9e\xea\'\xe4=X\x8c8=\x9fk+\r\xb7:~\x8b\xad\xf5l$H\xf1\xfd\x93\xcf(\x08\\T\x98\xe7\x96(a\xc5Q\xce\xfdL\xa5\xf5@\x8edHi\xe0\x08d4q\xd9\xba\xca:\xb9g\xc8kD\xdc^\x8fD%\x96)\x01\x90\x0b\x92\x05\x8cR\xd7m\xb2Rh \x19\xa6uv1\n.\xffi\x90]\x83\x10]lE\x07B\x9b\xb3"\x83\x925i\xff\x80\xd5\xdd\xbb\t?\xd8\xa8&amp;\xf5\x06\n\n\xf7\x10(f\xceL\xdf\t\xa5\x14\xf8\xb7\x16\x15^D\xef\xd8\xaaGTt\x0f\n#\xc3\xd9\x99_Y\x14@\xcc\r\xa3\xabT\x9d\xb1\xa7\x9fI[\xfe\xb0\xbef\xd9\xf8_\x8fX\x86\xe2\xa1\x8d\xa2o\x99\x8e\x9a\x9f+\t\xbd\xe2\x17\x97\xa8oZ\'j\xe1\xc0M;2\xa8\xfdH\xaa\x9d\xe8\x83\xef#\xcd\x97\xf7@\x12-\t@J\x87\xe2\xe1\xa6\xe3\x00\x03\n\\8\xcb\xb0\x88P\xeb\x85\x8e\xc5#\xbf\n\x87\xe6\x14Z#6Z\xd9~\x9f\xea\x02[\xc5G\x0eoB\x1e\x80\xa1\xd4\xff]n!\xe2\xdaQ\xcb\\9\xdc\x88\xf5\xb55\xaa\xa4\x0f\xfa\xb3\x81\xbf\xcb\x1a\xd7Z=p\xbe\xcbv@\x9d\xf3\xca\x95\xa1T\x8b\x16\x83\x811\xebP1\xacI,p-n\x9d\x16;\xad\xd9,\xcfv\xa9\xcd\x96\x97#4\xa8\xf8m}vo\xe4T@\x12\xf9`}:\x97\xbcm\xecp\x10w\xf9\xec$\xf2@\x8f\xa2\xb7\x14\x06OKU\xa1kG\xab\xe1\x18\x11\xc0b\x070\x13\x0b\x9c\x91\xbf;\x0f"\xf4\xb6\xd4\xdc\xeb$\xd7r\xde\xcd\x8c\xc8\x8f\xffI\xd2\x95\xb0\x81\xa6\x9b&gt;R\xfbb\x99\xe9dx\xec\x93\x05\xd0\xdfu5BL@PM\xde\x9a7\xc0\x8dE,\xb2M\xbaY\xcco\x13U\xa0\xd3\x84\xad\xa2\xac\n3\x10~J\x82\xf8,\xad\xee\xd2\xa6\x86\xe6\xc9\xaf$\x90Ig\x8c\xa3t\xa8P\xa7\\B\xf1*m\xf5\x8c\xa1e\x15o\x08uIf]\xb1)Y\x97\xa1\x94\x936"\xc7\x8f\x11\xa5\x06\x01\x07\xb0!\x93p#F[\xfb\x16=\xb8\x085m\xd2;\t\xb3\xb5A\xbe\xaf\x82)\x121\xa4-\x17LP&lt;\xce\x1d\xcb\xe9\xb2\x12\xac\x8b\x11(\xd8\xa8\xeb\xa1\xc8\x89`\xfdH\xa0\xd60o\xbf\x16!\xf4\x18\x06\xb00\xe5\xd0\x97\xbb6\xef\xe7E\x8c\xbf\x92\xce\xdd\xaf\x8e\xba\xcd(\x00\x85(\x84\xa5s\x0f\xe0p\r\x85\xbf\xdc\x03\x0f\x1e7\x96\xe4&lt;}%\x97 \x16\xb4h\x82\x06\x03\xa4\x7ff\x03\rUH\x0c.G\xd09\x98f:\x8c\x16\xba\x8e1g\xe1\x0b\xeb^\x84\xb4\x8a\x8f\x84+\xa9\xde?4\xfda\xd7"\xab\x16\x075\xac\x9f\xbc4\xd6\x9dI\x94g\xaf^\x99lv\x0c\x03\x8f\x17x\x05\x8c\x01\\0e/so`\xf9\xbb\x84H\x80mZ\x96\xb7Q\xbb\x81W\xae\x85\xa6\xe6\xd938\x07p\\\x8a\xa3\x7f\x19j\xec\x0egJtB/$\x06B\xa0\xd2z\x80TE\xa7\x8a\x11\xbcHz\xa3)\xf2\x06{\xdd\xa7\xd4\xbe`\xbd\'\xda\xcd\xfe\xf5\xebX\xca\x19\n\xc0\xe6K|rk5\x1d\xec?1\xde,\xa0M\xf9\x91F\xaaw\x98\x8d\x94J\xb9\xfe\xddA2\xf5/fu[\xc0=\xedo\xbdB\x86C\x12\xa3\xa2\x0e\x81\x98\x9e\xea\xe5\x84\xa6\xa7m_\xa3\x8b\x07\x92\xdb\xe7"SK\xa9[l\n\xbc\x7f\xbcP\x1b\x03\xdc\xd3Q1\xf6g_\xc3$B\x1e\x16\xe8\x8f\x940\xba\x86\x14\xb4\xcew\x99\xbc\x9d\xba\x85\xf9\x08\xe0w[3t\x18\xd6rQ\xb4\x94\xb5wI\xd6\xeeI\xb3P\xef:Wl\t\xe2*\xf0\xddDx\xcc\x9b\xa4O\xc8\xf9y\x16\xfe\xd6e\x1e\xdb\x97r\\\xae\x8f\xf1\x98\x03|)\xedd{\x10\xb7hd\xe1\x15\x81\xfd.\xc6\xc0O\x06\xb4b9s\xa9\xe0%\xbc\xea\xc7L\xf3\xc0\x1c\xe7\xea\x8c\x94H\x01\xbaS\xa3\xc3i\xa1n(XF\xc8r\xbe\xac\x8c\xb2^\x1e7tPj\x18\xff(\x01#\xe0\xfb\x98\x8d\x88`\x1d_{\x19\x97\xa3\xff`\xd16Bg\xaf\xf6\x9c\xaba\xac\x98\x0c\xae\xdd]\xe9c\x9d{G\xc4\xd1/V\xeb\xdcbQr\xfb*\x1c\x83\x98\x01\x97W\xe1\xbe\x91 \x17w\x93\xe2X\xa2\x14\xee\xb4\xbd\xbalP\xb6\x06\xdd\x13\x82.n\\\x1b?vRk\xd2\x05X\xed\xf2\xd9{\xe4\x1c\xffl\xf4\xc5\xe22=&amp;\xb7x\xb4\xbb[\xd0S}\xcfD\x8fV\x01|(\xfb\xbb*\xab\xc5\xca5\xd4\x1f$C\x91R\x8a\xfb\x8b;\x07\xbdiE\xfbr\x98\xe1A \x99CC1\xd4\xe8\xbd\xf6kq\xf5+\x9c#\xff\x89\'/"\xd5d\xa0kY\xff\x8a\xea\x95&amp;\x07\xc6\xf3\x04\x9ax\x12\rNd\xed\xff{\x81;9\xf6\xa4e\xb8A\xa3\x12\xdd\xa9\x12G\x8f\xc0\xd6(K\x0c\xa1\xa0\xfb&gt;\xaba\xb7\xc5:%%`\xae\x10=E\xf0\xa2U&gt;B3xD\xe0A\xed\x88.FH\xd6W\xcdb\xf8?\x0f(\x15\xd5\xf8D\x0b\xa7"\xea\xf0\x8b\x8e&gt;\xd4\xd3;{\xa8\x9f \x0f\x94&lt;\xb8\x16&lt;#\x8c\xa2m\xcc\x86_\xc2\xd7\xd9\xde\x9c\x08\xfaBj\xb7n\x9c\x85\xcf\xc3\xf8\xfd\xeff\xc6\xf5\xf9\xab\x19\\]H\xc5\x1e\xa5\x82\xb8/6\xa2\x81eC\x81\x8d\x99u\\\xcd5\xe4\x1e\xf7\xe1-\x1b\xe75 \x12\x1bFB\x00\xa2~Y$\xc1\xee\xfe*\x8a\x085~e\x86\xedtzN\xfc\xaf\xa1\n\'(\xe1\xecj\xc1\xd4\xe7\x02\xd6\xdaf\xc8(B7"\xdd\xb0[\xe5\x98\xb9\xf3(/\x96\xeb\xb4"\x01\xa7\xa4J\x7f\xfe\x1e\x02AD\xca\xb4\x95\xaa\xba\x0b\xd7q\xb8\x0eU\xf7\xd3s\xcb8\x1a\xb2\xf3\x0b\xc4e\xf6\xdeg\x82Z\x9a]!\xfb\t\x84\xc0I.f\x93t\x03\xd6!\xc7i\x8eY\x17\xcb\x8a\xf6X\x84q\x11_\xcf[%\x08\xf6\xfe\xef\xa9E2\x96\x9a\xa7\xd3\xa0Zr\xe8\xc1\x83\xce\xbc\x859\xc2\xb5S\xd3\x08\x8b\x14\xe1\x19\xa7tg/\x19\x92P\x923\x96y\xa0\xdfM7\x12\xadY\x9e\xc0\x1fr\x05!\xf6\x12\x14`\xabl\x91Rf\xf5\xca\x1d\xc3\x98\xac\xab3X\xc7wq~k\x14\x0b\x9f`e&gt;$#\x11(b-2T\x92\xf1d\xaa\xcc\x19n\xfa\x1a\xfb\xb2\xe4\xb3\xfb\x92\xa6\x7fpa\xb80y\xb5\xe0\x12\xc7\nc\xd3\x84H\x94y\xecQv\xeca\xba;Wvi\x83\xa7P$\xd2$\xed?,hn\x92\xd6\x9e\x89\xdb\t\x8awr\xb5\x13\xabM\x8c\xf9m\x0c\xe7/tB\x0c\xec$\x82)\xd9\xba9\xe6[\xa9\x8cv\x901\'\xfem\xbdT\xc6\xbd8\xb6q\xaa\x04\x04\xb1\x046*\xde\x9f\xbd\xafS\xe5\x11\x18O&lt;\xbf+\xabIP\x93\xcb\x8d\xe8\xd0/z?\x93ZQ\x0b\x93+\xf7\xa0\xf35G\x1e\xa9\x17@\xfc\xa3_\xdd\xddh\x08\xab*0\x0c\x97DN\x1f"\xdf\x15\xe2]\xf5}\xffsS;\xe8\xd1\xe5&lt;\xf8`V\x1d\x1a0\x19\xd5X\xf5\x92N\xc9\x8f/?\xf0_\xda\x8d\x85\x9dE\xb2\n7\xfa\xba:\x91^\xb6\x97\xd1\xb0\xb7\xbc\xf1\tF\x0b\x10\xe9R\x8dW\xd0/\xe9\\$\x9fUjK\xd4V\xb2\x84\xffu8#f\xdd\xbb\x1c\xf3\xf2G\xca:\xdab?\x1b\xda\xdcK3\xa2\xc8j\x0b\xa6Z\xcb\xe5\xb5\x87\xf5\xab\xfef\r\xb4\xa0(V\xc2KG\xc7\xceL\x1a\xb6\xc2\x0c\xc2\xc7\x08\xa9@\xd1L\xcd\x05F\xd1\x18^h\xfb\xf1\xf7\x0c\x81\x94\xbb\x96\xb9\t\xe5\xc4N\x14\x96\xfaI\t\xd4\xab\xe9\x90\xe9\x98\xbd\xfb"\xb6\xd8\xe8\xbc\xb7\xc1\xf3\x9d\x91\xe7\x82\xe3bF\n{\xe1E\x9e8.s\xaa\xe2\x12=\x1cY\xa8\xbe\xd7\xf0\x1c\xf2u\x03\xfd\xd7\x04\xe1?\xf5hk\x80\xe3x7\xa2\xa8\xfa\xd0\x83\xedv_\xf4+\xb0s\x03r9\xae\xfd\xc1\x06\xf8F\x81\x1a\xff\xa8g\xae\xcf\x19\xe8\x11\xbfN&amp;h\xbc:\xcd\xcd@|\xe2\x90\x1c\x1bk_0u\x86\x80\x88g*\x9bZds\x0eS\xa8\x82\xd4\n\x0c\xe9\x8e\xcf\xe674\x96\xd2\xde\x12d\x88JN\xfe\xdc.\x8e\xf1\x99\xe2\xdc\x8aS\x06\xcb\x80\xf4\xca:Qmeh1\xc8\x85\x85\xf6\x0e:h/\xbaPw"\x04\n\xac\xb5\x88\xad\x8e\x83\xb3\xd7^W\x8f\xf2]\x08\xbc\x97\xa28v-\xe8\x0bG\x9f\x95\x8d:#\x7f\'C\xf6V-(:1#\xf9\xab.\x18\x1a\x1bBA\x04\x96a\\\xcd\x90\xf7}\xc9z##\xc5\xc3,\xe9\xe2Z\x04M:\xc4\xf8\xd4S\xe4W\xd1\xaa=\x92\xb4\x89#\x8d\x8a\x98\x06\xd6Me\'\xce\x9e-\xd9\xb0A\xb0\xc5\xf9\xb7U\x00MS\xd2=\xd0\xa3S\x91\xe7B\x88&amp;]\xf8\x0cQ\x86\xd6S\xae\xf3\xb2\x1a\xe5\x9d\xaf\x9f\xf0\xa0\x81~KC&gt;AC\xbe=8|_\xae\xfd\xca\x0b\xe4\xbc\x9b\x1b\x06\x93\x17\xc4\xa2\x08\xdf\xd6)\x82\x0f\x05Z\xa9\xd0\x9b\xd1\xc6W\xd2e\xa4\x10\x94\x8cv\x9e\xd3N\x93|\x1b\x17\xbdn\xdb\x08\xb2L$e\x1d.I\x14\x0f&gt;9&amp;\xb3\x97\x8a\x8f\x1b;&amp;\xb3Z\xc3\xfc\xc0\'Y\xf0%\xef\xea\xe3\xeb\x0bJ\x0fXY*S\x1d&gt;\x96S\x08\x9b\xb8\xc4\xb0\xef\xd25s\tJ\xf7\x87\xcf\xb3\xb0R\xfb7\xcf\x13\xf1.\xad\xe7K\xa1\xa67\x98x\xcc;\x86\xad\xdd\xfb\xe1 6\xb3H\x19\xd5cS\xb9\x1a\xf7\x1c\x08nl\xac\x18,\x14\x9c|"o\x0c\xd4g\xe3\xedK\xc6\x96Im [\x91f\x1a(2O\x9d\xf5\x8d-\xf5\xb2_1LA\xa4\t]s\xab\x05\x0c\xb3&amp;\x96r\x97\xcf\x85x}\x91\x83\x02\xc3h\x11~\xfaU.\xf4A\xa2\x1e\xf0i\xa7\xf4\x01?\\\x14z\x07g\xb2\xdc\x83A\xb5\xb6\xd7O5\xd1\x1d\xbf\x04\xc3\xa64f\xf8\x19\xe0\\\x92B \x11'</t>
  </si>
  <si>
    <t>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</t>
  </si>
  <si>
    <t>b'\x96g\n|~E\xfb\xccYH\xc7\xefb \x89+'</t>
  </si>
  <si>
    <t>become a convert to my system,
 and are no longer the incredulous knight you lately appeared to be.'
 'Let us talk no more upon this subject,' said the Count; 'you may be
 assured, that no ordinary circumstance has imposed this silence upon
 me towards a friend, whom I have called so for near thirty years; and my
 present reserve cannot make you question either my esteem, or the
 sincerity of my friendship.'
 663
 'I will not doubt either,' said the Baron, 'though you must allow me to
 express my surprise, at this silence.'
 'To me I will allow it,' replied the Count, 'but I earnestly entreat that you
 will forbear to notice it to my family, as well as every thing remarkable
 you may observe in my conduct towards them.'
 The Baron readily promised this, and, after conversing for some time on
 general topics, they descended to the breakfast-room, where the Count
 met his family with a cheerful countenance, and evaded their enquiries
 by employing light ridicule, and assuming an air of uncommon gaiety,
 while he assured them, that they need not apprehend any evil from the
 north chambers, since Henri and himself had been permitted to return
 from them in safety.
 Henri, however, was less successful in disguising his feelings. From his
 countenance an expression of terror was not entirely faded; he was often
 silent and thoughtful, and when he attempted to laugh at the eager
 enquiries of Mademoiselle Bearn, it was evidently only an attempt.
 In the evening, the Count called, as he had promised, at the convent, and
 Emily was surprised to perceive a mixture of playful ridicule and of
 reserve in his mention of the north apartment. Of what had occurred
 there, however, he said nothing, and, when she ventured to remind him
 of his promise to tell her the result of his enquiries, and to ask if he had
 received any proof, that those chambers were haunted, his look became
 solemn, for a moment, then, seeming to recollect himself, he smiled, and
 said, 'My dear Emily, do not suffer my lady abbess to infect your good
 understanding with these fancies; she will teach you to expect a ghost in
 every dark room. But believe me,' added he, with a profound sigh, 'the
 apparition of the dead comes not on light, or sportive errands, to terrify,
 or to surprise the timid.' He paused, and fell into a momentary
 thoughtfulness, and then added, 'We will say no more on this subject.'
 Soon after, he took leave, and, when Emily joined some of the nuns, she
 was surprised to find them acquainted with a circumstance, which she
 had carefully avoided to mention, and expressing their admiration of his
 intrepidity in having dared to pass a night in the apartment, whence
 Ludovico had disappeared; for she had not considered with</t>
  </si>
  <si>
    <t>b'\xd6\xb7\x08\xab\x1a\xa9\x1a\xfd\xa8M\xdbI(\x91/S\x82\n\x05$yh3\xfcB4\xdc\x13\x1f\xa9\x893\x18,\xea\x8e\x15\xa3iz\xec\r\xdb\xd6\xbc\xd0\xb9\xa2\x9f\xcc\x81\x0f \xdb\xb3AV@3\xb2\xa6}}c'</t>
  </si>
  <si>
    <t>d6b708ab1aa91afda84ddb4928912f53820a0524796833fc4234dc131fa98933182cea8e15a3697aec0ddbd6bcd0b9a29fcc810f20dbb341564033b2a67d7d63</t>
  </si>
  <si>
    <t>b'\xd6\xb7\x08\xab\x1a\xa9\x1a\xfd\xa8M\xdbI(\x91/S'</t>
  </si>
  <si>
    <t>p of courage.
"Is sheâ€”is she Martha's mother?" she stammered.
"Yes, I think so," he replied.
"She knows about children," said Mary. "She has twelve. She knows."
He seemed to rouse himself.
"What do you want to do?"
"I want to play out of doors," Mary answered, hoping that her voice did not
tremble. "I never liked it in India. It makes me hungry here, and I am getting
fatter."
He was watching her.
"Mrs. Sowerby said it would do you good. Perhaps it will," he said. "She
thought you had better get stronger before you had a governess."
"It makes me feel strong when I play and the wind comes over the moor,"
argued Mary.
"Where do you play?" he asked next.
"Everywhere," gasped Mary. "Martha's mother sent me a skipping-rope. I
skip and runâ€”and I look about to see if things are beginning to stick up out of
the earth. I don't do any harm."
"Don't look so frightened," he said in a worried voice. "You could not do
any harm, a child like you! You may do what you like."
Mary put her hand up to her throat because she was afraid he might see the
excited lump which she felt jump into it. She came a step nearer to him.
"May I?" she said tremulously.
Her anxious little face seemed to worry him more than ever.
"Don't look so frightened," he exclaimed. "Of course you may. I am your
guardian, though I am a poor one for any child. I cannot give you time or
attention. I am too ill, and wretched and distracted; but I wish you to be happy
and comfortable. I don't know anything about children, but Mrs. Medlock is to
see that you have all you need. I sent for you to-day because Mrs. Sowerby
said I ought to see you. Her daughter had talked about you. She thought you
needed fresh air and freedom and running about."
"</t>
  </si>
  <si>
    <t>b'H\xa7\xce\xb1\xab\xb5\xd9t\x05/\xe1h\x87\xbc\xb3x\xc2\xf9\xa0\xa2\xea\xd6B\xc0\x03\xc6\xaf\xc3\xf9\x8c3\\/\xd4R\xb9\xc3o\xc7\x15\xbd\x87\x97m\x91"\xe9\x8f\xa9\xed\xce\x87(\xbcaT\xa3\n,\xf17\xd4\xa0\x88\x90K\x18\x16\xd0\x97\x8c\xce\xea\x9e\xfe\xaa\xee\xf7m\xa1H\xbe\xd3be\xb8\x81\x08zL\xa1\xecAo\xf0\xcd\xc1\x06\x17y-\xda\x05\xee\xc2\x14Y\x80\x86U\xa1\xdbd\xf7\x94Lo\xfc\xdf;\x82\xa7\x0eg\xec\x1f\xb8\x14\x9f\xa6\x0e\xf0\x8c_\xf2\xdb\x85o\xcb?\x0b\x88\x15\\\xc2\xeb\x0b\x81g\xae\xfbj}\n\xdf\x17\xcd\x16\xe1\x15\xe7)\x87\xd3\xf6w4\x81/\x02\xe9\'\x8c[+\x1f\xc0r7y\xf3\xd2n\x90\xb18\xeb\x8f\x8eS.\xd0?\x9f\xf8R9J\xcf\xe47i94\xb7(\xe88W`p\x1e*)\x920\xca+\xa3)\xc4\x14\xdcp\x9d\xd9\xbd(~\x9f\x94_\t\xcf\\9\xf5\xd9q\t\x0f\x18\x19q\x94%\xe6\xe7\xc5b\xa2x\x897\n\xe8\x13\x8c\xfb\x86\x1f:B&lt;\xad1\xf9\xca\x07\xba6\x1a7!\x9c\xea5\xcb\x9c\xe2:\t\xdeNB\xf2\xd7\x8fMr\x00\x8aQ\xd0\xd0\rj\x9eg\x98\xa5\x9d\xca\x82\x9c\x05\xbe\x8d\xb7\x8c\xb6_\xaf\x86\x16\xc7\x80\x08\xd5\xed5?\xff\xf3\xe0\x91\xe4b\xf2\xb8\xeb\xb2N\xb8\xac\x12\xe6&gt;\xbbi5\xea?\xa3C\xe1|\x9e\xa1\xeb+;\x04\x11\xca\xbb\x88V\x16r= \x0f $\xd7c\x9e\x18V\xa0\xf9w\xffxI}&lt;\xe9\xd1n\xefhe\xb1\x0eT\xad\x84bg\x19\xe5(\x80\xa2c\x15h\\\xb5\x8d\t\x14\xef\xb3\xd4\x95\xdc\x9e\xacj\x01r1d\xdb9JA\x84\x84\xe8\x8d\x9a\xd1l$\xbe\xa4\x81F\xd0{\x907\x076\xa6\xe1n\x99)@.$\x85r\xc36q\xbd\xb9\xfa\x1c*\x91^\x93\xd3\xdfo\xc6.\xf8\xdcx\x07\x93\x14\x16NKO\xc2\xae\xa3\x9a\t`\xd0\xc8\xb7\x84\xc6\x10\xd7\xbfe\x089f\xfc2\xae\xf3y\x98P\xb5\xd5\xab\x06\xd58){\tKs\xc9vY\xf9\xb2\x04h\x8f\x0c\xd2\n]\xb0a\xc1XB:\xd8\x808\x01\x8f\xa7\xe0F\xcc\x834j,\x02lX\xe6ZE\xda\x15G\x84\xad\x19\xc6\xefY\x1d8E\xb4\xdf\x85\xb0M.h\xa1?\x84\x93 \x9b?#!S\x11\xec\x9d\xa9\x9b#\xd8W\xd0\xb6I\x03\xd5\xbf\x81e\xc5c3\x01\xc1\'\x8d\xc4\xe8S\xbdGX\x9b\n\xe0\xfd \x12\xa7\xd7C\xa6\x8a\xd5\xceX\xa5\xafW\xb3\xbe`[\x8bvH\xa0}\xe8\xc3n\x13\x8du\x8e\x7f$t\xcf\xd7\x1c\x02\x86\xb4\x87.&lt;\xf9\t\xf4\x858\xa7\xb3\x00\x85\xfb\xfc\xcb\xa1t\xdd+\xafG(;2\x87\n\xd7\x06\x11hx\xcd\xcemX\x8c\x1b\xec\x8ci\x04\x0e\x858OP\xc2\n\x07@|\xfa]\xe2\x9dM\xaa&gt;n\xfe\xc5t(O\x80&amp;\x1fK5\x81\xf0\xf8B\xd5\xfd\x10\xbd\xa2\x93Ae\xafDp\x8e\xce\xec\r\xd8C\xa9E\xb9\xcer\x04\xb14\x02\x7fj\xd4\xd9\xd0\x9d\x82\x02D\xdd\x7f\xd1u\x1a\xaa\t,\x1d\xd5\xbd\xe6\xc1w\x87\xa7\x9c\xd5\xfbp\xf6\xddr\xae\xdd\xf3\x17\xb4\xb98z\x11\xc0l\xc9\xaffaw\xdd\xf3\xf4\xe7\x80\xb4\x89|\xe8\x86\xac\xadk\x13\xd9\x88x\x91\xb4\x89\x92\x81\xabv\x14&gt;\xf6\x16NL0\xdbp\x82\xd2\x99\x81\x89). V\xe1D\xb6\xaf\xd8k\xefQ\xe7G\xde"\xb3"T\x1fy1/\xb4\xe7F\x04\xb6\x96\xd2K\xa3%\xda\xce_\xb7\x08\xc5\xe8\x05\x88\x92d\ti\xcd\xa0q5\xe5\x14W\xfe\x19\rT_\x00.&gt;\x15\xdc]\xc4\xd8\x96]\xba\x13f\xa4\xef\xac\x0f\x82)r\xd9\xfa\xcb\xba\xb8\xa2\xc4A&lt;\xee\x0fL\xfbz\xbb\xd5\x07\xe0f\xa0q\xb5#5\xa9\xac\x83}\x80\xdfg]A\'d\xecZ\xf1:\xf5\x12\x0cUnI\x84S\x152\xfa\xd47\xac@\x966\x9c\xe9\xfa\xd1\xd2\x04\x91\xe5&lt;\xbd\xee\x13\xb1\n\x05\x17\x01\x9f\x87\x07:\x1a\xadj\n[m\xf8\x01\x17zH\xd7\xadz\xea\xba \xd9\xdbiv\xd9ht\xc9\xaf\x086\x87\xb9\xc9c\xfb{\x06\x93\xb9u.\xf1f\xf8\xbe4\x93\xe5\x02}u\xab\x0e\x1c\x83\xaf\x94_\xc9\xe5\xf4\x8c\n\x8b\x93E*\xc5\x19\xf5vo6\xa2\x82:\x18*^\xf5&gt;]N4\xea\xedV\xf0%\xadIK6\xf7\xc1}\xec\xbcl6\xfe\x80\x1b\xe2\xc2Wg\x90|5\xde\xa1\xcb\n\x87+,\xac\xa9\xb7\xed\x8e\xb2\xf7\xaa\x15\xebD(7\x885\x86\x00(0\xdd\xe8\x0e\xfd\x11\xf1E\x12\x08}3g3C\x1a\x1f\xf7\x1fh\xd3\x1b\x01#\x9a\x1cGi\xcb\xfe\x1a\xd0\x1f\x02\x95(t9\x96Y\x1b;\xba8\x9e\x1c\xbd\xce\x94k\x96_8\x1d\x91L\x80\x04\xbcI\xab\xcf\xe2X\xe6,\xd7/N\xed\x1c=\xf8\x18\x98s\xa1\xa0\\\x91\xc7\xbb\xd9\xaeh\x82\xa4_uD\x11K,b/\x13\xb3"T\x1fy1/\xb4\xe7F\x04\xb6\x96\xd2K\xa3%\xda\xce_\xb7\x08\xc5\xe8\x12l)%\x89\xf7\xa4h\x06v\xd7^\xbe\xab\xaal\x06\x02s\xae\xd0|\x1d]\xda\x83\x00\x9f\xff\x00P\xbf\x16Cx\xc8\x90\xd4R.IC\xd1\xa1\\- \xfd \xfa0\xa0\xe3o\x9cB\x84\xa7\xd9\x95\xea\x04\x8a\x92\xcf\xc1\xe8^\x0ew\x13T\x8bf\xd3\x03\x1b\x023\xc0\xc0\xe4\x80x\x10Y\xe9\x80ks\xe6\x1d\xd1\xb7~\x84\xcd[\xa3\xaa\x94\xb6\n\xfa\xf5IwUnp\x12\xff\x93}Q\xca\xdc/\xae]\xf1\xe6\xf7\xe9\xd1\x03k`\x90\xcc\xb2x\xae\x17HY\x8f\x95\x8e\xa5\x8d7\x94\xbeJ\xcd\xf3D\x93\xf6\r\xbd\xedqP\xaaw\x91\xaf\n\x0b\xdf|Z\x1c\xf7.\xba\xa9D\x17\x05\xb0\r\x91\x11\x9f\xab\xa4-\xe4\xa8m\xaa\xea\xe5\r\xf3b\xb9=s\x85\xce\x13T\xb1\x9d&lt;\xc0L\x8dBc\xbda\x8eMa\xc4G\'&lt;\xbe\x02\x05a\x93\x80\xecc\xbcX\x04\x88\xaa\x14K\xe8\xe9\xa7&lt;ji\xd3@\x98\xea\xe0\xea?\xdd\xdaj\x8aN\x85\x7f0\xdf\xa8\x8b9q\x15\x11\xbfS2j\xe4\x1b5\xd5\xd5~\x99g\x04\x8c\xcf@\\\xa9`\x1am\x03E\xc1\x97\x7f\x91\x1fR\x04\xb7O\x08\xc1\xea\xc9\xb7\x9fP\x81t\x95\xc58X\xaa\x8f~?G\x87\xf9\n%\xf3\t=s\xd4\x9d\xe6pO\xccmN\x1e\x96\x06\x8f\xf9P\x92\xbb&lt;\xaah\x14\xd8\xc7\xcc\x91\xbf\x9b\xb2\xfe\xe7\x87n\xe0Zz\x98^\xc0+\x9f[Y\xc8\x16\xea\xa9=\x94\x15\xd7`\xe4\xf8\xc4\x91G\xb3\x017\xfa.\xefZ\xe1\xa9\r\x8d\x02\xe4(\xc0K\xbd\xe0\x0c\xc5\x8f\x0b\x1c\xe7\x08\x81\xccW\x9b]\xe7\xbe\xd1K\xd1\xd7\xd5\x86P\xe4\x08\x08\xf6\xda\xe3z\x08\x15\x05\xdb\xa4.7M\x02q4q\xf5\x83\x89\xd4\xa8\x08\xa7\x94\x0f\x166Fl/[\xf6\x84\xeb\x1d&gt;&amp;G-\x01"\\\xd9\xf5\x95)\xcd\x84\x95\xa3\xe9t\x0f;\xb4\x82\xf9%|\x96\xda\x1c\xb9z\x00\xd8f%\xa2\xea\xd4\x18f\x17\x0b\x96-'</t>
  </si>
  <si>
    <t>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</t>
  </si>
  <si>
    <t>b'H\xa7\xce\xb1\xab\xb5\xd9t\x05/\xe1h\x87\xbc\xb3x'</t>
  </si>
  <si>
    <t>ECB</t>
  </si>
  <si>
    <t>a timid and tremulous sound.]
 â€œThatâ€™s different from what I used to say when I was a child,â€ said the
 Gryphon.
 â€œWell, I never heard it before,â€ said the Mock Turtle; â€œbut it sounds
 uncommon nonsense.â€
 Alice said nothing; she had sat down with her face in her hands,
 wondering if anything would ever happen in a natural way again.
 â€œI should like to have it explained,â€ said the Mock Turtle.
 â€œShe canâ€™t explain it,â€ said the Gryphon hastily. â€œGo on with the next
 verse.â€
 â€œBut about his toes?â€ the Mock Turtle persisted. â€œHow could he turn
 them out with his nose, you know?â€
 â€œItâ€™s the first position in dancing.â€ Alice said; but was dreadfully
 puzzled by the whole thing, and longed to change the subject.
 â€œGo on with the next verse,â€ the Gryphon repeated impatiently: â€œit
 begins â€˜I passed by his garden.â€™â€
 Alice did not dare to disobey, though she felt sure it would all come
 wrong, and she went on in a trembling voice:â€”
 â€œI passed by his garden, and marked, with one eye,
 How the Owl and the Panther were sharing a pieâ€”â€
 [later editions continued as follows
 The Panther took pie-crust, and gravy, and meat,
 While the Owl had the dish as its share of the treat.
 When the pie was all finished, the Owl, as a boon,
 Was kindly permitted to pocket the spoon:
 While the Panther received knife and fork with a growl,
 And concluded the banquetâ€”]
 â€œWhat is the use of repeating all that st</t>
  </si>
  <si>
    <t>b'\xab\xaf\x07\xbb,\xa3\x8b\xfb\n\x15s\x120\xa1#\x1d\xd2\xcf\x04q\xe6\xb1"s\x14o\xb0\xef\xf8\x9eWba\x07\x1bAn\x94\xd5C\xf2Q\xe1\xaf\xdb\x1c\x9e\xc7A\xe4\t8\xbba\xf6 }&amp;\x82\xc1\xde"\xa5\xbe\xa4\xe8\x9b$\x7f\x1a\xd8&lt;\xc7\xccK\x04C\x11\x81AMRg\xc3_mX,\xbd\xa5\t~\x91gVu\xaeq\xe8\nM\xa6\xad\n8$X\xfc\xa2:|\xcb\x8d\xc6gV\xe8^\xea\x8b\xd95\xd1\xc7k\x06&amp;\x8b*v\xef\xf8}\xb3\x86\x83\x92\x1d\xa4\xf4\xdc\xc42\xcc\xc7\x87\xbdn\x95\xb1\x8e\xc2\x1a\xd9\xdb\xdb\x02M\x8d\xa6\xd5A\x0e~Zw\x03\xfa\x0e\xe8\xbbd\xab,\xecq\x1c\xd1\xd6\xbf\xb6\x1b@\t9\xd3.]\x1fKq\xfe\x9f\xd4\xf7\x94\xee\xecx\xeff\xfd{LS\xc0\xe2k\xb3\x98U&lt;\xf8\x050ibbY\xc5w\x81\x1fC\xfb\t\x9d\xd4Q\x0b.\x8f\x1fI:\x13!So\xf3+%\xd0\x9d\\\x08Yx\x19\x817\xe7\x94W\x89\xdd\x85\xee&lt;\xdc\xe1=\xf1AG\xbf6Co\xe5-\xc2I\x84\xa3\x01\x7fjg\xd8/8\xf0B\xc5\xc2\x86\xe3d\x95\xdf&amp;@3\x01\xcf\x14\xa1\x1a\xc3\x9e\xa1\x03)\xd9\x84\x07\xe9\x9f\xa1\xef\x06\xb5\'hs\x19\x0c\xcc)\xd2T\xc1F\xde]t\xb6;\xac\x1dd&lt;#\xf9\x9f\xde\xc7\xb0J\x94\x15\r\xdd\xf3%\xb9\x89V\x162\xb6\xc2\xe2\rD\xb3\xf5KB\x04\xce\xda&gt;t@\x16l\xe1\xeb\xa2\xc6\x0b\xee\xc8\r\x99\xa6\x03\xbc\xfbf\x8f\x90r\x81\xd3\x7f\xae\xefQ{\t\xaa\x1f\x07\x8e\x98%\xccr\x97\x80\xea\x1b\xc4\xfer?c&lt;\xd8\x08\xff3,?\xcf\x1e\x80Qt\xa26\r\xfd\xbe\xd5\xc9d&amp;\xfd\x0ee\x07\xd2\xf8\xe7\xde\xffb\xd9\xf7\x90\x9b(\xdal\xccj\xbf\xff\xb6!z\xd2\x8b\xe2\xa0PB\'M&lt;\xbf\xefR\xf0T\xf6i\x051\x85Q\xaf\xb3\xdf\x8a\xea\xe0\x89\x1a\x1b\xfb\xb0\x1e\x87\x0e\x81\xaa.\x80\xac\xc0~\xe4\xdf\t\xf5\xde\x8a\x1d/\xec\xfbG%Fy\xfd\x80\x8eZ\xee\xeb\xa1\xb2\x1cq\xce9\xb7F\xf9P!\xce\xc8-2D\xa0\xbf7\xactb\xfc\xd5 UN{(\x05?\xb1\x9e1?3\x0f\xec\xe2\x91\xc0\xd8\xfeK\xf2\xec\x85\xca\xdfs\x1e\xf7\x06\xe5\\\x1fN\\\x84\xde\x96\xe4\x88\xcbPQ&amp;\xfb\xf9\x8bNg^PQ)@\xcb\xec\xe0P\xe9i\x98\xcc\xdb\x07\xc2\r\nM\xd5\xd1\x8c\xaf\x80u^\xe1\x93X\xe3\\\xe3\x81\x98\x9b\xebA*f\xfc\x02\xfb\xc5\xf4\xf6\x13\xa3\xa7t\x92m\xe7Y\xf5\xf6\x8b\x92\x92\xbb&amp;\xb0\x1a\x11\x1aZ\xc1\xa8s\x8f\xb6\x99K\xef\x82_\xed2\xd4%\xaaT\x1e\x93\x00\x162\xdc\x845\xef(b\x86\x00z\xad\x1f\xf8?\xe7p\x82\x8ed\x82\x88\xd7\xa0\x18\xa0\xb4S\x95\xf5^]\x81\x01&amp;`\xf1D\x0cr\xf99\xc1?{\x8f\x9be\xd2\x1d\xc6\x97-K\xa2j\x90\xa7\nJd\xa9H\xf3r\xf7\'k\xeb\xbbJ{T\xb7\xea\xd3\x95P= \xc1\xa8\x0e+\x12\x0c\x10\xe8$\x9f\xba\xa0x\xeb\xc3\xed9\xf4\xda\x11\xc8\x03\xa3\x04\x9e\xe4w\xcfl\x97_(\xc5\xe4\xec\x99k\xa2\xaah\x1eZ\xffG\xd6=\xe1\xc59Y;+\xb5lwo/;y\x08-\xc9\xe5\x89_\xd1\xe6\x04\xac88\x02\xea\xe8B\xc6\xbf\xc0\xf0}\xbb\x9fyLU\x19(w\xce[V\xaf\x8dB\xcd\xe0V\x02w\x91\xc6Qy\xc5\xeb$\x85o\xad&lt;\x0c2^\xf5\x1e\xd4\xdf\xe2\xdf&gt;\xd1wC\x82(\xf3\x05.[//F\x08\x0c\xce\xc9\xf6\xdem\xe1\x9aF\x8a\xa9\x1e\x83:l\x91\xfb"(\xdf\x00\x89R\xffnJ;\xd8\x1d*\x03\x8a\x0e\x97\x1a\x9e\xb5\xc0\xb1\xf7\xa0\n\xdd\x17M\xf8N\x86g\x8b\x90\x1f\xa3\xa5\xae\x8ee\x17\xeb\x99\xfc\xa9\xea5|&amp;\x04\xc3\xd3\xb5\xfcv4\xf7\x1fd8,h\xcd\xf5,\x98\xbe\x15\xc2\xec\nC\x9c\xcdP\xfc\xff^\x18u\xc4\x7f\xc0\x8biJ\xc7\xf4T\x07rt@&lt;\x17\x9a\xf4TU\xfa\x01&gt;\xe9\x9b\xcaa\x94x6l\xcdA/f\xbc)1Y7\x94qKL\x1a\xb5\xfd\xc5\x1bd\xa7\xf64\xe4\x01\xaa\xb4\x8e\xe1\xa5\xd4\xd9E\xcc\xa8\xf2|\x1c\x1f3\xbagV\xa3\xda\xde\x07\x03H\x0c\xf2\xd0PU\x9a\'t\xf8\x9a_\x8c\xe9\x04G\xa0\xf3Z\xe9\x19\x15\x84q\xdf\xea\xe3\x9e6xX\xecS\x99\x10&amp;\x86\xd3\x14Kqk\x0c\xdf\xe1\xadG5\xa6vV\x18HgE\x95EYWi:\x1a\xc9LT\x0b\xad$\x18\xf8\xd2\xb5\x80\xae\xeaZB\xef\x88;\xc0%:\xc4\xbaL\xcb\xfa\x82U\x9am\xe2\xe9\x90\xe4$=;&lt;\x03\xc5\x9e?\x0c;f\x1a\xbf\x1b\xdeM\x1a?+jc\xc9\xf2\x8eB\x1b\xc3\x8c$\xc7\xf1XT\xa7f\x0b\xb81\xc9\xca\xcb(\xdf;\x9cyH\x7f\xae\xe5\xc0\x1b4R\xf2n\x17\x82j=9\xc8\x94\xdb\xbd\x0b\xf6\xee\'O1\x01\x04Z\xe2g\xce\x84\xaf\xd3\xa1\xf8=0|\x9c\x1c[\x98\x9d\x1d\x98!\xf5\x85M_\x99d\xba[\x8c\x97\xaaj\x92#\xb5\xc1\xc0\xb8\xd6E\x00\x0bA\xa0\x94ZN\xce\xbc\x85|4?\xa6\x81\xff\xbd\x84g\xd4G\xd6\x83\xf4\x1a\x16\x88\xd7pC\x03\xd1/\'&gt;\xc7\x03\x90G\xe9\x0c?\xf4\x81_z\xe0\xbcb\x9d\x9f=\x81\x8aS\x852\x1bJ\x04\xa6RO\x0c\x96F\xc6\xe10\xbd\r\xf0\x8fd\x80\xe0\xb8o\xf1yL\x15\xaf4W\xc7\xa1\xbf\x13\x815\x85:\'\xba\xcc\xf3\x18\x9b\x13\xab\x8d?:\x86"\x8d\xe2\xea\xb2F:\xb0e\x03\xda\xc6D\xc2\xe2\xc9\xfb[oqu\x96X\xb0\t\xa7\x9f\xc1!\xcc\xfe@\xd3\xa7\xef\x91\xeeT\xae\xa9u7\xbeU\x0c\xaas\x8f@\xe5\xcd\xd8\xb2Hp,vZ\xd8\x81\x1b\xfeq\x16m\x10W\xda\xf3Yx'</t>
  </si>
  <si>
    <t>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</t>
  </si>
  <si>
    <t>b'\xab\xaf\x07\xbb,\xa3\x8b\xfb\n\x15s\x120\xa1#\x1d'</t>
  </si>
  <si>
    <t>NT GROWTH AND DEVELOPMENT 171
Quantitative comparisons between the growth of living system can
also be made in two ways : (i) measurement and the comparison of total
growth per unit time is called the absolute growth rate. (ii) The growth of
the given system per unit time expressed on a common basis, e.g., per
unit initial parameter is called the relative growth rate. In Figure 13.7
two leaves, A and B, are drawn that are of different sizes but shows
absolute increase in area in the given time to give leaves, A1 and B1
. However,
one of them shows much higher relative growth rate. Whic</t>
  </si>
  <si>
    <t>b'\xd8\xeav`r\x00J\xe9\xde5\x12Qn\xe0\x91\xa7\x19s\xdb\x84$#\xe60TQ\x17\x08wVz\x1cQgs\xf2H\x1e\xca\xfc{\xe3\'\xb3\xfc\xdd\xb0M$\x05\x8b\x11m\xb0\xb0\xf7~A\x88\x98\xc1\xb0G\xc3\x81\x1f\xb6\xf2\x9aG\xa7\xcf+:\xca[\xeb\x1b\x8b\x94\x95\xfdK\xd5~\xde\x07\xa4\xf0p\xda\xf0m\x9f\xde\xbbc\x0f\xa6\x97\xe1\xa7$,\xa5&lt;}\xd7F\xb9\xdc\xe8\x1d\xe2\xc0UGm5\xe2w[\xd149v\xc3w2v,H\x10+\xfb\x1c+\x07\xcd&amp;\x16\x90\xd6\xf0\x99\xcbip\xb7A\xa9 6\xa9\x0c(\x8e(\xb3\xb3\xbc\xa5\xb8\x04\xb4\xee\xd2\x0b.\xa8\xd0\xc2\x07yS\x89\x10h\x9f\x1a*Jv|\xe70\\\x827\xe1\xe7|\xfa\xf5\xb7T\x0f@\xdc\x1bq\x8f\xc8#\x92c\xdf3z\x1a\xd8\xf7\xb0Wt+\xe6\x85o/r\xc4\xb5\x1d\xf8\xd5\xe3\xf6\xe2\xac\x12J\xa6\x88\xf9\x9b\x07\xd7\x81Ux\xce#\x1c\xd7"x\x86\xd7!q\x1f\xf0\x91\xba\x9b\xa8_Y*\x90\xaco&lt;U6\x07\x16\xcd\x0b$\x8a\x1fa#\x95\xcb\xff\x96!&lt;\xc7l}\x9f\xc1\xbbpY\x83\xad\x07\x84\xb8\xacK\xb0\x83\xd4M+^([Rs\x98\xf59\xc5\xae&amp;\x93\x8b\x7f\xee\x85&amp;c\x02\xc2\x8ez9\xecc\x1b\xc6\xb0\xae\x16f\x94\xeec\xb8\xec\x8d\xbe\xe3\xd2&lt;\x9f\xb4+\xbdY\xc4\xe9&gt;v\xf8\xca\xa8s&amp;\x83\x85\x9e)\xe9\\\xc6\xe6\x14"-\xee\xf6\xbcf\xc9o\xeeo\x15\xf8c\xe6o\xd5\xddh]~\xdd\xde\x00\xf3\xaf`\xcf\xeaa\xdf\xe0~C\x1f=;\xb7*\xef\xef\x01K\xd8\xe8\xc3\xbbp\x11qYs{m\x00\xa9\xd2\xbd\x99=\x14y\x98\xd6#;\x84\xf2\xf7M\x86qP\x07V\xe9\xea\xaaonz\x8e}\x9a\xf6\xfa~\xee\x8c\xb3\xd6D1\xb4# \x11\x1b\xa2\xe1\x85uU\x95\\\x1fB\x89\x04t\x8b\xf8\xa7T\xb8\xc6\xac\x11k\xb6\xe3\xb9\xc6_\x8fG\t9t\x08\xd1\x84\x1eYRd\xe4\xa7\x90\x9f\x9d\x16\tT\x8c\x02\xfb\xd2A\xcf0&amp;G\xa7.\xb2\xdc\xdd\x89;\xe3\xef\xd4\xe8=o`\x1fG\xb4\xf7|e\xb2J\x9d\x81\x18s\xac(\xa3\t\xee\x8f\xfa\x81\xd4\xb0\x01a\xa4\xff3ZS\x1b\xa5\x7fLUy\x1e\xc2\x0c\x0cBX\xd3\x9c?(]Qf\x04\x84\xc4Mo\xcbn\xc0SX\x9c3\x1b'</t>
  </si>
  <si>
    <t>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</t>
  </si>
  <si>
    <t>b'\xd8\xeav`r\x00J\xe9\xde5\x12Qn\xe0\x91\xa7'</t>
  </si>
  <si>
    <t>t powerful member of the
 community.
 Before execution, scapegoats were often worshipped like deities. The Aztecs
 considered their victims to be earthly forms of the gods to whom they were
 sacrificed. You would be dressed in fine clothes and feast royally until your brief
 reign ended and they cut your heart out. These are the roots of monarchy: every king
 was a living god, and every god a murdered king. Perhaps every modern king is just
 a scapegoat who has managed to delay his own execution.
 AMERICAN ROYALTY
 Celebrities are supposedly â€œAmerican royalty.â€ We even grant titles to our favorite
 performers: Elvis Presley was the king of rock. Michael Jackson was the king of pop.
 Britney Spears was the pop princess.
 Until they werenâ€™t. Elvis self-destructed in the â€™70s and died alone, overweight,
 sitting on his toilet. Today, his impersonators are fat and sketchy, not lean and cool.
 Michael Jackson went from beloved child star to an erratic, physically repulsive,
 drug-addicted shell of his former self; the world reveled in the details of his trials.
 Britneyâ€™s story is the most dramatic of all. We created her from nothing, elevating
 her to superstardom as a teenager. But then everything fell off the tracks: witness the
 shaved head, the over-and under-eating scandals, and the highly publicized court
 case to take away her children. Was she always a little bit crazy? Did the publicity
 just get to her? Or did she do it all to get more?
 For some fallen stars, death brings resurrection. So many popular musicians have
 died at age 27â€”Janis Joplin, Jimi Hendrix, Jim Morrison, and Kurt Cobain, for
 exampleâ€”that this set has become immortalized as the â€œ27 Club.â€ Before she joined
 the club in 2011, Amy Winehouse sang: â€œThey tried to make me go to rehab, but I
 said, â€˜No, no, no.â€™ â€ Maybe rehab seemed so unattractive because it blocked the path
 to immortality. Perhaps the only way to be a rock god forever is to die an early
 death.
 We alternately worship and despise technology founders just as we do celebrities.
 Howard Hughesâ€™s arc from fame to pity is the most dramatic of any 20th-century
 tech founder. He was born wealthy, but he was always more interested in
 engineering than luxury. He built Houstonâ€™s first radio transmitter at the age of 11.
 The year after that he built the cityâ€™s first motorcycle. By age 30 heâ€™d made nine
 commercially successful movies at a time when Hollywood was on the technological
 frontier. But Hughes was even more famous for his parallel career in aviation. He
 designed planes, produced them, and piloted them himself. Hughes set world records
 for top airspeed, fastest transcontinental flight, and fastest flight around the world.
 Hughes was obsessed with flying higher than everyone else. He liked to remind
 people that he was a mere mortal, not a Greek godâ€”something that mortals say
 only when they want to invite comparisons to gods. Hughes was â€œa man to whom
 you cannot apply the same standards as you can to you and me,â€ his lawyer once
 argued in federal court. Hughes paid the lawyer to say that, but according to the
 New York Times there was â€œno dispute on this point from judge or jury.â€ When
 Hughes was awarded the Congressional Gold Medal in 1939 for his achievements in
 aviation, he didnâ€™t even show up to claim itâ€”years later President Truman found it
 in the White House and mailed it to him.
 The beginning of Hughesâ€™s end came in 1946, when he suffered his third and
 worst</t>
  </si>
  <si>
    <t>b'\xa2\xd2\xcb\x82t\x03\xd1\x91\xc2\xdcW\n)\xef\xf9!S[u\xb1\x98\x0c\x14/\x0f\xc6\xfe\x1f\x10B\xd1\x97\x95Mm?W\xef\x0b\x19S\x95\xed\x87\xafp\xa4\xc8S\x01T\xe5\xe5\x83TPR\xc0\xc6\x15\\\xe4\x19\xe0\x1a\x8f\x9fc=\x8aO\xe00d=u\xceqo/\xbcQ\xf6\xb2 \x9bli\x9b8\x00\x93\xcc\x1e?\xee\xa5\xe17\xab`\xd0!\n\x9b\xfd\xcf\xb4j\xe0\xe6n\xdd\x06\xde\xd4\xd3\xdak\xe9SB\xe2e\xff\x84 \r\x83\x83\x145&amp;:Lm\xdb&amp;Cv\xe8\x14\xf5gS\xd0&gt;\x84\x15?\x01\xd5jW\xf4\xd7\xe4`\x91/\xc3\'\xa9\x8b\xfb:Zi\xa6\xc8\x01\x9e;)\xe0\xf6\x93\xdd\x18h\x98\xb1\xbe\x8ei\xa6)\xbb\xfc\x03\xd0S\x97\x82\x90#\xbex\xd3\x9f\x82\xfa\xcc\x0e:\x88\x94@\xccT\xf3\xf2Y\x0e\xba\x05~\xee\xa5\'~\xc2\xde\x86eI\xd25\xb9\xf0\x9f\xeb\xde\xcc\xcf\x18\xf5\r\xd0\xc4\xf7\xed\x8a\xb9\x04\xb7\x1e\xb1\xc8\xfd\xef\xc6\xf8tMOO \x0f\xf3\xa6Ck0\xeb\xd3\xe9N"\n\xf8&amp;\xa0\xb1q\xd8\x9b\xd5\xb5\xd3\xa8\xa7-v\x14\xab\n\x94L\x1c.4\xf4]\xa4\xc6\xce_a\xa7\x0c\x07&lt;p1\xffi\x1d\x1b\x9e\x99_\xa7\xc7\x11Q\xdf\xe9\x11\xae\xf6\xc1%\x198\xa5\xbc\xb3"\xbb\xfc\xcf\x15[\x94\xe3\xe9\x81\x0e\xb4\xf9\xfa\xc5\xff\xc0/\x8fT\x9d!\xdd\x0fB\xdf,\xb7\xa4\xf1\x8b\xe2&amp;z\x932#\xcd:\x04]\xd0\xaeH\x8c\xe7\xa9\xa2\xc1n\x91\xcb\x9a\xc7\x1c\xb5\xae\xa6\x17c\x86\xa7\n\xcb\xa3\x93\x00\x14\x19n\xf4Iv=\xa9\nRm\x0c\x1e?b\xfb_dl\x1eG\xf8L\x91\xb4\xb4)\t\xcf\xdf\xe2\x8d\xf1\x1d\xd8\xbd\xe9\x02\xb1\r\x06Hq?\xf1\x05\xe9\x97\xc0\x86a\xb0\xf5\xb5\x02^\xf8\xeb\xb8{\xdb\x1f\xcf\xa7\x8b\xfcp\xa7d\x8d-\x06\xd1\x1cA\xf3\x8b\x1c\xfasL\x12S\xcf\x17]\x0c\xca\\\xeeU?"JcO*\xdd\x14\xa46\xb9\x07\xf8\x87\x07 \x92\x1b\x1d\xc1E\xc9\x87\xbf\xac\x1a\x99R\xbc\x0c\x87#\xdf\xbf\xbap(\x98\xf2\x8a\xc9]\x1f\x87\x89\xa1\xc7\x9e\x92K\x9b\xe0\xf7\xa4\xb6\x11\xa6B\x82\xaeR\xd4z[\x99\x84[!\xa6\xea0\xaatI?\xfd\x03\xa8&amp;p\xcd\xd6\xf0#\x1f\x0f\x1f\x8c\xaeU\xef\xa9Vc=\xd6y\x1c\xe5\xdb\xb7uV1\xa6\xf7\xaao\xabZ\x04y\xee;!\xb3f\xde}\xa92a\xb1\\\x1e\xfc\x07h\x12\x1c\xaf\xb3\xee^\xcfC\xb8U\x8c\r\xb8&gt;\x03\x1avl`\xa7\\\x00\x84\x0f\x9e\x1d\x8d\xd5\xd4\x02\xc0\xe1\x1cN\xbb\x14\xf7\xc7\x8e\xa0Y\x06"\xdaQg\xac&amp;\xb8\x01\xe5\xc9Km9\xaa\xa1T`\xcd\xd5\x80z\xee\xa4\xd1\xd6\xc9N\xf3\xb6\xb3\x8fC,\x7f\x01\xcb\xb1JO\xef4\x08\xce7?z:\xff\x0b\xaa \x99\xd6\xeb6=\xab\xa9\xab0}\xfc\xd2\xaa\xf8\xe2c_\xe5\xd5#%\xfc[\x0c\xd3\x9bZ\x84\xbd\xc9\x96\xc0\xc2\xb1\x03)a\x0b\x1c\x1aZ\x88\xfdN*k\xd95g\x04\x95\xcaF\x94\xa7\xe9I\xbb\xbe\xcc(\xf4\x92O\xd3\x07\xb7U\x8aO\xc2\x14\xaf)!8\xe0\xd6M\xeb\x8c,\x96r\x89\x00#3\xa43!\x9c\xe6\x9d;\xc9\xa5W\xce\xc4A\x8a\'T\xe3\xbd\x08\x0c\xbd\x04\xaa\n^\x88\xf3-\xf2\xc7C\nU\xb7\xaaf\xd5\xc4\xce\x87\xf9h5\x9c\x9a8\xadt\t"6\xad\xee\xae\xa7:\x83\xbe\xc8\xc8\xcd$\xebW\xbf\xd2\x82v\x0c\xe2F\xed9!\xb3O\xe5\xf0\xfb{&lt;\xc2\xef-)/r\xea\xbe\xad-j\xf0\x96\xee=y\x07\x16\x0f\x80\xe8:kb\xdf|\xec\xff\xba\x97\xb2.\xe1\x96\x1c`\xc0`5V\xcf\x1e#\xdb\x02_\x99A\xbf\x84\x90\xd7:\x80\xae\xfd\xed\xa9|7\x8e\x7f(u\xac\x8e\xc1\xa2\xd3\xda\xb9%\xdf\x10\x84d\xad%\xbc\xe9\x15\xd1\xb4?mX3\x96ZP ,T\xbda\x84Cs\xdc\xa5)R\x0c%N\xa4\xeaTMG\xbd\xf0\x87\x89Hq-\xbb\\\xbf\xfe\xf1\xe6\xb5\xc2:\x08eu\xe2\xc0du\xb7\x9b]\xfe\xbc\r\\$8\xab,\xedO{d\x10{H\x13\xaeU\xae\xb8\xe8\x99\xdc\xf71V\xb8BB\xbb\xe9\xe8\xad\xb4\x94\x00\'\x12s\xa9I\x90yV*I{-\xe1\xe9O;\xbf~\xd4\x9e""\xc1S\\\xe0\x1f\xa7]}\x88\x14\xc8\xe4\xa7]\x01LJ\x84{.\x8aZ\xa8\xbf\x05VUE|\xc1\x11\xef\x86\xf8\xcc\x0c7K=\x9a&lt;[\x91\r\xfa;\xf1\x9a\x10\xd4_9\xd9\xbf\xfc\xa7\xfdl5\x10\xcaKtbl\xbb\xb99)~\xbd\xe5nW\xc1;\x88\x92\xbbp\xb1\\\xd8[\xba\x95\x17T[\xba\xb2R\xc5\x08\xaeC\xe4\xc3\x89\xb5\xdd\x10a\xb1\xe4\x95\x9fW\xefg\xecE\xc6$\'\xdaZ\x87\x06\xafK;\xdf\xd6\xdb~{\xb4\x03\xdbl\x15M\xe5\xbd\xfc%\xb5~8T\\vy$\xb1\xbc\x9fw#tk\x8b\xe3\x7f\x89\xcd_\xf2R\xfd\xaa\xcd\xbf_;b\xda\xd0\x91\xbd&amp;\x1d/\xd4\xd0\\\x13a@\xc6\r\x10\xd4J\x1e\xcf\xab \xffB\x15\'4z9F\xea\x94\xb9cX\x80\x02\x90,\xa4\xcd\x86{\xdf\xae\xe1\x8f\xa1\xc09{6\x114~R\xfb\xb0\xadmo\xe8\xee\xbdx\xd0\xacM\x17\xed\x93z\xfe\xcc\x04\xe2\x1b\xa4\x08\x01;&gt;:1f\xf0b=j\xe9\xdc.\xde&amp;\xea2\xaf5&amp;\x99#\xb9\x8dP\xd4\x80\xbb\x93\x96\x87\x80\xc4\xdc\xf8\xa7\x91\x88\xd4[\xf3]\xcecS\xeeR\xad\x12\xfdi\xca4\xb9\xb8\xf0\xe7\xc4t\x18\x8dp?(}%\xdcKb\xfeU\xc6A-\xce\xc82r\xe3\x97\xcf\x8a?6t)\xe6\x0b\xef~\x7f\x99E\x9a\x8d\x83\x83!u\x8f\xd1y\x90k\x99\xb7\xc1\x02\r[a\x18[\xb8&amp;\x99\xbc\xc6\xde;f\xaa\'\xfe\x07\x02?\x1e\x10\x89\x1aI/\x1a\x15E\xfe5\xf0\xbe\xc2\xa7\xe8\x03\xaa\xc4_\xd9V\xfb3\xef\xcew\x88\xfb\xf1\xa1\xfe}\xa5v\xa0\x8b\x963t+\xf8:I\xb0J+O@\xe6\xc8\xcb\x8c\x7f\x7f\xc0\x83[,\t\x8c\xfd\x1c+\x91\x933\xf5\xb8\x84)$^\xfeO$Q\x0b\x05\x80h\xa1\x84\x0c&gt;\x87\xb4\x86\xb4\xc3\x81\x0e\xce\xf1tK\xd8=\xc6.\xa8\xe3\xd0\x84\x91{\x86\xaa\xb4Y\xb1\x9f\xb7\x97\xa4\x15B\x9e\xfa\x13\xcd\xbb\t\xfc\xd7\x13\xdbLB\x9dY\xf8\xfd\xdc\x8a\xd8Rz\x8b\xfc\xa7K8;f,H%\xa4\xbek\xf6b\xf9\xa4N\x16_\x1eG~G\xb3\x19\x0c\x84\x8f\xad\x87\x82\xa1mN\x9e\x12#T\x82\xd0E\x8b\xc1g\xc4\xf8\xb31\xc5\xeaK_\xbaUF\xf2_\xa1\x99H\x11L\x12T.\xa1\xa2a\x0e6\x9di\x14\xc8\x889H\'\x0e#8z\x9c,E6Q\x0b=Lc\xd5\x1e $/\x08\xa9\xbf\xcc\xa0[\xa2]\xbe\xd2\x17\xe4L,\x18\x84\'\xa3\xd5\xfa\x06\xc4&gt;\xcf\x1e\xd2\xc5~\xeda\xe5~\xfb\xbf\xcd\xfe\xd6\xa7X\x97\xf4G\x93S\x9elJ\x01s\x9f\xd29d\xaarl\xc2\xad\xed\xa7\x8a\x13\xf3O\xb4;\xbd\x1d.&amp;\x9c\x8a:\x10\xd6\xa3\x94\xc9\x11\xc5\xc8\xfb\xab\x02GZ\xb9\xeb\x7fo\xccc\xb1\xd7;\xe7\x0ft\xf2\xdf\x9a|\xbf\xf7@\xfa1\xc4q\xbf\x94\xba\x83r\x8c\xd5\x04\xb8-\x08\x1e\xe3$\x98\xff\x02\xcc\xb8\x08-\xf7Q\xd3\x03?{\xb1\xfdU\xee-\x03B%\x8d\xaa8\x84\xbaQZF\xd6\xa6\x9b\xd6\x99\xee\xcf\x93A/d\xa7\xd6Z\xbd\x8b\x98\xbb\xb1\x06?Y\xf0P\xaf4\r\x17\x9an\xd6\xf7\xf6\xab\xd0\xb5\x95\x00\xc5H\x9c_\xee\x95\xaf\xe0\x92\xac\x85T\xcb\xd6Q\xb4\xff\xb8\x8e^\xe3\xbd\x19\xd10\x96Y\xee\x8b\xc4/\xbc?4\xd8\xc23\x16\xaf;\x1e\x91\xf1\x7f\x84\x98\xc8\x15zo\xfe\x97\xa4t\x813]\x84Bu\xcb\t\xd3;\xa3\x06\x9c\'\xb7\xa1\xfa\x15cE\x97\x83$y\x8cf\x04\n\x15\xec\x1f\xa7\xebxl\xb9H\x13,\xc9;n\xf0\x86\xa3h\xfad\xd5x\n\x96\xc3\xd4S\x9d)\xc3\xa0I2\x92\xa7\x90\xc4U\xbe\xeb\x1e\xa45&lt;\xef[.\xfe\xe8~&gt;\xcdH1\xd1\x96\xb7\x86wH\x84\x91\xe4\x98\x84\x03\x8d\x94\xff\xc93\xad\x86\xdaTtl\xe9B\x9f\xec\xf4\x8cS&lt;\r]kc\x0b\x9f\x9a]\xa7w\xd4Yfsu\x10\x113 \xb1X#J\xca\xf7\x1ds\x90\x0e/\xb2x\xb8\xd4\x1b\xf9k\xa9\xd8I\x1b\x17\x1b\xafu\xb7\xf1\xf5\xfc\xeb\xfe\x07\xb2q)\xbf\xf7\x94\xc2P\x8c\xdbI\x04|\xfa?\xc1\x82\xe0m\xf4a\xbf\x83~YW\xba\x02Y^\xa0\x88|\x90\xa6\x1c\xb9\x80@\x16\x7f\x91]\x1b\xc9ni\x81\xc0^\xa97\x81\x80}!\x87Dn&amp;Q\x14\t\x90[\x83Em\'\xac\xf1N6\xfa\x14?\xbd\xc3\xe6C\r\x03\x9a,\xa3\x1e\xd9B?\xdf\x81\x81u\x106iV`5*\xabh\xff\xbf\x97~\xfeKzY\xd5o\xb0V\xe7\xf6W5T\xd7h\xc5\x1f\xe6\xf8\xfb\x83\xfd\xf4\xf2\xc2\x984\xcd\xc7r\x18x\xce\'\x9eI\xeb\xe8\xecc\xeb\xe2\x91\xf3\x1c\xd31\x8a\xbd\xcc\'\xcaU\x8c\xaf\xa4\x0bdt\xfe\x08b\x9bv\xc7\xd7\x06\x1c|\x83I\\\\)co\x15/\xfd\xe8\xa0@\xc6B\xc0d\xe9\xfb\xa6\xbax\x97g\xb8\xc8\xd7n\x0c\xcc`{\x00g\r\x07&lt;\xf1\x8c%\xb7\xdc\xb7\x80\xc4G\xde\xe4\x1f\xe4\x8a\xee#&lt;\xc2\x92gv\x9c\xd2L\x0c\xdf\x9c=!P4\xd5\xd2c\x04Np\x8e\x9e\x98\xb0\n\xa01\x96\xecj\x845\xa7J7-J!\xb3\x1c5e\xb2$&amp;\xecS\r\xe1\x90\xf3\x81$\xf0\xfc\xb8\xa2\'\xa7Y\xc7\xc0\xe0\x07{ &gt;\xfa\'^R\xd1\x14j\xc6\xca\xf9r\xbbRm\xd2\xa9\x8c\x0c5\xb36\x12U9}/\x19\x93"\xa8\xa9i#{\r\xf5\xad\xba*\xe0\xf4&gt;6\x8e\xf4\xabu\x08\x80\xd78\xffke\xb0\x0f\x9f\x7f ^\xbe0\xb3oD\xce\x8e\xe2g\xa1\xf6\x15\xfe l6\x8c\xf6\xed\x01\xda\xbf\xc8\xd5I\x0e\xca^\x0f\xee\xb2\xa4x\x06\x1e\xa3\x00\x7f1\xc9N 0\x80\xe8\x80P\r\xfc\x10\x08[\xbe7\xcez\xdf4L&gt;\xf2Z\xf6\xd3\xa1\xb0\x84s\x92a\xab\x9an\xd0\xfb\xa4\xee\xdcw\xedQ\xe3\xbaD1\x98\xeb&amp;TN\x87b*\x89\xe8\xc9&lt;o\xa4\x08qI\xa1\x80\x92\x07\xc0\x88\xde\xa6?+\xc6\x07\x14\xc4\x869?\xd5\x92\xf4\xd7C\x94\xe1I\x13\x89#L\xd3\xf5\xc1\x86\xfc\xf5\xb1\xe4\x0flX&amp;\xe84=\xb3:4`X\xc4*U\xf8\xb8\xd5\x19+4$\xb1\x12\x1b\x8b\x161\xdd\xc7\xe8\xd8\x99Bhp,]\x19\x80\x049n\xcc\xa1\xc8\xdaE\x91\x98fI\xef(\x84_\x91\x8a1\r\x1fE&gt;\xa5)&gt;\x97\xef\xf6\xadD\x02\t\xc0a|\x83\\\xfa\x11b\x90\x84\x96\x81\x9f\xaf\xd5\xd4 \x12&amp;\xec&lt;\xe7\xca)\x8dx$\xdf\xf1\xbeh}\x0c&lt;\x17\xd2\x12\x89\xcd\t3YK\xb5$\xfa\xeaG\xda#\xc7(&amp;q"\x8e\x85:\x80\x92\x156\xb1E\x0f\xc8\xd5\xf5}\xe2\x1a0D\xe9\xb3^\x03\x94&gt;O\x85i\'\xf5\xe8\xf8\xd0\xf7FP\x98\xf9U`NrEJ\xda\xc0&amp;\xee\xea&gt;D\xc7\xd9\xc4\x08Pa?\xc8\xebx\x03\xe4\xdeI\x92\xe0\xe4\x8c\xd4\x98\x90++\xd8S2Kd\xb7g!\x81\x00f\xcfu\x8692\xd5y\xfa\x9c\x1f7Z\xa2\xd0\x01\xedZ.\xf0$qz\x19Q\xc1d\xfe\xd7aB\xc3h\xde\xe7\x97\xbe+\x96\xd3c\xbb=V\x06\x8d\xb8\x01\'!z\x95\x037\x8b\xc2\x1f\x81\x01\x0c\xfa\xb8\x95V\x95i\xd8\x90\xed\xbc\xbd\xf6}\x18\x9c.i\x89\xf6\xccl\xa9\xa8\xba~\x8b\xa1\xb9\x9dw\xa6\x0b;\xab\x06x\xc7\x1d\x16\x86V\x92H\xa7\t\xf6D\xe6\xe2\xae\xbf1g\xc1U]FV\x01\x9cB\xcd\xf02\xd0\xed\xc2Y\xbe\x12rc\xcb\x89\x7f\x82@d\xb3\xd4-\xe1\xe8d&gt;v\x92AQR\x9e55\x88&lt;\xd2f\xb1\\-\xa1L\xf8`\x92\xfd\xf3\xa8\x93&lt;8\xa8\xc5\x87\xa9\x9e-\x8cQ\x82\x15\xfd/\x0b\x89\x13(\x8d9p\x92\xc9+\x89\xf4\x9c1\x9d\xd5\x1b\x02\x96 \xe8\xc8\x998\xe7w\x16\x9f\xea\xaff|\xb7\xa9\x15\xa0&lt;\xca\xb2\xc7Zb\xefT~\x88\x96\x93\x18\xe6\xd0\x89w\xc0\xb4\x81+\x1d3\x05\x99S@\'\xa5p\xc2\xc3\x81\xb8\xf1Ne-T:\xcf\x95@\xfd\xeb\xedg\r\xbe\xe5\xb4\x91\xc7\x9b\xee/a\x10\xe4*\xc1\x0e\x87\x8d0\x9d\x04\xed\x81\xf4}d7b\x07]\x00\x04\xcd\xd4d\xca\xa8\x1e\x87\xf2:y\xa0i_!!\xa8\xfd\x0c\'\x7f\xb28\xfft\'nT\xb0\xdbf\xc4\xd3\x14&gt;\xe83,$\x95\xdb\r\x03\x8aQ4\xaaI\xd4b\x9abc\x82\xe2~\x83\xcc=+]\x11-\xc9\rx%\xa5"\x08j\x87\xd6v\xa0\xc1\xcbk\xe4u\xc2\x14\xa7\xc2\xb8\xe0\xe5.\xf1\t\xca\n\x14$bFTGA\xe0\xf2\x1a\x9eUdu=\x03\x83XT%UK\x92\xb6\xb6\x05\xfa\xe4\t\x97P\xe1\xfc\x87\xcf\na\x07\xb0\x18\x9d6G{\xbb\x06b\x82\xc7O\x11}\x109l\xcefw\xf9a\x16\x81\xe7K\xa9\xff\xee\xfdmJ]\x9dx\xda\xc9\xf4\xc2\x0b!,a\xf2\xcfN\xad\x14\x87\xb0B7ir\n.\xe96\x9b\xc4\xb5e\xf4\xfd5I\x0ej\xb3\x06\xea\xafk\xdc\xaf\x0e\x90\x9f\xc9\xe9\xe73\x90\x96ME\xab\x05\x04F\x18\x86\xc9\x08\x9a\xa0\xc5\xfd\xb3\xfa\xb3\x95\xc8\x13y\xe9\xbcU\xccKw}\x07\x8cj\x1bwH)\x19\xfe\x00y\xfbK\x17Q:k\x17\xb6\x1e\x06\x0f\xc3\x85\xbb\x8d\xc4\xb4j\x83\x13\n\xef\xb7n\xdf\xe4\x1b\xda\xce\x7f\xe1\x0c6S\x8f\xffj\xfd\x9d\'\xbd\xcf\x81D7\xa1^\xf1m\x15\xb5\xbb\xc83\xe5\x13\xd55\x922\xe3\x99\xf5\xa2x\x05X\x05K\xbb\x85\xf8o\xf9W3/\xfd\x0c\xf3\x93*8\xc6\x83e\xab \xe0\xb0\xbf\xea\xfe\xe6\x9c\x0cK\xd0D\xc6}_\x10Fl\xfc\x12\xa9\xc0\xd7\x01\xcb\xda\x92\x8e\r\xf0\xd4\x08\xaf\t"\x81KT&lt;_\xae\xe3\xc5\x95F\x85\x0e\x11\xac\xcc\xaf\xec'</t>
  </si>
  <si>
    <t>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</t>
  </si>
  <si>
    <t>b'\xa2\xd2\xcb\x82t\x03\xd1\x91\xc2\xdcW\n)\xef\xf9!'</t>
  </si>
  <si>
    <t>milarly, the MOS counterpart exhibits an input impedance given by
 Zin â‰ˆ 1
 [CGS + (1 + gmRD)CGD]s
 . (11.92)
 With a high voltage gain, the Miller effect may substantially lower the input impedance
 at high frequencies.
 Did you know?
 Most RF receivers incorporate a common-source or common-emitter amplifier at their front end. This
 â€œlow-noiseâ€ amplifier must present an input resistance of 50 _x0005_ so as to â€œmatchâ€ the impedance of
 the antenna [Fig. (a)]. But how could a CS stage have such a low input resistance? A clever technique
 is to add an inductor in series with the source of the transistor [Fig. (b)]. It can be shown that the
 input impedance is given by
 Zi n (s) = 1
 C GSs + L 1s +
 L 1gm
 C GS
 .
 Note that the last term is a real quantity, reprsenting a resistance. Proper choice of L 1, gm, and C GS
 provides a value of 50 _x0005_. Next time you turn on your cell phone or your GPS, you may be receiving an
 RF signal through an inductively-degenerated CS amplifier.
 Antenna Lowâˆ’Noise
 Amplifier
 M 1
 CGS
 L1
 Rin= 50Î©
 Z in
 (a) (b)
 Input impedance matching in a receiver.
 14In calculation of the input impedance, the output impedance of the preceding stage (denoted by RS) is
 excluded.
 532 Chapter 11 Frequency Response
 11.5 FREQUENCY RESPONSE OF CB AND CG STAGES
 11.5.1 Low-Frequency Response
 As with CE and CS stages, the use of capacitive coupling leads to low-frequency roll-off in
 CB and CG amplifiers. Consider the CB circuit depicted in Fig. 11.34(a), where I1 defines
 the bias current ofQ1 and Vb is chosen to ensure operation in the forward active region (Vb
 is less than the collector b</t>
  </si>
  <si>
    <t>b'\xdf\x9e\xf8\x8f\x9a]\xa6\x9eV\x08\xdf[\x94\xae\x1e\xa3'</t>
  </si>
  <si>
    <t>df9ef88f9a5da69e5608df5b94ae1ea3</t>
  </si>
  <si>
    <t>GURE12.43
  26Iâ€™m assuming all the charge in V is of one sign, and it all goes at the same speed. If not, you have to
  treat the constituents separately: J = Ï+u+ + Ïâˆ’uâˆ’. But the argument is the same.
 566 Chapter12 ElectrodynamicsandRelativity
  whereV0 istherestvolumeofthecloud.Becauseonedimension(theonealong
  thedirectionofmotion)isLorentz-contracted,
  V= 1âˆ’u2/c2V0, (12.121)
  andhence
  Ï=Ï0
  1
  1âˆ’u2/c2
  , J=Ï0
  u
  1âˆ’u2/c2
  . (12.122)
  ComparingthiswithEqs.12.40and12.42,werecognizeherethecomponents
  ofpropervelocity,multipliedbytheinvariantÏ0.Evidentlychargedensityand
  currentdensitygotogethertomakea4-vector:
  JÎ¼=Ï0Î·Î¼, (12.123)
  whosecomponentsare
  JÎ¼=(cÏ,Jx,Jy,Jz). (12.124)
  Weâ€™llcallitthecurrentdensity4-vector.
  Thecontinuityequation(Eq.5.29),
  âˆ‡Â·J=âˆ’âˆ‚Ï
  âˆ‚t ,
  expressingthelocalconservationofcharge, takesonanicecompactformwhen
  writtenintermsofJÎ¼.For
  âˆ‡Â·J=âˆ‚Jx
  âˆ‚x +âˆ‚Jy
  âˆ‚y +âˆ‚Jz
  âˆ‚z =
  3
  i=1
  âˆ‚Ji
  âˆ‚xi
  ,
  while
  âˆ‚Ï
  âˆ‚t =1
  c
  âˆ‚J0
  âˆ‚t =âˆ‚J0
  âˆ‚x0
  . (12.125)
  Thus,bringingâˆ‚Ï/âˆ‚tovertotheleftside(inthecontinuityequation),weh</t>
  </si>
  <si>
    <t>b'O\xb8\x08\xbbYu\x1a\x7f\x06\xeb\x9d\x10\t\x80\xa1&amp;I\xaa\x1f[u\x97\xf2H\xc7\xe0\x18\x06\x81\xbb\xbe\xe6'</t>
  </si>
  <si>
    <t>4fb808bb59751a7f06eb9d100980a12649aa1f5b7597f248c7e0180681bbbee6</t>
  </si>
  <si>
    <t>b'O\xb8\x08\xbbYu\x1a\x7f\x06\xeb\x9d\x10\t\x80\xa1&amp;'</t>
  </si>
  <si>
    <t>eries of illegal wiretaps to
 identify the source, the backlash was worse than the original dissension, and the
 board was disgraced. Having abandoned the search for technological secrets, HP
 obsessed over gossip. As a result, by late 2012 HP was worth just $23 billionâ€”not
 much more than it was worth in 1990, adjusting for inflation.
 THE CASE FOR SECRETS
 You canâ€™t find secrets without looking for them. Andrew Wiles demonstrated this
 when he proved Fermatâ€™s Last Theorem after 358 years of fruitless inquiry by other
 mathematiciansâ€”the kind of sustained failure that might have suggested an
 inherently impossible task. Pierre de Fermat had conjectured in 1637 that no
 integers a, b, and c could satisfy the equation an + bn = c
 n for any integer n greater
 than 2. He claimed to have a proof, but he died wit</t>
  </si>
  <si>
    <t>b'\xa4=\nP\xcd\xb6\xb7pm\xfeJ\xb3\xfeU8\x834\x95\x96I\xd2\xa6\xc6h_\x10\tI\x19\x9b}\xbf\x8b\xb1\x15\t\x88l"\x149pr$\xbf\x9b=o\x00{Q\xf1\x92\xd3\xc3c]\x14I\xdd\xd1\x94\x83SK\xbeV\xd1\xf9\x16k\xcd\xe9n\xb1\xa323\xd5j\x92\x83\xb7\xee\x8d\n\xcc\xb2cF\x9d\xbe-\xf7\x92\xdd\x0f\xf4rT\xdb\xae\x83\xf1\xda\xca\xf1\x0e"\x94X\xf6)@$\xc3!-\xe9t[\x94\x1d\xd3\x05\xdf\xd7Er\x85\xcd\xaa\x08\x12h\xe1z8\xc4(y\xc9\xe9\xdcH\xfd\xd4\xac\x93!\xaf\xa5\xa6{\x81\x9c\xc1\xf5\x93\xc3\xbe\x85\x1f\xfbYe=\xa4\xb3\x8f\x12&lt;\x0e\xe2\xab\xc5\xcb\x9e\x90Sf|`"\xd0\xf0\'M}\x9b4\x82\x9e\xe2\xc4\xb1\xf9\x93\xe7K\x00\xa0\x06\x99\xa1\x1d\xc8\xbb@\xa3\x05&lt;"Wx\x0e\x81\xac\xc47\xb0\x81\xc8@O^\x9d\x97\x1cQ\x06\xb5\x9d\xe4\xaa\x97\xc2\xe6\xf8\xe3\x89\xd1\nPW\x82\x9d2\xba\xab\xd5\xf2yh\x96\x8a\xd3\xa9\xcd\xd3PjN\x11"/Y\xb7z\x9a9\xdc3\x8cf\x82\x19r\xe1\xa0R%7\xb7G\x91\xeb\xcan\xc1+\xd3\xef\xc5^V\x1e\xb8\xeb\xb1\x97\xb3\x04\xb7\x07\x04\x1e@\x19,\t\xb9\xbd\xf8\xa0\xd5\xf5MY\xd0\xde|\xebyKm\xe7\xf5J\x7f\\K\xa7\xb4\xc1\xa1\xa1\x81\xfbh\x0c\xb6\xfb\xb0\xa7\x10Fv`\x03\xf8-\xe1\x9b\xb44O%jF\xd93]&lt;\xee\xb1\xd1\xc8\x9e\x02\x99\xdbw\x83\xa1\xae\x11\xb6C\xe2b\x0bI\x04\xd1\xe1\xef\x91\xfd\xbe[,\xb4\x90:z`\x85\xdewD\xe0\xf4\xf9\x8c\xa9M\x1a\xc7u\x83+\xcc\xcb\xe8\x88\'\xc5#h\xee\xee^q\xce\x1e:\xdfF\xb6m(f\xe7V&lt;\xa0\xcb\xe8l\xf82)\xad&amp;\xd7\xf7 \xb7\x89\x9c\x01\xfba\xcdP}\x15^N\x95\x1a\xfe\x1d\x03\x01\xa0\x86\x1f\x94pKw\xcf\xbb!\xd2\x82\x07\xaf]6\x15\xbdY\xf5_\xc5\xa6\x913\xce{\xde\xfe*\xe5l\x98%\xd9~\xdb3N\x9f\x8b\xc5+-\xf1\xa6(!\x94\x89\x16\x7f\xd3\xf3c\xff\xe7Gz\xf5\xc0\x1f \xda`\x0bm\x06\x177\xea\x9a\x95\xdc]\xec\x98\xe4\x07\xbd\xecq:\xcee\xb2\x82{._\xbd\xfd\x9a\x91"&amp;Z\x1dS\xa6 \xec\xcd\xdd\xed(3\xf0\x8bC\xe5\xb1\x1d\x9fk\xd8r\xe9\xb2-9&gt;\xd2\xa0lZs\x90{\xcf?\xae\xed\xf8\xe5\x9cKY\x88\xb1\xf5[\x8f\xb3\xf7\x99\xb08\x1da\xff&lt;\x8a\xe6L\x1b\x7f\xc4\xb0\xb5y,\xad\r`\xfa\xbf\x8e\x9b\xef\x8c\xe2`\xc4-\xc3\xe16\xcbI1\x94l\x90\x1a@\xf6\x06]c7\xe3\xcf\x02\x19\x02\x98\xbc\x8d\x11I\x1f\xdb\x84-\x01\x98\xff\xc7\x0e\x91\xb7\xfa\xdf`\xa7$\xab}\x06\xb2]&amp;r\xd9\xc3\x8fQ^?\xcc\xc8\xd9\xabU-\x10@,\xbe\xc1\xc2\x82\xd6\x08(@8{P3\x1b\xdfh6s\xcb)\x0fj\x0ez9\'\xfc\x8e\x00?wyrmm\xab\x90\x0e\xc6JU3#{\x9d.\xb3\xe0r\xe7\n\xd4\xe1i\xee?\xf6\x17\x03\x16\xed6\x88u\xac\x89ou\xf0=@\xf2\xdc\x9ew\x19\x8f\xc6\xcd\xea\xbez\xb0\xaa\xbf\xb0\x14\xf8\x03\xb6\x82\x1a\xb4ej\xa7\xd9\x9f)#\xfd\x07\x96w\xd0\x043\xb6\xc6\xe3\xa9\\'</t>
  </si>
  <si>
    <t>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</t>
  </si>
  <si>
    <t>b'\xa4=\nP\xcd\xb6\xb7pm\xfeJ\xb3\xfeU8\x83'</t>
  </si>
  <si>
    <t xml:space="preserve">
he found himself thinking of his boy as he had never thought in all the ten
years past. During those years he had only wished to forget him. Now, though
he did not intend to think about him, memories of him constantly drifted into
his mind. He remembered the black days when he had raved like a madman
because the child was alive and the mother was dead. He had refused to see it,
and when he had gone to look at it at last it had been, such a weak wretched
thing that everyone had been sure it would die in a few days. But to the
surprise of those who took care of it the days passed and it lived and then
everyone believed it would be a deformed and crippled creature.
He had not meant to be a bad father, but he had not felt like a father at all.
He had supplied doctors and nurses and luxuries, but he had shrunk from the
mere thought of the boy and had buried himself in his own misery. The first
time after a year's absence he returned to Misselthwaite and the small
miserable looking thing languidly and indifferently lifted to his face the great
gray eyes with black lashes round them, so like and yet so horribly unlike the
happy eyes he had adored, he could not bear the sight of them and turned away
pale as death. After that he scarcely ever saw him except when he was asleep,
and all he knew of him was that he was a confirmed invalid, with a vicious,
hysterical, half-insane temper. He could only be kept from furies dangerous to
himself by being given his own way in every detail.
All this was not an uplifting thing to recall, but as the train whirled him
through mountain passes and golden plains the man who was "coming alive"
began to think in a new way and he though</t>
  </si>
  <si>
    <t>b'\xee\xb7\xdd\xa5e\x84\xb6\x03z\xdc\x8b\xcc\xf2\x1f\x9bW\x0c\xe9\xb2\r\xcf\xbe\x9fb\x8a\x18\x0e\xea\xa4\xc8e{\xf2e\xfc\xd6\xafz;\x1d1\t\x0b\x8a\xbe\xaf\x15k\xb8c\xb5\x81\x9e\xa7\xef_G\x0f\xf0\x99\xfd\xaf\r~m\x96\x8a\x0b\xae\xe7\xc6z\xbb\x1f\xe0\xb4\xc8]#\xec\x17\xddvL\xb1\xc7]r \xde\xff\x90H\xbb\xcd\x97]\xbc\x18\xaa\x89\xda\x08~\xe8\xe0\x16\x1c}\x85N\xa5wz\x86\xc3=\xcah\x0cAC\xb2\xc1\x0b\xfe\x04q\xac\x80\x0c[l\x8b#\xce\x83:?\x13C\xc0\xe7n\x1b\xb7\x10G\xae\x87\xace$t\xd5\xae\xd2\xc0\x86\xee\xb8\xef\x11\\\n\x8e/?\x15\xddi\x9d#\xeb\x02\xf5\x88\x89}\xc0\xa0\x19\xe1\x04\x00k\xa0\xa8\xe2\xb8\x8c8,\x82\x1b\xa5\xf7\xbflK5\xd4+\xaa\xf9\xcb\x04\xbb(\xb8\x0b\xcf\xdf\xef\xd2\xc9\x83\x10\x99\xa32\xf3\xf4o]\x90\x01\xc0\xb3Z\x05\xa6\x8bP\xc9B\xa6\x01`a\xf7\xacw\x82p\xd9o\xe7\x16\xfa\xd3\xec\xc4=\xb9\xed\x94\x8ff\x8dX\x8f\xc9j\xff\x16\xd2\x11\xd9\xe0\xf9\x97\x07\xb6b\x1d\x01\x11rT\x1avG\x18\xabj\x08\xd7\xd2}\xf5\xfb&amp;+{\x92\x91\xfc7\x86\xdb\xa5\xfa\xdf\xbf0S\xb9\xf28A\x17g\x8f\x96\x9d\x06`\xef\xd7\x14\x8d\x85\xd8\x91\x8b\xba\xf0}v\x86ZrR v\xce\x1f\xa6\x0e\xf1\xff\t\xd3+cU\xdd9\x936l\xb3\xfb\x06\xea\xc2=\xe3o\x1cH\xdd\xd4sl-\xf9\xdcK\xe1\xbf\xad\x8a\xa1\xa9\xb5{\xea\xcf\xec\xfc@2\xf6\x05\x81\x8f^ Kg\xd1\xc1\x8a\x17\xac\xb2\x81\xad\xac\xed{\xf5d\x1c"o\xca\n\x08\xa3\x1c\xa6\r\xec\x81N\xec\xc0\x82\x9au\x03\xb9xJ:\x0e[c&amp;_\x9a\x83\xa9tL\xd6&gt;&lt;\xf6\xfc\x96\xa1\x0e3\x07 n\x8d\xc4^\xf9\x04Y\xcan\xbf\x0f\x0fV\xd6\xbf\xfd\xad\xc9\xac\xa5\x96J\x81\x85\xf5\xe4\xd9_\x99\xec\xf7\xe0\xbe\xd3\xc2\xd5\xc10\xd2\x86\x99\xd0\x18te\x11_3\x02\x8e\x9e\x924\xba\xdf}[uv\xcd\xc3\xdf\x15~\xfbq\xea\xaa\x08\xbd`\x12\x1d\x11\x92\x8ck\xbf\x1c#2\xb9\xfb\xbf\xde\xb3\xedp\xfc\xee\xeb\xa3\xbb\x12=D\xa4\xddJ\x82\xd3\xdf\x16\x0c\x00h\xa1G\x7f@\x9e\xc4\xd9\x02i\xb1\x15\xf2\xe6\xe7\xed\x82iI\xdf\x00\xe2\x8c\xccU\xc9v6N\x7f\x91 o\xe6\xf8\xdd)$\xeeq\xf5\xac\x95\x87R\x82\xed\xdc\x9e\xfb|\xc3\xdd\x15\x1aQ\x15\x00\x1c*\xfb#\x7f\x174\x1d\x1f`\x00\x02\x1f\x8d_\x96\x9d\xf7\xe0?y\xc9\x99\xe7\x95\xec\xaaY\x1bV.$\xa1dt\xc8\xad\xa4-i\xca\xd7\x13\xf4\x0f\x89d*\xf2\xac3\xeao\xb3\x1b}\xd1&amp;\x8d\x9d\x95VV\xd0@\x7f\xd0?\xc3\xb3\x98\x0f\xcf\x1eV\xdd&amp;\x15\xbb\x9b\xd9\x1a\x07\x05\xc0\xbf4\xf6\x1e\x92\xe3\x8c\x14\xd9\x84[\xb2[P\x02V\x94S\x9e\xe6\x04I\n&gt;\x87\x9a\x94\xd45y7\xb4\x9f+\x1d\xc3\x88\x99\x9b\xffh\x83\xa0\x88N\xee\x80\xfeA\xc5\xbd\xc0\xa2\xb2L\x0f\x87\xfa\xfbPH-\xe9\xb2\x90\xa7A\xa6\xff\xf8\xb3\tP\xa9I%&gt;\xe4\xad\xbf\x8f\xef)_\xda\x0b\x00\xdd\xb2nT\x05ys\xbd(\x13\xb8\x81\xd9_\xfe\xd7\xa4\xbb\xa1\x9e\xa98\x8a\x0f\x9b\xc5m\x8e\x99\x12f\xd5\x04i\xb3 \x17z\x95\x0bh\']3\x05\xb4\x98xI{\xe7L6\x81\xe3n\xf1\xd4\x8f\x918A\x1d\x91\x004\xca\xba\xdb\x1eO\xb8\xf0\xc7\xc6$Al \x8c\x0cL\x907l\xbe@6I\xf1\x02\xb7\x8c\x16\x12\xd1\xb7\x00\x83\xd3TZ\xecw\x80\xd8\x0b\xabA\x99\x85\x81\xe9;_\xf8\x06\x88\xdd\xc9\x8c\xd6\xf9%\x97\x03\xda\xc0\x1b\x1e\x08~)\xc8\xf2\xe7\x01\xf9\xe5I\xef^D\x06O\xf3D\x11\x82\\\xf3s\x02Y+\x02\xae\xb5;\t}h\x10\xf1\xfe\xa0E\xcaf\x02n\xfe\x19v\x07\xdf\xf6\x1a\\Z\x16\xf2\x08\xd6\xcf\x18g\x1b\n\xa3\xfa\x9c\x0e\x8d\xad\xea\x0fkZ\xe5\\\xd4{\xbe\x89\xf7\xb3:\xaa8\xcfpK\xb9a\x1a\xd6\x8e\xa1\x8f\xc6:\x88(\xd2\xf6\xed\t\xcf\xa2\xce\x88\xed5P.\x92\x02|\x92\xa9s\x0f\x14\x9b \xa74\x1b\x97s\xe2\'9&lt;\xc7GH\xfc,\xa4\x995\xac\x93\xcf\x0c\x99L\xd5]J%[\xf2M\x96\x98L\xfdi\xf4\xee\x96\x1c\xc1\x8aS?\xcc\x17q:m\xb3lPf)\x0eSr4\x85\xf3\x03^m\xfa\xfe}H\xdamC E1\xe2l\xf0\x16G1\x83\xd4\xd6\xe5+\x8a\xc0\xe7\xbf-.\x173\x07\xf1\xa8\xa30\x1d\xddK\x87\xd3\x84\x03\xc3\xce\x97\xfc8\x96*\xad\xae,S\xb7b\r*E\xdbi\x83-\x15\x98\xa7\xcd\xe2B\xcf\x020\xa8\xf1.\xf0\x16\xa2\xb4\x8c\x86y\x83\x94\xa1@=\\\xe5\x05\xa6\x1bd\xbeFh\xfb\xbe\xdd\xd5\xb3\xfa\xc0\xb9\xef\xdc\x06\xda\xb3\xc03U\xbd\xbdE\xfd\xc2*\xec\x8cc\x82\xd7\xe2M\xdby\xf0\x90\xf46\xb0dK\xdd\x9d\xa6q)\x1eM\xbb\x90;\xdb\xae.\xe2/\xb3\xb5\xef\xe0\xb4\x90&amp;\x93\x85R7\'\x01\xc4M\xfc\xa0E\xd2e\xfd\xa22\x06\xf6\xdf\xbc\x00\x04\x99\xa2\x11\xd4}\xae\x07\xfft\xff\x07E\x1a\xee\xb2*\xdc\x8d\xf4\x83\xb72W8\xc8\xe7{\xf5P\xf1S\xd3L\xf9\xc4kfk\xddy:\xd3\x91\x8eJ\x95\xdaM\xed\x91\x138\xc9\x0c\xcb\x0b\x03\x9c\xda\x0008\xec\x826g\x98"rO&lt;\rq\xabG\x1f\x03\xd9\x96u\xaf\x98\xd4+nf\x16\x82\x06\xf0-E\x9f\xf8\x0c\x15V\xaa\xd0\xd7L\x96D0\xbd\n\xf2\x90\x81\xd2\xb5\xda\xd0g\xbbf\x1a\xe2\xc7/\xd0\t\xc8,\xeaD\x99\xbd?5\xfb\xf1\xacb\xd2\x0f\xd69+S\xef^\xbd\xcc__\x06=\xd4\x0e\xe1\x1e.J\xa8\x1f[\xa9hU%\xf8L\xdcB\x14=\xc0\x081\xcb\xdc\xccI:Q\x84\x85(\xc0\x1e\xca^\xcd\x04\x15kW\x8f\'\x0b\xc3\xbdBb$\xdd\xd4\x95\x05\x93\x1a=\x98\x1clG\xc8$a\x9a\x9f&gt;\xf1\xd2W(X\xbb3\xba{\xbf9-T\x86\xe8\x11\xe7\r\'\xe2\xd4\xde4&amp;\xa1\x1d\x94\xf4"\xd2\xa4|\x92\xab]r\xbc\xfbJ\xd3_\xaa$\x8f\xf8\xe8\xad\xaa#2\xbd\t\xf1\xfc\xb5\x1b\xbe\xe3$i\xacnUI\xd29\xe5\xd1G*\x0cv\xde\n\x0b\x9aq\xff\x19M\x9a\xb3\x90\x979&lt;\xd2\riw1\xbd\x15.B\xf9\xee\xdaz\xbd\x82`\xb7\xea\x0fD\xa5m\x1e\xd6\xbbz:\xb7\xa1\x17y\xd5\xf2\x16_d\xb9\xab\x88\xe2\xce\x18\xb5\x0c*\x82\xc8\xec"po\x90&amp;\xebD\x00K\xdd9\xc5\x19\x15\xca+\xdd\xd7"\x9b\x8d\x8b\xaf\xc8\x9a=\tN\xbd\x1a\x11\xc7o3\xa2K\'"&lt;\x07\xdb\x9b\x1f\x10\xc1F8\x8d\x8bD^\xe3\xe4\x13#\x9e$\xf0\xd6\xea\xe3r\x12\xefQY\x1d\x98\xc4_%H\x94'</t>
  </si>
  <si>
    <t>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</t>
  </si>
  <si>
    <t>b'\xee\xb7\xdd\xa5e\x84\xb6\x03z\xdc\x8b\xcc\xf2\x1f\x9bW'</t>
  </si>
  <si>
    <t>f. I reckon the dervish and the camel-driver was just
 a pair--a fine, smart, brainy rascal, and a dull, coarse, ignorant one,
 but both of them rascals, just the same."
 "Mars Tom, does you reckon dey's any o' dat kind o' salve in de worl'
 now?"
 "Yes, Uncle Abner says there is. He says they've got it in New York, and
 they put it on country people's eyes and show them all the railroads in
 the world, and they go in and git them, and then when they rub the salve
 on the other eye the other man bids them goodbye and goes off with their
 railroads. Here's the treasure-hill now. Lower away!"
 We landed, but it warn't as interesting as I thought it was going to
 be, because we couldn't find the place where they went in to git the
 103
 treasure. Still, it was plenty interesting enough, just to see the mere
 hill itself where</t>
  </si>
  <si>
    <t>b'rN\x7fQ0#B\xd4c\x0e&gt;(P\xbco\r?_H\xbc(\r\x9fE;7w\xfa\x06D\xfa\xa2'</t>
  </si>
  <si>
    <t>724e7f51302342d4630e3e2850bc6f0d3f5f48bc280d9f453b3777fa0644faa2</t>
  </si>
  <si>
    <t>b'rN\x7fQ0#B\xd4c\x0e&gt;(P\xbco\r'</t>
  </si>
  <si>
    <t>oes not affect their ratio. As an example, for a closed-loop gain of 4.00,
 we choose R1 = 3R2 and implement R1 as the series combination of three â€œunitâ€ resistors
 equal to R2. Illustrated in Fig. 12.7, the idea is to ensure that R1 and R2 â€œtrackâ€ each other;
 if R2 increases by 20%, so does each unit in R1 and hence the total value of R1, still yielding
 a gain of 1 + 1.2R1/(1.2R2) = 4.
 R 2
 R 1
 Figure 12.7 Construction of resistors for good matching.
 Example
 12.4
 The circuit of Fig. 12.2 is designed for a nominal gain of 4. (a) Determine the actual gain
 if A1 = 1000. (b) Determine the percentage change in the gain if A1 drops to 500.
 Solution For a nominal gain of 4, Eq. (12.12) implies that R1/R2 = 3. (a) The actual gain is given
 by
 Y
 X = A1
 1 + KA1
 (12.13)
 = 3.984. (12.14)
 3Some analog-to-digital converters (ADCs) require very precise voltage gains. For example, a 10-bit
 ADC may call for a gain of 2.000.
 12.2 Properties of Negative Feedback 569
 Note that the loop gain KA1 = 1000/4 = 250. (b) If A1 falls to 500, then
 Y
 X = 3.968. (12.15)
 Thus, the closed-loop gain changes by only (3.984/3.968)/3.984 = 0.4% if A1 drops by
 factor of 2.
 Exercise Determine the percentage change in the gain if A1 falls to 200.
 The above example reveals that the closed-loop gain of a feedback circuit becomes rel_x0002_atively independent of the open-loop gain so long as the loop gain,KA1, remains sufficiently
 higher than unity. This property of negative feedback is called â€œgain desensitization.â€
 We now see why we are willing to accept a reduction in the gain by a factor of 1 + KA1.
 We begin with an amplifier having a high, but poorly-controlled gain and apply negative
 feedback around it so as to obtain a better-defined, but inevitably lower gain. This concept
 was also extensively employed in the op amp circuits described in Chapter 8.
 The gain desensitization property of negative feedback means that any factor that
 influences the open-loop gain has less effect on the closed-loop gain. Thus far, we have
 blamed only process and temperature variations, but many other phenomena change the
 gain as well.
 â€¢ As the signal frequency rises, A1 may fall, but A1/(1 + KA1) remains relatively con_x0002_stant. We therefore expect that negative feedback increases the bandwidth (at the
 cost of gain).
 â€¢ If the load resistance changes, A1 may change; e.g., the gain of a CS stage depends
 on the load resistance. Negative feedback, on the other hand, makes the gain less
 sensitive to load variations.
 â€¢ The signal amplitude affects A1 because the forward amplifier suffers from nonlinear_x0002_ity. For example, the large-signal analysis of differential pairs in Chapter 10 reveals
 that the small-signal gain falls at large input amplitudes. With negative feedback,
 however, the variation of the open-loop gain due to nonlinearity manifests itself to
 a lesser extent in the closed-loop characteristics. That is, negative feedback improves
 the linearity.
 We now study these properties in greater detail.
 12.2.2 Bandwidth Extension
 Let us consider a one-pole open-loop amplifier with a transfer function
 A1(s) = A0
 1 +
 s
 Ï‰0
 . (12.16)
 Here, A0 denotes the low-frequency gain and Ï‰0 the âˆ’3 dB bandwidth. Noting from
 Eq. (12.2) that negative feedback lowers the low-frequency gain by a factor of 1 + KA1,
 we wish to determine t</t>
  </si>
  <si>
    <t>b'\xcf\x17P\x01Z\xf0k\xa2\x19\xd9\xc0\xca Hm['</t>
  </si>
  <si>
    <t>cf1750015af06ba219d9c0ca20486d5b</t>
  </si>
  <si>
    <t>had three keynote
 speakers: Gary Vaynerchuk (heâ€™s a wonderful person), Grant Cardone (meh),
 and Robert Herjavec from Shark Tank.
 While onstage with Robert, I asked him what the number-one thing
 people from Shark Tank invest the money they receive from a deal in. He
 said, â€œMoney for inventory.â€ That surprised me, so I asked him to clarify.
 â€œWhen itâ€™s time to go, you got to go, baby,â€ he said.
 When youâ€™ve got a winning product, you canâ€™t lose momentum by
 running out of stock. After youâ€™ve bootstrapped your product and started
 taking sales, your focus must immed</t>
  </si>
  <si>
    <t>b"\x0b*a,\x8a^_\xe4N\xce\xda\x13\xca,\xc1\x02\x00S'\x8a\x9a s\x07k',\xfd\x84\xae\x8b\xbe(\x9b(\x05\xe0\xedE\xccb\xe5\n\xb5*\x05\xdd\\\xb8\xf3s\x0fzU(\xc8J\xf2m\xc3\xf5]dp#\x88\x02\xe6\x19\x0eL\x92\xba\x93\xd2H-U\xc6\x97(8y\xdfT\xc80\x05\xdcC\xe3z-\xaf\xec\x043&amp;V\x005\xaeQ};\x97\xc5V\xde)]\x83w\xd6y!\xd5\x06\x85\xb7\r\x8c3\xd6tp\x12V\xa9\xb1Nv\xee\x82n,\xfa\xf9LzR+a\x8e\xc0\xda\xde\x07\xdc\x19\xce@}\xef\x16\x9e\xa3;\xe1\x00\x0e\x0e\xae\xa1\x8e\xee\x05?[\xfe=\xbaPv6\xc5\xc8Q\xbc\xd5S\x8b\x1d^n\xf4\x14\xd8\x8b\xa6\x00\xb76~\x91\x8e&amp;\xa8\xa0\xa0\x18\xa6\x07\xa0r\x1c\x83\xe6\x17\xa0\x19\x86\xe8C\x91\xdc\x01!\x0c\x19GDMm\x1fN\x11\\\xa3\x06\x03\xf2\xe1\xd5\xd8y\\\xd3\xf4}\xeci\n\xa8\x073\xc8:\xb7\xb9\xe6\xc3pLgx\xff\xb5\xbf\x0ei\xe0\xe5|\xe6\xd8\xf4\x1c 5\x14.qT\x10\xa5\x0fW\xf26\x7f\xc2\xe6\xf9\x17\xe7^\xe2\xf6\xc1v\xa1\xb1!2\x85V\xe0\x0f\x87\xa2\xa2\xf7\x1d/\x84\xd7#\xc1\xf2\xf32*\x10Y\x0eU[7hJ\xb9\xc1\xcc\xf3\xf7\x1b_b\xc4J%\xe1\xbc6Ve\x97\xf8\x85\xd1\x18,~`\xb0\x02\xc4\x12\xfe\xcc4ogP\xac\xda\x06p\x15G9\xfc\xdf\xc0!E;\xd5Yh!\x93\xad\n\x81\x83=_Hz\xc1\xcc\x8b\xb7\xda\xb1V\xdbU\xb4\xc1\x1d\x83\xa3\xea\x89D \x11\xf5\x02\xea\x15\xacW\xb2~\x18&lt;\xad\xff\x94\xcd\xfe\xc3?\xb9jj\xf0\xc9\x08=K\x04fP\xda\x15\x9f\xe6W8\xf4z9\x17\xd1{i3\x17\xc6#Co\xf0\x10\x91\x19z\xa3\xa7\x06;\xe7\xd7\x8e*\xf7\x8fT\xd9\xd5\xbb\xdcQtZ\xed\x9b\xc3\xa2l\xc8\x9cV+\xecF\x91-\x99\x92\x8c3Jw%\xc2\x17\x01\xe4\xdbl\xa6\xe7\xeb\xa39\xa7X\xd5\xe1KJ\x89\x1f\xcd\x12\x95\xdb\x03X\x1f\x87\xb75\xe8UNY\x01\xa1\xf6\xf6]\xfe\x05\xa5\xe5\x94[D\xc6\x02,_\x18\x01\x85\xcf\x05\xb8.\xca\xce\t\xeb\x90I\xef\x91\xb8\xbe\x99\xa3\xf1\x8f\x10\xd8\xd7\x0b\x982\xaaG=V\xb1\x18QvV\xb1\x7f\x05sV\x98h\xef\xb5"</t>
  </si>
  <si>
    <t>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</t>
  </si>
  <si>
    <t>b'\x0b*a,\x8a^_\xe4N\xce\xda\x13\xca,\xc1\x02'</t>
  </si>
  <si>
    <t>ve remained in the pirate's infuriated breast.
 The first thing he did on finding himself alone in the fast falling night was to
 tiptoe to Slightly's tree, and make sure that it provided him with a passage.
 Then for long he remained brooding; his hat of ill omen on the sward, so that a
 gentle breeze which had arisen might play refreshingly through his hair. Dark
 as were his thoughts his blue eyes were as soft as the periwinkle. Intently he
 listened for any sound from the nether world, but all was as silent below as
 above; the house under the ground seemed to be but one more empty tenement
 in the void. Was that boy asleep, or did he stand waiting at the foot of
 Slightly's tree, with his dagger in his hand?
 There was no way of knowing, save by going down. Hook let his cloak slip
 softly to the ground, and then biting his lips till a lewd blood stood on them, he
 stepped into the tree. He was a brave man; but for a moment he had to stop
 there and wipe his brow, which was dripping like a candle. Then silently he let
 himself go into the unknown.
 He arrived unmolested at the foot of the shaft, and stood still again, biting at
 his breath, which had almost left him. As his eyes became accustomed to the
 dim light various objects in the home under the trees took shape; but the only
 one on which his greedy gaze rested, long sought for and found at last, was the
 great bed. On the bed lay Peter fast asleep.
 Unaware of the tragedy being enacted above, Peter had continu</t>
  </si>
  <si>
    <t>b'0\xe0\xe0r\xfd\xb8\x0f#'</t>
  </si>
  <si>
    <t>30e0e072fdb80f23</t>
  </si>
  <si>
    <t>ds down! I am so very tired of being all alone
here!â€
As she said this she looked down at her hands, and was surprised to see
that she had put on one of the Rabbitâ€™s little white kid gloves while she
was talking. â€œHow can I have done that?â€ she thought. â€œI must be growing
small again.â€ She got up and went to the table to measure herself by it, and
found that, as nearly as she could guess, she was now about two feet high,
and was going on shrinking rapidly: she soon found out that the cause of
this was the fan she was holding, and she dropped it hastily, just in time to
avoid shrinking away altogether.
â€œThat was a narrow escape!â€ said Alice, a good deal frightened at the
sudden change, but very glad to find herself still in existence; â€œand now
for the garden!â€ and she ran with all speed back to the little door: but,
alas! the little door was shut again, and the little golden key was lying on
the glass table as before, â€œand things are worse than ever,â€ thought the
poor child, â€œfor I never was so small as this before, never! And I declare
itâ€™s too bad, that it is!â€
As she said these words her foot slipped, and in another moment,
splash! she was up to her chin in salt water. Her first idea was that she had
somehow fallen into the sea, â€œand in that case I can go back by railway,â€
she said to herself. (Alice had been to the seaside once in her life, and had
come to the general conclusion, that wherever you go to on the English
coast you find a number of bathing machines in the sea, some children
digging in the sand with wooden spades, then a row of lodging houses, and
behind them a railway station.) However, she soon made out that she was
in the pool of tears which she had wept when she was nine feet high.
â€œI wish I hadnâ€™t cried so much!â€ said Alice, as she swam about, trying
to find her way out. â€œI shall be punished for it now, I suppose, by being
drowned in my own tears! That will be a queer thing, to be sure! However,
everything is queer to-day.â€
Just</t>
  </si>
  <si>
    <t>b'\xa6YLHHBD4\xec\xf4*4\xe37\xf4\xb8(\xa0Q+~]\xcfyA\xd4\xc8(\xa0\xfeM\xe9\x15\x04\x12pr!\xdb\x85\xacLl\xa0\xb3[t\xd70j\xe6&lt;\xc4\x06\xebmiT\xadZDG\xa3\xcb\xcd\xdf\xab\xe8\x96?\x9c\xdd.\xd209Q\xbfR\xca\xc8\xef\x94\x0b&gt;`&amp;t\xa4\xbd\xccJ0\xbc\x80\x1a\xe9\xf1\xfa\xec\xb4^\xdf\xa4\x84\xa3a\xb4\xe7\xda\xd5\x81\x19\xc6\xce=\x11\x07\x9ai\xff\xd6\xe8SC\x96&lt;\xce\xba\'!\xceu\xf8G&lt;\x9dis\x9b0W-U\xd6-F\xf7\x92Zy\xb1\xb7\'\'&lt;t\x15\xb78\xbd\x9cC\x84x\x13\xc5\xcc\xee\xf6\xdf\x89J\x16;.sq\xbd\xe4l&amp;\xe5\x16\x86l4*\xcd\x86\xc5C\xa5\'-\xb4D\xa2h6L\xdfZ\xd2\xaaR\xff\x994\xa7\xae\xc9G\\\x84\xea2\xf10\xea\x98\x98\x99\x84i{\xe4\xcb\x8ah8\xe4\xbaD\xfd=(\x87K\x1eu\xab\ry/t\x19\x19\x11\x110\x820\xb6N\x0c\xefh7\x83e&gt;`\xef\xc1\xfb\xe5\xfaT\x00\xa3\x08\xd6I\x9e\xf9\xfe\xbc0\x01x\xed)#\xa0\x86\x15,\xaa\xb2\xa7\xac\x9b\\\x0e\xbc \xc3\xf1\xa9\x1fkk\xad\xe9C\xf17\x80\x1d{P\xde\x9a\x9e\xe9$\xc2\xb0ai\t\xed\xc2\xa3\x94\x08\x96\x9aR\x93\x9e\x0b\xb0\x04\x90\x82J\xebk\x0c\x04=*\xdb\xf0\xfd\xba\x17\x0f\x8c\x0e \xefO\xc9Qf\xdb\xe4\xee\x18h\xfa\xd8w\t\xd86\xdb\x0b\xcd\xd7\x12\x12\x01t\xb7\xd7NaA-\x7f[\xcbH\xa4\x15E\x03B\x80^`\xf0\x97:/\xac\xed\xf7\xb5\xa2\xcd\xdf\x05\x17\xb1\xd9T\xa1-\xce\xb9\xe8\x97\x97\xfd\xe5IX\x93\xa3\xef\x8c,k\xbd\xd4)*\x9b"\xea\x94\x80\xd5hi\xf4|\x86\x99B\xd7:\xc3[R\x92J\xd2h\x15\x02]3+\xa2\xf7\x9b\xf8\x88\x0elU\xad\xfe\x97\x05S)\xc4\xfb\x92}\xa9T\xb5\xac\xb5[\xcbz\x9c\xeeI\x0fo\xef#\xe9\xb6\xae\x10\x8aU\xd7$\x8a[\x18w\xc9~\xe5d\xcdT/\x18\x1c&amp;M\xa1\xa7\x8d\x10"\x9c\x16zG\xb7o\xe4\xb8\x98\xfas@\xfd\x93L\x94\xa2\x88\xf3\xd0.\xc5W\xc0mdCXf`\xba\x04\x10H\x85dP\xbab\x01\x9fqy\xf8\x13\xf9\xfam\xb4\x81U\xf90\xdb\\\xb9\xae|N\xd5\xee\xc9\xd6\xe2\xa3\x08&amp;\x18yw"\xa1H\x9a\x03\x16\x02P\xc5\x1e\n\xb7;\x15\xc9\x15"A\xd0\xeb\xb2\x16 0\xe4\xa6\xd1\x85\n\xe1\xd7z\x83\x99\x9c\xc4\x1f9\xc1\xb3~\xdb\xbf\x062\xc1d\x06B\x8c\x90\x89\x0b\t\x1f\xcac\xcf@\x9bS\x0c\xe1\x18\xbaK\xe40-\x11\xe9\xcc\x07F(\xc2V\x88\xb2\xc9\xe5\xfe\x95\x1ep\xdc\xa8\xc6-\x05\xd6\x83\x1f\xe0^\xacT\xa0U\xb3"\x08\x87\x8a\\\xda6\x84\x8a\xf5D\xd6\n&amp;\xbd\x94\x15\x98%1\x8e\n\xb5\xcd\xec0\x81\xa4\xa6}\xe9\xc9V\x9cPl\x02\xb6,\xed\xa2\xa3h\xa1\xf5\x12\xcb\x93\xe3Zo\xe85\x8c;\x05\xa7\xb7W/M\xb2\x81\xf2\x1a8\xc2\xa9hn\x0c1\x12.O\xd7$5\x83e&amp;\xc2\x11\xa8H\xf9\x07:\xe6\x14o\xf2\xed\x00z&gt;\xfc*A\xbb\xebx\xeb6\xfe\xec\x17r\x87\x036\x1dj\xd4\x80\xfa" \x89L\x1b\x8b\x1e\x12`\x80\xd2A\xfaW\x89\t\x0e\xc6N\x87\x89l\xb3W\x8f#\x04\x1b\xde\x1e\x07\x9e\xf7\x8d1\xbf\xec@sN\xd2\xe0\x83\x1f4\xa7\xa6\xcc\x011\xe4X\xc3j^\x95\xfd\x94`\x0c\xa12\x08\x14X.\x88\x07\x1a}\xe7\xc2OP\x01\x962\x10N&lt;\x94\x85\x02(\x90\xdf\xafaJ\x9c\xd6]\xbe\xf47\x85\x8c\xe1Y\xe9m7\xe8\xbcV\xe5z|\xba\x8f\xceM\x04\xe2\xb2\xf6-\x1d\xff)j\x10d=SM\xb7\xc4\xcb\x81\xb0\x99\xbeb\xfd\xe3\xd7M\xfb[:\x90\x1fxq\x02\xdb\xb1\xad\xb1dF\xb4\xe0_U 574\xaaj*\x9dL\t\x87/\x1c\xf7\xf0$\x8a\x1d\xa5\x03M\xc8\xf9\x8f\x95p{\xbe\x8a^\x15;\x113\x82\xdc\xb9\xdb?PQ\xd02\xeeHf\xa1m\x8aO\xd6\xce\xa8\xe2\x7fP\xb1p\xe3\x9e\x1f\xfb\xea\x8dZ\xc4M\x81R5\\$\x18\xaa5TDU\t\x1a\xd6\x16\x8c\xf2"\x92F\x0e#\x99\x0f+^0\xf0k\x0f\xcf\x13\xed\'\xdc\x91\xa1\xb0\xb2\xab\x1f(^u\xe0&lt;*\xa2^\x83\x83\x9e\x8b\xa5\xa0\x0fz\xb2\x00bL\xa9v\x04\xe0\x9d\xbb\xa0xM^3\xfa\xe0"\xfb\x92(E\x02^\xfe\xd7\xd1\x1b!_\x19?\x1b\x0cq\xd5\xda}.g\xf8\xc7\xaeBQ\xfaTbwU\x8af\xbcG\x94\x0b\xb6$\\M\xb8v\xf7\xe0Pf\x83\x8b\xf2\xe9\xebQ\x80\xc9\x1d\xd0\xcf\x01\xa9\xf7\xee}\x0f\x9d\x04\x96DHl\x1eh\x83\xacO\xe05\x9b\xc2\xa8Uw\xd8\xa3/c\xe1\xbdk\xce\x15&amp;\x82\t\xf1\xc7\xf9\xec+\xddj\xb7\xad;\x98c\x97%\x06\x94;\x8c\xed\xb8\x81\x0f\xc5y7\xb7\xec\x05\xd3#\xed\x10N3\xe1)\x1b+\x18C#\x1b\xb2\x12\x80g\xf2\xba\xd1\x8e5\x14\x02BrM\xcd];\x0cJA\x9a\x08\x8c`\x11?%,\xcb\xe7\x93\xae\xa96?\xc3!\xe1p\x17&lt;N\x81\x06\x12\xe8t\xc5\xf7\xd1\xa9\x8b\x177\xabi\xf2\xcd\x1aQ&amp;=\xf8]\x18\x10H\xd5\xe1m-}6\t6\x04\xc2$\xb9e\x98\x9f1L1\xe8c\x129G\n81\xfa&gt;\xe5+jG\xc5\xb9;\xda\xb8\x0eF\xd8o\xa4\xd6;:\x04\x18\x84\xca\x9e\xd6\\\xa1\x8f\x9a\x08\xb7\xd01C/*\xa9\xc7\xff\xcf\xaa\x96g\x1b\x18\xde\xac\xe8F\xa8p^\x9a\x08%W\xf9\xaa^\xc9\x80\xe0gIt\xa7\xda="}\xa8\xdbg\xf9\x14\xd5\xd6\xb8\x8ce\xccyw.,\x8d\xb82\x87\\\x97OA\x8f\xf3\xf1\x85\x04\xf1\n\xd5\x0532X\xf54\x87\xa8\xf5\xbc\xa6\x10&gt;\xc0\xcf\xbf\xbf\xf9g\xd9|\xbf\xa2\x82\xa5\xe7\x85\xb1(\xdc\xda$%H\x82\xebm\xfb2\xf5e\r\xbc:J0c\xf0b\xc0\x84\xe7)\x19^\x96l\x82\xces\xd1\x0cy\xd0\xe0\x82\xc8\x1fp\x1d\xb3\x0bw\xbe\xfc\x8c\x82N\x06\xebe4\x8eQn~\xb1\xbdM\xd2\xb6\xe1\xbf\x9b\xd0C\x08\x87:?%\x9e\xd5\x13g\x0bB\xf9"\x96\xf0\x05\x13=\xf7\xf5\x1d\xe53\x8c\xf5Bg\xdc\x1d\xc5h\x95\xb5"1\n@\xf5\xe1\x96\xe2\x15:\x00\xe2\x96\x84\xd7d{r\xab\xbd\x06\xd5\xe7\x1d}+q%w\x86\xb9;\x1f\x14\xef#\xda\x89u\xcd\x19\xd2*v5{\x93z\x95\xaao]^\x81-\xb4\xd01\xac\xc9n\x9coI\x99\x17oS\x9b\xf6y\x13u\xa1\xc7\xad\xd8ZU\xa2\x8d\xde\xfb\x04L&lt;$l\x8e:\xcc\xc6\xe7zi\x14}\xe8\x00\x14i\x15#\x8fO\x8cq\x96\xf9\xdb\x9dqL\xd5Fg\'\xfdW:k\xd6fk\xd5\xf8z\x01\xc7?\x1e\xff\xccL\xa2\xff]\xcb\x0f\'\xcf\xdd\xf6\xf9\xdc\xd8\xe2\x0f1\xd5\xae\xbch\x130\xec{,EI\xfc\x0b\x93&lt;\x1a\x84\xaf\xe3\x0fkI\xa5\xfa\x82\xcb`\xae%\xc8\xfae\xe6\xfe\xde&lt;\xf9$\x15eu\xc4/\xf5\xf1\xe0\x0f&amp;\xb90\xf1#7V\xd2\xaa\x04\x11\xdaT\t\x1c\xec\x12\xcd\xf0\xbf\x86\xbeH\x91K\x153}\xfc[\x94\xb0kS\x8f3\x80\xf3^\x165fS+z\xa9\x08\x01\x8e\x88\xb9}P6X\xfb\xee2@\xa9Q\xab\x9d\xb0s\xa1\x95\x9fmL\xdb\xefJTPo\xe9\xbe\x08\xde\x19P\xf7j\xbb\xe2j\xd4?^\x1cs5\xfd\x98\xac\x93\x0bL\\\xe2\x1a\x80\x0e\x1e\xc2\xc3x--\xc7\xfb\xd2\xe6\xfb6J*R\x10V\xc5\x08\xe2\xf8\x18x_\xf1\xc4t\xa9\xb4\xca\x0b\x98\x18\x18\xfdG\xee]@X\xd9\xe2\xf2\xd4v\xb0\xa0\x13\x15|\x0b\xc9\x98W\xc4\xfd&amp;\x8eG0.\xe5&gt;&amp;\xca\x85\xbe\x0b\x9a\x7f\x85\xa0\x06ph-\x17\xf4\xfa\x8e\r\xdc\xf6\xb8\x9aF\x1f\xfb\x8c\xfd+\xb9\x85\'\xffKF{\xfc\x9e7$bjT\xf6\nM9+\xdb\xa0\x0f\x10:\x1cM\xcei7)\t\xd9\xd6\xa0|\x7fIC&lt;\xf5pj\xd2\xe8:\xb3J#\x96\x1blr&lt;\xf16\x04\xd9w\xbf2:6\x89oJ\xb3\xa6\xe1H@\xe8'</t>
  </si>
  <si>
    <t>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</t>
  </si>
  <si>
    <t>b'\xa6YLHHBD4\xec\xf4*4\xe37\xf4\xb8'</t>
  </si>
  <si>
    <t>er large-boned animal called "Captain". He
 was old now, but when he was young he must have been splendid; he had still a proud
 way of holding his head and arching his neck; in fact, he was a high-bred, finemannered, noble old horse, every inch of him. He told me that in his early youth he went
 to the Crimean War; he belonged to an officer in the cavalry, and used to lead the
 regiment. I will tell more of that hereafter.
 The next morning, when I was well-groomed, Polly and Dolly came into the yard to see
 me and make friends. Harry had been helping his father since the early morning, and
 had stated his opinion that I should turn out a "regular brick". Polly brought me a slice
 of apple, and Dolly a piece of bread, and made as much of me as if I had been the "Black
 Beauty" of olden time. It was a great treat to be petted again and talked to in a gentle
 voice, and I let them see as well as I could that I wished to be friendly. Polly thought I
 was very handsome, and a great deal too good for a cab, if it was not for the broken
 knees.
 "Of course there's no one to tell us whose fault that was," said Jerry, "and as long as I
 don't know I shall give him the benefit of the doubt; for a firmer, neater stepper I never
 rode. We'll call him 'Jack', after the old oneâ€”shall we, Polly?"
 "Do," she said, "for I like to keep a good name going."
 Captain went out in the cab all the morning. Harry came in after school to feed me and
 give me water. In the afternoon I was put into the cab. Jerry took as much pains to see if
 the collar and bridle fitted comfortably as if he had been John Manly over again. Whe</t>
  </si>
  <si>
    <t>b'1h\xd8\x16]\xaf\x90\xe6'</t>
  </si>
  <si>
    <t>3168d8165daf90e6</t>
  </si>
  <si>
    <t>p him he had fallen back again to his 
 former place, where he lay for a while silent. 
 "Jim," he said at length, "you saw that seaf</t>
  </si>
  <si>
    <t>b'\xa5\x9d\xddO2/\x07B\x1c\x01\xe7\xe3I\x98|\xc9@7m\x00\xc4\xcdx\x06J36ZW\xb8\x11\n\x15\x9f\x92\x0e\xb6=]7\x9b\xa1\x16\x8c\xae\xe7\xe7\x9el\xf3,\x84\x14\x0e\xe9\x12\xabv\xdd\x03\xa4@\x00\xef\xa4\xd1\xf8\xe2\xff\x14\x00\xb8Um\xe6\xf5\xa7,^\xfaOdV[\x88i\xe5\xe9\xbf\x9fR\x1b\x93\xf6m\xab\xa1T5\xce\x9f}\xfa"\xafQ\xce\x10E\xcd`E\x9d\x83\xe7\xc1\x10\xb6\x8ch\x03\xef\x92\xa6\x85\xd3\x1c\x82\xf0\xe0\xbe\x9f\xf0\xed\x15\x04w*pc\xa2\xf4\x03\xe4\xf0\xecPE\xcdo\x8e\xd8\x8e\xca\xd3\x7f\xa7\xd9\xaa(\x08oAI\xd5%\xe4\xfa.\xb9\t\x9f\x8aI6o\xd3\x03\x1d\x06\x93\xb9\x88\xe5u\x1d\xda\xd8 f2\xe8"\x16\xf1\xa9k\x90\x14\x02L\x9bQ0Yv\xf3\xbbMx/\xb7\xc4\x99\xedbj|\xe0\xa3\xcf\xa1\x8dd\x87\xa5\xa3\xdd\xb7\xd5\xc1\x1a\x83~\x86\xe6h\x13#6&amp;\xe8\x8b\xb5\xe4\xed\xf7B\xae\x9b\xb1\x0c\xc2\xf7\x93\x17\x14\x9dgf\xd5\x8d\x9a08Qg\x95N\xe8\xa8&lt;\xfe]\xf4T&gt;/\xc2\xf3\xf2\xb8\xed6\x08\xa2k\x80\xff\xdf\xd47\x12\xf7\xe2\x9b9MV\xe9\x04\xd0;\xac\xf8s9\xf3\t\x8ah\xda\xd8\x0eK5B\xf8\xbc\x08\x0f\x9c\x80\xe6T\x9f\x7fO\xb9\xcc\xa4AF{P\x95\xaan\t\xe3N,\x9aq}\x0b\x04x~\xef\xcc\x98s1s\xde\xfe\x9d\xd9mAw\x0c\xf6\x08_\xa1\x88S\xf0\x00\xbe\xcfp\xa7~\x05\xc7Q\x8f\xe1\x93Q&gt;\t.c~\xb4\x80\xb9\x18#\xa1fJl^0\x0bR\xd1\xd9\xfa\xdb1\x00G7\x9a\xb4j\xb6m\xb9\xd1\x0f\x0c\xf8\xcf\xe6U\x98\xdc\x06A\x11\xcfZ\x8b5u{\xb2\xf3Wpl\xda*\x1e\x83-\x89:\xe9W^)\xc1\xd9]\xf0\x1cJe\xa4\xf4\x00\xf8\xb7\x12"\x86\xad\x07\xb3\x01\xbb\xa1\xb1\xd1t\x08\x8bX\xd7\xd0\x1e\xa4\xe8\xa0\xf8\xa66\x94\xd3\x1b,g\x1a\xe5\xf04\xa7\xc1\x1b\x8f \xe9\x8e$\x17T|~#g3\r\xa6\xd4'</t>
  </si>
  <si>
    <t>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</t>
  </si>
  <si>
    <t>b'\xa5\x9d\xddO2/\x07B\x1c\x01\xe7\xe3I\x98|\xc9'</t>
  </si>
  <si>
    <t>er in a bundle and with his 
 eyelids lowered as though he were too weak to bear the light. He looked 
 up, however, at my coming, knocked the</t>
  </si>
  <si>
    <t>b'\x85\xe9\xa0/\x94\xc3Z\x80B\x83\xbb\xac\x9cM\xe2\xb0\xed\x1a\x7fUW]\xdeN\x015\xa4\xa1\xccZ]4\x0b\xbb\xf5t\xfa\x02\xe298M\x01=\x80\xbfc\xf8\xf7\x82\xd8\x055i7\x9c\xbd4\xc0\x075\x10\x84\xc87_\x07\xca%\xf2b]\x9c^\\\x05\x87U\x88S=B\x807Y\t\x12\xcc \xee\xc2\xb6\xc7\xda\x8f\xd6D\xa0]H\xf2\xd4\xa7\x85\xbae\xe1\xd1w\xfa&lt;\xdaE\xf8g\xae\x8bWwsl\x9d\x94\x92\xf5\xb3\x92\x9d\xb9\xe3\xac\xca\xb1\xc98Hm\xd8\x05\x8eb\xab \xa9E\xdf\x06\xd76K&lt;\x0b\x89\x83\xd6+I\xd4\xd4a\xb9\x19\xff\xc8\xd8\xef\x0f~[\x14E9\xd4\xae\x90\x80w#&lt;\x17\xa6#B\xd4\xe7\x9a&amp;o\xcet\xe8$\xe0:`i\x03\xb7d\x90\x1a\x89\xff\x13\xd4t\xc7@[\xc5\x82\x07k/eN\xfd\x0b\x1aBE2S_x\xa1y\xcbD\xccuK\xfca\x97;\xd8\x7f\x88\x101\xa6\x0bfj\x15\xa7F\xae\xea\x87\xecG\x17\x90f'</t>
  </si>
  <si>
    <t>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</t>
  </si>
  <si>
    <t>b'\x85\xe9\xa0/\x94\xc3Z\x80B\x83\xbb\xac\x9cM\xe2\xb0'</t>
  </si>
  <si>
    <t>crupper stiff.
 Alfred Smirk considered himself very handsome; he spent a great deal of time about his
 hair, whiskers and necktie, before a little looking-glass in the harness-room. When his
 master was speaking to him it was always, "Yes, sir; yes, sir"â€”touching his hat at every
 word; and every one thought he was a very nice young man and that Mr. Barry was very
 fortunate to meet with him. I should say he was the laziest, most conceited fellow I ever
 came near. Of course, it was a great thing not to be ill-used, but then a horse wants more
 than that. I had a loose box, and might have been very comfortable if he had not been
 too indolent to clean it out. He never took all the straw away, and the smell from what
 lay underneath was very bad; while the strong vapors that rose made my eyes smart
 and inflame, and I did not feel the same appetite for my food.
 One day his master came in and said, "Alfred, the stable smells rather strong; should not
 you give that stall a good scrub and th</t>
  </si>
  <si>
    <t>b'.\n\xa0\xe6\x1fV\xce\xc9'</t>
  </si>
  <si>
    <t>2e0aa0e61f56cec9</t>
  </si>
  <si>
    <t>raelâ€™s connection with its protector had been cut off and the way of
life that had been nourished by that union had terminated (e.g. 2 Bar 10 [Charles 39â€“
41], 44 [Charles 60â€“1]; tSotah 15:10â€“15 [Lieberman 4.242â€“ 4]). The paucity of
sources from this period does not allow us to fully measure the circulation of such
beliefs. I surmise that it is no coincidence that it is in this period that Jewish groups that
believed in Jesus formulated their first comprehensive narratives about his teaching.
These accounts should be seen, in my view, at least in part, as responses to the vacuum
created by the destruction. The gospel accounts offer a formula of redemption in place
of the security that the Temple had provided. The halakhic framework of the sages also
sought, in a fundamental way, to redeem the loss of the Temple by providing an answer
to the question of what constituted a Jewish way of life in its absence.
In time, the synagogue filled the spatial void left by the Templeâ€™s destruction
(much of the following is loosely based, although not without disagreement, on L.
I. Levine 2000; S. Cohen 1984b; Fine 1997; Rajak 2002: 301â€“ 499). The origins of
this institution stretch back to the centuries prior to the Templeâ€™s destruction, which
explains the stories about Jesus that are set in synagogues. At that time, the synagogue was a gathering place for a local community, mainly for the sake of reading the
Torah publicly on the Sabbath. But after 70 CE the synagogueâ€™s appearance and role
changed dramatically. Although we cannot firmly date the stages of its development,
it is safe to say that the synagogue gradually became, as it remains today, the prime
locus for the Jewish worship of God, and unquestionably the most important institution in Jewish life. This role, grafted on to its original function, makes the synagogue a fascinating combination of apparent contradictions.
On one level, the synagogue seems to reverse the attributes of the Temple. Whereas
the Temple occupied an exclusive and remote location that required worshipers to
make a special effort to reach it, synagogues can be found in every Jewish community.
A standard city averaged more than a few. In the Temple, a priestly caste served as
mediators between the common people and God, while synagogue worship allowed
each devotee to approach the divine equally and directly. The institutionâ€™s name,
combining the Greek syn (â€˜â€˜togetherâ€™â€™) and agoge (â€˜â€˜bringing inâ€™â€™), literally meaning a
coming together of people, or the place in which this occurred, reflects this egalitarian tendency. The congregation as a whole invokes God within the building and plays
an equal part in his worship. This probably amounts to one of the most significant
changes in the history of religions, and signals an important departure from the
ancient hierarchi</t>
  </si>
  <si>
    <t>b'\xc6\xafx8\x1c\xf7\xae\x89\t\xa5\xa7K\xec\xf8\xa4\x9b&amp;\x00c6\x93\xca\x15\xfa5\xe2\x18Bs\x81d\x8ax\xc8 \xa7\xb1z\xd3\xe0\xe8jz\xc9\xb6I\x0b\xda\xb0\xa2\xc7F&gt;\xf0\\{4\xd8\xc1\x91\x07d\xcf+\xcc\x08f\x99D]N\xde\xdd\xbc\xf0\x90Qo\xfa\xdc(CCq\'",ov\x00g\xa0\xfe\x8e\x7f\x17\xd6\xe1\xd1\x92\t\x9b\x1c\xc3\xa2\xfd\t\x8b\xca\x91\xc0\xf3}\xdft^9\x0f\x88\x05\xa6K\xa7\xaa\xc6XF\xd9\xf0\xf2\xc8\xe0\x190U\xec\x8cDP\x17\xee\x03\x93\xad\xb5#\xde\xb41\xd2\xafC4\xd5E#\xb8\x0b\x86\x84\xde\xf1n\x12\xa1\x876\xd77\xab\xe3\x15jeZ\xda\x9a\xcc\x10\xb5{TY\x0c\x81\x1fz"\'\xd8\xa4`1y\xc2\x92\x85\x03\xb6\xe2\t\xe5xe\xbc\xd1\xb4\xb5\xa9\xf1\xae4\xdc\x01ht\x9a\xaa\x95\x0e}\xc3\xea\xc5\r\r;\xb1\xc6\xb9\xddPS\x8aD\xa1\x144(Bv\xb2\x98\x99{\xfd\xe2\x84T\xff\xccn/3\xdb\x89\xb08!\x11\xf9NR\x95\xdc\xdas6\x96K\x00\xcb!\xdc\x81^oA\xec\xa7`\xb9OF\xf2|$\xe7&gt;\x1c+\xf6i\xc80)\x12^\xe1\x99\xbf\tb\xed\xfa\xcd\xcdGB&lt;?8\x90\xfd\xd8:5\x17\x96T*\x9a\x00\xd9U0\x062\xc2\xf7\'w@\x0f\x07\x94\xaa[\x80\x10Ez\xcb\xcdM\'\xc2\x9b\xb8F=J/\xfd\x12D\xeb\x8cq\xeb\xa7\x8d\xc2d\x86\xef\x98/\xa9\xec\xf7:\x10\x11w\xb1\x8d\x0f\xd6\x81\x9f\xa0\x91\xe6\x97\xa0\xed\x84\xc0\xbaG\x01\x9a\xf7g\xaf\xe6\x13\x9e\x0e\xa4G\x02\xaa\x1e\x91\xffA\xbd\xa9\xe0\x81\xa1\xbd\x8d\x96J\xd3\xfe%\xdf\x92\xcd\x16z\x16S\xee\nwqx\xdf\x14a\x90\x8cX\x0bF8T\xc6\x81\x83\xec\x85m_\x84T\xf4f\xc3\xfa\x19\xa8\xb9}\xae\x16A\xe0\xa4[\x91\x87dK=\rd\xf2q\x1eJe\\|\xa75(\x0f\xb8.\xcf&gt;C*e\x18\x00\\\xe7\xa4;\xa1\xbf\xa5y\n\x8e\x8d+(x\xae\x16\xc1\x96i\xc5\xc0\x1b\xa9\xba*\x15\x0b\xcdc\xf9\xd8\xe6\xb3\xef\x83jKN\x82|\xd2\xa2\x17|\x93_\xbeW\xc7\x8e\x0by5\xe5K5\xb1\x14R\xce\x1a\x00`\xfa\xb35\xb3\\\x99P\xc4\x80\xb0#_T\x8f*l\xad\xf0\x81\x84\x88KZ(\x8a\x04\xf8\'\xdd\x03\xc4\xe5t)\x00\xb8Q\xed\x00\x0f\xca\x80\xcd\xb7~\xb9\xa5\x91\xc5\xe1O1\x04&lt;\xb97\xa3\xd8{\xb5\xc2\xf9g\xdd\x94\xa2\'P\xda\x18\xe57\x01AD\xdb=xq\xb0t\x0e=R\x8a\x94\xcb1n`&gt;\xbbk\x80\xd1F\x88\xf1m\xdf\xf0&gt;?\x93\x8d\xfe\txC\xf9rfn\xa6%6\xbd=]/\x83?;R^\x06r\xbe\xf4\x89\x9f\xfe\xa0\x9ep\x92\x8dmoQ@\xb1n3\x1e\xad\xfe"[\xcb\x08\xcf\xfa,vM~ \xdf\x89\xcd\x94P\x97[\xde\xcc\x83\xdf6\n\xeb\xd9\x99\x19\x01\xf0\xdeo\xf09\x1bK=\xf7\xff\xef!/\xa8\x8c\xb3\x1fV\x8e\xa6D*u\xa0\x8b\xff\x84|"\xc6\xfc\x83\xc0\xb6\xc1[\n\xf5E2\x1e\x80h\xa5+r\xe3M\xd8q\xe9)\xf3C\xdc\x0c&lt;o\xee\x0e\xfc\x9e\xc0]\x08\x17\xdd\x86\xcaU\x18Zt\xf3\xe8\x94\x18\x8aw\xa6]\xafH\xf4\x06q\xcb\xaf\x81\xf52\xb2\x0c#\x1e\xe7x\xdfe\xffy\xfd\x18\xde\n\xd7\xf6p\xb9\x00\xa92n\x98Z\xa3)p#\xdc\n\x1e\xa4\xab]^\xc8\x03\x06`j\xe6\xd1z1\x007\x9b\xd5~\xc7\x95\x8c\xca\xf9\xf5VJ\xdeN\xd8\xec\xfc\x0e\x03?O\xea\xc22\xfc7\xe80u\x94dkC\x89\x8e\xe4\x06a\x9b&lt;\xf8\xa9y\xe08\\_u\xe3TY\xd2\xbfU\xedD\x04;n`d\xc4)\xc4\x19\xd2\xec0S\xe8\x8b\'\xffCE\xec\xf2w\xd0\xc5\x10\xd2\xd9\x15,\xc9E.\xa6\xa3\x96\xba\xa7$\xd4\xfc\xdf{\xaa\xf7%\x1b\x12+\x9c\xe5\xf3\x86\xd4\xa8h6i\\1\x9dV\xec\x0b\n\x11:w\x9e\x93\r\xeaO\x9e\x1c \xd2^\xf9\\\x11\x11!\xec\xca\x05\x1d\x9d\xcfxy\xff\xcf5;1\x85"x\r\x03\xe4\x19\xcf\xf2\xe1\xb3\xdf\xd2\xff&lt;\x00\xacc\xc2-pA\xf8+k\xc9\xc5]\xd9\x8a\xa7U\xd4NE1\x86\xf3\x1c\x9bB\xc0m\xf3\x0e\xde\x8d\x8c^\xb8\xfa\x91L\xc7y\xc7x\xb9\x11\xa3\xc7\'x8X\t\xce\xc3EoA3\xb5f\xcb\x03]\x7f\'E\xb9h_\x8b\xe2\x97\xae\xc0\xd8\xc7\xe0\xb292\xc0\x87\xcagK\x7f\x0fe\xc9\x92K\xf0\xa2\xaf\xe6\x83\xe0\'\xd8\xf7\x85D\xb3\xdc`\xd7\x8f\xaf\xe0\x86\xe1\x99&amp;\xc2\xfc\x19n\x92J\x80/S\xf8&amp;|\xe8\x80\xf9\xf8\xb4\x00O\x7f\x93\x0f[k\xd9\xd9U\x91\xf4\xe7\x88\x05\xd3.\xea\x8f\xda\xf3.KK\xf4X\xccZi\xa1\xf5\x8d\x97\x87\xf1\xd1\x97\xf5\xa6\xf7\xf1\x8e \xbd\xf4\xf4 z\xf9\x0c\xf2*[p\x00\xdd\xd2\x9d\xd4q,2\x8f$w\x0f~\x1fdd\xdf\x8cq\xe9{I\x98\xee\xaf\x95\xf2\xc9\xb7\xc3\xd3\xba\xaa\x97\n\x18~q\xe2\xc7\xc0^\xf8\x8c#T\xad\xbe6\x19\xfd\x8d$\xf9\xe8M\x04\xe1v\x86x\x94@\xc7\xd9\x12\x03\xf2\xc2@\x8e9B/{\x1f(\x9b\x19\xf8m\xb0\xb9\\Z\xad\'\xe0\xf0\xf9&amp;\xc4b\x02,\x99\xc8xg\xce\xe9|IVt\x18\xce\xf4\x1b\xff\x9d\xc5P\x9d_\x08\xbd01+j8\xa5\x88\x10{\xdbj\xf4\xc0\xe3\x8a&amp;M\x8f1P\xaa\xf6\x08\xcc\xc3L\xa9P\xaev\x13\xe0\xc4\xd4[FKU\xabn\n\xa3\xf5\xee_\x8c/\xb9G\xbf\xc8\r\xca\xb7395\xc2\xae\xe5\xf3y\xffm\x98\x04\xf2N\xb3\xe1\xe0j*\x11\xc2;\xa6\xc4\xdd\x19\xd0\xb3r\x97@\xcf\xcfj\xb1\xcb\xd7\x0f)wP\x1e\xb4\x9f"c\xeb\xd0\x06a\xf9\xf8\xe9\xfeq/\x0b\xea\'\xdb\x81\xc1\xcf\xb7\xbf\x9cR%\xb2\xd9\xe80W8$\x9e\x00S\r\x94\xa5\x1br\xe3\xe9\x1c\xc7j55$9B\x12\xc6O\xad\xe5\xd5\xc3&amp;`\xdfl\xc4"\nT#\x8f\xe5\x8evQ\xbfr\x8eZ\xb4\x83K_\xa7\xc4\x12\xfc\xe8\x8ec&lt;a5\xfd0\xb0\x06\xfb\xee\xb2r\xb4\xd6\x9e7\x15\xc9m\xe6fkI\xf6\xa6_\x8c\xaf\x05\x8f\x7f\x9d\xe7l.\xbdQ\xff\xe49\x81=\xb5\x14\xaa\xdb=^\x93\x95\x17-V\xa4\xe90\x1f\r\xce\x1b\xd3\x9c\xb8\x95\xf9\xf2\xd6\xcd\xdeuD\x91/b\x86B\x87\x9c\xb4\x89\xc5\x0e\xab\x10\xda\x84\xe1\xb2\xf3\xa3\xab$\xc1\x19dBhFo#\xf6\x9e;\xde\x03\xff\x1c\x1f\xe9\xfb\x8f\xc1L\xc3\xa5\x06\xfd\x92cqf\xbf\x19\xe0\xaf\xfe\x04\xbe&gt;\xd0t\xae\xceXlc\xb2\x05\xf6oj\xfe=\xfb\x1e\xffP\xb4\x8a&gt;TL5K\x0e\xf4b\'\x98\xade\xb3J\xbf\xaa@\x84P\x13V\x01\xcb=a\x1d\xf4Wr\x11\x95\xbdZ\\\xc9\xe2s\xda}\xc7}\\\xc7&lt;\x9e\x92\xe10\xd6\t6K\x81C\x7fW\x80/\xb6\xf2\xcb\xbc\xb54\xe3\x11.\xec\xd9k\x1c\xc7\xe7\'\xa6|XK^44\x1a\xe1 \x81\x8d\x8a\xd9K^X\xb5\x8d\xd4\x8aL+\x8f\x85\x05\xd5\xe8\xa8\x1a\x8ce\x07\x9f$\x0ev\xa0c\xf9\x06\xfc\xfdRZ\xbf\xa0\xd4\x17r`K1\xb7\xd2x$m\x93\xb4\xf5q# ~\xffi#\x93\n\xf3V\xd0C\xdb\x90\xc7qK\xd8\xae\xb4\xafM@\xba\xfe\x03\xc2\xe4\x92\x13=\xb3k\x86\x11\x81x\xb8\xb9 \x8f\xd1\x12\xca@\xe1\xc2\x14\xb5{YN\x9e\xf6O\xbc\xcf\x1e\xb9\xf8F\xa9\x1d\xf6m\xbd\xbc\x10:\xf9?1\xfd\xa6\xd5\x86*\x9eJh\x11rb\xddv\xf0dk&amp;\xeb|\x91\x1e\xe2R\x107\x1dy\xcb\xd6\x833\x94\xfd3\x13\xd1N\xbfB\xc7\\(pi8\xc7~\xe6\xd0\x08\xc8\x9c\xc5\x83O\x0f\xf9\xda\xad\xdae\x85\x1fi\xc3&gt;L\xa2-\x96\x19\xa8\xe9\x99X\xa7\xb5\xa5\xc5\xb9\xa2A\xba\x06S\xb0b%3\x8c\xc1+\x15\x93\x16\x93U\x93\xd1irU\\\x86\xf7ypU\xd0=L\x04\x7f\xa4\xf9\xaf4\xc3\xb6d\x9d\xa3\xdfh\xb0C\x8a\xfd\xd9}\x02\x11\xddL\xf1:k\xdcD\xbag\x1cI\xbf$\x04\xd4\x8bzl\xc7\r\xd9\xe4\xf7\xf7\x95\xed\x15\xe8\xb9!\xa2Z!\x16\xa4M-o\x86H\xdd\xe5&amp;\x1f*\xfd\xc4&lt;B\x0e"\x97\xfb\xe9&lt;\xe8\xaf|C\xf9\r\xda\x93aY\xb5&lt;:m6\xa8\x8e\x11"#Z\x1b.\x85\x8d\xed\x93\xe8u\x87sX\xb3z\x05\x1d\x94\xef~9\xb3\x1a\xee\x05\xf8tQN\xd9C\x94^~_J\xb8\xba\xe0\xc4\xf2\xc5\x1c!\xc7\x95\xb8Q\x0e\xb8&gt;\x13B\x80sOgG\xae\xf7\x8eyY\xbdwD\x18\xf33;\xa1\xdb\x99Y\xd0\x05\x15\t\x07J%1\x07b~\xbd+S/\x8f\x15\x87\xff\xbag\xc2a\xd9\xfa\xf9\xeak\\\xb8\xbc\x94\x1cR\x11\xbc\x1a\x1cI\xaf\xd9\'\xbb\xcc?\xaf\xe2\xef\xc3C\xe96\xd7\xaf4Ly:7\x8a\xb7\xcc9\xa0\xbfF\x02?;\xe5\xdd\x86\xc5\xba\xd3\x0fZ\xeb6\x93\x86\xe1S&lt;\xb1\x0fV\xff\x9b\xefiz6do\xce\xa3\xfda\xcd\x92\x02r\x8e\xe4\xadW\xc5\x9e\xc9\x19\x1a\xb8\x1a\xf9*\x90\xd3-\x1aD\x86Q\x10\xeb\xcd\x08\xe6\x90fU\xc5\x82\xb5 }z\xe7\x1e%\x1c\xfb+{cvQ\x8c\x9aP\xe3\xc8\xd5\xe5%\x9e\x97\n\xd7\xb4R\xa7\xd0P![S\xbe4\xdc\xfb\x14u&lt;\x8e\xad\xd5\x18"v\xba\xc4Qf\xb9:\xb9\x01\x12E]\x86\xca4\x86&lt;%\xe6\x1f\xb7\xa3\xbb}\xda]\xaf(qkB\x9f\x03\xff\x08X\xf3oy(\xc2\xf0\xb6\x06E\x08\x15\x85\x0b\x01ce\r\xda\x82\x10r\x9b\x97\xadr\xb5%\x7f,5\xccN|\x08\xca+\x1b\xfd=\x0e\x9a#\x9b\x1e\xa5\x93pa\x9e`K\\\xa6\x9c\xff\x07\xd4\x8cX\x08\xef\xcb\x16\x8e\xee\n\\\xc6\xacUEH6g\x81\xee8\x0c\x8a\xa4&amp;\xa9\xc9\xad\xf3\t\x9a\x03a\x07O!a&lt;\x8e"x\x86\x89\xbe\x8b\x1e\xcf\r\xdf\xb9\xb1\xed`L\xae\xe1\xac\xf7\xef|\x99\x1cn\xba\x81\xff\xc90\x80\xf3\xb71\xfe\xab\xd0\xe6\xf1\x9d\xf9\xe3\xb6\xccr\xe3&amp;4\x98\xc4v\xaf\xa9"\xe5\xc4:~]gfv\xd2u!\xb7E\x84\xc8\xacX\xb2K&gt;-\xfb-G4py\x90V=\xb2^,\x1ax\xfb\xf9\xfbf\xf5b\x03jS_\x90\xa7\xee\xf0\x85\xe1\xb4\x8e\xcaL]\x17\xd6\xca\x12\x86\xfa\xd42IhQ\x993\x08\xba7\xd6!Zr\xae;\xfa\xb9\xaf\xab/:\x8f=\r\xceah%\'\xe5\xb5\x9f\xf0\xe1\xabu\nHl\xcc8&amp;B\xc2\t\x96\xe0T\x90\xaf\x8f\x18{\x12&gt;\xb6\xd9\xe6xZ3\xac\x9aZ\x8c\x8f\xa0O\x8f\xe2\xd2T\xfb\xb2f\xc4\x0b\xfb\xa9\xa3\xea\x8b\xe4\x9b\x8d\x9e\te\xe0d\x9b\xf1\xf2\xab\x04W\x06Q*\x99cD7\x17\x8a`R\xf0[N\xad\xa7,\xc8=\xe5, \xa8\xaaF\xc7-\x10\x18&gt;\x0c\x16p\x82m\x14\xc4\xa7B\xfd\x10J\xb5\xa1#\x8a\x8d\xb3\xfd\xbb\x9d\xa0\xbd\xf9G\x86\x9b\x1b\xb2B\x98\x92i\xdc/q\x1c\x1d\xec\xf8\x03\x872P\x16\xc5w\x17@8\xee\xde\xc1\x0b\xe4\xe1&gt;\x1b\xacR\xbf%\xfaW\xa3\xb6\xaeZ\xe8\'\xbc\x90)\x17\xc7\x82+\xcb)*l\xa6\xb2\xff\x02\x8bl\xddb\x0f\x03\x8d\x11\x154\x10&lt;Kf\x00\xf7\xc8\xbd\x91aTgR6\x8b\xfe\x94\xfc \xd2\x82\x87&gt;l\xad\xb3,\xb7\xad\xce%\x16\xfc\x1d\xe5\x9aM@\n*V\xe9\x8f\x126_.\n\x0b_Z\x11\xb9u!m2\x8b\xbc&gt;N\xde\xc1\x16\xe5\x8e,\x9e{~\x1d\xabp\xdb\x14X\x90\x99\xc1\xfc\x9b\xfb\x89\xf0\xcb\xf8\x1bHh\xff\xcb\x8c\x1b1\x8c\xce\xfd'</t>
  </si>
  <si>
    <t>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</t>
  </si>
  <si>
    <t>b'\xc6\xafx8\x1c\xf7\xae\x89\t\xa5\xa7K\xec\xf8\xa4\x9b'</t>
  </si>
  <si>
    <t>s
blunt: â€˜â€˜Observe the proconsulâ€™s boots above your headâ€™â€™ (Prae. ger. reip. 814e).
But the Greek statesmen treated in the Parallel Lives win no special credit simply for
430 Rowland Smith
being Greek â€“ they are judged on the same ethical criteria as their Roman partners â€“
and the lessons Plutarch drew from history (not least, his hint that the principate was
sanctioned by divine providence: Swain 1996: 151â€“61) were intended to speak to
elite Romans and Greeks alike: the dedicatee of the Lives was an eminent Roman
friend, a general and twice a consul under Trajan (C. P. Jones 1971: 54â€“6, 103â€“9). So
too, Greek historians in the high empire happily pursued para</t>
  </si>
  <si>
    <t>b'\xc1\x0c\xf2w\xb3\xff\xcek\x13MX;\xee0V\xa1\xb7\xfat\xe3F_\x94\x8a\x93\xf7\xea6\x0eWt\xd9\xa7\xf9\xe2\x0ec\x88]\xaa\x0e\x84\x04q\x1d%Z7\xe3\xd7\x1aw7\xb2\xc0,\x99\xcfS\x8a/\xc2,?ZLp\x9e\xca\x80)\x85\x80Y\xf2\xef\xa8\xd6I\xd8\x03\xe4\xbd\x08^\x18\x1f4-\x00#GnH\x8b5\x05\xcd\x1e\xf0s\xbbV~\xa2\xc1qDb\xf5\xaa\xcdz\x01\xc2\x18|\x93\x1ee_\xdc\xbb@y5z\xe7\x86\xc2\x08\x085\xbd\t\x14\xdc\xe4\x90\xb0%V\xac+\x06\xa7\xc6\xc5\x05Ga\x8aF\x10\xff\xd4UP\xbfY\xdd\x13\xa3C\xa0\x01\xd1\xfd\x96\x80\xde\x10\x8c\n\xf9\x94\xdd\x1f\xe5\xa3\x81}\xf0\xbf-\xc4a\xeb\xe7Sqn|\x85\xf7$1|\xa8l$\xc3\xf0\xe1\xe6~\xff\xc8\xca\xe9\xbe`\xfa\xd6b\x94\xda\xbe=P\xe5\x94\xda\x132x\x01\xa1\xb4\x1f\xbd\xbd\xb5w\x90\x00D\xe4x1\xd1\xd9\xd6\xd5!a\'\x8c\xf4&gt;\xfc\x14\xadV\xa1\xfdO\xbe`\xaazC\x96\xddH\xd6\x17.h\x8a!rqpE\xdcl\x05S\x03\x0et\x13&lt;\xce=Zl\xf5(I\x05b\xb1\x91\xc0\x18`\xf3\x87\xce0\xe9\x9e\xe44\xb0!B\x99\xbcMG\x94\x0b\xf6(\xbc\xa3|\x80\x9a\xec)\x83\x99u\xd0\x15\xea\x19\xda\xab.\x9e@\xf5qv\x1d\x1c\xd0\x1d\xd9z?\x18\x9f\xe0\xda\x89P/9\x81&amp;\xf20\xe6\x17\xf2\r\xc5)\xf5\xb1\xf8\x1d)\xafND\x16D] \x01\xf4\xa2\x88\x90\x19"v\xb5\xf4\x19\x19&lt;\x93/\x95\xf7?r\xd2t\xb3Q,I\xbbM\xf3&amp;\x90\x98\xfbb\xf0\xad\x00\xeek\xf7\x96\xcd\x04H\xd7\x07\\\\X\xc2M$,\x1d\x10\xa2\xdd\x87\xde\xba\xab\xb3\x1e\xc0\x82Q\x83\xf2Z\xef\xebyX"\x13\x91&lt;z\x14m\x00Cz\x0c\xc8v\xf6o\x8d\x91\xdbE\xdf,\xec|\xe9DK9\xb31C\x19\xbe\xe5.\xa0\xf3\x80\x95\xfaX\xa3\xec\x9f\xc7\xc5\xb7\xee\xd9)\xbb6E\xfa\xc9\x8b&lt;\x8e\xb2EOA!\x7f\x8d\xe1\x8bh\xf3\xa1\xa6\xbb\x99\xe4\x95\x08\xb3\xde\xb7\x9c\xb6ev\xbfs\xab\x84\xb7S\x80\xda\xf9\xa7Z{\x17\xd65\xa6x|\xe9\x85\xc8\n[\x8ehP\x03\xc2\x07:\x8d1\xebV\x8c\xc5 \x1f\xab]H\x83nZ\xf9\x0b\xb1*C\xff7\xddm\xd3\xfag"^\xfb\x9e,\x83\xef\xcfY\xf2f\xf2\x1c\xf4o\xf0\xcc\xa6Ji5\x87\xe0L\xde\xdd\xc5\x0ey\xfd\xc9y\xc4L\\\xd9\x18)\xe3\xcc\x00i8W\x8b\x02\xe0\xf1\'\x87[\x0bB\xd0\x1b\x0es\x86WhO\x9fM\xdcn9\xb7)r@^^\xebk\x94\xe5Q\x15nP\x02\xc5\xb3\xa5\x83\x8f!\x89s\xfe\x8b{\x83\x9a\xa7\xcd\xfd\xe9\xf8{^\xcf\xfdN\x95\x1a^\xb53%\\\x1a\x18\xf5\xc4\x08\xf9;\xea\x9f\xfc+@\xa7\xe7J@\xfc4\xa2\xd0j}'</t>
  </si>
  <si>
    <t>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</t>
  </si>
  <si>
    <t>b'\xc1\x0c\xf2w\xb3\xff\xcek\x13MX;\xee0V\xa1'</t>
  </si>
  <si>
    <t>they please; they
 never think that a pony can get tired, or have any feelings; so as the one who was
 whipping me could not understand I just rose up on my hind legs and let him slip off
 behindâ€”that was all. He mounted me again, and I did the same. Then the other boy got
 up, and as soon as he began to use his stick I laid him on the grass, and so on, till they
 were able to understandâ€”that was all. They are not bad boys; they don't wish to be
 cruel. I like them very well; but you see I had to give them a lesson. When they brought
 me to James and told him I think he was very angry to see such big sticks. He said they
 were only fit for drovers or gypsies, and not for young gentlemen."
 "If I had been you," said Ginger, "I would have given those boys a good kick, and that
 would have given them a lesson."
 20
 "No doubt you would," said Merrylegs; "but then I am not quite such a fool (begging
 your pardon) as to anger our master or make James ashamed of me. Besides, those
 children are under my charge when they are riding; I tell you they are intrusted to me.
 Why, only the other day I heard our master say to Mrs. Blomefield, 'My dear madam, you
 need not be anxious about the children; my old Merrylegs will take as much care of
 them as you or I could; I assure you I would not sell that pony for any money, he is so
 perfectly good-tempered and trustworthy;' and do you think I am such an ungrateful
 brute as to forget all the kind treatment I have had here for five years, and all the trust
 they place in me, and turn vicious because a couple of ignorant boys used me badly? No,
 no! you never had a good place where they were kind to you, and so you don't know,
 and I'm sorry for you; but I can tell you good places make good horses. I wouldn't vex
 our people for anything; I love them, I do," said Merrylegs, and he gave a low "ho, ho,
 ho!" through his nose, as he used to do in the morning when he heard James' footstep at
 the door.
 "Besides," he went on, "if I took to kicking where should I be? Why, sold off in a jiffy, and
 no character, and I might find myself slaved about under a butcher's boy, or worked to
 death at some seaside place where no one cared for me, except to find out how fast I
 could go, or be flogged along in some cart with three or four great men in it going out for
 a Sunday spree, as I have often seen in the place I lived in before I came here; no," said
 he, shaking his head, "I hope I shall never come to that."
 21
 Chapter 10. A Talk In The Orchard
 Ginger and I were not of the regular tall carriage horse breed, we had more of the racing
 blood in us. We stood about fifteen and a half hands high; we were therefore just as
 good for riding as we were for driving, and our master used to say that he disliked
 either horse or man that could do but one thing; and as he did not want to show off in
 London parks, he preferred a more active and useful kind of horse. As for us, ou</t>
  </si>
  <si>
    <t>b'\xc2\xa3R\x91/\xd0\xdc\xfb'</t>
  </si>
  <si>
    <t>c2a352912fd0dcfb</t>
  </si>
  <si>
    <t>!" she said. "Eh! mother
will be pleased when I tell her what th' skippin'-rope's done for thee."
In the course of her digging with her pointed stick Mistress Mary had
found herself digging up a sort of white root rather like an onion. She had put
it back in its place and patted the earth carefully down on it and just now she
wondered if Martha could tell her what it was.
"Martha," she said, "what are those white roots that look like onions?"
"They're bulbs," answered Martha. "Lots o' spring flowers grow from 'em.
Th' very little ones are snowdrops an' crocuses an' th' big ones are narcissuses
an' jonquils and daffydowndillys. Th' biggest of all is lilies an' purple flags.
Eh! they are nice. Dickon's got a whole lot of 'em planted in our bit o' garden."
"Does Dickon know all about them?" asked Mary, a new idea taking
possession of her.
"Our Dickon can make a flower grow out of a brick walk. Mother says he
just whispers things out o' th' ground."
"Do bulbs live a long time? Would they live years and years if no one
helped them?" inquired Mary anxiously.
"They're things as helps themselves," said Martha. "That's why poor folk
can afford to have 'em. If you don't trouble 'em, most of 'em'll work away
underground for a lifetime an' spread out an' have little 'uns. There's a place in
th' park woods here where there's snowdrops by thousands. They're the
prettiest sight in Yorkshire when th' spring comes. No one knows when they
was first planted."
"I wish the spring was here now," said Mary. "I want to see all the things
that grow in England."
She had finished her dinner and gone to her favorite sea</t>
  </si>
  <si>
    <t>b'\xc4b\x9d\x03G&gt;/\xe3\xf7\x14\r\xd7E\xbf\x04\xc3$\xf9\xc1\xe0#\x05\xac_\xe1\x13\xd8X5\xeb"\x8d;\xcdL\xf8\n\x02\xe3\x82ZHm\xf8\x87\x04\xeb\xf1\xb6\xb4 1\xb5\x98\xd0\xfd\x1eW.\x8a@\xa1\xa9gFY\xffeWJ\xd1\xe2\xcdR@\x8c\xb1p\x1c\x9a\xca\x99\xa6c\xae\x1a\xe5F\x19\x96\xe4\\\xfc\xf4Um\x15\xd0\x8d\x03\xfc\x97\x90@\xdf\x07AJ\xf4\xd0\xa7\x07P\x04\xa3L\xa7\xb5r\xc0\xb0\xff\x8117\xfa\x03y\\\x1e\xa5\xa7\xffI\xd5r\x9f4\xee\xc6F%\xca\xd4&gt;\xc4\x9e4e\xf3\x97\xa1\xee\x9b\x95a\xa0\xf5\xfalY\x83\xafbD.D`I\x1e\x1d~\x02\xfdl\x07\x1b\x8a\xb34X&gt;\xb2\n\x1d\'zA#\xac\xe84\x99\x02\xf2\xb4\xe9\xe1\xe0a\x85\xaa\x99\xdf\xb6.\xad\x9b\xa3\xe2\xd22\xda#g3O\x1b\xd25\x01E\xaf\x87\x07YW\x1f\xec\x8f\x93tI\xdb\xfa\xdc\xa0[\x1ddSP\xd9\xb3\xe4L\x8a\xe0\xd6\xe3\x9aMo\xd6\x95\xe8\xd7\xc9\x92ei\x8e\xde1\t\x9a\x16\x8cv\xcd\x89\xc2P\xbc\x98\x050!\xea\r.\x87b\x8c\x8f\x8a\x18\x9d4\xe3a\x93T\xc2$C\xbc3s\xa1u\xbc\xfdkU\x81\xf6\xe4A9o\x9a^\xf2\xce\x83\xb6q\xe7\xe9\x8d\x18\xa3\x82o^\xd7i\x9c\xc8?\xa0\xff\x93\x7f\xbe\x02 \x0e\x08\x87c\x9d\x1e\x19\x8a\x8d;\xc6\x12\xe7\xaa\x02\x1b\x0bF\xc9\xa3\xfb\xe5\xbc\xa1\xa8\xd5\xf8+\xaa\x84\xe67#\xc8\xa2B\xa7\xa7\xf2\xcfrXi\x1dE\xe2\x05\xa7\xde\x94\xed\xc6\xb0\xa1\xc4u\x95/\xd5\xca7\x8d$\xf1\xeb7#}\xd4v\xf2\x9b\xc5\xeb8\xeeR\xf3\x9fF\x9c8\x9f\xaeyY\xb9\xb1\n\x19\xe4\x83\x7f\xcfS\xcaI\xda\x1ah\xe4\xf8\xecf\x112\xc3\xb6H\x8a\xb6\x07_\\\xc8\xd8\x1bkw\x9fv\x1b\xf6B\xfe\xce\x01D\xe4Bz\xf0\x12$z\xa4:\xdc\x8b\xe8\xa5\xca\x00+\xb5i\x0fY\x8c,|\xb4\xb7\x0f\xa8-\x0b\xbb\x08g\xea0\x12_\xe7K\xcd\xc1wq\x07=\xfc\xc6\x90\x88t\x16\x08o\xd7\x82\xe1*\x0e\x1b\x1a\x1a\xa6\x96\xf4\x0e\x12\xc2p\xf4\x99\xa5\x9e\xeeu8BHI\xb3\xab\x89\t&amp;1\xd4\x84L\xf0/%\xdb\x8a=\x8b\xf0\xc0\x9c\xc7\x95\x08\xe6xu\xd3&amp;\x7f\x10sV\x16U\x15\x15\xd3)\x83\xe3\x0bQ\xc9\x91.}P\xd2\xd0\x9dG\xc3\xdcw\xb5\'\xf5\xe1\xd5\xfeGj\r\xbao\xe5\xf2\xfb\x96\xcc1\xda|&lt;\xae\xd8Z\xd18\x04\x9d\xec\xaf)\xc2\x8ez\xd1\x84*\xffK\xf5y!\x8d\xdaC\xa4\xe98\xb6&gt;:V\xe5\xadvl\xd7[\x8f\xd1i\x03\xdc\x9bx_/\xf6R\xaaZ\xcf\xb5\x84\xc0\xa8\x19\x96\xcb\xb2\xdf|\xc2N\xf8W\x00\xcf&gt;\x7fM\x82.\n\x04\xe7k \xca\x8ab\xfe\x1f!6\xd0\xa8\xe1A\xe8$i\xd9j\xe3E"\xee\x1c\xd2\x0e\r\x9d\xfc\xd4/0\xab\xb0\x18C\x08$\x9e\xaan\x18q\re`\xd9}]n!\x9b\x00%(\xd1\xce|\x95\xb6\x07\x16\x87F\x17\xc3JYB\xc5}1;:):\x00\xa3\x98V\xa38\xdc?\x94Q\x15\xae\xd9}\x95\xea\xdf\xd8\xf6\xa6B\x8eB\xfe\x94K&amp;\xdb#\xc7\x81\xc7Md4\xf0\xe8T\xe9\xba\xcd\x98=\xb8)\xcag\x9e\x94z`\x909y\xa8A\x8e\xdf\xf5\xad\xc3T\x0cS\x99P\x08\xc0\xbe\xa1\x04\xfe\x993\xeb\xab\x15\x7f9\xa3\x18Z\x8dMk\x1b\xb2\xaf\x0f\xd8Y\xbeP\xbe\xfcs4[\x8d\x7f+n\x9d\xf1i\x8aTR\xa1\x9b\x93\xc2\xba9\xba\xc5j&gt;\xf8\xae\xef\x8bl-\xba\x94f\xc4\x05\xbd&gt;\xd0Tj\xb4\xc6\x96\xd2o\x00\x1e\x03\xe5\xe8}\xaf_NydRo\t\x9f\x8d\x90=\xbbR6&lt;\xc7k9\xe6\x7f37\x0b\x8e\xc7OCj\xc8.\xfd?^\xda\x03\t\xb7\xc8\xcf\x9c\x00h\xdfIep\x0b\xae\x02M\xb5\xd3\xff.ZuuQu2\xa7\x1c\xb0\xc5\x19\xd1\xe1\rE\xe7Ie\x1f\xb9\xac\xffo\xcd\xf5\x14\xa5\xd5\xa6\xfa7\x1b\x04\x95\xcaC.Q\xb1Vb\xd9pi\xd7\xd5\xd8\xd6M\xc9\x08\xfa\x1e\x15n\xb4\xe8M\x17\xecTtt#G=\xdb\xef\xc7g.\xea"\xb8\xb6\xcb{t\xd6q\xcc\x93\xad~\x99/T\xd0S\x8a\xc0\xeeh\x97=n\xdb\x12\x01\x8c1\'\xe3\x18\xae\xaeH\xbb\x91A\xce\x8f\xee\x894\xfc\xa6Y\x92\xb5\xd9\xbb\xf8Rq\x98\xa1\x8a\xce\x07\xf1\xc2\x9d\x83\xe2\xa4\xab\xcbN\x83\x15*\x96\x9b\xc5;-\xdb\xaf9\x87\xc2\xec_\xd8c{Q\x00\\\xcbC\xdf\xf1Y(\x06\x07\xe95\xcafn]\x1a\xbc\xef\x8cn\xfe\x8b\x86\xd5\x80\xc1N\xe9\xd76o\x84a&lt;n\x10\x96\xc9\xf6|R\xaf\xd2\xfb\xc2\x05U\xd4\xae\x91\x8d\x8dA2\x03R\xa0\xdd\xed\x91\xf4\x0e\xac\x0f\xa3\xadE\x8aE\xb9\xdfH/%R\xeaF\x91\x8a\x1f\xeb\xe5\xe1\x8c\xca\x8f\xf3l_\xf8\xf1\xee\xd9\x98\x94\x82\x88G\xa0+g;\xad\xc5P%\xbcV\xa8T9\xfdZ*l\'\x1d\xc0\xfb\x1a!4\xa4T\r&amp;\xa8&gt;\xaaq\xeb\x0f\xaa$\xa5\x8c\x93\xb5-\xb2\xa1\x07\x91\x88\xf2\x95\xb3\xccr\xad\x82B"c\x9e\x9d\xdf\x92pw.\xb4m\xceU6\xd3c\x12\x9b\xd9\x95\xa4\xbe.\x00N\x1a\xf1Bfl.#E\xe9g\xaf5\xe3CK\x16N\x18\xa8\x10N\xc4\x8c1\x14\xa9\xb4}\x87\x8b\x05\xec\xbb\xdeq\xa2\x14\xd4\n\xc4\x96w\xb9\x18\x95\x9f\x03\xe1\xcd\xf8\x02\xde\x1c\xb7\x9e\xc1ES\xa1\xbb\xaa\xc8xrxg\xb8\xb8\xfa@\xca\x94\x1d\xd9\xc2yD\xe2K\xf5p\xd7\xcaR-E\xe0\xcc\x9f\xf6\xadI\xa9R\xa4\xfc\xe7nH\x03ao\n\x03\\\xbb7\x81\xc0`p\xd4j\x8b\xebV7\xbb\xc4\xc2\xf2\x8a\xb4\xf3\xbb\x8bB\xb5\xb1\xe0\xfa\xb9t\xe7\xa1\xc6\x7f\x88t\x84\xd8\x03\x9b\x94\xa9("8\xe1\xbe\'/h&amp;1\x9f\x15NB\xb5We\x02\xa4\x88\x94t\xaeN\x18\x0c7\x87\xbbfwk7\xf6\x8e.\xb1%\xec:\x14)H!9J\x8d\x0c\xe8&lt;\x91\xba\xcbU\xb7i\x87\xea\xfbk\x94\xed\xb3\xa9\xed\xacdBm\xb5\xa6a\x08\xba79C\x08\x8a\x11{=\x18\xf2\xa9#cy\xcc\xd1\xec\xd0\xf05x\r~T\x9ep\xd0j\x89\xa9\xbfFx\x8at-\xb2+4)\x8c\xfe\xf9\xa75+\x9e!\x0e\x7f*-\x18\xf3\x8e4E\x12\x02\x8c\xd0\x05N\x191\xad\x1fm,x\xc1[\xae\xb0|\xe2\xd9\x11\xbb\xb5ll-\xbd\xdeX\x0b\x82\x02x\x94{\x9e\xcf\x91%\xb6)\xf9\xd0+\x82\x19'</t>
  </si>
  <si>
    <t>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</t>
  </si>
  <si>
    <t>b'\xc4b\x9d\x03G&gt;/\xe3\xf7\x14\r\xd7E\xbf\x04\xc3'</t>
  </si>
  <si>
    <t>gnity of Verezzi,
 endeavoured to withdraw him from the corridor; and Emily, whom a
 compassionate interest had thus long detained, was now quitting it in
 new terror, when the supplicating voice of Morano arrested her, and, by
 a feeble gesture, he beckoned her to draw nearer. She advanced with
 timid steps, but the fainting languor of his countenance again awakened
 her pity, and overcame her terror.
 311
 'I am going from hence for ever,' said he: 'perhaps, I shall never see you
 again. I would carry with me your forgiveness, Emily; nay moreâ€”I would
 also carry your good wishes.'
 'You have my forgiveness, then,' said Emily, 'and my sincere wishes for
 your recovery.'
 'And only for my recovery?' said Morano, with a sigh. 'For your general
 welfare,' added Emily.
 'Perhaps I ought to be contented with this,' he resumed; 'I certainly have
 not deserved more; but I would ask you, Emily, sometimes to think of
 me, and, forgetting my offence, to remember only the passion which
 occasioned it. I would ask, alas! impossibilities: I would ask you to love
 me! At this moment, when I am about to part with you, and that,
 perhaps, for ever, I am scarcely myself. Emilyâ€”may you never know the
 torture of a passion like mine! What do I say? O, that, for me, you might
 be sensible of such a passion!'
 Emily looked impatient to be gone. 'I entreat you, Count, to consult your
 own safety,' said she, 'and linger here no longer. I tremble for the
 consequences of Signor Verezzi's passion, and of Montoni's resentment,
 should he learn that you are still here.'
 Morano's face was overspread with a momentary crimson, his eyes
 sparkled, but he seemed endeavouring to conquer his emotion, and
 replied in a calm voice, 'Since you are interested for my safety, I will
 regard it, and be gone. But, before I go, let me again hear you say, that
 you wish me well,' said he, fixing on her an earnest and mournful look.
 Emily repeated her assurances. He took her hand, which she scarcely
 attempted to withdraw, and put it to his lips. 'Farewell, Count Morano!'
 said Emily; and she turned to go, when a second message arrived from
 Montoni, and she again conjured Morano, as he valued his life, to quit
 the castle immediately. He regarded her in silence, with a look of fixed
 despair. But she had no time to enforce her compassionate entreaties,
 and, not daring to disobey the second command of Montoni, she left the
 corridor, to attend him.
 He was in the cedar parlour, that adjoined the great hall, laid upon a
 couch, and suffering a degree of anguish from his wound, which few
 312
 persons could have disguised, as he did. His countenance, which was
 stern, but calm, expressed the dark passion of revenge, but no symptom
 of pain; bodily pain, indeed, he had always despised, and had yielded
 only to the strong and terrible energies of the soul. He was attended by
 old Carlo and by Signor Bertolini, but Madame Montoni was not with
 him.
 Emily trembled, as she approached and received his severe rebuke, for
 not having obeyed his first summons; and perceived, also, that he
 attributed her stay in the corridor to a motive, that had not even
 occurred to her artless mind.
 'This is an instance of female caprice,' said he, 'which I ought to have
 foreseen. Count Morano, whose suit you obstinately rejected, so long as
 it was countenanced by me, you favour, it seems, since you find I have
 dismissed him.'
 Emily looked astonished. 'I do not comprehend you, sir,' said she: 'You
 certainly do not mean to imply, that the design of the Count to visit the
 double-chamber, was founded upon any approbation of mine.'
 'To that I reply nothing,' said Montoni; 'but it must certainly be a more
 than common interest, that made you plead so warmly in his cause, and
 that could detain you thus long in his presence, contrary to my express
 orderâ€”in the presence of a man, whom</t>
  </si>
  <si>
    <t>b'\x04\xf4\xd7U1\xf9\x8d6\x82\xa5LG{\xc5r|\xbf\x99c\xdbN[\x92\xf9\xf1\x02\xf4\x94\xd9\xaan\xa7\xf4\x14e\xc7r\xc9\x8f\x97\x03\xfd\x85\xa4R\xa3\xb3\xcb\xf1\xda\xab[\xad~S]\x15\xd91n\xf0\xd1mt'</t>
  </si>
  <si>
    <t>04f4d75531f98d3682a54c477bc5727cbf9963db4e5b92f9f102f494d9aa6ea7f41465c772c98f9703fd85a452a3b3cbf1daab5bad7e535d15d9316ef0d16d74</t>
  </si>
  <si>
    <t>b'\x04\xf4\xd7U1\xf9\x8d6\x82\xa5LG{\xc5r|'</t>
  </si>
  <si>
    <t>y man could make
such a coaxing sound. Almost the next moment a wonderful thing happened.
She heard a soft little rushing flight through the airâ€”and it was the bird with
the red breast flying to them, and he actually alighted on the big clod of earth
quite near to the gardener's foot.
"Here he is," chuckled the old man, and then he spoke to the bird as if he
were speaking to a child.
"Where has tha' been, tha' cheeky little beggar?" he said. "I've not seen
thee before today. Has tha, begun tha' courtin' this early in th' season? Tha'rt
too forrad."
The bird put his tiny head on one side and looked up at him with his soft
bright eye which was like a black dewdrop. He seemed quite familiar and not
the least afraid. He hopped about and pecked the earth briskly, looking for
seeds and insects. It actually gave Mary a queer feeling in her heart, because
he was so pretty and cheerful and seemed so like a person. He had a tiny
plump body and a delicate beak, and slender delicate legs.
"Will he always come when you call him?" she asked almost in a whisper.
"Aye, that he will. I've knowed him ever since he was a fledgling. He come
out of th' nest in th' other garden an' when first he flew over th' wall he was too
weak to fly back for a few days an' we got friendly. When he went over th'
wall again th' rest of th' brood was gone an' he was lonely an' he come back to
me."
"What kind of a bird is he?" Mary asked.
"Doesn't tha' know? He's a robin redbreast an' they're th' friendliest,
curiousest birds alive. They're almost as friendly as dogsâ€”if you know how to
get on with 'em. Watch him peckin' about there an' lookin' round at us now an'
again. He knows we're talkin' about him."
It was the queerest thing in the world to see the old fellow. He looked at
the plump little scarlet-waistcoated bird as if he were both proud and fond of
him.
"He's a conceited one," he chuckled. "He likes to hear folk talk about him.
An' curiousâ€”bless me, there never was his like for curiosity an' meddlin'. He'</t>
  </si>
  <si>
    <t>b'\xb1?Q,\xa2\xfa\x94Mi\x93\xee\x9f\xa8\xa0\xa0\x0fe\x05\xa0\x97\xc6#b\x7f\xf2\xb9\xdb\xef\xcb\xca\xf8\x05\xa0\x96\x07\nM\x14=\x1b\xb1\xe84\\ T\xe7\xea\x10WM"\x0e%\xa01\xdd&lt;$Z\xaf\xa9zNZ\n\xde\xc0\x9a\xfe\xc4\x95\xa6\x8a8jL6UT:S\x92C\x1c\xcbqd}\xa5\xb3\xee"\x93\xf6\xa5}\x99j\x01\xd1y\xcc\xb2%}hW\xbf\xff1w\x84p\x9d.\xfdt\xbe\xe2\xf9\xad{\xe7I\xd2\xca`\xd8\x15\xb2\xf7\x17\x19p\xd1.(p\x93Z\xfe\xbf\x97OK\xf3hr\xa6\x10\x1d/.c\x11"R\r\xa1~\xe9Z\xe1\xf6\xa0\x95r\x0c\xa03\xc6\x7f\x11\x96\x18z\x8erD\t\x8b\x80\x0b\xdb\xd3\xe8E\x8b\x97e\x0f\x15t\x84v\xf3\\&lt;\xf1\xad;\x08\xb1\xf0B\x1f#\x13\x83\xb0\x8d1~~\xd7\xfd;a\xdd\xc1\x82\x0e\xa7\xde\xber\x8c\x17\\0\xca\xce\xb1\x1d\xe7\x9d\x18^&lt;\x90\xbc\xa6`9\xc9\xcb\xa3\xc9\x94\xfbA\xc4,(\xb2\x1a\x86D\x0b\xa1o\xf6\x82\xfa\x9dJ\t\xae\xcb\x14\x19\xe3\x82\x12\x0c1\x9e\xb8\x8f\xdawU\x7fWe\xdf\xc4\xf3\x92\xc0\x7f\xbbq\r\xa4\xd7\x8a=6\x97\xc1\x9dv\x94$\x90x\xaa\xf4\xfc\xae\xdb\xa2_\x7f\x19\x02\xd1\xd6\xd9\xf8]\x08q\xb0E]\xb2\x8a\xd9u\xaaA\xf8\xd8\xa5\xa6\x02\x8bm4f\xf1}&amp;kX\xef\x80\x8f\xe9w=]nD\xb2\xa8\x80\xc0\x9a\xbc\xac\x88\xc4\xa2\xf9 .0?\xa3L_\xe5\xcb\xa1/\xa5\xc5\xb0\x91\x8a\xbe{|/\xec\xc7\xdc\xfd\xdf\xb2\xfb\xa4\xfe\xe5\t,\x8b:\x98\xe5l\xfa\x8a|\x10\x89|\x94\xb2\xb9\x02Vs\x91\xb7~\x85b\xfa\xf8\xe3\xcf]~C&lt;\x05U\x0b)\xcf|\xe2\xb45\xbc\xf7\xef\xef\x9d\xe4j\x99\xc5m+:\x07sE%\xbd\x1b\x94\x07a\x8b\xc0\x03\x9d\xbb\xa4\xcbj\xcb\xd0\xd1Z\xbf\\2\x15\xcat\x9f\xbd\x8f\x9a9.\xc77\x02~T^\xc7\x1b\xe8\xfe\xb7\xb4\x94p\xa6\xaf\xef\xe1\x8e%\x9c\xf6\x804\x1aco\x93};\xe1\x9f\xd0\xf4\x15[\x9e\x8c\xbe-\xe7\xabJLeg\xfav\x8f\x8a\x90\xb5J\xda\x05\x07\x84\xbb\xcb]\xbd\x0f\x89\xbb\xc9i\xe4\x9e\xf9\xaa\xc9^E\x87"mi\x06J\xb7\xdf\xaaF\xa7\xdd=z\x8foF\x1a\xbf\x836z\xde!\x91\x1b\x06\x08\x03\x06OH)\xe3\xeb_\xc4Vl\xa5\x87\xb5\x17|\xed{\x01f\x08\x8d\x06\xb4XH\xcb|\xceD\xba\xeb&lt;u\xeb\xf9I[L#\x90\xdeU\x83\xc1]k[\x03\x1eb\xfcL$uN\xcd]Y\xb0\xe7\xeb#&amp;\xbd,\x0c\xb6#\x82\x1e\x98)\xa2wp?H\x96\xdfy\x99h\xab_\x99\xa5o\xe26\xc1\x0fg\xf8\xf8\xcf\rU0Y\x82(1\xcd/\xc8\tk\x9cF\x0fd\xc0\xf1\xc3\xf1\xf2\xf2\x9e,ee\xd6\xcb\x8c\xbb\xc4\x82\xb4V6\xbaO\'\xc3Cr\xf4\xc1\xaaI&lt;\x88\xd5\xfc\xcc\xcd\xc4\xca\xb6\x88P\x1a\xd5]1\x19\xeb\xc2\xe5\xcc\xdb\x93r\x05$#\x14\xfd\x18%e1\xa7\xcc\x06\xd6NZ2\xbe3\x94\xa0\xa6\x91\xf7\x85\x0fd\x84\xd7\xf3~cl\x11\x85\x9c\x1f]\x15{\x198\t?\xcd8\x02\x964\xa82\xb9\xdbq\xf1\xf6\xde2\xfaL|\xd4][LV\xdan\xad\xbeI[%\x1e\xa0~\xaa0\xf1@\t2\x88S\xbf\xb0\x97\x1cP\xf1o\x92{\\\xa0\xc8$3\x81\x0bj\xb9H\x05\xec\xe5\xceDGN\xe6\x83E\xc9\x12\xed=\tn\xa0\xddq\x9f\xe5\x95,n\x9e\x91\xd7\\\x0f~B\xa7[\x9f7\xf6\x9f\xf9\x13\xb3\x11\xb1$2G\xbdPQ\'m{F\xf1v\xe5U\xb4\x15\xa7f\xee\x0bZ\xaa\x9c\xea\xe3\x10\x19\xe8\x81\xab\xa5\xec\xb4\x95yMGld\x08\xdcH\xf5\xdf\x13\x83\x89\x9f\nF\x0b\xb5\xc5?\xad7\x85\x03Zi\xe9\xfds\xf6f^\x03\xf5\xb4QVu\x18\x1e\xa2\xe5\xb2\xffVc\x90\xce\xe5\x9b1Z\xe1\xb8(\x14\x870~G\'\x88\xd9Y\xe3\xef\xf7\x0b\x04\x92\x1c"\x0f\x7f!\xe2\x0b\x91\x8c\xbfU^\xba\x81\xd7EVU|&gt;\xfb\\.^X\xfeJ\x8cB+S%\x82\xa9\xf8q\x83\xa36\x0e\xa3D\xc3\xa0w^\xb6I\xdb\xee\xe2S8\x90 \xf8A\xc8dn}N&gt;]\x99\\\xc2\xb5\xadJ\x11\x96\xa3\xa4\x1f\x14\xd1\xf2v\x10\x9e]Du\x92\x01\'\x08\xd2\x11\x81A\xc6\xe2\x9b4\xfb\xf5\xc0\xda\xa9W\x91\x10\x9b\xce\x90\xa2r\x9fR\xa0\xb4E\xbbrA\xac\'\xe4\x19M\x96\x14\xdb|-\x00\xeaf^C\xcf,\x99_\xe2\x14\xa7Xt\xe0\xf8\x17\x1e\x17\xaf\xfbK\n&lt;{x\x83\xfc\xb7S\x9a\x01I\xc5\xc1-UDa\xdd\xc1q;5}\xc6F\xfb\x00_+\xc0G\x90\x82\xf9\xe3(\x9b\xeb\x96\xfc\x9f\x06&lt;up\x1aF\xfa\xb1}F\x15@\xde\xc1\x16\xab\xb34\x8f\xf3\xcfDc\x14\xaa\xceM\x06\xed\xeb4h%:oM\xe0\xc7\xb6w3\xe8\xe7 \x04\xaa\xaaG`\x90B\xaa\xf2\x82\xbdd\xefA\x0b\xfb\xa4\xb2XC\x18\xd3\xa8;c\xad\xe5)\x88\xa5\x81\xb6\xc2\x97\x93\xc1\xe8\xb8\x96Q\xa3\xc7\x8d\xa7\xf5\xc2\x12\xf5\xbeux\xe8\xdd\xc3Vx\x19\x9e\x92@\x9b\xab\xbbW\xf0[\xdb-\xc4\xc4uB\xfe\xa8\xf9~\x19;\xf5\xa6\x02$+\xd2\xd55\'\xb8o\x0e\xfe%[F\x0f_\xbf6\xe2\xf5\xd7\xb0gI$\xf7\x1d[\x9d\x93s\x1c\xdb\x94\xe4\xdd&gt;\xfb\x12\x82Kn\xd8\xa9\xf94\xcb\xa8D\xf3\x93\x9e#\xeb\x8c&gt;&gt;a\xba\x039\xfc\x83\xd6Q\x04\x86\xa3!\x109J\xe8\xbd@\x7fq.\xc2\x07\x92\xc4x|\xd5\x96\x87\x7f\xbdTU\xd5\xfe\xf3\x0f-\xf0\x8c\xa0y\xbd2\xf7\xd8\xae\xe4?\x97\xb3G\xd7\t\x9c\xa2\xbb\x85\xccW,z]\xca2\xf4G\xcaFR\xd1\xe3,\xf1\xb9\xb7\xdd#\x99%\xb7\x00\x1az\x02\xed\xdf\xbc\x1c\xe56\xb1,/aZv\xde\x99\x01\x9d\xd8\xd3\x9de4x\'\xa64 B\xce\x01\xfc\xc3\xd8\xbbB\x9fu\xba;\xd8\xb4\xe5XYKcM\x89x\x93\x12\xbe\x81\xa2\xca\x96\xb5\x85@Ql\xec\xa2\xf0\xecI\xbe\xbe\x86\xe6\x87as\xafY\xe5\xb3\xb8\xc7\x0f\xcb\x80r\x8bnVd\xe8\x1d\x8b$nU\xbf&gt;\xadkm#\x91\xf9h\x8d\xf6\xa8\xdbG`\xf0\x01D\x13zX\xb5Z\xcf\\\x89/\xd3Or3S.\x19\xae\xcd!%\x85\x15n\x95\xa1\xe2B\xf4V\xff(\xe0u\xb2\xba&lt;\x96T\xabg\x06\x1at\x86sA\xfcE6\xa9\xb6\x9a\x01cx\xe5i&gt;&gt;\xd1\xd0N\x98bVb\xbcF=\xe1x[;\xbb\x13\xf4-\xb7\x13^?\xe1\xb4\x14D^g\x17\x81\x0e\x18\xa9\xeb\x03\xe9\x07\'\xaa\x91f\xcb\x923\x97\xe2\xbd\xa9a\x11\xfe\xc4\xeb\xd2\x81\x0e\xa6e\xcc\xe2F5\x94.Yq\xfae\x87\xabl9\x05\t\x98Ml)\xddw\xc5!\xa2\x03\x85t\x85\xfd\xa9\x12H+\x10\xcd\x83\xe1\xe9\x02\xed\x97[kI\x05=\x8f\x0b\x12\xe0\xc8qV\xf2\x06\x06\x8an]\x83kJ"\to_\xca\x81\xac\xe8\xb6\x070q\xed_$\r]\xd2\x9b9}\x9e\x18\x15\x0eWp\x9b\xf4\xf6\xc7\xc5kG\xbax_{*\'\xee\xfc\xc0rV\xb6\xb5\xcf\xe8\xb8\x1e\xcc{l)?\x7fd\xf8\xe4\x99\xf7\x0eK\x1e\x01\xc9\xf6\x050\xbe\x98\xdc\xf7\xeb\x99Q\xaf;\xee\xee\tO\xd7z\xaa*\x15P\x94X\x99~\xb9\x15x\xa9\xe8,\x06\xd2\xd6\xab5b\x87\x01[\x8e\xac\xc2\xf4\x82\xec\xbb@\xfa\xe6\x99V\xb3\xa1K\x11tb\x00\x83\xba\xa6\xc9\xc1\xe6\xcaf\xba\x97\xc3\x07\xea\xb1R"\xc1\x7f9\x84\x16c\x0f\xdb\x04\x02\x0e\x99\xdf&lt;\x8f\xbf{\x01\x1a%\x81\xf57=\x0e\xd0\x90fU\xb3\xe5\x1dW\x93\xb0\xe2\xc9\x1a!\x8d\xff\x97\xedqZ\xff\x8e\xe0\xbb\xd4\xa4\xc6\xf5\x10\x02\x001\x83Jt"\xd3\xff\xb2v\xc9\xb2zN\xcbz\xf4\x81W5\xbfM\x82O2\xca\x99j\x8f\x84,!\xf0\x88\x8cM\x8a\\\xe0\x86\xf2\x8b\xd7]\x19f\xa6\xb7&lt;e\xeb^\x00\r8\x1e\x86\xc6\xabQ\x14\x07\xef\x81\xda\x16ev\x02G)\xa8j"'</t>
  </si>
  <si>
    <t>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</t>
  </si>
  <si>
    <t>b'\xb1?Q,\xa2\xfa\x94Mi\x93\xee\x9f\xa8\xa0\xa0\x0f'</t>
  </si>
  <si>
    <t>financial system with them. (As you can see, there was more than one near miss on
 the road to the 2007â€“2009 financial meltdown!) But the crisis didnâ€™t end until 1989 when
 9For insight into the reasons for foreign currency liability denomination, see the item by Rajan and Tokatlidis in
 Further Readings.
 CHAPTER 22 Developing Countries: Growth, Crisis, and Reform 633
 the United States, fearing political instability to its south, insisted that American banks
 give some form of debt relief to indebted developing countries. In 1990, banks agreed to
 reduce Mexicoâ€™s debt by 12 percent, and within a year, debt-reduction agreements had
 also been negotiated by the Philippines, Costa Rica, Venezuela, Uruguay, and Niger.
 When Argentina and Brazil reached preliminary agreements with their creditors in 1992, it
 looked as if the debt crisis of the 1980s had finally been resolved.
 Reforms, Capital Inflows, and the Return of Crisis
 The early 1990s saw a renewal of private capital flows into developing countries, including
 some of the highly indebted Latin American countries at the center of the previous decadeâ€™s
 debt crisis. As Table 22-3 shows, the foreign borrowing of nonâ€“oil-developing countries as
 a group expanded sharply.
 Low interest rates in the United States in the early 1990s certainly provided an initial
 impetus to these renewed capital flows. Perhaps more important, however, were serious ef_x0002_forts in the recipient economies to stabilize inflation, a move requiring governments to
 limit their roles in the economy and raise tax revenues. At the same time, governments
 sought to lower trade barriers, to deregulate labor and product markets, and to improve the
 efficiency of financial markets. Widespread privatization served both the microeconomic
 goals of fostering efficiency and competition, and the macroeconomic goals of eliminating
 the governmentâ€™s need to cover the losses of sheltered and mismanaged state-owned firms.
 What finally pushed countries to undertake serious reform despite the vested political
 interests favoring the status quo? One factor was the 1980s debt crisis itself, which resulted
 in what many commentators have called a â€œlost decadeâ€ of Latin American growth. Many
 of the relatively young policy makers who came to power in Latin America as the debt cri_x0002_sis ended were well-trained economists who believed that misguided economic policies and
 institutions had brought on the crisis and worsened its effects. Another factor was the exam_x0002_ple of East Asia, which had survived the 1980s debt</t>
  </si>
  <si>
    <t>b'0E\x02!\x00\xad\xe5G\xdb\xb4\x15l5\x9e\xcau\xb6pm\xe3,\xb5\xff0u\x1c\x95\xbd\x19F\xf2\x1f\xdfhd-\xbd\x02 B\x8b\r\xadM\xdf&amp;5\xdb\x02\x18qP\xca\xa2\x95\xe9\xfd\xf1\xac\xb18\xb5H\xf7{6\x11\xe4f\xe6\x1c'</t>
  </si>
  <si>
    <t>3045022100ade547dbb4156c359eca75b6706de32cb5ff30751c95bd1946f21fdf68642dbd0220428b0dad4ddf2635db02187150caa295e9fdf1acb138b548f77b3611e466e61c</t>
  </si>
  <si>
    <t>b'0E\x02!\x00\xad\xe5G\xdb\xb4\x15l5\x9e\xcau'</t>
  </si>
  <si>
    <t>dead man's chestâ€” 
 Yo-ho-ho, and a bottle of rum! 
 Drink and the devil had done for the restâ€” 
 Yo-ho-ho, and a bottle of rum!" 
 I was just</t>
  </si>
  <si>
    <t>b"( hb\xc5?A@\xef\xff}\xe4o\x817'\x9c\x12\x1b\x8fW\x03\xef\xc5p\xd9QT\xd2d_\xd4'i\x0f\x88\xa0\x80C#E\xe6\xbej0\x8b\xe2 \x16b\xb6\xb0\xc4\xe2\xe150o\xd0\x13\x1f\x1a\xad\xb8\xf2)q*\xe4\xdbb\xf0\xd2\xe6sr\xaaZU\x07Qe\xbe\xd72\xd4\xee\xd4\x03N\xfa\x95nR\x9b\xa5z#\xcb$\xd1\xb2\xddr%.\xf4\x83$S\xa7\x93\xfe\xab\xe7\x80OXoK_s\x9c\xa9\xd46\x02\x9a\x96\xb6\xde\x00{\x0b\xf1D\xb9&lt;\x9a:Q\rd\x00S\x173\xf4\x11\xbd\xe0X\xb6I\xa0\x08v\x06Jp\x10pOD\x8e&lt;\xd3\x0e\x02sE\x81\x0f'\x188\xd1\x1a\xde\xd4\xd7\xf5\xc6Z\x0c\xc7\x15d$\x1c\tJ\xa6\xf0\xdfam\x1e\xa9\xd5I\x19Vd\xaf\xda*S\x9d\xc8=%Tl\x10\x92\x0c\xf4\x15\x88m\x1f\xe6\xbeO\x06\xe7@\xec\xe4\xce\xe4\xfbx\x00\x88$\x94\x9b,\xf4xC\xd2\x8do\x9f\xb3\xa3'\xff}~\xdd\xd5\x1a"</t>
  </si>
  <si>
    <t>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</t>
  </si>
  <si>
    <t>b"( hb\xc5?A@\xef\xff}\xe4o\x817'"</t>
  </si>
  <si>
    <t>bags and boxes enough to have brought in a good many
 twopences if they had been put outside; but you know how people do; all that could be
 piled up inside on the front seat were put in and three heavy boxes went on the top.
 That was sixpence, and the fare one and sixpence; then I got a return for a shilling. Now
 that makes eighteen miles for the horse and six shillings for me; there's three shillings
 still for that horse to earn and nine shillings for the afternoon horse before I touch a
 penny. Of course, it is not always so bad as that, but you know it often is, and I say 'tis a
 mockery to tell a man that he must not overwork his horse, for when a beast is
 downright tired there's nothing but the whip that will keep his legs a-going; you can't
 94
 help yourselfâ€”you must put your wife and children before the horse; the masters must
 look to that, we can't. I don't ill-use my horse for the sake of it; none of you can say I do.
 There's wrong lays somewhereâ€”never a day's rest, never a quiet hour with the wife
 and children. I often feel like an old man, though I'm only forty-five. You know how
 quick some of the gentry are to suspect us of cheating and overcharging; why, they
 stand with their purses in their hands counting it over to a penny and looking at us as if
 we were pickpockets. I wish some of 'em had got to sit on my box sixteen hours a day
 and get a living out of it and eighteen shillings beside, and that in all weathers; they
 would not be so uncommon particular never to give us a sixpence over or to cram all the
 luggage inside. Of course, some of 'em tip us pretty handsome now and then, or else we
 could not live; but you can't depend upon that."
 The men who stood round much approved this speech, and one of them said, "It is
 desperate hard, and if a man sometimes does what is wrong it is no wonder, and if he
 gets a dram too much who's to blow him up?"
 Jerry had taken no part in this conversation, but I never saw his face look so sad before.
 The governor had stood with both his hands in his pockets; now he took his
 handkerchief out of his hat and wiped his forehead.
 "You've beaten me, Sam," he said, "for it's all true, and I won't cast it up to you any more
 about the police; it was the look in that horse's eye that came over me. It is hard lines for
 man and it is hard lines for beast, and who's to mend it I don't know: but anyway you
 might tell the poor beast that you were sorry to take it out of him in that way.
 Sometimes a kind word is all we can give 'em, poor brutes, and 'tis wonderful what they
 do understand."
 A few mornings after this talk a new man came on the stand with Sam's cab.
 "Halloo!" said one, "what's up with Seedy Sam?"
 "He's ill in bed," said the man; "he was taken last night in the yard, and could scarcely
 crawl home. His wife sent a boy this morning to say his father was in a high fever and
 could not get out,</t>
  </si>
  <si>
    <t>b'[\xe5\xb9\xea\x8fk\xde\x04'</t>
  </si>
  <si>
    <t>5be5b9ea8f6bde04</t>
  </si>
  <si>
    <t>2VTH1) âˆ’ âˆša + 3 [VDD âˆ’ (a + 1) VTH1]
 (a âˆ’ 1)
 âˆša + 3 , (16.56)
 where it is assumed VTH1 = |VTH2|. Differentiating the numerator and the denominator
 with respect to a and substituting 1 for a, we have
 VIL = 3
 8
 VDD +
 1
 4
 VTH1. (16.57)
 For example, if VDD = 1.8 V and VTH1 = 0.5 V, then VIL = 0.8 V.
 Exercise Explain why VIL must always exceed VTH1.
 We now turn our attention to NMH and differentiate both sides of Eq. (16.48) with
 respect to Vin:
 Î¼n
 _x0002_W
 L
 _x0003_
 1
 _x0004_
 2Vout + 2(Vin âˆ’ VTH1)
 âˆ‚Vout
 âˆ‚Vin
 âˆ’ 2Vout
 âˆ‚Vout
 âˆ‚Vin _x0005_
 = 2Î¼p
 _x0002_W
 L
 _x0003_
 2
 (Vin âˆ’ VDD âˆ’ |VTH2|). (16.58)
 Again, we assume âˆ‚Vout/âˆ‚Vin = âˆ’1, Vin = VIH, and Vout = VOL, obtaining
 VIH = 2a(VDD âˆ’ VTH1 âˆ’ |VTH2|)
 (a âˆ’ 1)
 âˆš1 + 3a âˆ’ VDD âˆ’ aVTH1 âˆ’ |VTH2|
 a âˆ’ 1 . (16.59)
 The reader can prove that for a = 1, VTH1 = |VTH2|, and Î»1 = Î»2,
 NMH = NML = 3
 8
 VDD +
 1
 4
 VTH1. (16.60)
 Example
 16.17
 Compare the noise margins expressed by Eq. (16.60) with those of an ideal inverter.
 Solution An ideal inverter is characterized by the behavior illustrated in Fig. 16.1(b), where the
 small-signal gain goes abruptly from zero to infinity at the trip point. With a symmetric
 VTC,
 NMH,ideal = NML,ideal = VDD
 2 . (16.61)
 This value is greater than that in Eq. (16.60) because VTH1 and |VTH2| are typically less
 than VDD/2 (and the gain in the transition region less than infinity).
 Exercise Determine the reduction in the noise margins of an ideal inverter if its transition region
 gain is equal to 5. Assume a symmetric VTC.
 16.2 CMOS Inverter 781
 Example
 16.18
 Explain what happens if VTH1 and |VTH2 in a CMOS inverter exceed VDD/2.
 Solution Consider the operation of the circuit for Vin = VDD/2. In this case, both transistors are
 off, allowing the output node to â€œfloat.â€ For this and speed reasons (explained in the
 next section), the threshold voltage is typically chosen to be less than VDD/4.
 Exercise What happens if VTH1 = VDD/4 but |VTH2| = 3VDD/4?
 16.2.3 Dynamic Characteristics
 As explained in Section 16.1.2, the dynamic behavior of gates is related to the rate at which
 their output can change from one logical level to another. We now analyze the response
 of a CMOS inverter to a step input while the circuit drives a finite load capacitance. Our
 study of the NMOS inverter in Section 16.1.2 and the contrasts drawn in Section 16.2.1
 prove useful here.
 Qualitative Study Let us first understand qualitatively how a CMOS inverter charges
 and discharges a load capacitance. Suppose, as depicted in Fig. 16.20(a), Vin jumps from
 VDD to 0 at t = 0 and Vout begins to from 0. Transistor M1 turns off and transistor M2 turns
 on in saturation, charging CL toward VDD. With the relatively constant current provided
 by M2, Vout rises linearly until M2 enters the triode region and hence supplies a smaller
 current. The output voltage continues to rise, almost as if M2 acts as a resistor, eventually
 approaching VDD and forcing the drain current of M2 to zero. Figure 16.20(b) sketches the
 behavior of the output.
 M 1
 Vout
 VDD
 M 2
 Vin
 VDD
 0 CL
 (a)
 t
 VDD
 Vout
 Linear
 Charge
 Charge
 Sublinear
 (b)
 Figure 16.20 (a) CMOS inverter charging a load capacitance, (b) output waveform.
 Example
 16.19
 Sketch the drain current of M2 as a function of time.
 Solution The current begins at a high (saturated) value and begins to fall as Vout exceeds |VTH2|
 (why?). Thereafter, the current continues to drop as Vout approaches VDD and hence
 VDS2 falls to zero. Figure 16.21 plots the result.
 782 Chapter 16 Digital CMOS Circuits
 t
 VDD
 Vout
 t
 I D2
 VTH2
 M 2 in Saturation
 M 2 in Triode Region
 Figure 16.21
 Exercise Sketch the supply current as a function of time.
 Example
 16.20
 Sketch the output waveform of Fig. 16.20(b) for different values of (W/L)2.
 Solution As (W/L)2 increases, so does the current drive of M2 (in both saturation and tri_x0002_ode regions). The circuit therefore exhibits a faster rising transition, as illustrate</t>
  </si>
  <si>
    <t>b'\xac\x85\xd91S\x82\x02\xa0\xe0\xeb)\xde~\xdeB\xf7'</t>
  </si>
  <si>
    <t>ac85d931538202a0e0eb29de7ede42f7</t>
  </si>
  <si>
    <t>e Cowardly Lion, who is asleep in the
poppy bed."
"A Lion!" cried the little Queen; "why, he would eat us all up."
"Oh, no;" declared the Scarecrow; "this Lion is a coward."
"Really?" asked the Mouse.
44
"He says so himself," answered the Scarecrow, "and he would never hurt
anyone who is our friend. If you will help us to save him I promise that
he shall treat you all with kindness."
"Very well," said the Queen, "we will trust you. But what shall we do?"
"Are there many of these mice which call you Queen and are willing to
obey you?"
"Oh, yes; there are thousands," she replied.
"Then send for them all to come here as soon as possible, and let each
one bring a long piece of string."
The Queen turned to the mice that attended her and told them to go at
once and get all her people. As soon as they heard her orders they ran
away in every direction as fast as possible.
"Now," said the Scarecrow to the Tin Woodman, "you must go to those
trees by the riverâ€“side and make a truck that will carry the Lion."
So the Woodman went at once to the trees and began to work; and he
soon made a truck out of the limbs of trees, from which he chopped away
all the leaves and branches. He fastened it together with wooden pegs
and made the four wheels out of short pieces of a big treeâ€“trunk. So fast
and so well did he work that by the time the mice began to arrive the
truck was all ready for them.
They came from all directions, and there were thousands of them: big
mice and little mice and middleâ€“sized mice; and each one brought a
piece of string in his mouth. It was about this time that Dorothy woke
from her long sleep and opened her eyes. She was greatly astonished to
find herself lying upon the grass, with thousands of mice standing
around and looking at her timidly. But the Scarecrow told her about
everything, and turning to the dignified little Mouse, he said,
"Permit me to introduce to you her Majesty, the Queen."
Dorothy nodded gravely and the Queen made a courtesy, after which she
became quite friendly with the little girl.
The Scarecrow and the Woodman now began to fasten the mice to the
truck, using the strings they had brought. One end of a string was tied
45
around the neck of each mouse and the other end to the truck. Of course
the truck was a thousand times bigger than any of the mice who were to
draw it; but when all the mice had been harnessed they were able to pull
it quite easily. Even the Scarecrow and the Tin Woodman could sit on it,
and were drawn swiftly by their queer little horses to the place where the
Lion lay asleep.
After a great deal of hard work, for the Lion was heavy, they managed to
get him up on the truck. Then the Queen hurriedly gave her people the
order to start, for she feared if the mice stayed among the poppies too
long they also would fall asleep.
At first the little creatures, many though they were, could hardly stir the
heavily loaded truck; but the Woodman and the Scarecrow both pushed
from behind, and they got along better. Soon they rolled the Lion out of
the poppy bed to the green fields, where he could breathe the sweet,
fresh air again, instead of the poisonous scent of the flowers.
Dorothy came to meet them and thanked the little mice warmly for
saving her companion from death. She had grown so fond of the big Lion
she was glad he had been rescued.
Then the mice were unharnessed from the truck and scampered away
through the grass to their homes. The Queen of the Mice was the last to
leave.
"If ever you need us again," she said, "come out into the field and call,
and we shall hear you and come to your assistance. Good bye!"
"Good bye!" they all answered, and away the Queen ran, while Dorothy
held Toto tightly lest he should run after her and frighten her.
After this they sat down</t>
  </si>
  <si>
    <t>b'\xf1TP@\x1b\xdaC!\xb1\xd2\x84\xcapu-\xfd;\xc9@\xe0\xdf\xffIy\xb8/\xaf{F\xdc\xaf\xc1t\x01\x92\xce\x9e"\xecX\xe9\xdaUA\xe6\xd5\xd3\xd8\x8e\x89\xe3\xa3\'\xec\r\xb4\\\xa1w\xcd\n9\x96\xaa\x03\x88\xe7\xf1bu\'\xe4d7)\xaf8W\xaeo\xaf\xe83\x1b\x06\xfcW\xb5\xbf\x00E\xd5F\x9a&lt;\x95*\xf8v\xb1!\np\xbe\xfc\x8aM\xb1H\x12\x94t\xcf\x81\xe5L2!\xdc\x12\xdf\x98\x05g\xa2\x9b\x05VU"\xfbo\xe7\x158\x9c{\xfd\x80\x02\xa1$\x01\x17\xa5\x0fvF]\xf5O\x1e\x0e\xe2\xba\xf8\xd3uf\xbf\x14W\xc7\\\x9a\x19\xb8\xae\x87[\xc9"\x1f\xad\r\xc5\xc1\xd5\x7f\xb2\x95\x1c\xb3\xd2\x04\xb5+\xbfX\xf3\xe2\xe6\x86\r\xed[V\x1cbvI&amp;cwL]\x15et_j\x06Z@\xac\x0eH\x03\x1d)\x1bC=\xf0o\xa0\xf7\xfd\x13\xbaeE\xcbQ\xa9iM\xc3J\x80\x16W\x95\x8cFWa\xf1gL\xb3\x98\x1a\x06\xe7Vij\xe4Z\xbd\x89/$\x9a+\xed\xecI\x05a[N\xb1f\x96\x04U\xa0`,\xf6\x03RjHu\x01G\xf00S,\x10+\xfa\xd4\xf6V\xb6~m\xa8\xaf}\xf85;]\x16R\r\xa7H\x9a\xa6\xc1\xf4\xb2]\x003\xccVn\x17L7\x8f\xf8Ea5\nn\x9bz\xac\x86N\xd9\x9a\xd8\xa0\xbeH\x92\xff\xfa\x87\xbc\xa8\xfe\xe3\x83\xb9\x8f\xa7\xf5T\xaa\xd5\x8a\xf9\xfb\xc5\xe7\x9d\xfb\xfd\x04\xbe\x0e\xd3\x8c\r\xa9\xe2 \xab\x07a\xd6\xd6+\xd5\xbcY\xc6\x86\xa7\xdf\x12.\xe5\xd1\xd1eDK\x17\x18\x1cv\x077\xec\x03\x8d\x0c\xb6\xef/\x08\xe1\x7f^M\xdb\xf9\x9f\xddpx\x0b\xbc\xc0\x9e!q\xde\xd1=\x0b\xc4\x15n\xa3\x1f\n;\x17C\xbb\x9a\xbb\xa1\xe2hP\xc6?bJ\xa4J\xd6\xd5\xb8j\x17ak\xae6\xa7\xf3\xb4\xf8\xd7\x1d\xb8\xf3S\xbf\xab*F"L\x98\x1bB\xe5\xf7h\x02J\xed\xfb\xc1\x91\x0f\xc0\x1b\xa8\xe9@\xac0\xb1I\xb3\xfd\x87\x1f\xae\xff-\xd0\x1b\xce\x13\xad\xc9\xe8\xf1U\x8eY\x8a\xc5\xf6\x8eg"\xbf\x9b\xd5\x1a&gt;\xe3\x88\x8b?\xf6U\xb5&lt;\xbf\x0f\xae\x96\x82\x05\xae\xf4\xd3\x13\x89\x1f\xa5t\xe22\xbf\xa9\xa6n\xe8m\xe7\x041\x9eL\x8c9\xbe\xa7i\x89\xbcwl\xb4\x91=\x8b\xb0\x02\x18}\xd5\x1a\xbbl\x80\xe5/l\x8d\x0cD8cyM$\xfathp\xe6\x87\x12\x0bGC\xf1\x97\xe2\x03f\x83\xf8\x07\x0b\xe7D\x8b\xd5\xe9\\[6\xb8\xed\x1f!pdh\xfb=\xfb\x04\xf2\xa0\xb1\xf9W\'\xfd\xa5\x8e\x8dM\\&amp;\x97\x8cL\x9e\x99`\x8e\xc8\xe9\xbe\x1d\xd3E\xc1\xad\xda\x8a\xfe+|\x85\xa1)\x13+\x9f\x06\x83C\xf0\xe8\x8c|\xa2\x87a\x1d#j/\x92t\xe4y\x07\x19/\x11\\\x95J\xe89R\xfc}_a\x98\xe30\xf8\xdc(\xdfv\xcdcN\xda\x99\r\xf8\x9cPR\x9d\xbd\xf8\xeb;\x150S7\x89\xa2\xf2\xe1\xa8\xa1};\x88\x8d\x87@&lt;\xdeR\x9a\xfa4\x0b\x98a\xab\xbb\xe6\xf3j\xd8_i\xa0\t\x83\x88=\x08\x89\x16\xbc/p\x99p\x036k\xf9@\xbaN\x95\x9ff\x85\xe5\x10\xed\xf2+\xf0E\x90T\xe5\x15\xf1\x17\x06R.n\xaa\xeb\xf5\xda\xef\xaa\xb0\xd1={\xa56\xec\xfa\xa8\xf1\x87W;\x8d\x1a\xca:\xefG0\xbcv\xea\xc6\x02\xf4\xab\xde\x82\xd3\xf4\xb6\x95\xff\x80b@\x8d\x0f\x9a\xe7\x9b\nh%\xff\xe4q\x0e\x9c\xfe\x11\x89\xe8Y\x0b{\x91\xaf\xa8Z\xce\x03\x14\x90t\x9c\xf3\x18\xce\xf0%?\xa0~+\x80)\xe8\xdf\xbb\x11\x8aT\xb7f\xea\xe8\xa1\x9c\xb0u\xe2\x0f;\x85]\xbc\x18m\x04S\x1a\x83\x17\xe4b7\x9a\xc7\xbd\x8d\xdb_\xf9:\xf1\x0co\x99])\x03|\x04\x9b2\xdbDH\xfes\xb6\xbf \xdd\x89\x0fm2o\xe4\xdem\xa7y\xeb\x12\x0c\x06\x06\xe8\xf9\xeb\x85\x89\xae\xf8\x90?\x82\x95\xdbT\x94\xd9\xfd\xa6z\xfb\x81\x16\xbey\x91j\xc2\x1f%W\xa6\xd3\x8cG\x1e\x0b\x82d\xff&lt;\xa6\xad\x06o\xa5\xa0H\xb8\xce[\xb4\'\xc1QPz\x13\xf0~4\x91\xa9\xab\xb5^\x89-\x87\xcft\xca\xe1\xeck\xda\xc8Y\xff\x86\xde#\xeb\x15\x87[\xe8\xa2\x86\xe8\xd1\xa6_d\xcc\xa3\xfdR\xf6U\x96\xa4\x9e\x9fz\xa0\xfeR\x1b\xdee[\xf3e\xcc\xaa\xc7\xe1+\xf3\x0fg\x91\x16\x9b\x97\xc0\xd0w\xda|\xe3\xf1\x11\xbe\x084i\xdc\xae0\xc2\xf4\xa5\xb3\x16\xd6\x08\xacL2\x8f\r\x8d\x85OWm\x9e\x9dQ|\xee\x87\xf6\xba\xf2\x0by\xd3\xf1\xb4I\x91\xe33\x12\x1f\xab\xb0\x07\xcfjU\x8b0\\\xca&gt;\xc9\xd6-# G\r\xe8Z\xc2\xcc6\xa0\xc2\xa2\xdb\xff,\xa2\xdem\x9e\x96\x94\xd9=\xf4\x8bJ\xe7\xfd\xb4 ~Q\x90\xc6\x9b\xdb\'\xcd5_\x99\x1a\x82\x83S\x96&gt;\x05e\xb9+F\xf0\xdada\xcb&amp;U\x95\x9e\x8fW9\xcd\x7f\x19\xda\xcb\x9e\x0f\n!\xaaA$\xc9-OZ\x95\xaa\xe0\x16\x9d\xdd\x95\x8du\x05V\xee\xfc\x95\xb9\x88\xbe\xf48w\xc0\x08\xd5\xf6&gt;\x84s\x8f\x08\xd42q\xd9A\xa9`k\xb4\x18"\xa1\x12\xad\x07\x8c\xf9\xce*0v\xe9\xdb\xfdUC\'\xa8\xca\xa0\xccd$\xaebt\xf1"\x96\x89\xb3\x91\xbc\xab\x83\xa0\xc2\x8abU\xb7a\x8f\x1e\x85P\xe8Q\x7fv\x91\xe7&gt;\x88\x9c\xe5\xde\xd14\xdb\x93\xdc\xe5\x7f\xf5\xab\xc2\x9e\xc8\xfdm!&gt;\r?\x88=\xa5\xbb#50\xf8]\xd2m_K\'1\xb7\xcdq\xd2\xd7\x1a\x1cT\xb3,\x85\x02q\x05\xdc\xb1H/\xa0\xcdZ\xa8B\xc5\xe5-\x83#\xba\xf5[*\xc6N\xee\x7fX`\xa03z:\x90\x0b\x89\x1a\xf9\xc2\xda\xea\x9e\xcf\x9aU\x04np\x06\x88\xa6\xbb/$\x11t4\x1b\xa6O\\\xca\x9cu\x80k\n]\x8c\xe0\'G:i\xc1h\xdeX~\xb8B_JP\xca\xeeP\xabt^\x85\x18\xf9\xacf\xa5G5M\x9b\xe8\x10\x8f\xf5j\xa2\x91\x8ci\x0f\xd9\xaeG\xa8\xeb\x8b#\xb0\x1d4Hs\x04\xb7\xe0"\xc7\xb8\xbe\xfc\nP\xf7\x00\xbdyhh\xc1\x1d\xbf\xd4\xc5\x87_Q\xefl\xa5\xa0i\xb2\xd3\x924\xa2\x9b\xad\x1afutq\x94\xdc\xf9g\x01\xa9\xc0qt5\xbf\x0e\xaa\\:5\xda\xb0\xc9\xc4f\xd7\x8e_\xf2H,z \x0b\x96x\xe0\xe6\x1fh9t\x9a\x1bB:Rb:S\xe7\xf2\xae\xc10\xa6\x14E7d\x1c\xf64\x80\x07t\x8ce\xe9Eo\x19\x06\xc06e+W\xb1\x98\x9d?h\xbb\xb0\x05ZN\xbe\x8b\xe2i\xb4~%\r\t}\xe1\xdc`\x13S\xba\xab\x97\x16\x15\x81\xacs\xac&amp;\xa0\xcf&amp;\xd4\xe7&amp;b\xbc\xa3\xaat\x89\xe9\xcbR\xc3\xe7Q\x8e[\xb9\x99\xc5\xbfi\xeb\xbc\xa49\x8e\x9f\n_\r\xdeii\xc3\xear\xe9\xbd\x9a\xf5KH,y=\xa1F\xef\xa1G\xfa\xbd\xec\t\x83:\x9c\x9f@\x1b\xb0\x13\x878#+p\xd2\xcc\x12&lt;f\x12U\x88O\x9fW\xce\x14!\x0e\xee\xd1\xea6f\x1bl\x18\xdf\x8e\x14\\YQ\xc4\x94]+@\x860&lt;\xeec\xfeZ\x9f\xa4\x03\xbb;D\xf2\xee\x9cl\x97\x847\x97\xc0\x8dy8\xa8\xf5\x98\xad\xcf&gt;\x08\xc9\xd7\xa6\x07\xfbWd\xa5"c\xd2e\xf7&amp;Z\xaf\xcdiM\xac\x14\x02\xed\x13\x88\x8e~\xbe\x96\xa5\xa3"\xaak\xec\xeav\xc6\x0b\x8dI\xcc\xcf\xdc0d\xc7\'\x1e\xafZ]*\xe61\xb6\xbc\xcf\xcc\xff2`b\xe0\xe26\x84\xf6H\xa9+\x9de\x18&amp;\xb5\t\x91\x88lP!|\xcc\xdb1p\nnT\xcd\xd2r\x956\x04^\xf5\xcb\x1bQ\xacF\x877\xc2\x7f\xee\xe1\x9e\xb9\x9e\x06\xde\xca\x98\x08\x05~\xc3l\xde\x97\xef\x1a\xdat*\xf7\x8a\x9d\xe2\'\xf2\xf5W\xc4o&amp;-8#\xa0g\xf0\x88\x1a\x1c\x87F\xe9\x18\xd2|\xc0\xcfe\xfbx\xf6\x0f\xeb\xcc\xe0+ \xdd\xaf\x1ea\xb7xZ1%\x17\x1c/\xe7\xec\xc4\x85\xb01Z2\xb9\xefC\xe9(h\x8e\xfbF\x93\x04\x85\xad\x1f+\tq~\xc6\x1e@L\xc3\xbc+v\xddG-\x9c\xbcB\x93=3T\xb7\xb8TT9C\xbc/\x1b\xd5\xc5\x0c5;\xdd\xf1` \xf7\t\x01\xec&amp;s\x0bM&amp;\xaa\xc6\xa3\xc2N\x9aW}SfZ|\xdb\x1d\xf9J\xd7\x10\xac9\x02z\xb7\x90\xb8St\xc5\xf0\xe5r\xe2\xdd\x96R\xafj&gt;t\x00\x14\xe0d\x9fL\xf6,\xdc\xac\xd9\x1a\xc9\xe91:\x9a\x06\x1a\x9a\x1e\xaaD\xac\xcc[\xe1 \x7f\n\x90\x7f\xc0\xad\xb41F\x80t"\xaa\xfdq\x1c[\xcb\xbc\xd2\xa8\xbd\x85\xfc\x91\x8f\'\xc8s\xe3\xe3!(\x9b\xa9\xade\x8b\xac-\xd91O\x0b\x10\x9fE:P\x9bH.1\xf0\x96T]|[\x97\x0f\xd19E\xb1x\xa5\x04r,0]\xd8\xbb\xb5)~_\xcd\xa2\x1e\xb8\x1bQ\xa5\xd9Z\xda:ZB\x14\xf4syt\x90\xb2\x15\xce\xa9\x8f\xda\x05\x0bL]3xN\xb6\xd9\xf8\xeaAMU\xa7\xb4\x7f;\x8a\x11\xc9\xf9\xf6R\xec\x02\xa4\xef\x98p5\x82\xd4v\xccQ\xa6#\xf2\x05\x1f\x80\xaeQ\xd4O\x08\xcb\x95+H\xc3\x1au\x9f\x81lS\xbem\xd3\\\xf4\xf2\xff\x03\xcc\xcb\xd5\xbf_\xda\xe5\x92\x14S\xb9\xd05\xc7u.\xe3g\xf4\xf7=\x9a\xc4|D\x9d\\J\xdb.\xa0\x7f Dv:[\xb2\x947\xf9\xf0\xe95\xa5h?\xc8\xa0\xd4)\x08\xa2b\xcf\x94\x12\xd1]-e\x00_N!\x00\xa8\xd3\r\xf3\x18I+\xbc\xf1\xef\t\xe6c\x9fy\xc9\xf6\xb0Q\n\x0ew2+s(`\rB##\xcc\x04\xd3&amp;\xc5\xaa\x08\xadg\x95\x95\x0c\xf7\xb6\xf66\x88\x9cj\xd3k8G\x7f\x0e\xe2\x87\xf5\x16\x8a\x8d53`\x7f_\\!\xaa\xc5.\xa2\xb2\t\xcbp\xbe\x14\x02\xe6\xcf\x1e\xbc\tn5\xc0/q\xe6\xca\x91\xc7\x9a+\xbc=\x07\x18\x10\x94\t\x11&lt;\x19\xd7\xb0\x16\xed\x98lO+\x1d\xab\x01\xe3hU9\xa9\xd2pm6!\x168\x96\xd4n\x9d]\xadn$P\x15r.B%_\xde\xaa\xf4\'\xe3*\xc0\x08\x8bwW\x0f\xf5\x8ec\x9c\x03\xa9\'\x1d\xea\xbb-|%nF\xc9I\t\xfa\x00L]VvZkP\xf0\xd3\x9a\xd1\xde\'\n\x1e&gt;q\xb1\xc6\xec\xc5\x81\x12\xb0I,\xe3\xc9\x99.\x84\x97\x87\xa2hS\x17GU\xdaVZ\x8c\x02x\xca\xbf\x0fx}\xc8\x02&gt;\xed\xc1\xe5\xe9^?\x8bN\x85\x8c\xa11)\xc3A\xb7\x9d\xc5 \xf6F\xc2U\xbd\x8a\xbd\x1a)\xde:&amp;\x8e&lt;\x81z\x1a\xa7uu\x83\xa7\xd8\x05\xeb.T\x01~\xdf\x1dEV\xbd\xc2\xe17\x18U\xd1\xb2\xc4;|\x91$\xc2&lt;\x18g\x8d\xff\x82\xa2-Y\x84\x9c\xa4Z\x16\xbf\xa2[\xc8\xe9E!\xea\xfe\x9e\x9c\xbb!\xae\xdb5L\x02\'\x12?\x04\x82S\x11\x14\xd9J\xc8\x1b0\xb2\xe8\x99i\xb6\xe8;\x12\xa18\x84\x89\xc3\xdc\xd3\xff\xe4\xba-\x8c\xe0\xa3\xf3-@\xc2\xaa\x16\xfc\xbe\x0b\xb9\xef\xb6\xea\xb96\xf7\x9d\xecM\xc0\x9c\x1bv2^\xb3\x1e\xcf\x91\xddr\xa3\x99e\x10K\x82QW \xdc\x8b2\xf8\x9b\x9e\xb5\xf5\xb6\x89\xad(\x1a\x00`?\xfa\x12y\xbd\xf9\xbf\xdfB\xb5,\xd8\x02E\xc0\xf1\xa9\xf4g\xaeK\x1dSO\x80\x80`\x85"\x99\xea\x90W \x12M{x(\xcb\xdb\xab\xd3\xb0\x08\x84\x10)k\x9f%\x1fH\x07\xfa\xf7\'D\xec8\xc0\x19\xfcf*\x05\x9c\x8c\xb8\xaa\rC9\xee\xe0\n\xe9\x16\xa1FS\xa9K\xca7o\xac\xbf\xb8\xe1\xa5\xd6\xe1)\xa8\x87\xd9\xcfA\xd3\xce\xc5 #\x7fy\xd3+g\n\x82\x05+\x87\xa3\xf6\xcb4\x97\x7fl\x8f\n\xb3\x05\x8c\xd4\xe1\xe1\xa7\x19\xf5X\xd2\xdd\xf0T\x9bY@M\xd3u\x87\xe6RD\xd7\x0fy\x94\xc7\xeb\x89\xd0yW\x0f\xaa-\xa5\x0f\xf4j\xdd\x00\xbbg\xb72v@&amp;\xf7\xa1Xh/\xfbQt\xa5\x82MWp\x9d\x97bH\xea\xd2\xe8=~?\xc59\xb2\xba\xc5)~L$\x19a\x11g\xc0d\xf7!/\xec\xdc\xd0\xaa\x0fp\x91eI\x01\x14_\xd9\x05\x8fPu\x1d\xfa\xc3\xdf-g\xd5\xcb|\x97\xd0{g==\xb0Ul)0\xcd\xdb2\xec5\xe7z\xd9\x13*\xf9\xdaD\x1aO\xfe\xfa&gt;\xab\xe7&lt;\xf9!S/9-\xa2)\xf1\r\x10\x95cfr\x00P\nE\x87\xa1\x92?\xe7\xcd,E\xe3\xbd\xb6\x9d\x9d\x01\xcb\x90\xb7\xacH\xa0J\xacN\x8f_\x1a\'j_\x8dY\xc4\x91;\xb84\xbfz\x90\xd0\xb9Q\xcfh\xf7_{\xca\xba\xa9W{\x10\xc6\x97\x13\xb7M\xc2J\x02\xe4\x1a\xbd\x15\xa6_Eha\xccr\xc3\xee\xefKRm\xb7\x84o\xfc\xea,\xd3\x97{\xe59\x83Z?\x9f\x84\x859\xc6\x15\xda\x1aL\x81\xd93S7\xebr\xcai\xc7\xeagU\x0b\x8d4\x13\x06\xbdF\xe8\xca&lt;\xbbI&gt;\xcf\'\xe3\xb7\x96\x11w\x06&gt;\x17\xde\xfd\xb3!\xedS5\xdc0\x1f\x1cn\xd9\xaa\x97\xbf\x95%\x85\x9dA\xd6[\x0b\x88\xfeQ\xfe\xbd\x92*F\x8c\x96\x82\xc5\xf5 \xdes\x15\xdd\xc4\xe44\xa29*Je\x80\xeb,\xf1|)lf\x81~\x17U\xbd\xff]\xf3N\x188E\x98g\xbe\xe6%\x89\x99\xa9\x9a\xb2\xaf\xca\x94\\@\xd6\xb9+\x8a\x9f\xfc\xb5};\xb3\xe9\x1f\xe0u\xa1 \x974p\xe2{\x04\xf6\xb3(\xd7Dv\xcc?\x05\xfb&amp;\x08U\xc6\x12\xd2\xe0\xf4?\x0f0\xcd\x07\xe4\x05\x01&lt;\xbb\x02\xfb4\x18i\x0b\xe9\xd5_^1\xd9o\xae\x9b\xdaJ\xa2\xb2\xfb\xb81\xf0^\x84J-{8s\xceo\xc6\x99et\xa7\xce\xd8\x94\xa8\xd0\xdaF\xd2 f\x14)\xd5\xa0\xf2=\x91\xcf4\x86\xb1^\xada\xde\xee}n{G_\xe6\x7f\x85\xadk@JT\xd3\x8a\x1f)!%\xa5\xf9g\n\x19\xea;\x07+\xfd*\x8b\xe6\xf2\'RXh\xe5\x82\x8e?\x8b}Ey\xf5\x8c_\xb5\xcd5\xd2\x85\x14\xa4\x06\xbf\xca%\x0c\x92$\xbf\xb5P\n\xeb\xc8Q\xb4\x9f\xe4\n\xa3\x14\xf6\xdd\x13\xee^\x02\xc5_d-\xa4\x02m\xa6\x19\x08\xfc\x1f\xb8\x07\x7fyX\x16\xdc\xe2\x15\xb8/\xa8\x13\xb6\x03\xfe\x88\xefF,\x11j\x9b\x06\x9bq!\x92m\xd9h[\x91l\xb3\xe8\xefYRz\xab\xe3\x00\xca+\xbb\x92\xd4\xbbc\xa8V\xa2\x01\xd1q\x8f\x19E\x198b\xf4E\xf0\xa2l\xf1ao\xa1\x8b\x9a\xc7\x16!\xb9\xff\xab\xe9\xa6LQu\x0f\x81\xfbt\xd5\xf3\x970\xfcLp]\x8a\x1f\x07\xdd\x01\x94\x89\xb0\x13\xd08q9Pe\x9e\x17\x05\'\xd6cv_\xe8-\xf8-.S\xe4J\x05\xb3\x8am\xea\x00f,\xa8A\xbdRP\'\x1b)\x9a\xba!e\np\x00\t\x15\xa8\xca\x94\xbb\x07\x9e\xa45PL\xe8\x8b/5MH^\xa7{\x068\xc6\x8ck\xfcz\xf2C.\xec&amp;7\x8e{&lt;S[\xb7\xc0\x8f\xa2\xdd4L\x07N\xaf\xf2\x18K\xae4[\x97G\x08{td\x93\x1cM\x06E\x80\xd5\x8a\x93\xe4Q\xd68\xd66\x88:v\xa4\xdbb0\x9c\x02\xf9\x80VU\xa1F:[\x96@\xd1\xddO\xdd\x9c\xd6q\xc5\xc4\x12V\xc5\xe0\'\x87\xa0H\xb8\x9d\xed\x0e\xc1\x0b\x08v\x18\xcc\xbd\xc2\xfc\xccp\x11\xea$;\xf0\xb3B\xa5\xc5\xdf\xde\x86\xbcJ\xa9m\xc8\xa3*\x85\xa7,\x94\xa6\xd5c\xd3\xa0s\xa0\xeb\xb2\xe03\xe0\xae\x14\xdcy\xc5u'</t>
  </si>
  <si>
    <t>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</t>
  </si>
  <si>
    <t>b'\xf1TP@\x1b\xdaC!\xb1\xd2\x84\xcapu-\xfd'</t>
  </si>
  <si>
    <t>what such an extraordinary ways of living
would be like, but it puzzled her too much, so she went on: â€œBut why did
they live at the bottom of a well?â€
â€œTake some more tea,â€ the March Hare said to Alice, very earnestly.
â€œIâ€™ve had nothing yet,â€ Alice replied in an offended tone, â€œso I canâ€™t
take more.â€
â€œYou mean you canâ€™t take less,â€ said the Hatter: â€œitâ€™s very easy to take
more than nothing.â€
â€œNobody asked your opinion,â€ said Alice.
â€œWhoâ€™s making personal remarks now?â€ the Hatter asked triumphantly.
Alice did not quite know what to say to this: so she helped herself to
some tea and bread-and-butter, and then turned to the Dormouse, and
repeated her question. â€œWhy did they live at the bottom of a well?â€
The Dormouse again took a minute or two to think about it, and then
said, â€œIt was a treacle-well.â€
â€œThereâ€™s no such thing!â€ Alice was beginning very angrily, but the
Hatter and the March Hare went â€œSh! sh!â€ and the Dormouse sulkily
remarked, â€œIf you canâ€™t be civil, youâ€™d better finish the story for yourself.â€
â€œNo, please go on!â€ Alice said very humbly; â€œI wonâ€™t interrupt again. I
dare say there may be one.â€
â€œOne, indeed!â€ said the Dormouse indignantly. However, he consented
to go on. â€œAnd so these three little sistersâ€”they were learning to draw,
you knowâ€”â€
â€œWhat did they draw?â€ said Alice, quite forgetting her promise.
â€œTreacle,â€ said the Dormouse, without considering at all this time.
â€œI want a clean cup,â€ interrupted the Hatter: â€œletâ€™s all move one place
on.â€
He moved on as he spoke, and the Dormouse followed him: the March
Hare moved into the Dormouseâ€™s place, and Alice rather unwillingly took
the place of the March Hare. The Hatter was the only one who got any
advantage from the change: and Alice was a good deal worse off than
before, as the March Hare had just upset the milk-jug into his plate.
Alice did not wish to offend the Dormouse again, so she began very
cautiously: â€œBut I donâ€™t underst</t>
  </si>
  <si>
    <t>b'\x16\xd3\xc1.\xc5S\x96\x17\r2\xefd\xa5\xa9\xa0\x8fg\xf2\xc7\x85\xc4\t\xdbz\x97\xdc?\xc8\xe8\xb5\xc7z\x14q\x04\x86\xd8\xd9\x973)\x1dWP\x8f^Y\xb9_\xaf8{\xae5\xb86\xd8\xc6\x9a\xe79yqv3\xe4_\x14\x18*\x8f\x1aY\xeeOPA\x85\x82\xf6\xcc\xebE\xedR\x17)K\xa0-\x174\xf4\xee4\xc2\xb8\xebi\r\x00\xbdn\xe5\x1c]a8y\x8f\xe3\x92\xc6e\x8co\xe9\xbb\xf8\xb3D\xa9NtO\xe1!\xeejH\x82\xc0\x87\x92,l\xc8b9v\x06N\xc3{\xa1\x16\x04a\x1aN\x0c\x86\xb4\x91\x91\xd4kE\x81\xcb\xc2l\xee\xa8\x06:\x98Z\x90w\x9c\x8c\x7f(y\x13m\x99zur\x17|\x81\x04N\x94\xad\xc6\x1e\x01V\xa6\xde[\x13R\xc7pkn\xec\x0e\x93y\xb4\x8a\xa7G\xc3\xff\x93$\x02\xc2^\x9dM\xfd\xc4P\xa1\x06\xea_\x12{\x8e\xc7\xb3\xe7\xaa\x85l0\x9d\xb4\x8d\t\xa2;\xb5}\xbd\x06\xc4\xc8\xce\xab#p[\xa7\xad\\Xnb\xfbb\xd0\xf9\x08.\xad\xa73\xd4aZ\xcb-\xce]3\x11\x1a\xbb)\xd6\xc5\xfbl6V\x96g\x07\xa2\xa5\x1a\x91\x97\xea\x06J\x168\xa5\xf4m\x84]*\xc9\x8ev\xdb\xaf\xb0?RCg\xc0\x15)T\xdej\xc0\x07\x19\xc9\xd6\xbf\xa6(\xc4K\xb3\xd1\x86g\'\x1bv\xc5T\x19\x1f(\xf9\xcb\xf6\xd9\xf0k(\x15}4k&gt;\xc9\x88\xfc6R\x1f\t\xd7R[\xee\xa6^k\xb5\xf06\xbc\xe3\xc9\xe5\xc3e\x85\xa3\\\xfa\xe8\x8c"\x05PI\xde\xbbv\xe1i\xf6\x05\x88\xf2\xa6\xd9\xbe I^\x83T\'5\x85\xc7d\xbb\x99AL\xc3\xdf\xb7K6|\xb3\x84\x00-\x0c\x1c\xe4\xa1\x93O\xa2\xe4\x86\xb1\x0byx\x92h\x85\x89\x13\x9dl8\xf7\xa3\x06\xc4\xfc\xeb\x0f\xe4\xd9\x08\xf7pf\xd2\xb0\xd9Ft\x97\xefn)\x06\xc2\xa0r\xc3,\x89\xbd[\x1f"ae\xafT\xf2\x9c\x8a\xed.\x86|oMb)\xe1\xd7\x9d\xf8\xd8\xe9\xd9\xcd\xefQ\xb1\xb6\x96&amp;9\\h.6\xef\xa8S&amp;\xaeu(\x1b\x9e\x86\xe0\x96\xa4\xbd+e\xb8\xc0\xd2&gt;\x84&gt; \xc2\x9f\xd3\x06\x1d\xb8\xc5\xdc \xb1\xfc\x0b\xc182Z\x7f\x15\xbf\xde\xb1#\xcd\xb0!\xd5\x1eh%\x00\xbb\xb1d\x884\x89/\x8e\xb1*Ov}\xc7\x99t\x9f\xc7+\x02\xbc(\x7fY\xbfi\x13S{;\\/\xf8?\x97\xca\x021\x86\rW\x86\x96\xc8\x07\xaa\xc3jl\x1d\x8d#y\x02\xf8\xece\xfb\x97oZ\xd5\xfd\x9d\xa7\x96=\x11!h\xdb\xb8\xde\xe9\xcc8]+\xa4\xec\xc9\x0e\xd3\xf8\x90\xb2\x0c|\x99\xe2\xb5\xae&amp;\x8f\x9f\x85\xa5\xf6\xc6\xb2\x1eqO\x08\x95/\xd2:-\x1b\xac\x17\xfa\xce\x9e_\x1f\x854\x14\xd4\\T\xa3Y\xa9o\xf8\xd6&amp;\x0c/\x8f\xd7\xea\xa8\xf0n\x06*\xa5\xd3\xdc\x9bt\x85\xfcQ@P?\xbe\xdc\x9f-P\xba\t\xcc\x9f\xf5\xde.\xb7.\x11\xde\x9e\xe7\x82+\x1e\x16\xc9\xb1\xbf\xb3\x9fN\xa1L\x01\x8b?\xbe\x972\xbc\xe0\x9b\x8a3\\\x80\xeb(\x88\x8a\x9d4\xe7\xda\x01=\xe8\xaa\xae\xbb\\\xd8\xedo\'\xb6\x1d\x82\x9a\xa8~\xbd\xbf\xbe\xf1\xea\r\x1f\x187L\x8afo\x0by&lt;\r\x19\xdf\x1a\x1e\x00\x94\x07G\xb6\xa9\xbcrS\x04\xe8^\xa8\x90\x96\x06:.\xd1\x1c\xe6r6\x93\x9bV\n\xa0\xd9\xb4\xe0\xa7H\x93\x83\x0c\xdc\x1e\x06\xd8\xc1\x1aL\xfd\xaf\'\xa8\xaa=~\x93]\x7fq\x9e\x14~Y\xf6\xa2LUaF\xb3\x87\n[g63a\xc2[\x8cMF\xe3\x80\xc7\xa1:\xfa\xc4\x7f\xcbBb`D{\xba!~\x94\x8a}\xa0\xb2\xc7\xc0\xdf\xe50\xbf-*\xd8\x1e\xae#\xfc5\xec\xe36\xe2\xa5\x00\xd9\xdeJ\xdf\x94w\xf2\xb4\xe7;\x92\xb7\x04\xee$9\xa9\xaa\xde~2\xd3\xefU$\xa94\xfa+2Q=\xcf"\xe9\xf2\x1f&gt;\xa8\xb2\nj[\xe3E\xa7\x9e\xa6QEh\x1dP\xa2QU1R\x14HO?\xb1\xda\xf3\n\xeb\x16e\xab~\x94\x03JE\x12\'?40\xaf\xe9\xb0\xc2X{\xaf\xf11\'jLf\x15vE\x9c=\xfd\x94\xf5G\x83\x94r\xfes5(-w\xb7|\xdb@\xc8\xcdb]\xaf\x0e)"\x18)\x1e$\xcd\x02\x07\xf8\x12u[ \xcb\xc8\x0c\x99\x9d.\xaf\x83\xa5\xc25#$KX\x80\xac 2\x82\\\xc8\x02\xdf}\x04S6-\xfa\xa4\xff R)\xc8\x1e?\x9d\r\x9d\xd4?b]\xcd\xb0\xe3Cyps\xa6\xc3\xd3\x96\x85\xf2\xe8f\xb3 \xd3\xfc\xb3\x8dg\x03\x1b\x98\xa2\xaczG0\xa2\x05\x1c\xad(\xe9p{*?\x0b\xfe\xbe2\\\x8f\x1f:7\xe9+\xc9p\xe6`\xdb\xb8\xa8\xb5\x93!}\xdcO\xd2\x9d\xd2c\xb4\xfd\xbb\x0e\xcd\x16S.&gt;\xc5\n\xbclH#e8j\xafN\xd5Z\xc3\xdaT\x0b=au\xbb@\xf7\xf7\xea\xcc\x86p\x12]\x18\xd6X\xb0\x18_2\xa1\xd4\x17s[\xe17\xea\xa3\x97}c\xdb\xf3\x9c\xcd;\xd9vm-\xcc\x13\xc3\xf2\xe2s\'\t\xb0w\xec9Q\xde\xd5\x9e5"\x9cm\xe1\xd1\x96\xfd\x94g\xa9\xbe\xde\xd9\x83\xc6QV]:\xd5\xda\xba\x89\x18\xa0\x91\xecmTkO\xd5#\x04aY&amp;Y((\xdda\x1d\xa0\x865\xd2\x81Ku\xa5d\xc1\x97\x83\xda\x1c\x14\x0c\n]\'\xd8\xc8\x90\xc4\xb2\x90\xba\x9c\xc3_\xeaqn\xe4t\x13\x0e\xca\xd1\xfc\x11Yr\xa6q\xb1\x9e\x8e4\xf9\x01e\x99%\xe7\x88\xc3\x06}Q\xd5@P,\xaa\xaeL\xf5\xf7"$\x86^+{\x12|\xbc\xce;\x03\x84a\x05Mw\xbf\xcd&lt; L\x7f@\xb2\xf6\xd2}\x01\x03^\xb4\xec\xd3\xbb\x98\x13n\xe1\xd4\xaanb(\xf8&lt;\xa6\x8a\xbd\xbbW\x1d\x1bdw\x96\xbf\xe8b\xa3\xf0\x87\x06BC\xe6\x9f(\xce\x8a*D\xd0 6\xcfz\xb5\xe9\x98\xc4\x1a%YW\xda\xfb\x14b\xe0_ \x94\x00\x0eK\x9f4\xcfv\x98\xe3\xc9\xe6\xd8m\xb5\xc6*#e\xf5\xdeS\xcb\\6\xd7e\xd8d-\xac2\x08\x8a\xd0\xbc\x00W\x05\xc9\xc8\xb89K\xe3\x911jMyc\xf3x\xf5~}s1#\xf0\xb0\xf8[+P\xdc\xcc\x87\xd7\xbb\x02\x93O\xfc\xe0\x8e\x1c\x9d\xd7\xbf\xfdf\x8d\x10\xea@\xfe\xc2tt\xcd\x99\xc6V\xd0\x89\x91T\x9b\xc0^\xcc\xbc\x9d\r\xef\x1b$\xa6$d\xd7\xaa2\x82\x9f\xceo\xef\x89\x04\t{\x1e?$!S&amp;\x11cj\xb0\x83Cn"Nl\x1a0P\xb2\\7\xcf\x84\x9a\x94H\x95\xeb\xd1&lt;Q\xaf\x81\xef\xc9\x1cV\x90\xcd\xe7\xca\x11\xc4f-f\xe3y&amp;\x07\x11f\xdd\xbbb\x16\x18\xa6\xce\x9a^s\xea-y\xe8\xee5:\xfbU@\x9a\x8f\xcc\x0ba\xa7.\x90;\xd9M\\y\xd9\xe3\x94\xf38\x96\xe3\xac\xd2\xc79x\t\xd0DE7v\xd1\x94\xce`\xff\xb4/\x14\xe8fU\rv\x7f\xa6$\xd6\xbeM)\xdfJ\'|\xf8c;\x18\xef\xfd\xc1\xf8\x82\xd8\xf9 B\x10l\xbf\x11\xa2V\xd7\xeb\x02\xa8%\xfe\x13m\xb5p\xf3\x0e&gt;6C\xc1.\x8b~R=&gt;:Z\x0c\xcb\x0b,\xf5\xd7\x04!LD\x94\'d\xb4\x0b\xaa\xe0\xfe\xa1\x89\xa9Wi:\xb0\xc2\x99\x9f\xe3}\xe1b+\x9dG\xc8&lt;\x19\xd86\x1a\xab\xfblr\xf6\xd2\x15*\x0e\xa1\x90\xa8\xba\xe7o\x04&lt;\xea\xc8f0\xc6\xc3&gt;\xbe\xceVV\xc2\xca\x18\x0f\xb2\xf8=\xffPK\xb0\xe4\x08\xb3\t\xbbA\xa5\x84\xba7\xa6\xfe\x0cE\xcbB\x98\xfa\xf3\x03~Y\xd7B,\x1e\xeeS-\xd2\xf40\xfa\x11\xf4S\xfe9\xfe\x9eF\xd2\xce\x0f\x14\x15\xe4\nu=:qJ\x88\x90a`\xf9\x18\x80\x0b\xafn\xb5u\xc4\xc1\x98a&gt;\xce\x94\xf2\xce\x188\xa4m\x99\x1fH#\xf2z\xc4\xfd&amp;\xd4#\x1d&lt;\xd6\xa0\xcd\xad\xca\x94&amp;\x82x\x1a\x10V\x92\xca\x99\xcb\xaf\x88\x9b{\xc9.\xc9\x06\xf2$\xc8\x0c\xc61o\x90s\xf4h\x96\x97\\\x84\xefB\xc5\x80\xb7\xae\xc4+\xa5\xd5gi\xc4\xd9\x08\x86\x12%\xa6\xa7t\x93\x13?\x16\xca\xf8\xd0\x8dkL\xb1\x82\xae\x1f\x8f\x17Ev&gt;\x110\x13\x9a\xd8\xf0\x9d.c\xf8"\xe1\xffh\xd3\xe1\x94\x9fM5\x971\xea4\x9c\xe4\xceyd\x82\xfe|\x06\xa26\xe3\xfc\x99R'</t>
  </si>
  <si>
    <t>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</t>
  </si>
  <si>
    <t>b'\x16\xd3\xc1.\xc5S\x96\x17\r2\xefd\xa5\xa9\xa0\x8f'</t>
  </si>
  <si>
    <t>dia.org/wiki/Dry_cell
26. http://www.ijimt.org/papers/504-H1011.pdf
27. http://www.amateur-radio-wiki.net/index.php?title=Resistors
28. http://www.robotpark.com/Resistor
29. https://www.revolvy.com/main/index.php?s=Current%20source&amp;item_type=topic
30. http://www.wikiwand.com/en/Potentiometer
31. http://www.wow.com/wiki/Resistor
32. https://www.revolvy.com/topic/Dry%20cell
 Basic Electronics
105
                 33. http://wikivisually.com/wiki/Potentiometer
34. http://diodetech.blogspot.com/2013/07/types-of-capacitor.html
35. http://www.rechargebatteries.org/knowledge-base/batteries/other-technologies/
36. https://www.revolvy.com/main/index.php?s=Ayrton-Perry%20winding
37. http://wikivisually.com/wiki/Dry_cell
38. http://www.robotiik.com/Resistor
39. http://dspace.ewubd.edu/bitstream/handle/123456789/1786/Arefeen_Binta_Belal.pdf? sequence=1
40. https://www.scribd.com/doc/138081352/Automotive-electrics-and-autotronics-by-M-A- Qadeer-Siddiqui
41. http://eeeinterviewtips.blogspot.com/
42. http://www.mojotone.com/amp-parts/Resistors_1/Ceramic-5W-10K-OHM-Resistor
43. https://en.wikipedia.org/wiki/Laser_trimming
44. http://www.freeway-batteries.com/faqs/where-are-primary-non-rechargeable-cells-used- mostly/
45. https://upload.wikimedia.org/wikipedia/commons/d/d3/1.Resistors.wiki.20150309.pdf
46. https://www.youtube.com/watch?v=b8BxFrIj85I
47. https://hi.wikipedia.org/wiki/%E0%A4%9A%E0%A4%BF%E0%A4%A4%E0%A5%8D% E0%A4%B0:Laser_Trimmed_Precision_Thin_Film_Resistor_Network.JPG
48. https://en.m.wikipedia.org/wiki/File:Laser_Trimmed_Precision_Thin_Film_Resistor_ Network.JPG
49. https://www.pulsetech.net/support/lead-acid-batteries.html
50. https://www.researchgate.net/publication/286194982_Design_Fabrication_Of_A_Gravity_
Powered_Light
51. https://answers.yahoo.com/question/index?qid=20120905094415AAcmtIU
52. http://www.digitalpower.in/product.html
53. https://www.slideshare.net/shashank571/electronic-letter-box-47643938
54. http://www.c-sharpcorner.com/article/python-scripting-on-gpio-in-raspberry-pi/
55. http://www.scullcom.uk/resistor-basics/
56. https://www.slideshare.net/OmkarRane15/lab-manual-for-basic-electrical-and-electronics- engineering-for-first-year
57. http://www.ebay.com/itm/100K-Ohm-104-3296W-Cermet-Potentiometer-Trimpot-Trimmer- 50-pcs-DT-/262465521913
58. https://www.slideshare.net/VivekVenugopal11/an-integrated-fourport-dcdc-convertercei0080- 56679170
59. https://www.scribd.com/doc/88678560/Foot-Step-Power-Generation
60. http://wikivisually.com/wiki/Resistor
61. http://byjus.com/physics/cells-electromotive-force-and-internal-resistance/
 106
                 62. https://www.amazon.com/a13081500ux0324-3296W-104-Potentiometer-Variable- Resistors/dp/B00D2JRALS
63. http://www.ht.energy.lth.se/fileadmin/ht/Kurser/MVKF25/Batteries_Introduction.pdf
64. https://www.amazon.com/uxcell-Through-Hole-Trimmer-Potentiometer/dp/B008LT4IGY
65. https://www.scribd.com/document/85566835/Capacitor
66. http://www.sankethika.in/types-of-capacitors/
67. http://www.linguee.es/espanol-ingles/traduccion/cloruro+de+amonio.html
68. http://www.e-gourakani.blogfa.com/post/139
69. https://www.h2sys.fr/en/electric-storage-system/
70. http://www.circui</t>
  </si>
  <si>
    <t>b'+\x85#\x06\x9d\xb89#\xc9x\xd0\xfa82{\x7f\xbf?\xd8\n\x108\x0c\xbda \xd9\x8c\xf1\x97\xa96\xc7\x19\xe4\x9fm\\\xb3w?\xd9\x9e;CZ\x16t:;\x01q\xa5b\xaf\x1e\xe9\xb2c\x1e%\xb96\xf6\xf05\xa4\xf6B\x90M\x17l\xcf*\xb9$F\x9d\xc2\xd8\x9d\xf2,\xdd\x0e\xb6\x17Q\x1b\xbe\x8b\xc9|\xb2mv\xf1\xcb6"\xac[\xc1\x88\x08\xab\x93T"\x85\\\xb5\xed\x04O\x93bR\x9b\xae\xfe~i\x10\xe6\xd8\x8dRu\x88\xc7\x0bU\xd7=\xbf\xdeL\xaa\x85\x13\xefF\x91\x07Y\xe7\xa7\xe3/\x89\xb0L)\xb5M\x10A\xbdy\xba\xe2\xcbs3\xea\xc2\xbb\x9d@H\xeb\xe9+\x06\xf4E\r`\xc6h}\x9en\xce\x01D\xa1\xc3\xa8\x97\x1d_I\xa4\x08\x8an\xd79nw}6\xe1\xc3\xee\x8f\x8d\xec\x93\x08\xde\xf3\x1a\x08,\x8b\x1aO\xd7\x10\x19\x1dS\x8b\xc3kKIS\x98&lt;\xe3&amp;\x99\xb7LD\x9a7\xa8,\xec\x85N&lt;\xb0\x85~Yj\xae^\x17\xb9N\x00\x89x\xad\xb52\xe4\x01+\xaa\x08yf}aS)H\x91^\xc7\xb4\xc3\xc2\xf6\xc8V\t\xda\xdc\x1f(]ea8p\x08\x17W\xe64\x03\x99/, ;\x8b\xf8\xc6 \x19\xf5r\x14\xeb\xae"\xedX\x9d\xf0\xa4O\xcf\xa7$\xd9U\xe5&gt;\xe4\xdcF\xc1\x81\x9f\x9b&amp;\x9d\xd1i\xd4\xc5\xbe\x11\x00lo\xab\xfe\x11\x94\x1c\xb8"\xf8\xa5\x93S\xbd@\xf7\x89\xec\x83\xea\x9fm\xf4\xb5\xbf+\xfd=QD\xac\x9e\xdd- \x88\x83$*\x15\xeeeR\x01\xd9{\x88\x8b(\xc0\xe40i\xd0\xe0\xb8\x05x@\x9d\x81\x95R\x04\x06p\x1f5\x13\xff\x97\xfcyV\x8c$\xde\x01\xd9\xbd\xfe\xf7\xa1+\xb0O{Uu\xe7\xdf\x00\xca\xb6o8A\x07\x07\xff\xba\xc2L\xe6\xa2qX\xee\x1f5\xb9(\x83+\xe4\xb1\'\xe7k\x00[x5\x9a\xdd{,if\xa1&lt;w\xe7}\xc7\xe3\xa2\x0f\x87\xde\xcbLQ\xd9\x90\xd5\x91\x04D\xf4\xe3e\xc2\x82\xdb\xefgj\xfd|\x12\xc6\x85n1\x99\t5\x9as\xc3\xc2\x93\xfc:B#\x98\xc0\xf0\xf8\xf3\xb2\x81K\xe2\xb5\x9f\xdcN2\xffo\xf8\xd6\x9eb\xe4e@dyJ$4$\xa1Th\xf6\xd7\xb1\x95\xf2\xfd\x97\x86\xf4|\x84\xb1\xc5tzV\x07\xc7\xc2\\@\xdf\xb0b\xc5\x9f\x92\xc8&amp;BD\xd38,$\x18Q\x04\xd3\xff1\x98\xa451\x14g\xd3y\xa4\x9dE\x0eG\x98\xe95bW~\xb5R\x8f\xe0\xad&amp;\xfb\x1a\xb0\xfd\xf0\xebg\x19\xe9\xdf\xdc\x00\x01\x03\xc1\xfc:\x12\xa1\xd1\xee|\xfd\xa4\xc4\xfd\r\x06\x93\xb63\x82\xd5\xdel\xa2 /:\x8b\xfe\xf3bK\xb2\x87b\xc8+\r\x86@E\xea7\xffn\xea\x8b\xaa\x17\xcbv@\x95\x9b@cr\xc2#ZE\xfa\x7f\xcc\x8b\xb8\xee\xda\x97\xf64\r\xf1\x9b\x8bL\xe3\xb1\xbb\x9a\xf8M\xb2\xbd\x1aY\xaf.B\xcf\xf8\xc5\xa2C\xe3\x0b\x16L\xbfsbP&gt;\x94\x0c\x11\xe1N\xb5\x1bb\xa19\xe2JG\xaf\x84\x1b\x9cG\xb3\xd3\xae\xf6\xcd|2w\x13\xbf\x1c\xa5gv\xf4\xca\xdc\xd1\x97\xd4\xfa\xbaY\x8f]^v\xbc\xd9\x03\xa8qm\x83\x9a\xf3\x02m\xec3\xf8\x90\x80\xca\xfeq]\xaaYI)\x88\xdc\x1f\x8f\xd7\x8a\xb4\x9b\x9e\xed\x0c\xda0g\xd6[|~\xf55\xa3\xa2\xa2\xcch\xc0o;\xb9\xca\xa0\x8c\x9a=8;5-\xa8\xf1\xd2\xb4wb\x93ef/\xc3\x82\x8d\xc5\xc78\xdf{\xb4\xb6\n.\xc5\xd2\x97\x88\xa2\xc2\xb5&amp;\xdf8o\xdf\x81\xad\x05\xda\x92\xf1J\\aH\xf1\x8e!\rc\x07\x15\xcb\xae\x98j\x9eYiZv\xb5-\x9a\x0e2\xe3F\xbb\x0e(eX\xbeyU\xa4\x9e4\x11\n\xb6\xbeoi\xe4\xd7\xc3\x15\xa7\xeev*2\x19\xe8\xc9\xad\x07\xb1\xa0C*\xbeo\xa2\xb0\xee\x9eJ\x9b(\x8c\xcc8\x1aUg):d\x88\x83\xb4.x\xbf\xf4\xc4}tK\xbd\xbd\x97\xf8nV\x07+\x087&amp;\x87\xe9\xc22e\t\x86gh\xfa\xcc\xc1\xb7\x7f\xc5\xec 1\xab\x8f%\xb9\x7f0\xf7D\xca\xce\xd99\x0bdz\xa0)\xbb\xd1B:\xd6\xacfYn\x9c-\xdf\x17\x1b\x1be\xaa\xb5\xad\xf9P\xaa\xf9*\\b\xc0\x11\x12u\xf5\x95D\x12\x98{\x1d\n4\xbab9\x92il\x8f\xdeH\x80\xb6\x96\xd8L\xca\nszZ\x89\x0cy\x03}\x86\xff\\\xda\xff\xa8@i\xfc#:\xad\x1aR`3\xb6\xce\xce#\x84};\r9\x88\xff$\x86(\xc9\xf9\xf5DB\x10/\xf60\xcb\x91I\xf44e\xe59\xc5\x1b\x17\x80\x1e\x05F\xa3n\x1d\x0cp\xf7P\x02U]\x95uc\x8d\xc9\x19\x8cD\x89\xbcF,J\xe4\x89\xe8x&lt;\xcdmO#J\xbf\xc4\xc4\xc0#\x87r\xc4-\xedg:\x05\x92\xe1\x05\x0b\x01C\x00\x9b\x97\xfd\x05\xa1;\x96\x19\xd6K\x98\x9b\xcf\xb3\x19\x182\xe0x\xb0L(j\x94@\x85\x9b\x83+t\xfc\xbe\xe7P[\xbd\xefn\xe4\xe0\xd28\x15\x18\xe4\x10\xb2:\x08\x10,\x138\xbf\\\xd2\xe8V1\x82\xe0\xd5\xe5{\xf2\xde\x08=\xb0\x15o\x80_6H\x8fL\xe8~Z\xd1\x9dO\xb3=\xd9\xd6\ra\x92L\n!\xe1S\x04\xa1\xfa\xbb\xbe&gt;\x8d\x1f\x17a2\xa1\xa3\x18a\x1a\xdfn\xe4\xf3Egw\x01`\xf1\xd2\x05.h\x9a\xbb\x95l2\xf7\x85X IT\x8e7{\xd1\xc2\xd6d\xef\xf8\xda\x96\xbb\xb3\xef\x88\xad4=\xbb\xcax\xa1\x0c\x8c\xac\x12\x1e$\xa0\xeb\x80\x8b\xa2\x16e\x13/\x8e\x13\xe3\xfd\xebG\xac\x04#kCC\x85\xf0\x05\'\xf2\xba\xf2\xb8E\xbc[C\x8f\xbc\xf0\x7f:R\x90\xe9!\xdf\x9c\xa6\xbc\xe5f\x98b\xc2\x13\x90\xe2\x95\x13\x94:\x9c\xf9p\xf1\xd1\x0en\'\xd4g\xc1\x8a\xd0.\xa0\x0c\xab-O\x88\xa4i^\xdf\xce\xb0@\xb4+,:tG9\xbb5\xa5\x9e58K\x08\x97\\&gt;\xd4\xa2\xc0O\xb6\xe5*\xe8\xefV\x90\x03F\xa2\xa9T\x0b\xcc\x8dn9o1\x8b\xee\xef\t\xfc\x99\x94A}kP\xf3BK\xcf\x8a\xc0\x1cM*\xad\xda\xe8x\x8e\x9a\r\xa1-\xf6\xe6\xb1\xea\xdc\xddO%\xb3\xce\xf9c\xf5U\x88\xb5\r\x99\xfe\xef\x04`\xfe\x11g\xa1\xbcK\xa5eG\x90|\xd23\xc0\x0c~L\xeb\xbc\xbd&lt;\xb7\xc7\x1f\xb9\xf1\tw|\x95\xa9\xe6=\xda\x87\xbaf\xe7EF\x81\xcf\xb8\x94\xbe\xdb\x9b\xaf\x95\xe6\xafg\x18\xb9V\xf1\x1aV6\xf0\xb1\xdf\xb5\xc9A}\xb02\xe8\xb3e\xab\xa7a\xcd\x06\xdds_\x1aXV\x0c\xb4_\xe7%h\x92\xffuO\x0f%\x87a\xe1P\x88\xc7xs\xae\xf6\xccV\xf8@S0\xa4\xcaP\xf5\xc4\xf9t}\xde\xbc\xe5\xcd\xffJ\x9eE3\xc0\x9a\xfc\xa8\xe6\xb4\xd9\x04\x11 \xb9\xb9\xfc\xdb\xe9+\x88\xa2k\xd0\x15C9\xeb\xcc?\xfbo\x8b\xa7\xef\'K\xe9P\xdc\xa7\xd0\x87\xb6~\x13\xedu\xf2\x18[\x14\xd8\xa9\x16 3\x81\x12:G\x1e\xb8\xfb\xb7Q}m\x0e5q\xc1\x86\xdd\xe9\x11\x8a\x1c\xf6\x1ah=O\xc3\xca\xee,\xa4\xf6I?&amp;G\x03r\x01\x1b\x9f\xa5tgz\xec\xe0NKs\xb8\x1bn\xe2\xa5\x84\xa4\xb5*u+\x02\xb9\xbe\x03k!\xb6FvV\x8f\x9e\xc9\xa3\x0e\x08\x1c\x8c\xf2S\xb6\xff&amp;\xdd\x13\xfd\'j\xffP\x942u\x11;}\x95\xb2\xba\xea\xdd;\xa5E\x14\xc4\xbb$\xa4 P\x84/\xe2v\x1a\x1e\x80%\x97\x7fS\xbd\xe6M\xb2N\x83{O&amp;\xacD&amp;\x0b\x1b?\x13\xad#;\xbc\xdcmb\x91\xefY6\x98\x84Q\xdfY\xbc\xa6\x07"}\xf4\x89\x05l\xa3v/n\xf6\x0ee9o\xf3\x19:\x1a\xc0\x05,\x03\xb3a\x96\xefm$\xd4\t^2V\\\xa0\xfb\xce7\xb5\xb4?O\xcf\xae\xc0\t\xbb\x9f\x04\xa9\x8e\xdd\xe6\xcf\x90\x8a\xfcwm\xcc\xecP\xcd\xb3\xdd\xab\xa9\xa1\xbd\x16\x8a\x9ah5\x9a\x81\x1d\x08\x90\x93+\xda&lt;\xdc\x12\x08/Nv\x8f\x94\xc5\x81w\x9a\xb8\xaa\xa8\xb1\xbeN\xa5["b\xca\',\xad&amp;\x8e\x85*\xcf\xd8\xd6\x1c/\xffa&lt;Z?\xe8\x92\x9a\x0e\xca\xfbH\x0c]\xabM\x93h5\x0c\x96v&amp;"\x18\xa7k\x85\x82\xc3\xb1\xcaE\xcc\x15\xe1\x99(\x87\x03y\xcd\x1d\x0b\x92\x9eO\x83g\x93\xd5H:\x7f\xfd%7\xc8\xdb\xada\xbd\xc5u\xdeB\x8fp\n\xbfx\xff_\x94T\xb2\x94O\x12\x1f\x08\xa8}s\x1f\xb4\xb5as\x855\xee\xfe\x1d\x9d\xf4r/\xb2\x1c\xa0pn\xe9\xb6]\x042P\xc5Hu\x9b]~s\x90\x81(\x9d\xc8\xc4\x0c}\xa1\xfc\xbb\xec\rGD@\x05\x9e\xc9\xfb\xad\x07\xd7\xe3w\xdb-K@\x8e\x9b\x15\x03`\xde\xc2l\xd9B\xafnK\x96\x88\x81\xc8&lt;zT^\x95\xcd/i)\x8f\x0c\xabB\xd9\xd4\xd5&lt;\xdb\x1d\xcc\xebep\x0b\x19}\xe0\xf7\x93\xce\xe4\xd3\xc5O@z\xea\x1f\xd9\xddT\xda\xc9\x9es\xc1\xc7+\x18\xc8M\xf0`\x99r\x9a(\xb33g\x8c*\xc5\x9e\xb4\xcf\xf1\x1e8k\x9e\x1d\x90\x0c\x84\xef\xd0?iDn\xbf\xad\xd3\x01\xb1\xdc&lt;\xa3zZ\xa5a\xdd\xb3b\x81\\\x10y\xa0\x8e\xf55\xfe\x95\x98\xc2\xeb\xd6Y\xdd\x81\t\xaf\xf1\xa1"\xa3\xbb\xec\xc6\xe7\xb4z\xdb\xa1\x87\x1a}\x0c\xbc\x11n\xe4\xc0\xea\t\x8d\xe0\xc2\xb4\xdf\x19\xdf\x86\xc0\x8b\xf3;\x94\xf3z\xed^\x18\xc3\xa9~%\x8d\x1c\\\xdd\xe3v\xdf\x93A\xa74N\xa0\xff\xda\x82\x80\xcd\xe7\x9178`\xde\xf1HIj\x81o\xab3\xde[\xde\xb6t;\x87\x16\x9c\x13IY\xa6\x04J\n\xf7Pe(G\x9a\xe7{\xac\xd4\xc1\xdc\x07\x9f\x1f\x9f`q.\x04\xe3\xb7%!q\xe3\xf4OY\\\xe0c\xcf\xdd\x04Vv\xaf\xc9$\x91\xf4\r\r\xe9\x9ao\xb0\xe4\x16H\x1e\x8d~\xee\x88\xb3\x93\x04B\xabO3a\xde\x98\xec\xa52\xdf\x03\xc0f\n\xd2\xb5\x95\xcc\x1a\x1a3\x0f\xf8k?W\x82&gt;\n8\x92\x8eJ\x81Pw\xc6\xbe\xe5\xb7\xd6cZ\xf3O\xe6\x1a\xcb\x12)\xf1\xd6a^E@ul\xacc\xe5\x91$7\x8d\xa3=\xe6\xd9\x82\xe7{\x93\x90\xfdG\xe2fI(\x8b\x95{\xa2|dcq\x9e\x89J9\x02\x18|\x8e\x94\\)\xa0\xb0).^~\xb3\x1bD\xcdP\xb0\xab9,\xe0\x9d\xbb\xb8V\xec7\x9fjW\xf0$\xac\xe8\xe54$\x8e$-\xf6[\xeb~\xb8\x97\xb6\tl\xf2^[q\xb5j\xb0\xc9\xcfa\xb1\xdfLj\x1d5)\xf9\xae\x87_\xa1$\x17Qh\x83\x84\xf4\xc0\xd5\x99\xea^\xd7\xf7\x11\xfc\xb9\x1a\xb6\x0eGAQC\xb0\xf1\x9e!\x81\xa2"%\xf1\xdb\xa6\xb5s\xa8!I\xcd\xb4\xde:N\xffa[\x10\xc8\xaa*\x11\xc1\x8fF\xa8*6\xe1\xe6\x9a\x8b \x17\x16F\x9fE54\xa2q\xd6\x19\x13\x1b\x7fb\xca\x95.\xd2+o\xd1\xb2\x02\x89\x9d\xf5\xcd\xd84\xd7\xc9DHkH\xcc\xf2\xe1\xc6C-\xa9\xc5\xfaJ\xe2\xffVs3\xab\xfa\xec\'\xab6\x9d\x8a\xa4\x9cE\x1eF\xd7\xa7\x8c3\xb4\xbb\x1eu\x0b%z\x8b4\xcfw\xd2 \xce\x85\x9a\x04e\x8f\xcd\x96(\x9e6\xc1\'\xebE\xaa\xba\x80|og\xe0\xc6\xce\x8c\x13,\xe1\x8f\xf2.\x82\xa7k\xd0\x98w\xf2\x9e\xb5.]\xac\x03\xd8%\x8a\x0b\xcb\xedC\\\x97\xbf$\xe4\xbb\xe3\xe9[5\x8f\xeb\xefo}\xffsZ\x9d%\xc5\xec\xaf=\xb9x\x034%\x90\\\x865\xc3\xec\x83u8\x89Z\xd6\x9a\x9bGx]M\xcb\xf3Z\xfc\xe9\xee\x1d6\xa1\x8c\xe7\xe8n\xa0\x84}\xb3C$*\xd5\x9c\x19\xdc\xdbIO\xe5\x14DA\x7f7\xbc\x7f\x88m\x18\xb0Pv\x0c;\xe0&gt;&gt;.\x8e\xe5\x9a\x90\xb4\xa1\xd7\xf4&lt;}x\x1b&lt;\xbf\x9c\xc8[\x14\xf6S3\x9ep{\x87\xe5\xaf\xe2\xf0\x82G\x90\xce\x8eL\xb7\xa3\x89\xa9K\x05A\xc5\xd9\x1a\x91ZqQ\xbfS\x98z\x1b"\x13\x8b\x1d\x0f\xf9n\xba\x8aF\x91\x16Bgb1\xbf\x87#\xf3Ym\xaf5\x0eM+\xd4B\xb1\xd6\x87$\x116\x11\xb3\x93\x05\x0e\xf7b?\xb3\x86\xc0P\xfb\xa2z_\\\\\xa4\xaa\x9a\x00tR\xa4\xc8\x910\xec\x8e\xe9\r\xc6\xa9Ox\xbem\x1d:\xcd\xa3\x12\x10\x15\xc2\x0f-\xa9nS\x91r\xe0\xda8nx\xf6\xbe\xf5\x88To\xe6(\x8a\xbd\'K\x18\xeeN\xf5\xe3\xf0\x7fO (\x7f\xdfP\xe6\xad\x02\xffx1\xfd1.Z2\xce\x8d \xe8\x97\xa8\xe5\x10\xe9\xc1\x8a\x1d\xb8I]\x12\x1a\x15oW\xa9I\xdc\xf8\x84\xdcZ~\xd6&amp;\xc0\x02\x11\xcb\xebgs\xcc\x91\x07\xc8\x84\x99\x0f\x1e\xf2\xac\xad\xfdb\xae\xe8\xd4\x98g`%\x821,\'\xcfZ\xa1{\x0e\xdfO\x8b\xf0\xb0\x9b[\xa2\x97j\xa8\r\xde\xe4\x807x\x9c9\xe0d\xe3\xd9y7JU\xd7\xa6\x19\x0e\xe6s\xffb\xb8\xf8\xd7\xfc\x96j3~q5\xcbH\x1d\x0e@\t\xa9\x8a\x95#xW\xa2\xcd\x08\xa5['</t>
  </si>
  <si>
    <t>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</t>
  </si>
  <si>
    <t>b'+\x85#\x06\x9d\xb89#\xc9x\xd0\xfa82{\x7f'</t>
  </si>
  <si>
    <t>Unionâ€™s limited taxation powers allow it to practice fiscal
 578 PART FOUR International Macroeconomic Policy
 federalism only on a very small scale. This is just fine with those voters in Europe who
 do not wish to pay higher taxes to support transfer payments to weaker countries
 within the euro zone.
 Summing Up
 How should we judge Europe in light of the theory of optimum currency areas? On bal_x0002_ance, there is little evidence that Europeâ€™s product and factor markets are sufficiently
 unified yet to make it an optimum currency area. However, there is evidence that
 national financial markets have become better integrated with each other as a result of
 the euro, and that the euro has promoted intra-EU trade. But while capital moves with
 little interference, labor mobility is nowhere near the high level countries would need to
 adjust smoothly to product market disturbances through labor migration.
 Because labor income makes up around two-thirds of GNP in the European Union
 and the hardships of unemployment are so severe, the low labor mobility between and
 within EU countries implies that the economic stability loss from euro zone membership
 could be high. Evidence that such losses may turn out to be costly indeed is provided by
 the persistently high unemployment rates in some euro zone countries (see Table 19-2).
 Furthermore, divergent economic performance under the uniform monetary policy of the
 ECB suggests that euro zone countries have been subject to asymmetric shocks.
 The European Unionâ€™s current combination of rapid capital migration with limited
 labor migration may actually raise the cost of adjusting to product market shocks without
 exchange rate changes. If the Netherlands suffers an unfavorable shift in output demand,
 for example, Dutch capital can flee abroad, leaving even more unemployed Dutch workers
 behind than if government regulations were to bottle the capital up within national bor_x0002_ders. Severe and persistent regional depressions could result, worsened by the likelihood
 that the relatively few workers who do successfully emigrate would be precisely those
 who are most skilled, reliable, and enterprising. Given that labor remains relatively immo_x0002_bile within Europe, the European Unionâ€™s success in liberalizing its capital flows may
 have worked perversely to worsen the economic st</t>
  </si>
  <si>
    <t>b'0D\x02 \x1b2\xd7\xba\xb2\xd0&amp;\xf44\xfb\x8f\\\xaa\xa4\xe8\x7f\xf7\xcb\xc7\xcf\x97\xca\xe7I\xe2\x1a\xa6Gj"\xfb&amp;\x02 6w\xa7\xe2?\xa0\xfa\xfd\x02\x9ff\xc0\xe5\xc2a\x94\x18\xa3\xf2\xb8*\xee\xdc{\xf5n\x9du\xb5O\xe1\xd5'</t>
  </si>
  <si>
    <t>304402201b32d7bab2d026f434fb8f5caaa4e87ff7cbc7cf97cae749e21aa6476a22fb2602203677a7e23fa0fafd029f66c0e5c2619418a3f2b82aeedc7bf56e9d75b54fe1d5</t>
  </si>
  <si>
    <t>b'0D\x02 \x1b2\xd7\xba\xb2\xd0&amp;\xf44\xfb\x8f\\'</t>
  </si>
  <si>
    <t>d is studied in more advanced texts.
 6.3 MOS DEVICE MODELS
 With our study of MOS I-V characteristics in the previous section, we now develop models
 that can be used in circuit analysis and design.
 6.3.1 Large-Signal Model
 For arbitrary voltage and current levels, we must resort to Eqs. (6.9) and (6.34) to express
 the device behavior:
 ID = 1
 2
 Î¼nCox
 W
 L
 _x0003_
 2(VGS âˆ’ VTH)VDS âˆ’ V2
 DS_x0004_ Triode Region (6.56)
 ID = 1
 2
 Î¼nCox
 W
 L (VGS âˆ’ VTH)
 2
 (1 + Î»VDS) Saturation Region (6.57)
 294 Chapter 6 Physics of MOS Transistors
 G D
 S
 â€“ W
 L
 VTH Î¼ C ( n ox V ( GS
 2 1
 2
 VGS &lt;VTH
 VDS &lt;VGS â€“VTH
 (1 + Î»VDS )
 G D
 S
 â€“ W
 L
 VTH Î¼ C ( n ox V ( GS 1 2
 2
 VGS &lt;VTH
 VDS VGS â€“VTH
 V
 &gt;
 [ 2 DS +VDS ]
 G D
 S
 VGS &lt;VTH
 VDS &gt;&gt; â€“VTH (V ( 2 GS
 Ron W
 L
 VTH Î¼ C ( n ox V ( GS
 =
 â€“
 1
 (c)
 (a)
 (b)
 I D
 I D
 Figure 6.29 MOS models for (a) saturation region, (b) triode region, (c) deep triode region.
 In the saturation region, the transistor acts as a voltage-controlled current source, lending
 itself to the model shown in Fig. 6.29(a). Note that ID does depend on VDS and is therefore
 not an ideal current source. For VDS &lt; VGS âˆ’ VTH, the model must reflect the triode region,
 but it can still incorporate a voltage-controlled current source, as depicted in Fig. 6.29(b).
 Finally, if VDS _x0004_ 2(VGS âˆ’ VTH), the transistor can be viewed as a voltage-controlled resistor
 [Fig. 6.29(c)]. In all three cases, the gate remains an open circuit to represent the zero gate
 current.
 Example
 6.13
 Sketch the drain current of M1 in Fig. 6.30(a) versus V1 as V1 varies from zero to VDD.
 Assume Î» = 0.
 M 1
 VDD
 V1
 V
 I D
 1 VDD â€“VTH
 (a) (b)
 Figure 6.30 (a) Simple MOS circuit, (b) variation of ID with V1.
 Solution Noting that the device operates in saturation (why?), we write
 ID = 1
 2
 Î¼nCox
 W
 L (VGS âˆ’ VTH)
 2 (6.58)
 = 1
 2
 Î¼nCox
 W
 L (VDD âˆ’ V1 âˆ’ VTH)
 2
 . (6.59)
 6.3 MOS Device Models 295
 At V1 = 0, VGS = VDD and the device carries maximum current. As V1 rises, VGS falls
 and so doesID. If V1 reaches VDD âˆ’ VTH, VGS drops to VTH, turning the transistor off. The
 drain current thus varies as illustrated in Fig. 6.30(b). Note that, owing to body effect,
 VTH varies with V1 if the substrate is tied to ground.
 Exercise Repeat the above example if the gate ofM1 is tied to a voltage equal to 1.5 V andVDD = 2 V.
 Did you know?
 In addition to integrating a larger number of tran_x0002_sistors per chip, MOS technology has also bene_x0002_fited tremendously from â€œscaling,â€ i.e., the reduc_x0002_tion of the transistorsâ€™ dimensions. The minimum
 channel length has fallen from about 10 Î¼m to
 about 25 nm today and the speed of MOSFETs
 has improved by more than 4 orders of magnitude.
 For example, the clock frequency of Intelâ€™s micro_x0002_processors has risen from 100 kHz to 4 GHz. But
 have analog circuits taken advantage of the scal_x0002_ing as well? Yes, indeed. Plotted below is the fre_x0002_quency of MOS oscillators as a function of time
 over the past three decades.
 1000
 100
 10
 1
 88 90 92 94 96 98 00 02 04 06 08 10
 Year
 T Oscillation Frequency and f (GHz)
 MOS oscillator frequency as a function of time.
 6.3.2 Small-Signal Model
 If the bias current</t>
  </si>
  <si>
    <t>b'X\x14\xee\x86\t\x12\xc8Q\x9f|\x0fu\x1du\xea\x19'</t>
  </si>
  <si>
    <t>5814ee860912c8519f7c0f751d75ea19</t>
  </si>
  <si>
    <t>imagery and phrases from Homer and Demosthenes, while Aelianâ€™s fictional epistles to Athenian farmers echo the poetry of Hesiod and Aristophanes.
Lucianâ€™s top-ten reading list, which has been painstakingly reconstructed from over
a thousand passages in his voluminous corpus, resembles a curriculum in classical
philology at a modern university: Homer, comedy, Plato, Euripides, Herodotus,
Thucydides, lyric poetry, Demosthenes (Householder 1941). Such a high level of
literary affluence presupposes material affluence. The families of these authors must
have been prosperous enough to afford not only their childrenâ€™s tutelage but also
their free time.
The educational and professional background of writers of fiction is further
reflected in their language. Many of them, particularly after the late first century
CE, preferred the classicizing Attic dialect to the Hellenistic vernacular (koineË†). The
linguistic and stylistic complexity of the novels varied, but even the technically simple
novels by Chariton and Xenophon avoid hiatus and use simile. The later novels by
Longus, Achilles Tatius, and Heliodorus display rhetorical virtuosity, including color,
ecphrasis, suspense, narrative involution, and distinctly mannered prose. Moreover, all
works of Greek fiction employ the portrayal of individuality through behavior and
speech (eË†thopoiÄ±Â¨a), a standard rhetorical technique. As students at the secondary level,
future authors would have practiced the strategy of authenticating fictional accounts
by expatiating upon obscure moments in ancient history in declamations (meletai).
These exercises required that students make up deliberations or debates based on
known historical or literary episodes, as preparation for careers in the assembly and
the courtroom (Russell 1983 for the context of rhetorical performance). Given these
propensities in their writing, it is not surprising that many authors of fiction were
orators. Chariton was a â€˜â€˜lawyerâ€™s secretaryâ€™â€™ (hypographeus tou rheË†toros, Char. 1.1),
not a prestigious post but hardly blue collar. According to Byzantine sources, the
novelist Achilles Tatius was a rhetorician whose pursuits encompassed astronomy,
etymology, and history (Eust. Comm. Od. 14.350; Thom. Mag. Selection of Attic
Words s.v. anabainoË†; Suda s.v. Ach. {S}tat.). Lucian, Dio, and Philostratus are all
known to have studied rhetoric and philosophy and pursued oratory for at least part
of their careers.
460 Joseph L. Rife
The authors of Greek fiction were clearly distinguished from the uneducated
masses as privileged individuals who enjoyed high social status on the local and
regional levels. According to the authorial pendant at the close of his novel, Heliodorus belonged to a priesthood of the Sun at Emesa in Syria (Heliod. 10.41), a
distinction in the civic community. If the novelist Longus was in fact related to the
Pompeii Longi attested in inscriptions from Roman Mytilene (IG 12, ii 88, 249),
which is plausible but not certain, he belonged to long-standing nobility (for the lives
of the novelists see Schmeling 2003: 307â€“653). In his rags-to-riches autobiography,
the Dream, Lucian retold his difficult decision as a youth to pursue a life of culture
rather than his familyâ€™s trade, stone carving. After his education, Lucian worked the
lecture circuit in public and private venue</t>
  </si>
  <si>
    <t>b'EK\xfa\ry1\xc1Wtg5\xf8\x12H\xb4\xf3\xa6d\xab\xec?0\xb0\x18\xf5\x96\x92\xafX\xad\xb2XV\xe9b\xc4\xa8\x95\x84\x18\x16&gt;\xed\x9e\xd7\xb4\xec\x92\x12\x1d9\xc6\xff\x04\x84\x96\xa1\xbe\xe65W\x8cv\x08\xdd\xaa\x9a\xfb\xd2\x97Q\xc3e*\xcf\xec\xa8\x84\xcaH\x19\xd9\x11Q\xcd\x17\xcf\xd1\x9b\xc3\x88\xc2a\x01\xa0\xb7i\xf9\xee\x1cu\x92\x04vz\x9a\x03\xd92g\xe7\xb6\xa2\xd6\x93\xead8\x10\x8f\x85\xeb\xce\xb5\x9bW\xb5\x9a*i5\xdf\\&amp;\xf9nx[DR\xc29d\xe3\x0c\x11/\'\xe2\xbc\xdep+\xfa1U]\xa5\xf5\xc3F\xa2\x04\x140{D\xc4\xa7\xcco\x96\xe7\x00-\x92\x04\x02\x07c\xa7V\xbfh{E\xdb\xb7\xbc\x9b1\xb6T\x14\x1e:~\x8d\xc8.\xfb\t9\x0f\x99\x98\x96E\x076\x17\x02v\xebW3\x11\xa4ru\x1b\x99}\xac\xec\xec\xd6\xa6LrQ\x155\x0bRpp(\xa4f4\nL\x11\x84\xce\x84.\xf2\xe9\xd0)V\x82\tR\xd1\x07.\xde\xdcTN\xe1\x8e\xdc\x16g\xc6\x9c\xb7/\x16\xdca\x83\x82\x19\x7f5\xf7\x9eN\x9a\xd8\x18\x0b\xcer\xc74\xd6p\x88\xc9\xc1\xea\xd7\x1c\xbde\xbeT\x1b\xabwBIh\xc4L\xb9GLj\x8f\xdd\x1a\xb2\r\x1ak\xddh\xb0"\x80\x89\xcd \xfa\xf9\xf6\xcb"\x18\xa1]\xc9\xf5\x02\xe3\x97\'&lt;\xb3\xbd\x18it\xf7\x9bkjw\xd9\xd4&lt;\x91\x8c\xa9\xa8\xa6\xbc\xfc\xf3h\x9b\x93 _\x7f\xf7\x83\xa9QRA\xe5\x94Y\x8e\xee:\xeb3\xce\xc0\x17\xcb\xa9\x08\xd2\xa1\xafB\xd7g\x049/p\'JB?\xb5\xa3\xe7fW\xa1_\x80c\xdfH\x81\xfd\xa1\xef\xbbAH\x83\xd7\xd0b\x89}S8\xb15\x98\xb2\xd2;R\xc6;U\xb3n\x9d\xf5\x99#\x95\xe04\xdcy\xbb\x98\xc2\xe3\xa2{\x15\x18U\x15\xc1\xb0/q\xb6\xc0\x07\\\x06\x8d\xde\xec|Z\\/\x820l\x1b+\xac\xfb\xe9\x03/\xe3\xea\xfe\xd1\xaaD\xa5\xbf\xb4b\xe8-\x8a\xec\xe7\x99\x98}\x81\x98\x8c\xc1Q\xc6\x8b\xce}\\A\xca\xca|u:\r\xfcO9\x81N\xde\xd5\xe5\x90h\xa7\x9ez\xfa\xe1\x93\xbf9\x0f4]\xed\xf4\x10\xd7\x9dOd,*\x9f:\x0e{*\xfdP?\xdc\xa4#\x10\xe4\xd6\xba&lt;\xdf\xfd:Z\x16\xc6i\x05l\xea&amp;8\xf3\xb0\xdcI\xd7\x95\xb8?\x85\x95\xa1\xd8\xcd\x1e\xce\xc0\xfbt\x9c\xe6\xf6d\'\xbc\x1e\xb2\x14:U\xd7\xf3\xd6ay\xf4lp\xc5\x152\x19^\x15\x12\x0cAf\xbe\x1eB/\xb1\x15\x8c\xcc\xb5\xe1\x10\n\x1bTB\xc2\xad3I\xe3KYH\xa2\x82C.\xf6w\x06R\x95&gt;\xce\x8e\xad\xff\xbf\xa2\xa6\xd0O\x9e\x86\xac"\x8e\x8cE\x8c \xb8\x1d\xc4m\xb4\x1b\x1e\xba\x96\x97\x16\xf7\xd9\xa2?\xa4~\xadf\xb8\xe4!\x9d\xc2H\xc6r\x11\xdbUW:\x85=.\xfeY\x15\x15Z\xc0G\x8c\xf5_\xbc\xe9\xb8\x91\xee\x92c\x89T\xdb\xa8\x86W\xbc\xd0\xee\xd1\xc3\xb9\x88\x98n\x1aSJ3\xd4n\x99\xa7\xb5\xb2s\x7f\xbbA\xe4\x9a\x19pU]\xef=\xec\xfe({\xad\xe75\xf4\x93\xa2\\#\xd7z\x8b1V\x82\x17\x0e(A;\xa4\xfdC\x18k\x13D\x04\xa2\xa2S\x9dG\xf9-\xd4\xe6\x85\x05\x9a\xc5\x9fi\xa6\x16\xc5\xe6\x88\xe8\x94\xeaM\xd1\xf8\x05\x92\xdb\x112\x9d\xad\x18!\x9d"\xf8\x9d\xd7\x8eigpQ{\x0b\x0f\xf2Fq\xdd:\x8f\x94ln\xee\xe1\x1cAU/\xf2\x87x\xfaE\xe0h\x91D\xd8,\xfas\xcb\xfd\x16\x11\'\x94\xfe\xd6.\xb6vb3+[\xc4$YSj\x13\xcbk}f\x04N\x90\r\x9f\x08\xc2\xb3\x11\x88\x9bN\x81\xdd\xec3\x14:\xd5\xf78\x10\xc9\xcf\xee\xe4_*\xd8\x8f/~\x89\x0fhg\x9a\xa3\x84&lt;7\xd8\xef\x8em\x02\xbe\xe5bi\xef\xd3\t\x8cL6\x7f\x88(\xdb\xfb|\x12,\xd8\xcf\x929\xa0\xd2\xa2\xb5\xd2\xe0\xf3\xcbG\x8d\x06\xacC&gt;\xa8q\x00VT\xac\n\xf3\xea\x16\xf6\x96~\xdf\xe4\xce\xf0\'\x7f\xdc_h\xf6\xe7\x0c\xb0\x1e\x02!\x99\xce\xecx\xcc&lt;\xff\xc3\x00\xed5&lt;UQ\xaa\xfb\xfe\xd1hdNY\x12\xd3\x1e\rn\x99\xf3\xbe\x98\xa0\xb8\x16\xc0\xeeH\x13\x98x\x95\x81\x932\xc0\xdf\xf4\xebV\xe3\\W\xb0\x88\xc4\t\xdf\x82\x03\xc9D\x11\x0b1I&amp;k?QT"g\x15\xa0h&amp;l\x89\xe8\n\xbfX\xe5\xba\xa6\xb4\xecv\x9f5;\xed\xf5\xc6\x0e\xec\x88\xdf1$\xd7\x1a\x8f\xd9\x1b\xf3&amp;\xa4\x95\xe5\xdc[N\nv\xd7|}\x07!D6\x10\x95\xeb.\x07\x8a+\x07\xaf\x15\x80HT\xcfs\xbcJh\x05\x19\xcc\xc7m\xc6\xb1\x1d\x8e#\xb4\x9a\x99I\x9d\'_\xc8TDt\x1a\x9f\xc8\xa8{\x89\x03\xd7\x8f\n\xae!\xc4\x1e\x98\x13\x9cS \xb3Zm\xae\x001-n;\x95+\x13\x12\xab\xce\xa7V\xfe?(%\x0b\xb0\x00\xa4\xd3x\xa1eX!i\xf3\xe3\x08\x19}\x03\x821\xe7\x8f:.\x828(\x8d\x90\x02\xdb\x9b\t_\xac\xbfV\x01OM\xa7\x1c\xfc\xd8\x87\xe8\x0b\xf1{B"\xce\xcd\x15A\x8en\xed\xf9\xe6+i{\xb8\x7f*\x04- }\xc2\xdd\xdc\xc7\xfb\xfbW\xad\xe0\xae\x8b\xa1\xa6R\xc5\xdb9\xa5\xec\xbb\x15H\xac\x8d\xc2\x05\x99\x1d\x93\x9dbE\x12\x1b&gt;L\'U\xb0\xac\x81\xba\x0c\xe0a\x02\x90\xd9r\xbc\xe4&lt;\xd0N$\xf2,`\x85\xa5A$\x0em\x92\x95\x1c\xc4\xbfb\xe4\xd0\xd8\x12\xeb\xdf\xb3&gt;\x95{X\xbem;\xcb\x1a(\xb2%.W\xbb\xd8n\xa6\x0e4\x80\x85\x8b\xf9\x0cB\x11\x12\xfd\x10\xf1!hj=\xd7,M\xd6\xc0\x86\xb8%\xbf\xbb8\xe3\xf4\xc2\x8a\x9br\x98\x8c\r\\\x02\x01\x8d\xa6R\x90HU\xc6\xef\xa6\xa2z\xb1\x04\x970\xb6\x1cEZ\xa44m3\xc8\xff.\xd0\x18E\x03\xbf\xc9}\x84o\'\x0f\xa2\'J\x08\x8d\xce\xaa\x8e_\xa4\xc8\x92\xebo9^O\xe6\xcc-\x0bz\xd3\x93\x92t\xe2\xf3\xcb\xa6E\xad\xc8A\x94\xbdx=\x86\xae8*\xc1\xa9Y\x7f\xb38dw7\x1f\xc8\xd7\xfe\x81`j\xddY\xd7\xc4\xb8(\xa7\xe9\x823\\\xaf\xa9\xb8r\x1c\xd1\x0c\x9dC\xae\xed&amp;&gt;\xd87\xf7\x80R\xc1\x03F\xe5\x14Q+\xbc\xec\x98\xae%h\x0c?\x03\x12\x9aJ\xd7!\xa2al*I\xc0\x02Ol\r \x82Y\xbd\xa7n1\x03\x17\x0bkH\xf2\xdd`\x8b-\x14\xad\xf6\x18\x13D\xe3\x07&gt;\xf09\xdd|\r\xc1\xd2Z\xe1\xe9\x0f#qUn)\xcdS&lt;6\xf2\xbb\x95;\x8f\xbbr\xa6\x9c\xa1G I~\xdew\x80\x0f\x96\xcb\x84\x9f\x82v\xc5\x8eP}L\xab\xbf\xa4F\x96\xb9$P~;\x0e"7\x7fcq/.\x85\x18\xf3\x90C\xad\xea\xff\x05\xea\xfa.=\xefo\x0eFj\xa6@\x8d\xdbk\x82\x99\x03\xf6\x1a$\xf7\xf39\xb7\xf9;*\\zN%\xadyK\x92\x9e0\x9fBT\xeb\xcd\x0c\x97|\x0e\xf8\xf3\x19\xb7\xb2\xdb\x05\xb2\x94\xdb(\r\x0bC\xe9T\'9@\x7f\xdf\x9bw\xfa|\xdb\'\xcd\xd2\xa5Ap\xf1\xaa~\x0c\x84R.;\x84\x9c\xa4Z\xff\xc2\x87\xd0:\x85\x16i\xa9\x98\xd7\x1eF\xc3\x02\xe3\x84(\xd2hIw\xa5\x8d\x98\xf3\xfd\xf8\x03!\xaf\x18SH\xf2\xb1\xf5\xd6\n\xe7=\x99i\xba\xd8\xd2B\x16\xb5 jJ\x97?\xe8\xb5\x93\xb0+a\xcf"\x10D\x19\xbc\xd8=\xac\r[AN\x83f`\x16\xa0\xf8\xf0\xb1\xeee\t\x90T\x8a\xf0\x90hTcwK~\xef\x00\xe5\xaa\x15o\x9e\xf4\x18\xdb\x12Ml\x10m\x916z\xf31\xe6F\xdb}\xfc&gt;\xb9\xdf\x08\xbe\xd5\xe1b\xff\xec\xa6R\xd2Z\xd89ma\x84Lgr\xe5u\xa4\x035\x05\x94\x85;\xf9N\xd1\xa653\xf7S\x8c\xab\x86%\xc2\xaf\xa0\xb8\xc6`\xe0dd\xadu.&amp;\x88\xf8K\x9c\xb8i\x0c?\xf6\xb5%lJ\xe3yt\xd8\'\\)\x8d,\xc1\xce\xcap1PT\xee~\x1bN\xa4~\x8e\r\xf8\xee\xf5\xfb\xe9\x07sm&gt;l\x19\xafv\x1d\xd4\xf6\xc20X\xc4\x9dk\xf2C\x8fT\xfe\x18cx\x98\x9cA\xbd{\xb3\xe2F\x87\xd6\xc9)??7c\xd6.\x06w\x88C\xbf\xe0\xd0\n\xd7\x13\xc2\x1f\xea\xd3\x96\x9e\x997\x1aew\xf1E\x9e\xe7\xa1\x95T\xcd&amp;w\xf33TD\xb6\xe9)\xedV\xa9\x0e\x9b\\\xe9y\xc7\xb9\xcf\x1aK\xa0w\xee\t`\xc1\xd2\xc8\xcd\xd6\xccs\xb5p\xc6\x00\xdb\x9d\x82\xf5\x12\xba\x02\xc6\x10pz,\xa8\xf3\x8a8\xb8\x1fC\x87s\xd7\xb8t8\xe7\xc8\xdf\xdd\xc8\x9d\xe5i\xd9\xfb\xa0\xe2!\x890\xdd(\xbfr\x01\xd6{\x109\xe5\x81\xef\x0f\xf1QdT\x0b\x15\xea\x95\x7f\x87fr\xfe\x8dzO\xa2n\xf4\xf9V\x12\xc6\xc5\xbd\xe19\xf8\xad\x11\xe1\xb6\'\xd7&amp;\xe9\x05He\xf5\xfe\xc1\xd8\x96+\xf5^\x15\x80c\xc2c\x0e\x9d8X\xcd\x0b\xc6]\xba\xb1A\'hB\xb3?\x85&gt;\xea\x85\xe1\xb1\x0f\xb1]\x1d\xb3\xd3\xfe"zNd\x9fsd4\xf3\xd69\xd0\xdb\xd2\x94\x0e}\xd8\xb5Q)PB\xfa\xa2\x80\xc8D\xf9\xaem\xf6e\x8e(\xe4\xce\x18\xad\x86-!-{\xc7&lt;\x06\x93g\xd8\x89\xa3\x11C\x96\xcfK:\x03S\xe7\xed\xb3\x9a]U\xe9\xf9\xc2\x17\xcc6\xfa\xbdO}\xdav\xc4\xbd~\xe5\xf5\xea97.\xec\x829p\xccF\xe0a\x89\xe3\x98\xab\xd2\xfdc\xcd\xf0\x1c \x9d+\xcd\xfa\xb4\xd2\xbb6\xa7\x03|^\xf7|o\x98#a\xa7\xd8\x04\xfeL\xaa\xf5\x1b+s\xa8\xc8\x1d\x07p\xf4\x8e\x13\xe2\xae\xe0\x1a\xc7\x15\xde\xb7\xbe\x85wg\xf8W\x01#\x88\xe2\x80(j\xf4\x18\x96\xf3\x9c\x1e\x1ce\xf9\xb2@\x84.g\xba396\x1a:]\x98\xc0\xd1\x88P\xe3-\x8e\x92\xc7G\x8e\xebI\x10G\xb7z\x8d\xc8\'\xbai.\x8f\n\xb6\xf2\x08U\xc2F\xa7e\xd6v\xb2"O\xff\xc2\x87\xc3\xa8\xcf\xb7\xe8\xdf\xd4B\xa2\x18\xcb\x8a&gt;\x04o\xccun\xce+X_=e\xf7\x90\xf3\xf4\\\xf1A\x95n$\xfb\xa9|\xa0t\x08 \x8cN\x04\x94\xda8\x90g\x8ds\x05i!M\xee\x98\x7f\x83\x86\x89\xd2\x9b\r7\xa3\x81T\xd0;\x9e\xe7\xbd\xe1\xde\x81J\xcd\x93n\x8ap\x03\x96{C\xb1T\xb8\x0e\xff_jl\xdd\x9c\x86kw\xad\xc3\xc8\x8bg\xf0,y\xab$\xab&gt;\xb42\t\x14\xcdU\x01\xa7uR|=b\xb05\x1f\xd4\xed\xb5\xbeb\xd8\xfa\x01\xdd\x1b\x1a~_\n\x0fh\x12?\x96\xeb\x91\x03B\x04=e\x066\xa2i\xcc\xc5\'\xa5\xe5\xe7{kGN\xe0\xe3\xdbf!\xc8\xae \xbd.\x14\xb1\xc7et\xcf\xb3\xe4L\xff\xa8q\xa2\xcbq\'\x8dn4\xe9\x9d\xad\x87U\xdfY9\xa0\rO\xd8\x9bX\xec/\xed\x0c\x19\xf3\xab\xa7T\x05c\xeb\x90v\xf9\xa4\xca:`LQB\x16\x99\xf8\xed\x96\xf0m4\xabo\xa8\x82\x980\xef\xc2e\x06\xc8\xe6\xde\x1d\x7f\xf2\xc9\xad\x07\x83y\xd4\xc0\xf0\x08M\x8e\x04\x04\x87\x0c9K3\n\x01\x8c\x13=y\xad\x9c\xe5Ij\xd8&lt;$\x19R\xbc\'\xbeJR)fP@\x9eI\xa5]R@x\xee\x95\xadqc\xfb\xda\\BW\xc8\xbfY \xbb\x0b\x1b\x1f\xab\x1c;\xc6%\xbc\xa8\xb2\xd2\x1c\x07\xa4@\xe9R\x02\xedV\xa3\xeb\x04\x91\x93\x16\xe8y\x8b*\xc1O\xd8\xf9\xe3\xb1\xd2\xd3+\x94:\xe3\xd6\x97}\\\xdd\t\x96}\xc0\x02y\x15Y\x19\x04\xa1/\xa5\xeaL8l\x08\xd5/\x02[\xcagD\xc6\xd9Jr\xa8]\xadFw\x14u\xf1\xbf\x94\x99\xba\xaf\xcc\x15\xca\x8fs\x037!\x01@CR}V\x91w\x8f\x05\xb0%\xd3\xc0\xca\xc3\x99\xdd\xd3\xaa\x1fC\x07\xd8\xf1&gt;\x97\x7fX\xbeX\x01\x13\x05\x1a\xb5$\xc7\x05\x03pS\xc2\xd1\xdf\xd4\xd8\xb0&gt;\xc0z\x1f\xc3\x99\x02\xaf\xce\xfc f\xb8Ae\tX\x88\xf2\xa2\xf3\x9b2kH\x14\xcfl\x83\x03\'-f;\xf6\x81\x92\xbf`(\x95\xef\xe9[\xbc\xf4KW\x0f\xc8\xa4in\x835+\xf0\x8d\xd9\x8ck\x7fA\xc3\xdc\xf0\x1aX\xf5\x9e\x1c\xac\x99h\x12`\x120_\x97,\x85\xe8\x96\xa4MS&lt;\x08\x86\x19:hd\xff,\xf6:!\\\xd3\xff\xbb\xa0\xc2\xfbg\x9e3\xaa\xe8\xfd\x87\xa8tMrU\x80YC\xdfd\x08\x82\xd4\x7f\x0f&lt;\xa3\x92CX\tI\xd9\x9el4*\xdfJ\x8ak\x81O\x15\x90D(\x1e\xc2W`Ed\xc6j\x9a\xf3\xfd\xd7g(k\x11+\x13\xea\x19\x1b\x99\xe0\x87\x0eQG1I\xc63\x9c4\x87?#\xf5K\x8d\x10\xdb\x18C\x84\x9e\x13\xa6\xd2\xff\xccO\x1f\x10Y\x99MtH#y\x9e\x8f!\xfd\x01\x04\xac\x96U\xa0\x9f\xf9kL|\x96\xb5\x95oV\xcb}\x0e\xa0\xc9a\x87\x0e\x1a\xd0`\xf2\x13\x1b\xbdK\xe9\x9e\x8f\x07lm\xa59roa;\x1fnc\x1d\xad\x87\xbb\x99\tId\x9f\x11\xc7\xe9H$\x1b\x0e\xeaT\x14\xc8\xc8\xf3w.FQb\xa0\xdf\xe7\xd2\x07C\xf9+\xa7\xcc\xb6\x82\t\xf1Q\xab\xb5M\xb4\x9bRM\x1a\xe6*\xe0\xd3{\x16\x8dB^F\xb6\xfb\x16\xc8\xf6&gt;\x05\xe9\xa4\xbb[D\x8a\xc6\xa2\x10x\xe9\x1a\xd6&gt;\xae\x18\xc0\x87\xb1\x92\xfe\xc7\xc8\x0f\x85\xd1\xd7\x91h\x191\t\xaeB\x13\xe0\x868T\xca`w\x9a^bd:,?r2\x94\xacU\xd8\x9b\xf7B\xe9G%Z(w[\xd5:K\x9a\xbd\x90\x1dA\x7f}\xe6e\xe2\xb03\x8f\xa0P\x86\xa2\x85\x19\xa3`\xa3\xbf\xed\to\x12\x89\xe7\x03g\x90\xb7\x95_w\xd6sV\xd8]\xfbwN\xc8\xb4\xa9\xe0\xbe5\xef!\xb0\xc4j\x84\xd8\xf3\xf1\x9f\xca?\x8a\x01d+.A\x927\x0eOj\xa8R%&amp;\x84rvCGU\xc5'</t>
  </si>
  <si>
    <t>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</t>
  </si>
  <si>
    <t>b'EK\xfa\ry1\xc1Wtg5\xf8\x12H\xb4\xf3'</t>
  </si>
  <si>
    <t>nd losers
 among firms in the same industry.
 â€¢ Explain why economists believe that â€œdumpingâ€ should not be singled out
 as an unfair trade practice, and why the enforcement of antidumping laws
 leads to protectionism.
 â€¢ Explain why firms that engage in the global economy (exporters, outsourcers,
 multinationals) are substantially larger and perform better than firms that do
 not interact with foreign markets.
 â€¢ Understand theories that explain the existence of multinationals and the
 motivation for foreign direct investment across economies.
 The Theory of Imperfect Competition
 In a perfectly competitive marketâ€”a market in which there are many buyers and sellers,
 none of whom represents a large part of the marketâ€”firms are price takers. That is, they
 are sellers of products who believe they can sell as much as they like at the current price
 but cannot influence the price they receive for their product. For example, a wheat farmer
 can sell as much wheat as she likes without worrying that if she tries to sell more wheat,
 she will depress the market price. The reason she need not worry about the effect of her
 sales on prices is that any individual wheat grower represents only a tiny fraction of the
 world market.
 When only a few firms produce a good, however, the situation is different. To take per_x0002_haps the most dramatic example, the aircraft manufacturing giant Boeing shares the mar_x0002_ket for large jet aircraft with only one major rival, the European firm Airbus. As a result,
 Boeing knows that if it produces more aircraft, it will have a significant effect on the total
 supply of planes in the world and will therefore significantly drive down the price</t>
  </si>
  <si>
    <t>b'0E\x02!\x00\xfd\x06\xc3]_\x94\xaf&lt;\x12\xcc`-\xa0\xbdqVi\xaeqU\x0f\x19\xbc\xeb\xac\xd1\x06\xc1\xe2\x952Y\x02 \x12\xdere7\xfdH\xc5\xfdO\x14\xbc\xc7\x9a\xaaAP\xb3|\xf2@b"W\xc1\x9d5e\x97f\xf1\x8a'</t>
  </si>
  <si>
    <t>3045022100fd06c35d5f94af3c12cc602da0bd715669ae71550f19bcebacd106c1e2953259022012de726537fd48c5fd4f14bcc79aaa4150b37cf240622257c19d35659766f18a</t>
  </si>
  <si>
    <t>b'0E\x02!\x00\xfd\x06\xc3]_\x94\xaf&lt;\x12\xcc`'</t>
  </si>
  <si>
    <t>ductâ€”my
 word'â€”then pausing, while he seemed endeavouring to restrain the
 resentment, that flashed in his eyes, in the next moment he added, in a
 subdued voice, 'Count Morano, this is a language, a sort of conduct to
 which I am not accustomed: it is the conduct of a passionate boyâ€”as
 such, I pass it over in contempt.'
 'In contempt, Signor?'
 'The respect I owe myself,' rejoined Montoni, 'requires, that I should
 converse more largely with you upon some points of the subject in
 dispute. Return with me to Venice, and I will condescend to convince you
 of your error.'
 'Condescend, sir! but I will not condescend to be so conversed with.'
 Montoni smiled contemptuously; and Emily, now terrified for the
 consequences of what she saw and heard, could no longer be silent. She
 explained the whole subject upon which she had mistaken Montoni in
 the morning, declaring, that she understood him to have consulted her
 solely concerning the disposal of La Vallee, and concluding with
 entreating, that he would write immediately to M. Quesnel, and rectify
 the mistake.
 But Montoni either was, or affected to be, still incredulous; and Count
 Morano was still entangled in perplexity. While she was speaking,
 however, the attention of her auditors had been diverted from the
 immediate occasion of their resentment, and their passion consequently
 235
 became less. Montoni desired the Count would order his servants to row
 back to Venice, that he might have some private conversation with him;
 and Morano, somewhat soothed by his softened voice and manner, and
 eager to examine into the full extent of his difficulties, complied.
 Emily, comforted by this prospect of release, employed the present
 moments in endeavouring, with conciliating care, to prevent any fatal
 mischief between the persons who so lately had persecuted and insulted
 her.
 Her spirits revived, when she heard once more the voice of song and
 laughter, resounding from the grand canal, and at length entered again
 between its stately piazzas. The zendaletto stopped at Montoni's
 mansion, and the Count hastily led her into the hall, where Montoni took
 his arm, and said something in a low voice, on which Morano kissed the
 hand he held, notwithstanding Emily's effort to disengage it, and,
 wishing her a good evening, with an accent and look she could not
 misunderstand, returned to his zendaletto with Montoni.
 Emily, in her own apartment, considered with intense anxiety all the
 unjust and tyrannical conduct of Montoni, the dauntless perseverance of
 Morano, and her own desolate situation, removed from her friends and
 country. She looked in vain to Valancourt, confined by his profession to a
 distant kingdom, as her protector; but it gave her comfort to know, that
 there was, at least, one person in the world, who would sympathize in
 her afflictions, and whose wishes would fly eagerly to release her. Yet she
 determined not to give him unavailing pain by relating the reasons she
 had to regret the having rejected his better judgment concerning
 Montoni; reasons, however, which could not induce her to lament the
 delicacy and disinterested affection that had made her reject his proposal
 for a clandestine marriage. The approaching interview with her uncle she
 regarded with some degree of hope, for she determined to represent to
 him the distresses of her si</t>
  </si>
  <si>
    <t>b'\xb5\xe2\x96\x01`\xc5\x0b\xd5\xabz\xb1\xe59\x9aTm\xc2\x8eWi_:r\x90\x83\xb2\xb6\x06Y\xed\xec\x83s.)4\xae\xf1\x16\x0c\\\xe1t\x87;\xff\xf0\xe7\xfc\x96\xef\x99\xc6?sNg\x01s\xab\x9d$k\x15'</t>
  </si>
  <si>
    <t>b5e2960160c50bd5ab7ab1e5399a546dc28e57695f3a729083b2b60659edec83732e2934aef1160c5ce174873bfff0e7fc96ef99c63f734e670173ab9d246b15</t>
  </si>
  <si>
    <t>b'\xb5\xe2\x96\x01`\xc5\x0b\xd5\xabz\xb1\xe59\x9aTm'</t>
  </si>
  <si>
    <t>Macroeconomic Policy
 to an increase in international portfolio diversification since 1970, but the extent of
 diversification still appears incomplete compared with what economic theory would
 predict. Similarly, some observers have claimed that the extent of intertemporal trade,
 as measured by countriesâ€™ current account balances, has been too small. Such claims
 are hard to evaluate without more detailed information about the functioning of the
 world economy than is yet available. Less ambiguous evidence comes from interna_x0002_tional interest rate comparisons, and this evidence points to a well-functioning market
 (apart from rare periods of international financial cris</t>
  </si>
  <si>
    <t>b'0F\x02!\x00\xf3\xd4\x92\xc7\x1ch\xe5K5\xb4\x11B&gt;\xbd\x03\xad\x05.:\x076vt\xd5I\xe3~\x14V\xd5\xd7q\x02!\x00\xb0\xe3w\x06|1\xd2\xd8\x9a\xf4\xddu\x16\x7f\xa2\x9aP\r\xe81#\xf2\x1dF\xe6\xf6X \xb6\x8a\xe8\x98'</t>
  </si>
  <si>
    <t>3046022100f3d492c71c68e54b35b411423ebd03ad052e3a07367674d549e37e1456d5d771022100b0e377067c31d2d89af4dd75167fa29a500de83123f21d46e6f65820b68ae898</t>
  </si>
  <si>
    <t>b'0F\x02!\x00\xf3\xd4\x92\xc7\x1ch\xe5K5\xb4\x11'</t>
  </si>
  <si>
    <t>e you willing to go all in?
 Entrepreneur Spotlight: Jared Springer
 When Jared Springer stumbled across my training for entrepreneurs,
 he was at a low spot in his life. Recently born with clubbed feet, his
 son had terrible medical issues, which put Jared in a lot of debt. Then,
 to compound things, Jared started developing his own medical
 problems.
 One day, he was rushed to the emergency room unable to walk.
 Apparently, a large nerve running down his leg was completely
 pinched. Doctors told him, â€œYou either have emergency surgery, or
 you never walk again.â€
 At the time, Jared, who was thirty years ol</t>
  </si>
  <si>
    <t>b'O5\xc0L\xd3i\xf1Se\xd9I\x0b\xb7\x0c\x1f\x8e\xb8\xf9\xfc\x91\x18ff+\xd7\xac\xd9G\xb8\xf3(\xe4\xfb\xba\xb3`\xae\xca\xa0b\xbc(\xd0\x88rv0I\xf3\xdd\xea:\x01A3\t\xc4\x18\xa9\x14\x10Se\xe8\xd3;~W&gt;.\xe8T\xfb\x85\xef\tz\x8c\x1dKJ=\xa9D\x0cj\t\xf8+u\xe6e%\xc9\x97\xa4\x84\x01\xc6\xe6\xbf\x90W\x0b\xc3\x86\x8ad\xec\x05;\xcd\xbb\xef\x1a\xc5\xaa\xce\xed\x0f|k\xbb\xcb\x15*\x02\xdc\xdbHv!WCZ\x8aS\xc8\x1e\xc3\xb4v\xae\x9d\xcbm\x9c\xa1\xea\x95w\xc3\xc0\x0e\x88\xd0\xd17\xd8}\xa5f\xb8\x943\x8c\xfaZ\xcc\xe9\xc9\x92b\xb02&lt;|\x0f\x9c\xda)\x98&amp;\xf0\n\xc1\xeb\x14I\xd6\xe9+Y{0m%\x8f\x8dJd\x8a\x0eH\xd9\x92\xa1\xe93/\xb5G\xda\xf2\xb87\x1f\xbcp?l\xff\x8c\x0eD\xe5\xa1t%h\xedM\xc9\t\xb1Xk$4\'V\xf8\x00r\xcfH\xfa\xb0Y\x0ep\x8eF\xd1\x1e^\xcc\xe2m\nb*-4\x8b\xb1\xe5B7y\x81\x9aC9\xebS\xbehM\xa8\xcd+$\xe6\x0c]\xd3R\xb3\x8b\x81\xb4\xc6\xf3\x84\xf5\x8f\xe9\x1cm^\xf4\x7fx"\x93\x85\xc8\xf6\x05\x1d\xec\xd3V=\x13J\xde\x0e\x1d\xe2Pk\xfa\x99\xc4\xd2\xd3X\x0bvWO\x0e\xee\r\xaa\xaf\xacp\xe4\xe6\x1bF%wn\x04\x1d\xefBr\xbd)I\xc0\x85\xa3=\xd1\x1c(m\x8a\'\\\xd3S\xcd\x90{O#WB#!\x07\xb5\xfbmZe\xbc\xd4\xf8\x02\xe0\xc4[a\xd4\x9b\xac\xc7N(H;\xff\xf2\x90\xcd\xf2J\xf0"v\\\x96m\xea\xf4\xcao_\xd9\x1c\x96\x12&amp;\x83P\xc0\x98\xb6r&amp;fZmpb\xfd\n\x7f\xcc\xa2D|yY\xbe\xe7\x1d*=\x15\x93\xf1&gt;m\xa7h\xed*\xf5?\xb7\xf8\x111r"\xf0\x9f\xce\xfcJ\xc5\x0eh\xe9\xcb1p\xc6\xd3\xe7d\x0e[\x9ed\x1e\xd5\xed\x00\xdd/\xd6r\xe6qE]\xb7\x1br\x07P\x009\x90\xec7rD\x7fN\\#\x8f\x0bi\xd6=\xf6\x9f|\xe9\x86\x14\x86!r\xafq\x90\xeb\xca2\xd5\x1cNpl,\xdbZ\x1ei\x89\x1c\xde\x9ei\x9a@\xa0h\xca\xb0\xfd\xefY\x04\xe0\x14\xf3\x8d\xb8\xe2e\x14\xa6\x0eq(5\xd1\x10\xab\x1f\xcf\x9bVO\x1a\tU?\x98\x07fc\x12\xabZo\xfcH"\xe1.q\xb8(\x805\xf6p\x95\x08tz+\xa4'</t>
  </si>
  <si>
    <t>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</t>
  </si>
  <si>
    <t>b'O5\xc0L\xd3i\xf1Se\xd9I\x0b\xb7\x0c\x1f\x8e'</t>
  </si>
  <si>
    <t>the wheels are so stuck
 that they cannot move the cart."
 The man took no heed, but went on lashing.
 "Stop! pray stop!" said Joe. "I'll help you to lighten the cart; they can't move it now."
 "Mind your own business, you impudent young rascal, and I'll mind mine!" The man was
 in a towering passion and the worse for drink, and laid on the whip again. Joe turned my
 head, and the next moment we were going at a round gallop toward the house of the
 master brick-maker. I cannot say if John would have approved of our pace, but Joe and I
 were both of one mind, and so angry that we could not have gone slower.
 The house stood close by the roadside. Joe knocked at the door, and shouted, "Halloo! Is
 Mr. Clay at home?" The door was opened, and Mr. Clay himself came out.
 "Halloo, young man! You seem in a hurry; any orders from the squire this morning?"
 "No, Mr. Clay, but there's a fellow in your brick-yard flogging two horses to death. I told
 him to stop, and he wouldn't; I said I'd help him to lighten the cart, and he wouldn't; so I
 have come to tell you. Pray, sir, go." Joe's voice shook with excitement.
 "Thank ye, my lad," said the man, running in for his hat; then pausing for a moment,
 "Will you give evidence of what you saw if I should bring the fellow up before a
 magistrate?"
 "That I will," said Joe, "and glad too." The man was gone, and we were on our way home
 at a smart trot.
 "Why, what's the matter with you, Joe? You look angry all over," said John, as the boy
 flung himself from the saddle.
 "I am angry all over, I can tell you," said the boy, and then in hurried, excited words he
 told all that had happened. Joe was usually such a quiet, gentle little fellow that it was
 wonderful to see him so roused.
 45
 "Right, Joe! you did right, my boy, whether the fellow gets a summons or not. Many folks
 would have ridden by and said it was not their business to interfere. Now I say that with
 cruelty and oppression it is everybody's business to interfere when they see it; you did
 right, my boy."
 Joe was quite calm by this time, and proud that John approved of him, and cleaned out
 my feet and rubbed me down with a firmer hand than usual.
 They were just going home to dinner when the footman came down to the stable to say
 that Joe was wanted directly in master's private room; there was a man brought up for
 ill-using horses, and Joe's evidence was wanted. The boy flushed up to his forehead, and
 his eyes sparkled. "They shall have it," said he.
 "Put yourself a bit straight," said John. Joe gave a pull at his necktie and a twi</t>
  </si>
  <si>
    <t>b'\x92\x00\xae\x9b/SQ@'</t>
  </si>
  <si>
    <t>9200ae9b2f535140</t>
  </si>
  <si>
    <t>d herself to about
two feet high: even then she walked up towards it rather timidly, saying to
herself â€œSuppose it should be raving mad after all! I almost wish Iâ€™d gone
to see the Hatter instead!â€
CHAPTER VII.
A Mad Tea-Party
There was a table set out under a tree in front of the house, and the
March Hare and the Hatter were having tea at it: a Dormouse was sitting
between them, fast asleep, and the other two were using it as a cushion,
resting their elbows on it, and talking over its head. â€œVery uncomfortable
for the Dormouse,â€ thought Alice; â€œonly, as itâ€™s asleep, I suppose it doesnâ€™t
mind.â€
The table was a large one, but the three were all crowded together at one
corner of it: â€œNo room! No room!â€ they cried out when they saw Alice
coming. â€œThereâ€™s plenty of room!â€ said Alice indignantly, and she sat
down in a large arm-chair at one end of the table.
â€œHave some wine,â€ the March Hare said in an encouraging tone.
Alice looked all round the table, but there was nothing on it but tea. â€œI
donâ€™t see any wine,â€ she remarked.
â€œThere isnâ€™t any,â€ said the March Hare.
â€œThen it wasnâ€™t very civil of you to offer it,â€ said Alice angrily.
â€œIt wasnâ€™t very civil of you to sit down without being invited,â€ said the
March Hare.
â€œI didnâ€™t know it was your table,â€ said Alice; â€œitâ€™s laid for a great many
more than three.â€
â€œYour hair wants cutting,â€ said the Hatter. He had been looking at Alice
for some time with great curiosity, and this was his first speech.
â€œYou should learn not to make personal remarks,â€ Alice said with some
severity; â€œitâ€™s very rude.â€
The Hatter opened his eyes very wide on hearing this; but all he said
was, â€œWhy is a raven like a writing-desk?â€
â€œCome, we shall have some fun now!â€ thought Alice. â€œIâ€™m glad theyâ€™ve
begun asking riddles.â€”I believe I can guess that,â€ she added aloud.
â€œDo you mean that you think you can find out the answer to it?â€ said the
March Hare.
â€œExactly so,â€ said Alice.
â€œThen you should say what you mean,â€ the March Hare went on.
â€œI do,â€ Alice hastily replied; â€œat leastâ€”at least I mean what I sayâ€”
thatâ€™s the same thing, you know.â€
â€œNot the same thing a bit!â€ said the Hatter. â€œYou might just as well say
that â€˜I see what I eatâ€™ is the same thing as â€˜I eat what I seeâ€™!â€
â€œYou might just as well say,â€ added the March Hare, â€œthat â€˜I like what I
getâ€™ is the same thing as â€˜I get what I likeâ€™!â€
â€œYou might just as well say,â€ added the Dormouse, who seemed to be
talking in his sleep, â€œthat â€˜I breathe when I sleepâ€™ is the same thing as â€˜I
sleep when I breatheâ€™!â€
â€œIt is the same thing with you,â€ said the Hatter, and here the
conversation dropped, and the party sat silent for a minute, while Alice
thought over all she could remember about ravens and writing-desks,
which wasnâ€™t much.
The Hatter was the first to break the silence. â€œWhat day of the month is
it?â€ he said, turning to Alice: he had taken his watch out of his pocket, and
was looking at it uneasily, shaking it every now and then, and holding it to
his ear.
Alice considered a little, and then said â€œThe fourth.â€
â€œTwo days wrong!</t>
  </si>
  <si>
    <t>b'\xb3\xd8\x99\x80\xc9\xde\x8eI\xc2\x07\xaa?-\xfd\x88\x07M\x91\xcb\x93\xeaC3\xfd\x1az/cv\xfb\x18\x05K\x1f\xdd\xdd\x9d\x87Z\xc2\xef\x8f\xc4\x9b\x93\x8d\xc3Y\x18\x81\xd1\xe70\xc6\xf4\x00C\x7f.\x90\xc7\xf2\xbe8\xa3fG?\x93/\x07AMn\x93U\x00U\xab\xe6\x80\xc2v\xdcv3\xf4\x16\x8b\x1fg\xb7\xcf{\xaa\\\xc6\xe1"\xf8\x19\x0b\x1d\xd8\r\xf9z\x92\xc7Z\x10MQ\xd3O\x81(&amp;nL\xec&lt;\x95\xbe|\x17=\x1f\x16\xfd&gt;\xa27\xb8\xb5Q=~&gt;\xb6\xb4\x87E\x11\xa9\x1a\xc7\xf2\'ny\xe0\xb8\xc0\xd4E/\x96\x85\x82\xa5\xfa\xbf\xf2=\x7f:w&lt;wn\x85\xb0\x95\xac\x85\xeb\xdb\xbc\x12\x7f\xa2\x9a\xcf\xdb\xcf\xf1\xc8z`\xef\x94\xeb\x11\x16\x97]6\x9f\x00I\xba=`\xa3\xb8\xf4\x01\x06\x9aj}\x9cr\xaa\x04Eo\n*\xa2\xbc\x00\x9bV\x8fLh\x1f\r0\x81\t\xfb-&amp;\xd7Xp\xf4\xf4&gt;R\x99\x86\x84\xb4\xda\x1744\xe4]\xd6\xba\xc1\x03\xbe\xbf_\xd7W\xc9\x9e]T1\x8f\xd3[\xef[\x92\x1f\xd0D\xf3\x9a\xe2\xdb}nVT\x08s~\xe5;\xdd^\xf7\xa0*\xd5.V\xc2\xe0\xcb\xec\xb5s\xcd%\x0bk\xffh\xfb2\xd5%&gt;r\rfo\x1b\xf2\xb4t\x92\xe8\xcd\x85\xcfr\xe9z\xbf\xbf\xb6\xa8\xa8\xaeq\xce\xbd\x17\x86\xb8\xdb}\xda\x9a\xc6\x93\'\xc7b\x16T\xa0Il\xc7\xa3\nP\x01_\x00\x91:\x194\x9e\xe2\x1f\xf5y\x98\xe1\x8c\x85&gt;y\x13\xed"\xb8\xfb`^4L\xf2\xd3\x9e\x18/\x933\x8e\xbb\x11\xd2\x999.\x13\x89\xf4\xbb\x1byG{Z,\x84\xfdO;\xa3\x8aB\x03[#\xd44\xa8\x82E\'\x1c\xf6^\x9al\xff\x8fV\xf7#d`|T\xec\x00\x1b\x83;\xa2\x99\xd8\xfcN\x90\x0b\xf1{\xfaa?\xf8\x8f)\x8e\x8d\xcb\x16\xcd\x1a\x82\x10\x03T\xfa\xcf\xc5\xd6\xc7\xc2:nJ\rqk\x85\xc9g\xad\xe3\xc9\xbb\x80\x8e5u\x7f\x98\x89\xefs`\x1c\xcfkxu\x94\xff\xa1\xc4;H\xb1&gt;\xbc\x16\xc7\xd4t3\xfa~u\xd4\xea\x19\xd1\x145O\xd3\xdc\x1a8\\\xe7\xa3\xc4\xe4\xdbK\xdf}Hutn\xd1\xa2\xe2\xaa}%\x81b;|(\xd16\x07o\x14o\n@\xe7\xb9\xa7\xb45\x8c\xe6\xbb\xc87ZJ*\xf9\xd4\x1dY]\x9e\x95\xe6\x9f\x8b\xfbIOc\xd8\xee\x1a\x89W\xbe`_\x96(\x18\xfa{z\xd4+\xd9J\xbc\xd9\xad\xdf\x96:\xe2x@0\xc5\xe4\xe0~\x9cO[\x10\xa4nh-\x9e\x9bg\xd4\x1d\xa3\xe5p$\x08\xe5\x94a\xea\x0f\x91U\xa8\x88\xb5/R\xbf#\xe9E\xb0I\x07\xd7\xd6\x172C5\xe0\x94v\xd9\x91\xc8\xc7\x05\xbdh\x0b\xfc\'\xecx\xfcKYc\x96\xc0\xcab.W\x1fI\x18\xb0\xa4k\x0b\xbaq\xa9\xa5\xdd\xf8]\x1fq\xe9\x1e\xf0\xfc\xac\xe5C\xd1\xdd1\x87\xd7\xac.\x05\xb2\xf4&lt;\x9e(\xdeW\x86\xd5/\x94\xba\x9bcm\x1e\xdd\xab\x90\xe8*X_\xc9\xb5\xa6\x9e\xdd\xa6\xf5\t\x1bU\\\x98G\xa0\x82\x96n\xe1m\x8f*\xea\x88\xe5\x88\xd4^\x9a\xab\xf8;\x10\xb1S"JA\xac\xc7\x0e\xe5\xa8\x1ab\xc6\x06\x05\xc9\xb9\x04\xff\xa0\xf7C\xd5o7\x89\x0cP\xa5\x9d\xb7N\x86\xc0\xfb\xab\xb9/\xe0\xfe\x88\x90x\x00,\xba\x16A\xcbw.\xea\xa4\xa3\xa9\xa1\xca`\xf3\x18\xa5\xd5\x87\x15\x81\xefh\xcb\xfc\x1c\xb8\x87\xec\xe82+\xcb=nj}\x8e\xc5B\xfe~\x96\x18\xb0\x83\xec\xb2g\x0b\x9dp_\x8f\xd0\xcb\x00\x8d\xa3\x9b+\xbdv\xdbj?\x85l\xc3r\xe8\xf4\xd6\x87\x04\x07\xbe(\x1c\x9bE\x8c\xfa\xb8+C5\x12\x97\x81bG\x90\xcf\xbb\xfc\x10\xcax \x9f2]\xe5\\\x8b\n\xd5G\xdb\xb4\xa3\x84\x80v\xa2\xe7\xff?\xa68a\xfc@\xc4\xe4oT\x0e\xbe\r6\xe0\x14\x05\xb6Bu\xd0F\xce\x04&lt;\n\xfc\x15\x1a\xcc*\x86~\xa5EL\xde\xa3 \xe43\x1c\x9e-\x0b\x8b`\xea\x96L\x8d\x8dk\xce)87\x98\xfc\xe4b\x97\x8d`\x7f!\x8c\xceayKY\xbar\xa6\x89\x872\x87wT\xbf\x81~\xe7S\x9f\xf8y\x01\xd3\x08\xcf8\x00\x10\xc29\xcac(u\\\x87}\xe5hOt\xb5#\xbf\xd7\n\xc5\x12\xb9\x0b\xc4\x9f\xb1\x8e\x91\xd2)T\xd2\xc2\xa4o\xca\xe5\x8a\x99\xdc\xc0\xdbO3\x90C"\x8f\xdf\x87\t\xf4\xbe`(\xcd\x17(\xf5\xa4\x89\xed\x00\xa1\x82\xc4U)T\xac\x08\x87\x92U\xd9\x10g\xd3~l9\x94\xbc6\xb2\x80H\xbc\xe7+\xb9\x05qlJ\x90\xb4\x1f\xb6\xb3\xae\xe4\\\x84\x14\x99\x1c\xe4\x84r\x9d\x96\xf1\xdfd\x11\x8bQO\x062\xefBP\xfb\x96r&lt;\x8cr\xed\xc3\x9a\x16\x9e\xf4\x1a/\xe9&amp;\xed\xf1M\x9bcx\xf6\xdeF\x15!`+;-/\xbc\x14\xadrm\xb2{\xf4\x87\xff\x1b\x94\x05D\x81M\xda\x93\x99=\xc4\xbe\x7f\xf6\x05a\xf9O\x1cz:u\xbee\xb4\xd7\xd9\xe5DB\xe8\xf3\x16r&lt;\xfc\xa5\x86a\xa7X(\x0e$\x06\xa3\\\xb3\x9bC\x07\xa5\xcb\x04\xfb\xe5\x8b\xd1H\x1c\xba\nt3\x8e\xf0[+\xb3p\x9fg\xe5I\x80\xd2\xfb\xca\xf6|]\xf5\xc1\x18k\xc3\x86\x04}LH\xf7\x1b\xab\xc7\x95\x06\xeawG\xbbI\xc1V\xc4*\xbc\x1ak\x19$!K\xe3o\x7f-\xa5\xb6O#\x0e"\xc9@\xc7\xb5\xef\xc5\xcf\xa2\xa5\xfe\x98\xaf\xea\x02\xf4B\xd6\xae\xaf\xf7\xe7\x95\x0b\xc4uT\xea\xcc\x80\x9at\xcc\x81\x92:\xd3\x8a\xac\x15\xde\xbb\x1e\x9au\xdb\x1di\x1d\xb6\xd7\xa6\xfb\xd9\x86\x9f\x0c\x08\xc8\xb2_\x16\x9a\x9bkA\x00\xcb\xd3\xca\xe7\x18\xd6\x9c\x87=\'\x86\x01"N\xdaODG\xd0\x8c\xc9v@\xba\x8fzNVY\xfb\x16\x0b@4\xac\xd5\x84\xdc\xaf9WX\xaa\x02"}".#\x94o\xaaW\x03\xa8\x8cE\xc47\xb4\r:\xd0q=\x1aid&amp;"\xad\xae\xd2g&gt;\xde)\x92\xdceY\xab\xb1l&amp;\xd2\xfd\xca\x12DwEc\x92\x8c\x81\x19\x8b\xdel\x84\xa07|\x06\xf5\x8e\xcbNKzt\xf7\x7f\xad\xd9P\xfb\xe0\x02\x91\xdb\x9a\x91\xe3\xfe\x0f%\xea\xf3\xc5S\xa9\x82\xc3\x8d\x95v\xd34\x05\xd7d\xbd9\xec};\xcf5\xaf\xf9\xba~\x06y\xfb\xab\x03&gt;\xe6\xea\x12[\xdbHXJ\xae\x1e\x97\x817j\xd1k\x8fo\xce\x1eO\xfe@\xf6\'\r.\xceBU&amp;\xa7\x1b6S\x01\xe1\x85\xb3\xf2\xf3\x7f\xd5\xe75S\x892l+\xb6\xa6\xdc\xd5\x14\xc2\xbd\x00\x9a\x13j\xf5A\xf7\xff\xb7p\xbe}\xddj7G\x83\xde.a\xc0\\\x008\xa6\x19)\xb4HM\xaaf\xfd\x9a\x8c?(MN\xcc\xb1\xcf"\xc4\xd6\xe4q]@r\xde\xfa,&gt;n_T\x9eGy\xb0\x8e\x84NZ\x04\xaf\x0e&lt;\x86\xa3\\\xf7\x13{\x14\xdd\x83\x84\x9f)\x0c\x9a\xe7\xf8AX\xab3\xbf\xbd\x95m\xaa0DY\xa6n2\x11\xf1$\xc3|(\x9a:*\xeeP\xee\xcf\x00\x7f\xd5\x0e\xb34\xba\xe8\xde\x1bsbd\x7f\xaaVo\xfb-\xdc\xd8&lt;\xcc\xa2f\xfd\x17\xfb\x117\x91\x957\xb6\xe6\x03\xaa\xd5:RJOKn&gt;\x86\xf5m\xf8\xfaiW\x0f\xf0c\xdf\x04\x1e:eG;S\x9e\x17\xddM\xd2\xaa\x99YX\xaa\xca\\\xdb\xb7IU\xa1\xb0)\xb1\xaa\xd2\x04%\xc5\xfe\x05J\xb3\x82\x82\xa7\xff;"h\xe6Q,Cv\x7f\n\xfc6\xed\xf2\xdfI\xdc|\x18\xa5W\x8e\xee(\xfe\x9a\x1e\x93Y\\(ur\x04\xb5\x1b\xdaq\xac\xcf\xe0\x90\xa7\xd0\xb2;\x0f&gt;\xac"Y\xf6\xff\x99\xd8\xb0\xb4\x97\xba\x80*\xab\xbd\xf3J5"\xd7\xbf5\xe6\xeb\x83\x18\xed\x99r?\xd0s"\xad\\h\xd9\xab0]\xc5\x1e\xfa3\x147a\xf7Go\xdc\x0e\xfb\x1e\x95\x9b\xbf\x14\xb8\xedE\xc5\xe9\x86\x99\xca\x1d)\xc5\xde#\x88\xbc&amp;_y&amp;\xd3\x8f\x84S=\xef?v/\xbe\t\xbc\xec\x19\xc4\x98\xa1\xb3\xd7\xb1\xfc\xe3\x13\xb2\xfc\x10\xef\xcc\xac*\x8fL\x99\xbe\x04S4\xe8\x00\xbfgV\xa1t"\xe4l\x03\nN\xe8\xca\xc1\xb4]\xe7\xc7\xe7F\xeb\xcf\xa9\xed\xa3\x17\xd0wA\xafL??/v\xab:a h7dp\xc3\x7f-)\x9f\x8f&gt;dW\xc5|8\x80\x81l\xb9\xbaj\xf4\x04\xcb%\xd1A\xa3#\x88{\x8b\xcaX\x8b\xbe\xaaf\'\x087L\xc5\xacUG\x80\xc6V\xd0%\x16\x8a%\x1f\xdf9\xbfc\x85&amp;X\xb5$!n&gt;l\xc0!\xd4\xffN\x08\xeb\x94\xb3)\x03&amp;*\xde\r~\xdf8\xe0\x1e9\xa2\x17R^\x1d\xac\xb8i\x8b\x86\xcd\x028y\x19K\xae\xf3&amp;\x9e0\xc0\xcb\xf7\xd9\x1e\x82\x9b\x9d\xc2|\xc7\xe6\xe4\x1b=\xd3\xd6#\xb0\x1cG!\x85\xbe\xd7\x97\xde\xde\x1b\n\xebW\xfb\xef\xca\xcb\xe4\x8b\xbd\x17\xf9\x88\x973;\\\xfd\xee\xc3\x8ch\x07P\xd2\x8b\x99\xf1\x03\xa8\xd2\xc6\xdb\xdb\x84\xa2\x80\xac\xdd m\xb3;N\xb1\xed\x9co\xd72/\xb3\xbc\xc8\xb2FQ\xbd\xb4\xc2z\xcfX\xbf2\xa5}\x02"0S\x1e\x9b_e\x1aNW\x83.\x80\xdf\x12\x978\x8c\xfc$\xde4\xbd"\x00\xd4\xdd\x86\x8cB?\x1d\xb1\x7f\xf1\xe8\x84O\x14\xf0\xfe_\xf7\xb0\xc0\xb2\xa08:v\xa5]\x92\xcfHj\xd1\x9dD\xbc\xb8\x15Z\xf5\xff2D\xc8\xacGS\xff\xab\xd2m\tz\\\xff\xe9\x95\x00\xa2\xb0\xc9\xdb/0\x01\x1ba\xb9\x00\x92\x83\xfaNq\x9au\xa6\xb8&amp;\xc64\x1bL\xa7$\x1a\xbd\xbd\xfd\xdbG\xe6\xe6\xbc\xb3\xa9\xbbhH%?#N7@!i\xe3\x83F\xdc\\!\xfa\xbe\x1c\x1a\x9c\x97pf\x81Bv\xdfw\xf2\x9e\xf6\x05_!\xb2\xb1\xe2\xa3\x05}^&lt;\'t\xa1\x80\x10\x80#z;\x9b\x14\xa7\xa1\xb3\xfd\xd2\xe1\x97S\xdf\x89\xa2\xf9\xfe\x80e\x0b0L\xaa\xa5"\xa9-\xe8^\x9e\x91\xb5Jz\x07\xcbx.\x0bmp\x9e\x8c\xaf\xd7Q\xc3\xa4\xc9\x19\xe5\xf8\xbf\xe7\x04\xec!`\x18\x9c\xd4C\xdfnT=K\x7f\xff9tg\xa7\xb8L\xb0\x8f\xd0\x19V\x05\xb0\xb9k2\x97s\xc9\x1f$\x8cy\xaa\x17|\xa4`\xa6\xa9uhN\x1b\x8d\x90\xa0\x1c2"\x8f\xe6\x9c;YWO\xad\x88Y)\x85\x1eQH\xca\xde\x1cO\x03\xbf\x16k3\xe3\x12\xd2\xf6\x92)\xddVl\rs\xb8\xcc\'\xf3\x00\xd8\xe1\xef\x98CB:\xab\xc8\x99\x80`\xb7C\xe5{*EK \x8d\x97\xc4\x1eaYF\x81\x92\xc9\x87\x8b\xac\xaa\x87\xf5\x86\xff\x17\x16\xb4e\x04\x18Z\x15\xcdf\xbe\x1a\x19\xf1B\xd9z\x9a\xa9[]\x1e9\x8ab9(,\x1f\xea\xf2\xcauy\xcb\x15\xfb.\xbd\xca3\xa4rx\xc8\x99\xa9\xb4C\xb7^@)K\x1aQKd\xedF\xccW\xb2\x98\xde\r\x95W\x07\xae\xfdh\x1a\xae\xbc\x11X]\x00\xd4\xfe\xde*\x0f5n&amp;\xe4\xc1\xb1\\3\xbc\xe7\xad*(\xca_\xea\x137&lt;\xc4B!8\xa9\xe1-\xd7\xab\xc2=\xc25/\xb1F\x9bL#\xd8@,\xf2\xe6q\xafG\xd6\xdc\xba\x1a\xc4jaC\xb7\xffHy\x1d\x13\x17\x8cHR\x82\x03I~\xec\xa5E"+\xbc\xc7d8)\x08\xbcV\xf9\xfc\xb8?\xe9\x90\x8c\xc1\xae+\xbf\xd49\x04\xc3\xa6\xe8\xdd\xbf\xfb\xbf\x86\xb1\xf8^\xfd\xe9\xf3\x11\x13bx\xc4\xf2\xff\x01\x03\xdc\xd6\xbdId\xfb.\xf4\xc3[\xfe&lt;\xf8\xb6\xdc\xae\xa5g\xd4D\xee&lt;\x05wUQ\x03\xd7\xf3\xe6K\xcc\x8a`)\xd1K\x86\xe1\xa1\x18\rN\xd3\xeam\x98\xda\xaa\x89\x0c\x88SK\xa5\x01\xff\x9d\xc67\xda\x85\x94\r\xe2&amp;G\xefr\x98\x8f\x19\x9f\xaa\xc5\xf1O}=^\xc1\xf2\x0f/I\xbd\x8a\x1f|\xf6f\xf82\xcb\xee\x0b\xf9\x82&gt;\x06\xe9\xb0\xd55\x96L\xa4qt\x0cJ\xe7\xef&lt;oQ\xa8=\x9b\xe7\xda\xde2\xb8\xc1U\xac\xe9\x01\t_"\xd2\xd9\xb0\x9ezhD\xbd\x02\xc2\x8f\xbc\x8c\x8b\x0f6\xd6;\x06\x86\x04\x9d\xbf\x88S\xb9G\x92\x8a\xfc0:i\xb1\xd4\x88\xfeB\x0f/\x8d\xc0\xcf\x86\xad\x06\xa1\xae\xe1\xee\x05![\x18\xec,;\xf5\xff\xc8\xff\x01\nW\xe9\xbc\xe9\xdc_\xfd\x91]\xa6T4J\xf5\xc2\xc2a2P\x9a\x05\x7fs\xdb\x91\xa0lI\xb4W\xfbB\x0f\x8d*\xad\xa3P\x10\xc7\xec3\x8b\xf3\x13\xbc\x9f\xaa|\x9ch%I\xe7\xaclF\x99\xf7\x01\xa4\xccr&lt;\x81%\xb8\x89,\x03D@\x8a\xd5\xdf\xc6/\x0b\xaao%\xee@\xeb\xb3\xf1\x96\xdbH`\xd8\x94\xc8\xeb;%a#S)6\xe5\xac\xb3k\x9f\x83q\n\xbb\xc1\x84\xedW\xfd\xbeB\xfd\xeei\x0b\xdc\x80\x8b\xa9\x18C\x97\xc5\x11\x8f-\xecY\xa1\xad\r+\xfd\x98l\xdd\x80R\x0f\x91\xa3U\xbe\x82\x1d7WJ\xc9~\xb8&gt;\xe7\x98\xcdK\n/\xce\x03\x92^\xbey\x8f\x06\xb3\x1e$We\xa2L\xab\xf2\xf1\x08\xe3\x8c$\x1eF\x9b\x97r\x10`^\x19c\x076-i\xc95\xc2\xac\x96J\xb3\xfc\x8f\xd4\xf5\xa6QsF\x08\x0e\x82F\xb2Y-\x80\x08`*\xdd\xd5\x1e\x1b\xbb\xd0d\xef\xd6u\xdb\x1f}94\xd6iH\xb52?Z\x0b\x1a\x10|\xc8J'</t>
  </si>
  <si>
    <t>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</t>
  </si>
  <si>
    <t>b'\xb3\xd8\x99\x80\xc9\xde\x8eI\xc2\x07\xaa?-\xfd\x88\x07'</t>
  </si>
  <si>
    <t>just perhaps, I will go and seeâ€”if he wants meâ€”in the
morning. Perhaps he'll try to throw his pillow at me again, butâ€”I thinkâ€”I'll
go."
CHAPTER XVII
A TANTRUM
She had got up very early in the morning and had worked hard in the
garden and she was tired and sleepy, so as soon as Martha had brought her
supper and she had eaten it, she was glad to go to bed. As she laid her head on
the pillow she murmured to herself:
"I'll go out before breakfast and work with Dickon and then afterwardâ€”I
believeâ€”I'll go to see him."
She thought it was the middle of the night when she was awakened by such
dreadful sounds that she jumped out of bed in an instant. What was itâ€”what
was it? The next minute she felt quite sure she knew. Doors were opened and
shut and there were hurrying feet in the corridors and some one was crying
and screaming at the same time, screaming and crying in a horrible way.
"It's Colin," she said. "He's having one of those tantrums the nurse called
hysterics. How awful it sounds."
As she listened to the sobbing screams she did not wonder that people were
so frightened that they gave him his own way in everything rather than hear
them. She put her hands over her ears and felt sick and shivering.
"I don't know what to do. I don't know what to do," she kept saying. "I
can't bear it."
Once she wondered if he would stop if she dared go to him and then she
remembered how he had driven her out of the room and thought that perhaps
the sight of her might make him worse. Even when she pressed her hands
more tightly over her ears she could not keep the awful sounds out. She hated
them so and was so terrified by them that suddenly they began to make her
angry and she felt as if she should like to fly into a tantrum herself and
frighten him as he was frightening her. She was not used to any one's tempers
but her own. She took her hands from her ears and sprang up and stamped her
foot.
"He ought to be stopped! Somebody ought to make him stop! Somebody
ought to beat him!" she cried out.
Just then she heard feet almost running down the corridor and her door
opened and the nurse came in. She was not laughing now by any means. She
even looked rather pale.
"He's worked himself into hysterics," she said in a great hurry. "He'll do
himself harm. No one can do anything with him. You come and try, like a
good child. He likes you."
"He turned me out of the room this morning," said Mary, stamping her foot
with excitement.
The stamp rather pleased the nurse. The truth was that she had been afraid
she might find Mary crying and hiding her head under the bed-clothes.
"That's right," she said. "You're in the right humor. You go and scold him.
Give him something new to think of. Do go, child, as quick as ever you can."
It was not until afterward that Mary realized that the thing had been funny
as well as dreadfulâ€”that it was funny that all the grown-u</t>
  </si>
  <si>
    <t>b'\xd7\xb8\xeb\x12\x91\xc2\xbb\x10\xd0\xbc\xf2\x1e\xd6\xbdB\xb7\ra\xd4e\xf0m\x8a\xc7#u\x139\x97"D\xf7A\x84R\x1f\xe69\xcf\xf7If\x10~\xf4\xf5\x068\xaf\x96\x90\xe3\xebf\x0c\xe6,p\xee\xcf\xfe\xbbL\xe1\x9dJ1\x82\x8aD#\x81rN\x01}\xe4\x84\xd0\x99\xb3\xac\xbd\xbb\xbf\\\xad\x13\x80\xa4\xa6\x1d\xbb|\x9dcN\xfb\x1d\x06\xcah\xa9\x1e\x8f+\xa1\xadr\xaf\x8a\xd1\xa7\xdcb&gt;\xcdl\xe9\x81\x1c\x9a\xbf\x89,\x10\xd9|\x88\xd3\xe0v\xa9ljt?L&lt;\xd8\x07\x96w)\x8b\xa9G\x1f\xad\xbbxd\x8e\x1a\x01C\xe2\x97\x9a|\x8c*\xd2`Q\xe6\x0f\xbcy\x0b$\xd2\x12\x80\xeeu\x85\n\x13e\xb3\xd5\x08_\xfa\xff\x0e)\xbb\xb7\xfd\xbd\xb8\x1f\x93\x84u\x96\x98\x8b\x8f\xe1P\x1c=\x82\xa4\xa9\xc1\x81Z\xbd\xea@\xa8\xb4\x946}5\'\xaf\x91\x88\xd0\xf7\xf3m\xfd\xcfq9V\x94o\xd6&gt;8\x1a%\x87\x1a\xe1\x08\xc8\xf4\xc4\xd8\xe1\x9ejw\x95%&gt;\xc1\xee\xdc\xc1\xed\xdb\xeb\x0el8\xfb\xc9\x98\x90\x03\xffK\x00\x86z}\x80\x1c\xee\xdc%\xa7\xb9\x9aLe\xd2\xb2\xdaD\xed)S\x7f\x96\xb3\x9cg\xc5X\xdb\xbd\x9fm\x933O\xa0\xb0\xbdE\xf1\x90\x80!8\xca\xfe\x98\x9d4\x99u\x88Y\xe5y}|Y\xaf\xd05\xf4p\xa8T\xd7\x9c?\xe3|\xe7\xc3\x1e\xc1`:n\x8c\xd2IW\xa1\x9f\xb5n1RC\x0f\xf6G\xb1\xe0\x13N\xee\xdd_N-\xb1\xc5\xe1|\xd6\xc7\x9f\xf7\x81U\x9a\xbd\xafR\xa7\xa5\x14.+\x0c\x0c\xe5&lt;z\xa5C)\x1e\xf9\xbb\xfc\xbf\xa1 \x98Eh\xe2\x0f\x85\xec\\-\xaddD\xfb?\xd18\xa2#&lt;\xab\xf7H\x01\xc5+_|\x97A\xe7\x80\xa2\xfa!&amp;\xc0\xbc#\xa9\xea\xe4Q%\xc6\x98^\xdc\xe4\x889\x1bD\xe2\xf4y\xc2\xe67/\xc7Jd\xfb\xe0\x07$\xa7W\xdd&lt;Hy\'\x8az\x9e\x16hD\xach\xddg\xae\xf4\xcf%kE\x1e\xb9\xfb\xa4Y?\xfbv\xf8\xa8)uj]\xca\x94\xcd\x0fE*(\xdey_g{\xa8UE!\x9a\x95\x88\x941\xa6\xb0\x90A\x95\xad\xf3b\xa9\x131\xb6.6\xff\xe2\xac\xa5j%\xf3]JQ\xbf\xa5\xb6\'\x11\xf6n\xbf1+\xd22&lt;[\xc8Mql\xee\xb6-\xbd\xed\xc2"\xef\xbd2\xddJ\xa09 /\x11\rk\x8e\'\xaeN\xfc\xb1\xf7U\x1a\r\x927,Q\x90\xb9\x95\x90\xfde\x12n\\\x04 \xe3\x03\xa9\x0fH\xb1\xc2\xdb\x16\xfaK\x18\xf5uy\'\x9f\xea\xdd(\tq&lt;#\xf0\xec2kOJ\xb8!\x1e|lb\xd7T\xca\xfa)\x0b\xfc\x9bv\xfc\xa9\xa3\x81\x16\x91\x00\xbd\xba(\xb9j\xc8\x93\xac\xdf\x18=\xff\x8a\x81Y\x08\xe2\nP\x8f\xa1\x17\x89jo_\xadW\x14\x07zt\xd6\x97CT\xc1\xb5\xee\xedQn\xa4\xcb\x0fi\xb2\xe3\x99@*L\x83\xbeH\xa6Q\x12\x04&gt;&amp;\x9b$\x8dX\xc6\x08?\nD&lt;[{(\xd4\xfa\x8f..H&amp;\x86\x80\xaf\x86\x87\xcf\x86L\xe6\x9d\xdf\x95\xde=)\xc2\x83\x96\x88\xd1{ 2\x8b\xa5fj\xc7=\x9f\x19\xd1`\x0b\xd3\xb0\x0f:\x0b&gt;Db\x82\xb6\xb4\xa6\xdf\x8f\x82u7Y\x1f\xd2z8\xa4\xd5f\xfcI\x16\x1b\x19\x02\xeb\x16\xdc l\x9d^\xc5\x17`=}\xa9\xbb\x85\xe7S\xd8\x00\xf8.\xf8\xb6;\xe6\x89iXN[\xb8\xbb\xdd\xe4\x00\xa4\xad\xed\xbeB\xbdL\xb8\xb6y\x91\x01\x9a\xd4\x81\x08T\xee\x0e\xee\xde\x0b)\x06\xf9\x16\xc4%\xe2\xd2\xb7\xbb\xdd\xd6\x13\xe1\x15\xd8\xd4\xdcn\xa4\x10\xe9P5\xaeN\x14\xcc&lt;+_\xff\x90.\x90*\x1b\xb6\xfa\xbbd\xb3\x8dZ^\x8bI\xb2\x0f\x9a4KT\xa5\xc4&gt;\x82a\xcb\xec[\x1a\xb4\xa3\xaf\xca\xa9\xa9\xa6\x0b\xc2\x99~\xde7\xc0n\xd32\x96"\xd0\x8a\xab\xad\xb9\xd7u\xed\xf6\xbfXLI\xc5x\xfcWk\xd2\xc6\xc6\\^Y\xde+\x9djf\x853\xb0\xee\xfbh\xed$\xf1\x93\xd4}\x9e/e\xedA\x8c4\x12\x15\xb2\x1dr\xf3B\xa3i\x8bC\xaf)PKO\xa1\x18\x13\x9ds\xddQ|\xa3T\x82y\xd9m\xb9\x06\'\x82\xbd]\x02\xec\xcd\x9c\xb7\x12X\xf5\x04\xbdMkQ\x19\xc6\xe3!\x08\xd9c\xe5\xfb\xc0\xf1\x89\x97\xa94#\x1dZ)\x19\x8a\xe8\xefG\x1a\x8b\x8a\xe0\xf7\xf2\x7f\xdc\xcc\xb4{\xdb\x8a\x1c\x83e\x90\x9dL\xe6\xe0\xdc\x1dj[\x1eq\xc1\xc7E\xc8\xc6\xdd1j\xb8\x8e4\x94\xff9\x90&lt;\xfe\xc2\xd4\xa4\xe1M\x9c-\x92x\xbe\x15\x87\xe3\xbe\xa9\xa5\xf1\xa1I&gt;\xbcD9\xf9\xee\xbf\xf6^\xab\x05L\x13\xf8\xbf\x10`\xc7\x9ay\xa3\xc3\x94\x1a03#\xb6/\xe9\x0c9\x8b\x93d\x17\xe2\xad\x16H.\xbc)\x85\xa1)\xdb-\xd5\xca\xef\x1a\x95\xc0\xa8\x10\x1d\xc8Y[\xa1*\x98Mi\x14[\x02+yF:\x94\xd6\x92\x97xI\x1f\xcd\x06\xaf\xdfk{\xb6\xc3L1\x7f\xbf\xcc\x85g\x19\xe1\x9e\x98\xe7\xc2\'(7\xe8,\xeb\xfc\xc0\x00Gyv9\xbb\x89\xd4y/p\x83y\xfc\xc6\xffF\xab`,\x18 c\xf2i\xc7\xa1\x94\xc4\xe5\x0e\x94\xafZR\xb5\xb1\xef`\xae\'\xe4P\xd2\x87\xe4/\xb0;j\xc9\xbd@m\xec\xc8en\x16\x01qv\xeet\xb1b\x88eD;\x99\xcc\xc3\xc9\xc1\xe8P\x9aN\xe4\xec\xc4\xfe\xd6f\xc1U\x07\xd0\xd6\xd2\x94}\xe2\xe3k\xd3X\x81%\xd8s\x98\x85~\xc2^\xaa\xec\xb9\x8a\xb4\x02(\x1a\x8a\xba\x15:\xbe\xa8}\xef\xb2\x08\xe8\xa3\x85\xbd|t\xfa"t\xef\xf8V\xa21*\xde\x9d.\x8e\xe08[i\xdb\xa5\xea\x052\xa7ZO\xd1\xf3\xc7\xd4W\x9a(\x04.\x0eK\xbaO\xc3\x86\xc8\xa3S8\x8b\xfdB)\xdbb\x1b7%\xcf\xcd\xe0\xf0\x19P\x1d\x98\x1e5\x8ch\x1fNy^\x9d\x04"\xa0\x91\x85\xa7\x80\x0eM\'\xcbwp\x91\xce\x003S\x91\t\xe9If\xd9\xb1\xec\x97\x1d\x01\xf9\xd6&lt;\xa0\\\xdc)\xe11\x8a\x9c1b\xf3\xf0\x98E\xb2I\x13\x81\xe0\xab\x96U\xf9I[\xfc\x19\xd4\xce\xa91\xd5\xa4H\xc9\xa9\x18\x95L\xd9\xfb\x9cdvnp\x17\x00\x92Sb\xd0\xbbd\x1a\x08\x00\x16\xd6\x1cp\xa9\x93\x91\xd3\xd1@0}%\xa2\xfd\xb3r\x1aN`\xd1\x05",@\xf2.\xbc\xeaX\xfd\xca\x9d\x1e\x0cU\xceX\x1b\x1d^\xec\xe1\x0e\xa2\x8d\xa1K$\x1by:\xb2\xda\xdfzr\xaf\x04\xe8\xca,?\xcb\xd0\x88\xcb\x92\xb1\t\xf5}P\x89q\xcek2o\xea\x033\xd4\x15$\xd5\xc5R\xd91\xd5\x85{\xc0\x1a\xd2\xa6\xc6t\xe3\xef\x8b\xd9\xdc\xb0vqS\xfeS\xe1r\x98\xd8\xd9\xda\x1e\x05\xf4X\xfc\xf6:\x1b\x86\x86t\xf3\xa3\xccu\xab:\xeb5\xd5\x00\x8aT\\=\x86\xcb\xbdf\xaa\xddD\xbb\xcd\'/\x15\xb3wc\x1eG\x18\x08\xf9%M\x18!",\xd4)(\x7f$\x88\\\xe1C\xb6`\x93\xce\xd3\xff\x89a\x99\xbd\xc9\x85\x84\x12\xf3!ro\xd3P\tUU%r\xfa\x08\x1bJp\xfcBn\x1a\x90\x84\x92a\x83\x12d\xd4k\xc3\x9e\x988\xe7\x8a\t\xf5\xd2\xa6\x80\x98\xb9\x08\xbdl2\n\xb2{\x0c\xc5\xddG\xb7\xdb\xd00\xf5\x11\xfa\x97\x9dc\x92\xd1\x82\xe2 \xa3OE\x9a=\xd1_g*\xac\xb1\xe9\x88\xff!\x80\xeb\xd9v| \xc5xN\x0b`4\x99\xf0\xdd#$\xf9x\x04\xf7\x8dXR\x83m\x01\xf8\xa8\x00\xd65\xe6-.\x04u\xd0a\x06A\xf9CQ\xeb\xf8%M\x14=,&amp;\xaa~\x9f;\xdd\xc8\x1c\xc9\xf3D+\xf4(- \x8f`\xa4.\xc6\xe0%\xdd?$\x94\xc3~$b\xbfj\x19\x89\xa6A76\xd4\x9c\x03.(ScjG\xf3\xbd\x89\xe6\xfe\xe7\xe8oFp\xa4\xd5$\xd2\x0b*\x8c\xa2\n\x8e\'3\x14c\xc6\r\x9b\xe6t\xe3,G\x1d\xe5*\xeb\x02\x82t\x83}Y?S\x80\x85\x93\xd6\x0c\xbeTbAB\x046i\x7f\xa6\xdfWA!2.\xc5`.m\xc2$5\x8b\x08Cu\x03\x95g\xbe\x9e(&amp;8\'|\'\xa0\x9a\x80\x07\xe6\x92\xfdb\xba\xd6\x84\xb2Sf\x9f\xa5L\xd2\xfa\x1fF\x16\xdaE\xfb\xb8b\xd4\x08\xa0\x86\xb6"\xc1YZ\xb6w\xa8\xac\x7f(\x9eG\xc6wA\xf86\xd3\x0c2\xca\xf1\xb4\x11\xf5\x1b_!\xa6\xa4\x18Ua\x9ax\x7f"-\xe4RS\x16gJ\xd7\x10\xa8.(~\x10\xa5\xc6E@\x82J73\x18\xae\xfel\x04v\xe9|\x8c\xbb\x9bvD\xdf\xd1wl\x01o\xa2i\x98\x9d\xe6L\x85\xbe\xc6\xbf`\xd3xd\xdb\x97\x15\xa1XQ\xe0c\x9e\xb1\x073\xf9-\xa1f\x86\xd9O7\xc1s\x06\xdf\xb8:\xb5\x9dL\x1bTU\xb3;-\xf0&gt;B\x0c_\x8f)\x86\x1b:\xb6~\xcc1_\x19\xa7\xfa\xab\x02:]\xe0fX/\xd5o\xcc\xb6fpR\xe8T0\xe1^a\xed\x97\xc5e\xecF\xfe\x8bO\x90\xe1\xb8\x0fF\xee]\xa3\x8co\xd6\x9c\xbd\xaaa*\xd6\xaa\xc4K\xc3/|\x07\xcc\xe6CB\xd6&lt;\xcb\xac\x15\xec\x9d\x9bvJ\xa8 [A\xe5\xe9\xdeykf\xe8\x0c\x07\x9e)\xf8.\x99\xd6\xc2\xb4\x96\x07\xdd\x84\xf5 }\xfb\xfaP\x9f!\xaeX\xdf\xb9#\x0e~\xc7m\x11\xdc\xc3/\x8a\xe1\x06l8\x00\xc1\xff\xba\xc5\xf2\x0b\x11\x01\x1d6\xc8^\xc1\x1a\x97\x19pV\xad\xcd\xbd\xf4\xb6\xbf\xb7\x9b"(B\xa2\x07Om\x82\xe9\xae\xd4\xb3w\x05\xe5\xf0\x8f\xdf\xd8\xc7\x9b\xc1\xef?"\x1b\xf1\xf9\xdf%P\xc7\x93^F"!\x90\xdf0\xb2\xd9&lt;d m\xec\x93M:\xbe\xe2y\x9d\x8ff\xf8&gt;\xb4\xde\xe1\xae\xc1p\xc3\xa1\x92#\xe1!\xb8\xe9\n\n\xb4\xa4\x1c\x8c\xb0m8\x92\xdb\x80\xd4\x92\x8a\xb2\xeb^\xce\xc7\xa6\xf9\xb0x\xaa\x12\xe9\xd4\xaeJ\xcbR\xc2\xbd\xaa\xe6V6\xb2\xcb+H\x8bv\x05\xf2\x01o\x80\xca\x98\xdf;H\x88\xff\xac\xd9Y\xdd\x8b\xb6\xc5F\xab[YZ\xf3\x1d\x03%JS`\xe4\xddMm\xa95X(\xdbv(\xd2,q\xe0:eU\xca\xaf\xe9\xf4\xd8\xdb\x1d\x82W\xf6q\x10MQ\xd2\xd4J1\xde\xf3\xdfs\x8a\xfb_"\x15x\x06\x10\xea\xd1\xed\xb1\xd4\xa9)\x07a\xf2Y\xae\x9ddUW\xd6\x1f\xeb\x87\x92s&lt;\xe2\x1b\xa6\x89\x0f\x0e\x8d \xb2\xc4zPo\x89\x9c\x04E\x18\x1b}~\x86\xef\xdb\x9e\x10[X\x8a\xdb\xc8\x13z\x83+ok\x7f@\x8b5j\x1a\xf9\xc5ej&lt;\xdb\x1b\x9e\x18p\xe8\x872Us\xec\x9d\xd5\x1c\x90H\x0be\x9dcBy\xf7w\x8c\xaa\xc0\x1c.\x19%\xe8\xc6k\xe3\x9c=e\xa3\xb9(\xa8\xc92\xec\xb2U\x17\xfd}\n\xd2\xaf\x17\xbb\xa2\x98\x08\xbc\x18j\x07\xc0$\xa5 \xce\xba\xe8\xf6\xf1\xa4\x07\xf2\xc8F)E\x97\xf5Z\xfc?Q\xe7,\xd6\x84\x15[m\xb0?4\x99\xa6\xa88\xbb}^\'\x1avHQK\x10\xd6\xdc\x12V\xee\x89w3\xab Ub0\x8f\\b~\xd5!\xb9\x97\xdcC\xf1LH,\x81\xf6l\xf4\xab}\\\x96\xcb\xd2\xd17=\x07\x17\xd8#c\xbf\x01F\x15\xfa\xdcGf+\xb4\x0c{\xe7\xda\xfc\xeb\xc0\x18t\xa5]J\xa5\xb4\x1f\x05\xde$\xc9\x87\xcd\xdf\xa2\x83\xfe\xd4)\x8f\xbdh\xf5\x04\x9b&amp;\xa4\xe4C)ikzl4t8\xadU\x13\xe4*h\x1f\xbe\x81\x02?\x0f\x01\xf2\xafE&gt;\x9e7\xb8u\x92.&lt;S\xfcm\x1f\xb5)Y\xba\x1e\xd7\xe7\x80\xbb\x0f\x04H(\xff1\xe7`.\x9f\x7f\xa1\xf6\'\x86y\xaf\xc3x\x00\x99\xce\r6\x7f\xd3\xd5\x8e\n9\xe2\x03$\xfb%:3\xe1f\x80\xba\xf4\x90\x04*G\x92\t1o\x1a\xcf\xff\x96`x\x92f+\x86\x80\x1f\x8f\xcc]\x0fI\'\xf2'</t>
  </si>
  <si>
    <t>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</t>
  </si>
  <si>
    <t>b'\xd7\xb8\xeb\x12\x91\xc2\xbb\x10\xd0\xbc\xf2\x1e\xd6\xbdB\xb7'</t>
  </si>
  <si>
    <t>eak shell an' come out an' fledge an' learn to fly an'
begin to sing, till I think I'm one of 'em. Sometimes I think p'raps I'm a bird, or
a fox, or a rabbit, or a squirrel, or even a beetle, an' I don't know it."
He laughed and came back to the log and began to talk about the flower
seeds again. He told her what they looked like when they were flowers; he told
her how to plant them, and watch them, and feed and water them.
"See here," he said suddenly, turning round to look at her. "I'll plant them
for thee myself. Where is tha' garden?"
Mary's thin hands clutched each other as they lay on her lap. She did not
know what to say, so for a whole minute she said nothing. She had never
thought of this. She felt miserable. And she felt as if she went red and then
pale.
"Tha's got a bit o' garden, hasn't tha'?" Dickon said.
It was true that she had turned red and then pale. Dickon saw her do it, and
as she still said nothing, he began to be puzzled.
"Wouldn't they give thee a bit?" he asked. "Hasn't tha' got any yet?"
She held her hands tighter and turned her eyes toward him.
"I don't know anything about boys," she said slowly. "Could you keep a
secret, if I told you one? It's a great secret. I don't know what I should do if
any one found it out. I believe I should die!" She said the last sentence quite
fiercely.
Dickon looked more puzzled than ever and even rubbed his hand over his
rough head again, but he answered quite good-humoredly. "I'm keepin' secrets
all th' time," he said. "If I couldn't keep secrets from th' other lads, secrets
about foxes' cubs, an' birds' nests, an' wild things' holes, there'd be naught safe
on th' moor. Aye, I can keep secrets."
Mistress Mary did not mean to put out her hand and clutch his sleeve but
she did it.
"I've stolen a garden," she said very fast. "It isn't mine. It isn't anybody's.
Nobody wants it, nobody cares for it, nobody ever goes into it. Perhaps
everything is dead in it already. I don't know."
She began to feel hot and as contrary as she had ever felt in her life.
"I don't care, I don't care! Nobody has any right to take it from me when I
care about it and they don't. They're letting it die, all shut in by itself," she
ended passionately, and she threw her arms over her face and burst out cryingpoor little Mistress Mary.
Dickon's curious blue eyes grew rounder and rounder. "Eh-h-h!" he said,
drawing his exclamation out slowly, and the way he did it meant both wonder
and sympathy.
"I've nothing to do," said Mary. "Nothing belongs to me. I found it myself
and I got into it myself. I was only just like the robin, and they wouldn't take it
from the robin." "Where is it?" asked Dickon in a dropped voice.
Mistress Mary got up from the log at once. She knew she felt contrary
again, and obstinate, and she did not care at all. She was imperious and Indian,
and at the same time hot and sorrowful.
"Come with me and I'll show you," she said.
She led him round the laurel path and to the walk where the ivy grew so
thickly. Dickon followed her with a queer, almost pitying, look on his face. He
felt as if he were being led to look at some strange bird's nest and must move
softly. When she stepped to the wall and lifted the hanging ivy he started.
There was a door and Mary pushed it slowly open and they passed in together,
and then Mary stood and waved her hand round defiantly.
"It's this," she said. "It's a secret garden, and I'm the only one in the world
who wants it to be alive."
Dickon looked round and round about it, and round and round again.
"Eh!" he almost whispered, "it is a queer, pretty place! It's like as if a body
was in a dream."
CHAPTER XI
THE NEST OF THE MISSEL THRUSH
For two or three minutes he stood looking round him, while Mary watched
him, and then he began to walk about softly, even more lightly than Mary had
walked the first time she had found her</t>
  </si>
  <si>
    <t>b'-\xe5\x90\xb6aI\x99\xae\x0c_\x93\x07VP\xd6\xce\x17\x9e\x8f\xa8L-\x1dt\xcf\xcc\xa8\x8b\x05\x1d\x10\x04\xe1"1\xf9!"00\xab\x98\x96\xbfQ\xf1zj\xdfG\n\x03\xb6C\xda\xe6?\xa1\xc1\x1c\xd6\xd8\x9e4\xbdy\x15\xd8d!#v\xc6\x86\xf5=\x05V\xa3\xf0\'\x14\x9a\xe8\xb9\xef\xa5\x16\xdd\x19\x1bP`\xdc\xcc\x18N8\x82)\x10\x03\xe1\x0fBbt\x90Z\xbc\xfa\xf3`\xdc::H"\xfb\xd1\x80"z\xf0\xc6\xe24\xc9J\x0e\x1b\x84[\xc2\xe4\x00\x9cB\xb7$\xb1\xf6&gt;bt=3k\xaaJ\xd7\xde\x97\xfe)\xdd\x19\xb6\xff\xcdt\'Z\xcem\xa3\x9d\x18&amp;\xf9\xda\x1aI\x90\xfby\xd3;[\xb1a\xb3\x89\x18+N\x05%\x12\x94\x9f\xd1\x9b\xdeP\x8b11\x19\xa3\xe6[\x82W ~(k\x06u^\xab\xe9\x8c\xbe\xea3Bf\xa36\xa4\xc5?W\xff,?\xb7\xaa-\xf5\x87\xf1\xf3\x04\xc1\x80\x9e\x80e`w\x016\x93\x01t\xe3e*\xc0\x83\xafi\x9a\x842&amp;_\xe70a\x08vfm\xfb7x\xbc\x1c\x87\xc7\x0eF\xb7&amp;\xfbv\x867\xa3\x7f]\x12\x19\xa4\x80U6\xdd\xa8\xad\xd4\xebH\xb8W\xb4b\xdf\xeb\x83\xc5\xca\xb9\x1b%\x19|%\xe1\xaf\xa3\xc9\xe6\xe3\n\x87\xb0\x96d\xd3J\xc4\xc4\xea\xd5\xb5\x9c\xe6cQ \xfc\xccS!\x81\x86T\xf1\xfakq\x1do\x18\x19w\xd2E\xb8^\x7f\xb4\xd4\r\x8f3o+7\xe5\xe3\x8e\xdbQdt3\xd7\x85\x10\xe1o:\x08Yq\x10\xb0e\t\x10\xa4\x0by\x96\xc0_\xc1\xde~\xe8|\xa7\xc5z#\xcb\xea(\n\x17s\x04\xed\x10\xbd;\x91\x8dM\x9d\xd8\x1c\xd0TB\xc9@PEF\xaf\xcd\xac\xb9/\xed\x17\xf5\x15\xfe\t\xe9W\xc9\x14\x8c\xf7y@\xb2\xbd\xe1,\xe6\x9d\xf3@N\xf9F\x894\xbf4y\xefQ\xbd\\\x19\xa6\x1f\xc4\xba,\x92/\x07\xab\x14(CU:1\x0f\xbe\xdb\xeb\xd4s\xc2\xe4\xcf\xdf?\x7f#l\xa7\xf4\x19\xe0n}\t\x15\x18\xee\x0e1\x8d\xf4S+\x1f\x88\x9a]\xa6\x8b\xd2.\xbe\x8b39\xe9\x8cUt9#\xe5\x01r\xa6\xb8\x9f_\xb3\x08\xeb\x87$\xf6\x1e\x9f\x92\xba\xc3\x88\x05\xd1\x103uI\xa7]\xa04Qs\x8f\x86\xf9+\xbb\xd4\xf7\x7f\x867\x87M\xb1\x1d\xc9\x9d\x89\xa1@-\x88\x0bE0p;\x0e6\xc4\x1e\x0e\x98QQ\xf1\x13\xf3\xcd-Z}t\x1aG\x8a5"h\x83\xf8\x1a\xd7U\x03\x7fL\xdf\x1a\xfd-\x9d\xef/\x1e\xd8\x96\xb5QH\xe1?\xe4+\x05\xb6I\xdb\xaf\x11&lt;\xae\x07\xcd\x1a\xcd\xc0\x9b\xa8\x1b\xe7:e+U\xc3g\xdf\x8e\x00\xed\x93&lt;m\x8c\xf1A\x1f5\xaa\xd9#\x81F+\xd1\x12\xd3O\xb8(\xc5\x99\x9c\xd13\xd4\x14\x019\xa3\x86\xe8W6\xf0@&amp;1\x1c\x84e\xd6\xeb\x85e.U\x00\x8f\xac\xa2\x9fD&gt;\xb6M6\x15\x15O\x7f\x1a\xcb3P\xd1\x87 \x16\xfe\xf9\x1f\xc0=\xe3\xe8\x0e2[\xfb\x8a\x9c\x16\x0b\xc1R:\xb9\xa7\x7f^\x06]\x0b\xb5\x07\xf8b\x12\xb9&lt;\xed\x1a\xc1F\x02\xac\xee\xb4\x9d\x93\x0c\xcb#B9\x8f\x90\x17\xef\x1f\x0f8\xa7(q\xb4\xf8\x96\x02\x8aB\xaaw`\xed\xa5\x0b\x8b\xc0v\xc5/\xed\xff\xe66\x8f\x00e\x92\xf0a?&amp;\x07\x98\xf3\x07\xa0\xfc/\xe46\x8doM\xc6\xc2jE-\x1b\x9d\x90\xbe*,\xbd\xf3\xad]p\x7f\xaaQC\xf0\xd0R\xd8F\x11\xa5{\xa7\x10\x7f\x82\xbe\xe3\\I\\\x82+\xd8QH\x97\xf7\x8c|)\x9b\x98\t3\x89\x91\xc9\xc2\x02\xa8\xc8r\x18\x89\xd8\xd4\xcd\xf9\xf5\x10\x02iI\xe7wBT\x9b\x87\xe2n\xf1\xd9OG\xe1\xed\xce\xef\x8f\xe0u\xaaZ\xedo)\x9ci&gt;\x1f\xbe\x87\xd1\xf6\xa12\xee\x13bB\xcf;\x9b\x17\xcdL\x11R\x98\x8d\xd3$a\x9dN\xc0\x86\x9b:\xdf~\xe2\xa5\xab\x9b[.\xcax\x15\x95-\xb5(!\xae1\xebWS\xfc\xdf7\xec}$\xd0\xcc\xae\xcdm\xdc\xeaM\xd7\x9f\x17}\xe7\x8d\x10\xbe\xdf\xc4\xa3\xafOy\xf3\xfa\x82\xe5A@m\xfb\x17\x17\xdd&amp;Xf\x86\xaa\xb1\xd9y\xf5/\xc8R\xc9\xdf\xc1\xe7^\xcf\xc8k\x80\x91*;\xb1\x9f\x9c\x10\xe4\x1f\x06\x12\x99\xb0\xb7\x0f\xd70L\\\x81&gt;\xe9Z;\x11\x1b\xb5&lt;\xd9\xa3\xa2;\xfb0\x94\n\xdb\x89\xe9]\xc5\x98\x8d\xaf\x7f%\t\xbam\x1b\x98\xa0j\xbd`\xce5/\xeed@t\xdea\xe1\xf5\xe49\x80P\xb3\x01Y\xf2\x19\xcbq\x9bRg\xb9\x05\x07\xa0a\xdc\xf2O\xe9\nR6S\x85]\xfas\x11\xd9]\x07\xf5Y\x81\xad\xc9\x81\x01\xd71\xe6E\x1c]\xef\xeeA\xd4\xd1\xdfxK\xaago\x07HA\xd5p\xd0 (\xb0\x8a4\xb4\xc1\xac\xcchs\xc8\xaf\xb9f\x1c&lt;\x1c\x0ep\xb2\n\xfd\xa0B\xdb\x87v\x98\x04\xcd\x03\xbcT,\xb7\x8a34\x07\xc1\xb7\x8c\xfb\xe8F\xe8\x1f\x8e#(+\x07\x08V@\x83\x1c\x02\xc5\xabU0\x98\xaa#\xbb\x83\x94O\x00\x9c\xd3\xb3EK\xf4M\xca\x13\xdb\xf3%\xc38Dn\x1be\xdc\xdcc\x102\xc8k\xb5;?0\xcb\x1e`\xe9\xeb:\x1a\xc9\xcf\xc4\xb8b\xfeY|T\xb1h\xb3qt\x10\x13\xce\xca\xc7a\xe0&lt;\xdeq3eX\xe2u\x18\xbfsm@#\xe0\xf8\xa17\xaf\xd6\x9axlc\xf5c\xbbT\x7f4O\xb5o\xb1\xa8\x8bp\x81\x81\xba\xec\x1e\xe4\x0c\xc4\xabT?\xffP\xcc\x97-l\xea)&gt;\xb3;\xbd.\x03\xc3&lt;p\x17\x189yo\xbe!R\xbe\x1c\xa3!v\xa7\x99?\xc1D\x94\x9awm\xd8\x89\x10\x8a\xfc\xa4\xe1{._f\xe7pp,\xca\xc7\xa8\xe1\xd1\xf3\ri\xda\x1a\xb0\xe8`\xd62\xe7\xba\xfc.\xb4;\xaf\x9a\xc4z\xf0\x00\x8bOn\x04\r\xd1JjR\xbe9\xa4|\x11\x93d\xfa\xba\'\xec6Q&lt;\xc4\xcb\xa5m\x91\xb5L\xe7=\xd7+\xbd\x16\x8d\xde(\xa0\xbbn\x18d\t\x16o\x14\x836\x02&amp;\xc2\x0e\x94#0\x0b"\x15\x1a\xa8"\x9f\x80\x15%W/v\xf4\xe9\x1b\x11i\x9b\x06 L(\xeam\xf0\xd0\xbb\xb2%\x04\x9c\x8f\x88wi?574\xf0RM\xf41\x0ea\xaa`b\xd1\x88\r\'\xf6\xb5\xff\x03\xe1\xac\x93s*G=7\'H\xc9]\x84\xe0\xc0&gt;0\xa9\xbc\x05&amp;\x9d"O\xb3\x1e\t+\x0f\xa5\xb2\x92\xe3EE\x95\xe9\xe3\x1e\xe894A\xc2\xfe\xfbhs\xb9\x18\xa3\xe0H\xc2e\xa8\xa4\xbd\xc10o\x1d\xc2\xc1f\xf3\xc7\x96\x1b\xbd:\x81\xc1\xfb\xb5\xa8\xf0\xfb\x0b\x9bZ\xcd\xfe \xe6\xe6\x995\x06\x9cU\xb0\xaf\xce\xe4\xcd\x08\xfc\xcd\xd3~wz\xca\xe4Q\xc3\x9f@\xeb\x05\x17&amp;F\xc8\xde\xe0\x13\x8a\xe2dM\x1a\x1e\xec\x07g\xb5A\x03qCCh\t&amp;\n[S\xb7\x99\xbb\xcf\x81\x8at\x81\xf9\xa4/\xc4\n\xa6dKm\x1a#\xdfA\xdb2^\x94\x1b\x01\x1a\xd1[\xb6\xdf8&amp;\x8d\xa3Z\x00\x8e\x8b\x08\xdfP\x05\x9c\xfb\xbf\x94\x99L\xe4\xee\xc9N% IA,(\xae\x0e\xd0\xe1\xe5\x0bI]t\x16\x0f\x88W\xcd`4\xb7T\xd2/\x10\xe91:\xebI\x8e\x18y\x95\xa9\xd5Cl\xb4\x94\xd8\x11\xe5&lt;\xd9\xe5)\xac4\xe2=a-I\x7f\x03\xc2j\xda\x1eIN\x15\xf4\xef\xdc^)\xf9$\xa0\xea\x90\x99lH\xe2\x16\x8c\x00\xf2\xc3\x8c,\x05\x9fx\x05\xd1\xc4\x9f\xf9\xaa\x98\xd2\xc9T=\x9e\xf3\xb0\xb2;\x86\x12\xfd\xf4\x9f\xed\xb8{\xd8\xc0\x99Mz+\xc1\xc7\x17\x10\x18\x0fJ.\xf7\xee \xd3\xe4\x88\xa4&lt;[\xcd\xf2Gl\x07\xcaBH\xea\xae^R\x8a?\xfawx\xc0\xca\x1b\xb2\xa0:\xf8\xfeoX\xf7;L\xfc\x7fL9\xc8\x856\xf3\xcd\x9aN\xff\x163V\xf6\x1e\x8b\xfdx\xa4\xbc\x1bL\xed\xda\xf6-\xbb\xca\xabd\xf2\x9d\x07\xa8\xba}\xc8\xd4\xcc\xb6N\x90\xd9#Q\xf8\'\xf2*\x92\x1f\xfd5?\xa1*~)\x98\x1d\x08+[\x06\xc8{J\xb1/\xf1\x16\xf4\xbd\xc9\xd1\xb3zG\x8a\xcf\xaf\x10 \x1a-\xecCge4\'6l\xf5\xcb \x97\x05\x1c^\x07\xfeFe\xdc\xe8\x80\xf3\x97\xe1\x95\xfd\x8e\xa3q\x9b\xff\xf1T\xb2\xc3\xc3\xbd8 \xd3~\x11P\xefVY\xa7\x947-\x1a~\xd5\x97\xda \xbdt(\x84\x04\\\x94e\xfe\xfb\xb81\x81\xf2\xd7)A\x9a\x154Q\xd2\xday&gt;\xad\xa6\x02\x8d\xc4\xbc\xeb=\x18[\xfcP\x81\x12\xbf\xe6\xb1\xe9k\x7f\xe8\x05\x01\x8d\x8b\x12\xd8\x0c\x0c\xc8\x1b\xed\xa4QC\xd5\x9f\xe2\x19\xd5\xb2\xb1\xf0\x11\xd9I\x19\xc8\xa7\xf30\xa2\x8a\xb3BS\x82T\x1d\xa6L\xba\x0f\x9e\xf6@0D\xcd\xc4\xe3\x92\x8b`B\xe6v\x1c\xa0d\x15{\xf0\x91}\xe4d\x97\x81f\x97@ZQ87\xb7\xde\xcf*%\xee\xa9\xf1\x80O\xc4\xeco\x96\x11&amp;P\xbdp\x8c\xe7\xf5%\xc8\xa1e\xb6\xa2\xa8\xd01\x9e*\xed[\x80\xb8\xf0\xb93&gt;:\xe6N\xf8p\x80\x86\x8e\xf7\xa2c\x9am\x05`R\x87h\xc8%\xf3\xd5I\xde\xb3u7\xbc\x9e\xba\x9d\x18&lt;[\x98\x8eo\xe7\xfb\x12\x05c6\xac\x1a\xd0\x05\xe5\xac\xfb&amp;\r\x19Dp\t\xcfm\x17\x11\x16j&lt;\x92\x00yS\xba\x8b?{d\xd0h\xd9\xfa\x0c\xd0\xe7\xa2G\xc9\xa0N\xe4\xe6z\xf6"\x06\x9b\xc6\xe2\x18)\xc9)\x11\xe3\x86NIH\x1a\x8e\xc7\xe1\x9a\xa2\xc8\xf4\x06\x87\x95\xe2\xc2\x9f\xabd\x08s\x9a&lt;\xf4 c\x8eu!\x1a\xc8\x14 \x80im\xab0\xf6G\xb6\xa8\x81A&lt;\xa2\xe7\x9bp\x80j5\x90Na\x07,,\x1c\xeb\x06N\x1bk\x07\x88\x19\x9a\xdb\xca\xd8Cr\xc0\xd8\xdd\x12u\xc7\xa0\t_z\xd8\x06\x8eH\xed6U\x05\x04\xbfq\xca\x01\x99\x9eZ\xcc\xb5\\\x1dZ9\xf4\xcd8\x0fC\x04?\x0e\x0e\x81q.g\xba\x11\xeb0\x92\x82\x9e~X\xf4\x08K\xa8\x8d\x90\x99g\x99\x1b \xbfF:{X\x16\x17\xb0\x8a1\x14\xb5\xf0\x01\xb7\x009O\xbdT&amp;\xbf\xaf\x1e&gt;\x08(\xdb\xfar\x0c\xec\xd6|z\xb1jz\\\xebz\x97|\xb3\xa9]7\x1e%\xc4\xd0K\xa9HAx5g\xc3\xe3K~L\x12\xb4\x07\xe2\x8bZ\xb2\xc0\x00\x0e8\x0b\xa0d\xfd\xa48\x8a\xc1)aJ\x002\xd5H\xb4\x17\x1bDM\'\xb9\x1f\xe4\x8a7\x06I\x1e\x93)\xeakW\xf7\x99\xe0\x89\xf6c&lt;\xe62\xa4E\x02NF(\xb8\xe1\x0fX\x13\xbe\x1c\n=\x16:\xd6\x91\xaav\xdd\xefn\\\xbb\x16\x13\xab\xbbJ\tf\x8b\xfb1V\xa0\xe6\t\xda\x05!\xea\xa1\xd6\x8f@\xa5~\x02\xf3e$\xca\x8a|/\x97\x8a\xb2I\xa1\x15\xa1\t\x93K(\t\xcf\xef\xc8KC\x9c\x99\xec,\xc1\x81L\xae\n\xa6\r\xfc\x1c5\xaf;\x99\xbb$\xf6\xc7\xf2\x9b\x0c?[Y\x19\x87\xa3\x84\xd6\x8f\xc6\x8d.(\xcd Hg\x9cK\x194;4(\x9d~=\xd4\xe0\x86W\xf2\x98\x1e\xb6)\x0b\xad7X\\+\x1ez\xb1\xb2\x8d\x1e\xf2\xe8hk:\xb1\xb3\xc3\xeb\xdb\x90&amp;&lt;\xea\x1bW\x9f\xd58fZ\x8b\xf9\x02-\x19\x8c\xaf\xc5\x10\x1d\xd8\xa3T\xc0\x10{\x89\x9b)\x83\xads!e\xac\xd9\xbc\xe5X`\xddP\x8a\x19O\xcb2\xe1]l\x9c\xb8&amp;\xd3=\xef\xe7 \xeb\xa3\xbdg\'*\x90\xc6G]b\x89$\x1d\x15a\x99NF-QO\x10\x07A\x9d\x99\xc2^\x86U8\xd6\xaa\x02\xb0\x9f\xc61\xdai7\xd4\x92\x11\xba\xb5\xa2\xa0b\xdcGl\xe69\xa8\xc6\x02rU6\x1b\x07\xaf\xc6\xac\x96\x19\x88\x19!\xd4^4\xc2\x8c\xd3\xb5\'=N\xf0\x7f\xf0\xf6\x84\xab\x9e\t\xd7\x08\xaf\xe1\xbctxq\xd81d\x00\xa7d\x8e\xb8\x93\x94\xd8}\x8d\xdd@\xb0\xee\xe7B\xe2\xea\xbd\x842pc\xdb\x08\xb5`-\xa3\x05U\x15\xb9*\xdd\x0b\xa3qc\xc9\xa6T\xd6\xea\xf2\xf5\xef~\x1e\xc9\x93_\xe3\x8eO\xfb\x1a\x15\x8a\xf7\xe1&gt;\xf6\x9a\xd3\x14\xf8\xbd\xcb\x9d\xc6\x17\xb8\xe6\x93c$\xa4\x07\x10I\xa31\xd3l\xdc|\xd7\xb3\xb7\xeb|p\xec\xcby\xd0\x984g\x8b:\xff\xbfiy&amp;d$\x1ay\xa2\xee|\x1a.\xda\x83\xa1^\xb4\x02\xa9: _\xa2\x9c\xd9!\xfb\xec\x9e\x1b\xb1\x07\xf2+\x0es\x1f\xcd]\x9d\xf0\xcf\xe8\x93\xe1q$\xce\x80\xd0\x19)vZQ\xf9\x81\xe0\xaf\x9c\xcbJ\xf7\xf5/6\xf6\x1e\xa6\x92\xf8|r\xd7\xdd\xf7_t\xbe\xf7\xd3\x00\\\xff\xa9\x82\xf5\xe3\x91x&gt;\xb7\xa2\x07Db\x84\x03\xdd6N"i\x8dVk\x10\x88N\xd8\x01\r\xc7\xcd\xaa:W\x11\xd3\xad4y\xec#\x8b\x83\x1f\xa8\x13T\x17\xc8\xa8_\xe8\xc0v\xee\x99\xe9\x85\xc2\xb0\x8a\x13\x7fB\xbb\x19\xb3\xe6\xd2\x91;\xaes;\x0cXd\x17c\xff\x01\xb3\x00\xdag\xfd\x16*\xeb\xff\xa5\x160\x9a\x98Xw\x18\x07\x90\xe7\xa5\x0c\x16pp\xe9\xb7\x8d\xe2\xd4[\x1e*\x06\xab\xdc\xce\xaf\xa5m\xdbI\x8c\xcb\xfd\xd6\xd2\x9b \x15\x15=\xd1\xd2\x11\x9a\xeb9_\xf9s\x84\xb1]\xfb\xcd4*2}\x03S\xae\xcb\x06\xa4dj\xa7i\x8cC\xc10\xb8\x1e\xcf\t\xa7\xab\x83\xe2\xd92\x1dn\xd5\xbc8\x01\xae\x8cn\n\xa1\xfe\xd2\tcd\xc7\xb5\xe8\xf6\x15.\xb1\xe4\xc24\x98"\xb3"\xce\xbfx\xbb\xa5\x89\x96s\xdb\x9fQA\xf5{\x08\x1f\xcf\xd4\x7f\x1e]\xb3\x1au? \xb0\xe4e\xccG\xfct\x0e\xb9C\xf9\xa69\xde\x7f\xd3q\x0f\xc12\xdf\xb0\x85.\xa9O\x82\t\xd1q\x95\xcf\xcf\xa1D\xef\x0e\x1d\n\xe4\x11b\xe4\x89\x9e\x87@ \x8e{\x16\xb7\xd2\x1e\x96C\xbe\x1d\xfdl\x7fd\x84\xce|\xb8\x12}\xf3}\xf6\xdb4E\x80\t\xbc3\xc2\xd2B\xba\x86\xb9\xc2\nYj\x86\x9fPOg\x8eX%\xd3\xff\xd1\xa0\xe6\x07=\xdf&amp;\x81\x15\xbelG\xaa\x8em\xef\xcas)\xec\xa3\x0ev\x9f\x91\x0b\xf1\xd6\x10p\xcfi\xfc&gt;\xc5\x83\xfd\x96/z\x82\xbfu{I\x01\x8f\xe5\xf0/;v\x0czd9\xc4\x0b\x0f{\xb6\x04\x86\xb6\x7f:\x8f\xfe\xf0\xd3\xaeEsV\x06\xa5\x02\x8e\xf2E\xd0(\xe4I|\xfe\x1b\xac\xd3\x9a:L6\xc8\xccQ\xcf\xb2^\xf2\x84\xe4\xa0&gt;\xeb\t,m\xa3\x91|\xe9\xa1\x8f!Zj\xa4\x97\xf1\xc8\xe0\xc5\xde\xdd\xff\x1c\xfc_\x90X\xc6$\xd9\xf3\xfa\xd3\x07H\r\xf3\xf6\xc7\x01\xae%\x99\xb8\xd0\xa83\xf8\xe4uNu\x96\xa7\xc5@_\xc7&amp;\xdfD\x0327\xd1W\xf9,\xb5\x1b\xe7+\xaf\x80\xe0X\xcaK\xe0\xfe}]K\x99q{\x181\xa4\x1c\x16\x18\x18\x14\xcd\xe1\xf3\x91r\xfb\xad\x00U\x90_\xdb\xe1\xa8\x84\xeefp\xdd(/~[&amp;?\xc6\xf4\x1fP\xbd_o6\x88q%\x9c\x1eZ\x8b\xe3\xa8\x97J)\x88\xd8\x95\xab\x8b\x80\x87\x14\xf7\xb3U%\x8b)\xda\xf3m1&amp;-(a\xc9su\x92\x95\xf2\x04\x85\t\xa9\xd6\xca\x00\x91\x91\xe5\nN~\x89\xdd`\xa32\tP\xf3F\x91\x90\x1d3\xe6m\x88^\xcb\xa9r`s&lt;\x80o\x06\xe5\x07\xb1\xa6g\x1d@\xa1T\x13\x81RS6\n\xdcGe3k\x80$\xf9\x98!\x0e\xc8\x1a\xc4\xa0Sd\xf6E\xc0\xf5L\xb3\x13\x08)%\x85O\xf3\xf3\xb1\xc6\x19\x0c&lt;Z\xe3\x18=\xe6\x9b\xb5\x06YZQ\xba\xa9\x7f"\xa2\x08`\xaf\x1c\xd9\x93e\x90\xfd^u\xe4\x8c\xbf\xae\xa9\xe9\xd3&lt;\x08\x92\xca\xbd\xffw\x08M\xd0\xbd\x9e\x1b\xd1\xbc0\x98\xc8opU#\x07l\x12z\xec\x87\'\x8f!\xa1\xe0\xd7\xdc\xf2\xb6\xfa\xcak\xb9\xe6\x9d\x81\x1f*\\2\x907\x9bR\x8c\x06Z\xcf\xd1~\xa1D$/\x9d)\xbf%\xd5|E\xfc6\x9a\x01_\xa4\xbe\xb5\xe7\xa9'</t>
  </si>
  <si>
    <t>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</t>
  </si>
  <si>
    <t>b'-\xe5\x90\xb6aI\x99\xae\x0c_\x93\x07VP\xd6\xce'</t>
  </si>
  <si>
    <t>market capitalization was $24.5 billionâ€”very high for a
 company with less than $1 billion in revenue and only $21.6 million in net income
 for 2012. You might look at these numbers and conclude that investors have gone
 insane. But this valuation makes sense when you consider LinkedInâ€™s projected
 future cash flows.
 The overwhelming importance of future profits is counterintuitive even in Silicon
 Valley. For a company to be valuable it must grow and endure, but many
 entrepreneurs focus only on short-term growth. They have an excuse: growth is easy
 to measure, but durability isnâ€™t. Those who succumb to measurement mania obsess
 about weekly active user statistics, monthly revenue targets, and quarterly earnings
 reports. However, you can hit those numbers and still overlook deeper, harder-tomeasure problems that threaten the durability of your business.
 For example, rapid short-term growth at both Zynga and Groupon distracted
 managers and investors from long-term challenges. Zynga scored early wins with
 games like Farmville and claimed to have a â€œpsychometric engineâ€ to rigorously
 gauge the appeal of new releases. But they ended up with the same problem as every
 Hollywood studio: how can you reliably produce a constant stream of popular
 entertainment for a fickle audience? (Nobody knows.) Groupon posted fast growth as
 hundreds of thousands of local businesses tried their product. But persuading those
 businesses to become repeat customers was harder than they thought.
 If you focus on near-term growth above all else, you miss the most important
 question you should be asking: will this business still be around a decade from now?
 Numbers alone wonâ€™t tell you the answer; instead you must think critically about the
 qualitative characteristics of your business.
 CHARACTERISTICS OF MONOPOLY
 What does a company with large cash flows far into the future look like? Every
 monopoly is unique, but they usually share some combination of the following
 characteristics: proprietary technology, network effects, economies of scale, and
 branding.
 This isnâ€™t a list of boxes to check as you build your businessâ€”thereâ€™s n</t>
  </si>
  <si>
    <t>b'\xbdvcy\xbb\xcd\xab\xb3\r`\xbf\x11\xa7\xf3\x98\xa1\xa7\xae\x14:\xa6\xf1\xe75\x9e2g\xfaFe\xfd)IS\x8f\x1e\xcc&lt;\xf9D\x89\x1c\xae\x8c\xb4\xc13\x17tNp\xd8\xc2A\x0c\xe7B\xe59\x8a\xa0\xef\x7f\n\xb4\x8fn,\x99@\x10\x0b\xd7\\|\xe5\xcbc\xe9\xe6!BFls\x83[)\x1d\xba\xcdN\xf4\x83%\xfa\xb2{6i\x84\xb1\x8f&lt;\xb9\x08\xbey\x00\xc8\xa8\x12\x063\x0077L\xe4Kv\x87\x0c\xcdNoV;\xaa\xa9\xe2\xcb.=e\x98\x05\x86S\xd1H\xdc\x14e\x9f\x04\xb3\xe7\xbe\x83H\x88\xb4\x92\xfb\t\xa9\x90j|\xf2d#\xa2zWW\xb2\x848&gt;$\xe8-\xe9.\xcf\xad\xcc\xacw\r\xe5\xb5\xd1\x9b\x88HLz/\xd1\xad\x8f\xe2w\xb2\xd8c5\xd4M\xd1\x18\x857\xc96\xa6\x02B"\x9c\xb3\xd0\x14\xe7u\x1f&gt;\x01\xaaI\xa4\xa7\xb2\xe1vC\xc5 \x8d\xb1\xc9\xb3f\xef\xdc*\xd8\xac#\x11m\x8ev\x98\xa6\x81\x85\'Z=\xd2\xdb\x13\xe0\x04\xe3GW\xbf\xb5\xa4\xb6\xea\x01.\xc9\t\x7f8Di=bv\xf1/W\x04\xe7^c\x13\x8eKA\xcc\xf7\x93;\xf02\xa6\xa6h\xaa\x1c8\xe2\xef\x18B\xb57\xad\xa9\xe4\x17\x0cp\xc6\x9e \xd1/\xf7\x85Eh\xcb\x99\xa7\xe29\x99\xb8\x18h\x99\x88\x93o\xd29E\xa6\x9d\x1a)\xcc**\x817\x9cp\xc5\x90\x9ae\xbe\x94\xd4\xff\x82&lt;^?+\xfds\xd9\x0b)\xb4\x97\xda\x83cm \x98\x92\xe8\xdf&amp;\xea\x06\xa61\x85\xf9W\x0b\x08\x08\x97~vh\x1bet\xe0\x86\n\xef\x18%\x043\x8f\xca\x00jS\xb1\xb4\xe8B\xba\xd7\x1c\x99\xf1]B\xa0j1\xd1\x81\x07=\x1b\x08\x80:\xd1[\xe8\xf8q\x8c\x07\x89\xfb\xf7\xbe\x9cb\xc4\x86hiWXL&gt;\xf5\xbe\x93\xbf\x01\x03\x8f\xd8uD&gt;\x0f5\xc4\x8c@&gt;5~\x0f\x13\'\xc7\xa7\x93\x9f|\xc6&gt;\x19I\xe8M\x1ed\xb5\x1d\xbf\xab\x8f\x87\xf4b\x89\x86TW\x1aKg\x0c\x15}\xeb\x9f\xda\xf0r\xd5h\x13\x12\x06\xc8z\xaa\xd9\xf6\xefu\xa3\xc0\xb3+\xa8PaE\xa0\xfe?u\x8e\xd9\x94\xb2\xa3\x97.7n\x1a\x06\xc0`\xee\x17\x11f\x9d\xc5\xe5\xa82&amp;\xac\xaaW\xc7\xa4a\xd24\xd8\xcd\xfe\x16\x84.h\xc7\x14}7c\x80[\x9e XC\xe0\xf1\xd7pC\x95\x1f\xbd\xfe\xcc\xaa\x80\xfc\xba\xf2\xa8\xfc*Y$\xb2\x97\x0c\xe4k\xf0\x86\xe4\xec\xad$\xb6v\xbe\x0c\xaa\x89\xa3\x9f\xd7\x94\x8f\xb7\x14@B\x1d\xbd\x96\xe1\x1a`\x17\xa1\xbe=b\x95\xac\x99\x00j\xea\xfd\x9a\x12\x10\xae\xc4\xac\xe0\x03\x98\xa3~\x06M2\xee\x92\xf3\xa1\x9a\xbc\x19\xb0R\xe186{j\x93&lt;\xceL\x10\xc5\x86\x13\xe4\x8d\xed\xf3BCG\x85\xfa\xb6aJ\xa5\'\x92\tV\xa3\xbc\x8dT\x90\x96%\xcb\xd9]\xeb\xef\xa7\xc5J\x01\xc1a\xa0\xf7u.\xa2\x1bC\xaa\xe5\xf9\xd7\xeb;\x91\xabu\xb4\xac\x88\xf3g\xfc\x8e\x93\xea\xc5\x92\xdc\xd81\xbf\x88R\x8e\xe0\xf01\xe6-2+\x9d`(-\x15\xd80\x1c\xc8V]\xae\rBeqS\x07\xe89\xc8\xbf\xc1{\xfa\xb5\xde\xd7\x11\xadF\x9a\xffv\xe1l\xdb\xc3\xdd6Ko\x02\xc6E\xaeRZ\xf3q\xea\x1db\x88\xa0\xaa\xb0\'\x04I\x8d\x07\x96\x83\xf8\xd9\x90\xd2\x1f\xfe\xfb.O\xce1P\x04q2\xcf\x13+\x8bW\x1a7\x82\x13n\xd0\x0c\xcc}\xbe\x10\xb2\x87NA\x84\xbd\xda\xc6V,\xd5\xcb,\tJ\xef\x19\xfa\xe1\x98\xdaNe\xaao\x00B:_\x11\x98\xf4\x04\x87\x11\x87\xb7m\xe2\xdb4\x14\xad\r\x1bf\xdd\x95\x93#\xb0\x9f\x9c\xfcz\xe2\x06\xc2\x96ozS\x9f?\xc0\x9b\x82\xb6\xe8\xd56\x80\x86\x99\xc8)@6\x0e\'\xe0\xddeq\xf8\xdfj\'\x8a\x931f\xb0\xfdX\xbb\xb1\xf7B\xbb\x81\x82\x9cX\x96\x87\x8d\xb8/\xf1\x0fx\xfbQ\x05i\x85\x02g\x05r\x84c\xd1!I\xf2\xceF\x8c\xcb\x8a\x13\xa5\x01$\xe0\x0e\xb6\x88}2\x9d\xfco5\xa1\xa7\xb5Kb\xb5g\xcd&amp;\xbaB+\xa4xE\xa9\xde \xfa\x96\x99\xd1\xe5\xaciz\x95\xea\x19\x0f\x02\xf9\x88\x9c\\#\x07\xb2\xe4RU\x18\xf7\x80i&amp;\xcd\xbe|\x0f\x1cV\xd3\xea\xa5\xdb\x9aI\xec\xa1Ag\x1a\t\xc7\xb9Q\xdb\xfc\xce*\x98[\x9c\n\xfb\xcd\x98M\x18\xd4\xe8\xeeZ\x97\xd3\xc7\x0b93\xd5\xf4^\xd6\xdd\xd9\x9f\x87x\xf2\xc2}\xba\x05|\xd8q\xe3i2.\x0c\xf4 \x14\xf3|\x859G\x7f&amp;j_\xf008\xb7\xdb\xa7\xa6mi\xfe\x16P\x94\xb4mD\x91\t&gt; p\x9e\x0b\x1f?R+\xd6\xc3D\x9bca\xcd\xd8\x04\x86&amp;UK\xffn7e|C\x15\x9a\xda\xda\t\x08\x9e\xa3-\x91+\xe1\x19\xf9\xe9U\x8e\xb1\x1f\x86\x8b\xa7\xbc\xaa\xa1\x87\xa0\x14DAjO\xd8\xc0\x12\xcd\x9e\n\x82+X\x8e\x0bv"V8\xbf]\xe2l\xb8\x04\x00\x01\xb8\x9a6\xe5\xa4\x07\xf9`\xbd-\xcd#\xfd\x86W\x9b\xd3\x159o\xb3\')\xf0\xf48s\xbb\xe0\xe4\n\x05\t0s\xe8\x00\xa2\x8c=\x9a\xee7\x8d\xb6a[\x82\x01\xd6\xf9\x92\x0f+\x06\xda\xc4S&amp;\x91\xea\xd6\xef=\xe2Z\xcd\xdd\xceKw\xa9\x0f\xcd\\h\x80\xc3\xa2#%\xaaT@TI\xe2\x9d\x87\x1ea\x14\xd0\x1e\xca\x8d\x11\xc2\xb5\x1c\xa3{\x8f0\x82\t\xe5\x94\x11\xbc#\xf6\x8e\xc2\xd9$_\xf2\xaf\xdaSa\xdez\x9cM:\x8e\xadB#\x90\xa1\xa6\x0cD\xc4\xcdN\x02R\xab\x97\xcb!\xa9\x17|:\x009_\xb3/OO\xca\xa8:^\x16\x89\x967\xac\xda]g\xd9\xf4\xfa\x18r\xd1\\\xa4\xb3l\x88]\x8e\xd8\xac\xc3\xbbU\xf28\x95e\xb6*\xdb/K\x95uf\x0c=~}\x05!\x93%\x9f\xc6ip\x1czHc\x8dE(\x16\xdd\xa2\xde\xac\xb5~\xceW)\xd7\xbe\xe3\x91A\xce\xe6\xba\xa5\x0b\x98.SE\x19d\xa1~\xca\x9b\xa0_\n\x11\xed\xe2\x81\xa2\xe6\x8eq\x8f\xe9\x8d\x85\xc1\xcan\xcd\xba\xd95Y]\x95C\xb6\xd7\x16\xfe\x16\xef\x7f\xcf\xc1N"=\xc6\xcb\xb1`g\x15~OE^y@\xe25\x99Q\x1dR7L\x04\r\xab\x16\xfb\x98\xb1^\xcfH\xc1p:?\x1e\x19a6:U3\xd8_\x16\xbfV\xb1\xef\xed\xf1\xda\xec*\x95TMN`\x04\x02\xb7\xa4\x04\xf6Bw\xbb\x03\x08\xf3-\xb8\x88!\x18\xf7\xfe\x1f*\xde\x03\x99n\xa5T\x90\x9a\xa5\x93\x84\xd9\xce\xa3\x9f\xa1\x18\x04\xa8R\xbd3;\xc1\xd1\x08To3\x9f\xbb\xa0\xcd\x9bm\x05\x90\x8a\xa3\x8fe\xad\xcc\x04\r\xa8\xb6\x01\xd5\n\xa3l!5[\xcc\xb5\x83\x8b\xe7\xdd\xbd~~\xc0\xeb*\x11l\xb8h\x8f\x8b\xedu\x84\xb6\xfe\xc4~\xbes0TX\x9b!]\x88\xdd\xd7F\xadoxr\x1c\xbc\x88\xf2K#\xd9\x7fl\xc8\xa5"\xd5\xc7Q\x96\xa1\x06m\x96t\xe6\x19\r\xd5\x17\x14\x91Gw\x87\x15\x80S\xb0\xdd\xb4\x80\xcb{\nq&amp;\xfb\x02\xa4\x14\x18\xa0\xeb?t\xc6\xcb\xcd\xc6\xea50y\xf2\xa6\xfb\x93$\\^V\x1cx\xc8\xe1\xb7\xee9\xd5\x7f\x87bU\xfe\xc0\x03\x04\xe0}\x88]\xf5DW\x87\x9d\xc5\xa9\x8a\xe3\rm\x87\xa1\x9c\xe1\x0c\xb8\xb1\xda\xd1\xa6\xec\x02\xc1\xbc\x85\x8c\xc17\xef1%80=\x94\xf2\xa4\x1brX.}\x1e\x8f\xecbWo\x94\x81;U\x82\x8e\xb6=\x90\x1e\xf7Xi\xa5@\x19\xf3\x06\x8c\x93\'\t\xdd\x0eHo\xc9\xda$\xdd\xfbT\r\xa0\x95\xfez0\xb4??\x1cV\xc9M\xabK\xd1o\x8c\xa6\xa6V9\xce\xd8\x88c\xd9\xfbl\xaaZ&lt;{\xd7\x19\x82\x0f\xe1 \x97X\x9a\x91\xdeAs\x9fT\x1b\xe5\xc3\x19\xd7\xe7\xc6\x1fe\xbf\xd6\xb2\xdd\x03\x9d\xf1\x04\x81\xa0c\xc1\xe9\xd2/*\x80L\xe4K\x88V\xf1~Yd\xa18\xd1\n\xf3\xadH8vP_;\x0c\x90_\xeb-S\xefz;\xae\xc2\x94\xb7\xcb\xdd1K\x94\'\\\xc0Q$\x15+I@o\x1e\xebL\x86\xa2\xe7\xa6-\xb02K\x19\x9d\x9fC\xd26\xfe\'\xb2\x9b\x06\xdd\xf3\xa5F/SZj\x90\x91\xcd\xf3\xc4\xecc\xd0$w;V\x9f\xf2R0p\xbbnH\'\xb2\xa2SL\xb3\xb7F\xdd\xd4\x120\xbed\xb5\x0b\xa9(\xdc\xa0+\x96zA-M\xda3\xe9\x80\xa9?\xb9*\x1aQ\xb7\xc6\x8b\x83\xdb\xb3\xf5d6LUK(\x82es"Lv\xa7d\x0b:$\x16L\xa8\x91\x13\xb6Y\xb8\xf8\xf81\x01Z_\xfa\x13m\xbe\xb6\xfc\x83\xee\xa3\x89\xb2\x97\xc3\x0b\x9f\x94\xa0\xc8\x01\x82\x1d\xc7\x9b\x8al7v\xa6q\xd8t\x1es?\r6\xd2\xc8\r\xfe\xf9\xf9\x8e\xfb\tp'</t>
  </si>
  <si>
    <t>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</t>
  </si>
  <si>
    <t>b'\xbdvcy\xbb\xcd\xab\xb3\r`\xbf\x11\xa7\xf3\x98\xa1'</t>
  </si>
  <si>
    <t>r her aunt;
 but she was unmolested by any notice from Montoni; and, now that
 Annette was liberated, she obtained food, without exposing herself to
 danger, or impertinence.
 Two following days passed in the same manner, unmarked by any
 occurrence, during which she obtained no information of Madame
 Montoni. On the evening of the second, having dismissed Annette, and
 retired to bed, her mind became haunted by the most dismal images,
 such as her long anxiety, concerning her aunt, suggested; and, unable to
 forget herself, for a moment, or to vanquish the phantoms, that
 tormented her, she rose from her bed, and went to one of the casements
 of her chamber, to breathe a freer air.
 All without was silent and dark, unless that could be called light, which
 was only the faint glimmer of the stars, shewing imperfectly the outline
 of the mountains, the western towers of the castle and the ramparts
 below, where a solitary sentinel was pacing. What an image of repose did
 this scene present! The fierce and terrible passions, too, which so often
 agitated the inhabitants of this edifice, seemed now hushed in sleep;â€”
 381
 those mysterious workings, that rouse the elements of man's nature into
 tempestâ€”were calm. Emily's heart was not so; but her sufferings, though
 deep, partook of the gentle character of her mind. Hers was a silent
 anguish, weeping, yet enduring;</t>
  </si>
  <si>
    <t>b'\xdc\xc4&lt;&gt;\xb4\xcd\x15\xb4m\xaf\xa6\x85^\x04\x16\x9f[\x80@j\x94\xf4P\xf5X\xac4rdH\\\xbe\x80\x9cVE{ \x9ce\x1d\xf7\x8c\xd9\x82a\x8d\xbb\x80\xf3\xe10\r\x13 \xc0\xff!_\x8b8\xca\x8fr'</t>
  </si>
  <si>
    <t>dcc43c3eb4cd15b46dafa6855e04169f5b80406a94f450f558ac347264485cbe809c56457b209c651df78cd982618dbb80f3e1300d1320c0ff215f8b38ca8f72</t>
  </si>
  <si>
    <t>b'\xdc\xc4&lt;&gt;\xb4\xcd\x15\xb4m\xaf\xa6\x85^\x04\x16\x9f'</t>
  </si>
  <si>
    <t>reas secretes
glucagon and insulin. Glucagon stimulates glycogenolysis and gluconeogenesis
resulting in hyperglycemia. Insulin stimulates cellular glucose uptake and
utilisation, and glycogenesis resulting in hypoglycemia. Insulin deficiency
and/or insulin resistance result in a disease called diabetes mellitus.
The testis secretes androgens, which stimulate the development, maturation
and functions of the male accessory sex organs, appearance of the male secondary
sex characters, spermatogenesis, male sexual behaviour, anabolic pathways and
erythropoiesis. The ovary secretes estrogen and progesterone. Estrogen stimulates
growth and development of female accessory sex organs and secondary sex
characters. Progesterone plays a major role in the maintenance of pregnancy as
well as in mammary gland development and lactation. The atrial wall of the heart
produces atrial natriuretic factor which decreases the blood pressure. Kidney
produces erythropoietin which stimulates erythropoiesis. The gastrointestinal tract
secretes gastrin, secretin, cholecystokinin and gastric inhibitory peptide. These
hormones regulate the secretion of digestive juices and help in digestion.
2024-25
CHEMICAL COORDINATION AND INTEGRATION 251
EXERCISES
1. Define the following:
(a) Exocrine gland
(b) Endocrine gland
(c) Hormone
2. Diagrammatically indicate the location of the various endocrine glands in our
body.
3. List the hormones secreted by the following:
(a) Hypothalamus (b) Pituitary (c) Thyroid (d) Parathyroid
(e) Adrenal (f) Pancreas (g) Testis (h) Ovary
(i) Thymus (j) Atrium (k) Kidney (l) G-I Tract
4. Fill in the blanks:
Hormones Target gland
(a) Hypothalamic hormones __________________
(b) Thyrotrophin (TSH) __________________
(c) Corticotrophin (ACTH) __________________
(d) Gonadotrophins (LH, FSH) __________________
(e) Melanotrophin (MSH) __________________
5. Write short notes on the functions of the following hormones:
(a) Parathyroid hormone (PTH) (b) Thyroid hormones
(c) Thymosins (d) Androgens
(e) Estrogens (f) Insulin and Glucagon
6. Give example(s) of:
(a) Hyperglycemic hormone and hypoglycemic hormone
(b) Hypercalcemic hormone
(c)</t>
  </si>
  <si>
    <t>b'\\\xbc\xf1\xf6\x08\x19\xb7\xae\x15\x91a\x1b\xff@\xcb\x94\xb9\xc0:\x1a\x0e5\x0c?\xc3\xf4\x19\xf7\x02\xa7\xc0\xd6I\x18I}0\xb2\x9c\x8dZ\xf1\x11\xb7\xcc\xf3\xe6:\xb0\x86:F\xe6n\xc2\xf6_tS\xc0\xa7\xf5\x05\xd6\x08\xe1\x92\xaf\xdbo\x1d\xc7\x02~aAc\xce\xf9I\x98=\x0c\xae\xa4\t\n\xf0gM\xf6\xa0m\xf6\xf0j\xb5\x13\x902?\xf8q\xc5\x01\x8f\xb77\xfc\x97\x18)\xb5\xc6H\x1a\xab\x1a\x8a\x15 \xd2cM\xdfM\x80p_\x9bq\x91\x8cH\nm\'\x13\x04\x98\xa9\xd5eS|\xcfC\xc22g\n\xbb\x80\xfaD\x16\x9f\x0bT\xd6n\xef\xd3\xe7\xc3j\xd9\xb6\xb0\x12\x82\x14\xd2\xb3v\xcc\xcbR\xcaY`\xdd\x1b\xb1\xd1\xf2\x93\xdb\xd1D\x140\xc7\xd3\xbd\xe94\xe7\x9a\x8c\xe1v\xbb\xec\x7f7{\xb6\x97\x18\x7f\x89\x9e\xef\x05\x82\xa5@cN\xb6Fe\xc4\x99\x9ab\x81f\xcb\xfbi\x17u\xf4\x9d\xfdej\xc6\xea\xdd+q=\x0eL\xe0\xf9\xa2j\xd8b%p9x\x13x&lt;I5\xdd\x95\x0b\x03\xa0\x99X\xc4b\xd1\x8e\xc4Z\xfb\xbe\xd3\x91\x0c \xfd\xd5\x9a\x10\xcc\x89\'b\xcb\xdcy\x19i\xb1\x95}\x95\xda\x84d\xd0\x10\x85 \xe1\xee\nAQ\xa0\xb5l!)T-\xfb^p\x00\x9e\x9a9\xe9v\xd5\xa5\x8e\n\xc7\xdbv\xe0\x181^8\x85T`\x02\xc5(\xae\xdf\x81j\xdf[\xf8}(\xc6\xd3\xd8\xd7\x15}\xdaa\x85\x83N\xa1\x9c\xf3s\xeb\x0b\xaayT\x1b:\xce\xd5Jr4\x9c_\x90eja\xa5\xa0\xcd\x95\xb8\x8c\xe7[\x17\xfbx\x10D"]\xf1\xd7\x1f\xd6\xf4\xfb\x00Y\x19M\xb1\xa0$\xdb0\x1c\x94\x99\x8a\xe4\xf0\xff\xc9F\x1d*\xb5\r+rM\x9dc\xffP\xf4#?\xbc\xdc\xa3?\xcb\xbf\xbc\xe3)\xeed`S\xa6\x0f\xef\x00H\xc8\xd8\xbc\xd3\xcd\x00X\x9b74\xa9\xc2\x14\x89\xac\x9b*\xd6a19\xd5@r\xfd\x16\\\x8a=\xf9\x076\xa6&amp;j\x03\xe5\x98\x00\x15g\xb0\xacL\x11\xc0\xd5N\x13\xd36\x9a%\xe0\xf9\x87\x8a0\xd8\n\xf7\xdd5\xdaB{S\x9d\xbb[:\x10\x99z\x97\x02k\x84\x0c\x1f\xa1Dv\xe0\xe5\xa8\t_XG\xae\xa6\x17E\xa9\x17\xcb\x8b\xc2R\x10\xb1\x95\x98\xd2#\x9f.\xd6\x90\xa6{\x9dh\x03Z.\xc1\xe3\x1e!\xe2\x08W=\x07~\x06&gt;\x06\x15|\xc5\x9c\x9d\xbb\x068O\xb7\xb8\xacbCWfw@\xe4E\xd7y\xf9\x0b\x1aU\x07\xd3T\xfd\xde\xc5\n\xdc\x01]_D\xdck}\xf0s\xda\x9c\x98\xdb\x03\xbev\x7f\x84Xm\xe5\x90\xbe\x80\\g\xdf\x7f\xa0Y\xc8\xdd\xf4\xf3\x15!\xbd\xd2\xfa\xf2o\xcd\xf3\xd56\xbe\xff\x88N7to\n\x8d\xab\xcf^\xb5\xb7\xf77T\xd3{\xe6\x8e\xf5\x15\x18G\xc0\x99\x052S\x9e\xdb\xe4l\xcbp\x9aQFP\xa8u\xb9-\xd1H|\xe6\xbb\x18\x8a\x03\x85\xbf\xa5L\xa9`\'v7w\xf0\x8d\x90\xee\xa8\xec{\x89F-\xa1d\x85\xbd\x0bn\x91V\xf4\x98\xcbl\x8e\xb0N@JV\xeb\xa8\xe2JPz&lt;\xcda\xbf\xc5\xf8\x8a\xaf\x08\xb5\xd5D\x8f7?\x15\x12\xbe\x1c\x03\x9e\xc2\xda/8\x08D\x81z&lt;\xd4Np\x9b\x8e\xccm\x1a\xacT\xe0G\x8c\xe78$\x973\xf1\x86ju\xd6\\\xf0@\xd9\xe8%.\x80\xc0\x07;g\x88-U\xed\xe49\xd1v&amp;\x00\xb7\xbf\xb7\xe9\xc8\xca\xff\x16\xcd\x82\xa6\t\xce\xec\x146\x00\')\xe5\x9c2\xaf\xd4\xdb\x91\xe6\x97"\x04\xc0\x9b\xe5\xbbh\xdd\xfdV\x0f\xd8\x9cAi\x17\x97\xdb)\t\xef.\x85x\x96\x97\x93\xca\xac\x15\xdb\x7f\x82oDs\xa3\x81\x11 \x08u\xfd\xa3\xf2\x80!$*l\x1f*w=\xe5\xe4|[\x0fl\xcc\xfc\x07\x1a+\xa8\x08\xa6\xbf\xbd.nw\x88@v\x17uKp\xadB\x1d:\x03\x0c\x91\x15\xaf\xaa\xd9\x9f\xccO\xf9\x02\xcf\xc25\xcf\xbff\xc0 \xde\x1a\xfd|\xbcU\xfcL\x80\xcc\x90\xcaq\xb4\t\xd35Z\x15\x16=\x95%\x88re\x12\xd1\x88oy\xbd@\x11Z\x98(W`}\xb3A\xae\x10\x99\x15\x8cd\x0f\xe0PL\xbbt-E\xa0(\xa9\xecU\xe2\xe1]\xe3\xea\x80\xcfBj\xba\xd6 1D\\G\xa7e\xda\x8e\xb2\t\x1f#Z\x02g&gt;{5R\xd0\x02\xc7\x90\x99\xf3v8\xe5\xd8\xb0\xb9c\xdb7\xa1W\xb0\xfe\xc1R^\xff\x01dIm6Z\x84\xb6\x03T\x1a\x05\x7f\xe7\xae3.&gt;\x11-\xa5\xa7\xb1\x95\x19\x8f\xae\xf2\xd0\xa1H\x93\x03\x01\xd6\x1cP\xd9\x1e\n\xd4pP\'\x8e\xf4)~\x99\xd7\xe0\xd9`\xfa\x9a}\xdfG\x8e\t\xedE\x86\x83\xc9!\x97N\xc7\x1b\x92\xc9\x8e\xe1_\xb2\xa51\x99\x04\xde\xfd\xf0\x01\xfb\xfc \xb8\xf9\xf0\xb1\x05\xb31\xba\xf9\x9a\xa1\xe0\xe1s;\x9b\xae"4&gt;\xd2\x17\xbfol\x03V\xaf\xca\xf3\x9fX\xf0:\xe8|E\xd6\x86.\x8f\xa6\xc9\xa4G\x85\xd7\xe1\x1c\xb1\xe9\xef\xb0s\x0b\xcf\xaaKl\xbe\xf80Jo\x97\xa2\xb4\x87\xaa\xa3\x7fIq\x0e&amp;?C\x04oB\x84\x9b\x91\xd7\x01A\xd4\x94Rt@#\xf4\x99v!\x86\x9bK}(&amp;\x19\x81\x8e\xe1\x13]W\xfe\x8e\xb4\xea\xb8\xcf\x94\xdf\xcc\x9b\x9e\x89P\xa4\xf9O{\xdb\x1f\r\xaf&amp;\x1b\xb3DZ\xc04\x99t[\x19\xfc\x00\x8c\'\t4S\xfc\xb7\x90{\x89\x88\xb2K\xdd:\xe0%|\xbf[\xdb\xccpM\xff=\xe1\xfeH%\xab6`N\x9e\x03R\x1fr\xb5\xd2\xb0=J\xf3\n)\xfd\xb3V\n\xa7$\xc3\xbe\xbd\x97\xce\x92\xb0J\x1d\x19\x9e\x03Cx\x19\xd7\x04\x1d&lt;\xee\xfdl\xc5\xfbXp,\x17&amp;\xd6Z\x90\x8eK\xbb\x0b2^\xa5\x8a\xfe7w\xfc\xfe?\xe5\xcf\x91L\xbb\x87\xd6-\xef\xa5\x13^\x84l\xfa\xcf|a\xd1_\xf6hp\xe9\xe2\xb4\xb6*&gt;\x04.\xcb\nvJ\x82\x89\x0b\xed\xef\xdd\xa6\x86\xdbC\x92p\x9e\x10\xa7\xb9|o\x1b\xf1\x1d\xd5\xac\xef\x89\xee\x0f(\x93\x97a\xc7"\xa1\xc6Q:\xdbE\x18\x9f\xa5\x15\xdd\x9b- 6\xf6\x1b^\xcd\xbb?NS\xbc\xa0lQ\nG\xed,\x00^\xda\x18\x97B;\xd5\xb5J\\\x80@\x12`\x9a\xa7\x1e\xa9\xcbN\x87\x9b\xcd2\x1er\xf7\xb0w\t\xb2|\xdc\x1d1\xe4\x10\x8f\xb7\x94\x17E\x05\x1d\x07\xd4q\xd4_J\x9e\x10\x1bN\x9ePb\xa0i1\x16$\x9d\xd4.\xcc\xaco\x1a\x90\xb8\xbb&lt;K\xbd\x87\xaf\x1d\xca\x87\xb85\x08aSa\x9bS\x9f\xb4\x86\xe89#f\xdc\x92d\xff\xect\xb5f".\xe5r\xfc\xa1\xbf\xbb\x116\xf5\xd0l!\x83%b3\x04\x11\xec\xe1\xbd\xb7\xad\xea\x8e\xc6\x05#\xa1\xf3\xf9\xaa%\x9e\x94kw\xa3\x90\xc9\xb9\xd9\x96\x8499\xf7\xe5\x10\xaeH\xee^L\x17\x7f\xf4\x00\xc0\x0e\x9dn\xf7\xd3\x16u)\x1a\xce\x80\x8e\xee\x8cti\xc6uf\xb9\x94sM\x85\x88lL$~\x12\xc3i\\ UC\xbe\xaak\xb7X\x95B2\x7f3R\x1f\xd4\xdf$\x07c\xd3\xce\xc0\x9a\x03\x83C\xf4CD\t\xee\xe5\xb3a\\\xb9\xc5\xcd\xb5\xd9\xf4\x85\xb6a\x188.\x04v\xed\xc0n\xa5N\x91\xa0N\xd9\xf60\x98\xe0\x91\xaa}\xa1\xf8p\xcb\xf6\xd2&lt;T\xa9\x1a\xcaH\xd8Xx\xcb\x0e\x94\x86\xc8j\x82C\xc5\'&amp;\xa9%P\x1e\xad\x1a\xb4\xb73\xe7\xd6r\xff\x12/\xa5\xfc\xdc\xf8U0\xc6\xe1lAO\x9a\xb3\xf7\xe6\x07%3|\x81\x9d\xa5z\x1cp\xd1\x9a\xaeh\xef\xdc\xf3\xe9:\xc1\xf7\x03\x93]hR\x8aF\xec\x9e\'\x91?+\xa2\x01\tc7fX\x0f\xa3\xad\xad.\xbe\x97\xc5\x16\xa5\xd3\x1a\tI\xf8[E5h|\x89\x82E1\x8a\xac\xb9\xcae\x8c\xdf\xf8\x03\x00y\xbf3\x9c\x11\xa8I\x9c\xdb\xe3 \xb6\xb2\x9f\xab\x94@\xc2\xc0\xf6\x04\xb0\x0b&lt;\x9e\xb1\x1el}\x81\xcfP\xa4\xce\x97r\x8d\x0b^\x9b\xbfsa\xdf\x97]nW6:\xfep\xea\xc05\x89\x05\x12\x00\xf1]Xq\x89\x98\xd5`Fp\xca\x7f\xe6\xfc*C\x1ft\x12T\xe8[\x8a\x95@\x81Dm\xd5Y\xdf\x01\x9c\x00^\xfa\xea\xceS&amp;\xd2\xba\xbe@\xde\xea\xf9R\xae\x88\xf6\x92\x12\x175\xf4\x02e\xdb.)C\xefA=Q\x06\xdb\xbe&lt;\x806\xd8\xfc\xa9\xf6\x11\xcd\xed\xfb\xcc\xbeQ\x9a\xa3\xb7\x8f\x16\xbd#\xb1\xe8+\xc9G;\x05}\xd7\'h\xef3\xc7\xf0\xbd\x9b\x9ak\x85\x8bB\xc0"bF\xf966\x17A}k\xfal\x1d\xecu\x03\x83RvegP?\x0bqf\xaf\x99\xc3S\x96\x01\xfa,\x9bg\xc3\x91\x16?P\xaa\x04\x96\xd2BA\x98\x81\x0f44\x02\x9b\x05\xb2\xaa\r\xfc\x80Nh\xeaK\xdd\x15\xd0\xcb\x1b\x02\xb3\x82\xe7\x9f\xb1C\x1dDz'</t>
  </si>
  <si>
    <t>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</t>
  </si>
  <si>
    <t>b'\\\xbc\xf1\xf6\x08\x19\xb7\xae\x15\x91a\x1b\xff@\xcb\x94'</t>
  </si>
  <si>
    <t>,' replied St. Aubert, who could not forbear smiling at the
 simplicity of his phrase, 'and we will, therefore, return to the road, for I
 see no probability of meeting here with what we seek.'
 Michael turned about immediately, and was retracing his way with
 alacrity, when a voice was heard from among the trees on the left. It was
 not the voice of command, or distress, but a deep hollow tone, which
 seemed to be scarcely human. The man whipped his mules till they went
 as fast as possible, regardless of the darkness, the broken ground, and
 the necks of the whole party, nor once stopped till he reached the gate,
 which opened from the avenue into the high-road, where he went into a
 more moderate pace.
 'I am very ill,' said St. Aubert, taking his daughter's hand. 'You are worse,
 then, sir!' said Emily, extremely alarmed by his manner, 'you are worse,
 74
 and here is no assistance. Good God! what is to be done!' He leaned his
 head on her shoulder, while she endeavoured to support him with her
 arm, and Michael was again ordered to stop. When the rattling of the
 wheels had ceased, music was heard on their air; it was to Emily the
 voice of Hope. 'Oh! we are near some human habitation!' said she, 'help
 may soon be had.'
 She listened anxiously; the sounds were distant, and seemed to come
 from a remote part of the woods that bordered the road; and, as she
 looked towards the spot whence they issued, she perceived in the faint
 moon-light something like a chateau. I</t>
  </si>
  <si>
    <t>b'\xd7\x0e\xa4\xa32d\xbfU\xf3\xac\xa5\xda\x91\xa8\xe9tY-\x99~%\xcc\xc3\xfc\x0b\xf7D(\x064Z\xd0\xf8*\xf4\xd7\xab!\x1c0\xb1w\x00\xb6VB\xe7\x1d\x84O\x81y{\x8d2\x80\xdf\x8e\n1&gt;%\x19\x0c'</t>
  </si>
  <si>
    <t>d70ea4a33264bf55f3aca5da91a8e974592d997e25ccc3fc0bf7442806345ad0f82af4d7ab211c30b17700b65642e71d844f81797b8d3280df8e0a313e25190c</t>
  </si>
  <si>
    <t>b'\xd7\x0e\xa4\xa32d\xbfU\xf3\xac\xa5\xda\x91\xa8\xe9t'</t>
  </si>
  <si>
    <t>elf, 
 if I ventured nearer, dashed to death upon the rough shore or spending 
 my strength in vain to scale the beetling crags. 
 Nor was that all, for craw</t>
  </si>
  <si>
    <t>b'\x80\xdfE\xe8\x05\x1f`8\xb5s\xbc\x13\xf8\xa3[\xd5\xd1\xc9\xb8\xcbl\xc6d\xdf8\x13\xab\xc0\x87B\x91wM\xac\xc2\xf0@\x97\xa6\x81\xc4(z\xf9 \xa9H\x8b?P+lv\xc4\xa3\xeb\x12\xa5\xac\xf5j\x12DuU\xad&amp;V\x04\xb4\n\xbfI\xa0\xd9\x95&amp;\xa4\x9a\x9b\x08\xdc\xa1\x1c\x96^(&amp;\xa4\xa5N\xf0@k\xb4\x96b\x91\xaf4]1K\x1e\'\xd7C\x06K#\x8c\xc6\xe5\x94\xa7\xf7\xc7\x90\x08\x02k\xc4\xdfX\xd8\x98\xf8k(\xfe\x14E\x97\x80ic\xd0\xaa\x95\xde\x94\x1d\x8d\xf4\x8dntC\xb8\xfc|\x96\x98A|I&amp;O"}2\x18\xff\xce\xad85\xb0\x0c\x9c\xec\'\x91\xe5\xbd\tP6\x054z0\xa8\xf0\xa1\xbd\x96\xc2\x8f4\xd7\xff\xf4\xb0;\xfdv[\xdd\xac\xd5r\xc5s\xb8\x1d%\x9fXQ\xcc\xc7\xbe0\ry\t\xe5\xd7*\xcd\x1b\xe0\xcaF\x9e\xb2\x9f|\xb7x\xe2uP\x8f\xb3\x93\x04UR\x99\xb9_\xad\x04O\x91R/I\xd8\x05\xd7[\t\x8a\x18\x92{\x8e\xe4\xaf\xdf\x86\x86\xe3\x86\xda?\xd4\xf7v\xe2~7\x83\xdc,\xa2:\x14\xeeg\x96\xcbks\xb8\xd7\x02\xb9\x0bL\x87\xbd&amp;U0\x8e\xd2r\x9c\x83\t\xd3\x04\x85&amp;\xe9\x02\xeb\xfe\x19\x9b\xc0\x7f\xc4\xd9n\n\x8f\xaa\x8f\x02{\xd4@\x13\xf8\xa5\xe8A0\x9f\xbeS2\x18\xd7\xa3%s2\xceX\x08\xbd%\xf8\x966\x02\x9f\xcd\xceI:\x01}tX\x02\xda\xab\xb5V\x9cg\xff%\x97:\xb0r\xdc\xc4\xab\x11n\x85&gt;\xfc\xa7\x7f\xa5d\xf5\xbd\xecM-a\x0c\x13\x17t\x06\x13;YH]=\xbd\xc43\x17\xbe\x1f\x9bHW\x9b.N\xf9\xe3Q\xe0PoI\nl{\xb7\xaf\x0f\xfej\x83A\x95\xc6\x1b\x14M\xbf6\x08\x94\xaf\x94\xf6`\xe9\x9cs\x9f\xf2\xcb\'\xc2\xe8&lt;\xb5\xeb\xb7~\x11\xf7/X\xd7R8\x9e|\xea\x16\x11%+&amp;\rVKk\xee\xb5\x86\xbd,\xb5\xef\xc6\xe0\x9b;\x97\xc2\xc5\xc5\xd3\xaby\x8e\xab\x1bE\xef0\xa8\xb9\xa8\x92\x927N`\xc2%'</t>
  </si>
  <si>
    <t>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</t>
  </si>
  <si>
    <t>b'\x80\xdfE\xe8\x05\x1f`8\xb5s\xbc\x13\xf8\xa3[\xd5'</t>
  </si>
  <si>
    <t>etermine the values of
 (W/L)2 and RS so that the impedance
 seen looking into the drain of M2 is
 equal to 10rO1.
 (b) Determine (W/L)1 to achieve a voltage
 gain of 30.
 VDD
 M 1
 M 2
 Vout
 Vin
 Vb
 RS
 = 1.8 V
 Figure 7.87
 7.66. Assuming a power budget of 1 mW and an
 overdrive of 200 mV for M1, design the cir_x0002_cuit shown in Fig. 7.88 for a voltage gain
 of 4.
 VDD
 M 1
 M 2
 Vout
 Vin
 = 1.8 V
 Figure 7.88
 7.67. Design the common-gate stage depicted in
 Fig. 7.89 for an input impedance of 50 _x0003_ and
 a voltage gain of 5. Assume a power budget
 of 3 mW.
 Problems 351
 V
 R
 DD
 D
 Vout
 M 1
 Vin
 = 1.8 V
 I 1
 Figure 7.89
 7.68. Design the circuit of Fig. 7.90 such that
 M1 operates 100 mV away from the
 triode region while providing a voltage
 gain of 4. Assume a power budget of
 2 mW.
 V
 R
 DD
 D
 Vout
 M 1
 Vin
 = 1.8 V
 RS
 Figure 7.90
 7.69. Figure 7.91 shows a self-biased common_x0002_gate stage, where RG â‰ˆ 10RD andCG serves
 as a low impedance so that the voltage gain
 is still given by gmRD. Design the circuit for
 a power budget of 5 mW and a voltage gain
 of 5. Assume RS â‰ˆ 10/gm so that the input
 impedance remains approximately equal to
 1/gm.
 V
 R
 DD
 D
 M 1
 in
 V
 = 1.8 V
 RS
 C
 R
 V
 out
 G
 G
 Figure 7.91
 7.70. Design the CG stage shown in Fig. 7.92
 such that it can accommodate an output
 swing of 500 mVpp, i.e., Vout can fall below
 its bias value by 250 mV without driving
 M1 into the triode region. Assume a voltage
 gain of 4 and an input impedance of 50 _x0003_.
 Select RS â‰ˆ 10/gm and R1 + R2 = 20 k_x0003_.
 (Hint: since M1 is biased 250 mV away
 from the triode region, we have RSID+
 VGS âˆ’ VTH + 250 mV = VDD âˆ’ IDRD.)
 V
 R
 DD
 D
 M 1
 in
 V
 = 1.8 V
 RS
 V
 out R2
 R1
 Figure 7.92
 7.71. Design the source follower depicted in Fig.
 7.93 for a voltage gain of 0.8 and a power
 budget of 2 mW. Assume the output dc level
 is equal to VDD/2 and the input impedance
 exceeds 10 k_x0003_.
 M 1
 VDD
 R G
 RS
 Vout
 = 1.8 V
 Vin
 Figure 7.93
 7.72. Consider the source follower shown in Fig.
 7.94. The circuit must provide a voltage gain
 of 0.6 at 100 MHz. Design the circuit such
 that the dc voltage at node X is equal to
 VDD/2. Assume the input impedance ex_x0002_ceeds 20 k_x0003_.
 M 1
 VDD
 R G
 RS
 Vout
 = 1.8 V
 Vin
 X
 C1
 50 Î© RL
 Figure 7.94
 352 Chapter 7 CMOS Amplifiers
 7.73. In the source follower of Fig. 7.95, M2 serves
 as a current source. The circuit must oper_x0002_ate with a power budget of 3 mW, a voltage
 gain of 0.9, and a minimum allowable output
 of 0.3 V (i.e., M2 must remain in saturation
 if VDS2 â‰¥ 0.3 V). Assuming Î» = 0.1 Vâˆ’1 for
 both transistors, design the circuit.
 M 1
 VDD
 Vout
 Vin
 M 2 Vb
 = 1.8 V
 Figure 7.95
 SPICE PROBLEMS
 In the following problems, use the MOS mod_x0002_e</t>
  </si>
  <si>
    <t>b"\xea\x10\xf9\xb5:*W'\x8d$H#\xbc\x86l("</t>
  </si>
  <si>
    <t>ea10f9b53a2a57278d244823bc866c28</t>
  </si>
  <si>
    <t>urrent travels down
  one strip and back along the other. In each case, it spreads out uniformly over the
  surface of the ribbon.
  (a) Find the capacitance per unit length, C.
  (b) Find the inductance per unit length, L.
  (c) What is the product LC, numerically? [L and C will, of course, vary from one
  kind of transmission line to another, but their product is a universal constantâ€”
  check, for example, the cable in Ex. 7.13â€”provided the space between the con
 ductors is a vacuum. In the theory of transmission lines, this product is related
  to the speed with which a pulse propagates down the line: v = 1/âˆšLC.]
  (d) If the strips are insulated from one another by a nonconducting material of per
 mittivity and permeability Î¼, what then is the product LC? What is the propa
 gation speed? [Hint: see Ex. 4.6; by what factor does L change whenaninductor
  is immersed in linear material of permeability Î¼?]
  Problem 7.63 Prove Alfvenâ€™s theorem: In a perfectly conducting fluid (say, a gas
  of free electrons), the magnetic flux through any closed loop moving with the fluid
  is constant in time. (The magnetic field lines are, as it were, â€œfrozenâ€ into the fluid.)
  (a) Use Ohmâ€™s law, in the form of Eq. 7.2, together with Faradayâ€™s law, to prove
  that if Ïƒ =âˆžand J is finite, then
  âˆ‚B
  âˆ‚t =âˆ‡Ã— (vÃ— B).
  35For a slightly different approach to the same problem, see W. K. Terry, Am. J. Phys. 50, 742 (1982).
 7.3 Maxwellâ€™s Equations
  Pâ€²
  353
  R
  Sâ€²
  S
  vdt
  P
  FIGURE7.58
  (b) LetS bethesurfaceboundedbytheloop(P)attimet,andSasurfacebounded
  by the loop in its new position (P) at time t + dt (see Fig. 7.58). The change
  in flux is
  d =
  Use âˆ‡Â·B =0toshowthat
  B(t +dt)Â· daâˆ’
  S
  B(t +dt)Â·da+
  B(t) Â· da.
  S
  B(t +dt)Â· da =
  S
  R
  B(t +dt)Â·da
  S
  (where R is the â€œribbonâ€ joining P and P), and hence that
  d =dt
  S
  âˆ‚B
  âˆ‚t Â·daâˆ’
  R
  B(t +dt)Â·da
  (for infinitesimal dt). Use the method of Sect. 7.1.3 to rewrite the second inte
 gral as
  dt
  (B Ã—v)Â·dl,
  P
  and invoke Stokesâ€™ theorem to conclude that
  d
  dt =
  S
  âˆ‚B
  âˆ‚t âˆ’âˆ‡Ã— (vÃ— B) Â·da.
  Together wi</t>
  </si>
  <si>
    <t>b'AnsIq\x9c\xad\xa2\xa0\x9b\x87\xc4\xa4h8jP#L(\xda$eZ\xbd\xd9Z)h~=\xe7'</t>
  </si>
  <si>
    <t>416e7349719cada2a09b87c4a468386a50234c28da24655abdd95a29687e3de7</t>
  </si>
  <si>
    <t>b'AnsIq\x9c\xad\xa2\xa0\x9b\x87\xc4\xa4h8j'</t>
  </si>
  <si>
    <t>dels of gladiators look very much as if they were sold as
â€˜â€˜action figures,â€™â€™ so that children could play â€˜â€˜gladiatorâ€™â€™ at home (KoÂ¨hne and
Ewigleben 2001: 45â€“6, though without consideration of their function). Grownups
could go much further. We have already seen how people might play at being
gladiators and indulge their skill in real or simulated hunts. There are also places
where we can see aristocrats trying to imagine what it would be like actually to be a
gladiator. Lucilius, for instance, writes in the late second century BCE from the
Spectacle 403
perspective of a gladiator, while the author of a rhetorical work of the imperial period
writes from the perspective of a young man of good family who has suddenly found
himself sold as a slave into a ludus and from there into the arena (Lucil. fr. 176â€“81;
[Quint.] Decl. 9.6). Juvena</t>
  </si>
  <si>
    <t>b'`\x8e\x84ER=\x97\xcc\x0b\xb39\x8c\x8fe\x90\xbd/\xd3\x98]\xcd\xbez\x9b\x88\xa1&amp;\xb9\xf7\xfcy\xba\x88y\xa7M\xe8\xaa\xfa\xe1\xa2\xe1\xf0;\xc3\x1f\x0b\xe7\xa1o)k2\x1e\xbc\xc7R\x82\xe0R\xa5)\xfe[\xa8\xf4Z\xb3b\xe1x\xde\xfc\xf6\x85\x10\x8e\xd8\x86\xd75\xd9\x92-9d\x0e\x16\xe8\r\xf0(`\xae\xe6$q\x83\x8f\x89Zt\x15\x89_b\xcc\x0fGY0\xd8\xf5\xeeh\xad|\x00\xfdb\x8cu\xb9\x83\xad\xec\xf5$\xf0E\x82\x0b\xdf\x92z\x80\x88\xe5&amp;\x06X&amp;\x99c}\xad\x1c\xcc\xd1$Z\x16\x13C\x94]\x9b\xdc\x03\xb3\x95Yyr\xbc\xd8@\xb4\xe9\xecP\xd7W_\x1c\x94\xc3\xb9Nv\x15\x81W\xef\xc0\xd4p\x95J\xf5#\xa2\x89\xcf\xa5x\x9b\x0b\xf3\'T\x16\xcf\x91k\x1bI\xad\xbab\xdc\xc7\x9dX\xd3\x0b\xf0\x8cN\xa6\xcd\xd3\x01\xd5+%\x83\xe5W\xef\x92\x03\x8f\xd5u\xcc\x01E\x1d\xb7!lQ,\xf7\xe4\xf1$%\xb6\xc9\x13F\xd4\x1b\xea\xfd\x13\xd5\xc1\xb3M\x81\xbd\xfc\xb1\x18t,)\x82\xde\xbd\x15\x946\x86\t\xbaGH\xf7\x00s+\x85\x80\xc72sxk6P\x8c*\xb1\x90\x9e\xe9C\x99%\x8d|\xe0\x88A\xef\x16\x1c\x0c\x9d\t\x9b\x8fZh\xc4\xb7_\xa9\x95\x83\xe3\xfa\xd2$^\xc1\xa9\x01SO\xc3\xef\x84\x10/\xa4\x88\xe5)\xe6\xd6\x0f\xa3\xa6\xc7(\xfc6\xcf\'\x18\x91&amp;\xeb\xe3\xd9\\_\xfb\xceYX\xe8\x88\x83\xbaE]n\xc6~\xab\xe8\xabMG9D\x86\x1e\x07b\'3\xc2\x14\xf8x\x0cS\xeb\xc5\xacg],$[\xdc\x99\xca\xc8\x98udI\nF\x0f\xd6\x01\x19_&amp;d-\xb4\xa3\xd7\x91\x8d\xf8`\xc9\xa6\x10$\x8d\xf8\x82\xc9K3\xddamE&gt;\x9c\xd5%\x89E\xceX\x94_\xf3\xf82\xfe\x16\x83&gt;\x1d\xea\x8f\x82)\x13\xf0\xfc4.$\xbe\xdf\x14\xa2#\x17\x12\x8f\xf7\xf0\xef`=S\x80\xed\xdc\x98\\8\x1c\x86\x1b\xaa\'\xe6\x17\xa1o6\xf7\x9f\xe2+\xdc\xb8\xae\xfbN\xcd\xfd\xfc\xbb\xd10p\xe7\xc8\x15\x9f\xdb\xf6\xd7\x0b\x7f2\xb2\xc0\x83\xff\xf15\x1eX\xeb\x98\xf1\x1b\xbec\xdc+h\x8d4\xd8\x8f\x17\xc5\x98\x07\xe3\x14\x97\xa43HE\x14\xdc\x8b\xc5\xd1pi\xb3(`7\xab!{K\xadK\xaa6\xdbD\xd4\xa5\x05\x0b\x8c@e-t4\x87\x105+C\\\xbb\x8b\x05q\x85\xfb)\x14\xe16\xda\xb6\x06\xca\xe1\xe0:\x08/\x93\xc9[\xa5I$f\xff5\xb5&lt;\xf0`"\xa7\x01\x02\xd1\xf8A\xa3\xee\x00\xd5\x11\xde\xd8x\xf0 qJJ\xc5\xd8\xd1\xe6\xcaSn]\x83\x80x\n\xde1X\x8eJH\x92\x0c4\xa1\xf2\xb0(s\xfd\xf2:\xa92\x10)\x16[\rL\x0e{\x8b)\xbd\xf7\xc1\x7fK\x9a\xf3\x9d\xd6Q}\xd4\x9c\x8d [+\x01\xbd\x89q\x8b\xe7\xb1&lt;\xa8\xbe\xae\xa3\xe9\xf2\x9dz\x8a3\xf4z\xaf"\x17)\xbc\x92\xaa&gt;\xa9[#Fb6.\x91G\x16k\xdb\xe4A\x14\x06\xa9D\xd4A\xd6z\x1a\x8e\xf1K\xddZ\xees\x893\x93\x08\xdc\xb0\x03CP:\xea\x9bY\xe0\xd2i\xb6@\x00\xabe\xb4/\x9d\x11\x9f\x87\r\x83\xb7\x91\xffQ\x0c\xdei_Zzs\x97y\x81\\B&gt;$])\xe7X\x86\x9a\xd2\x84\xed\x1dgG\xc7\x19\xe4&amp;\xaf)\x8b\x06g/\x88\x90C\x7fg\x8cS\xd6k8W\x00\x1d \xea\xce~\xaf3*N\x1ce\xf2+[@\xd0\xc6d\xdd\xd0[r\x1e\xaa\xbc\x82\xb7j\xa1c0\x97L\xaa\xc9\xd8mt\x1a\x05\x87\xfa.\xbc_!\\W\xe6\xe3\xb5\x1dV'</t>
  </si>
  <si>
    <t>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</t>
  </si>
  <si>
    <t>b'`\x8e\x84ER=\x97\xcc\x0b\xb39\x8c\x8fe\x90\xbd'</t>
  </si>
  <si>
    <t>e abbess, with an
 air of reserve, mingled with solemnity, 'we must be cautious of advancing
 our opinion on so delicate a subject. I will not take upon me to
 pronounce, that the late Marquis was criminal, or to say what was the
 657
 crime of which he was suspected; but, concerning the punishment our
 daughter Agnes hinted, I know of none he suffered. She probably alluded
 to the severe one, which an exasperated conscience can inflict. Beware,
 my children, of incurring so terrible a punishmentâ€”it is the purgatory of
 this life! The late Marchioness I knew well; she was a pattern to such as
 live in the world; nay, our sacred order need not have blushed to copy
 her virtues!</t>
  </si>
  <si>
    <t>b"x\xab$\x9d\xa6\xb8\x0e\x19\xe6\xbbH':1\x8d\x1d\x05\xcb\xa2{\xb8\x01K\xc5\xc1\xf1.\x8f\x985=L}\xb4\x99\xc1r\x14\xc5\xc2\xd6\xb3lQR?p~\xd1\xd8\xc7[\xe1t\xca\x9c\x18\xd2\xa7\xefG=\xca\xb2"</t>
  </si>
  <si>
    <t>78ab249da6b80e19e6bb48273a318d1d05cba27bb8014bc5c1f12e8f98353d4c7db499c17214c5c2d6b36c51523f707ed1d8c75be174ca9c18d2a7ef473dcab2</t>
  </si>
  <si>
    <t>b"x\xab$\x9d\xa6\xb8\x0e\x19\xe6\xbbH':1\x8d\x1d"</t>
  </si>
  <si>
    <t xml:space="preserve"> added with a kind of sob, â€œIâ€™ve tried every way, and nothing seems to
suit them!â€
â€œI havenâ€™t the least idea what youâ€™re talking about,â€ said Alice.
â€œIâ€™ve tried the roots of trees, and Iâ€™ve tried banks, and Iâ€™ve tried
hedges,â€ the Pigeon went on, without attending to her; â€œbut those serpents!
Thereâ€™s no pleasing them!â€
Alice was more and more puzzled, but she thought there was no use in
saying anything more till the Pigeon had finished.
â€œAs if it wasnâ€™t trouble enough hatching the eggs,â€ said the Pigeon; â€œbut
I must be on the look-out for serpents night and day! Why, I havenâ€™t had a
wink of sleep these three weeks!â€
â€œIâ€™m very sorry youâ€™ve been annoyed,â€ said Alice, who was beginning
to see its meaning.
â€œAnd just as Iâ€™d taken the highest tree in the wood,â€ continued the
Pigeon, raising its voice to a shriek, â€œand just as I was thinking I should be
free of them at last, they must needs come wriggling down from the sky!
Ugh, Serpent!â€
â€œBut Iâ€™m not a serpent, I tell you!â€ said Alice. â€œIâ€™m aâ€”Iâ€™m aâ€”â€
â€œWell! What are you?â€ said the Pigeon. â€œI can see youâ€™re trying to
invent something!â€
â€œIâ€”Iâ€™m a little girl,â€ said Alice, rather doubtfully, as she remembered
the number of changes she had gone through that day.
â€œA likely story indeed!â€ said the Pigeon in a tone of the deepest
contempt. â€œIâ€™ve seen a good many little girls in my time, but never one
with such a neck as that! No, no! Youâ€™re a serpent; and thereâ€™s no use
denying it. I suppose youâ€™ll be telling me next that you never tasted an
egg!â€
â€œI have tasted eggs, certainly,â€ said Alice, who was a very truthful child;
â€œbut little girls eat eggs quite as much as serpents do, you know.â€
â€œI donâ€™t believe it,â€ said the Pigeon; â€œbut if they do, why then theyâ€™re a
kind of serpent, thatâ€™s all I can say.â€
This was such a new idea to Alice, that she was quite silent for a minute
or two, which gave the Pigeon the opportunity of adding, â€œYouâ€™re looking
for eggs, I know that well enough; and what does it matter to me whether
youâ€™re a little girl or a serpent?â€
â€œIt matters a good deal to me,â€ said Alice hastily; â€œbut Iâ€™m not looking
for eggs, as it happens; and if I was, I shouldnâ€™t want yours: I donâ€™t like
them raw.â€
â€œWell, be off, then!â€ said the Pigeon in a sulky tone, as it settled down
again into its nest. Alice crouched down among the trees as well as she
could, for her neck kept getting entangled among the branches, and every
now and then she had to stop and untwist it. After a while she remembered
that she still held the pieces of mushroom in her hands, and she set to work
very carefully, nibbling first at one and then at the other, and growing
sometimes taller and sometimes shorter, until she had succeeded in
bringing herself down to her usual height.
It was so long since she had been anything near the right size, that it felt
quite strange at first; but she got used to it in a few minutes, and began
talking to herself, as usual. â€œCome, thereâ€™s half my plan done now! How
puzzling all these changes are! Iâ€™m never sure what Iâ€™m going to be, from
one minute to another! However, Iâ€™ve got back to my right size: the next
thing is, to get into that beautiful gardenâ€”how is that to be done, I
wonder?â€ As she said this, she came suddenly upon an open place, with a
little house in it about four feet high. â€œWhoever lives there,â€ thought
Alice, â€œitâ€™ll never do to come upon them this size: why, I should frighten
them out of their wits!â€ So she began nibbling at t</t>
  </si>
  <si>
    <t>b'3vn\x08u\xc2\x84\xf01&gt;e\x01\x90\xe0\xbd[,\x99?\xd3"C\xa9\x134r:\xe9\x91\x94\x9b\x13\xf1*\xa77\xe5\xc7]\xb1jN\x92\x12K\x02p\x90Y\xd6\xcc\x02D\xea#y\x04\x93\xea\x7f\x03\xea\x90\xe3\x03u\xd9\x05\xb7/G@[\xd8h\x11\xb8\xfcf\r\x81\xd4Wk\xf2\xf9C5\xd7\x17\xf1\x96\xc0!\x1bt\x02\xc4\x10\x82n\x89\xae\xb2\x8f\x01\t^0/\xa7\xf5\x078\x8c\xd8\xc9\xac.\x1b\xc7\xf2U\x163\xae\xbb\x83f\x88\\e\x96\xab\x8e\xbd\x97\xc8\xd3\xbbUK&amp;\x12\x82Mi\xeff\xf6\xc3\x80\xde\x03\xfa1%\xe2\xe6h\'\x10\xf3\x12H\xa4\x0c\x86\x9f\x97\xa8\xdbN\xea\xca\xa0\x96\xfbk\xf8E\x08\xe4\x9e=/\x0eI\xc8\n\x84\x9f=\xdf\xb8\xab\xdd$m\xca\x99?\xec\xbd\xfc\x01-\xd7Z\xdc~\xc1\xe4^\x16\xa4\x96T\xd9q\xf18\xd4O\xbf\x88\x84\x94\xd8\xe7c[\x92\xf6\xfd\xb0:\xea \x13\xb8\xb0\x92J\x9f;\xa9\xbep\xfe%T\rMY\x11\x11s\xaa\xdd\xcd\xdd\x8f\xdf\xfd\x87\xef`P\xf3\xeaS!\xf9\xd9].0[\xeaTV\xbb\x86\xd3\xf8:*\xa9\xc4#i\xfb\xe4\x89\xc6\xcd\x8a\xf7\x1a\xe6p\xe7E\x8f\x87+L\xf1\x18\xb0\x1d\xfe\xb2\xd1V\x1e\xef\xe6\x93\x95\xb7l\xdc\x9d\xac\xd9$\x04\x17Vl&gt;r\xfd\xb5Yy\n\xd1\xa9\xab\xb2`\xc5\xa8\x97\xdb\xa0?~\xe8\x1e\rG\xadX]\t\xa0]\x11\xbbKib\x1e\xef\x93\xda\x01\xce8a\xfe\x10%\xad\'\x1f\x80TK2\xe4\xd3\xed\xb4\xbf\xbc\x9a\x1f\x83\r$\xc8\xeb\x99\x0cJ\x95\xe1\xbb\xb3k\xad\xf0]\xe6u\xeb\x12s~\x91^Z\xc5\x81\n;\xf8&amp;\x94\xf6\xb8L+\xf7\xee \xad\x89*\xa1\xb7|\x15\x93\xfe\xaf\x9d\xa3\xd0P&lt;\xda\xd6S\x9e\'\x00\xbd[\x93|\xc5\x85\x03\n+\xc3h\xc6W\xbe(\xa3\xb2&lt;\x9dX\'n\xbc\xc9\x14\xf9\\\x9dg\xf3\xb43\xb8_\xbb&gt;\xb8\xa5\xc6\x04W\xc22E\x95\r\x7f\xdb3\xf95 \xf7=\xf8\x93\x16S\x96r\x11\x8a\xc3\x01X\x8c\n\x97\x01\x7f\x1c\xb9Ij\x8d\xcf*\xeb\x9e\xa5\x13y\x06\x99\x04b\xe5d\x1f\x97\xf2\x10%d\x084[\xdf\xe5\x0er\xe1\x08y\x16\xd5\x0b\'\xfe\x12\x8a@^\xaa\xee\xec#\x9cx\xae\xb5\xba\x93PM6\x9fS\xc6\xc0K"\'\x99\x04$\x00\xdbk\xe4\x1d\x9c\x89B\xcb*\x0f\x1f\xf9[\x92eB\x13\xc8\xea\x9e)~\xad-\xad\xcb\xf5\xa1\xb8k\xc5L\xff\xd7\x98fa\x0f\x0c\x86VW\xc7wi\xe0\x7f\xc4e\x9a\x13\x7f\xcc\x9a\x85\xd9\xd1&lt;1\xb4/\xc6^\xdc\xa3\xf3Y\xeaq\xdb\xced\xd9t\x1e\xee\x95\x15\x86\xe3J;\xbe$Pl\xa7=\x18R\xee@\xc81\xa0\xafU\x9dO\xec*\xad\xa0{]\x94\xde\xd8Z_\x1d9\xc2\x14\x92\xad\xce;\xa2B\x1c\x8aGy\x912\x8d\xd3\xcd\x85\xba\xb9-\xf9\x03\t-\x9f\xd1\xc7\xefK7\xdd\x18\xb3S\xa5\x96\xa69\x98\xdbj\x05\x0fdv\xbe\xfag\xd6\xea~=\xa83\xb7\x94{\x85\xc2\n\xac\xe5\x0cc\r \x1eAq\xf9\x05V\xb9s\xbf6\xa5\xe5+\x19\x06Qj\r\x9a\xf0\xcf\x12\xa8\xf6\xd8\x8bu;\x1bkNo\xdb9\x0f\x9fDg\xc1\xcca\x8e\xce\x1d\xe7\xee~\x1e\xdf7\xf7Ob\xe1\x04\x8cW\xee\xb8\xe0:\xc9\xb7F\xa5\x8c\x8f\x9cZ\x0b:\x18\\\xb7h\x15\xb3\x9bm\xe1\x0f\xf0\xeb\xd6\xba*K\xa6\r\x08\xf0\xe5\x8e\xae]\xa8\xcd\xefF\x04\x1f\xd7\xd4\x8cZ\x93\x89r\xfac\xf8v\xa9\x9d\xb2ZE\x92o\xcb\x97Uv?\xef\x8e\x17\xe1\xb8\xae\xf5P5\x8d\x893J/\xeb\xa7\xdb\xcb\x7f5E%$\xb2\x9c\xcb8\xf6\x91\xc91\x16U"\xe3}\x83\xcepIR@rt\x10lRT3E3\xe2M.7\xe6%\\@\xd2f\xad\xb5\xb1\xf4\xcdta\xce\x16\xfdJ\x14\xdc\xab\xe97&gt;\xd9\x02lTCZIv3\x1d\xfe\x9e\xeb\xdc\xce\xeb-\x14\xc3\x9a\x05\x9f\xcb\x96JqcgE\xc8\xf7\xfe\x10\xaaL\x1b\xe5N\xb8\xed\\\x95\xc9T\xeab\xb1\x05\xc7\x18F\xc5\x04\x0c\xb3u!.\x1cAr\xcc\xd9M\xc1\xd1b\xbfW\xaf\xd0\x99\xacB\xe9R\xc3B\xd5gyOH\xe8\xed\x16*\xa6\x84d\x91\x13v\xae\x1bb\xa0\x12\x0b\xa5k\xd1\xe1\xfd\xdb\x02\x1csqd"\xd8\xe9Q4\x1em\x96\xd7\x8aAs|&gt;*\xa2\x9d\x8c1\x9buu\xe4]\xb5\xd6\xe7\x86r\xa1\xce\xad\xe7\x18\x8c\xd6[\x0be\xd4\xc4F\xd5#\xfff\x91\xcdP\x0fI:\xa9\x11\xaf\xcf\xed\xeea\xff\xfc\x91\xd4P[0\x0bz\x11\x91CZ\xa8v8_\x1c\xd2y\xf8\x1c\x85oY4\x86E\xc7\x88\x15\xcb\x04\xb5%c\xe4\xfc9Q\xeb/m\xf8;i\x9a\x81Y\xc6\x7f\xd6w\xc8y\x81\x8a\x958u(|\xd9\xf5\xff\xb3\xe21\xbbV\xde\xcc\xee*\x10\xa5\x87\x1fZ\xd3\xa3\x0f\x11\xc9Z\xea\xc5\xad\xeb\x9f\x87\xeeFp\x08R\xaa@\xd9\xff\xa6a\xfc/#\x8bI{[\x0f\xcb\xddZM\xe4@PB&amp;0&amp;\x0b\xfa-\xae\x94(\x9a\xf6R\x89\xdb\xd6\x1bw\x00\x19A\xb3\xf0\xf1F6\x8a\x12\x98\x81\x93\xe8\x87\x91%\x18\xcb\xa7\xc2\xe8\xf4\xc8@\x089u\xa7\xc3\xe4\xef\xf4\xdc\xa6\x82\x1dl{\xdb\xe7.\xac\xb1\xd5\r\x9d\xa6FB\xd1\xfc \xf2\x08\x8e\x1a\xf9\x9em"X*\xca\xc9\x93\xb1\xb0\x8fN&amp;Lv\xbe\xe0\x10J\xd2\xb5\xc9\xd4G8\xa3&gt;R#\xe8\x0e\x13\xcf\xb4\xe3\xa5\xfc\xbb\xfc\x1b\xf9Eh\xda\xad\xd7\x1cD\xa7\xa7H\x04\x1f\xec\x03f:+\x81)!,"\xc5oV\x88\x91Cu\xd3\xb0\x92\x08,=W\xfa\x15\x7f\xa6\x9bH\x07\xfe\x06\x9f\xda8\xd0\xef\x9ek$\x08\xe7\x82\x1d\xf4\xe2\x91\x08\xd3!\x16\x8b\xb7\x01\xf8\xf9&gt;\xdf\\\xed\xd0\xd2\xfb\xca$/B%A\xb0h:~\xf4d\'XU\x83\xae\xe0\x04"\xfb\x84&lt;\xec\t\xabe\x18\xffT\xb33|\x0b\x8b\x11\x0c)3$H\xf3\x84\x14\xa0\xcd\x10D\xe8V\xf2\x0e\xd0Q\xc4!\xae\xcf\xc2.\xed\x8b\x95\xd0\xe3$\xa1@z\xa1\xa3\xe1;\xe9z\x7f1nBO\xb7 T\xb3\xe5/7(\xdc1\x92x\x9c?%M\xda\x86g\xc3\xe2\xd3\x08/\xf6\xa3\x18\xa4z\r\xe5J0&amp;\x03\x1f\xcc\xf2"/\xda{\x97\xc5\xb9\x1aB\xc03I\xd5t\xc0\x16\x9f\xaaP&lt;\x04\xe4Q\xef\xfc\xeb\xb4e\xeb\xa7\x8e\x88\xcc\x1a\x1d\xbc\xcf\xa5\\\x86\x18r\x14\x92!\x98\x10\xd9\xae}\x10\xdb\xbee3t:y\xed ke\xc2\xf5\x1c\xe7\xaf_\x903\\8\xdcl\xfa\x08\xc3&gt;8,\x17\xe6&amp;)\xd8\xe8(9\xd8a\xd9\x9e&lt;\xbe\xc5\xe6\xc5\xcb\x87\xbcv\x83Kls*\'\xce"\x14\x19&gt;\x10\xcb?Q\x151\xb7\xf6\x95\xf2\x00&lt;1\x17\xa6 \xb1\xd7\xf1\x97#\xee\xecV=G\x86\xc3I\x93%\x1c\x1947\xd0\xa9A\xdec\x85k\xdd\x1bYd7\xdc\xdc\x8b\xde\xc2%\xb2bZV7l\\J=\xcdK|\x0fo\xdf\xfd\xc2\x16\xc1,]\x83\xf0C\xe1\x1f\xb0\xb3\xb9\xb4\x02\x8f\xf3Y\x96\xd1\xbd\x18W\xb9)\x84G&amp;&amp;\xe2\x1d\x0b\xe9H5\xba\x14a6\xcb\x11\xf3\x0b\xfbK\x81\xc8\x9c.\x82W\xc7\n\xee;i\'&amp;\x93%\xc1*\n\xfe\x88\xa2K\x7f /G\xcd,\xec\xb6\x9e8y\xcf\xff\xd1=~{\xd4\xaf&lt;\x158\x8c"A\x1f\x7f\x84\xdd+\xd9l+H\xc3*@\x91\xb0\xa0s\xa6\xbaS7\xbf5\x9e_\xe1o\xa0\xf5\xb1\xd0?\xde\xb9\xcb`\xe9\x86s}\x03\x15\x0f\xe4\x7fO\xef\xf8Bg\xad+O$p\x04\xba"\xaf\xe5\x87v\xbaKr\r\x02?\xea\xebF\xa07:v\x00\xb5\x8b\xb8\xad\xce&gt;\xff\xf4@\x01;\xb7D\xd1ijH\x84\x97\x9c\x80\xd1n\xed\xec\xb4\xc7\x18\x07\x11\xda0\xbe\x99\xbd&amp;\xe1\xfeTK&gt;\xf6\xb8s\x9b\xff\xc0&gt;\x90%\x93\xd1|\xa2\xfe9v\xc9\x82\na\xf3|\xf4A\xd0\xda.\xec\x0c?\xd9e4{\x12?\xc7\xa62[\xd4$Bh[KY\xbe\x0e\xb7\x00\x1fX\x02\x84/}\x81wG\x00\xcf\xcb\x18]\xe4\xed\xcd`\x8a\x95\xcf\xa3\xbb\xb5\xbd{\xeb\x02\xd2\xe9\xa1\xe5\x9e\xe3\xe8\xdc\xff"\xd2\x81w\xb3z\x0e\xce\x862Wa\xb2IQ\xa8\xdexu\n\xb6\xb3o\x8f\xb6\xaf\xde#\xa5\xf1:1X\x9eF~\xe5\r\xe9\x80\xf621\x00\xf7\xff\t\xe8]\xfc\x8a\xe3\xaf?hM-p\x8bH\xe9$\x88%4$1\xb3\x9cRM\xf1\xe3&gt;_\x92(B\xee!Xt\xafCh\xf5a \x18\xa4\x08g\xeb"\x06i\x1b\xeaj\xb2\x06}\\5\x94\x9ddF\x1dhG#\xa3\xc3W\xa3\x9e\xabM\xca\xbb\xbb\x0f\xca\xcdz\n\x94\x8d\xa5\xcd\xee\xc6+\x0c(\x87\x14)r\xcf\xbaZIA\xf4\xb1\r7x\xed\x07s\xbf\xf3~\xdb\x9cY\xbe\xda\xff|\xef\xef\xbe\xc8D\xe0\\\xc2\xe6\x17\xbe\x82f\xb6\xabN\xd9D\x88\xfc\x8eteR\xc2\xe2}\x1a\xc6\xeap\x92a\x0e\x10\xb0\xdd\xec/\xb2T\xf8SME\xd2\xce\xff]\x05\xef\xfa6{u*\xf5\xefnX~\x161 \x1e\xe0\xf3\xbe\x9f&amp;z)\xd5\xd9\xef\t\xbbU\xee\x99\xea}gY#\xa9a\x0b/`\x88\x98\xe4\x99\x17\x9f\xc8\x82R7h\xeby\xc1\xce\x1a\xc0\x80\x9e\x8c\xf5\x83v\xbe\x0c\x01\x02\xf8\x19\xde\xea\xd1\xcb$\x9e\xf3\xbaj\xf7Q\xd6\xa2b\xcc\x00\x0e\xd2G\x0f\x06/5\xd4q\x10G\xdb\xf1\x18^\xc1\xcd\x0e\xa9\n\x92\x02\xa2]\xccQq\xd3\x9f"\x06C\xb8\x14\x94ma\xcbn\xb8.\xa5\xe24-\xf3&gt;\x83\xb4\xe9\x0f\xcf\xdcT\xf4\'\xccO\xf7\xe5.\xe9\xbfa\xe0_\x89b\x96\xba\x9f\x1e(\x89.\xcf\x91\x1b\x9bE6\xba\x17S\x8f\xf78 g\xc9\xd8\n\x92\x8aa\x8a\xb1\xce\x90\xed\xf0\t\xdf9\xa1\xa0jK|\x8e\x83\xc0\x7f\xc8#o\x0b\x87\xec]&amp;+ \xc5\x1f\xc3\x81\x01.\xbb\xb8\x91\x9c\xb9cB\xd5\'P\xf1|\xc1"\x13\x0e#\xd4$|\xfd\xd46\nL\xddx3\xdf\x7f8\x8f\xd9;\xcc\x86M\x8a\x99\xbe\xc8\xa2YzNq\x9e\xf9^\xa3\x8aZ%|\x1a \x1d\xd0Ii\x99\xd4\xe4\x99|\xd9\x84Jhr\xd4\xf5\xc2&gt;\xa3\x85!\xa9\xba\x9bOj\xf1K\xb6\x16\xe9gC\xca\x96\x99\xb5\x83\xa58\xa4\x9e\xa0\x8dt\xab\x98\xfb&lt;\xf7\x11S\x921\xd5\xfb\x11\x05\x8b\xda\xe1u9(\x8c\xfe"\x93[\xc0\xa8\xd4&amp;\xa9\xb7/\x01\x9ekd\xc5\x85\x08r&lt;#\xa1\x8a$uZF\x85\x99\xc0\xbfd\x93l\x13\x92\xb58\xef\x84\x07q4\xf05\x00@\x8c[\xb3}\xa4i)\x88\xa5\xa9H\x83\xb1\xc9\'%g\x07c\xc7\x8b"\xd1bEE\x92\xb6$\xc2K\xbb\x1c\xc6I&lt;\x91&amp;\x82\xf7S]y\x923\xd0^x\xd8\xfd\x10\xe9f\x07\xd0\x05\xe2\xe6B\x14\xd1\x83\xcbPjl\xb3\xbb\x9c2Kk\xc2r\x95\x05\xe6\x18\xc0\xa1l\xff&gt;\x9f\xff\xad\xd9r\xeeR\xb5\x1a\x89\xb7H\xe4\x08\x11h\x8cW\x18\xb9\xfe\xae\xf4\n\x1864:\x9a\xe2\x8e\x0c\x0e\x17OX\x94\xc9\xcfr\x07O3\x8d\x9ew\x11P\x08}\x0c\x8f\xbbg\x1a`|8\xb1\xbd$\xf5\xb59\xe8\xd0B\xeex-\xe5\xb6\x16\xe51}\xda\xe4\xbd\xfd~\xe2Al\xb3\xe2\x9bsF\x1fK;\xd7\x08Q6c\x8c\xff}\x05W\xc2\xec\x87\xd5\x9bH\xa4\xfb\xdf\x85\xad\xb3\x18]\x97\xc8\xd8hR6Y\x84\x0e\xcb\xc0\xad\xb0\xe9\xf8\xbf\x81\xc3\xdaz\x0cx\xa9\xb1\xee\x02\'|C3`\x93\x9a\xcb~+,mWj\xa2\xa4\x7f\xd1\xcc\xf76u\xb6\x11\xbb\xc0\xc6\xd1L$a\xe4\xc7\xa5\x99\x9eO\xf9\xe7\xe7\xfd&amp;\x19\x85\xb0\\\xc7\x1d\x93\x80\xb2\x9ac\x95\xc5\xd1\xe5%\x8f~l\xc0I\xfb\xa8\x16L;&gt;\xcdn\x83\r\xd8\xf9O\x1f\xfb\x95-}\x131\xaa\x9d\xe72\x8b\xc1\xeav\xb9\xa4\x95\x04\xbe\x8b\x88o)\xd9%\x89\xc7/J\x85\xd4\xc1P&amp;\xb9\r\x98\xdc\r\x19%EJ\x11\xe0\xee\xc0\xe9\xb6_\x1c\xfc\x02\xf7\x9b\xf4\x95\x1c&gt;{\xe3\x13\\\xde\x9d\r\x02\x9f3\xab\xd0f\x95\'h\xb1$A&lt;\x82hp\xbb\xed\x7f\xf7Pu\xcd\xc1\x0b\x96\xae+\xa1\x84\xa6\xb7\x17v\x06\x8c\nM\xd0~\x1f\x80\xe8\xd9&lt;\t\xb6\xd5\x00\x99\x0b\x16g\x92E#\x90\x12\xa5\xd9v\x17+\xe6\xb9\xb6\x98\xfb\x9f\x11\x8f5B\xbe\n%\xe0o\xbb,`3\x90\xbbMB$\x08\xac\x1d\xe1\xa1\x7f\xc1s\'\xb7^\x88\x9c\xf7[S\x96;\x1f\xe4\xf6\x88e\xfc\x08[\x96\xf8\x9e^\xe5}6=\xf8\x8f\xe0\x83\xbf9\x882\xf9\xa4A-\xa5\xbd\xe8Y\xd9\x07\xab6\xe5\xda\x0e\nE\x9a@&lt;`i\xc6\x18\xcb{[e\xccI\\\xe3?\xd5\xc5V\xd0\x99\xee\r\xabt\x94\xddE&amp;\xeb\x8b\xfa\x04\xb6\xd6~e\x0e\xc0\xce\x90\n\x8f}!\x15\xfb\xf2\xed\xdbg\xa6\xa6p\x1dJ\x19Kh\xf9e1\xa0\x06\xf8\x0cH\xd7\x10\xf2\xb7\x7f\xaf\x9bU\xab\nI\xb4:\xa7\xfb\x92\xcb\x06J\xb3\xbb\xf7dB\xba6[L}\x83\xe3c\xbaS\'t\xf1\xb3\x16N%\xde\x1c\xeft\xe9\xe1m8c_r~\x00m\x1d\x8e\\\xfc5\xee\x87\x8a\xf8\xf2\n\x8b\x06%\rTh\xf8\xd9Q~12\xc4\xf3G\xc7\xab\xe4\xcc\xee\x9c\x99 "*&lt;3~ \xef%2:\x82\x8c\x194\xf6\xc3]T\xc4\xb5(\xf5wks\x82vs\x00\x90\r\x94"Z\x81\xdb\xe6\x89\xc5\x7f\xa7\x1f&lt;=k\xb0\xd4\xda%xL\xf1\x05 \x1b\x1ct\xa2\xe8\xb5\xf1Nx\xf5o\xed\x1c\xd4\x8f\xcc.=[\x16\xe5\xee\rZ\xde\xffv\xe2X\x08\x0fiDs\t\xb0\xa3\xdd\tu\xc7\x02;\xda~\xc8\x85\x0e\xc3`\xcdH\xfb\x15yr\x13\x1b]\x8f\xf0\x8a\x96&gt;Ex\xd7K\xaf\t,@\xbe\xd7\xb0\xb2\xfd\r\xc5\xbc\x8c\xb1\x8d!LF\xc1\x1b\xe2l\x90\xe5E%jec\xaeD\x95s-\xdd\x15\xfb\xdc\x88m\x87\xa2[B\xb9\xca\xb8k|\xdd\xa9\xd1\x0f\xc2\xd6z(\xad\x12\x99\xf1\x02\xbf\xcf\x91\xc6\xbd\x89R\x93\xd3\xfa\xf0\x8f\xb2\x1b7\xba\x1e\xc3:6ky\xb9d\xcf\x9c\x99\x89\x9d5\x93\xe34\x85\x11Zo\xca6\x8fPj\xb2\xf4N*\xb1V\x93w\xcd2\xe44\xa8\xf7\xe5\xc3E\xacw\r\x1a\xf6\x96&lt;\xce\xeb\x84\x92\xf6\x18\xc0\x8b\xeb\xfb\xea&lt;NW\xbeXf!\x06z\xe8D\xe4\\\xaaWY?\x8fVQ\xcb\t\x96r\xa6{\x91\xc9fX\xc3fc@9\xa5\xc0:(\xf2\xa3\x9b\x1c\x01\x95\xb7.\xfd)c\xd4\xc6\xda=\x96\xf5$J\x94\xfb\xbao'</t>
  </si>
  <si>
    <t>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</t>
  </si>
  <si>
    <t>b'3vn\x08u\xc2\x84\xf01&gt;e\x01\x90\xe0\xbd['</t>
  </si>
  <si>
    <t xml:space="preserve"> is so applied that it reduces the amplifier input then it is called negative feedback. In this case applied feedback voltage is 1800 out of phase with input voltage. It is also known as degenerative or inverse feedback. Negative feedback is frequently used in amplifier circuits.
Figure-5
  Basic Electronics
97
                 5.5. Introduction to Oscillators
Any circuit that generates an alternative voltage is called an oscillator. Output of an oscillator may be a sine wave, square wave, sawtooth wave or pulses. Electronic oscillators may be broadly divided into following two groups:
(i) Sinusoidal (or Harmonic) Oscillators: Which produce an output having sine wave form.
(ii) Non-Sinusoidal Oscillators: They produce an output which has rectangular, square or saw
tooth waveform or is of pulse shape.
Sinusoidal Oscillators may be damped and undamped.
(i) Damped Oscillations: Oscillations whose amplitude keeps decreasing (or decaying) with time are called damped or decaying oscillations. Wave form of such oscillations are shown in Fig.6(a)
(ii) Undamped Oscillations: Oscillations whose amplitude remains constant i.e. does not change with time are called undamped oscillations. Such oscillations are shown in Fig.6(b)
Figure-6(a)
Figure-6(b)
   98
                 5.6. Multivibrators (MVS)
These devices are very useful as pulse generating, storing and counting circuits. They are basically two-stage amplifiers with positive feedback from the output of one amplifier to the input of the other as shown in Fig. 7
Figure-7
Feedback is supplied in such a manner that one transistor is driven to saturation and the other to cut-off. There are three basic types of AMVs:
(i) Astable multivibrator (AMV)
(ii) Monostable multivibrator (MMV)
(iii) Bistable multivibrator (BMV)
Uses of Multivibrators
(i) As frequency divider.
(ii) As sawtooth generators.
(iii) As square wave and pulse generators.
(iv) As a standard frequency source.
(v) Specialised uses in radar and TV circuits.
(vi) As memory elements in computers.
5.7. Signal Generator
Signal generator is an instrument that generates an electrical signal in either the audio or radio- frequency range. Audio signal generator produces audio frequencies (sine wave and/or square waves). It is very popular instrument and is extensively used for testing amplifiers. Block diagram is shown in Fig. 8
OUTPUT
    OSCILLATOR SECTION
AMPLIFIER
  Figure-8
OUTPUT METER
 OUTPUT CONTROL (ATTENUATOR)
 POWER SUPPLY
 Basic Electronics
99
                 The signal generators can be classified into the following categories:
(i) Audio Generators
(ii) Function Generators
(iii) Pulse Generators
(iv) RF Generators
5.8. Thyristors
Introduction
Thyristor means a solid-state device with two or more junctions. A thyristor may be switched from ON state to OFF state between two conducting layers or vice versa. These are capable of handling large currents, even upto hundreds of amperes. The three widely used thyristors are :
(i) Silicon-Controlled Rectifier (SCR)
(ii) TRIAC
(iii) DIAC
5.8.1. Silicon-Controlled Rectifier (SCR)
It is a semiconductor device which acts as an electronic switch. A silicon-controlled rectifier can change an alternating current into direct one a</t>
  </si>
  <si>
    <t>b'v\x9a\x8aq}5\xd9\xf7R\xa7\x10\xb8J\x83Q\x7fa9\x81\x17\x96\xd1\x13\x07I=&gt;\xb41\xaff\xa0\xafTp1\x87,\xe2v\x8a\x9c\xccn^\xf3\xf2\xaef9\xee%\xdc\xfa]K)\x03Y\xba\xf9\xc7AWP\xfd:\xd8W\xfe\x97\x93\x84\xfa\x8e\x11\x849O\xc2\xdf\xf8\x85\r\xb1gpa\x13\xe8\xb9\x16\x8b\x90^m[A\xe1\xf5+Ix`\xde\xdc[0i+\x0e\xa0\xc3P0\xca4+\xdfE)\xb7&amp;\xbc\xf3x\xf3\x972\xe4\x16\xbf\xebE\xf8=\xbc\xf7\xd4\xa6L\xf3&lt;i\x8e\x97\xa7\xbc?x\xc4\x13}\xdfh2\x96\xba\xd5(!\xa8\xac\xeb5\xc7++\xd0)\x81m\xdc\xfb\x0ct\x98\xa7\xf6{\xaf\xd1)=\xdf\x9fe=\xc3\x1c\xd5\x11N\xe9\x9c\x8a"\xa0S2\xbct\xf3x\xbc\xc2\x88\xe4\xfd\xc7\x90O\xb1\x9aep[\x1c\x141:\xa3\x8d\xdb\xd8U\x89\xfedK\xe0\xaf\x7f`r*\xc1\xbf(\xe0W\xdb\x98N\x1e;\xad!u\xfc\xc9!\x15\xc1\x0c\x16\xb9+B@\x96\xb1\xeb\x11/\xd8t\xb3\x11~W\xf9\xbf\x9d\xcf\xff\x9b\xbe\xd5K"\x89\xcf\x87Y/4$\xde"\x08\x80\x1e~S(\x01\x1c\'L\xc5\xb5\x01\x92\xcb\xcf\xbdZ\xccw\xf6$o\x88_\x0b%\xf8\xf7(\x0f7\xd7\x05\x97\xb5\xcb\xc3\n\x08\xec\xd0\x08W\\A\x05\x01:\xc3\xca8\x98F-\xc4S\xff\x04 M\xd3\xa0\x02H\xe3\x14S\x1c]=H\x16u8\xc6\xa6V{\xbc\x92\xa3\xcd\x95\x1b6\xe1\xc1\xad\xb2\xc2\x0cR\xa5\x96\x85\xfb\xa6\xb6\'\x19z\x95\x81\xfd(S\xa2\x83:\xef\xd2\x95O\xa1\x05\xa4\x93l\xad;"\x07\x8d\xf3\x7f\xf5\x13}\n\xbdiE;M\xc9\xbd,u|;[\xc6do\xae\x0f\xb5K\xc1\xeb\x05\x14\xaa\x81\x91\x8b*X\x1b\xd7\x98\xfeS\x19\x0fy9\x8eJ\xe9J\xb4\x88\x1a\x97\xfci\xe1\xcft\x02hOD\xd6\xab\xf2\xf3\xbb\xde+\xa7\xb1\x9bw\x94\x13\xd9\x97\x93\x86_\xb4{\x92-w\xdd\x9cw\x9a\xad\xd0\xfc\xb8\x91\xa8b\xe9\xff6\x9b/\xfc\xe6\x9dK\xeb4n\x06|\xa6\x0f\x8c\x975)\xb3\xce\x8b"\x92Ie}\xe4\xed\xe6Kt\xb1JP\x99xLCf_iX\x81\xfcgo\xda\xefu\xc7\xa0i\xae\x0c\xcb\x8d]\xfd\xa7\x11\x0c\xf8\xa3o\x82\x8e\x04;Y4LJ\xfey\xfe[\x81\x10\xf1M\xd1\xcf\x1a\x81!\x18`6G}\xa4\x81&amp;;\xe0\xc939\x8b\x87\xe4Tt\x88\xd2\x00\xbd(&gt;v\x0c\xf9N\x12 w\xedi\xb1c\xd7\x9c)\xc5\x86\x11\xa7\xcc\xdf\xa3O\xc8\xbc\x10\xc8\xf3\x1c\xc6&lt;\x9d\x92_\xfe\xe6*D{\x13\xc4o2\xc0\xa3\x96V\xef\xb80_y\xdc"\xdaoY\xd3\xf9I\xca\x9dp\xfc0Qd\xb4\xdef\xb1\x00VJ\xa7jU|\xda)\x1e\xfb\xc7V\x9e\x07#\xe6N\'\xba\x94\xcb\xee\xdb\xec\xd4.;\xfdavj\x91\xc3\xf6\xbf\xff\x93\xd4=\xa6\x8e\xcb\xf3\xde\x93\x88^D\xd3i\xc1!f\xe7\x10\xe9%_\xe6\x89W\x7f\x9a\xc7Y\x13PY\x8aR0\x87\xec&gt;\xf9\xe6\x01\xb4\xbe\xad\x1b-A(\x86\xf53a\xbc\x99\n\xdbC\xac\xd4\xdb\x16\xa6[x!\x91.61q\xe0^|\xfe\xd1\x7fd(\xec\x04\xfd-\xc10\xaa\xa0\x05\x11\xbf\xeah`E.\xfbZY\x0cs\xda\n{5\xdc\xf8\xe0\t\xf0\xe0\x03M\xf0Yt\xa9\x13\xea\x93\xdf\x06\xaf\xcd\xa4 \xa9\x99\xbd?\x95]?\x1e\xbe\x8c\x1d\xa9Qt\xe2\xbf\x82\x9e\xb2^\xc7\x19\xd7\xd7\tH\x04\xd9\x11\xa3\x14\xf1^\xaf\x8a8eK\xb8\xa4}\xe5\xca&lt;\xd5\x7f\xdafF\rX\x18/\x82@\x02\x9c\xd4Lt\xa1\x14\xad\xc9\xa4\x9f\xaa\x9fx\xc7j\xae\x1d\xc7\xbe\x9d\x12\x02\xb6\x9fp%\xb1\xeb\x9f`\x95\xdc\xcf\xc28\x17\xa58"jg\xee\x9bj,\xd4\x91\xb8 \xbd;\xfe\xfe\x15\x9f\x87\xd5\xfd\xf9u\xf6r\xfe5\xf0&gt;L\xb2\xb9d\xe3\xbd\x9e\x7fI\xf6\x07\x1a)\xc0\x1b\xfa\x15\xd5\xc4\xa0\x04\xee\x87\xe7%\x14P&gt;\x1e\x17\xa1km\xe6\x7fYj\x1a\xd4\xc3q\x11\x1d\x16\xe8\xb0\xee\xa7\x10\x8bcd\xafY\xb4\xb3\x90\xcf~W\xe1\xa3\x01\xddC\xc5\xe0h\x1eV\x95g\xd9\xc4;0\x9e\x17q\x9e\xc9\xc5\xfd\xa7\n%\x80\xa0\xa2\xeaxe\x8f\x99\x8d\xe0%\xba\xbb\xbd\xf0\x0f&gt;\xa2qpD\xafGY\x92@\xf1i\xe5\\a\x84\x15\xd1\xd28\xd4\x8dR\x13\xe6\xa4\xac\x89\xa0\xde\xd6\xbb\xc9\x8fB\x92\xfdg@u%\xbd\x02b\xfd\xca\x08\x12\xfa5\xe4*k\x16:H\x93\xd4/7ZE\xcf\xf4\xe1\x1b\xb8\x16k\xec\x89\x11m\xdb\x9d1\xa3\xe00\x01\x9a\xd1\x95`\xcdo\xc4\x83?\xe4V\xf4ET\xc0\xfeeG[\xfds\xcbu\xca\xae\xc0\xa5E\x06W\x8e\xb6\xb0\x1e\x14\xa8c\xea\x19\\\xd9b(\xa9\x1f_O\x88/o\x0f\xb8\x9c\xb0O\xe2\x0e\xfa\x97\xe3\xc9T\xad\x15\r\xc1}\n\xfb\xd8vL\x8c\xd0\x94\xa9\x7f\x1d\xee.\x1f\xf5&lt;\xf3\xa7\xe7\xa1n\xbb\xb3\xfb:,\x88\x96\xc7\x84F\xe5M\x87\xdd\x14\n\xebG\xbc\xfb\xbb\xdf\xe8\xb2\xf8\xad\xcc\x19\xd0\x94Q\x12\xfd94\x90!S\xaa\xeff\xeez\xa80\x1aU\xf9W\xfa\x82iq]f\x9amV\xbd\x0b\xf5\x10\x8e\xca\xef\xde\x0b\x87J\xbbN\x13\xb5\x1a\xca\x0c\xca3\'jC\x1d+\x08B\x7f\x96}\x02s\xa0\x9dpL\xec \xd4=\'\xc1\xa8B\xb0\x86\x8d\xf6\xdf\xe2\x85\x07\x03Z\xc5\x1d\xf2\xb1\xb9a\x92\xd5\'\x7f\xca\xc8L\xfeK}\xfa\xf4\x00\xcb0\x92\xef\xae\xf5\xbc\ne@mX\x922&amp;\x18\xc5\xc7XEc\xee9yE\xe7\x18\xda\x83\x1f\x1f8i*9\xaa\x08\xa2p\xb64\x94\xb6=\xe5\xe5{\xb5]\x9d\xf3\xdb\x97G7\x91\xfd;\xaf`bQ\xc0\x9e\x94\xdc\xd3\x84\x1dk\x85\x1c\xd0.\x0b\xa9&gt;\x1d\xc3\x17h\'\xc16\x1fEk\xf0\xfbeL\xf2\xab.\x1d\xe6\xeeqE3:\xab\xc9-,w\x7f\xe4`\x08\xb85\xb8?/\xfc\xb0\xf2\xf0\xebDpp\xb9\xb1\'\x82\xd7A\xdcu\xa1\x900\x84.\x9dtR\x93bE\xca\xed&gt;q\xea\x7fjv\x861\'\xda\x01]\x1a}\xe60\x19\x1d\xfe\xbd\xab\xf6-qET\x93\x0bb\x9d\x08Pz\xaf\xe3b\xbd\xabb\x91\xea*|]I\x1eC\x81\xed\xab9.\x11k\x99X\xdd\x10\xbb\xacPQ\xe8QI\xe0\xd6\xf3\xda=\xecBzb\x9b\x13[\xac=\xe5\xa8\x82VOJ\xb1`\xd213\x9d!\x8f\xea v?\xcc=\xdcP?\xaf\xbfZ1z\x9d\xed\xa6W\xf1\x00\x02Q2\xd7U\'\xc5\xdf\x906\x0f\x13\xd6\x07\xd4\rG\xfa\xea\xdd\xf8\xbf\x13\x88\x8d,\x07\xf4\xd1m\xf1\xb35\x13I#;\x14\x9cT*\x19\xca\xde\x7f\xa1x\xbe\xb8~`\x94\xd9A\xf1,n\xab\x9dA\xbb\xbc\xbf\tQzk\xef\xfaJ"\x0f\xeb4\xa8p\xf4\x14!\xca\xad\n\x11\x80\x94\xd5Z\xd0\x10%\xa4\xf0\x0b,k\xeb\xba\x17DU\x1d$-\xe2\xd9\xd6\x8dH\xb11\xdc\xefs\xcbA\x0cui)\xefxIm\nj\x8b0\xa2:\x10!\xf4\x90\xa3d\t\x16\x8cRw\x8d\xday\xa6\xdd\x85z\x7f\x17\xab.\x9f\xff\xa9\x1d\x93@\x11\xc1\xf1C|\xe4f\x1c\x17\x01 }\xc1\x06\x05\xc2\x8f\xdc#MPK\xf3\x8d\xb5u\x00\x1c\xbd\xe7L\x8cq$Yz\x01\xd4\x97\xa2\xf8ny\x88\xc6Y\xdf\x02l\xdbi^x\xf7=Z\x03\xdf,=\x9d\xf7\xf2\xf9=\xe9\x1a\xa3\x0e\x83\x16l\xdd\x83\xe7:\xc0\xe4\x80\x96&gt;\xcd\xef\xeb=]Rd\x9c\x95\xa1.\xe0\xa6\xdd\x9a#\x11\x12.\xaf\x8d\xb8X\x05{\xe7\xae\x9c\xdb\xff\x1b\xb4\xb1Is\xa20C\xd4\xbc\xdd\x1d2\x07\x03\x02\x0e\xae\xce\x7f\xf8r\xd0\xa7\x06\x81\xe7\xd8\x80B\x9d\xa4\xf1!\xc6\x95\xa6\xce\xdf&amp;\xfc\x8eP\x13M\xf7\xcf_.c\xf6\xebo\xe7X\x9e\x03\x97\x924\xa4\xd2\xa3\x11\x1c\x9f4\x08\xdd.\x1bl\x0f[X\x9c\x17\x8a];\x00m2\x1a\x19\xedQj\x91\xcaU\x1a\xdc\xbd~\xc8\x00\xb1\x8b\x94&lt; _}\xc3\x80\xe74\x92\xa4\x05\xd4\x86\x9c\x8c\x1fv|\x05U\x8d\xed\xa5(\xbf\xf35\xa0\xa2\xbb=@m\xb4\x91a\x05;\xfbyH\x17\x94\xbf\xefUx&gt;-\x95F\x8fI *A\xf2\xaaM\x9a\xd7\xbaB`~H%"\xa3+5&amp;\x8f\x82B\x90\xb0^{\x05\x08H\xa1Y\x10\x84\x0ea\xd7\xfb\xb7\xb6`\x9d~\x04\xf3w\x99\xd2\x05\xd4\x00\xec\xd9d\x0ci\x15}\xf9&amp;\x8cF:\x9a[\xf1\x0b\xf4Y\x838\x0c\xfa\x9e\x05\r\x8c]\xfcX2\xd3\x8e\x05\x1b|&gt;X@\xcbde,\xfc\xd0\xbf0\xeePx_\xe7\x8e\xe4\xd9\x899&gt;$kP\x0fZ\xbe\x18\x10\x88\x17\x00\xb1@A\x18\xb4\xcb\xd85 %\x0f\x98\xb9\xb2"V\xfe`\x02\xb8\x1d\xd3\x94\xcfE;k\xb3R\xe0\x07VY\xb3\xa5JC6\xb8\xdb&gt;\xac#-7H:\'\x1f\x96\xe4\x8f\x18\xd8\xbe\xc2\xb7\xaa\\w\x1c\xfe\xe5j\xcb\xf5\xe2\xa5Y\xa03\xeb\x1d\n_\x0e\x83\x96g\x15\x04L\xd5\x18\xc3\\\xba\xb3\xdfUrj\x11\x93T\x91\xe8\xbaz\x14J\xb7t\x03]\xf2\xca\xcd\x08\xa8\xc9\xecY1n\x1bt)m4\xc6\xdd\x83\xa7\xc4\x9d\x15t\xa4\x80\x97\x90\xb8\'\x8a\xcb\xfeVz\xb0\xb51 \x92_\xa3\xaa\x87{\xcd\'4\x0e\x12\x1c\x1a\xf0\xdaYW\xad\xf5\xf2\xb3\xc9&gt;\xcaV\x9c\xb7\xebOEm\xfcMn`\xa0\xaf\xa4\xd2\xda.\xaanY\x88F\x8c\x83\xab"\x86\xda\xa5\xa4\x95\xba\xcb\xbb\xab\xc8\x9ds\x19\xbdK\x9d\xd7\xfa?Q\x16S\xb9p\xf4\xd5Oz\x84\x00R\x8f\xfc3\x18_\xbd\xbc\t\x06,\x89!\x1a,"\x969=%p\x8b\xc9\x1aL{p[\xd8\x93;\x0e\xdc\xe7+s\x8f+^\x10\xefV\xbe\'\xfa\xa7\x83\xda\x8d\x91Ur#&gt;e\x1b\x91\xa4\xa0&lt;\xdbqr4\x83\x9f.t\x05\x1b?CC[\x0b\xb6\xaa\x8c~\xa3G\x9d\xa9\xa7)\x92\x96ap\x01x\xb1/\xd6\xf1\xb3\x8dF\x82aq;\x84\xd2*D\xd7\xe2\xceS\xb5j\x8e:K\xa4=u[\x88\xce\xe9kE\x19\x9eG\\1,\xe3M\xb9\xb2&lt;\xb0"\xfd+PB\xa6\x00sZ\xbf\x114\x10~&amp;\xad\xd1kR\x86E .\x9c}\xbf6n\x1bWi\xa2\xd9\xfe\xb6g\x0c\x17\xffR\xe6\x1b\xfba\xfe\x9a{\xfd\xf5\xfd\nQ*\xe8F\xefFX\xd60J\xe3\xc4\x8e\xe8C\x01\x02\x13\xdav\x96\x8e4\xb0w\x1b\x7f\xb5\xf0_sk\xb2,\x1fX\x12\xbe\xcew\x96\x9az\x96?\xed:u)\xe6{\xa8+3\xd5\x0b\xbb8B,\xc4\x1e\x87oG\xa9/uX\xfb\xff\xc8oqo\xa8\xe8\xab\x9c\x82\xe0\x01\x8f\n +G\x85\xc1\r\x88\xf8\xc9l\xec\xf4\xee\x05~ \xe0F\x82\xef\xa4\\b9\xb8:\xa1\x81n\xacN\x17\xb4k\xcd\xf5\x1e\xe3\xed\xed\xf8\x9b\xa2\x1e\x10:\x15?\xb16\x825\xd1\xd7\xee\xcc\xcf\xd6b\x93\xf6\x1df\n\x93gO\xd5E\x00\xe2\x03\x8c\xf20\n\x9b\xa5\xda\xcdF:&lt;\x94\x8a(\xf3^\xc9,\xb2\xb6z\x016v\x14\xef\x9f\x8a\xe8!\xb1`WLs\x08\x1b\'\xf4\xd9If\x04\x9b\x9bt\xbc\xc7)\xd6\xaa\x82\xe24T\x15Z\xae\xaa\x97S5\xb0\xf2\xbb\xd2\x11\x18Q\xcb42\xb6\xdb\xeb\xca\xe7\xf7\x91?\x02\xc2\x98\xf4\xac\x9a\xa1\x85OP&amp;\xbbT\xb1)\x96\x1a\x1b\x11k\xd7dL\n\xc3\xa0\xe4\xf0\xbd)\xab\x9c\x1e)p\r#d3\xbe\x06\xa6\xfe6\x90\x0f\x0ese?\xfaLNh\xd5,\xb2\xd3\x8cv\x1d\x1e9z\xdd\x93g\xf6\x85 \xa7{I\xb7\x05l\x9b;\xc9Q\xfb\x9d\xd31\xbfhIx\x14\xff\x17\xf5,8\xe40\xb9(qxo\xa0.#\xd1\xf2\xc6V\x16\x12\x1dx\x1e\x8e\x80\x8cK\xc3$\x18\x03\x8e\xdf%\x96\x19.m\x8e\x91\x0cL\x8f\xf5\x8a[NI\xc9\x9c\\\xc0@]r^\x89)\xd2\x90Oa4\x17\x94B\x0c\x18\xe7\x7f\xb4\xb5\x05\x9f\x16\x81\xff\\\xbc08\xc8\x95\xe5\x91c*\xe5\x16\x88|\xbb\x1doG\xd3q,\xd7\xc1"\x8dy\x1d\xdcpT\xbc\xd3DA2\x0c\x19F\'\xae\xe9\n\x1b$!\xea L\x05U\x85:p\xeaIH\x7f\x18I.\xdc,J\x11w\xc7\x9f\xad\x9d1\xa3wMA\xa0"{8\x0et#\xccv\xb13Z\xf9%U\xf0\xa9=\xb8\x00#\xa8t\xf4AjZZ\xdf\xdaX)\xa35\x92y\x0f;\xe3U\x13*\xdd\xe2:\xd0\xeaZ&amp;\xe4\x80\xd3\x10S\xba,@\x8d%t;\x97b\xafc\x18V\x8em\xcd\xd2\x0f\xe33\xd2\x07\x1fr\x92\x1b0\x84(&amp;\xe5\xf5GC;\x8c\x97\xc8\x12\x15\xc2\x83\x7fT\xcd&lt;\xce~3\xf1nTM\x0b(\xa6*\x89\xb4\x80`\x8e\x99b\xa5w\x99zWv\xeb=\x10\xa6\x92\xff\xde+\x0c\xdc\xd9i/\x88\x01\x9e\xc6\xbb;\xf9\x00\xc3\xad\xb5\xa3\xe46Z`\n\x93\r\x90\x02\xf9Lm\xf7\xc9 \xf6\t&lt;\x9cm\xe1 $/?'</t>
  </si>
  <si>
    <t>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</t>
  </si>
  <si>
    <t>b'v\x9a\x8aq}5\xd9\xf7R\xa7\x10\xb8J\x83Q\x7f'</t>
  </si>
  <si>
    <t>d wished we could be down there; but, laws! we
 just slipped along over them like a ghost, and never left a track.
 Away in the night, when all the sounds was late sounds, and the air had
 a late feel, and a late smell, too--about a two-o'clock feel, as near as
 I could make out--Tom said the professor was so quiet this time he must
 be asleep, and we'd better--
 "Better what?" I says in a whisper, and feeling sick all over, because I
 knowed what he was thinking about.
 "Better slip back there and tie him, and land the ship," he says.
 I says: "No, sir! Don' you budge, Tom Sawyer."
 And Jim--well, Jim was kind o' gasping, he was so scared. He says:
 "Oh, Mars Tom, DON'T! Ef you teches him, we's gone--we's gone sho'!
 I ain't gwine anear him, not for nothin' in dis worl'. Mars Tom, he's
 plumb crazy."
 21
 Tom whispers and says--"That's WHY we've got to do something. If
 he wasn't crazy I wouldn't give shucks to be anywhere but here; you
 couldn't hire me to get out--now that I've got used to this balloon and
 over the scare of being cut loose from the solid ground--if he was in
 his right mind. But it's no good politics, sailing around like this with
 a person that's out of his head, and says he's going round the world
 and then drown us all. We've GOT to do something, I tell you, and do it
 before he wakes up, too, or we mayn't ever get another chance. Come!"
 But it made us turn cold and creepy just to think of it, and we said we
 wouldn't budge. So Tom was for slipping back there by himself to see if
 he couldn't get at the steering-gear and land the ship. We begged and
 begged him not to, but it warn't no use; so he got down on his hands and
 knees, and begun to crawl an inch at a time, we a-holding our breath and
 watching. After he got to the middle of the boat he crept slower than
 ever, and it did seem like years to me. But at last we see him get to
 the professor's head, and sort of raise up soft and look a good spell
 in his face and listen. Then we see him begin to inch along again toward
 the professor's feet where the steering-buttons was. Well, he got there
 all safe, and was reaching slow and steady toward the buttons, but he
 knocked down something that made a noise, and we see him slump down
 flat
 an' soft in the bottom, and lay still. The professor stirred, and says,
 "What's that?" But everybody kept dead still and quiet, and he begun to
 mutter and mumble and nestle, like a person that's going to wake up, and
 I thought I was going to die, I was so worried and scared.
 22
 Then a cloud slid over the moon, and I 'most cried, I was so glad. She
 buried hersel</t>
  </si>
  <si>
    <t>b'\xd9W\xfcH\x92\x98\tY\x8ag\x0eE\x05u\x81\xe9\xd1\x85\x12\x86\x97\xc2\xfac\xd63\xd4\xa9A\xa4m\xcc'</t>
  </si>
  <si>
    <t>d957fc48929809598a670e45057581e9d185128697c2fa63d633d4a941a46dcc</t>
  </si>
  <si>
    <t>b'\xd9W\xfcH\x92\x98\tY\x8ag\x0eE\x05u\x81\xe9'</t>
  </si>
  <si>
    <t>swallow. Small
 businesses can innovate a lot faster than major brands. They can product-test
 via social media engagement. They can make targeted changes to their
 products according to what their audience is telling them.
 Kimberly-Clark canâ€™t reconfigure its entire product line because a few
 Amazon reviews expose a pain point. At this point, theyâ€™re simply too
 complex to roll with the changes requested by individual customers. But you
 can.
 Just ask Peter Rahal, the founder of RXBAR, a â€œreal food protein barâ€
 made for athletes who want to keep their diets clean. Peter founded RXBAR
 in 2013 in his parentsâ€™ basement. The red food mixer that he used to blend
 together dates, nuts, and eggs is still on display at the companyâ€™s Chicago
 headquarters.
 Itâ€™s not as if there was a lack of protein bars on the planet; endurance
 athletes had their barâ€”it was called the Clif Bar (and that business, too,
 followed the â€œrecipeâ€ in this book). Low-carb dieters had Quest bars.
 Bodybuilders had MET-Rx bars and PowerBars. It seemed like the world
 didnâ€™t need another food bar, or even another packaged snack, but there was
 no food bar specifically for CrossFit athletes, Peterâ€™s target customers.
 Just three years after fou</t>
  </si>
  <si>
    <t>b'\x17&gt;\x9d\x11\x8e\xd5\t\xc4\xb6\x0b\xf7\'Q\x13/\\(6\x11C\xfd\xce\x8b\xab&lt;\x18j^\x1c\x8a\t\xb6\xae|(~\xbdW}]tj\x07\xbd\x1c\xd2V\x7f\xd2\xd2\xc9M\xd4\xf5w\x86\x1c\xea\xf3!\x83\x12\\4\xa0\x0c^\x94\xed\x1e@W\xe2f\n\x08\x08\xe3\xf3\x92\xf6\xaba\x0b\x0b\xa5\xb6\xef\x93a^)\xd4\x9b\xb7p\xc8\x0fD\xfa\x10\x83-\x18k\x08\xff\x05\x7ft\x9b\xb7\xa7\x7f\xc3+)\x8b\xaf\xed\xc6i\xf5\xe1?\x83Vr\xf3\x9c\x91\xd7\x10\xc14\xfeGlU.\xc6\xaah\xacU!\x9e\xda\xf60\xf5W\xec;"\xc8\xdc\xe0]\xb3\xe4\xcf\xbfa\x83\xabH\xc08\x86ID\x01y\x1bZ\xd3\x8b\x11\xe8\xe6(\xde*x\x16nK:\xe1\xd4\xbb\x12\x83\xd8Gy\x97,s\x0fU\x18\xe3Xt\xd7L\xe0BX4\xec\x87\x04\xea\x1e\xc3\xefy`\xe3\xa0\x91\x00\x9ez\x1f\xd6\x17\xb0:\xd3\xd6\xfb\xbc=\x0b\xf0\xe8\x04\x88\xfa\xcb\x14\xf6\xeb,T\xf5-\x89\xdck\xcc\xf2\xe8x|\xab G&gt;\xb4\xefe,\xec\xec\xcc\xa5V4ZB\xca\x91\xe2\xb6Ei:\xb5\xb7\xa1\xd9\xd7\xa3v\xf9\xefa`\xdfa\xe2\xfe\xf5Y\xaa,u+\xe8R\x19\xe1M\x96\xd9\xfd\xde\x03\x16\xd2c\x18-\xba\n\xa5k2\xe4\xb7w|\x97"\x9e\x07\xbc\xdf^\\\xd0\xb4\xbd\xe3R~\xbc\x988u,\xa1\xacx\x9e\xc6\x80\xc8,\x96MQ\x17\xe1\xa1\xb2Ja\xce?\xf2N\x0eS~W\xf2\x19\x1ch\xc6C\x9a0}\x9f-\x13\n_\xcd\x85\x83\xd8F%\xea\x16\xa5\xa1\xb2u\n\x1b\t\xcc\x02@Y\xbb3\xb3\xc8\x8b,\x83S\x1cqx\xfd\xf0\xeb\x97A\x8cpq\xc5\x0b\xa2B\xe5|\xa4\x9d\xcb\xa7^\xc6p\xd8\x8e\xe6\x03\xa7\xd0d\x0cmU\xe7\r\xa9\x0b\x17\x11\x97]\xf9\xb7T\xd4\xd0\xf4yT\xfcw\x0c\xbf\x1a\xac\xf2\xf4\xadP\x9b&lt;B8\x1bd\x0b\x010)\xed0PD\x15\xeaPh\x9f\xd6b"3\x89\xf3#\x95\t\xf5&amp;\xcd\x7f\xfdk\x112j\xd8\rT\xe3\x90G\x1a^\xec\xb6\xd98\xfa\xf1\xb3\x9edg\xa8!\xfba\xc0\xd0d\xb9(3M\n\xbfx\xe7\xb6d\xc6\xe8\xb7s|\x13\xcd\xbc\x93\xfd|\x17\x90)\xb9\xa0\x7fa\xe8Y\xe4L\xb3\x19K(-\x0fA?\x033\x92\x11p\xb4\xc8K\x8d\xe3&gt;F\xa37\xb6?\xd7z\x9eo\x83\xf8\xf5\xdb\xd6\xdb\xc3\xc9\x892\xe1\x0c\xce\xb1\x19&lt;Z;\xf6\xa5\x1aH\x03n\xabV\xda\xe7=\x97\x91\xf4\xf7sSF\x8aK\x9d~\xc8b\x96\xe6I~\xcf_\x0c\x9a\xda\xfa~\\\xce\x12\x99\'V\xcd\xcbo\x98\xd1?\x91&amp;Gf\xba\xd4F\xb4Z\n,\x07=\xcb\x1a\xa4\xda)\xf0\x9ek\xe2\x98\xe0\xdeG\x19.2\x91\xedC5\r\xe8\xe5~\xc5WBxD\xc1\xe3\x1d\x82m[X3\xc83\xa2\x9ac\xc2\xa5\xac1@\x9d\xf5ZO\xdb\xef\xc4\xd2\x9a"\x0f\xd2\xbey\xd8\'\xdd\xe2\xb8\xce5W\x15\xdd\xab\xdcpw\xee\x11\xb5\x9d\xc1\xa9b\x99\xadH\xc84C\x84Jm0\x11-k\xbb\xf4\x1eF.\xc9\xf6(j\x16mzYZ\xe2\xc7\x16\xdf{\xa1\x1e\x96\x9f@\n\xa5\xb1\x10\xe0\xfd\x85\xab\x1d\x9e\x00\xe5S\xfe9p`\x18Z\xe5E\x05\xb0\xafW\r\xc7|!\xb8\xd3\xf3\xdboL\x9c\xb6\x0cF\x10\xd7Y\xb9\xd0R\xe6\xa1\xa7\xdd\t\xec%\x17\x9dx\xd1\x92q\xe7\x9a\xb0~\xbfA\\fl\xacX \xac\x8aU\xa4\x1b(\xd0.\x03#6\x1f\xd6*\xf00\x0b\xe9\xc7\x99\xf9\x8d\xc3\'(\x04Y=\x9a\xea\x19\x0c\x97\xc3\xcf\xb8\x87\xa2\xa3\xd3\xfc\xf3\xb2e\xde%\xf3\xb9\xb9=+\x80\xf4\xd1Z\x05\xb7\xca\x01bq\x87p\xd9_\xe0/\xe2\xb5f\xf0\xc4\xdf\xfc(\xea\xf6\t\xb7\xd8\xc5/@\x97\xbd{\xdd\xd4Dn\x18\x87.4\x856\xa3&amp;\x9d\x1cJ\x1eh\xd2\xcfQf(\x0b\xe8O\x12\xddAc\xe7\xffo\xe4\xbf\x17;\xda\xa5\x98\x19\xd3B/\xff?&gt;M\x03\xec\xed\xb50\x89\xdd\xab\xb2qB\xd7\xc9BZE\x9cc\xe9d0\x04\x90\xffa\x87\x9a\x02\x0e\xd5\xa9\xc3\x95\x8eg\x85\xf8\x83\xca\xe8Vh\x84`\x14\'T\xe0b\x18\xfc\xbfM~\xa2\xdb\x0ec\x0e\x19M_oE\x1csAz\x85j\xc2\xcd\xd2\xf0\x1b\xa6\xc8\x90\x15d\n\xc5\xb1\xb6M$\xef\x83\xa7\xdcxc\xb5\xb0.\x85~:\xd6A4\x1e\x80o\x8a \xa8"X\x1e2\x1e\xaa\xcc\xa2\xd1\x95\xdf:(\x89\xea\x8d\xb0t\xa2\xf2\xacH\xd1\xbc:\x17\xbb4Y\xc8.\x15\x1d*\xa3\x85R\xf3\x8f\xfal)\xd1V\x91\xd1{\xf5\xac\xecG\xdbw\x7f?\x7fH\xbc\x93\xa0\xa2\x0c\x91&gt;\x80C\x8b\x01\x01\x83\x8d\xbca\x8cd4gI\xc7^[\n\x02\xcc&amp;\xda\xfa\xa7\x8c9_U*[\xbb`Z\xf4X\xc96\x14\x91b\x97\xd4\xad{M\xcd\x1c\xc6^\xaar\xbd&gt;:\xcf\x8e\x8f\xe3\x08\xc4\xcd\xaa\xff*\xf1\xf0;t\xa4\xe8\x96\xb8\xdd\x0e'</t>
  </si>
  <si>
    <t>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</t>
  </si>
  <si>
    <t>b"\x17&gt;\x9d\x11\x8e\xd5\t\xc4\xb6\x0b\xf7'Q\x13/\\"</t>
  </si>
  <si>
    <t>a large servants' hall where there were four or five abundant meals
eaten every day, and where a great deal of lively romping went on when Mrs.
Medlock was out of the way.
Mary's meals were served regularly, and Martha waited on her, but no one
troubled themselves about her in the least. Mrs. Medlock came and looked at
her every day or two, but no one inquired what she did or told her what to do.
She supposed that perhaps this was the English way of treating children. In
India she had always been attended by her Ayah, who had followed her about
and waited on her, hand and foot. She had often been tired of her company.
Now she was followed by nobody and was learning to dress herself because
Martha looked as though she thought she was silly and stupid when she
wanted to have things handed to her and put on.
"Hasn't tha' got good sense?" she said once, when Mary had stood waiting
for her to put on her gloves for her. "Our Susan Ann is twice as sharp as thee
an' she's only four year' old. Sometimes tha' looks fair soft in th' head."
Mary had worn her contrary scowl for an hour after that, but it made her
think several entirely new things.
She stood at the window for about ten minutes this morning after Martha
had swept up the hearth for the last time and gone downstairs. She was
thinking over the new idea which had come to her when she heard of the
library. She did not care very much about the library itself, because she had
read very few books; but to hear of it brought back to her mind the hundred
rooms with closed doors. She wondered if they were all really locked and what
she would find if she could get into any of them. Were there a hundred really?
Why shouldn't she go and see how many doors she could count? It would be
something to do on this morning when she could not go out. She had never
been taught to ask permission to do things, and she knew nothing at all about
authority, so she would not have thought it necessary to ask Mrs. Medlock if
she might walk about the house, even if she had seen her.
She opened the door of the room and went into the corridor, and then she
began her wanderings. It was a long corridor and it branched into other
corridors and it led her up short flights of steps which mounted to others again.
There were doors and doors, and there were pictures on the walls. Sometimes
they were pictures of dark, curious landscapes, but oftenest they were portraits
of men and women in queer, grand costumes made of satin and velvet. She
found herself in one long gallery whose walls wer</t>
  </si>
  <si>
    <t>b'\xfdewA\xe4\x19\xcb\x99\xe1Cn\x9e\xf3\x94RU\xdc\xc6L3\xdb\x8a\xd0\x7f&gt;~F[\x04\xff\xc0S8\xb3\xf8\xed\x0ee\x82\xd0\x01\x99N\x06O\xaf\x89h_\x04L\xf4S\x9f\x15\xf1\x8aijKl\x80\xc9\xe6\xccY*\xad\x92-\x1b\x8d.\xcfx?\xa0\x9d#\xd2\x1a\x98\xdad\xaf\xf5H\x862Yd|\xb8^\xb1\xa1-H?;W\xf8\xf1i\xaa$\x9d\xa9\xd9T\x9a/2\x01\xe2\xa5\\\\J\xf2\xcfykjd\xe1\xcb\x1fH&amp;\x13\xb1\x82\xfa\xfd\x863\xe3\x9b\xf9*\x10\xd3\xd3\xd2\xdf\x815\xc8\xb9\x95\xa3\xc3\x8e\xee\x98\xf5\xdf\x94\x15\xde\x160e\xd2\x8fN\xae}\xdf\xa7\xfby\xd2\x97\xe5\xdc\xd7\xe4:\xe9\xc6H\xe4\x8ed\xa5\x95\x84\xab\x8b\x8a\xbf\xea\xc3\xc0Tg\x9b\xa9\x91\x89\xe7:1z\xdc\xf9J]\x9f\xcbx\xaf\xe3\xabx$\xc1\xf3\xc1\xcc\xef\xcf\xd2\x06@\x08\xf0h\x053\x1c\xf3\xdc\x85vi\x9d{o\xba~d.\x8e\x95f(\x02\xa2\xa8\x9fFV\x91\x1e\xee\xa7\x05T\xa7iS\x83\xc6\xd3\x08\x94xS\xc9\xa2\x1fd\xed\x0c\x7f6\xdd$H\x94\x84\x99\x96j*\x8a\xcf\xf6\xa2\\\xf1\xd5A\x92\x12\xcct3_\xc3R\xdfC\xe4cK\x00\xe6\xf6\x05%\xbat\x0b\xc6\xb7\xc7maLl\x1e\xbeB\xc1\xf9\xf2%"\x07` \xf14\xf7\xed\x06\x13\xdd\x05nV\xbeo\x8f\x91c\xd2\x1eP\n\x00\xcd\x8b3\xd5\x1c\x06jM\x1a\'\xa7.\xdb\xc1\x01\xd0.M\r-\x1b\xbc/\x1a$\xa0Dx3\'{\xb3\xd5\xfc\xfbd\xbcei\x15\x14\xb1\xadnSLY?\x9f\x18\xc1_F\xb9\xe0\x9a\xf7\x84F\xb5\xe6\x1e\x7f{\np`\x0b0"\x97\x95\xef\x1f(\xc5\xc7\x0c\xc7\x8cC\xc6\x0c\x0bj\xe8\xf2\xa3\xd16i\xa4_N"iCM .8\x8ci\xf6\xe4{\xc1\xd9\xe0\x80F\x94\xee\\\t?o\xd3\x94\xa0\xcf\xa3~?&amp;E\x11Mlun\xc1\x1eLs\xedd\xe9bL\xf0\xcaq%H]\xa2c~S\rPq\xde\xe4\x02&gt;\n\x1d\xd7\xc42\xf88\xe67\xec\x87\xfaEi\xe8\'\xceG\xe5\xa4\xc0\xd6\xb6\x8a\xaf\n\x00\xbdZ\x95BM\xfb\x9a\xd0\xa8u\xd1\x83AU\x14r\xc7\xe6Z\x04n\xd2\x06@\x08\xf0h\x053U\xe9\x11T\xc6X\x83\xd5\xf1\xc7\xde\xcf\x84\xb3\x92\x06\xa5\x08J\xbcj\x02\\P\xd4\xd7\xc5\x85\t2J\x8c\x82oh\x06\xaf$\xad\xdf]N\xe6\xcf\x99\x82\xff\x03\x1c\x17\x89\xf0\x19\xe9q\xe2\xf2\x99=\x97\x9dfl\xfd\x0eYD\xfb\xc6\xcc$1\x840\'a\xd2\xf2q\xf2e\x9a\xf6\xdc\xf4I\x04\x1f\x9a3\n\xb4\x02BP\xc1k\x02G\xc6\x05U\xeaN\x93\x95&gt;KID\xae\xf9c \xfbn5\xd7\x8f/\xc7O\xca\xa8\xab\xdb\xdbR\xd5\xa6d\x05n]\x80\xe0\xee\x8e\xb0GLrI\xe7X^\xd57"\x94\xa0\x962\x11F\xaf\xf9\xa2\xd8\x12\xbfw\x84&lt;\x90\x8f\x13\x88\xd1\xd1\xa6\xa7\x1b\xe74\xebY5Wa\x95\xadDa\x86n\x1a,\xe0\x82\x82\xf1R&amp;n\x9bjU\\\x84\xb1=*\xad\xd2&gt;\x0c\xdd\x14\xc7\x1c4W\x10Xw\x02\x10\x08\x04n?\x89O\xcf\xb9\x8c\xfd\x10\xa3\xbf)\xda\xebq\xda\xddM\x839\xe3\x192Z\xc0\x83\xa3\xe5\xfdY\x1d\xfcZR \xac\xf6\x8d\x1f\xe3\xbdLF`_\xe4\xa5\xccL8\xe0w\xb9\x81\x8dA3\x0c\xdd\xbd\xb9\x9e\xb6s\xb9\xe1\x87\x19:\xc7`\x1c\x83\x89\x85\xaaY\xabG\xd1dU\xe2\xe0\xc5\xa4\xc6]\xad\xe4\x81*\x92\x92\x07o \x17\xe6`\xa5\xfc\xb6\x83\x1f\x05K\x153\x92\xb6p\xbfL\xd7v\xbdPt}\xda\xe7\x00_r\xab\x86\x13\xebY\x82p!\xdc\xd38\xd6\x1f:\xa2\x9a\xf7\xd9c\x8a\xe9\'\x16\xa9y\'\xc4\xe94\x97\xa2ZK\x11\xce\x86\xccM\x0c\xfcA\x07\xc5\xdfb\xaf\x16k\xc1Du\xdb\xbc\xa9\xd3"\xebO\xcc\xacy)\x10\xc3\xf0\xfaPf\x1a\x02"\xe1\xeeHg\xf5P\x07\xf5!f\xd2\x04M\x16\xd8\xa1\xeb\xea\xfe\xde\xcf\x8e\x96\xbf\x0eU\xce\xfe\xc7\xdd\x0f\xc3X(\xacB,*\xcfL\n2\x12\xb6\xabL\xc7\xd2\xb8\xc4d\x80m\xa9\x12\xde\x1f\x0e\x02\xbfi4\n1\xa0\xde\x89\xba\xec\xf0\x9c\xcfL\x18\xf5\x89\x81\xd1\xf3I\x86#LNo\xac\xb5\xb5^\x8d7.:\xe8\x10\xc1\x1b\xc0\x8bg\xad\xbfXq\x8eY\xe3\xd1\t\xfd-9&amp;\x1b/\xc6\x0f\x10\xd6n\x85\x89\xa4\xda\x92\xc3\xf2\xdcH\xca\x91\xe3D\x81t\x15\xd6}E\xa1W\x92\xc5\xea\xd9\xf1Z\xbbT\xa1K\xbc\xf8\xb2\x19\x15Y\xb8\xda\xe6\x91\xf92\xeaP\x8e\x10\xfc\xab\xfe\xb9mw\x02_\x82\xeeW\x9b;E\x89\xb5\xd9\x8e\xc9AW\x07Jv\r\xed\x06f\x1a\xeaz\xb2\xf1f\xb4\xe7A\x02\xccc\xbb_*\xad\xd0\x94z~D\xc1\xf5\x16CH\x12\xc1\xee?\x96!\xadn\xb8\xd5\x9a\xfd\x9c\xe0Q&amp;\x84\x87\x9e2\xd6Af\xcfv\x1a\xac\xe2\x19\xf3Er\xfc,\x13Gy\xb2RIXv\x1a_0M\xbf\xc5j\xc8\x86D\xb2-\xfb\x9eC\xf0\xc0\x13kc\xc7\x99j\xc9K\x9d\xc9\x13eR\xe7\x9e\x01\xab\xc2\x05\xd5\xba8\xa0\xb7T\x12\xe7B\xf9\x84\xfa\x9d\xc1\xf4gb\xc3\xe8PTr4\x11\x1e\xb7\x01\x81\r]c\x8eAT-5\xad\xa8\xa7.a\x03\xe1\x88p\xe0\x0f\x9aN\x16\no\xb9\x8bPm\xdc,\xd3\\\x00g{\xb5\x85\x03\xc46!\x19\x8b_#l\xef\x03\xa2\x17\x92:\xf7T\xfcp\xf4\x9f\xb3\xdfV\xb6`\xf2y\'\x81\x05&amp;\xca\xf2A\xb2Q\xb2\xfeD&gt;\xe0i%k\xa0\x9f\xfb\x06\x96a\xe5\x06\xb0\x95\xf9\x9a\x9a\x01\xbd\xe9\xaa\xcf\x8d\xa0\xdb\x91\x8f^\x87\x8d\x0f\xd5\x91\xea\xb2\x97\x84\xe0z\xc2G\x9c\xdf\x96\xeba\xc0nv\x03( *fG\x95\xd7q\xc6\xa0/\x8d\xa3\xc8\x83\x19\xbd\xaf\x0f\x8e\'f\xd5&gt;\x0cG\xb6\xf7\x10\xfftm\x9dF\xbdl\x18c\x87\xe0*N\xa08\x85#N\x15o(a\x93\x18U\ne\xd7\x94\xa4@\xe57\xca\xb0;\x0e\xce\x9f\x1a\xecLg\xe4\xec\xcf\x94\x11\xdf[\xd0\x9b\xba\xe1)Zi\x120\xfa;\x82{\xdb\xa7\x878\xba\x95\x93\xe75\x98+\x03\xbd\x80\xfbjg\xa0\x19tka\xa1\xcf\xf3\r\x9eZ\xd3\xbc\x0f\x12b\x14\t|\xc0\xbcn\x05\xf9"&amp;0\xf6\xbd\x84\x06?\xa9t\x0b\xc5\xc5\x84\xd3\xfd&lt;\xbdEz\n\xd1\n\x08^\x1f\xf1\xd9B\xae\x159=0\xec\xb0\xef9\xf3\xf7\xcfIJ\x1b\x13\xebK\\=\xbeI\xa9\x8dA\xdd\xfby*\xcd2|\xccN\xec\x16/\x93[\xb4\nA\xa5\x9dMoB\x19\xf4k\x9e\xce\xd4\x98\xea\xa9\'\xb6\xce\xe2ZdT\x1a\xf7+Z\x1f\x11h]\x1b\x037\xcc\xe53\xe6\x80\xa4oD\x04\xbf\xfe\xf22E!9\xda\xc2\x94\x946\x92f4\xc6U"\xefd\x00\xcc\xad\xa5\xadm\x1aw\xdf\x89\xad\xd4I\xf9\xbd\x82\x18e\xa6\xc3\x9d;\x1cg\xc3j\xef\xfa\xd4\x17l;w`\xb0\xfe\x80\x05y\xa6z\x14\x8aF\xd4P6~\xd2~O\x1d\xe9*\xa8`\xf5\xe4\x14\x0f\x0c\x87X\x14\xfa\xa9\x86\xfc\x84pj\x01\xf7\xfaS\xc6\xb0{\xe4\xfa?\xd5o\xff,\x05\x90\x1b\xe1\xe6\xb9!40\xfb~\xbe\xec\xcd\x8e\xfdt^9\xc7\x1c\x8b^8\x8fdLH\x8e\x8baQO,\xbdQzi\x9c\xa1\xf3i@\xc7Gq\x08d\x05\xa0\xed\x1e\xbf\x01"\xb9\x9d\x83\xb1\x1d9\xd5\xb9/\x12\xb8\xad\x93\xeag\x90v;}\xd8\x06\xf4\xc4T\xc1L\x82g\xcb\x12\xee\xd9v"O\xde\x86\x83%D\xbe\xa0i\xd3=\x9f#D\xf2\x8fo|\xd8\xeb\x8dp\x06\xabi0f\x18\x19&lt;\xad\xbfi\xf6\xd5\xca*E\xc4\x83s#\xdc\xdf\xd9!7+w^N\xef\xc5hh\xbd\xe8\x03\x8c\xda\xa1\xb6\xb8\x18\x1f\xbc\xdb\x9d\xc2\x0e\x1fvD\x15U\xb4\x05\xd5\xfd\xcb\xa5\xb0\xca\xc6\xe6\x81\xaay\xe1I\xd2\xdf\x815\xc8\xb9\x95\xa3\x8e@^\x8c\xd5\xd6,\xf3K\x05_\x0f\xa0W\\4\xdf\xebv!\x9b\xf9\xee\xa1\xbef&gt;&amp;Vd\xab\x12S\xac\x08\xe1\xf5\xf9\xdc\x8c\xc1\x86,\xc3*tM\xe8C\x97\x12\xb2\xa4\xa4\xb6\x93\xd5\xf4f[\x14\xb9\x06y.$\xc0E\x90H\x0c\xd5\xd3\xec\xe7\xfcT\nl"\xaa\x9c&amp;M1f\xe4\xd9\xe4\x80\x9eLy\xbf\x917Y\xf0Q\x91\xf4\x02\xb7..\x0b\xda\xe1[\x0c`\x9b!1\xde\xf0i\x80\xb1Yl\x1c\xd9\xc1\xec\xa20&gt;+os\x00 Vh1~\x8a\x87\xe8\x97U\xa3FS\xa1s#i\x85\xc8\xae;;|r5\n\xba\x00\xf2\xa9M4\x17H\x88\xf5\xeb\xba\x7f\x9e\x88\xb30\xf3\x8f\xd6\x98%\xbeb\xc0\xe9\xde\xf5\xaf\x17)\x84\xe44\x83)\'\xcb\xa6\xc00\xc1 \x04g7\xb0\xf3\xbaaM\xed\xfa\x1f\xef\xe7\xd0t\x8aJ/\xdeQsN}5\x87\xf7\xd1\xc6\x95\xbck\x90\x02\x9a\xc4\xbb8\x84\x8d\xaf\xdf\xca\xd21j\xd7\xf1n\x05_@\xea\x03*\xfd\xea\xee~\xa7d\xb0\xa0\x8e\xcc\n\xdd\xcd\xaeN\x13k\x8c\xe1\xe2\x060-\x12:\xcc\\\xe8e\x90\x16\xca\xf2d_\xc7\xe9I\xdc\x13\x14]\xb2\x19U\x97VC\x85\xc5\x15\x7f\xd8`E\xea\xc6\x1e!\xb3\xce&amp;\x0b\xdeS\xa5\xff\xefP\xee^\xd5i\x85\\haJ\x83\x7f\xf3\xc6\xae\xc9\x05\x1dG\xaa4\xd4-\xd3(\x85O\x1f\xc3(\xc4\x03\xde\x16\xee\xf5\xfb\xfb\x15xm=:\xd1\x18r\x95\xa7s\x9e\x08\xf0\xfd\xa9\xb6\xb095\xe8m[\x0e\x02\xee\xd9\xa6\x9e\xda\xd7\xa9\x95\xa4\x82\xa2\xb0g\xfdo\x0f\xb7\x8c^0$\xdbj\xa5\x86\xc3\xb7bi\x7f\xc7\x92S\x1e\x16^\xee\xf0,B\xfa\xea\x86\xb3\xf0z\x90\xfb7\xda5Xw\xfa\xd9\xaaM\x81\xd5\x033\xf8\xef\xe9\xc2\x05!\x01\xb5*z4\\b\xe1\xe7\xdf\t\x12\n\xd9\xbe\xdcV`\xeb]\xedl*\xe6d\xc5\xe5\x87\x03\xd7\x1a\xd4\x9eY\xa5/*\xd1\x057j&gt;\x99\xfb?Wc&lt;\x17\xb1\x01U\x7f\xa6E\xacb\x1a\xa3];\xcd&amp;k\xa6\xe7\'KP;&amp;\xd5\x98\xff\xab\xd8\xfb\x14\xf7\x06\x86=i\x9dD\\\x1dm;\x80e\x93\xa7\xdb\xedFC\xf0|\xb7)\x11\xb4Vn\xb0\xdf`#)\t&lt;m\xce\xc5'</t>
  </si>
  <si>
    <t>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</t>
  </si>
  <si>
    <t>b'\xfdewA\xe4\x19\xcb\x99\xe1Cn\x9e\xf3\x94RU'</t>
  </si>
  <si>
    <t>not then know,
 that he had formed an acquaintance with a set of men, a disgrace to their
 species, who live by plunder and pass their lives in continual debauchery.
 I knew several of the Chevalier's family, resident at Paris, and considered
 them as sufficient pledges for his introduction to my own. But you are ill;
 I will leave the subject.'â€”'No, sir,' said Emily, 'I beg you will proceed: I
 am only distressed.'â€”'ONLY!' said the Count, with emphasis; 'however, I
 will proceed. I soon learned, that these, his associates, had drawn him
 into a course of dissipation, from which he appeared to have neither the
 584
 power, nor the inclination, to extricate himself. He lost large sums at the
 gaming-table; he became infatuated with play; and was ruined. I spoke
 tenderly of this to his friends, who assured me, that they had
 remonstrated with him, till they were weary. I afterwards learned, that,
 in consideration of his talents for play, which were generally successful,
 when unopposed by the tricks of villany,â€”that in consideration of these,
 the party had initiated him into the secrets of their trade, and allotted
 him a share of their profits.' 'Impossible!' said Emily suddenly; 'butâ€”
 pardon me, sir, I scarcely know what I say; allow for the distress of my
 mind. I must, indeed, I must believe, that you have not been truly
 informed. The Chevalier had, doubtless, enem</t>
  </si>
  <si>
    <t>b'\x99k50\xfb\x8a4[`\xdeS\x1bYB\xa7\xcdl\x0bB8\x1c\xc6\xf3n\xa7\x9f\x16\xd4\xe7\xb1\xddI+\xdd\xc2\x88\t0Q5k\xda\xeb\x8fK\x16\xdf8\xe4\x83\x9e\xd9\xca\xd3\xc0\xee\xea\xaa\x81\x01\xd0!Z\xa3'</t>
  </si>
  <si>
    <t>996b3530fb8a345b60de531b5942a7cd6c0b42381cc6f36ea79f16d4e7b1dd492bddc288093051356bdaeb8f4b16df38e4839ed9cad3c0eeeaaa8101d0215aa3</t>
  </si>
  <si>
    <t>b'\x99k50\xfb\x8a4[`\xdeS\x1bYB\xa7\xcd'</t>
  </si>
  <si>
    <t>the place he had so long forsaken, and he did not know
why. As he drew near to it his step became still more slow. He knew where the
door was even though the ivy hung thick over itâ€”but he did not know exactly
where it layâ€”that buried key.
So he stopped and stood still, looking about him, and almost the moment
after he had paused he started and listenedâ€”asking himself if he were walking
in a dream.
The ivy hung thick over the door, the key was buried under the shrubs, no
human being had passed that portal for ten lonely yearsâ€”and yet inside the
garden there were sounds. They were the sounds of running scuffling feet
seeming to chase round and round under the trees, they were strange sounds of
lowered suppressed voicesâ€”exclamations and smothered joyous cries. It
seemed actually like the laughter of young things, the uncontrollable laughter
of children who were trying not to be heard but who in a moment or soâ€”as
their excitement mountedâ€”would burst forth. What in heaven's name was he
dreaming ofâ€”what in heaven's name did he hear? Was he losing his reason
and thinking he heard things which were not for human ears? Was it that the
far clear voice had meant?
And then the moment came, the uncontrollable moment when the sounds
forgot to hush themselves. The feet ran faster and fasterâ€”they were nearing
the garden doorâ€”there was quick strong young breathing and a wild outbreak
of laughing shows which could not be containedâ€”and the door in the wall
was flung wide open, the sheet of ivy swinging back, and a boy burst through
it at full speed and, without seeing the outsider, dashed almost into his arms.
Mr. Craven had extended them just in time to save him from falling as a
result of his unseeing dash against him, and when he held him away to look at
him in amazement at his being there he truly gasped for breath.
He was a tall boy and a handsome one. He was glowing with life and his
running had sent splendid color leaping to his face. He threw the thick hair
back from his forehead and lifted a pair of strange gray eyesâ€”eyes full of
boyish laughter and rimmed with black lashes like a fringe. It was the eyes
which made Mr. Craven gasp for breath. "Whoâ€”What? Who!" he stammered.
This was not what Colin had expectedâ€”this was not what he had planned.
He had never thought of such a meeting. And yet to come dashing outâ€”
winning a raceâ€”perhaps it was even better. He drew himself up to his very
tallest. Mary, who had been running with him and had dashed through the door
too, believed that he managed to make himself look taller than he had ever
looked beforeâ€”inches taller.
"Father," he said, "I'm Colin. You can't believe it. I scarcely can myself.
I'm Colin."
Like Mrs. Medlock, he did not understand what his father meant when he
said hurriedly:
"In the garden! In the garden!"
"Yes," hurried on Colin. "It was the garden that did itâ€”and Mary and
Dickon and the creaturesâ€”and the Magic. No one knows. We kept it to tell
you when you came. I'm well, I can beat Mary in a race. I'm going to be an
athlete."
He said it all so like a healthy boyâ€”his face flushed, his words tumbling
over each other in his eagernessâ€”that Mr. Craven's soul shook with
unbelieving joy.
Colin put out his hand and laid it on his father's arm.
"Aren't you glad, Father?" he ended. "Aren't you glad? I'm going to live</t>
  </si>
  <si>
    <t>b'\xb0\xe7E\x9dn\xb3\x18\xc1\xea^\xfe\x8dl\xb18(\xbe\x9a\xcd?\xf9\x87A\xed\x9e\xec\xd3\xe5\x19/\xfd\xc0\xfc\xd6\x0f\xe0\xc0\x08\x1b\xbc\xcd\xc3nT\xbf\xe2\x97\xcc\xfa\xb0\xcc,|n\xc0H\xd6\x1c)/M\x96BX\x19r/\xf9&gt;\xe0b\n\xd2\x8fi\x14\x8e\xce\x9c\xdd\x1f\x9epd\x9bDA\x88\xff\x96\xd7\xec1\xbf\xd3\xf8\x163\x83\x8a\xdc\xf0\xee\xa9\xc2`93\x06\xe5(g\x84\xa0\xb7\xe5S\x82\x8e\xe1\xfebV\x0c{3\x19\xa9\x1b?8\xafs\xfcQD\xfa\t\xba\x98a\x18t,m\xbb\x1a\xb8zr\x18\xc8\x9dHJ;b1\xdf\xcdq\x18\xc4S\x12\x03\xf1\x93\xb1\x1dP\xe0\xcd\x92\x86\xb1\xf3\xcfC\xa6e\x96\xda\x9cGI`\xeb&amp;\xf6\xb6\x01\xe1\xcb\x89\xee\x9c:\xb9gY`A\x93\xa2?\x03\xe4\xc0+\\\xc0\xc8\x99\x12\x00\x8d\xd5\xd8\xf2\xce\xd6\xbd]\xb4\xba\xc1D\xc5+i_\xfb\x04\x1f\xed\x9d\xcf\x81\x0e\x02\x0e\xf6c\x87\xcb\xdc\x91\xad\x97\x08\xe6\x18\xf1\x13\xdc#\xf5\xde\xdbr\xf7\x8c6\xc5;\xeb\xb3V]\x00\xc9\xc4\xb4\x8fj\xc2\xbfh6\xee\'\xf0\x0b\x1f\xed9\xa4*\x12\x94\x8a\xf8\x92\xdf\x88\x8cH\x91~\xe47\xaf0\x9f\x06\xed\x98\xf0\x97&gt;3\xdf\x93C\xbd\x1a\x01\x95=\x85\xe1\xed #\x13W\xbf\xe3\xb8\xca\xccl\xb8^\xeb\x96\xe3\x19#\xa87\x1b7x\x16\x07\x02\x08\xcf\x822\x8a\x01}k\x01\xdcs*\xc2\xc5\x00NS\x8dx\x91\xbc\x9de\xc95\x12\xf0I\xb7\x93ciAD\xe6\xbc\xfc@\xca\xdb?\xec\xee\x8a\xb9A\xc9\r\xaf&gt;\x908\x8e\x88|\xdbcr\x05$\x9e\xc3\x03\xc4\\\x9f\xe7\xb9\xe4\xad\x1c1w/\x91?4\x7f\xe7\xfd\x10^\x84\xdc\xef\\\xe8\x03\x9c\xf5\xf5\x18O#\x8f@E\x97:V\xd4\x07r\xd6\x8b\xcf1\x15\xa1~\x84\x13\\\x85F\x9c6\xa2\xd8t0&gt;\xf1\xc8\x00\x90\xd9\xaf\xfbf\xaf5FEcd\xe4\x7f\xd4F\x18\xec\x019\xc01\x05Ta:d1\n1\x83\xa9\xba\xb8\xa0\x96a\xb8Q\xc2\n"x\xc4\x97\xcf\x86l\x19\x8ej\x07\xf0=\xc1\xee&gt;\x1a\xaa\xf2sA\xb3\x1e\xb4x\xcf3h=l\xd2\x19\x8e\x97I`\xc3\xcd6\x08\xf8\x94\x82d\x04\x84h&amp;&amp;\x9b#\xf7y\x08_\xbc\xd1\x80\xc2\xbeNrok\x17\xab\xf4\x9bJ\x98W\xfbjo]\xed\xd72\x15\x82\xe0\xfa,\x0e\x7f\x0e\x9e\xf9\xb2m\xbf\x9am\xd69\x02\xff\xe0\x063\x9a\x1bC4\xe4\x86\xb6\x97BQc0O\x98\x95\x93D\rN\x0b{who\xc7\x88\x00\xc9xz\xb7\xe1\'pp\xf3H\xef2G\xaa\xbd\xfc8\xb5J/0P\xcf\xb6}\xc2f\xedCv/\x0f\xf6\xd7\x00~\xb2&lt;\xfe$\x02\xa9\xd7\x16\xfe\t\xb0m\xdb\x0c&gt;\xa9I\x86\xb8\xef\xbchz\x9f$=\xf2u\xd5\x95\xbd{\xc46\xd3\x9e\x98\x8c\xed\x11vc\ty\r\xdc\xcf 7D\x9d\x8f\xa5\xbf\x13N\xbd\x19\x9ay*\r~\xed\xa3\xea\x95\x19\xa7\xde\xe5\xbd\xfa\xed,e\x11\x85\xe7#,\xf4\xd5\xd2\x13\x9e8\x1b\xdc\x87w\xe3\xab\xb3\xf2\xb2&amp;\x17g\xa5\x97\xeb\x17\xb8)\xb0\xbf\x80\t@\x9b\x8fe0J\xbf\xd5W\\\x8e\xb1\xaad=\x05U\x9fh\xf4\x02y\x88\n\xd8\xca\xc2\xea\xc3s\xc6\x00\xbft\xa2&amp;\x8cY\x9f\xa9\xb4\xc0\t\x97\xfb\xf3"\xb7@1\xf6\xc1\x15o\x88dmnUT\xbe\xd5b\xe5\x0cN\xa6\\5\xa4\xdb3\\R\x80^x\x94\xaf\x01\x89:~\x00W\xa6\'\x1am\xe2Un\xd8\x1f\'w\x86\xe2\t\x82a)m93.g\x9b\xdcpK\x07\x15\xbe\xe3z\x99\xc0-J{\xb4i\x9a*\xd6m]\xa0\xbe\x02a\x11\xbc\xe5\'\xcbf\x8a\xbd\xf7\xbaF9}\x17\xb2u\x8a\xc0\xbc\xf2%\xce\nv\xe2b\xc1\xf0\x02\x0eR2\xa2\x04i \x99\xaeXz@b\xf9\xcdOB\n_\x9a\xcfm\xaa+\x14j&gt;\x92T0;\r/\xa9S@:\xbc:{\x11q\xb1\xcfCS\xa8\x10\xda\x01\xfb\x9dY|:\x18\x8f\xcc\x94\x8c\x1c\x1e\xc5V\xa6oT\xdf\xedr\xaffp\x88\x86\xf9\xbc\xd7\x06\x1a\x06\xe8N\x13\x1c\xf7F\x02b\xd5\xa7\xd2\x97\x12\x8e\x8bpy\xb6#?\x9c\x05\xd0u\x14\x90\xb0{\x1a\x8c&gt;\xf8\xcfz\x12W&gt;1\xa7!\xb62\x99\xc3J\xbd\x1f\xc86\x81\xcef&gt;\xb7E\xd5 \x9f\x0c\xe0\xb4n\x9c\x02\xc2T\x11\xc6h\x0b\xdbBo+9Q\xb2\xaa\xefD\xbb\x81\r~9\x8b\x0f\x9d\x98\x12\xf0\xfdsf\xc8\xa7\x16\x88\t\x04\xa9\xce\x85&gt;\xaf\xe9\xc6\xde8\xe7\xd4\xb8\t\xa1\x84\x99\xaa\x11\xe1\xd5\xc9%E\x14\x02\x84\x8e\xaa\xaa$2FN\x1dc\x82%e\x10\xc0X8\xba\x17\xb3\xdb\x1a\xd5\x84D\x89\xf1\x8d\xb7\x18s\x12\xd8U\xcd\xbf\x06\xe1\x868\xfa\xa2\x0fR{\xcc\x08i\x02UV\xac\x95G\x10\x05=[\x8e\x10Yr\xe6pF&gt;\xa09\x8d\xb7{\xcf\x02\xef\xb1C\x85\x054\x85\xbc\x8fj!\xe5.0q\xdc\xed\xacsT\x96i\x04\xd8N\xe0S\xfff\xbf:M:\xae\xd6\xcd\xf5\x9d\xc6.\x16E\xbd\x13\xd3\xd9\xd8\xfb^\xaf\x8bl\x1b\xfa\xe4\x97Zom\xfb\x87\x8c\xcd\xcd\xe2\xd4\xfd\xb7\xb5\xe1nQc1N\xb4\n\x00\xd9\x02b\x04\x15\x10\xfc\xb6FD\xae=Om\xaei\xff\x94\xd8J\t\xbb\x9di3\x07?\xd7\xae\xaf,Y\xa40\x9a\x1ao\x82\xce\x16X\x8bg\n\xe3x3\x9d\\\xbdo\x8b)D\xf8\xc9k\x93\x8cF\x99\x05\xf3o\xab\xc5\x1c_\xb4\xcb\xcb\xd0\xdc\x8b\x88b{\xb8Vm\x9d\xf0BZ\xf1_\x1e\xb8\xdc\x99\x08h\r?[o\x17\x0b\xa8`5\xe3|\xa0\xda\xbe\x92h\xe8\xde \xb1h\xc2`\x82\xbdp8\xb1r\xdbZ\x00\xfc\xb0\xda?)\x004c\xc2\x7f\xc3\x15t\x8f\xa6\xa5\xb9\x8b\x94J\x8d\x1b\xa4\xfb\'\xbf\xfcJ\xc2\xb4Ry\xe1\x9f\x15\x04\xbcO*\xee\xffjR"\xc0u\xec\xb0\xb1\xd0Z\xb8{\x9b*\t\x87n\x9d\xc6\xc6\t\x05XNT\xd1{|5\xdc\x055\x9d\x8a`\x0e\xe80\xee\xfdT\xce\xdf0\xdf\xbbe\x10\xeb\x16q\xcb\xacg\xde\xf9\xe9\x7f\x10\xd8\xd7\x8d\x9cc\xa9!\xa2N\xbf?\x13\x14\x1bZ5\xd2l\x0e7P~\xfd&lt;\xc0\xadH\x92\x92\x92k\x97s\x88\n\xbcE\xcb\xfcu\xd6{\x15~U\x9a\x06\x02\xbe\xcd\x1cc\xaf]L(x2\xb0\xc4\xc5\xebSj\xa2\xa0\x92\xf4\xeb\x969B\xaeVq\xf5U\x04c\xc6\x1e6\\\xffx\x01\xec\xf9\xda\xbb}\tb\xbf*\xf9j\xce3\xc4\xdc\x01\x1f\xfe\xcc\xb71\xdej+\x12\xef-\xf3O\x1bQe\x97P\x92\xeby@\x1b\x81\nTX\x8f\x9a\xde\x0e\x92%h\x91\xb05q1\x16\x0ff\xf7@\xa0R\xb5 \x9d79\x05\xd4@U\xcb\xe4$\x1b~\x02!\xcf\xec\xa1\xcd\xf6aY\xf5LS&amp;\xd5\xd87\x12\x99\x17\x86\t\xdb*\xb4\xb4&lt;\xf1\xf1gq\xc9\xc3p\x11\x8a\x15j@\x82\xad\xecY}G\xa4\x8e\xb1\xb0\xfa:\xf9l\xd9\xbf#\x10\xbd]\r7\xa3\x1f\xca\x01\x98\xc0\xabu\xa1\xadh|\xfa\xb3\xf8\x96!(o\x90n\xf7\x07\xf6?Eef=\x10\xab\xf1\xa4\x92\xa8u-\x8d\x9fXl\xd2\xa6\xbb\xf9\xe0R^\xa0d\xd0\xeed\xd9\xe1\xd5\xca\xce\x0f\x01\xa4\xc5\xb5\xd86\xc1|;a\xbe`Hl\x15\xb8#\x8c\x80]\xcb\xf0[\x00\x16\xbb_\xcc*\xff\xb6&lt;\xd5\xa0\xe3\xec}\xd5x\xe8[\x9a\xc4\xd3\x95\xbeh\xb1\x13\xa4\nE\x07\x0f\xf2\x02\x05W\x87\x06\xee0\xe68\xc6\xd7\xd0\xc5j\xe9\xa1\xa4\xf6\x87\xfd\x1c\xe0%~\x1dtQ\xa3\x1f~\xe6-1#W\x87\xff\t\n\xd3\x15\xaa+\x84\xec\xbb\xb7\x92\x07\x99St\xc9\xa4\xb4\x9c\xfa\xb7u\x07z\xf46\xf0\xd4d\xc4\x84\xd5\x9c\xbe\xcehS\xb0D\x140V\xe9\x97\xb7\xb7\xdc\xf4\xf1\xf0_\xb3\x8f1\x19\r3\xfb~\x16Fa&gt;\xe7\x13Br\xaa\n\xe3\x00$\x88&lt;\n*\x0b\xee\xf5\xbf\xa1\xa4#\x801\x16n\xdd\xe3l\xaaPx9l\xd5\x9e\xc4V\x068Y\xf7\xb8t\xca\x9e\x81{\xb4\xd3K1\xc1\xd1\xee\x00\xf0\xa1C\x0f\xed\xc0r\r\xc5\\\x11\x8e\xdc\xc9\x17b\x83\x02Z\x0cA\xaa\xcd\xa6\xf5;G\x88\x00{;R-D\x95\xd6a\x87\xc6\xb5u;\x06\xcc\x9e\'\x82\xb3W\xc5H\xfeP\xfe\xa4(I\xd9\xd1!\tA\xd0R\xdaR\x16\xd8\x0e\x12\n\xa7R\x9f\xea\xbd\x88\xd8\xae\'o\x059\xfb\xd0E\xdf\x89\xfe\x86bK\x8b\xae\x8d\xc1I\xea\x18\xb6\xa7]r\x9b\x19\x89\xd0\x92\xf2\x8e\'L \xdd\xba\xb7\xd7w\xcb\xf5&lt;\xcd\xe1\xe6\xac\xcd\x97\xdeI\x9e,\xc4\xd1\\\xddx\xb1\xa6\xd1\x8a3\x03K\xb0\xf1\x07|\xac\xb5c\x9d\xd9\xbd\xe2m&lt;z\x94\x8e\x894&lt;H0\xf4\xb8bt\x9bs\x87\x93\xd1\xa0\xbf\'\xa5\x12\xdbt\xcf\xb2\xa3\x9b\xc7^\x1a\xf04g\xccV\xa0\xe8\xea\xff\xb9d\xd6\xae\xce3\x92C"\xf0\x07\xebw$\x00\xd2\xaa\x8eK\xf3+\xcc\xd8\x96l"\xe8!\x04\xbfB\x0b=|0\x0e\xb97\xe7\x99\xd4&lt;\xbc\x93\xf1\xd3\xe8\x86\x8f7?{7\x13\xc9Qe\x15\x8av\xa1\xb26\xfb8\xd1O\xe4G\x89A\xcf\t=}\x16\x82\xb2\x95\x9f%%Y\x81\x93\x0c_60\x15\xc0\xbc=\xe9\xd8\xa7\xc8f.\xebz.\x9c\xbb\xe1\xf3\x08\x01O\x14\xcdu}\xdft\xc3+\xc6"Y\xa0K\x98yr\xc9\xec\xafQ\xcc\xce\x80\x83\x9b3\xc8\xcej\r\x99F\x13_\r\xb6\xde\x19/\xab\x8e\xebK\xfc\x7fI\xc0\xe7\x7f\x04v&lt;F\x13eHZ{\x87]sM=\xf8\xc8\xe8\x81G;\x0e\x10\x84\x1e\xf8\xaf1q\x89\xd1\xc4\xe9\xb3\x14\xd0!\xcd\xaf6\xc3\t\xb1p\xfc@\xfb\x07\xdb1\x00`\xbc\xfb@\xdd1AC\xc8\xb5H\xc8\x90\xach\x85\xbf\xab\xe1\xc8\x0ei\r\xd3\xaaw\n~g\x8f\xc2\x1f|\x87v\xb0u1\xd8\xbe\xf1\xd3\xcf\xbf\xc8I\xad\x1a\xe4\x14\x9f\xba\x96LTq3\x1d\xde\x98\xc5\x95NC\x19\x83\x877R\xa4W\x87|\xd9\xb3,B\xc0\xa5\x87\xeff\xc7\xf0G\x97\xdf\x95\xcb\xab\x10\xacb\x83\xe8\xa4\xb6\x16\x13c\xa58\xf5\xd3\xa8\x19#\xc4\xc0\x87w\x162o\x87\xb0j\xa3\xdedtW\xfcJ\x87\x82\x0eq\xeb\xc5I1\x82\x01\x8dTg\x9a\xce\xc1#\x9c5\x97p\xa7\xc1\xd0\x9c\xaaW\r9\xd5xIYBX\x16\xf0\xcb\x8e\x16BT\x83h03!\x02\xec\x11\xdd?\xb8\xeb\xb0\\]\x9a=-\xe0^\xde\x80\xd3XI\x04\xaf\xb8\xfd\xbf\x87C\x8b1\xec\x05\xceFd\x0c\xe4{\xb5\x9c\xd3e9\xee\xb3\x87\xfd[7\x93V;\x8d\x8bo\xe2*&amp;[\xa3c\x08s\xaf\x04\x9b\xc8\x03\xbe\x8bG\x01\x8e\xbalR\x80\xef\xf0\xfd\xee\xae\xc35 C0F\xb5\xde\xf7\xb3w\xf9\x82p\x98\x159\xca`\x03\xd3T\xaaxeQf\x9b\xde\xc2\xebS\xbbJ\x01\xd8ll\xbb\x87&lt;1\x18\xfb\xdb\x83u\xdb\x92\xb9\xcaO\xa9\xaf\x04\x18\xad\xe6 \'\xd8\xa5\x8f\t\x0cL\x80@k\xf9\x86w\xa0\xff\x06\x05%\x9b\x10!\x08s\xdf\xdb\x98L\xb8X\xcd\xe1\xf9lU\xee\x85\x18\x01\x8e\xc7\x94#\x8d\x82\xcb\xc0\xb9\x93\xecO\x18\xdc\x91+\xf6\x98\xe6a1\xe2\xe8\xf6\xf0\x96\x8c\xe0\x8c \x1a\x04\xc6\xdc\xc9\xbc\xa7\xd4@q\xc9\xdd\x03\x1f\x12\xb8\xf0\xcb\xe4\xdf\xc3\xf0\x99\x0ct\x1b\x80\x05\x8c:\xc2C\xf1\\\x00\xb1R\xabL\xa4/V,\xc1\x91\x84\xd3C\xf1&gt;%\xfe\xc2\xec\x87\x16\xa6\xcc;\x8b\x82$k\xd97\xea(\xca\x13\xa4\x80\x18u:\x02\x97?\x06\xd4\xd6\x90\x05\xf9\xbap"\xfc\x08~\xe3\xd0}S|\xd0-\xec\xe4\xf2R\x1f\x04o\x8e\xd9^\x86qi\xdf\xa9\x92\x8d\xc5sa\x88\xe3\x0b\xba\xe4{\x84\xda2sA[\x91\xed\x86\xed\x18F\xe5\xbd\x8b\x90"\x1a\xb0j\x8c\x8bQ\xd9&lt;\x87\x0cYf\xe2\xa1\xc2cH6\xd5\xdfAG\xf1\xb9\xe7\x927\x1cLX\x05\x11\xa3\xad\xe2\xe1\xd1\xf6Q\x07\xf5j\xa7\xa5Bq6O\xa3\xab\x13\xef\xbezAb\x0f\x9a\xa7\xb6l0ji\xed\xb9H\xf1X_\x82\x11S\xe2&gt;(\x809e{\xadj|}3\x8c\xd2\xe3G\xff\x8f\x9c\xd4\x9b +j\xdd\xf72o\xa2\xa3\xd2\xfb6\x14fbS\x05\xab\xd5R\xd6L\xf0\xfc\xf4\xdbs\xdd\xd0\x13\xce\x1ap\x88\xa8\t-\xe6m\x1c\x90\x18\xfd\x82S\xc3\xc9Z\xed\x07\x98N\xb1\xfa\x03a{c\x0c@4V\xcf\x9c\xe6L\x86_JU\xc9\x1e\xdb\xec\xf9Fv\xee\xcf\xd4\x1e\xa2P\xea\xd3!k$\xfbD\xedx\x14H\x9fU\x00\xb8\x1a\xd2(\xb97\x96\xf5\x16\x9dt{\xc6\x0f\xbd\xd4\xde\xa8\xd6\xf9Y{\x9d\x18\xb3A\xa8\xfaE\xaa4\x9e\x1b\xfbvf\xe5\xb9\xa6\xdcM\xda-R\xe9~\x14\xcf\xa6\xe9\xce\x02a?~|\x0f\x02\\\xa2\xe2\xe1\xaf]\xdeC\x04\xcf\xe0\x80\xd6\x1f\x92\xc4\x17_\xb9\\\x12D\x11\xee\xb1@R\xfe~\x04\xeb\xca\x0c\x07c\xbd~EJ\xf2J\\\xf2\xfab\x83\xd7lWO\xbbcx__\xd4\x1aG\xf1\x92\x13o\xb1\x8b\xa0[\xc5G\x1d\xbb\x86\x85\xc2\xb2\r\xaaHK\xb2\xd0h\xa0-\xc0E\x05C\xf3\x1bm\xd3\xe5HL\xc4\x01\xca\x1d\xc1\xdf\x96\xe5\x104\x07\x16X\xfab\xcdd\xb0\xc8\x15V[\xfch\xc4@\xea\xd8\x9eB\xaa\xac:z\x9c\xd7\x7f\xbd9\x1bF\x88\x9f\x8dnI&gt;\x86\x1e\x19l\xd2\xa3\xebf\x902\x9e\xad\xcb\x1b~\xedG\x8e\x07\xf5\xa8\xfdUQ\xf3v\xa5)\xa2\xc8\xf3'</t>
  </si>
  <si>
    <t>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</t>
  </si>
  <si>
    <t>b'\xb0\xe7E\x9dn\xb3\x18\xc1\xea^\xfe\x8dl\xb18('</t>
  </si>
  <si>
    <t>, for the purpose of fastening a door. If it was not
 fastened, when you entered the chamber, the wind, perhaps, shook the
 door and made the bolts slide. But I know not why I should undertake to
 account for so trifling an occurrence.'
 This explanation was by no means satisfactory to Emily, who had
 observed, that the bolts were rusted, and consequently could not be thus
 easily moved; but she forbore to say so, and repeated her request.
 283
 'If you will not release yourself from the slavery of these fears,' said
 Montoni, sternly, 'at least forbear to torment others by the mention of
 them. Conquer such whims, and endeavour to strengthen your mind. No
 existence is more contemptible than that, which is embittered by fear.'
 As he said this, his eye glanced upon Madame Montoni, who coloured
 highly, but was still silent. Emily, wounded and disappointed, thought
 her fears were, in this instance, too reasonable to deserve ridicule; but,
 perceiving, that, however they might oppress her, she must endure them,
 she tried to withdraw her attention from the subject.
 Carlo soon after entered with some fruit:
 'Your excellenza is tired after your long ramble,' said he, as he set the
 fruit upon the table; 'but you have more to see after breakfast. There is a
 place in the vaulted passage leading toâ€”'
 Montoni frowned upon him, and waved his hand for him to leave the
 room. Carlo stopped, looked down, and then added, as he advanced to
 the breakfast-table, and took up the basket of fruit, 'I made bold, your
 excellenza, to bring some cherries, here, for my honoured lady and my
 young mistress. Will your ladyship taste them, madam?' said Carlo,
 presenting the basket, 'they are very fine ones, though I gathered them
 myself, and from an old tree, that catches all the south sun; t</t>
  </si>
  <si>
    <t>b'O\x15\xd5w\x90RVs\xfb\xc9\xea8&lt;|\x9fr\xe0\x16\x0c\xb1|"\x87 \xd6\x94\x80\xa0\xae\x88\xa8u\xa9B\x9e\xa5X\xc1\x9d\x81\x15=\xd4\x87O\xc1@\xd3\x86\x9b\xbd\xd8\x1fI\xc4\xa1\xe2\xb7\xd5\xbf A\xd6\x99'</t>
  </si>
  <si>
    <t>4f15d57790525673fbc9ea383c7c9f72e0160cb17c228720d69480a0ae88a875a9429ea558c19d81153dd4874fc140d3869bbdd81f49c4a1e2b7d5bf2041d699</t>
  </si>
  <si>
    <t>b'O\x15\xd5w\x90RVs\xfb\xc9\xea8&lt;|\x9fr'</t>
  </si>
  <si>
    <t>le he or she was. Borrowing costs rose, and many par_x0002_ticipants in financial markets, including hedge funds using trading models similar to
 LTCMâ€™s, were forced to sell assets to get cash. A number of the derivative assets being
 offered for sale were so poorly understood by the markets that potential buyers could
 not value them.
 During the week of August 9, 2007, central banks provided markets with the
 most extensive liquidity support since the September 11, 2001, terrorist attacks. On
 August 9, a major French bank, BNP Paribas, disclosed that three of its investment
 funds faced potential trouble du</t>
  </si>
  <si>
    <t>b'0D\x02 k\x1eg\xc9\x94\xdb\x19\xe8vt6\xcb\xb0\x93\x0c\xa1\x99\xfcu\xb52 \t\x8e\x9b\xec\n\xf4\x1f&lt;\x18\xe6\x02 \x1c{\xab[#\xdd\x9aq\xdfw\x16\x9a\xd4%\\\xb9\xe8\xf0\x87\xc0_\x98\x06\x03\x08E\r\xc7\xcf\xb5\t\x07'</t>
  </si>
  <si>
    <t>304402206b1e67c994db19e8767436cbb0930ca199fc75b53220098e9bec0af41f3c18e602201c7bab5b23dd9a71df77169ad4255cb9e8f087c05f98060308450dc7cfb50907</t>
  </si>
  <si>
    <t>b'0D\x02 k\x1eg\xc9\x94\xdb\x19\xe8vt6\xcb'</t>
  </si>
  <si>
    <t>s was to slip 
 out under cover of the night, cut the HISPANIOLA adrift, and let her go 
 ashore where she fancied. I had quite made up my mind that the 
 m</t>
  </si>
  <si>
    <t>b'I1\xed\x98%\x92\xd5:N\xd4\xbd\xbf`\x86\x0b!\x1d\xa7\xe5)\x95?Q\xde%\xd1\xd2\x13\r\xaa\x8e+PY\xeeI5\xbaA\x1e\xaem ;\x8b\x032\x13\xed\xb3\xbc^}\x87\x93\xf6\xa1\x94\xc7\xd2,\xdb\x0b\xc1!e\xac\xe1\xab\x8b\xdc3\x0c\xa4\xf6\xf2\xf8Cr\xf2\x051\xc7\x02\x81\x97&lt;e\x89\xc9\xa5\xc9Jh\n\xd4\xe3\xe6\xcc;)\xe3\x84\xc7\xf3Q\xa9\x19\xb5\xb89\x94\x1f\xa0m\xd0\x88\xa0\x01\x01\x0b\xcb\xa8\x19&lt;n\x04\x1c`\xf4=\xe0\xbe\x1e\xf1fZ\xd2.\xe8\r\xa2\x95\xd22H\xeb\x19\xa6\x086\xec\nU\xf2\xe3;:?\xbc\xb18\x0f}{\x04y\xbf\x11-:u\x1eT\xa0\xd8\xcbxl\xf4$\xd9\xb28U\x0bj\xa0\xae(}\x1b\x1e\xe80\xa3\xec*\xe2\x8f\xc2&gt;d\xaf-%\x02h\x08\xd5\xab7\x0f\'\xee\xfd\xee\xf8\xd4o\x1e\xb5\xc1\xdb\x15r4\xef\xe1\x18\rP\xb5\xe8\x88^\'{\x13\xc0\x9c\t\x8c\xa2V\x8a\xf0O$\xeb\x8b\xbd\x80\xf7_\x0e"\x8c0\xc7\xa8\xe9\xf5\xff\xaf/\xb9\xeb\xd6\xbd%\xa5\xaf\x0c\xac\xbc]\x83\x84\xc7n\xa3\xc0\x8e\x9f\xa7\xb8r\xe2\x17\xa8\xfb\xcf\xa3m\x86\xd8\xd8Be\xc4\xce\x0c,\n\xfe]\x88p\x98{\xde/s\x08\x8a\xe6\x1c\xafV:;L\x92\xc0\x87\x9e\xdf\xf1\xdel\xd7\x04\xe975\x00\xc1\x0c\x0e\xa9\x07\x9f!\xab?&gt;\x19\n\x8d$&lt;\xea\xb4\x893Uz\xf8\xa1\xecM3#\xaeM\xe0U\x8a\x13\x12\xdf\xe0\xb6\xe2M\x0b\xbc\xfb\xbf\xc1\x02\xa5A\xda X\x990I\x138D\xbe\xf1\x1a\xbac@Y\xf5\xec\x88\x8c\xc6K\x8c-GS\x15\xa1\x06\x13M\x16\xedi\'\\\x05|\xec\xc2\x0cs\xb5\xa1\x97`7W\x1aF\xa4\xb5\xd1\x8a\xe2\xf3\x95\x16\xba\xeb\x98-,\x07\x08&amp;\x89\xdb\xef\xc4\xb1\xc9\xd0\x1c\x9b\x9a\xb9;\xfft\xb5\x7f\xba\xbc\xa5\x7f\xe4\xed\xa3$\xe2z\xb9\xe90-\xa5\x9f\x9a\x9b\xe0Y\x1a~\xe6P\x98O\xc5?t\xc8\xba\x9f\n\xac\xe9\x19\xda\xdc\x1e $\x9f\xfd\x11\x7f\xd2'</t>
  </si>
  <si>
    <t>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</t>
  </si>
  <si>
    <t>b'I1\xed\x98%\x92\xd5:N\xd4\xbd\xbf`\x86\x0b!'</t>
  </si>
  <si>
    <t xml:space="preserve">n are pushed toward the base. This constitutes the emitter current Ie. when these electron enter the n-type material (base) they tend to combine with electrons. Since the base is lightly doped and very thin, only a few electron (less than 5 %) combine with holes to constitute base current Ib. The remaining electrons (more than 95%) diffuse across the thin base region and reach the collector space charge layer. These holes then come under the influence of the negatively biased p- region and are attracted or collected by the collector. This constitutes the collector current Ic thus it is seen that almost the entire emitter current flows into the collector circuit. However to be more precise the emitter current is the sum of collector current and base current. i.e
Ie=Ic+Ib
4.1.3 Current Voltage Characteristics of BJT
ic
iE
 Figure-3 : The iC VCB Characteristics
 Basic Electronics
77
                  4.2. BJT Biasing
ic ic
Figure-4 : The iCVCE Characteristics
The process by which required condition such as proper flow of zero signal collector current and the maintenanceofproper collectoremittervoltageduringthepassageofsignalareobtainedisknownas transistor biasing.
The basic procedure of transistor biasing is to keep the emitter junction forward biased and the collector junction properly reverse biased during the application of signal so that faithful amplification can be achieved. The biasing can be achieved either by using bias batteries Vbb andVcc or by applying associating circuitry with the transistor. Generally, the latter method is employed since it is more </t>
  </si>
  <si>
    <t>b'\xd7I\x99\xba\x90\xfa\x06\xbe\xa7\x01n\xf1\xe7\xa5\x9c\xef\xcf\xde]\x90_\x954Y\xde]:\x1f\x8c\xa7\x8bE\xce\x9a\xfb\xcf\x88\xf9\xd6\xeb\x86\x7f\x03\x1f\xec\xb9\x06\x0bz\xb4\'\xc6\xa4^K\xed\x13\xd9w\xbc\xb5h(\\H\xbeD\x0e\x8b3\xc3\xdfo+\x17-\xd9\x9a\x08\x19\x06\xa5}\xf6W\x10\xe4[\x94\xeb\xc3?\x83\x19\xb8\xc6\x981\x867\x98[\x9dS\xee\xd8O\xd9z\xa6\x069\x7fe\xc8\x1b\xa6\xe7\xbct\xc3S\xdc;\xdcL\xefP\x1b\x94\x85ys\x9dxY\x83 \xfb\xc8\x858\xbd\x1e\x0f\xdcd\xdd\x82\xe1\x11\xe3\x93\x05\xb7\xfa6".\xc1\xe8\xc1\xd7hPl\xe9\xf0\x8er\x8b\xb0\x8ad\xb0\xdc\xa0\x07\xb3\xe8O\xce\xfeU;S\x9a\xadx\x98\x7f@h\xf6\r\xd0\x97\tx1\x8fe2\xec)\xae\xe0*\xce\x1a\xab\xeb\xe9\x1a\xa0r\x08h\xfd&lt;\x98\x93\xf2\x06\xa1\x7fVu\x1b2\x9f"\x04&gt;\x82\xc4\x16J\xfa\x03F\x7f%\x89?\xa3\x027\xa4\x17\n\x02\x89\xdbP\xd6\xb6\x99\xc8\\f\n\xae %\xac\xc1\x0ef\x97\xf7\xd84\x8b\xb5\x15\xea\x05\x0bu&gt;{\x1a\xfcN\x9cA\x16=U\xd10\xb6^\x83q(\x14\xa2\xfb\x99\xf1^\x10 \xf08B=\xfb\xc1\x11\x04\xf5P\xe8\xf5O\x8e\xc8N\xf7\xa0\xf9\xfe\xe8\xcbP_\xbev\x80\x92H\xfd\xd8\xbe\xd8\xdd\x93\xfbIz{XC\xfd\x1acA1W\xd5l\xe6\x19\xd6j\x9fv#\x83\xd9\xed\xf1*fu\xb7R\x1d\\\x98\xc9q\xc9\x98K=\xacT\xf8Aw\xf4\x0f\xdc~\xe8\x9c\n\xe4\xc9P_\xa1e\x12\xa1+\xacN\xedi0D\xd98\xb0\x88\xda\xa0j\x1cM,\t\x7fg\x82\x12D\xedy\x1ez=\xd2?\xed\xca\xea\xecy\xb9]c1\xf4\xc0\x97\xc4\xe2dA\xe9,\x95#\xef\xb9\xfevQAU\xf23\x07\xbe(\xa8x-\xf5$PK\x10\x8b\xbd\xb0PK\xf48\xdd\xedoH\x04\t\xcb\xe7#\xb8\xad&gt;2\xae\xf1\x8dY@%\x9d\x07\xd9\xde\xa2\x07\xfdR\xb5\xa4@\xcc\x14x\x94\xd4YP\xcbn\xec \x14hq;\x10\xa4\x0f\x9d\xdf^\xad\x9c\x01\xc9\x02\x91\x1dx\x1b\x90\x90\x8a\x1d\xd6\xa6v\xf5\x9d\x8d\xec\x92\n]7\x1e\xa2\x1e\x011\xec\xe1/$dj\xb2\x9d\x82ymw\xd7\xe2\t\xe48o\x10\x19\x92\x16\x96\xe8\xc1\xb2\xc7!\xce\xf2\xea\xbc\xc9\x94\xca3z\xcf\xdb\x83\xa7S\x03\xf0m\x95\x07&lt;\x9b\xe3\xe7/\x98\xba@\x10\xa6\x8a\xc1*\x0c\xb6\xc4\xe9\xbb\xa9f\x8c\xe5\x1fx\xd6\xef\xd5\x00#\xa1\xe9jN\xcd\xd7!\xe7o\xba{)"\x1d\xb5\x85\xb3\x8ce{B+\xa7U"\xd7\xe0u\x94\x03\xc0A\x9e\xc3\x90\xc2\x9b\x86\xea%\xde\xf3$\x91\xf8\x12Lz8\xd5r\xaeUFT\xb25\x08{6\x92\xdd\xd4\xa9k\xe8\xc7\xc0%\x9e\xac\x17\xbb_\xe5@ZsM\x1ed\xc2V\xdf\n$\xf9_\x1a\xb6\xee\xc5\xe1\x99\x98v\xcf\x88\xfeHdX\x86\xf9\x8ca\xa7\xceS\xd1\xd1d\x12\xb1\xd3@\xf8\x8cW\xe9b\xb7\x90\x01s\xba\xa1\xabn\xb7\xa8\xba\xbc\xef\x16.\xb48P\x9cHD\n\x9e\xa0l\xa2\x95\xf6\xdf\xcf\x00\x87.bu\x9e?|\xde\x96n\x9d"\xd4:]U\x01\xe7M\x88\x12\x8c\x08\xb1t\x85%\x17Y\x14\x11\x95\xc10G\x95qo \x89\x13\x9d,\xc7\t\\\x97&lt;\xe8h\nW\x8b6\xcf#}\xe1FE\xa0\x9ff\xa8Q\xf9N@\x85ay\xbeh\x97\x05iy\xc5\x16%\xfc\x13\x8e\xd1?.\xe4\xcdz\xac\x12\xcf\xf4T\x85y\xbf$\xa3r\x0cv\xc4t\xf46.\xb5N1\xebD A\xc3\xa5\xc7\xe4\x01(\xc6\x9c\xea\xcd\x83\xb5jn\xde\xb9\xc58\n\xb0\xed\xfe\xbeD\xbf\xc96\xbd\xdc\x05\x0b\xff|\x8e\xd8\xea\xf4O\xf7\x80\xba\xea\xcc\x0e\xdc~\xe4T\x819\xb4\xda\x1eZ%\xa4\xdc[LY\x9e\xd6k\xfeK@n\xd0\xab\xfb\xa5\x05\xcaj\x17;v]\xd4O\x83\xd6&gt;\x17\xd3\x92s\xdb-\xcb$\x10\xa2\xcaU^5\xc4\xff2\xcd\xf1V/\xa7]P\xd0\xe7\x8bJ\x04\xff\xa0\xa0/\xacB\xd6YV\x10\xf5s\x88\x90U\x8c:In1\xf4\xdd\x04\x08\x92\xe9a\xcf+\x13\xb7\x03\x8c\x8f1\xfe\x18~\t\xbbvB/3B\xf6"\xfb\xa0\xb6\x05\xb04\x18\xdf\xeeI\x11\xda\x7f=\xf9\x13\xb1\xe2d\xd1\n\xe4\xf2\x9d1\xbd\x9f\xfd\xf1\x9d\xf4\x0f\x0fo\x81\xae\xf5\xd7\t\xad\x00\xf1AI|?\x1aQ\x1bU5\xd9z\x027ok\xe4\xb2\xee\xb4\xf1\xc0?\xean\xc4\xf5f\x02\xb4\x04\xee9\xffo\xc31\x0e\x8b\x08\x1ef\xc3a=]\xe6\xf7M\x05\xeaP\xf5\x9a\xfa\x17(\xc0t\n&gt;:}\x1a\x10@\xfef\xf3#r\x0e\xf5H\xf0\xd7\xa7;e\t\xc3\xf1U[V)\xfa\xff\x85#\x1f\xf6\x82\xee\x1eG\xee"q_\x0e9?\x0e\xa9$\xca\x91)%\xd80\xcc\x0c\\Ncv\xb0-\x1d\xd1\xc7\xc9\x17A\xb4%\xda\xd5\xe0 \x19\xa32L\xd8\x13ak\x86\x90\x7f\'6F\x14\x99@N\xceS,\xaf\xefa\xdaM\xb9\x10\xad\xe5\xc6\xa2\x9b\xf3.\xce\xd7\xef\xb7\xc31\x02#\xf5j\xc4\x91\x9e\x05Q.w\x8d\x16\xf6\x80\x82\xc1\xb33`OU\x14\x91`|\xdb\x87~]\xc1\xf3\xff\xb4\xc5\x84\x8b,,\xd6\x916\xd1\xfa\x84\xad\xdd\xb9\xc9\xd4\x95\x17\xe1\x0eEw{\xfd"\xdf^\xf9\x1f\x14\xd6N\x8d$\x1bW\xff\xef\x9a\xf89\x00\xd1\xdcJ\x88\x9d\xd7\xf4\xaf\xd9g\xffn \x06\x0b0\x8eq\xe3\xd0\x10\x00l)\xcb\xb8\x16\xbeO\xbb\xbe\x97\xd2\xa2\x86\x1bz\xf5(\xf74\x9f/9Oqd\xe9\xf8\x14|C\x03EW\x802\x95\xee\xbfY\x84\xa6HK\x10\x0f8\x7fy\xd3\xd7\xac6MUuc\x07x\xff\x18\xafb\xffz\x02\xb5,gJ\x98\x98@\xbbib?\xb5R\x95\xd7@\xee\xdeq\x16\x06\xccj\xd1{\x85\xf7\xca6\xa0\x00"\xc0f\xf9\xe3\x9e\\T\xadO\xeb\x1b`~\xb1+#\xff\xc5\x9b\x9c\xd0\xd6\x14\xa7\xa2\x02\x92\xee\xe6\x1b\x15\x07\x0bFk\xe3\xafL\\\xc0\xa9\xd4\x93V\x957\xd00\xadI\x1c_\x0c\xa5|K(e\x90\xf4\xd7\x00\xcb\xd6\x7f\xfe\xa0P\x90o\xb0\xb40\xb2\xcfp\x19\xef=e\x9f\xb87\xf6\x90z\xa4r\xa4\x16\xd3\xce\xc3\xcf\x1d&lt;\x12\xb6\x03$Ek\xe6v\xae\xc4\x1f-WG\x83\xbc\x8eRa_\xa3\xbe\xcfj\xb0*'</t>
  </si>
  <si>
    <t>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</t>
  </si>
  <si>
    <t>b'\xd7I\x99\xba\x90\xfa\x06\xbe\xa7\x01n\xf1\xe7\xa5\x9c\xef'</t>
  </si>
  <si>
    <t>dead garden," she cried out softly to herself. "Even if the
roses are dead, there are other things alive."
She did not know anything about gardening, but the grass seemed so thick
in some of the places where the green points were pushing their way through
that she thought they did not seem to have room enough to grow. She searched
about until she found a rather sharp piece of wood and knelt down and dug
and weeded out the weeds and grass until she made nice little clear places
around them.
"Now they look as if they could breathe," she said, after she had finished
with the first ones. "I am going to do ever so many more. I'll do all I can see. If
I haven't time today I can come tomorrow."
She went from place to place, and dug and weeded, and enjoyed herself so
immensely that she was led on from bed to bed and into the grass under the
trees. The exercise made her so warm that she first threw her coat off, and then
her hat, and without knowing it she was smiling down on to the grass and the
pale green points all the time.
The robin was tremendously busy. He was very much pleased to see
gardening begun on his own estate. He had often wondered at Ben
Weatherstaff. Where gardening is done all sorts of delightful things to eat are
turned up with the soil. Now here was this new kind of creature who was not
half Ben's size and yet had had the sense to come into his garden and begin at
once.
Mistress Mary worked in her garden until it was time to go to her midday
dinner. In fact, she was rather late in remembering, and when she put on her
coat and hat, and picked up her skipping-rope, she could not believe that she
had been working two or three hours. She had been actually happy all the
time; and dozens and dozens of the tiny, pale green points were to be seen in
cleared places, looking twice as cheerful as they had looked before when the
grass and weeds had been smothering them.
"I shall come back this afternoon," she said, looking all round at her new
kingdom, and speaking to the trees and the rose-bushes as if they heard her.
Then she ran lightly across the grass, pushed open the slow old door and
slipped through it under the ivy. She had such red cheeks and such bright eyes
and ate such a dinner that Martha was delighted.
"Two pieces o' meat an' two helps o' rice puddin</t>
  </si>
  <si>
    <t>b'[\xae#S\xeb\x9c\xba\xc9\xc5Wk\xc9!\xa3\xe2\xb6[)R\x87\x1e!0\xd1|\xa3\x1f\xae\xb8\x10\xf09\xed\t\x1e*\'\xf2\xbaZ\xbc\xcf\xf8\xc3\xef\x01A\xe2Od5\xe6B\x92\x88Fq\x9bg1I,VJ\xffh^\xaf\xc2\x8a\xf3\xb5\x05_\xa9_\x15Q\rI\x88\xfd\xbc{\xb4\xb9\xb0W?D\x93\xdb\x13\x10\x17\x05\x18\x9f\xdb\xca\xb8\x9b\x88G~E\x89H\x17\x9a\xd8\xa1\x8b\xfe\xf3\xb6@p\xa2\xe1M\x841\x07\xb1\x9c\'\x91D\xbfck\x9a\x1e\x91\xeb\x10\xc7\xc3\x93&lt;9PZ\xd4D\xf7x!\x8fkB\xfc\xf5\x14Hf\xce\xa2\xb0\xd9\xaa\x1bG\xee\x9cH7\x9d\xc3\xb3\xd1\xe0\xe2\xf7o\xb0\xd0\xeeC\xe7\x1dE\x1e\x1a5\xbb\xae\xe6*\xd3\xa3B\xcfVv\x9eKu\'qy\x7f\xf3\xb1\x11\xfcS\x17)+L\xc6T\xb4w[\xc9\x8bY\xbd\xc1\xa4-;\xf2\xeb\xc8\xcb\x16\x8d93\xe0P\xae!S\xbbf3\xc1?f\xdc\xca\xf4J\xc8\xc1jYS\xacMV]\xdb\xf17\xb5A\xc8\xf1%8pP\xbe\x89:o\xf5$\xa2w)\xe4 \xf76p"\x94\xa3pP;\xd6\xb4\x1b\xce 65p\xad\x8a0\x8c\x06\x7f\xdc\xeco\xf5_\x9d\x91\x17\xb0\x05\xb0;lJ\xc7\xd8\x07~=dp\x93y\xed\xd1\xc8B0\xcf;\x9d9GE\xeay\xe3\xce\xef3\x04\xd8N&amp;\x1c\x15\xba\xbb\xda\xa5\x95w\xbb\xaf\xbc\xb26\xbc\x833\x9b\xa0}\xdf\xa1\x9e8k\xc3B@A\xdeG\xbcV$S\xe9\xdc5\xe5\xc0\xf3\x10e\xf1\xbcJe\x96H\x8c\xfdG\xe2\xa6A\x8c}~\x7f\xfaB\x8f?\x9dr\x855k\x8f\xc3\x1a\xf6\xc7`\x9e\xf9\x7f.\x03\x91\xae\xea(a\xd8\x11\x17^\xfd\x97\x99M\xf5 \xcd=a;\xce\xb9\xce\xa15\xc6\xf6)_\\\xd9}\xd3\xc2\xaa\xe6\\m&lt;^eH\x96\x81\xf6\xa5\x07\xa7\x9c\xf2\xcf\x9bTd[\xac\xbbG\xab\x8a\x12]\xbf\xc5\xc4:Wh\x01\x17}3P\xf9\x15\x0f\x17^USn\x9a\x7f[\xbaq\x8ct\xaa\x14\x06w\x1fG\xd9#_\xe3\xc3\xb7\xdc\xbdp\x16\xeb\x88`,\xacHu\x17n\xe7\xc3\xd8\xff\xa9\'\'G\xa6\x1f\xa9\x9aG\x07;\xea\xff\xa9\xc6\xaa\xd6\x8f\x1e\xb2\x0bX\xd6,\xae\x83!\xf7\x91\xbb$2Fhm\xa1\xce\xecm8;\xd2]7Eq\xff\xfd\x8a\xc4o;\x0c\xac$(\x0c|\xb5\x9b\xcf\xc2$\xda[2\xabJ\xfb\xe6\xd7\xd9\x1b=\xb7\x18\xce\x8d\xb8y@\x04\xb5\xed\xc7\x92!\xd0-\x9e"=\xb2\xd5\x8a\x15s"ddiT\xc8\x8b\x93\x17AJ\x0c5\x95\xee`\x0c\xe6\xb8\xee:oB\xf4\r\x8b2\xf8\xd1\xa4\xd9X\x80\xa2&gt;X\x08\xa6\xc3\x85\xd8\xc9\x06`\x8a\x07\xb4\xd8\xbe\x95\xa8\xab\xe1+\x0cP\xefH\xe9\x9cO\xd8\xba\xd6\xf2\x07\xb35\'\x9a7uU\x8e\xdd4p\xa7\xfbJ\x8b\xeb\xce\x06\xf2)UcU\x9f\xec\xde\x1a\xeb\x1bT3\x9e\nb\xef9\xf4\xd1X"\xd5\x18\xa8&amp;\xf55\x00\x81\xae\xbe\xf4A\xa7\xd4\xb7\xcfc\xdb^\x9b\xe5\xeb\x83\xc7\xbe\xc8m\xc0\xed\xc3\xea\x89\x0b \xc4\xc6\x01\xa5\x0e\xe2yZW\xad\x8b\xb5\r]X\xfe\x11\x82\x9b.\x89~\xf1\x0b\xafz\x80c\xd8UI\xe0\xd9,\xc0\'\x7f\x9c\xdc\xbbL\xbf\xc1\x01\xbf\x8f\xdf\xab\x1e\x97\xc3nR\x9bM\xccR\xdfH\xf0C\xe7\xb0\xda8\x86a\xf9\xa0\xdes \x97\x89=9\xc0\x1dM0\xa4\x12\x8cC\xd5\xc75\xd7J\xb91a\xd6\x0f\x9e\x04\xed\x9d&amp;\xdc\xefGr\xd0\xb3&gt;U!\xdf\xd4e\xfb\xb6\x01\xbaq\x17\x9d\xcd\xe8s~\x94\xf6f\x89\x9f\x9bZ;\x18\x084\xda\x11\xb9\xbc+8Q\xa50\xf0\x87\xb82\x88\xa9\x0c\xca/\x81\xe93\x8b\xd2\xf4\x13\xf3Y\x84\xcbv\xdeu\xf9\xaa\x88\x96Y\x10Q\xf7&lt;\x1d\x9c/\t\x1c\x90B\x85\xe09\x80%\xb4e\xb4\xe8\xf6@Z\x19\xe0\x8b\x9c\xb2WV\xf9l\xc9\xa2\xcf\xf7J\x1e\x90\xb1w\xa1\xda\xbb`\xa4\xf8\xce\xf8\xda\x12\xe4&lt;\xc0\xc0t\x17\xd6\xc4\xcb77\x1b\xc1\xd9\x93(\xfc\x8c\xfa\xe1B+\x00M\x04;j9Xl\xc9\xc5\x1c\xbf\x9b\x8d\xe3tAZ2\r\x1b)\x820$~\xdaE\xd2Z\xc0\x15{\xd4\xf4\xed4\xf3&gt;zg\x16m\xb1\xde\xcb\x1d\x02\xffs4\xb2\xa5\t\x87$\xd1\xce9\xce\x1fu\x11(\x13\xd0\x06\xce\n\xd6Gh\xf5\x16\xb7\xd7\xbf\xd7\xec\xa2\x17\xc5\xeb\x0c\xc7\x9b\xfc\x02[\xdf\x93\x87\xc2\xf2\xa1\xe0\xd1\xb2\x91\x9b\x1c\xb8?\xff\x7f\xb5\xb4\xb0\x91\x8e@G\xda\xd35\xd4\xdb\xae%\xd1\x14\x98]!N)\xc0\x9d\x0bO\xfe\xe3\xf1|\xa9\x8c\x8b\x99\xa6\x04\xfe\x00\x1c\xca2r\xe8\xed\xea\xbf\xab\xa0\xfc\xd7\xe8\xbaTp\x8e+;]O\x06E&gt;W\n \xa7\xbaq)y\xce|\x9e\x0b\x90\xd2a\xa3\xd6\xf4\xcap\xebI]\xd8\xfdC\xbe+\x92\x87\xb8{89\x0f\x0b1l\xa7\x08\x17\x9e\x8dH\xfc\xe3\x90\xfe5\x9b\xa4W\xf6\x91\x02z\t/\xd5\xa6\x03\xc3w\'\xf0#\x13\xd9\x82\xaa\xcfg(\x00n\xec\xe94\xd2\x9f\xfdh7\xb61\x93\xeb-\xcd1\xec\xa1\xaf!\xe2\xc1~\xf1\xbez\xa7\xdd"\x9d\x0f\x07b\xef\xa7\n\r\xce\'[\x06\xda%Be\x84l\tp\xcaJ&amp;\x06&amp;\x0b\xbc\xe9\xa2L{\xf4g\xcf\xce\x98\x1aTB\xc9&gt;s\xdej\x12\x92u\xd8\x01\xc3\xe6\x7fws b\xf5D\xb8\x8ej\xde\xdb\x1fd\x96K\x81\ro$&lt;8\xb3UP\xd2\x1b\x1e\xf6\xb2W\xcb6\xd3*X\xe2\xe7u\x11\x02\xdf\x86L\x94\xefI\xdd\x82\xd5S\x80\xd2\\z\n\xd4.\x8e\xabJ\xa9\xf1\xab\xa6\xbd\xd7)\x9b\xd2\\3o\x8d(\x1eS\x11r\xda\x19fg\xb13$\xf8\x89l:\x90\x9cR\xf6\xe9KU \xf9\x87;\xae\xa4\x9d\xee5\x0e\xe7\xc7{Zr\xf0\xfd~\x87\xb8m\xc6-6\xb2L7\x9a\x96\x90\xb9O\xda\xd6\xe3\xfc\r\x9bIb\nQk\x9a\x83z\xe1\xa4MOu\x90XpZ\x9b\xa7=\xb2S:c\xdc\xff\x17\xc9A\xeb\\G\xc3M\x0e\xce-\xd5\xf0\xb1\xb7\xdaQ\x1f\xa4&amp;y\xe4\xa6\x94\xbb\x8e:\xacif,\xd1\x1c\xa0\xa2\x06\xe1\x0c\x86\x7f\xca/\xd4\xda\xb6V@bJ\xad\xcb\xd1Ci\xb8\xed\x11\x9eP5\xab\x83=VL\x87\xcbP\xf1\xb1}!L\xbf\xd4\xa7\x00\x10^{\xa5E\x00/DT\x10)1\xaa^\x04\x1e~\xb5vRL\x94f\xfc\xe0\x1d\x96\xb3\xbd\x8d\xcfN)\xa8\x9b\x07\xfb\x08\xff\xe7+p\xb4\x0b\xac\xcd\t&gt;Z%\xf1\xb4\xc6\x9f\x86?\x92/.]\xc1H\xad\xf5`\xd2W\xca v\x80\xa0\x9a\xff\xf7L_\xcc/\xb2\xd1cNR\xe5\x03\xca\x1fR\xc0C!\xd0\xcaD!\xaa|&amp;/\x98\xe4\xbb\xc1\x89\xce\x00U\xa0\xb6g\x190d\x16\xf4\xcf\x8a\x90\xf04\'\x9e\xd0\xfb{\x92{\xbd\xe1\xf1z-\x05\xc3\x86\x14c\xca\xf2\x90 \xd4[\xd2\xd7\x1b\xee\xe2\x92\xaflQUp\x14\xfe\x19Z\xe1\x95\x81d\xab\xb7\xf6\x98\xf9\x8ax~\xa8\xd6\x07\x1c\x81\x8f&gt;\xb1\xf0Y}\x1f\x82\x157@7Z\xad\x1e\xdc\xbdY\x94\x97\x8f\xcb\x0c\xf1V&gt;B7\xcb\x8d\x1aG\x8a\x8fWP$)\x83\xa4\xd0A\xa7\x9c {\xa6\xd8y\x00\xb4\x96Q\xe8\x8c\xed\x85\xcaG\xb6\xe1\x16-\x12\xfaZ\xf6}\x88\xa1\xb5\x9e\xe8\xdfX\x10^d\xf7\xe5\xda\xafM\xc2\x8b\xa04\xe1(\x0c\t\xa2C\xee_\xc6`%\x18\\\x1e\xc4\xd6_\x9e#c\xd2\xdc~\xe14B\x82\x0bQ\xdc]3T[ePD\xd3L\xf7t\xaa\xf2Lh\x94\xf0\xa7?\x1d\x80q\x8e&gt;\x81\x83\x80\xbc~&lt;\xe4u\x9b\xdd\x7fS\x19\x1bL\x06\xa6\xeaQ\x89\xd4\x1f\xc6\xce\x0b\x8aX\x7f\x89w|D,\xaa"\x1c\rX\x8dYRjr}\xe6v\xd2\x9bn\x84\xf2\xa7o\xd4jv\xc3:?@\x19\xa0\xc3\xc9\xe0\xf5\xa3\x19-\x84\xabA\xae\xfabS]iXx\xfb\x9d@Kn\xe5\xee\xa7\x9df\x0b\x00\xbe!zF\x96\x04\x086?\xf1\x04F\x93u@8\xf5\xf9\xa3\x89\x07Y\xdeJ\xa2\x11\x8f\x0c=\x97hv|-\xe5\xd7\xdd\x1a\xdf\xf9\x85p|3:9+\xe5!Mc\xc8&gt;\xd0\xd7.RF\x96\x02W\x00\x1f6\x00|:\x92(nh\xb9\xaa3-a\x168\x02O\xabQ&amp;\x85\x8a\xb2\xcc$/\xa9\x92w\xbc\\\xa6\xcf\x86+\xd5\xa1&gt;\xcd\x18{#^o\xd2\x19\xf6\xc6J\xd4\xd0`g\xc7G\xba\x92\xed\x8c\xaf!\x1d\xe2\x94\x05\xd6\xfd\xf7q\xb0\xc4s\x88fr\x96\xec\x7f\x8b\x14\xb9\x1c\xb9;M\xfc\x99\xba#\xddt\x9c\xf7\x7f\xe7+\x10e\x83\\\xac\x9b\xa5(\xf7oO\xa2F\'\x04\xd8\xc1\xa1Gt\x13\xf4\x89)T\x14X\x1aE\xefX\xb8\x85\x07\xfd\x86`\x8fm\xbf[\xf34\xbb\xc4;P\xd5\xe1U\xf12\x17Z\t\xae;W}\x1b\x7fI\xbb\xea"\x8c\x87\xb3\r\x90\\~s\xd6W\x0ed1\x98Jv\xcdVj\x17\x9euS\xe8\xb7nD\xc2\xdb\xd5&amp;i\xd8y\xe5\x08]\xda\xd0\xb4/[\xaa2\xcaU\x95\xf7\x97\x91V\xff\xbbFn\x0fI\\\x14)\x0el\x81\xd8,9\xc3\xfbz\xc3\xb3\xe8\xd8")\xb1i\xd2,o\x1c\x9d\xabc}"\x12h\xa6kc\xce\xa3Bi\xa2\x906\xfbb"'</t>
  </si>
  <si>
    <t>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</t>
  </si>
  <si>
    <t>b'[\xae#S\xeb\x9c\xba\xc9\xc5Wk\xc9!\xa3\xe2\xb6'</t>
  </si>
  <si>
    <t>er of Hadrianâ€™â€™ and Potter 1999a: 200 n. 86 for a partial list).
Suetoniusâ€™ 11 imperial biographies â€“ the 12 Caesars commence with Julius â€“ supply
some of the history that is lost in the gaps in the texts of Dio and Tacitus for the
period from Augustus to Domitian. Like Tacitus, Suetonius wrote in the early second
century CE. He was not a senator, but a man of equestrian rank who rose through the
imperial bureaucracy to be an important secretary (â€˜â€˜head of departmentâ€™â€™) under
Hadrian (Wallace-Hadrill 1983). The Lives are fullest at the beginning of the series,
while the treatment of the Flavians (where Dio is fragmentary and Tacitus lost) is
disappointingly brief. Much of historiographical value can be learned by comparing
Suetoniusâ€™ biographies of Galba and Otho with those of Plutarch and with Tacitusâ€™
narrative treatment of the same period (Hist. books 1â€“2; Damon 2003, Appendix 1).
Forged documents are only the tip of the problematical iceberg that is the Historia
Augusta. Though it offers Lives of some 20 emperors, five imperial heirs who never
became emperor, and 40 pretenders to imperial power (the first and last numbers are
rounded because the labels â€˜â€˜emperorâ€™â€™ and â€˜â€˜pretenderâ€™â€™ are artificially simplistic in
this period), and though it is the fullest source for many of these reigns, it has to be
used with great caution. To list the problems briefly:
1 Authorship and Date: Although the Historia Augusta purports to be written by
six different authors in the time of Diocletian and Constantine, it is now agreed, with
few dissenters, that the work was written at the end of the fourth century by a now
unknown author under six different pseudonyms.
2 Purpose: Why this elaborate charade? No good answer has been found.
3 Sources: Citations are given both to actual (now lost) sources and to sources that
never existed (Syme 1971a: 1â€“16; 1983: 98â€“108). Furthermore, some of the workâ€™s
sources (e.g. Herodian) are not named (Potter 1999a: 146). There may have been no
useful sources for short-lived emperors such as Quintillus (whose very brief reign is
incorporated in that of his brother Claudius II Gothicus [HA Claud. 12]) and for
imperial heirs and rivals, whose Lives tend to be derived from the Life of the relevant
emperor. But an absence of information did not prevent composition. The Lives of
emperors in the Antonine and early Severan periods are generally accounted more
reliable than the later ones; the Lives of Macrinus (an interloper in the Severan
dynasty) and the last of the Severans, Alexander, are counted with the latter group.
Scholarship on the Historia Augusta and on the history of the third century has done
much to identify the facts in this work that stand up to scrutiny, facts that are of some
use for the purpose of constructing a chronological narrative (Peachin and Potter,
this volume). Extensive reliance on this source, however, is certainly perilous.
Between them narrative histories and imperial biographies provide us with information (of varying quality) about most of the years between the death of Julius
28 Cynthia Damon
Caesar and the death of Constantine. To fill in the remaining gaps (the reigns of
Philip the Arab and his successors, and of Diocletian and his co-rulers) and to
supplement the record where it is thin (on Nerva, Trajan, Pius, and the whole period
for which the Historia Augusta is the sole authority), we have recourse to texts that
cover the whole of this period (and a good deal more) within an abbreviated
(sometimes extremely brief) narrative.
Summary histories
The earliest of the summary histories belongs to the reign of Tibe</t>
  </si>
  <si>
    <t>b'\xb4\x0e\x16\xf0\xb9\xb65\xf8\xef\xb0\x9aR6\x00\xb3B\xd2\xd7\x86\x18\x9d\xe3\xd9\xc2j\xb3\xafp\xa4\xdd@^\xe3\xdd\xf5,\xf9v\x82\xaa\x1bC\x83\xef\xcd\xe9?[??W002\xa7\x93p\xa3\xe8\xccI6Y\xa3\x8a\xfe\xb1\xfc)\xa3y\x17f\r^\xf0)\n\xcf\xdcM\xc4q\x90\x90*1\xe4\x1e\xcfV\x8c\xf7\x85\x834"\xe6m\xa1\xfam\x01)\x05\xda\xa2E\x84\x15&gt;\xf4AA8\xd3\x97\xd2s\xe6\x16\x97-\x94\x11v\xe4\x0c\xed\x13S\xfa\x96\xb5\xca\x8f\xabo\x8e\x82\x86\xf4\xadz\xf4\xab\xa8\x14\xf7Sf\xb9\xff\x9dnT4\xb6\x85\x1b.~\xa8\xc5mH\xfcG\x0e\xbb`?\xb7\x1f\xd3\xc4:\xd4\x03V\xc6z\x81\xe5\xc9\xa5J\x0b\xd4[^\x90\xd5\x83\t\xca\xad\xc8\x82\xf0.\xe4\xc2\xea\xf6\x93\\i?\xa8M\xfa\x96\xd9\xb9\xbcYN\x06\x9d|\xe3\x15+\xc8\x0e+_~\xd1[\x02gyp\x13\xab:\xba\xad\x14\xc4U\xb5\xccTz\rl\xf4\xc0g\x1d\xbfw\xd7\xd8\xb5\x9e\xb0\xaf-L\x0bf\xf1\xa7)iI\xcc\xc2\x93\xf7\x18\x13t\x8a\xbfE\xdc\xe2u\x19\\\xea\xc20\xa9\x96;=)e6\xc6\xd8\x1f\xf7\xf9\xc9:\x93\x192\x08U0\x1e\xafA\xa7\xe5\x9cK\x8a\x1cK8C\x8c&lt;\xe7\x9a\xa4\xea\xea\xdf!\'\xbeV\x15\x8d\xb0\x87\x7fa\xccx)\xccpCK\xa55\xa9,}[\x04n\xb4\xd9\xeey\xd4\x8a\xc2\xc1\xc3\x1d\xc4\xe7\xe6\x05\xb0\xfa*]\xea\x9cA\x1f\x11\x1bn\xebN\x892=\x976u.+\x9fq\xe5#\x13\xe3\xd5\xc8\n\n\x9f]8.\xb8i\x1f\x83\x8cn\x85L\xf1\x12z\x02\xab\x04\xdb\xb7\n\x83\xdc\x8e[\xdb4\xc5\x82\x9eB\xcb\xc4\x06{\x9f\xa1h&lt;d\xb9\xb5\xfb\xc5\xd33\xfeQk}++4\x14\xb6\xfbs*O\xc7$\xe4i\x83\x85[] \xce\x8e5/\xce\xe2\xd4\xa1\xb8\xe5"u\xe8\xc7\x9fh\r\x1f\x10a\xda05a\x0e{#&amp;\x8f-s\xd4vp\x01\x02/\xdf\xd1@\xf0\xa4\xe9\xecs\xb5v7\x9b-\xdd]\xc3^l\xf9\x93Z\x85\xd2\xdf\xe2\xf6\x11\xee\x86\xb1d\xf1\x82\\\xc7\xbd\xdf\xac\xdb\xff\x1d\xdfv\x95\xe5\xcde\x16z\xb4\x97\x0f\xdf\xb5\xed\x05@\xc4"\x9c\x8f\xa1)\xe6\xc0\xe5\x01\xecd\x1b\xfbC}\xc2\x8e\x9c \x7fz\x98\xd4\x91\xbc3LLF\xcd\x92\xfc\x01@Ng\x18#\xff\x8d\x93Qv\x82b753\x0e7~\xf4\xa4H\x8c\xda\xe4\x98\xc2\xed!_\nZ\xd2j\xf0\x88\x91\xdf\xd6\xdb\x80\xbd:\xec\xb0\xcaG\xd9\xd9\x88\xb1\xb9\xc9\x0bm\xf5\x00\x9d!\xd9\xa5\xda\xc0`\x8c\n\xa7\xec\xeb^\x8a\x99\xce\r.\xcf]\x15fK\xf6\x14`VkX\x07\x8du\xc6\x03\x80H\x88\xa29\x02\xf6]\x08\x16"\xf5\x80.\xe1\xec\xa6\xe1\x99\x9dt\xbdD\xe2\x82\xbe\x9f\xea\xed\xd4\x95c`\xafn"\xae\xb4\x82\xfd!\x9b\xe3\xc4\xbe\xc4\xa1*\xd2\xd6F\xb7\xb3\x04:\xc6\x06&gt;\xca\x0e\xbe6\xe2m\x88\xf98@p\xc5\xe2u&gt;\x80\x06\xd4_g\xce\xfa\xe2\xe9\xc0\xf4\xeet\x0c\x0e}\xdaf\x1e\xf1(\xad\x16\xe9\xa3\x0b\xb6.\x15\r\xd1\xc1\xf7\xa5C@\xc7\xe3K\x1c\xb1\x9a\x94\x9d\xad\xf6\xb5z\xa7\xb0\xca|\xbc$\xc0\xc6\xb2\xceb}eC\x0b\xbe\x9e~\x1e\x97x\x90\xd4\x07\xce\x97#A~\x99ozTN\x92;.\xba\xe6\x0e5\xcc\x83\xb03os\x0bZb\x9e\x15\xb0&amp;\xc9\xa1G\x1f\x94\x16?\x95\x84\x945YB7\xc0\xb1/\x0bo\xa9MOL\x12\xef\xcc\x05\xb9\x99\xa4b\xa1\xd6h!\x13\xa2\xeeD@\x17|\x06\x13\x06\xdf\xc5?H\xdd\xf75a\xc2\xa5\xe6\xb6_LmM\xddN9\xa0\xbbq\xec\xca\xbb?\xfdh\xe7\x9e\xbc+V\xa9\xc8e\x02\x1cd\xbfD\xd0\xafTI&gt;4\xad\x1eZ\x02\x0e\xc4\x01,\r\x91\x8a\x85\x1cN\x1c\xb5\t\xccP\xe5q\x81V\x08O\x0f0\x0c\x14\x9fC\x98\x14`\xbdML\x1a\xd50\xd8\n^a\x13\x08\xaa\xc9\x06\xd8\xae\xf7\xf1s/\x9f\x08\xfe\xcf:&gt;\x98\xe8\xd1\xb0k\xf0`\xf7\x98V%{\x0e\x1b\xb3\xa8\xbe&amp;\xaf\xad\xaa\\\x16\x1e\xe5\xf4\x0f\xe0w\x17\xe51\x02\x84\x1fPWA\x10\x0e\x8c\x8f\x82\xd0\xf9\x8b\xfe\xd1\x80\xaa+\x980\x1c.\x19\xfb\xa2\xd8\xef \xa0\xbf\x1c\x98\xa8\x046\x0c3\xd9_J\x0f\xb9\x95\x13/\xf7\xe4V\\\x99P\x1f\xa1x\xd0\xb2\x1a\x7f7#U\xcb\x7f\xa2Qr\xe5%\xd4\x88\x84n\x0e(\xf0\xd6\x91@w\x91\xc9&gt;\x9a\xda\xc1\xb0Y_\x85\xec\x16d[3\xf44V\x0b\x190n\xd7\xc1\xb7\x84\x843\xd1=\xa0\x1c\x97\xff\xbdW\nC\xbc\xa94\x97\xb7\xd2{\x1cg\x1dZ6N\xcf\x1e\xb8\xab\'x\x94\x13\x8a\xd3d\xd8x\x9f\x9e3\rR\xcf\x85\x1e\xc34\xadN\xde\ra\xf1]x,qn}\xe1au\xa4\xc8\x15aE\xc4\xa8\x04\x94M\xbdp\xcb\xd3O\xe3\xcd\xe0\xa0\x94\xc6\xdb\xa4\x89\xe2\x11r\x98\xce\xb8S\xa0\x94\xa4N\x17\xe1\xd1\xc8r`1\xdc\r\xb9M]\x82\x92l\xe71V\x81\xb0~\xc2\x0bZ"\xbf\x13W\xc3\xb9m}\xb4=\xcc\x1f\x8c]\xb4\xfe\x95\x90\xdb\xa5\xb7u\xb7V.\xd3\x87m&lt;\xa1&gt;\x0e\x1f\xb5\x12\xde\x18\x91\xc4a\xfd\xe6\x9fI_i5\xeao\x8e$\xcb\x94!\x1d\x04\\\x8c\x0c\xde\x96m\x86\xdeJ9\xb7\xf2h\x9fy\xb2J\xb0\xbd\x0f\xcb\xfco\xee\x1d\xa8\xa1\xc5v\x8c\x1aK\xe3\xfbQ\xd6\'9r\xf5\x0ei^\xc3\xacI\xe0\x95\x17#e\xea\xffC\xbf\xeek\n09O\x84\x8e\x8d\x0bd\xfe\x9f\xb1~\xd0?I\xf3\n\xd0\xa7\x83/\xab80\xd4yN\x8b\x18\n)\xc3\xba\xedMTh\xdeY\xff\nO\xb3b\x01\x15\xbc\x198\x81\xd9\x92\xce\x19[t\x18\xdc\xd2i\xc6\xe28\x8e\xe0P\xfd\x92\xa0\x1dZ\x16"*\xf1\x81\xd2B\xb4\x96\xc2u=.\xae|\xdd\xea\xec6\xa1\x96P\xcb\xaa\xf1z\xce\xf2\xdd\x16O\xc8\x8c\xd6O\xbf{cx\xda`\xe9\xf5\xaf\x18GH\xa8\xb8\xb3J\xe3*\xc3i\x98.\xb5\xee\xa3\xd1}Y&lt;e}\xca@\x164\xe4\x9aI\x94\xbb\xa6]\xa0\xf3\xe0\xdd\xdd\xdc\xbe\xf6\xc3\xac\xfb:b\xf9d\xa0\xb4\xec\xed\xe5\xa6\xc1\x89d\xea\xd3j0|\xa4\xa8"\xf3\x92\xfbm,/\xe3\xc0\xba\xe0F\x9bq\xf8\x07&lt;\xc1\xa8\xcb\xba\x85\x14\xc0\xc0:\x11\xb8\xe95VL\xdaH\xf7\xdf\x96h\xd8\x8dp\x86\xff\xf5\x14\x9c9\xe3_\x07$\xc2\xc8\x86\x1a?\xb4U\xbb\xda1\xd9\x92Q\xcb\xe9\x8e\r\x1f\xb4\xd4\x9f\xa3\xa7V\x8f\x8c\x1c\xf3Y\xf0w\xb6n\x9a]\x0b\x14[4\xf4D\x0c\x88\xab"\xecYe\xf9\x08\xe0\xa42u\xcb\xdd\xbd\xbc0\xfb\xfa\xfaAE\xe0Qa\x81\x93O\xdf\xb8n9\xd7\xc5\xd0\x8c\x82\x92.\xc8\x1c\x10\x92\xdd\x9a\x91\xb6\xb2%\xef\xa6\xe4S\xc5`6\xee]\x9eFP\xc9\xcdZ\x13+\xccTmu\x9d\x94\xe7\x15\x0c3\r\x9bWx\xbd\xbfh\xab\x8b\x07\xb8\xb2=\x1c\x1a\x88\x9a}\x8a\xe24\xc2\xcb\xa7\xbe\xbd\xa6B\xf3\x8f\x1c\x93\x90\xec)S\xaaO\x0bN\xbcP\xcd\x13m\xaaw\x97\r\x8f\x9e\xad\xe0\xa0\xb1c\xb9\xe3l\x05\xdc\x85\xa1\xee6,2\xab\xc1z\x08\x895\xcaXT\x05\xbd\xca\xf0\xae\xad17\xa2m3`\x8ad\x9f\xb9\xe7\xf9B\x913\x03\xe1\'{+@\x0e\\\x0f\xc3\x89\xb1\x99&lt;S\xfe9\xf3\xc4bj\xc8`k$\xb1i9Q\x9b\x1d\x19\xe0c\xf1\x08\x01\xd5\x02\x9eV\x1b\x17\x88U!Q\xef\x8dH\xd0\xf5\xbf\xf1\xc9\x87\\5\xff\xd8\xc8\x9cPeb_\xe9\x85\x1cx%:{\xbf\xd8W\x07\x13f\xb2i\x1f|\x06\xea\x98\xc6; \x19\x06b\x12\xa1LBAG\xcbe!\x8a\xbfr\n\xbb\x1c\x98\x83\xd7\x0e\xc4-\x07\x8b\xd3\xc6\x04\xc5\x01\x9bF\xf8\xa0$&gt;\x94\xe9\xde\xdau\xdfse(\xf7&gt;\x85?\xe8M\'\x08\xc8G\x91\x8d\x0f\x10I\xf4\xa1\xa9SaS\x12\xe7\xb6\xe3\xc5P\x84\xc3oh\x05\x1fO\xf6\x03\xc7\xe15n\xfc@\xa0i?\xec\xc5\xd6{\xbep\xa3:o\xbf\xb9\xd9a\x96\xc3\x10\xfe\x0f\x85U\x9aP\x129\xce\xb1\xd1)\xde\xd7\xc5\xa18jU&lt;\x19\xc0j\xb7\xe1\x15\xc6\xd6\xa5\x9b\xfd\xf4\x93_\\\xba\x1eS\xc2D\xf7\x95\xb7HPX@\xbbbIx\x9e\xe7\xb3\x1d\xe0\x85\x98\x9b|\x00\xb9\xa6\xa3\xa5l\x924\xd3\xb1\xb6~d:eI\xd7e\xaf\x8d_k$\xf1\\$b=~}\x9b?\xf5/\xa1\xee\x92\x996\xf4\x05W\xd2\xe6\xf5\x86\x137\xb4\xe0\x80\x12;,\xb0\x93\xa7\x9d\x0e4x`\xcc\xd6\x9d/\x10\xdd\xa8Z]\x84\x077\xe8i&gt;\xdfS9\x99\x1f\x89Y\xe5(b\xb2\x97kz\'X\xc4H\x97,$1[\x96\x8dq\xe0\x0e\xee\xee!$p\x1c1\xda\x8f\x0c\xa3P\xcb\x94^q\x02\xf6\x99Qs\xaf\xf50\xf1\xf4\x9d\xe7\x18\xc5\xc4F\t\x98|e\xc7\xf2\x98A\xca&lt;\xe2y\x14O\xf3&lt;\xd2g9E8/\x10\xc2A\xf5\xf8d\x819@W&lt;\xeb"\xff\xadN\xc7R\xc2 @\xc1Q\xb3\x19\x1a\xea\x99\xc7\xeb\xbf\xe1;+\xf1#\xf6\x98\xe7rP\x91\xaa\x11\x99\xe7\x18\xc1\xba@\xad\xac\xdd\xf6\xec\xa4t\xb1c;\x1ec\xb5\xeb\x03P\x91\x81g#\x1e\xa6\x1c\x8c\x99&gt;$5\x9f\xfe\xa5\xf2\x1fC\x94\xe3\xc3\xb2\xe2\xff\xb5*%\x8e\xa1\xba\xe3\x05@\xd1\x1e\xfd\x0bd%\xf5t\x7f\xb8\x7f\xbf\xd6\xd31p\xe6\xaf\x17\xef`\xf1\x90\xe6\xb0\xa1\xfc\xb6\xec\x16\x88\xf7\xa0?I\x15\xc0\x89\x17\xb02\x01g\x03/\x8a\x18\x1e\xfc\xe6\xdb2\xa1\xcaCU/\xee\xbf]\x02.+mf\xcf:\xfeC\xbc\x85\xa3\x83d%\xfbw\xf8\xb5&gt;\xaf\x00\x90\xa2GF\x12U\x99%\xbd\x9b\x17\x95\xc6\x10\xd3\xf4\xbemH!\xa1\xe8\x8c\x9c\xa9\x199\'\xf8\nQV\x1d\x87\x10\x9d\x8a\xf5\x06\xcb\xaa \x81\xac\xa5s\xd8_\xedM\x0b\xf9\xb1\x86\xe5\x9f\xfd\x99\xa2\x132\tD\xc3h\xb8\x0f\xd6\x8e\x93\xeb\x15\x0b(\xbe8\xb9\xadW\xcc\xf4=\x084\xbb\'\xf82nV\x1e\x12[9\xc8\t`\x02\xa7\x9e\xb6\x01\xce\xfb\xf4\xee\x0bn7S\xe1\xe6\xf5\xe5I\x8co\x7fJN\xac\xd9H\xca\xcdV\xd8\xa4\xdc,\xa09\xc6\xdf\x8f\xbe\xf4\xab\xe9\x93\xedP\xf8O\x8f\xa7\xf6!\x1e\x15\xe8\xad\xfc\x08\x89\xb84\x89Ht\xc3\xbe\xec\x1bX\xd3\xd1\x08\x03I"yQ\x8f\xb2\xebtd\x08cc\x92%h\x99\xd3\x0c\xbf\x08zBos\x0b/[\xa3D\x05\xf4W0\xde\xd4\x94k\xbe\xc2W\xa4\xe8\xbd\xbb\x8d\xa7\xferM\x0e\x03,R\xb7\xbdh\x96&lt;H0Hz\x0b\xc6=$\xe7\xf3\xba\xb0\xd4I\xa6\xa4\x08_\\\x07O\xca@1.\xe6\xe5\x0b\xd8;\xfa\x7f\x95]\xe2.\x07bj\xd6\x9b\xef\xf3x\xa1~\x98\x9e\x82F\xec\x1b\xce\xb9\x15N\xba3\x16\xfcB-5\x1a\x9b\xadl\xeaI\\\x83F\x0f\\\xbd\xb3\xb3&gt;@z\xa7\xb8Q\xe2\x01\x11s\xc7\x06\xd9\xf7\x13j\xef\x1b\xbdm\xbaE\xf3\xe0-\xe12Q7\xf4\x080\x97S\xe4\x89\xd6\xd1\x87l,\xba\xa86\x1310\xf91\x02z\x1f\xae\xe0\xdd\x80\xbb\xd2\x02\xc67v\xd3\xecr"]\xc1\x94E\xd7\xcboy\x80\x10\x08\x91\\%Hn\x8eY_\x11\xf1{\x84\xc1\x17\xf9\xd6vw\xb7\x91\x88S.\xc5\xce-R\x9d~\x12\xf67I-\x11\xe4\xa4\xaf\xd1LS\xec~\xf2c\xda\xf7RH\xb9a.Z\xe5\xfd\x0en_\x19?CN\x95\xfdU\xf6\xae\xd1\xab4\xcc\x9eD=\x10\xaaK\xcd\xd5[\xccYxX\xcb\xe4\x8e\x11j\xfdp\x05\xc9BM\x17\xbe\x9a@\xa2&gt;_q\xf2\t\xf6\xb0\x07\xee\xba\xf5\xa1\x9e2\x0f\x14\x8d]x\xa4\x99\x0e\x8fg\x99-$\xd4a\xb0[=\xb9Xd\xbb\xeb&lt;j\x99\x15\xceW\x85\x8c1\xe5\xf9p\xffY\xec\'\xbct\x90\xb0n\xb6"&lt;\x93v\xd7\x06`P\x147B\xfa\xfav~\x99\xe2\xb6&gt;\xc0\x83.\x94R?R\x12\xdf\xe5x\xd8\x8c\xfe\xed\x1d)\xd1\xa4\x9dS\xe5\xe7&amp;\xd1\rX&amp;\x83\xae\xe6\'3\x0f\xb7\x00a\x0ch_\xe3\x05\xf8N\x9a\x92{3\xf6\x15pa\xa8\xb4\x98\x0f\xdf\xc8T`\xc7*rc(S\xea\xder\xd2\xffQ\x95\x81\x03.\xd9F\x1a$$A\xd2]\x18\xe0\xdb\x90q\xa3\x03F\x81\x8c\xe8\x1d]\xf5W\x8aW\x9a\x7f\t\xa0"\xacj=N\xff&gt;\xb1\xe2G\xf62!\x88\xcb\xea\xf1\xb5\x1d\xe7\xb2\x90|\x1e_\xdb\xf8\xa2\x82\xca\xebJ\x8dN)\x9f\x08\xe0!\x91\xf1\x0f\xd3\x11C\xff\xd1\xf8\x08U\x1b@\xb1\xb8\x12\xa5\xad\xaf\x9d\xf0\x0c0H\x7f\xe4\xcda\x07\xfen\xd7\x18\xad\x15/\xd8\x06\x04\x0eDa\x11Li\xc7pS\x85R5\x89\xd0\xf0&amp;b\x11\xdcF\xd8\x0cs\xe6\xec\tj\x1d*2H\xef\xea\x9cYY{\x1c\xdam?\xda/\x11Z\x03w\x19\xbaA\xa5\xba\x02\xf9\xcd\xc4@(\x1b\xfd=\x1f\x03D\n\xf7\xd3u\xc1\x8a=Y[U2\xcc\xa1\xd4DS\xa7\xedo@4\x87a\x9fvOn\xe66\xcf\x04\xa6pv]\x8e\x90\xf0@\xe1\xa3\xcdn\x9b\xd6\x08 ;\xdc\x94\x97^\x9cz\x9er\x1aJa728~\x1e\x89\xcd\xc5\xd0}\x1a\xd4cb\xc3Q\x92\x0ed,\xf2n\x9bS\xf8\xa9\xb5\x8a\xe0\xb2\x89\x91\x1c\xf6\x1c\x80\x81n\x18?37\x80\xa8\xa4\xb1\x04\xad\xb2\xd2\xd3MHe\x17\xc2\xb1(\x06\xc7]&gt;\x06\xb9m\xd4\x01\xcb\x8e\xca\x8c\xbag\x9eZT\xdcE\x93\x84@\x8c\t\xea\x1cT\xf7\x15\xcb\xc4\xa9\x98\x9c\xcaG\xca\x83\xf2\x99\x18\xb0\x7fD$\xe2\xda\x01\x91\xf1_\xa6\xbf(Q4|\xfe\xaf\n;\x8a\xe7_\xb74\x85qB\xe2\x82\xcdTf\xe3t\x89\xb9\xe4\xed\xa8\xba\x8e"\xc9\x88\xe5\xdeq\xe7\x1f\xe8\xd8R\xb0\xc8\xa7i\x13\x12\x95T_\x124\xce\x8a\xeb\xc0WE\xbaL\xa6\x98Q\xa9)\xfb\xb4_\xa1\x89WVQ-\x0b\x8bZ\xa4P\xe0\xa1\x0f7\xbf?\xf5\xa8\xa3x\xbd\xbcE\xaa\x873\x08$g\xb8 \xdf\xb9\xe0\xf8rI\x18+\xb8E:\x11\xc9\xbb\x90\xf9\xaau\xf4\xac\x93\x93%\xba\xd4\xf7\x8f\x10\x07\xbf5\xa6N\xc00\xaehG4\xdd3\xc7E\x83\xc9\x99\x8a\x8b\x89%\x80\xcf\x1d#~\x8d\xfd\xe6\xb2s\xb4\x165\x1e\xc9Xzt&gt;\xbbyf\'\x82\xd7*\xaa\x94\x95\x0f\x13|\x1c\xc8\x10\x93AMM&gt;\xa1\xcf.\xdf\x897\xd8ca\xf8\xd1s\xbfP\x18R\\\x0f?\xf4\x86x\xe0\x01$\xcaK\xe8\xfa\xd7\x17@1\x9b\xda\xbe5A\xb7\x1c\xad-\xa2\x0bDY\x0c\xb2\xfd\x94\xe3\xc7\x98{\x10(\xd5z)\xf0DN5D\xbf\xc5O\xd6X\xaa\x1a\xa1\xce\xf38\xcd$\x15\xdf\xc9\xaa~\x1d\x0f\x1a\xe4\x9e~as \xb7(\xa4\xaaz\x8c\x10\\\xfackN` \xef\xd8\xda\xbd'</t>
  </si>
  <si>
    <t>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</t>
  </si>
  <si>
    <t>b'\xb4\x0e\x16\xf0\xb9\xb65\xf8\xef\xb0\x9aR6\x00\xb3B'</t>
  </si>
  <si>
    <t>e circuit of Fig. 5.87(a) therefore reduces to
 that shown in Fig. 5.87(d), confirming operation as a voltage divider.
 Q1
 VCC
 R
 out
 E
 (a)
 in v v
 Q1
 VCC
 in v v out = v in
 Q1
 VCC
 R Thev
 R
 out
 E
 v
 RThev
 v Thev = v in
 g m
 1 =
 (c) (d)
 (b)
 Figure 5.87 (a) Emitter follower stage, (b) Thevenin voltage, (c) Thevenin resistance,
 (d) simplified circuit.
 Example
 5.44
 Determine the voltage gain of a follower driven by a finite source impedance of RS [Fig.
 5.88(a)] if VA = âˆž.
 Solution We model vin, RS, andQ1 by a Thevenin equivalent. The reader can show that the open_x0002_circuit voltage is equal to vin. Furthermore, the Thevenin resistance [Fig. 5.88(b)] is
 given by Eq. (5.291) as RS/(Î² + 1) + 1/gm. Figure 5.88(c) depicts the equivalent circuit,
 revealing that
 vout
 vin
 = RE
 RE +
 RS
 Î² + 1 +
 1
 gm
 . (5.323)
 242 Chapter 5 Bipolar Amplifiers
 Q1
 VCC
 R
 out
 E
 (a)
 in v v
 Q1
 VCC
 R Thev
 R
 out
 E
 v
 v Thev = v in
 g m
 1
 (b)
 RS RS
 + RS
  Î² + 1
 (c)
 Figure 5.88 (a) Follower with source impedance, (b) Thevenin resistance seen at emitter,
 (c) simplified circuit.
 This result can also be obtained by solving the small-signal equivalent circuit of the
 follower.
 Exercise What happens if RE = âˆž?
 Did you know?
 Shortly after the invention of the bipolar transis_x0002_tor, a Bell Labs engineer named Sidney Darlington
 borrowed a few transistors from his boss and took
 them home for the weekend. It was over that week_x0002_end that he came up with what is known as the
 â€œDarlington Pairâ€ [Fig. (a)]. Here, Q1 and Q2 can be
 viewed as two emitter followers in a cascade. The
 circuit provides a high input impedance but since
 IC 1 is small (= IB2), Q1 is quite slow. For this rea_x0002_son, the modified topologies in Figs. (b) and (c)
 are preferred.
 Q
 VCC
 RE
 Vout
 in Q1 V
 2 Q
 VCC
 RE
 Vout
 in Q1 V
 2
 RB
 Q
 VCC
 RE
 Vout
 in Q1 V
 2
 R1
 (c)
 (a) (b)
 Darlington pairs.
 In order to appreciate the usefulness of emitter follow_x0002_ers, let us compute their input and output impedances.
 In the equivalent circuit of Fig. 5.89(a), we have
 iXrÏ€ = vÏ€ . Also, the current iX and gmvÏ€ flow through
 RE, producing a voltage drop equal to (iX + gmvÏ€ )RE.
 Adding the voltages across rÏ€ and RE and equating the
 result to vX, we have
 vX = vÏ€ + (iX + gmvÏ€ )RE (5.324)
 = iXrÏ€ + (iX + gmiXrÏ€ )RE, (5.325)
 and hence
 vX
 iX
 = rÏ€ + (1 + Î²)RE. (5.326)
 This expression is identical to that in Eq. (5.162)
 derived for a degenerated CE stage. This is, of course,
 no coincidence. Since the input impedance of the CE
 topology is independent of the collector resistor (for
 VA = âˆž), its value remains unchanged if RC = 0, which
 is the case for an emitter follower [Fig. 5.89(b)].
 The key observation here is that the follower â€œtrans_x0002_formsâ€ the load resistor, RE, to a much larger value,
 thereby serving as an efficient â€œbuffer.â€ This concept
 can be illustrated by an example.
 5.3 Bipolar Amplifier Topologies 243
 RE
 g Ï€ m v Ï€v v X r Ï€
 i X
 Q1
 VCC
 RC
 R in RE
 0
 Q1
 VCC
 R in RE
 (a) (b)
 Figure 5.89 (a) Input impedance of emitter follower, (b) equivalence of CE and follower stages.
 Example
 5.45
 A CE stage exhibits a voltage gain of 20 and an output resistance of 1 k_x0002_. Determine
 the voltage gain of the CE amplifier if
 (a) The stage drives an 8-_x0002_ speaker directly.
 (b) An emitter follower biased at a current of 5 mA is interposed between the CE stage
 and the speaker. Assume Î² = 100, VA = âˆž, and the follower is biased with an ideal
 current source.
 Solution (a) As depicted in Fig. 5.90(a), the equivalent resistance seen at the collector is now given
 by the parallel combination of RC and the speaker impedance, Rsp, reducing th</t>
  </si>
  <si>
    <t>b'\x8d\xc4\xa9?\xaa583\xabb \x87\xdc\x8ar~'</t>
  </si>
  <si>
    <t>8dc4a93faa353833ab622087dc8a727e</t>
  </si>
  <si>
    <t>ts the number of legions was approximately doubled. At the
same time there is also considerable evidence, both from examination of fortress sizes
and from papyrus documents, that some or all units were considerably smaller than
they had been in the early and high empire (Duncan-Jones 1990: 110â€“17, 214â€“21;
Southern and Dixon 1996: 30â€“3 provide a useful summary), with some legions
perhaps of 1,000 men and some alae and cohorts with less than 200.
The Roman Army 225
The infantry of the late imperial armies certainly looked different from their
predecessors, although on a technological level they were not very different. They
wore armor (mostly mail: Bishop and Coulston 1993: 141â€“5, 167; Elton 1996b:
110â€“14) and helmets, and carried shields. Their offensive weapons included a mix of
thrusting spears, light and heavy javelins with names such as spiculum, verutum, and
lancea, and the longer spatha sword (Bishop and Coulston 1993: 123â€“6, 160â€“2;
Elton 1996b: 108â€“10; Veg. 2.15). Vegetius implies that the lead-weighted darts he
calls mattiobarbuli and plumbatae were introduced in the reign of Diocletian (Mil.
1.17). He also calls for archery training for a high proportion of recruits (1.15; 3.14),
some of whom were to fight in mixed units with the heavy infantry, a practice not
attested in earlier imperial armies.
A high proportion of the units listed in the Notitia Dignitatum are cavalry units,
many of them vexillationes equitum rather than traditional alae. Legal documents
(CJust. 7.64.9; 10.55.3 Â¼ Campbell 1994: nos. 387â€“8) imply that their members had
status and privileges equal to those of the legions. This increase in status and
prominence (and perhaps, to some degree at least, of relative numbers; but see
Elton 1996b: 105â€“6) of cavalry may reflect a need for greater mobility to meet
frontier threats. In this respect Diocletian and Constantine may have been the partial
inheritors of a process begun by Gallienus, who by 268 CE had concentrated a large
force of cavalry under a single commander at Milan, a convenient location for dealing
with threats to Gaul (Zos. 1.40.1). The titles of some late Roman cavalry units in the
Notitia Dignitatum suggest a titular link (but probably no more) with those
of Gallienus, as they include equites Mauri and equites Dalmatae, and we know that
Gallienus used Dalmatian cavalry, while Aurelian employed Dalmatian and Moorish
cavalry (Zos. 1.40.2, 52.3â€“ 4). Other cavalry unit titles in the Notitia Dignitatum
include equites sagittarii (horse archers, especially on the eastern frontier), and more
heavily armored units known as clibanarii and cataphractarii. Despite this apparent
emphasis on cavalry, infantry remained the core of Roman armies.
The army of the Notitia Dignitatum is divided into limitanei, or frontier troops,
typically commanded by officials known as duces and comitatenses, members of field
armies at regional and empire levels, serving under magistri militum. It is not clear
exactly when this division of the army occurred. In some sense the field army
(comitatus) may go</t>
  </si>
  <si>
    <t>b'|\x80\xde\xa9\xe3\x87\xe8O%\xbef\x85\x0c9\x02r\xc0\xe1\xc0\xde\x938\xfd r\xa83\xdb\xfa\xc7\x91\xdf\xe8.\\r\xe02\\H\x18\xf4\xdc\x1b\xcaUqA\xe9g\x15q\xe0n\x991\xb3\xb1\xe18j\x0c\x1e\xf4\x92\x05\xe6\xf0Rd%\x85/?\xcc\xf7\xe1u\xb5\x15\xff\x96\x90r\x86\x13.\x19\x80\xfb\xa8\x0e\x96\x16\x94\xd0M;\x84\x02h2H\xc4\x1f1\x9a\xaa\xd2\xb1\x8bG\x07\xe0\x05\xc8\xa4\n}\xf2\xc8Ah\x8e\xbd\xd2\xee\xf4\x81:SI\x9e\xae\x95me\xc3\xb9N\xf7\x1e\xa0M\x13\xb5*\xba]\x9b\x1dM\x1dS\xb6G\x93\x17N\x9e[V\xf9;~\xfb\x00\x83\xad\xbd\x150\x9fJW\xdbF\xf4\x96\xa2\xc8Dh|@\x1dA]\x84\xc7\xd1y\xc8K\x08\xd3\x96\x94 \xfd\xa1\x8eE\xfa\x993\xe1\x1c\xe4\x02\xa9\xa5\xf9\xf9\x12\xb8\nZ\xef@N\xd7\xc0C\xcd\xe2B\x9f\xe7\x9e\xb3\xa1\xd1\x87\xb3\xe1{\xdbL/\xc3\x89\x07Bo%\xd2\x00]a\xa3Q\xe3\xe1\xe2A\xbfi\xefB\xfe\xbc\xbfia\x15\x8e\xe2\x1ax\xdd;\xa3&amp;\xb8\xc0W\xa7\xab\xd6\xd9\x13\x86q\xf2A\x8b\xdf\xe5\x00\x19\xda\x11\x87\xc9\xaf\xe4om+\xecK\x84i\xa9\x81\x94?2]\x10\xcc\x92\x1c\x19\x8a\xdf\x83\xdc\xb8\x9dFPaI\x95\xbe:\x92v\xa9i~\xa6\x9d\x81\xe6\xc4\xd9\x87&lt;\xe2\x0co7\xa5clZ\xec\xf4[\xfe\x1d\x9ag\x8bV\x1b\x11\xa5X;*\x98\xfb \xf8*\xf7b`\xa4\xd0\x0f\xedltbC4\xde\\\xe0\xee\x16 \x05\x12\x13V\xe3J\x08-1\xad\x14K\xe9\x12;m\x01&gt; \x9f\x96\xc2\x13\xc6\xcb\xabUu\\]\xd5\xb4(\x19L9\xa9\xbf0\x9d\xb5g\xa4\xfa \xd9\xb5\xd4?\xa8\xe3$\xb8\x98\x9b\x02\xf0,h\xb9y\x10\xe93W\xf1X\x08\xc6\xec\xe5\x91\x99^\xd6\x19iW\xeb\xb6\xff\xbfw\xbaM\x95Y\x17+S|\x0eB3\x8f0\xf6*\xd1\xf5\xa2\xf5\x9a1f\x81\x8dk\x16\x86\x15\xa6j\xc9S\xb9B+\xcdD"\xb7\x13{0\xdf\xcc\x98\xe5"\x9e\xec\x06\xcc\xad\x8a\xe0\xcc\xdf\x17n\xee\xed\xd5n\xa8\xb9\x02i\xf3\xd4]\xf4\xc8\x1d_xPM.Z\xa2\n{&gt;H\xb6t\xc10I\xbb-\x81\xe1\xfd\x8d\xd2+\xd3\xbf\xad#\x92\x89\xc26\xbfJ\xd0ge8\xcdk\xf9@2\xca\xe6\xab68D\xacx2B\xe1/\x05NP\xfa&lt;(z\xa5\xf1W\x94\x1bK\x9a\xecPqb3\xe8\xa4RtH\xe1\x82\xf5\xe0t)\x88\x1bE^\xd5\xc4Z8\xee\x0c\xe4\xf2\xbdv\xeev\xaf\x0c\x86\x01\x07\xec\xa6\xd5f\xcd\rcs\xef5\xff9;\x86\x14Ny\xc7\xf8\xbc\xf3&amp;\x93\x85\x05\x11\x1e\xd8\xefF\xc8\x96@\xf3O\x8e\xb3\xf0\xd6\xa4\xee\xda\xfc\xec\x9c\xd5\xfd\x9a\xac\xaa\xbf)\x05}\x8es\x8d)\x00I\xd3G\x89\xa3O\xf50\x15@\xce\x02\x7f[\xe7\xea\r\xdd\x1e|\xb9J\xd8\xa1\xd8tz(_8|\x06(\x08~\xa8S\xbd?\xb2$\x95\x80\x98\xda\x03\xfd]:\xa2#\x12A\xb82\xd4\xfb\x88\xb9\x8a\x98\x9e\xa3\xd9i\xec&amp;\x0f\xefG\xd9\x9b\xdc\x02\xbb\\\xc2\xfeR\x13vGuK\x86\xf3\x80\x8f\xb3I\x95\x1b /\x93;SA\x93\xb2l;\x94\x92u1\xa6j\xa7l\xe3\'y\xc3\xe8\x18\xcc\x9c\xa6\x904\x03\xbe\x03~G_\x7f@\x8c==\x80M\xafp(\xca\xc4\xc4\xc7r%\n\xe1\xf1\xbe\x9b\xc9\xc9D8\xcdD.\\\xc0(d8\xc5\xa05o\xffVq\x98#\x0fe$\x14s\xe3\x1bL1N\xc4z5U\xb0\x0cDp\xaer\x1e\x19\x17\r\x07\xf8FSoWX\xc0\xb2\xb8\xb5\x9358j0\x03\x87W\xd7-\x9c\xb8\x82,\xf7!\xcc\xb7\xdd\xc8\xbf\xb1\xc3\xee\xf1\xdf8t\xbbM\xc5\xa3x\x02\xc46\xdf\x0bDv\x18c\x8c\xe0\x83\xbd\xc7\xd0[c\x1f\xf4I\x0c\xe3M\xfeA\xc7X\x08\xbe\xce\xaf\xdc\x1dn\x9c\xcf\x049\xe51CI\xe5\x10\xc9\xa9+3\x02\x8fQ\xe6\xbc\xb9\xf6\x06b\x99WL\xe3\xef\x8dn\xc5\xcaK?\x01\xe5\xe5(L\xe8\xde\x194D\xbc7\xc2\x9b\x85\x94\x8c\xb2&amp;\xb0\x8cEq\x8f&gt;\xecb\xd2\x08\xed\x85\xfd|\t\xc7&gt;Vb:\x02\x80p\xef7\xcb\xd0\xdb\xd2\xfc\xc1\xce\xc3\xb5\xc4`\xbb\xd5\x1e\xd9\xfc\x1e\xd3E\xce\xccTS`\xbe\x8c\xa7\xb9\x90LS\xc6\x16)\x0b\x99\x13\xd0):\x8a\x93\x186Cx\xbemk\x11\x05\x903\xec\xf2\xfa\xdbu9\xf0\xb4a..\xd7\xc8\xa5P\xec\xb6\x82\xb9\xe7y\x9f\xef\xe1c\xf1\xf3\x97\x9fT-\xbaW\x06\x18~\xc5\xaa\x94\x16\t\xee\xc9:\xdab\xf3\xe2_\xc1\x96)\xba"\xa4\r\xf8\xa7\x86!\xde\xfe\xc4\x8b\x8b\xb3\xd7\xcb\xd6l\x9c\x96\xf6Wt0\xd7\xc0\xe0\x87\xce\x92\xd8\x96\x197U\xc1\xd0\xaf\x03Yw\xd6\xc4d\xa1\xe0\x1d\xc6\xd3\x0b\xc4\r\x05o\t\xc0\xf3\x8b\\\xc2a\xc4\x0e\xd0\xf6/t\xe794\xb0 \xb1+))\x10\xaa&lt;\x1d\xb6\x0e\x02e\xd6\x0b{B\x9b\xbb\'N\x89\xf2\xaa\xb5\xba\xc7\x9dj2\x00\x07&lt;\x9b&gt;\x08mv\t\xbf{?3\xd0\x02\xe7\xd4\x04\xcc\xf9\xce\xcd\xa2\x80\xd1v\xa5\x8e&gt;\xa6r\xebU{\xc9\x9f\x9e\x96\xdckW\x060k\x92\xe0\x9c\xfd\xd0\xbf5lY\xa5\xea\xfe\xb5\xe6\xee\x8eyU\xc3\xcd\xbf!b\xa3B\xf1\x95\xd3\x1a\x18\x1f\xc2\xd2\xfd0m\x1d\xf1]\xed\x92\x04\xc6\xc0\xb8^\xea\x93[&amp;\xe6\x94\xb1i\xd1&gt;\xe0+Y\'K\xf46\x04\xed&amp;\x8e;y`\x15\x05\xfb\xfb\xd02\x98\xfagx\xe3\x19\xf6.\x19\xe7\xb0\x88\x8b\xa0\xa2X\x00i\xee\x9d\x01\x85/\xe8\x864\xc5[Z\xc6G\x9c\xe4E\xe0\xf0\xa6\tZ\xe9\x14\x17Z^\x0e\x9b\xa6Fk\xc5\x01n\x9f\x93\x8c\xaf\x93`r\x94\xa3~\x19\xb65\xe6\xb3EI\xef\xa1H\xf3e\xd45\xe7\x89\xa3\xfd\x13eY\xe2\xc2\x8dR\xdd\xf3\xe4\xae\xcf\xd3\x9f\x12\xc20|\x8b\x8b&lt;\xa6\x94\x01)\x10\x93Y\xe2\x0e\xe4\xe3\x14\nZVh\xb7\xcf)\xb9\x9f.-\xcd?Eepf\x0f\xe9\xfbq\xa4\xb4\x99\xc7\xac\x1fE\xb7Y\x89\xc5\x90\t\x81\xc9\xa78\x04N\xbc\x9b\x19\xf5\xf0\xdc\x86\x98\x0c^\xc1\xe4.\r\xdb\xac\xaaC9o\x06\x9cEK\xf2\x84\x15\xc0\x15\xea\x853\x1b\xa3\x02\x13\xbd9w\x02\xb9\x8c\xf1\x1fB\xb6\x9a\xa4Q\x9a&gt;\x92C\xff\x05\x9b\xc0a\x03\xa8\xa3\x07\x0b\x17\xd2\xebi\x08;F\xb1%\xb6\x1e\xde#1\x10\xa6?\xe8[\x1dl\x18I\x04\xba\x0b\x86\x9a9\xac\x87\xd0\xfaV\xe3\xaa\xb5\xe5\xa7q\x83\xed\x8f`\x0e\xdf\x95\xa8\xa0\xf7\x06\x01\xff\xd7\x82\xc0\xf2x&lt;C\x9d\xe0\x1bY\xb3u\x85\xfc\xc0?\x90\x8a\x11@\x06\xbc\xd8\xe8\xb5\x14\x17\xfe&amp;\x1b\xce\xd1\xd6\xf6\xee\xeb\xde\xc9\xa5\x19H\xb6\x94\x9fZd\xc7=\xfd0\xe5&gt;\x1b\xb2\xc5\x88\xc5[\xda\xd4h\x1f\xbeI\x0f\xb6u"\xf4\xb9\xbc!\x7f\xedZNP\xf4\x97\x08\xc4U\xbc-@\x99\xd7k\xcf&gt;\x94\x84\x1fo\xde\xdb![\x00\xael\x06\xc9`\xf0\xd9jQ\\\xa0\xa3\xb1\xed\x88&amp;\x0f\x89\xbe\x18\x8ac;\xc6\n\x00\xd1e%\xb5"\x08f\xc7n\xb3-S^&amp;M\x02\xb7\xc1\x8a^\x9cl\xf4\x82.\x17\xe7^,\xba\xc7*\x8b\x82\xd2\x81\t\x0b_]\xa8\x17&amp;\xdeJ\xfbY\xe5\\\xd4\xc4\xef\x17\xc3\xec\xcf\x066\xa0\x1e\\KMp3Q\xeb\x15M\xe3\xcf\xdc\xd1\x86\x9a\xf9\x90\x16\xc1)\xccj\xdaDV,\x0cgu\xe0u\xab\xa7\xf5\xcb\xe6\xc7x\xac\x0f`\xe7cJ\xe3\x84\x0c=\\\xf0\xb8\xc7\xd6Of\xfdzD\xf9\xf7W\x81\xc7\x10Pj\xbc\xfd\x03\x94\xa1F\xafG\x9f\xf8\xeb\x93\xfc\xd1\xb1\xc3hQ\xab\x9f&gt;5\x00*Y\x81\xd5\xfa\xc8\xd6^?d\x11\xe8876\x0f\x1eq\x05xi\xda\xd2\t\x08\x81+Na&gt;\x15e\xeaBj.\xab\x96\xc6:-p\xbbZ\xc9\x93\xf0\xb7lej\x8a\x7f\xb4.m\xc3G\x0e\xb0&lt;b\xa3jCu\x97\x86-t+&lt;\tL\xdc3z\x9e\x14\x08\x8c\xd4\x1b\nE=N\xc1\x0f\x16\x86!]\xb4\xb9\xa4\xabrU\x1f\xbeU\x90\xd4 \xfd\xec\xff\xcc:Py\xd1\xbe\xb0\xb6V\r^\xc0\xdb\x91\xc5q\x8e\xe5\xa9\x11\x9f\x8d\x99j\x92\x17\x11\xa7o\xfe\xc6,\x8f\xc2 \x9f\x06\x0b\xf2u\xa8&gt;\xc1\xd9\x8d\xe3U\xb2\x0b\xcb\x8b\xb4\xc3\xb5 p\xe6\xd1s\xb7h\xd8D`\xff\xc7\xd6\x1c\xe6\xfd02b\xd0\xaa\xab\xefDLJ9\xe7\x11\xd1\xa3;\x8c\xcdls\xf3\x8a\xbe\x1b3\x86\xd2\x06Cu*v4-\xf7\x8efx\xbe\xbeM\x0fm\x1ed\x08R\x81\xb7\xa8\xb8"\x89\x19n\xc7r2\x1fJ&lt;\xeb\x9a\xf1\x91Xe\xb5\xf2\xa8\xba\xf7q\xf4\x05\x80\rp\xd2\xd8z\x7f9\x14jnP\xe0\xf68\xd1E`I\x04\xbe\xa7b\xef\xd3R*\xc4\xb3x\xb3\x86C\x8f\xce\xacC\x07\x96\x8a\xf6\xd1I\x9ag\xf1{\xfa\x8f\xac\x91ni\xbdKQ\x18\xb2B\x9bIF\x1e\xd7\x82\x8e\xd7\n~\x03fmc\xf7\xb0\x04\xa2\x8a\xec\xe3\xb4\xf0\xce\xdbCo(\x13\x173O\xb1@\xf4c\x9c_\xc7@\x96\x9c\x8b\x0f.\x00|(\x85\xb0\x03\xdb\x10H\x02c]\xbb\x8a$\xd0 \xa3\xa7\n\xfd\xc6\x13\xa7\x8a\x8c5\xf5Y\xacW\n\xac;\xdd9\xe0\xf0\xae\x85\xf5\x99\x0e\t\xc7\ng\xb1\xc6\xff\xf81T\x88\xb5k\xb3\xf4\x8a\xe1\xf2g\xc9\xe3\xdb\xfeuH%\xad\x97\x94\x10\xef\xd7\xe5="\xe4\x7f\r\x97\xed\rx\x8c\x11%Z\x8d\xed\xb1w\xdb4=00\xd8&amp;\xec\xdbHsV;why\xd7X\x9bv\x1e\xa6\xc7m5\xf5Y\xd5\xbe\xd1I\x13z\x03\xe8P\x9bEC\xbb\xcb\xb4\xb7\xf8c\'\x8cxz\xac\xbe\x14\x9e\xed)\xdb\xe7\x91\xd7B\xb2nE\xc4v\x89X{0\xff\xc7\xfc\xcd2x\xce\xff\x04\x95\x15u\xa8\xdd\x08c\x00\xc6\xad\x0f0\x90\xc08\x93\xdfW\x1dTx\xae\x98]c\x96\x110\xafF\x88Yd\x9bN\xd9m\xc7\x834\xf8\x0c\xb2C\xbc\xc4\xa0\xe8\x89UC\xc8!\xa6\xce\xa6*HK\x8d\xcb\x98\xd6\xb3\xba}?\xa6*\xcfIy2\xd7z\xe3\xd6\x98i_\x80\x0e\x1e\xff\x06\xedA\xc9#\x130\x1c\xf0\x13\xd1\xf3v\xb3\xd4D9\x04A\x15\x96\xe4gY\xa0&amp;\xb8\xcf*\xdcM\xf8\xd1\xbb\x181\x98\xf7\xcc\x10\xe2CuB=\xa5a\x15K\xaf\xe4G$\xaa 9\x04\x11\xf2\x96a\x84\xa6\x8a;\x04\x94\x1a\x009Sd\r\x93\xfb\xd9\xdc\xab\xa0\x9f\xbbt\xd74\x08\x1f\xf9\xd5z\xd61\xd7\xcd\x88\x1eoU\x7f\x85\x1e\xb62}\x93\x8b\xe8\xa3\xbf\x0b%\x05J\x8b\x88&amp;\x07/\xb9*w\xc6#f\xa8\xd4\xa4\x15\xf9\x04\x96:\x00.jN\x89\xc9v{}\xc8,\xc4wv\xe8\x19\xfd2\x04\xa9kpO\x90\xd7H\x1c\xed}@F\xf3\xd2w;q\xa3\x19\x070i\xf8fF\x9b=\x97\xf36\xe6&gt;\x1cW\n\xf0\x06\x88\xe7H\xde\xe1\xb8\x01v\xe6Y\x8e{\xf0\xa1\rR&gt;\xbc\xf20\xcf\xe8\xdb\xd9\xb0#5~l\xd8\xc7\x17\x7fR\x91\xa4\xd8\x8cp\x14\x8ejm\xf1W\xc7\xb9ms\xd5P\xef\xe3\xef4\x9c\xbf\x98#\xfeCW+4\x89\xe6u\x0b\xf6\x078\xbd\xacT\xee\xf4\xe9\tb\xd2Vl&gt;m\x9ey;\x84|w\x7fK\xc9\xe4/\xfa\xeb"O\n\x11D5\xfe\xb6;u+\xf8\xef\x03\x8e:\xce\x15\xaa\x9a\xcd\xe5\xdab\xc0\xb5\xdfW\x8cst\xa7\xf7/v\x16 \x12e\x94\xd6\xf7O\xef\xdd\x1f\x114\x9d\x96 \x93\x8e\x8bv\xe0\x14]y\xa1\xe6j]\xab\x8f\xec\x00\x9bon"\x80o\x96\xa9\xb0\x9f[Y\x01\x80\xf9\xd5\x0c(\xdf\xa9\x16\xd4]8\xbd\xdc\x0c\xfe\xd9h\xd9^\xf8U\xdc\xc4\x98\xe9\xb5\x83d\xd4"o*U!\x11Ec\xe8f\xb9\x9eZ\x9a\xbc\x81\xaeFd+\xca=\xfbF\x0f\xf0!\x1e\xba\xfb\xfe;\xc6\x02\xc5,\x87L\'\xa5C#Vl,9h\xf3\xea\x7f\xfb\xb7\xb3\x80\x02P\x8f\xaa\x8bO\x82\x7fI\xfeb\xc6n\xae\'J\xcd\xd0\xe6\xc8\xc5~C\xc5\x8a\xceeO\t\xcc\xcc\xb8\xfe\x84Iy40\x03\xc4X\xfa!\xc8\x80\xfa\xba\xe3\xadH4\xdb\xf0oy\x92\xcb\xab"\xf1\xf6\x97\x17\r[CH\xa28: T4\x7f\xc6\xc89\x04A\'\x9c-+\x86x\xabq\xf9\xf0\xd66\xe9\xd3\x0e\x8e\xac[\xa7\xecx\xa7\x0c\xa2{\xbai\xf0\xad\xf9C\x97\xc6\xd2\xc4\x84\xa6\x12X\xb7\xa4\t\xcf6?\x84_\xa2\x08\xd4\xcb\x88\xf2'</t>
  </si>
  <si>
    <t>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</t>
  </si>
  <si>
    <t>b'|\x80\xde\xa9\xe3\x87\xe8O%\xbef\x85\x0c9\x02r'</t>
  </si>
  <si>
    <t>and Kondoleon: 301â€“19.
Dâ€™Arms, J. 2000. Memory, money and status at Misenum: Three new inscriptions from the
collegium of Augustales. JRS 90: 126â€“44.
Daumas, F. 1961. LitteÂ´rature propheÂ´tique et exeÂ´geÂ´tique eÂ´gyptienne et commentaires esseÂ´niens.
In A la rencontre de Dieu (MeÂ´morial Albert Gelin). Le Puy. 203â€“21.
Davidson, J. 2001. Dover, Foucault and Greek homosexuality: Penetration and the truth of
sex. Past and Present 170: 3â€“51.
Davies, J. K. 2005. Greek archives: From record to monument. In Brosius, M. (ed.), Ancient
archives and archival traditions: Concepts of record-keeping in the ancient world. Oxford.
323â€“43.
632 Bibliography
Davies, R. W. 1974. The daily life of the Roman soldier. ANRW 2.1: 299â€“338.
De Blois, L. (ed.) 2001. Administration, prosopography and appointment policies in the Roman
Empire. Amsterdam.
De Blois, L. and Rich, J. (eds.) 2002. The transformation of economic life under the Roman
Empire. Amsterdam.
De Blois, L., Pleket, H., and Rich, J. 2002. Introduction. In De Blois and Rich 2002: ixâ€“xx.
De Felice, J. 2001. Roman hospitality: The professional women of Pompeii. Warren Center, PA.
De Haan, N. 1997. Nam Nihil Melius Esse Quam Sine Turba Lavari: PrivatbaÂ¨der in den
VesuvstaÂ¨dten. Mededelingen van het Nederlands Instituut te Rome 56: 205â€“26.
De Haan, N. 2001. Si Aquae Copia Patiatur: Pompeian private baths and the use of water. In
Koloski-Ostrow: 41â€“9.
Deininger, J. 1965. Die Provinziallandtage der roÂ¨mischen Kaiserzeit von Augustus bis zum Ende
des dritten Jahrhunderts n. Chr. Vestigia, BeitraÂ¨ge zur alten Geschichte 6. Munich.
De Laet, S. 1949. Portorium. EÂ´tude sur lâ€™organisation douanie`re chez les romains, surtout a`
lâ€™eÂ´poque du haut-Empire. Brugge.
DeLaine, J. 1997. The baths of Caracalla: A study in the design, construction, and economics of
large-scale building projects in imperial Rome. JRA Suppl. 25. Portsmouth, RI.
DeLaine, J. 2000. Building the Eternal City: The construction industry of imperial Rome. In
Coulston, J. and Dodge, H. (eds.), Ancient Rome. The archaeology of the Eternal City.
Oxford. 119â€“41.
DeLaine, J. 2001. Bricks and mortar. Exploring the economics of building techniques at Rome
and Ostia. In Mattingly and Salmon 2001a: 230â€“68.
DeLaine, J. and Johnston, D. E. (eds.) 1999. Roman baths and bathing. JRA Suppl. 37.
Portsmouth, RI.
De Ligt, L. 1993. Fairs and markets in the Roman Empire: Economic and social aspects of
periodic trade in a pre-industrial society. Amsterdam.
De Ligt, L. 1998â€“9. Studies in legal and agrarian history I: The inscription from Henchir
Mettich and the Lex Manciana. Ancient Society 2: 219â€“39.
DeÂ´mougin, S. (ed.) 1994. La meÂ´moire perdue. A` la recherche des archives oublieÂ´es, publiques et
priveÂ´es, de la Rome antique. CNRS â€“ SeÂ´rie Histoire Ancienne et MeÂ´dieÂ´vale 30. Paris.
De Neeve, P. W. 1984. Colonus: P</t>
  </si>
  <si>
    <t>b'\\\xf1\xe5\x16\xf7\xa7\x1b\x01\x9c\t?O#z\xc1&gt;\xde\xafL+\xb3\xaa\xd0Y\x17$\x8f\x02\r\xad\r\xe9\xad*u\xee\xc1c )\xc4\x1bneek-\xfb\x11y\xcd\x06\xe7\x08Z\xdd\xb9v\xea\xcd\xe5)\xd3\xbd\xf9&gt;\x9et-Y\xfec\x12\xe6\x90\xc7\xf7$\xacJu}\xe1\xf2\x0c\xce$\xdf&lt;\xd8\xdd\xd3\x05\t\x17]\xc6\n\x184\x8e\xdb\xb8-\xbc\x83r\xe4;\xebQ\x9cz&amp;t\xab\x87H\x15\x1fI\x81\xd1\xa7\xde;%\xb7\x1bo\xf5|\xe6m\x85\x83~\x17\x1b\x86\x0f.\xa7\xe7:z\x8e+s^m*\xce\x04\xf2n\xd2\xcdv\xc2\xce/w\xd6\x11\xb1\x92\xf2\xf7\x05\xca\xe5\xa0k\xe7\xae\x04\x8e\xfe\x90-\x06\xa2\x96\xe4\xe5\x1e\x12\x1b\xf5\x82\xc0\xd5\xb9`I\xedW`\xd4\xc0\xd3f\xa8\xff";\xfedAkdVH\xaf\xa8\xd76\xf9v\xbf\xbc\t\x04\x06\x14\x89Bym\x86+\xccX%\x82\xea*)\xee\xdc\xee\xd2\xcf\xdd\x7f\xf0\x1b\xeaG\xd2i\x81\xb9T\xbc@\xd0\xb0a\xecm-\xfe\x19q\x12A\xc1\t&gt;\xec\x92r!M]\xb4\xa0\x7f#\xeb\xdd\x03\x9a\xe2\x8f\x13\x92*\x95\xc5]\x15\xe5#M\xf9\xb1x\xfd6Z\x18\x8e\x18\xaan\xedj\xd9\x15x\xdc\x9e\x00\xab\x1aE\x1a\xf7\xb4\x8e\xf2\x8bo\xec\x85\xc5\x83\xd3\x1b\x91\x8f\xc1\x97\x82\xb8\xdez(\xfd\xd4\xdb!\xd8\x8e$\x1fT\xdc\xb5\xc9\xe1\xff\x01J\xa6Q\x96I\x98B]\x84\x8d\xac\r\x17C\x80\x7f\xfa\x8c\xa0\xeb\xa7\x81Z\x8c\x1e\x04\x90R\xaa\xd8\xe69\xe4\x98\x81\x10P\'x\\i\xfe\xf2\xb3.2\xde\xdd\x88\x0f\x95G\x95c\x1dlk\xa2\x14+\x0b\xe5\x1b\x9f\xda\xd7\xadG\xfb\xe1\xb4\x03\x96\xfe\xc4\xeb\xd9\x19\x9aQ\x1ey\x87hB\x14\x98\xd1\x82(D\xdb\xa5\xd2z&amp;\xf6\t#\xe2\xcd\xe9&gt;VW\x15\x18$Q\xe7\xd3\xbci_\xd9\x9e\x1dT\xfc\xdd\x9d\xec\xf8\xe2\xbc\xe5\x13k\xaa\x1f&lt;u\x87\xe6w\xc91\x8a\xf1\x07(\x82r\xcb5\x13\x1d4\xea\xe6\xdb\xa8\xd7\xe9\xf8?\xb6Aon$]\xbb\xef0T\x10/\xe1\x93\xd9#\x1e}nt\xcf\x0c\xa0\x86\xfc\x89\xc4:\xec\x81WT-\xf5\xd5}+\x92b \x93\x99\xe8\x8d\x00\xf9\xdf\xd4j\xb6A&gt;\xa4\xcc\x08\xb8\xf0\x80\x11\x80q\xe8\xf4J\x1f\xbf\x8e\xbaD}\xc1\xa96W,\x9aE\xa4%!\xe37\x88\x98-\x0c`*\xd0\x16\x993\x9d-,\xa1\xe2\x9f\x1d\xa3\x04\xd0\x87\x9e)|\xc2\x8eB\x9f\xb3\xa0\xbe\xbe\x13~\x90\x0f_\xde\x8b\xd2(\xff\xa3\xe2\x82\xb1\x10x\xf2\x8e\xf6\xf4\xb7"\xe0\xb4\xb4/\x0fI\n\xf4\xd6\xaf\xf3\xd4eq\xe4\xd1\xa3~\xb1]\r~\xc8y\x97Q\xa77\x8c\xa2v\xe3\x91e\xbf\\~\xb9\x9bs\x0e\x80\r\xdb\x89\xb7\xb4\xf7\xfb\x92\xb4\xdf\x95\xc5\xe6\x18\xb7\xbb\xfa&gt;2z@l-r\xf6\x83\xc2\xda\x99\x8b\x87\x82!q\xbd\xa7EUV`}\xb4\xe8\nB\xba\x7ft\xcb\xca#fr$8\xc0\x9f\xd7h?\xf0a#\x87\xf2G\xb56Q\xe0\xef\xab\x05\x9dY9K\xf2B~\xe3P\xec\x15E*A\n\xa1\x10\xb8&lt;\xb8|\x83\xa8f\x95\x1f~\x9dJ\xf0\xa98\xf7\xa6\xb3N\x7f\xba\xf7\xedm\xf7\xc7\x1a\xd9\xba]\x1a\x82 n\xa4\x02\xff\x9c[\xd2\x9fQ\xbb\x1c`\xe6\xffc\xfcv\x9c\x07A\xc7\xdf\x0b\xe829\xddyl)]\xf3w\t\x9c\xe3\xe4\xa0\xfa\xe6 \xf7#dF\xf69\x9e]\xde\xa6k;\xd0\xcf1\xc9dw\x0f\xf0\x1afz"\xf7Wi\x8e\x7f\xa3t&gt;\xf1\'?\xe3\xc0B\xb4\xdaO\x7f\xea\r#\xa8\x8a\x03\xe5X\\JQcJ\xfaf\xd6\x1a\x14&amp;\xbf\xe8\x1c\x1ch\xcd\xca\x13!}k\xa8$\xd4\x0f\xed\xcf\xae\ts#\x0f\xb5\x80.\xdf\x06\x9a\x9eo\x0fC\xe4\xbcf-\xcb\xfe\x8f\xb0\x80\xfcF\xa9\xd7D\x9b\xe8\xc1\x04\xb7k[o(\xd0\xc4\xda\xa0\xc1\x8a\x97|%\x9f]\xb8\x07b\x8b\xc2\x9f\t|\x80\x7f\xd3\xe2\xdbr\xf2\xbaK)\x84t\x85\x92|\x01\xf0\xde6)\xd3\x1f\xbd\xb4P&amp;~\xf1\x8au\xad\xd6H\xc5|\xed\xabYx\xca\xdf\x13\x03\x92v\xe6\xf7c\xedU\xcbu\xb2\xaf\xdf\x0b\xb2\xed{%\xa7\x95\xac}\xe0\xdc\x83Hj\x0f\x0f\xcc\x81e\xae+\xa7\xab\xed\xe0O\xb9\xb4\xfd\xef3\xe0\xa4\xf5\xa1\x93\xeab\x12I\xecL\x17\xaabR\xf5-\x1eYIZqT\xc7)\xcf\xa1e\x9b\xea\x8c\x8e&lt;\xedhP\x00q\xd4\xb6\x071\xfau\x96\xdd;\xf2\t\xde\x19\x10\xca\r\x8e\xb2\xb0\xb4\x0e\x13W\x93.)1\t\x1c\x8b\x8d\x1c\xd57\x98U\xa9\xa8h\xdb\xda#\xd7\xfcM3\xd7\xd5T\xfc\xe4|`Rr\xd9\x1b*Ed\x0e:\x04\x1d\xceYr\x1c\x9e\xf9\x86H!\xaf\xc3\x91\x94\x88q\x13N\xc2\xb9Y\xc5}\xe8\'\xe5b\x1f|\xb0\x1d\x9e{\x15n\x0c&gt;\xe4\xce\xc6\xea\xc2M\xab\x15\xa7\xeb\xc0N\x07o\xd0G\xb4\xa2\x9c\x17\xe5y\x13l\x8d\x0c\x07\xd2\xe4\xde\xf1\xf79r\xf3b\xb6_\xb3&lt;\xe0+\xe72em\x83\xa0\xe7\x10\xd2R\xa0k\x86\x9ehti:\xf2=\xbf\x83\xd6\xa5\x11\xbd\x87D\x02\xe5\xcf4\x13\x97e\xb0\xc3\x99\xa3$l\xaeQu\x87\xf6\x80&gt;t|\xa3\xc5\x12z`F\\\x9b\x1c3\x13#X\xc2\xc7\xcd\x9f\xa6?\xaa{\xb0\x88-\xd5\x0b\xbb\xc2me\n\x93\x9e\x7f\x8b3/\x07\xe3\xca\xd4\xee\x90\xa3\x1b\xc1\xf5\xf8\xadOhw\xca\x9e\xacI\xc1+Zb+e;\xd8\xaf\xad7\xee75\xf6\xa6\x17\xfa\x0e&gt;\xdaZ\xd0U\xc9\xb8\x8b\xf5\x10\xac\xcb`\xf8\xc9\xa2\xe4f\xf2v\xe3vj\t+x\xb2\xee\xc4@\x00\x99\xa0\x16\xa9u\x83\xdc\xcb\xb9\xf4\xc7\xcc\xf8L\xf0\xce\xad\xe9\x91a\xda\x7fnE\x81\xab\xa4\x9c\xfcl$\x04k\xb6\x1dvL\xe5\x81\xce2I!,\xaa\xee\x16r\xeb\xce6\x18\x88\xef&gt;\xaa\xff\x0fz|/Q\x16\xde{\xc9\x98\xa2@\'\xf8\x1d\x90\x07\xcb\x96z5\x07t\x19j\tTi\xa7%\xb1\x80S\xfaD\x8b\xe5\xfa\xe8\xdb$\x942\xca\x84y\xdbz\xdd=\x99\'!\xd71\x00\xc4\xc2`\x04U$\xa4+\xf61f\xc7\xbc,\x00\xce\xa72\x97\x02\xf4j\x19\x92\x80c\xcb\xd7\xf0C\x19\xf51\x13^\x0c\xd6\x105\'\xa2\xf2]zwY\x8e\xde\xe7\x8d\x9c5\xf3G&lt;\x0b*\xc9\x13\x10\xb8\xed.m\xb8\xad.\x1cX\xf4\xf1\\)+I\x0e\x1cA\xfc\xdc\x89\x16i\x9e-\r\xa2\xcc\xf6\xcf\xf3^\xa03\xee\xeda\xb5?.5\xc0\x9b\x05\xe5\xb6kf\x86C\xa2G\xcaFM\xe4\x7f\x80\xddR&lt;\\\xd6\x01\xee\t\xb0\xda=\xf4\xbf3\xe9\x8aF\xa3\xec\xa0\xd2\x16]\xff\xd7\x8e\x9a\xf28\xf4\xfa\xf9\'7\t\x16?Xp6\xd8Z\xc1\xa6\x7f&amp;\xf6-\x95\xfeM\xd4\xdc\xc4\x93|\xeb\x88\xa5r\x98\xcf-4\xa80\x062\x10\x08\x18\xdd$\x07\xd4~\xc6_/\xf0\xaa\xdaN"hr\xac\xfa\x9c\xa1\x8f`\x98W\\\xef\x83\x02\xd2\x8e\x1f\x0e\xda\xbbL\xe7?qh\x06\n\x1e\xd13\x9f\x80\\\xb26&gt;M\x01\x9c\xf0\xd6&amp;~\x95&lt;X\xa8\x99\x14T\r\xb1K\xba\xa7\xf64\xd8\xb0\x19\xf6\x96\xa1I\xc8\x07\x91\xa7\x88\xf5b\xa2\xec\xe5\xd2x\xfb\x86\x1el;;\xc3H\x19\xcdW\xe09m\x15\x83\xe7\x9a\xff\x1bu\xa8\x9b\x80\x90\x1et2\x11H\xe2 yl9n&amp;\xc6\xc6\xda\xce8\xbd\xb4\xab\x08jMN\xe5\x85\x1f\x15!\xe0=\xff\xd9\xb7\x1d\xad\xe5\xce(t\xb9\xc3A\x12[\xf7\x92cH%\x95\x14@v\xba;\xc2}{\xe9-\xfcdiQ\xe7&amp;\xb3t\xf7{\x88\xbd\x8b\x96\xaaJ\x92\x0c\xc7Oq\r\xbeudz\x80\xbf\x91l\xc2Z\xb1\x80\xc8[\x1d\x9f\x84\x1fw\xb0@\x02\xd9\x07@\xc2\xba\\!\xd9\x10\xb7w\x90\xc9iNV\xf5\x15\xd1\x0b\x12\xf2\xea\xdf\xba\x91\'\xe2;\x884\x91\x93\x0e\xa6\xc4\xc99\xde\x84\xeaf\xd5\xfb\xb9\xe7\x0bZ\xaf{#=f6\xbe\xa8\xde\x08\x9e,2\x9bXF \x1cQ\xe6!\xd4Nt\x7fI\xed\xe6\x1bR\x1c"x\xf1\x86\xdf\x94\x80\xe1\x9d\xf2j\xab_SY\xbe\xee\xe7\\\xaf@\x19\x1c\xde\x18\xce,\xd4\xec\xda!\x9feT\xfb\x0f\xb3\xa5\x8b\xf0\xf4\xde\xb2i\xc7k\tF\xed&amp;\xa7\xdd/&amp;V\xcd\xdcFsz\xa6\x86\x98p_Vk\xe3J\x92\x02\xee:e-\x14\x9b\xe6&lt;/\xf6\x13NI\xd6\xd3hk\xa4\x18v\xc2\\\x1at\x97\\S\x92^\x07\x96\x15M\xad\xcf\x89.H\x1f\x7f\xde3\xfcs(\xc2\xb4Y\xfc\x08\xc4\x92\xf9\x1f:O\x00\x86\xfc+P\xf2*\x11\xf2\xbd,\x90/\xff\xcf\xcf:,n&amp;\xfeZ\x12\x1d\x83\x1b}\xfa\x8c\xbc\xf2\t\xc3\tc\x14$\xeeb\x93\xc0\x91D\x82\xf6B$\xe4H\x07\x93\xa9Z\xdb#f\x87\xf1$g\xeb\x12\x91\x03!I:I)\xd1\xf9CgT\x1e\x90\x1aX\xfdM\xfc\x9f\xc7\x81r\xdbd\xb7\xfa\x13"\xe03e\xb0l%\x07c\xf1\xf3Y\xb5[\x14\x1f\xc7\xd42m\xe0\x89\xdeP\x8b\xe1\xa8\xe7\x1c\xdai\xaek5\xacV\xdc\xc2J\rR\x9e\xd3\xfc\x05 x\xc3\xc6\xc6d9\xf9\xc71\xd6\xdc\xe2?{\xf6&amp;\xa4\xda\xb5\x7f\x9e\x0fX\x14h\x8adC\xa33\t\xe2\x11\x15\xb1\xcc\xe1\x0e\xeb\xa3\xfe\xaf_JU\xca,\xfd\x98\xd7\xa2oq\xe3\xc6\xb6\xa2\x07C\xfb\x17%C\xc2x\x04x\xb0e\xf8CE?\xeby}c\xbb\xfe\xde\xe43)\xe6\xb3\x98D\xb4\xfa\xa1\xac\xe1\x83\xf0F*\x9b\xdf\xc9\xef\xc77Zz\xe4\x1a\xee\xac\xaf\x92\xda8\xaf\x86\xfcaR\x91S\xbe\x96\'\xaf\xefe\x93\x98\xd2Ox\xe8\xe2\x17$\xa3\xd9\xf3\xe5\xe1\x0e\x8b\xa31vEj\xc7\xd1\xa1\xe1\x02\t)\xdd\x00\xf8jX\x98l\x89cT\xa5p\x8c\xef\x85U\xb5V\x81\x9d~}\xb88\xed\x96\xd5\xa0z\x02\xbcJ\xef?\xb6\x1432\xb5\xc3\xd0\xed\xb8#O)@\x05\x8f\x93+\xd7\xd1`o\xefXq\xedVt0\xbe?m\xbb\x15\xca\xa3\xea\x00 \xcc\x9a}B\x18E7t\x9fO\x1a[\x9f\xdc%\xc4F\x83\x97\x03\xda\xcc\xbeu\x1em\xc4\x02\xc7\xf02\x8f\xba\x8d\x88\xaa5\xcd\x9dr\xe8\xcb\x93\x0e\xf2\xdbH\xc7\xb0:@w\x82\xab\xc9d\x8bC\xc9\xbeX\xdf\xa9\x93\xe3\xd9\x12F\r\x84\xc5g\x17ii\x0b\xbd^`\xc5\xfas\xe1\x1fFrP\x8e\xb7L\xdc\x01b\xedG\x9e\xb8\xc7\xb6n\x97{\xe7,\xea$3\xa8{\xfeSf5.\xb4\xde\x00\x116\xc4/7\x84\xc5x\xd9\x94\xae\xa7\x91\'\xc6b\xed9\xfdS\x8a\xc6\xad\xd5*\x8f\xf3:\xe1\xfdcP\x8c\x03\xf2\x83i\xe9\xbbF\xabH4p\xb9\xfe\xeeCSe\xc6W\x0c\xa7\xf6r\x01ew\x91\x9d\x80g\x12\xc5&lt;h*,\x02\x85\xd3\x82s\xb9\xc1\xb92\xf2$\xd2\x93\xab\x8c"\xef\x08\xf0\xf0.w\xc4\x7f\xdd\x9a\x0b\\\x1c\xfc\xdd@\x05\x18*\x97\xb4O\x98x\xbd\xcfg\xdb\xa4\xc0&lt;\xa1\xf1t\xaai\xa4\xa9\x8c\x11\xd5\x04\x03\xe6(\x9cJR\x9d\x18\x80\xc9\xe8\xd8\x9d\xbfA\xccoQ\x18!\x1e\xe5\xc24\x1d\xa2\x05\x12P2jP\xc6s\x95&lt;e\xb9?R\x16\x8f\xb7\xf8\x0c\xaeb\xc3N\xb18\xbd\x87\xe8\x06\x0f\xd5\xfb\x80\x15P\xebu\x91\x0fc\x08\x02\x10\xcf\xc6]\xc2d\xf5\x80\xe2*\x1b\x1c\xe6\xecQd\n\x83\xd3rHq\xb8\xb2\xddHy\xb0\xf7\xfc\x1b\xc12\'\x0b\xf6u\x19\xe1\xf4\x0b\xe2R\xb9R)\xee^\x13\xd8\x0el\xfa\xcc\xebb\x00\x08\x94""\xf0@\x83\xda8K\x01\xf7\xb4-\xca\xa0a\xd1&amp;\xc6\xfc\x8a"\xd23\xfd\xb4\xc9\xdb\xc5\xb3Mt\xd9\x8e\x9e\xcc\xf4\x1c\xb0\x8a\x9b\xbeW\xb6\xa2%+F\x834~R'</t>
  </si>
  <si>
    <t>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</t>
  </si>
  <si>
    <t>b'\\\xf1\xe5\x16\xf7\xa7\x1b\x01\x9c\t?O#z\xc1&gt;'</t>
  </si>
  <si>
    <t>tage regulators for generators, where the carbon pile controls the field current to maintain relatively constant voltage. The principle is also applied in the carbon microphone.
  24
                 (iv) Carbon film (Fig. - 6)
Carbon film resistor with exposed carbon spiral.
A carbon film is deposited on an insulating substrate, and a helix is cut in it to create a long, narrow resistive path. Varying shapes, coupled with the resistivity of amorphous carbon, can provide a wide range of resistance values. Compared to carbon composition they feature low noise, because of the precise distribution of the pure graphite without binding. Carbon film resistors feature a power rating range of 0.125 W to 5 W at 70 Â°C. Resistances available range from 1 ohm to 10 megaohm. The carbon film resistor has an operating temperature range of â€“55Â°C to 155 Â°C. It has 200 to 600 volts maximum working voltage range. Special carbon film resistors are used in applications requiring high pulse stability.
Figure-6
(v) Printed Carbon Resistor (Fig. - 7)
Carbon composition resistors can be printed directly onto printed circuit board (PCB) substrates as part of the PCB manufacturing process. Although this technique is more common on hybrid PCB modules, it can also be used on standard fibreglass PCBs. Tolerances are typically quite large, and can be in the order of 30%. A typical application would be non-critical pull-up resistors.
Figure-7 : A Carbon Resistor Printed Directly onto the SMD pads on a PCB
(vi) Thick and Thin Film (Fig. - 8)
Laser Trimmed Precision Thin Film Resistor Network from Fluke, used in the Keithley
DMM7510 multimeter. Ceramic backed with glass hermetic seal cover.
Thick film resistors became popular during the 1970s, and most SMD (surface mount device) resistors today are of this type. The resistive element of thick films is 1000 times thicker than thin films, but the principal difference is how the film is applied to the cylinder (axial resistors) or the surface (SMD resistors).
   Basic Electronics
25
                 Thin film resistors are made by sputtering (a method of vacuum deposition) the resistive material onto an insulating substrate. The film is then etched in a similar manner to the old (subtractive) process for making printed circuit boards; that is, the surface is coated with a photo-sensitive material, then covered by a pattern film, irradiated with ultraviolet light, and then the exposed photo-sensitive coating is developed, and underlying thin film is etched away.
Figure-8
Thick film resistors are manufactured using screen and stencil printing processes.
Because the time during which the sputtering is performed can be controlled, the thickn</t>
  </si>
  <si>
    <t>b'\x8c]\xa6\xe6\xcb\xef\xbay\xc4\xb0\x940\x02\x9f\xf3\xb4\xf6*.O\x10m\xb7\xe2~t\xe7\xff{#\xfd{&lt;\x84\xa9q\xba\x84\xde\xa2t\xec\x8d\xb6\x02\xf4s\xcb\r\xe2\x02%\xb6B\xe1\xd8O\xce5\xc4ct:\xe6T-\xd9\xbb\xa6&gt;\xec%G\xe7\xd8#s\xea\xc9\x86\xd5uEX\xbf\xb9D\xab\xef\x9d=o\x94(\x01)\xf1 \xf3\xf3;\x87\x9f\xda\xef73\xdde\xe6\xcc@\x10zm*r\xb8qYR\xda\x1d\xcd\xfd\xbf\x98\xe7\x19^M\x83`\x1a\\\x1e\xfb\x16\xb3*7o\xd8\xec\xd0\x91\x92|\xad\xb0L\xc1\xe8\xc3\xaf\xbf\t\x1e\x96\xe6\x84\xd4\xadN\xd0X\x90\xca\xdd\x9a!\xd1\xac\\\xf5G\x01\xfe\xbf\xa4\x12E\xc4i\xe8w\xa9zc5\xdf\x03\xf1\x91Q#SQ\xa9"\xe4\x00\x05\xac\xa6E\xf6\xe2\xff.rg\xe8DL\x06\xdf\xf7\x89\xa0)\xec\xe8u\x93q\xf51\nXc0\x17\x1cr\x89d\xb4\x14\xbb\x9et\x85\xc6\x8b/-[\xef\xa9\xc0\x85N\xe8n\xb5bx\xf0z\xc9\x14$w\x9f\x1b`\x88\xc6\xc1\xbc$\x07\x19A\x13\xe9\xa0\xbd\xf3\xf8n0\xe5\xe6\xb3\xb6\xf1:\xb6.J\x06|\xb4\x12\xe8(\x8b\xed\xf1&gt;_\r,BZ\x94E:\x8b(W8\xcd?\x9cz\xfa!\x8eB\x88\x19\x96\xd6f\xc0O\xe4\xdf&lt;)\xf2\x1e\xbd\xb7\x14\xba\xa3\xff\xab\xc9\x15\xf2aA9\x8b\x82\xa3\x88\xec\xee\x04\xa2_\x9f\xcf\r\xf1\x88@\xf2\xa5\xdel\x041\x7f+\x08\xae\xb3\x12c\xc2E\x89\xad\xf3\x169\xd8\xa1\x1e&gt;\x02\xb5\xd1\x92\xbe"u\xca\x1f\nV\xef\xfc\xa4\x0654m\xd1\xb7uT\xd1p\x97z\xde\x0b\x910\xd9\x9f\xa0\xac\xdf\xb7\xb8\x1f\xa6\x12}\x02z6{s\xcd\xe9\\1K\xd4&amp;\x9e\xa4\xd0\x1b7-ujAx\x87\xe8\x0f\x9cb\x88\xbbPf\xbe\x17\x1b\xfc\\ H\xb7 C\xf4\x1cD\xb6\n\xd4{\n\x84\x08\xe5\x83^Q\x8e7r\x98\xf7L\x11\x0f\x9c^\x16]\x1bI\x8e\xd7\xd2\xc4\xb7\xab\x91\xc29\x12\xf2\x10\xff\x1a\x08\x1d\xa1Z\x88\x8e\x14\xe9:\xa0r&lt;\xd3\xb3\x9d\r\xf0\xd1\xb4\xbd\x98\x9d\t\x15\x04\x03\x18\xa8JI\xad\xb4\x19\xf0\xdf;\x9cU\xcdj\xca\xf0h\xad?|\x16\x05\x0b\xb0\xed\xa5\xb1\xd3Y\x8a\xcae\xbe#\x1b\xf1\xf6\xc9Tv\x83\xb0\x08t\x12\x10\xfa\xda\xdc\x9d\xbd\x81t\xeaK\x95\xc8\xdf\xef\xdc\xbc\x1c\x90\xf2\xa5\xc5\x19k\x12@\xb1\xcb\x17v\x15\xd9zh\x90\x05\n\x81\x08F\x10\xf9\x03U-\xdeRb\xf2@\xbc\x186\xee\x87\x9e6\x8d\x1d\xbf\xd6k]\x8b\x10\x8e\\\x00:l\r\xb2\xf5\xbd\xb9\x9e\xa4\xb9P\xa83\x99\x9dG\xa8\xcd\xaa\x97\xf3\xfb\x9c\xa2\xabc\xe3B\xd6\xcd\rP7\x90\xe6\x8f\xea\r\x9dC\xe9\xf0\xde\x08\x9cE{\x80\xfbY\x0b\xe8\xa7\x91]B\t\x99\x0b,.9F\xed\xa0\x93\x1b\x91\x7f?&gt;arD42\xa3\xca88u\xa3}KW=\xf3\xc5\xd3.F\xef\xb6\x80\x03\xe4\x82\xaa\x10\x8c\xbb_\xd6\xe1S\xa6\x163\x85\xff\xec\x95\xe4\x04L\x8d&lt;\x17\xean\x91\xd8\xd8\x85\xf7\x12.\x1a\xc4KD\xbc\xb5\x9d%\x98\x14\x92\x03&lt;\xa5{\xbbB\xcb\x10\xb8\x05\xe5v\x97[\x9c\xc6\x1fE\xd8\x83\xa7\x9c\x7f\xf0v\x1e\xe823\x17\xcd\xb1\x80N\x94&lt;\xa9\xca\xac\x0b\xd6=T\x92\xb4\x1aH\xff\xb0y4\xb53\xd4cr\n\t\xd8?@GG\xf5\xc7|\x03\xfb\x11\xb1\x9by2\xe8\xa9\x82jN\x16\x92\x8ap\x05y\xa8ZW\xeb\x12\xc7F%\xf69\x06a\xdb\xbaf\xa9\xdf\xd1\xca\xb1k\x95D\x91\',\xec\x96\xdd\x01.\xc9\x95X\xd2\xd4\xe1\xa60T1\xcc!\x01^i\xd4?w\xff\x0b\x07\x18o#\x0bq\x86\r\xb4\x91\'\xb9\xfc\xb1y\x7f\xdc\x9d\xff\xa5)\xb3c\x12n\x94\x7f/\xc2\xf3\x10\xab\xd9Bmp\xb1\x02\x10\x9bI\xb7\x87\x07s\x06\xfc\x14\x04\x84+K&gt;\xf4i\xe5\xf8q\x84U\x90\x13\x94\xec|!=\xfc\xca#J\x14PT\xc7\xe1q\x11d\x91K\'\x9eNK\xd5\xed\x08\xaa\xddtp\xfd)\xe8sAM\n\xb4|\xe9s[\xa2\xf3\rf\xb51\xdf\x92\xf1\xefTc\xdahln7s]5o,\x08DF\x14|@P\x91g\xc9\xf65\x14\\xG\x12\xffQ\xf0\xedM\x0b\x0b%E\x0b%"l[\x97\xc7G\xc6\x9beq\xf7%+\x0cc/\xa0\xea\'\xda\x96\xad\xea\x8bv\xd2*5\x11\x8d]3\xbc\x0f;\x0c\x015\xdf\x8bl\xf4\xea*\xbd\x0c\xa6\xec\x89\xf4\xd1Rr$\xe1\x9b&lt;\xb1\xe4\x14\x85\x81m\xe6\xd6\xbc!\xe7g\xbf\xb7\'\xa8\x17\xcc\xf2V\xb2\x7f#\x868I8\x05\xf8\xc8\x7f\xef\x91\xed\x8ev\x9e\x9a\xcd/\xb7\x91h\x177T\x0c\xad|t\x10y\xd4\xf7\x95&lt;^`\x98\xc7X\xaf\xc1\xf2/j\xac`}A/\x99\x98(\x01\xe4\xe34*\x8e\xe6G\x00n%\x00w\xa5D\x8c\xc3\x1e\x83TC\x80\xa3\xcd7A\x0e\x92\xb1\xc69\xde\x12[Q\xda\t\xa1As\x85\xd4\x18\xd8\x86\xa2\xc5\xc4\xcd\x02^N\x06\x82&amp;\xf5\xc9M!HN\xc7t\x00,U)\xf7T\x93\x8e\xc5\x85!z6\xf8\x03^G1&amp;C\x00S\x9cI+\xe6\x8c\x84qn\x1a\xde\x08\x80\xc9K\x0f\xc5&gt;\xebf\x04\xfc\xe2\xa7N\xdcGd\x12\xb5\xbc\xf3\x17\xeaBp\xde\xf7\x93\xbd\x89\x84\x91+\xda\xdd\x06\xf1\xa3\x13\x95\r\xd1.\x1e\x95[\xba\xecd\xf1\xbdj\xa4\x84\x0c\x06ve\n1\xd8\x8c6\xd1\xd3\xad/{\x86m\xd9\x1b\xc8\xde|=i\xfd\x08\x14\r\xb6j\xb9\x92\xcbGD\x00\xc6=\xda\xf2vg\xdb\xef\x17\xda!\x90\xae^_:m\x8a\x81\xfd\xae\x81Ry/\xf5?.\x83\x92\xc1\x9e\x0f\xaa\xe9\xa1\x1e\x1b\x18L\xd0f\xf2\xc8\xc3T3VH7\xba\xc5\xb0\x90\x94\xcb\xfe\xb4\'\x01"]\x94\r\x05\xbc\xf2\x1c\xc8\x89\x11\xd8\x9e\xdb\x80c\x03\xd0V\xe4\x03\xfe\x1d\x8a\x83\xefZ\xd2\x9a\x07\xcf\xe9\xce\x10m\xb3\xb1GaNO&gt;i\x9a\xa4\x06=\xfe\x19\x01\xb9$d\x035\xab\x06a\xfd\x07$\r\xed\xe4\xd9\x1c\x06\xf4\xac\xb6\xf7u\xc5( \x19\xaaj%@\xe6\xab\xccr|\x1e\xab\xe5\x9b\x1d\xd6*\xb4\xbbl\x85\xb6\xb4S\xb7\xd6\x0fb\x00\xf2/y\x19\x81\xf6LC\x9bO\x03K\xee\x83\xe6IqW\x90\xd3\xddV\x19D\'&amp;\xedR\xd6X\x92\x9c\xc4 \xb6\xb6\x86-+\xba\xed*\n\xd6\x9a\xefn\xe5\x17Z\xcaY\xaf\xc3\x0b\x14\x9cl\xe6v\xc7\xfe9l\xadE\x0f(8\x04\xbe\xb8\xfc%*&gt;\xd2\xff\xfb\xcd\xd4\x9b\xc2\xb5%\x0b6\xa8\xdbt\xc4{K\xad\xe6j\x08\xe6p\xbc\x7f\xd9\x1c2/J\x89\xa0\xd4.O\x06\x14S\xe9\xc6\xe2\xe0Q\xc2;\xd8B\xf3\xd2u\x8c\x9d\n\xb3\xb8{\xc0\xf5\xd77hv\x80\xd3\xe1`\x05W\xc5P?\x8c\xb4\xe20\x9e\x95\xc9\xc2\x8f\x12D\xac\x1e|\xfc\r\x97\xbe\x08E1\xfc/j\xbc}\xa57\xc5&gt;\xdb\x88P\x0b*\xe7\xa4\xedO\xc7\x0e\x1a\xeb\xce\xac\x01\x91|X\xda$_\x03T\x8b\xf4j\x82\xc2/\xcb\xe50\xf6\x19\xaa\xf6\xeevP\xf4y\x0f\xe7\x91\x94hX\r\xd3\x03\xa7\xb1q\x12`\xc4\xa0\x0b\r\xce4\xb7\x9c\xfe\xaaF9\x1b\xc5P\x9b`\xe3&lt;\x99\xc1\x13\xf5Jzi\xda\xfa\xb9\x8b\x93\x9d\x8a2\xca\x05$:3\xfd\xc1\x1c\x8e{\x8f\x9a?\x84\xe6/\x93\xd6\'\x7f\xcbY\x04\xec\xd0\xc4\xc5B\xf9&gt;\x88\x7f\xd8^\x81\x07\xaa\x0cuu#\'u\x1e\x871\x92L\x0bE\xb4qZ\xe4\xaa)\xa2%O\x180\x85[Dj\x99\xa1\xc7\x18C\xec\r\xad\xf5%\xf9\xbcQ\xe0,\x02\xda\x91r\x1d\x00q&amp;GV(\x90\x87\xa9\x1f\x03\xa8\xa4\x08Q\x01\x18\x9b \xa6\x89v\xd6\xfb\xf3\xb62\x12L\xb9N\x889\xaeY\xd6Y\xbb\xc2\xb2Z\xee\x10\x87\x7f&lt;F;\r\x03i\xe5]\x81x\xe0%t\x1d\x96\xc7\x19&amp;0F/\xf9s\xda\x971\xb3\xfcp\x06\xb0\xc1\x8c\x85e\x1c9\x17J \x00_\x99\xe6r\xbeE\xb6^GHm\x84,\xfa\x0f:|M\x90\x0f\x93\x1b\xe4\x0f\x9eT0|\x83\xc8\xdf\xd3\xa8\x92x\xfc\x9e\xac;\x10\xbf\xaf\xdaJl\x04\xa9\xa7\x9b\xfd[\xf7k\x92\xea:\xa3&gt;\xc5\x16G\xfeI\x05\xd3\xb5\x91wQI\x0c\xd9E\xd84\xddg\xb1\xec\x80\xba\xe7@T\x10\xa6\xe8\xdb\x8e\xf2\x15\xda\xdd\x13v\xd3\x87IQq\x83u\x06\xfbFC\xa3@\xf2\x04\x95f\xf4\xc1~\xa5\x17\x93\x07g\r"&lt;\x9d\x17\xf5/\xfb\x1e\xa7l^\xcc\xee\x7f\xa4\xc5\xf1A\x1c=\xd2g\xb9\x90\xfa!&amp;h\xd5qB\xa0\xbf\xc7H\xe6\x9a_\xa1\xa6Z\xc1\x02n|c\x92:\x1e`hgL\xday\xae\xb8\xee\xa1\xae\x97U\xce\xbd\x00\xe8\xc3!\x89(\x1c\xf1^*\xa5)GIK\x82\x1b1\xed\xc0\xb5\x9c6\x8d\x16\xf3\xd1V\x0bq\xbcD\xb7~\xa2Smg\xa5\xd8`2&gt;\x08\xa2b\xe8+\xcejXS\x1e|\xce\x9f\x0bvh\x7f\x85,`\xc8\x1a\x9er`\xc2\xcep(%\x96\x12\xa4\xf4\x9f\x04UH\x1bu\xe9\x16\x1b\xf2\xf7[\xb0\x892B~lASQ{=\x9e\xc1\xcb\xdaCXJ\xb6`C,\xeb[\xfa\x82Y\xfd\x15W0\x8f4\xbf\t\xac%I\x89\xdc\xfagO\xcb\\\x1cJ\xdc\xf1]s\x0bA\x11x*3\xc2\x9a\xb6\xea&lt;NU\xc2\xee\x08\t\x93\xe9\x83\xf2\xc4\x1d\xccO\x17\xb9\x11ME\x9e)\xdf"\xe1\x1e\xd85\xde\xce\xea\xef\xff\x8fq\x11%\x14so\x8d\x00\xe8\xf9\xfa\xa7\xbe\x01=:6f\xc3\xd6\xf6\x04\x16\xdd\xc0l\xb0\xff\x84\xc8\x9aKVp\xa1\x86\xd1\x9c&gt;*\xd9#c\xed\xda\xf5\x0748%\xaa\xe9{\xc2\xabz#\xc7\xa4\xd7Hy`dL\x9c\xa4j\x9f\x96\xea\xed\xd5\xb6\xb4\xedM\xe1f\xb1\xcfw\xeb\xc4\'^\x1bs0\xc0^\x87b=ye\xfdD\x80\xd6Jqn[\n\x04}fsel\x81\x80Y6n~\\~\x10\x90\xe4\x86\xc7w\x05\xcf\xf4\xe0\xf8\x00?\xfb\xda\xde\xde\xa5;N\xc3z\xd42M\xcf\x8c\x89\'\x12\x9b~\xd9kA\x8fw\x1d\xdd\xa9f\xad\x96\xa3]e*\x16&lt;Dr\x97\xfd\xb1@\x95\x1b&gt;\xecc\x99B\xccBw\xb1\x8fL\xae\x13y/\xac\x1c\r~\x92$R\xe9u7\x92\x9b\xc8&gt;k\xbe\xdc\xd9\x90\xd4f\x0e\xa1C\xf2\x19\xbb|C\xc3\xa6\xc1\xfeD\xfd\x0cj\x0ea\xa6\x92\xe4\x17RG\x15\xfa\xd2\xbc\xcf\x1e\xaad\xddm\xfb"l\x85\x1d\x02f\x02\xe8\xba\xeb\x9dm\x99\xc7\xb2\xe1\xfa\xbe\x0fZn\xff\x9e\x19\x92_b\xab#\xa4\xe6O\x86\xd1um\xf9L\x88\x9eXv\xa2\xfc\xda\x8f\xbem\x1d\x93\xa9\xf0P1\x0b\xa2\xa0 |N\x13!\xc5l\xadA\x1d\xd8\x01k\x11\x8fx\xae\x84{\x02\x12\xd5\x0f\xe4b&gt;r\xf0L\xb8\x1f\x11h\xff\x8f\x1e\xdb\xc7eT'</t>
  </si>
  <si>
    <t>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</t>
  </si>
  <si>
    <t>b'\x8c]\xa6\xe6\xcb\xef\xbay\xc4\xb0\x940\x02\x9f\xf3\xb4'</t>
  </si>
  <si>
    <t>e, the output is sensed
 at node Y with respect to ground rather than with respect to node X.
 7 Unfortunately, the
 voltage gain is now halved because the signal swing at node X is not used.
 We now introduce a topology that serves the task of â€œdifferential to single-endedâ€
 conversion while resolving the above issues. Shown in Fig. 10.48, the circuit employs a
 symmetric differential pair, Q1-Q2, along with a current-mirror load, Q3-Q4. (Transistors
 Q3 and Q4 are also identical.) The output is sensed with respect to ground.
 Q1 2 Q
 V
 I EE
 Vin1 Vin2
 CC
 Q 3 Q4
 Vout
 N
 Figure 10.48 Differential pair with active load.
 10.6.1 Qualitative Analysis
 It is instructive to first decompose the circuit of Fig. 10.48 into two sections: the input
 differential pair and the current-mirror load. As depicted in Fig. 10.49(a) (along with
 a fictitious load RL), Q1 and Q2 produce equal and opposite changes in their collector
 currents in response to a differential change at the input, creating a voltage change of
 _x0002_IRL across RL. Now consider the circuit in Fig. 10.49(b) and suppose the current drawn
 from Q3 increases from IEE/2 to IEE/2 + _x0002_I. What happens? First, since the small-signal
 impedance seen at node N is approximately equal to 1/gm3, VN changes by _x0002_I/gm3 (for
 small _x0002_I). Second, by virtue of current mirror action, the collector current of Q4 also
 increases by _x0002_I. As a result, the voltage across RL changes by _x0002_IRL.
 Q1 2 Q
 I EE
 VCM
 + Î”V
 VCM â€“ Î”V
 P
 I EE
 2 â€“ Î”I
 I EE
 2 + Î”I
 VCC
 Q 3 Q4
 N
 I EE
 2 + Î”I
 (a) (b)
 RL
 Vb
 Î”I RL
 RL
 Î”I RL
 Figure 10.49 (a) Response of input pair to input change, (b) response of active load to
 current change.
 7In practice, additional stages precede this stage so as to provide a high gain.
 10.6 Differential Pair with Active Load 481
 Vout
 Q1 2 Q
 I EE
 VCM
 + Î”V
 VCM â€“ Î”V
 P
 I EE
 2 â€“ Î”I
 I EE
 2 + Î”I
 VCC
 Q 3 Q4
 N
 RL
 I C4
 Figure 10.50 Detailed operation of pair with active load.
 In order to understand the detailed operation of the circuit, we apply small, differ_x0002_ential changes at the input and follow the signals to the output (Fig. 10.50). The load
 resistor, RL, is added to augment our intuition but it is not necessary for the actual oper_x0002_ation. With the input voltage changes shown here, we note that IC1 increases by some
 amount _x0002_I and IC2 decreases by the same amount. Ignoring the role of Q3 and Q4
 for the moment, we observe that the fall in IC2 translates to a rise in Vout because Q2
 draws less current from RL. The output change can therefore be an amplified version
 of _x0002_V.
 Let us now determine how the change in IC1 travels through Q3 and Q4. Neglect_x0002_ing the base currents of these two transistors, we recognize that the change in IC3 is
 also equal to _x0002_I. This change is copied into IC4 by virtue of the current mirror ac_x0002_tion. In other words, in response to the differential input shown in Fig. 10.50, IC1, |IC3|,
 and |IC4| increase by _x0002_I. Since Q4 â€œinjectsâ€ a greater current into the output node, Vout
 rises.
 In summary, the circuit of Fig. 10.50 contains two signal paths, one throughQ1 andQ2
 and another through Q1, Q3 and Q4 [Fig. 10.51(a)]. For a differential input change, each
 path experiences a current change, which translates to a voltage change at the output node.
 The key point here is that the two paths enhance each other at the output; in the above
 example, each path forces Vout to increase.
 Our initial examination of Q3 and Q4 in Fig. 10.50 indicates an interesting difference
 with respect to current mirrors studied in Chapter 9: here Q3 and Q4 carry signals in
 Q1 Q
 V
 I EE
 Vin1 Vin2
 CC
 Q 3 Q4
 V</t>
  </si>
  <si>
    <t>b'\xa9|\xd1\xaa\xeb\xf8 \x8fU\x02\xfe\x0b\x91q\xe0]'</t>
  </si>
  <si>
    <t>a97cd1aaebf8208f5502fe0b9171e05d</t>
  </si>
  <si>
    <t>hey told, before it was time for
 Wendy's good-night story! Even Slightly tried to tell a story thatnight, but the
 beginning was so fearfully dull that it appalled even himself, and he said
 gloomily:
 'Yes, it is a dull beginning. I say, let us pretend that it is the end.'
 And then at last they all got into bed for Wendy's story, the story they loved
 best, the story Peter hated. Usually when she began to tell this story he left the
 room or put his hands over his ears; and possibly if he had done either of those
 things this time they might all still be on the island. But to-night he remained
 on his stool; and we shall see what happened.
 CHAPTER XI
 WENDY'S STORY
 'Listen, then,' said Wendy, settling down to her story, with Michael at her feet
 and seven boys in the bed. 'There was once a gentlemanâ€”â€”'
 'I had rather he had been a lady,' Curly said.
 'I wish he had been a white rat,' said Nibs.
 'Quiet,' their mother admonished them. 'There was a lady also, andâ€”â€”'
 'O mummy,' cried the first twin, 'you mean that there is a lady also, don't you?
 She is not dead, is she?'
 'Oh no.'
 'I am awfully glad she isn't dead,' said Tootles. 'Are you glad, John?'
 'Of course I am.'
 'Are you glad, Nibs?'
 'Rather.'
 'Are you glad, Twins?'
 'We are just glad.'
 'Oh dear,' sighed Wendy.
 'Little less noise there,' Peter called out, determined that she should have fair
 play, however beastly a story it might be in his opinion.
 'The gentleman's name,' Wendy continued, 'was Mr. Darling, and her name
 was Mrs. Darling.'
 'I knew them,' John said, to annoy the others.
 'I think I knew them,' said Michael rather doubtfully.
 'They were married, you know,' explained Wendy, 'and what do you think they
 had?'
 'White rats,' cried Nibs, inspired.
 '</t>
  </si>
  <si>
    <t>b'\x123\x8d\xa7\xd0\xc9\xfat'</t>
  </si>
  <si>
    <t>12338da7d0c9fa74</t>
  </si>
  <si>
    <t>s remains.
  In classical mechanics, thereâ€™s no such thing as a massless (m = 0) particleâ€”
  its kinetic energy (1
  2
  mu2) and its momentum (mu) would be zero, you couldnâ€™t
  apply a force to it (F = ma), and hence (by Newtonâ€™s third law) it couldnâ€™t ex
 ert a force on anything elseâ€”itâ€™s a cipher, as far as physics is concerned. You
  might at first assume that the same is true in relativity; after all, p and E are still
  proportional to m. However, a closer inspection of Eqs. 12.46 and 12.49 reveals
  a loophole worthy of a congressman: If u = c, then the zero in the numerator
  is balanced by a zero in the denominator, leaving p and E indeterminate (zero
  over zero). It is just conceivable, therefore, that a massless particle could carry
  energy and momentum, provided it always travels at the speed of light. Although
 12.2 Relativistic Mechanics
  539
  Eqs. 12.46 and 12.49 would no longer suffice to determine E and p, Eq. 12.54
  suggests that the two should be related by
  E = pc.
  (12.55)
  Personally, I would regard this argument as a joke, were it not for the fact that
  at least one massless particle is known to exist in nature: the photon.16 Photons do
  travel at the speed of light, and they obey Eq. 12.55.17 They force us to take the
  â€œloopholeâ€ seriously. (By the way, you might ask what distinguishes a photon with
  a lot of energy from one with very littleâ€”after all, they have the same mass (zero)
  and the same speed (c). Relativity offers no answer to this question; curiously,
  quantum mechanics does: According to the Planck formula, E = hÎ½, where h is
  Planckâ€™s constant and Î½ is the frequency. A blue photon is more energetic than a
  red one!)
  Example 12.8. A pion at rest decays into a muon and a neutrino (Fig. 12.27).
  Find the energy of the outgoing muon, in terms of the two masses, mÏ€ and mÎ¼
  (assume mÎ½ = 0)</t>
  </si>
  <si>
    <t>b"\xbfG\x16&amp;=\xec\xf7\x10\xd9Q'\x0e\x9d\xdf\x8et=\x9d\x12U\x12\xf4\x85\xa0\xab\xb2\xd6\x98\x80\xd8\xa9\xc8"</t>
  </si>
  <si>
    <t>bf4716263decf710d951270e9ddf8e743d9d125512f485a0abb2d69880d8a9c8</t>
  </si>
  <si>
    <t>b"\xbfG\x16&amp;=\xec\xf7\x10\xd9Q'\x0e\x9d\xdf\x8et"</t>
  </si>
  <si>
    <t>cycle, which is what Jason and his partner are trying to
 do now. â€œAs you build new products, the influencers give input. What
 this ends up doing is creating a complete buy-in once the product
 launches.â€
 Influencer events are great, but going to events in your chosen
 market is just as important. â€œAt the end of the day, youâ€™re selling to a
 person,â€ he said. â€œJust because theyâ€™re behind a computer screen
 doesnâ€™t change the fact that itâ€™s a person. How can you really know
 your people if you donâ€™t go to the events where they hang out and
 meet them face-to-face?â€
 Jason said they have faced some challengesâ€”the constantly
 changing Amazon platform, initial design problems, and a change in
 packaging. The new design looked great, but their manufacturer failed
 to mention that with the new printing process, there was an odor.
 Suddenly, they started getting bad reviews about their productâ€™s smell.
 Despite these challenges along the way, they went from zero to
 $10,000 a month in two months. They consistently grew for a year and
 a half before focusing on launching new products.
 â€œFind one product that works, get the cash flowing, and then, as
 quickly as possible, start testing new products. Double down on
 products that work great and get rid of products that do not,â€ Jason
 said. â€œIf I could have a do-over, Iâ€™d be more aggressive with the
 timeline than we were. As soon as the business is self-sustaining, and
 thereâ€™s no out-of-pocket expenses, you should launch the next product
 â€”roughly when youâ€™re selling $10,000 to $15,000 a month on a
 single product.â€
 Jason and his partner both had full-time jobs when they first
 started the business, so their process dragged out a little bit because
 they were not 100 percent working on the business at the start. As a
 result, it took them a little longer than twelve months to get to $1
 million; instead, they were at a million in twenty-four months. Jason
 left his job, working full-time on the business. He and his partner are
 finally at the point where they take an ownerâ€™s draw.
 â€œThe money is great,â€ he said, â€œbut honestly, itâ€™s the freedom, and
 all the people Iâ€™ve met and built relationships with, that makes this
 fulfilling for me.â€
 R
 9
 Step Seven: Build a Million-Dollar
 Brand
 emember Dave Aspreyâ€™s fancy coffee?
 When Dave launched his company, Bulletproof 360, in 2013, it
 quickly became famous for his recommended morning brew: coffee, blended
 with butter and MCT oil. It was only natural for Dave to launch his own
 coffee brand of organic, â€œupgradedâ€ coffee as his first product.
 He followed up with his own line of butter and MCT oil, which helped
 him to establish a steady stream of revenue and raving fans</t>
  </si>
  <si>
    <t>b'd\x13\x1a\xaf\xe5\xb9\xbc\xa1\xa3\xf4\xa1\xbe\x91\nR\xca\x17#R\xd9\xd0\x96\xf1\x11\x80I\xa8\x06&gt;\\G.\x93\xe8R,\x0cz\xa9Uf\xf6\xd1u\xa2\xf3z\x93\x9f\x0c\x0e\xbdI\xf7T\xf4"\xc1#S,M\xd3SY\xf0\xc3\x9e\t2\x07\xbb\x11:-\x0eF\xf1+\xb0\xb8\xd1\t\xdb\x14vQ\x12\xe6ywby\xd1\x9a\x8d\x1f\x0f\x88k\xa3\x819\x83\xc4\xc8w\x99\xc6i\xd6JQ\xe7\xc5kV~/\xf8\x0c\xbd\xbe\xc5\xee\xe8\xf2\x0c\x8b\x8e\x80\xa6\xbe\x11\x9a[\xfc\x1e\xdd2\x1b\x8c\xc5\xd2[8\x8d5\xbd\nn\x9cM\x00\x10\xcdj5\x87\xb3\xd9R\xb2\x97`\xf8\x94\xec$\x02\xad\xd2k\xae\x89\x02\xdb\x88\x1e(w:Ceng\xbam\xba2\xadSy\xc1\x9f}\xef0Q\x18\x0f\x19\x01\x97a\xbb\x89J|\xba\xba1\xcb\xbe\xf0\xc8%\xec\xd1\xa20C.B\x99\xfe\xa8$\x91\xa8\x17\x16\xc4J\xf9W\xad\xea\xb2\xd5\xff\xc4:\xaeWi\x95\xbd\x01\xcb\x9f\xe8\xf5\xe0(\xd4\xe8\x93,5IA\xce\xf8\xf6\xe6\xee\x8b\x80\xa0\x14ky\x1eFV\xafYR\x15O\x9b\x15Bz\xd8)r\xcd\xe6\xbcZ\xe9Q+\x89\xe3\xd8\xb0\xc5X\xe0\xb2\xff\xff`\xfe\xf9\x88%. \x8a\x10\xa4\x15\xf1H\xd9\xebIF6t,\x97\x9c\x04+\xa5\xae\x17\x04\x90q%\xa1\x99B]\x0b8U5\xe9\'@4a\xb7\x00\xc8_\xadB\xeb\xe8\x0e\xb9v\xd6\xa9@\xb0\x98\x88\xcb^\xab\x8bW\x84\x8b\xdc\xbf\x97\xc5\x9cH\xdcya=[Am0\xa9\xdc(}kg\xa1\xc0\xf6\xdd\x96\xc9T\xedB\x80"\x99N-S\xb6u=\xc4\x8c2h\x01\xfaw\xb4\x82;\xd5R\xd7\x95d\x95\x02\xa6\x18\xe8:\xac\xac\xc7\x1a\xaf\x0e\xa3\x80\x88\xf0\x04\x03"\x9d\x11_\x91\xe7Z\x83P&lt;y\'\xa0C_\xfc}~\xd1"V\xf1kl\xd6W\x9b\x9d-\xd7\xb0\xcf\x1a\xbe\x8a\x12\xed\rP\xcc&lt;M\xf9\xbf\x99p\x10\x11\x8a-\xc6!Rd\x1a4N\xc2\x91\x19\xef\xb1@\xb0\x97s%{\xd2;\xcb\xb3\xbcA\x98#\xa4\x11\x9d\xda\xe5"\xfc\xce\\\xc7\x04\x105\xb2\xfdf\xa0\x12H/\xb0i\xbe\xa8\x02N\xe9\x8b\tG\xb5\xa2\xf0Q\x0e\xfe\x8c\xe1y\xb4\xad\x8aH1r\xac*\x87iA\xf3U\\\xf0V\xb8#\xbclU\x0f\x0b\xfb(I\x12i\xde\nI\x0f\xd6\xe6\xf6\xf1k\xc7\x83J\x03\xc9\xfa\xdd\xa8\xcd\x9c\x15\xbf\xe8\xf6\xc0\xfc\xa56f\x88\xd85*\x02\x08\xbf\xf5\xe43\xcb\x04SPY\xf7\xdej\xda\x9aG\x8ee\xef\x05{Y"\x86\x10\xc6\x06\xc7\xa4\xe4\xbaI\x16o:\x83\xbc\xd3\xab2\xccS8#\x15p\x0e\x0b0\xa4\x169\xcak.\xa3\xacle\xb6\xed\xbe\x91\x12Nd\x88\xaa\xd8&lt;F\xce01\xaf\xb1\xd3\\Q\xe6\xc2\xb8\xebP\x1dX\x85\x11v\x9cB\xa4\xd2\xc9I)\x9a\xc3\xe0!i\xc8w\xb3\xba\x7ft\xe5\xba\x95\x0c}\xfc\x97!-\xb6\xfc\x121K\xa1\xf5\x10D\xcc\xfe\x8e\x90\xffg~\xddb!A\x03\xd9\x11U7\x0e!\x98\x9b\xe3V\xf6\xb1\x07\x1f\xb4v\xe1\xce\xca&lt;\xc0,\xd5\xe5\x1a\x87\xe0\xfb&lt;\xc3\x95\x83\xaf\xa9\x8f$\xfe\x96d\x11$\x155b\xb1\x9b\xe6mJ\x1a\x95\x0f#\xa8g\x92\xedc\xa7)\x1e\xd3\xbc\x15\xca\xe7y\xa3zdN6mf\x15\xbc\xed\xb4,\xfc\x12\x82fy\x1a\xc1%D\xb9\xe0GjU#\x91[6S\xccA6\x01\xa3\xc66\xa77\xe4\x02r\x90\x08.\xa2\xf2ws\xb1\x0ei\xac\xc8\xf0\xb3OMd\x81\x11\xacoUk\xc6\xab\xd17\x133#\xd8:\xee\x99\xec\xaf5\x94\x9a`K1\xe8\xb4g\xec\xe13E\x9c\xa26J(!Uk&lt;\x1e\xf5\x04\xf4\xee\'\xbc\x1aH\x1b\xe5N\xfe%\xa7%\\\'\xb8f\xebE\xf9\x81\x91?4\xde\xa0Q\xc9\xfc\x16\xa6\xb1\x97\xac"U!\xdc\xb87\xae=\x87\x19\xeeV\xc4\xcf\x97B\x90s\x1b\xd2S\x91\xea\x9f\xaa\xe3\xfex&lt;a\x04\xbbhwi\xa2\x159\x89#\xa4z\x005p\x08\x98\xddh\xebg\xbc\x90\x9f%4\xac\xe9=\xdfE\xb8t\xaa$n\xcd\xe1\xa4\xc8K\xcc\x88x\x04\x8c\xcf\x9cu\xb9\xb9\xcb\x01&gt;\xeeL{\xe0\x8d\x8d\xca\x8e\xc5\xd1\xbe\x04\xd4\x93Qs\xce\x94j\x98\xf3;\x89-\xec\x17\xb8Zr K\xfa\x1c\xf7\xe0\x8c\xd3o7Bt\x8d\x93&gt;\xde\x18{\xe8\xdd\xf8Y\x07\x1da~\xa62-\x9b\xde@\xd9\x05%\xc0\xab\xcf\xac\x91P\xef=\xd7QQ\x14\x92\x9d\x05\x1fA\xdd\xa0\xc7G\xe4\x9aNo\x97Iu\x90P\xeaJ,Aqd\x9d\x12BWh\xee\xac!iW\x109\xb8!\xff\xcc\x8bm\xea\x05\x9e"\xb9\xf4Y\x91\x16\xe1)\x1f\x97z?D\x0br\xcd\x18X\xb3S\xa0Z\xe1\x87m\x0f\xaa\xb77\x17\xb9\x18Y\x1e\xfd\xba!\x13m\xd9$qX7n\x00\x0eqn2GV=B\xfc#\xd7\x17\xfd\xdb|#\xfc\x18s\x19\xd4S\xf7\x9a\xfeZ/\x03\xa7hwm\xf9\xed\xf4\xe5\x7f\x18\xa4\xd2)\xd1\xaaS\xcc^1O"\xb428\x94\x7f\xf3\xdaR\xf3\xa3$@5Tw/\x0e\xa4\x04G\xf2C\xe4-\xbaU\xc9\x1b*\n&gt;h\x84[\xa4\xff\xde\xcc\x84\xf9E\x07\xca\xa0O0\x18\xd8l\x19\xf2X\x81+R\xbe]\xa3\xb0+B/\xe3L\x85D\x8aO\xbf\x07w\x7f:\x93\xfc\x98\r7\xc2_\xf8\x89^\\\x0c\xf9\r\xd6mZ%\x9bCD\x0b\xd3my1\x06\xe2\x9ff\xb6\xdb\x15\xc0\xcd\xc5\x9b\x9f5\xee\x17\xdc\x88[\xee\x90\x80\x1d[\x8b\xaeX_\xaf\x16\xf3=\xd41\x8c4+\xcb\xc9\xa8X\xb3\xf7h\xe5:\xce\x84&gt;\xee^~\x05*"s\xa8\xe6\xf1\xda*\xd61\xd6\xa8+aLH\xd4B\xdb]\xbe\x18\xd5PwD\xa2]\x0c\x12%\xc2L&lt;O0\xa3\xfe"2[o?\xd0\x8d\xde\xe1~\x89O3\x8a\x8f\xcb\x1aW*\x8aA\x8doO\xdbd,Tl\x15\x9c\xd5\xa3U\x01$4BLJ@\xc2\x05\x95\xf3h+).\x96b\xb9\x0c\xb7b\xacry\x1eT\xdeP\xddz_\x8agE\x80Wh\xca\x92\x0b\xd3\xb9\xb8&lt;@\xed\x8b\x10^\xfd\x04`\x92\xc2d\xba\x94\xd8\xe5Hq\xf3\xf2\x16\xd3\x86e\xfeoz\xf9\x00\xff\x9c\x8c\xc4\xd6uN\xa2\xa9\xb1w\x07\x1e\xe2Gp\xbeO\x90\xa58\xa3o\xe9\xaa\x86\xb9\xad\xceG\x91\x8fM\x08\xd2O\xffj\xa1s\x87 \xb1\xa2\x05#\xeb\xf6\xb7ro\xb8\xe0\xa2\xf2\x8bY\n\x1b\xe4bd1\x153\xd9\xa5=\xa5\\\xd0\xb5;\xb4{e2\xee)\xfa\x04.\x8f\xb0\xa0c\xff\xd3\xc1\xe0\x14\x10\x08\x02\x9b\xd5\x02\x89c\xc0=\xfdZ\x0f\x8b[\x11\xba\xd2\x19\xf3]\xddF&lt;\r\x98\xfe\\l\x86\xf7\x16^\x8al\xcbl\x81\xf9\xfb\xc0\xfa\xd5\x82\x18&lt;\xc3P\x1ay+\xcb\xe4\xf2\xbe\x99p\x1e\x04\xc5\xdd\xe1\x06w\x8dj#\xbd\xac\xa6\x84G\xc2\xa6\xde\xfd{\xcft\xae\xd3\xe9\xe3\xc6+Y&gt;\xb0\xaa2\xce\x0c\x91%\xdei^f\x14Y"\xe8[\xf2,\x97\xf2e\x83\x99z\xedT,j&amp;y\x00\xf6\xa1\xe8\xf1E\x10L\xce\xfb!\xc7mQ{\x15\x1b\x01\xca\x83\xc9:%DA\xfbu6RV\xf8U\xf5ZD\n\xa2X=u\xcc|-\xc8\xad\xcb\x01Fw\x1aN\xedE\xa4k\xdd\xa6\xf11\x80\x12\x1c[\xab\x04\xed\xffS\xe6\x9e\x00\xb3\xac}J3o\xbe\xf93\xfa/G\xd7lXP5k\x0e\x1f\xffl\xc4\x1c\x07\xcb\xb1\nf|T\xbc\xbb\xd5\xef\xd4#\x91\xbfan\xa7\x87\xca@\x93=\xf2$i \xb0\x04\x12\xa6\xd88\xee\xec\xca\x0c_\xc5!\xa3N|\x83\xb3\x1e\xf3\x10oi\xc7\xf7\xa6\xd6\xb1\xc5\xe1&lt;\xb9b\xddUiJ\xa4V\x1c\x81\xf1\xce\x7f\x92\xbf\xc481c}fk\x1f\x03\xcf`\x9d{&amp;{)fJ\xf1G\xfa\x9b.\x1a\xd5R\xfe\xd9\xce\xea\x88\xbf1~\xf8\x97p\x8f\xad\xf0\xc7\xb6\xba\x1c~x\xe5\xb8yV\x87t\xdb\xc8@\x9bX\x04\x1d\xa93kt/B\xa4\xff\x92r\xb3X[\xd9\xec*!\xed\x07\xc3\x87\x1e\xb8\xf4\x8e\xd2\x86sx\xacl?\r\xdf\xad\xfd\x00K\x8a\x12(\xbf\xfe!\xc9\xb4\x95\xd1)\x13\x81\xf8\xf2\xdb\xf6,\x9cmV\xea+:\x0b\x0b\x18\x05\xd4i\x92`R\x17\xc7\xe3\xc9\xe5Q\x80Fn\x8f\xdc_!#\x0b]\xf8\xed\xe6\x0f\x8a\t\xaa\xca\xe9\x88\xdd^RS\xa9!p\xa3\x83\xfb\x14VJ\x81\xfe\xa02\xba9\x9e\x18\x9109\xb6\x9f.\x05e5\x84\x10!\x11N\xa4\xec\xc5Z\xa5\x1b\xaf\xa4A\rD\xbc}\xc5P\x94\xce\xf3n}\x1e\x043\xea\xe5\x8b$\x88g\x0b\xe2r\xaa\xee\x91-B";)\xaf:I\xb95^9\t\xd5-\xb7\xbf6\x993c\x17\x8c\xc4\\\x88\xf2!\xe9\x99OU\x14\xe2\xa8\x12\t\x8f\x11.\x8ff\xd0\xa3/\xed\xb6\xd4+\xe9\xcb\xbe\xdf\xcd~\xf3F\x9c\xd1\xce\xb5p\xd5\xb2\xb9\xe7\xde\x94\xf6\x8d\x01xNY\x9c\xc4qP}\x06\x82#\xcb)\xb4\x11\xc6\xcd@\xa7\xf5m\x9d\x90\xc0\xc9\x1c\xbeU\xda\x90w#+\xb5%{q\xfe\xbc=\x91\x92\xe5\x15\xeb\x84\xcb_5\xf3\xaf\x19\xebz\x00\xd7"xy\x16\xde\'Z\x05\x07\xc1\xbe\xfe9Et\xafRM\xe1_=\xb3l\x05Z\xc2\xbeD\xa1\x03g\x83\x8d\xe28\xc2\xa0\xcd\x86\xfd\x01&lt;;\x85c[\xd9&amp;J\xebB\x87\xd2\xd2\xedUAR1\x80\x92\xc6/w\xb7\x08.\x1b\xae\xd8\x90\x85i\xc8\xdaB\xe2y\xce\xe55\x80&gt;~CE\xc3\xb3\x98&lt;%\xed\xaf.a,\xb2[\x9e\'\r\xc4\x9a\x90\xbb\xfc\xe01b\xa5\x83\xa0H\x15\xc1n\x93;\xb6UA8y{IF\x08!\x8a\xe8h5\xb6\xf0\xe0\xbc97/\xdd\xc6\x9a\xd1w\x8a\\\xcd\xd9I.\xf7\x83G\xfbFfrMoF\xa3\x1d/\\\x9d\'\x9e\xb5\xaa\xa8\xdc\xf1\xa2\xf7\x90IS\x1f\x0b\xbd\xbe\xa60mX\x88\x95\xec*4!\xb2\x8bVX\xa7\xe6\x1a\xd05KZ\xb5\xc3\xad\xc4\x05sG\xb8\x0c\xc6\x01\x1d\x825\xf5\x8d\x9c&amp;j\x88o9\xe1\x8c\xe04\xd6N6\x18\x1c\x00\xc5\x86\x7f\x88K\xd9\xeaA\xdb&gt;/{\xdf\x91\xcd\xaf\xaf_o\x90\xb2\xc45\xb6\xec\x1d\xb5\xd1\x08\x1b\x8b\x1es\xf1=\xbd\xc7\xbc\xf8_\x0b#\xc9`0\xf7\xc6\x18c\xd6F\xfe_\xf0s\x07\xbeO)%0\x9c\x8f\xc9\xfb\xfb\xf9\x1f\xa6\x9d\xa9\xa5\xad\x99\x9e\xf1\t\xc9\xcaA\xa7\x81\x82:\x01\x9d\xf62\x05\x1e(4\x1c\x18\xd2t\x80R\xfa\xe1\xa9\xcbyy\x0b\xa7~2\x1f\xdf\xb9\x01\xad\xac[\x80@\x8c\xcc-\xf2y\x812\x08\xf9\xf0I(t( \xaaS\x81\xb2@\x84}\x98\xe8\x1eQ\xab\xfa\x95RGU\x18\x88\x1blE\xae\xa8E|\x9c]"4Q#\xbb\xa3\xfb\xaa\xcb\xb7C\x11\xf0(\xca\xf7eSJ\xc1\xe9\x1e\x97\x91\xc8\x0e\x8d\xab\xf0%\x90\x98\xefLC\x8dS\xb3\x85\xfd\xe4sYO\xe9\x1e\xb1\xb9\xf0\xbf'</t>
  </si>
  <si>
    <t>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</t>
  </si>
  <si>
    <t>b'd\x13\x1a\xaf\xe5\xb9\xbc\xa1\xa3\xf4\xa1\xbe\x91\nR\xca'</t>
  </si>
  <si>
    <t>re 12.113
 DD
 M
 V
 M
 1
 2
 R D
 I in
 R F
 Vb
 Device
 Figure 12.114
 VCC
 Q Vb
 R F
 1
 I in
 Q1
 Device
 Figure 12.115
 Q 1
 V
 I in
 CC
 Q
 R F
 2
 R C
 Device
 I out
 Figure 12.116
 M 1
 VDD
 I 1
 (a) (b) (c)
 M 2 Vout Vb
 M 1
 VDD
 I 1
 M 2
 Vout
 M 1
 VDD
 I 1
 Vb
 M 2 Vout
 I in I in I in
 Figure 12.117
 Sec. 12.8.1 Review of Bodeâ€™s Rules
 12.57. Construct the Bode plots for the magni_x0002_tude and phase of the following systems:
 (a) Ï‰p1 = 2Ï€ Ã— (10 MHz), Ï‰p2 = 2Ï€Ã—
 (120 MHz), Ï‰z = 2Ï€ Ã— (1 GHz).
 (b) Ï‰z = 2Ï€ Ã— (10 MHz), Ï‰p1 = 2Ï€Ã—
 (120 MHz), Ï‰p2 = 2Ï€ Ã— (1 GHz).
 (c) Ï‰z = 0, Ï‰p1 = 2Ï€ Ã— (10 MHz),
 Ï‰p2 = 2Ï€ Ã— (120 MHz).
 (d) Ï‰p1 = 0, Ï‰z = 2Ï€ Ã— (10 MHz),
 Ï‰p2 = 2Ï€ Ã— (120 MHz).
 12.58. In the Bode plots of Fig. 12.61, explain
 qualitatively what happens as Ï‰z comes
 closer to Ï‰p1 or Ï‰p2.
 **12.59. Assuming Î» = 0 and without using
 Millerâ€™s theorem, determine the trans_x0002_fer function of the circuit depicted in Fig.
 12.118 and construct its Bode plots.
 638 Chapter 12 Feedback
 M 1
 VDD
 Vout
 Vin
 R
 CF
 G
 Figure 12.118
 Sec. 12.8.2 Problem of Instability
 12.60. In the system of Example 12.37, we grad_x0002_ually decrease the value of K without
 changing the position of the poles. Explain
 why decreasing K can make the system
 stable?
 *12.61. Unlike a one-pole system, the magnitude
 response of the circuit in Example 12.38
 falls by more than 3 dB at the pole fre_x0002_quency. Determine |H| at Ï‰p. Can we say
 |H| falls 9 dB due to three coincident
 poles?
 *12.62. The three coincident poles in Example
 12.38 do affect the phase even at 0.1Ï‰p.
 Calculate the phase of the transfer func_x0002_tion at Ï‰ = 0.1Ï‰p.
 12.63. Repeat Example 12.38 for K = 0.1.
 12.64. Repeat Example 12.38 for four identical
 stages and compare the results.
 12.65. Consider a one-pole circuit whose open_x0002_loop transfer function is given by
 H(s) = A0
 1 +
 s
 Ï‰0
 . (12.198)
 Determine the phase margin of a feedback
 network using this circuit with K = 1.
 12.66. Repeat Problem 12.65 for K = 0.5.
 12.67. In each case illustrated in Fig. 12.70, what
 happens if K is reduced by a factor of 2?
 12.68. Suppose the amplifier in Example 12.41 is
 described by
 H(s) = A0
 _x0002_
 1 +
 s
 Ï‰p1
 _x0003__x0002_1 +
 s
 Ï‰p2
 _x0003_, (12.199)
 where Ï‰p2 _x0003_ Ï‰p1. Compute the phase
 margin if the circuit is employed in a feed_x0002_back system with K = 0.5.
 12.69. Explain what happens to the characteris_x0002_tics illustrated in Fig. 12.72 if K drops by a
 factor of two. Assume Ï‰p1 and Ï‰_x0008_
 p1 remain
 constant.
 **12.70. Figure 12.119 depicts the amplifier of
 Example 12.38 with a compensation ca_x0002_pacitor added to node X. Explain how the
 circuit can be compensated for a phase
 margin of 45â—¦.
 Design Problems
 In the following problems, unless otherwise
 stated, assumeÎ¼nCox = 2Î¼pCox =100 Î¼A/V2 and
 Î»n = 0.5Î»p = 0.1 Vâˆ’1.
 12.71. Design the circuit of Example 12.15 for
 an open-loop gain of 50 and a nominal
 closed-loop gain of 4. Assume ISS = 0.5
 mA. Choose R1 + R2 â‰ˆ 10(rO2||rO4).
 12.72. Design the circuit of Example 12.16 for
 an open-loop gain of 10, a closed-loop
 input impedance of 50 , and a nom_x0002_inal closed-loop gain of 2. Calculate
 the closed-loop I/O impedances. Assume
 R1 + R2 â‰ˆ 10RD.
 M 1
 RD
 C1 M
 RD
 C1
 RD
 C1
 VDD
 Vout
 Vin 2 M 3
 CC
 Figure 12.119
 SPICE Problems 639
 12.73. Desi</t>
  </si>
  <si>
    <t>b'=\xdf\xa1\x9a\xcd\xc0Q\xc1-h\xcd\x0c,\xbc\x8b\x9b'</t>
  </si>
  <si>
    <t>3ddfa19acdc051c12d68cd0c2cbc8b9b</t>
  </si>
  <si>
    <t>b'\x91\xd8m:\x9fw\t\xe1\xd4\x10a\xe4N\xcaD{'</t>
  </si>
  <si>
    <t>91d86d3a9f7709e1d41061e44eca447b</t>
  </si>
  <si>
    <t>ouâ€™ll feel better after it. Men always
croak when they are hungry,â€™ and Jo whisked out at the front
door after that.
â€˜Thatâ€™s a â€˜labelâ€™ on my â€˜sectâ€™,â€™ answered Laurie, quoting Amy, as
he went to partake of humble pie dutifully with his grandfather,
who was quite saintly in temper and overwhelmingly respectful
in manner all the rest of the day.
Everyone thought the matter ended and the little cloud blown
over, but the mischief was done, for though others forgot it,
Meg remembered. She never alluded to a certain person, but
she thought of him a good deal, dr</t>
  </si>
  <si>
    <t>b'\x9c\x12\xdd\x00\xc1\x9eX\xf2\x87S\x98\x87\x17\x8fh\x85\x8a\x96+\x9f\xcc\xaah\xea\xb0\x18\x19\x85f\xa3\t\x17\xaa\xba\xbdV3\xccT\t)\x99o\xa3@\x02\xb4&gt;\xbd]\xa8\x15l\xc8\xd96\x86\x0b\xa3\x84\x9d\xfdm\x1a=?g5\xd3\x12\xd7X\x93\xf1\xd5U\x99\x84\x82\xe7\xff\x9f]\x80]\xcb$\xd6\x07!1\xcb\x07Q\x84P\x92\xe5Ib\xed\t}\x17\x9e\xf3Yl\xcb\r\xf8f\xf6\xb62\xbd?=SV\xfd\x00\x05Q\xeb\xa3\x84:\xda\x11\x97N\x89\xaa?\xdfl\xa7"\xfao\xf2A\x08\xec\xef\xbf\x02\x11\xd6\x85eB\x9c\xa3g~\xed\x0f\xa7u\xb1\x03\x02m\x1f\x92\xd5~\xb8m90&gt;\x0fPGH\x1exk\xa9lQP=]\x83\xb1\xaa\x18#Z\xd4\xaf\xb5\x89@=h\xc1\xe0CTF\x0cb\xc0}\xcc\xf3$H\xce?e\x19sI\x19\x1b\x965\xc1\xfa\x06\xe9\xb1\xde\x18\xf56\xf7\xb0o\xd0\x0b\x8bx\xca\t\xaa\xb0\x13\xd2\xfc\xbe:\x05\x8c\x043\x06e\x1a\x1f\xbc\xd6\xe0\t\x16\xe3&amp;\x83x5\xe84\xc1H\xfd\xa6\xe7\x8dz\x88\xcd\x05\x98X\nN\x1e\x1a\xba\x97\x19T+\xf7\xa2\\#H1\xf4\x95\x04\xaa\x06\xf8\xb8\xe2G\xfb\xbb\xce\x05\xa2%\x18c\x05\x0eT$\xec\x9d%\x0e\xc8T\xf6\xf5\xbe\x12\x93?\xb0E\x04tX;j\x8e&gt;\xcex\x9asc9\'\xb8\xbc\x0f\x86\xbd\xa2~\xd8\xf0\x08tZ\x95ls\xec\xc4\xfb4q\x1c\x1e\xcc3\x0f6\xcf\n\x1c\x95\xdf"\x10\x17\xce\xb9d\xc3\xeeC\xc2\xc8\x85c\x0bY-\x0eU\xa0\x1a\xaf?\x08\x82\x99\xa0\x0c\xcd\xc6\xb4\x8b\xf0Qj\x10\xa0\xfd\xb9\xc3\xa4\xcd\xde\xb2\xc8\xafp\x8bh\x96\xdeU\xac\xd4=\xdbA\xb6a\xad_[\xe7S\xd5\xee\x1d\xe0P\x1b\x9c\xed\x8f\xdb="\x1b\x9b\x92\x99\xeeV\xc8\xe1D\xa3\x1e?\x19\xc5_z\x12*\x02\x19\x0e\xe1\x01({lU\x97\x9eN\x84\xc9\xf1\xd4\x000\xf0\xbeV+yx\xd4!\xfe+If\xcb\xba\xf1H!V[\xe5x\xa6x\x0bn\xcf.\xd7\x98+Z\x8fv/\xe6\xeb`\xedb\xa0JQ\xac_\xe51\xb7\xf5v\xc5\x7f2\xabF^\xf8\x9e\xeax~\x91\xfe\xa0\xe5qC\xa1\x01k\xd3\x9d\xe6\x91ycU{\xb2+\\nx\xc8\x13Q\x89x\x82XY\xe1\x01X\xc8\xcc)\x03\xec'</t>
  </si>
  <si>
    <t>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</t>
  </si>
  <si>
    <t>b'\x9c\x12\xdd\x00\xc1\x9eX\xf2\x87S\x98\x87\x17\x8fh\x85'</t>
  </si>
  <si>
    <t xml:space="preserve"> focuses on,
basics of semiconductors which,
give an insight into,
metals, semiconductors, insulators, PN,
Junction diode, rectifiers etc.
The content provides information,
about various configurations of,
Junction Transistor, FET, MOSFET,
Transistor amplifier and its,
applications, SCR, DIAC and,
TRIAC etc. The language,
used in this book,
is simple and easily,
understandable to the student,
at class XI level.
Relevant pictorial illustrations, examples,
and simplified concepts help,
the student to learn,
with ease and comfort.
This book is authored,
by competent educationists in,
the field of Electronics,
and Communication in association,
with CBSE focussing on,
helping the students to,
learn without any difficulty,
and use this book,
as a tool for,
easy learning. Electronics is,
that field of science,
which deals with the,
motion of electrons under,
the influence of applied,
electric and/or magnetic field.
Electronics can be classified,
into two branches: Physical,
Electronics and Electronics Engineering.
Physical electronics deals with,
the motion of electrons,
in a vacuum, gas,
or semiconductor, whereas electronics,
engineering deals with the,
design, fabrication and application,
of electronic devices. Alternatively,
we can define electronics,
as the science of,
how to control the,
electric energy, energy in,
which the electrons have,
a fundamental role. Electronics,
deals with electrical circuits,
that involve active electrical,
components such as vacuum,
tubes, transistors, diodes, integrated,
circuits, and associated passive,
electrical components and interconnection,
technologies. Commonly, electronic devices,
contain circuitry consisting primarily,
or exclusively of active,
semiconductors supplemented with passive,
elements; such a circuit,
is described as an,
electronic circuit. Electronics has,
evolved around three components:,
vacuum tubes, transistor, and,
integrated circuits. In 1883,,
Thomas Alva Edison discovered,
t</t>
  </si>
  <si>
    <t>b'g)aC\x8d\xab\xd99\xa0\xa9\x8e\xd1\xdd\x9eM)oKS\xbd \xae\xa5\xf0\xc48\xcb\x98\xdc\xc8\t\x18\x1eo\x86|\x8b\x82\'\xae#\xcb\xd0\x1a\x19J\x8c\x97\x02q\x01\x1b\xeb2\x8f\xd4\x911\xf4\x87\xe4^&lt;\x10VmBr%\xc5\xaf\xdb\x13\xf6A\xb0\xe9s{h\x00\xd8\x87\xe2\xabz&gt;\x05\'\xf0(\xcd\t\x17U\xac+\\\x84\x05-Qx\xf3\xfb\x91\xd5vn\xcf\xa6=H\xce\x93\x19\x82\x12\xe6&amp;\xb02\x7f\xba\xaa\xf8\x8f2\xc5+\x83\x98\xa6-$MS\x12u\xc6DR3GdX\x12\xdeD\xf8I\xd8io\xb2\xcc\xac\xb9\xde\x1c\x99\xe0\xb7\x0e\xf3Z\xb2\'7\xee\x94\x8c\x0e\n\xca\xdf\x86\x82U\xbc\xa2sS-?\x00Ho\xe8\'\xc088\xd6\x05\xc7^.\xe6:9\x9fr\xec\x8f^\xe0\x03.\xfc\xadM\xd9\xe8\x9a$\xb3H\x0e$\xe4\xdd2\xc7\xc5&lt;D\x0c\xb0P\xe4\xf39\x99\xc4\xdf\xe3\xde\x9e\x96+)px\x19:\xb0\x9c\xc4s\x10\xa8\xa5\x13f=5M\x85\xbb\xb4\xa1\x14g\x81pVt\x81\xba\x16\xa0\\n\xb9\xc0\x1b\xcd[Z\x9e;.\xf2;$Y\tz&amp;\x13\x95\xe8{G\xef\x83\x05t\xb6\xf6\xf9K\x9b&lt;\x936\x1f\x926\x97\xb6\x04;3\xa6}a1Cg\xbf\x87S\x8b\xad\x13\xc5\x90Z\x11\xc0\xeb\xf4\xb7\xce\xf5iiN)\x08$\xfb|\xa09PG\'sb\xb8C\xe2\xc0\x99\xf7\xab\\\xe7\xfce\xdb\x8b\xd0\x93D\xc3\x1e\\\xc0\xe0\xceI\x1f\x8d\x8c\x8b\xe5\xb7;\xa7K\x80"\xbbq@\xe1\x84s\xc2\x06\x00\xd8x=\xbf\xce\xcf\xd1\x1e\xa6\x00\xc3D\xb8T\x81\xd6\x98\xb2\x92\xd6\\\xc1\xb4\xce\x1e\x00\xd3\xd9\xd2\x83x\xb79\xce\xfc\xb0`0\xc1\x0f4\xf6\xc3,\xc4|K\xcb\xdd\x1c\x0f\x1b\x8ax\r\xd4\xfc\xfa0\xd1K\x7f\xd0W\x87\x17\xd8\xd3\xf7$3\xa8\xaa%a\xd8\xf1[\xbe\xc6\xd8lr\xce\xb1/%W\x8bM\xe5G\xf5\xc4\xa3\xc5\x0c73\x1c\xc8Sb\xd7\x98\xdd:`\x9a\xd1Z~Z\xc0\x90;\xdd\x1f\xb7\xdf(\x80_My\xb6\xe2m!\x9a\xcc\xa6\xe3xy\xbd%\xd9\xbd(\x07\xbe\xe3\x12\xd7\xc7\x05{\x1e\'\xfe\xc9#\xb8\xe5\xec\x81\x13\xf7+\x0b\xbb/\x03\xe7S\xb8\xeb\xc4"\x14\x1d\xb0,\x01\xb9\xbd\xc2\xd0u\xd9\xb0/\x10\xe6Q\xa26\x13\xa2%#W%t\xd5Yo\x95\xa47\xdaz\x00\x87\xe3\xa9&amp;!\xb9\x82\xa9\x1d\xb4\xb5\xdeOS}\x80\x18\x8a\xc4\xd8\xb1\xe5\n\xe4yU\xd6ZT\xa1)\xef):F-\x11Z@ia\xf4\x87\x9e\xbaov\x84\x83BC\x82\xbc\x16\x04C\xfb\x8fi\x01\xf4T?\x195\xd1\xb3r\xa3K}\xd8=\xc2\xd9XE\xe0\xd9\x8f\xda\x91\x114\x06Xba\xaf{\x9b!\x95\xc8\xb3\xe4v\x13\x1a]\xf3\x05\x82+\'\x89\x0e\x80%\x89s\xff\xf6\xee\xfa\x02@\x86n\xc2\x82\xef\xc4\xf9\x12\x07\xab\xd2fp,V\x7f\xda\x80\xfa]\x91\xabU\x1b^\xd4\x1e\xad\x90i\x97:\xed\xba\x04\x95&amp;l\x08\xc6\xcf\xee\xc4\x1bl\xb2\xb0\xa0\xdf\xe2\xf8x\xad\x12\xa5\xb6\x06cO#\x9e\xad\xd2N\xach6\xb5\x9c\xb0\xb9\xab\xa5+\xda\xff@\xc0\xf5\xe8\x97Pt$\xc3\xd4\xf8`\xf4\x8bN\x9a,\xf7:\xed\xd4:y\xe0\xc2H\xca\xcc\xf8&lt;o&gt;\x8d\x08\xe5\xfb\x1c\xde\xe1\x8e\xb7Y\x00."\xc8\x1f\xf4\x94\xec\xbb\x07\xcf\xc9t1+`e\t\x1c9A^v\xbdE\xf3[s\xce7\x7f&gt;F\xc4\xf3\xae\xe3\xb1\xe7}\xd7\x1a\xae*\xcbdn\x98\x99\xc4m\xf9\xaf*\xbfn\xbc\xdbW\xf8P\x8f\xc7s\xe2P\xd0\xc1\x07\xcb]\x1b\xf82\xa45\xab=\xdd\xeds\x8f\x7fD\xf7\x12\xb1&gt;s&gt;l\xa8\xb9$\x00\x16\x1c\xf2W\xdb\x81\xa8\x1a\x12\x95Y@;\\d\xb5\x80`\xb1\x89\xc3\x80\x01Fhw\xbc$)Y\x90c\x01\xc7\xe44\x96V \x11\x02\xabEes\xc28p}\x03\xba\xe2\xb1\xed\xc0\x17\x16\xb6O&lt;\x91X\xbb\xe2.\xc9\x84\xe2\xf9\xe5\xf0\xae\x06\x04NX\xa4{IM6\xab0\xbe\x06Tv\xfc\x80\xda\xbc\x18\xe9\tD\xc2\xc8\xdb6\x8bz\xf9\x8f\x01\x11\x13n\x8a\x99c1[\xa1*S\xc4\xa5\xcd\x07\x1e\x80\x97\xdc\x94\xfeL\xfc\xca\x13\xf5\xdf\xa4\xa5\xcfK\xbe\x10\xba\xd1\xa5\xfe\x98}U\xa1\xbb\x01\xb4\xc8;\x055\xee\xeb\xe2\x84\xa4\xb0)W\tz\xbc6\xb5\n\x1d/\x18\xd4\xbf\xd7\x06bD\xac\xfc\x0e\xdc\xff\x9b\xba(\xb3\xf2\xad\xea&gt;\xe3\xcb\xa4\xa8\xf7\x81^\xfc\x06\xc7\xd9\xa7\xb0w\x1a/\x95\x16\x9a\x96A\x07\xc6\xc5\xe1\xc0d\xc7E\x111\xfa\x1f`/\xa3\xb6h/\x18\x02\x8e5\xf0o\xe9\xc1\xa8\x9b\x1a\xe9\x8dY\xe6\xde%\x0e\xa4\x91p@\x1e\x90\xa7\xb9+\x1f\xed\xb8\xde\x9e\x98i\x08\xf3M\xa1J\x1b\x02\xa8\xf5Y\xe9Y\x02\xa92\xd3a?\xda~\xadSg\xb9\xe5\x82\x912\x9e\x08\x92\x93\xf0\xd8u\xc3\xd2&lt;\xaa\xf4V\x0b\xcd\x18\x8a\xef\xa9e\xde\x8e\xbef\xea] c\xd5\x06\xdc\x96\xef\x055\xa4\x0e\xaal\xc7bg\\/\x84J\xca+\\x\x99\xbd \xe9N\x87\xaa\x9dk\x01\xb9\x9b\x8a\x8e\xa3p\xec\x1d$D\xca2N\xe9\x06\xfc&gt;"\xb4\x02\x80\xc0\xe8\x9e\xcbH\xabf\xa4\xe3\xed\xd4\xf3f\xdeZ\x1b]\x81\xdc\xef\xe8\xcc9}\x0eu\xa1$\xa3}\xbc\x06\xbby\x8d\xaa\xbaN\xc1\xc6\xf7\x84\xf0\xb9\x97St\xfd\x82\xd7\x9f\xdf\x860\xabL\xb5\xd7\x8a\xb3Fm\xbc\xaf\x8615z\x1e\xeb0\xe2v7\xf1\x96\x9b\x1d/-\xf3\xa3\xdd\xce\xe6\x1c(\xf6\xf9\x19\xea\xf1\xc9\xd4\xd48\xce\xe2i}\x82&lt;:\xe2\xcfa\x06\xcf\x7f\x14\x15UG\x04\xd0\xaf`\xcen\xa4\x00\xa0\xb0*jL\xed\xdb\xcdX\x02\xa2\x1f\xb65q\x18"\x8d\x8b\xe0\xe4\xe3\x0cy\xf6O\x7f\xdb1\xe0\xbc\x16\xcc\xc111\xfc+E\xf0\xe4\x8f\xb5^\xd7@U\x16\x89\x8b\xbd\xbb\xa0c\xf3\x8b\xfe(\xed\xff\xb7\xe1\x0f\xd9Du\xe3\xe4h\xec\xba\x7f\xd6g^\x8d\xe86}Q!\x18( k\xb0do\xfc7\xaa\xcf\xb9\xf5M\xac\x9f\xac\x85H\xec\xc6\xe2V\xa5\xed\xa2\x1d\xfb\n6\xf3e\x86{7\xa2\x12O\xe2\xbf-\xad\xe2\xb9\xe9B\x06\x187\xbfJ\xf1\x1f\xda\x13\xc5\xbc\x12\x8b\x86\xa3\xbb~x\xdcM\x0e\xd8k\xc2Q!\x11X\x9e\x97Xw\x01\n\xaf\xd0\xd5\xbc\xa5\xdcD\xe0\xaf\x1c\x86C\xecT}\xa5\xfe3\xc4\x9f^\x0e\x11\x8c\xce\xfd\xf63\x1c\x80\x1a\x9c\xe3\x04\xba\xa9\xc74\x94-T;Ex2)\x9ea\x0e\xa8\x82\x1f\xe1\xff\xceA\xcb\x88\\\xe4\xed\x8b\x80\xb6D\x9ab\x14\x93\xe5"\xdb\xfe|G\xd4:\x83\x16-L\x07a\xb1sA]b(\xa61\xe3\x8a\xcf\xd1\xa6g\xc0\x93\xa29"&gt;\x04\xba\xd9\xb5\x9cy\xb0O+\x8b\x88\xf5\x99\x03\xafQ\xff\xa89i\x18q!)a\x94X\xf9uf\xf0L\x03B\x11"\xcfgg\xb4\x92\'\xed\x86A\x1b\xd3\x98N\x01C\xa9\x9fWi|m\x17\xe5\x1e&lt;\x9a\x82c\xb3-e\xd9\x06:\xdf%\xc3\x1a\xd8~\xb6h\xec\xfa\x96\xbei\xceB\x9c{\xaa\x0f\xe1\xaa\xba\xd8\xb4~Y\xb9\x15~\xe7\xedY\x98\x83\xccj\x1d}1F\xefj\xc4\x89\xb0a\xaf\xf4\xcc\xdc.=\x0c\x10\x8c8\xd4Q\x90\x16\\\xa8\x931\x9bQ\xb12-\xeb\xee.*\xf9T\xf89\xe7&gt;\xee\x82p \xb8\xd1\xd3\xed\xa4\xddZ$C\xd1\x11\xe7\xbe*\x160b\xebh\xd1OXJm\xe4U\xa3\xda?\x98\x03\'\xbbV\xd6d\x9c\xd7\xa6\xefhV\xb5b\x87&amp;\x1d\xb3\x8d)\xe8\n\x8e\xc5\x7f\x86\xa0\xec\x8fEwm\x96\n\xea\x17t\xce\x93k\x98\xf1\xfc\xe7&lt;\xd2\xf39\xcf;\x14\xf3\x84\x0fw\x88\xb4\xf2\xed\x0c]\xedA\xab&amp;\xec2\x0c\xbf\xe8\xbb]*\xdf\xf7+\xfd:\x1e`^\xc2\xccT\x80\xa9\x02\xe6\x1c\xcc\xbc\xa7f\x82\x1c\xbe\x88\xc9'</t>
  </si>
  <si>
    <t>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</t>
  </si>
  <si>
    <t>b'g)aC\x8d\xab\xd99\xa0\xa9\x8e\xd1\xdd\x9eM)'</t>
  </si>
  <si>
    <t>ces of an
 unjust revenge, and the remorse of having prolonged to me these
 moments of suffering.'
 'Is it for mine, or for Montoni's safety, that you are thus alarmed?' said
 Morano, coldly, and turning towards her with a look of acrimony.
 'For both,' replied Emily, in a trembling voice.
 'Unjust revenge!' cried the Count, resuming the abrupt tones of passion.
 'Who, that looks upon that face, can imagine a punishment adequate to
 the injury he would have done me? Yes, I will leave the castle; but it shall
 not be alone. I have trifled too long. Since my prayers and my sufferings
 cannot prevail, force shall. I have peop</t>
  </si>
  <si>
    <t>b'\xc0d\xb6j\x1a\x9f[\xe3\xd8\xee\xc6\xdcR}Lt\x19\xf9\x07\x0e\xfa]&amp;\xc3\x84\xcd\xec\xef\xfa\xf72R\x8f]\xf3\xce&gt;|d\xfad\xd5B\xa5X\x8a\xe2\x88!&gt;\xa1\xeb\\q\xcb\xe88\x9e!\xaf8d)\x91'</t>
  </si>
  <si>
    <t>c064b66a1a9f5be3d8eec6dc527d4c7419f9070efa5d26c384cdeceffaf732528f5df3ce3e7c64fa64d542a5588ae288213ea1eb5c71cbe8389e21af38642991</t>
  </si>
  <si>
    <t>b'\xc0d\xb6j\x1a\x9f[\xe3\xd8\xee\xc6\xdcR}Lt'</t>
  </si>
  <si>
    <t>the mutineers succeeded in crossing the stockade, he argued, they would 
 take possession of any unprotected loophole and shoot us down like rats 
 i</t>
  </si>
  <si>
    <t>b'\x8e\xd6iB\x03\xc81k\x96#i\nv\xb9T\xc2\xa0\x0f\xd9+\xbe\xcf\xe1\xdb\x8b\x14Q\xa6\x81\x0c@\x11\x95\xbdG\xf9yE\t\x1e\xf9\x0cFA\xed\xf4\x9cF\x96c\xc6\xcd&lt;\x8e\x81\x83\t\x10_Mi\xf5&amp;\x17e}\xa9\xb9\xad\x9c\x1d\xeejR\x8e\xa2\x1e\xde\x9b\xb5\x82v\\\xfa\ra\x02\xdc\x04\x01\x88s\x17\xe8\x94b)\xc8\xad\xf8N9\xabf\x9f^\xe4\x0b\xfb\x9d\xd9^2\xea\xf9|\xc0\xc6\xf2\xf0B\x0eP\xa0\x03\xea\xbda\r\xfb\xff\xf8(\xe0\x00[$\xbc\xf6\xae\x13\xb3\xc2[\x8a\x10\rO1{eIiD\x83\xd5\xdb\xb8Bf\x9a\xa9\x1d\x99\x0e&lt;JZ\xf3\x05z\x14\tj6c\x05\x1a=\xcb[w; q\x16\x86\xd9\xf8\x99.^\xccH\xf0\x14\xac&gt;BXzD\ti\x81\x01\xebl\xa9\xe7\xa6Z?\x8f\x9f%\xe5\xbe\xa6\xd6{\xd7\xedq\x94m6G\x10\xf8\xdeP\xf6Xk\x02U\xcb\xfd\tXJq\xe7|\xbf\xef&lt;\xee\xf6\x0f\x06*S0\xca'</t>
  </si>
  <si>
    <t>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</t>
  </si>
  <si>
    <t>b'\x8e\xd6iB\x03\xc81k\x96#i\nv\xb9T\xc2'</t>
  </si>
  <si>
    <t>held fast there by straps over your
 head, under your throat, round your nose, and under your chin; so that no way in the
 world can you get rid of the nasty hard thing; it is very bad! yes, very bad! at least I
 thought so; but I knew my mother always wore one when she went out, and all horses
 did when they were grown up; and so, what with the nice oats, and what with my
 master's pats, kind words, and gentle ways, I got to wear my bit and bridle.
 Next came the saddle, but that was not half so bad; my master put it on my back very
 gently, while old Daniel held my head; he then made the girths fast under my body,
 patting and talking to me all the time; then I had a few oats, then a little leading about;
 and this he did every day till I began to look for the oats and the saddle. At length, one
 morning, my master got on my back and rode me round the meadow on the soft grass. It
 certainly did feel queer; but I must say I felt rather proud to carry my master, and as he
 continued to ride me a little every day I soon became accustomed to it.
 The next unpleasant business was putting on the iron shoes; that too was very hard at
 first. My master went with me to the smith's forge, to see that I was not hurt or got any
 fright. The blacksmith took my feet in his hand, one after the other, and cut away some
 of the hoof. It did not pain me, so I stood still on three legs till he had done them all.
 6
 Then he took a piece of iron the shape of my foot, and clapped it on, and drove some
 nails through the shoe quite into my hoof, so that the shoe was firmly on. My feet felt
 very stiff and heavy, but in time I got used to it.
 And now having got so far, my master went on to break me to harness; there were more
 new things to wear. First, a stiff heavy collar just on my neck, and a bridle with great
 side-pieces against my eyes called blinkers, and blinkers indeed they were, for I could
 not see on either side, but only straight in front of me; next, there was a small saddle
 with a nasty stiff strap that went right under my tail; that was the crupper. I hated the
 crupper; to have my long tail doubled up and poked through that strap was almost as
 bad as the bit. I never felt more like kicking, but of course I could not kick such a good
 master, and so in time I got used to ev</t>
  </si>
  <si>
    <t>b'\x15\xfd\xa2\x12&amp;y\xc3\xff'</t>
  </si>
  <si>
    <t>15fda2122679c3ff</t>
  </si>
  <si>
    <t xml:space="preserve"> Scout website (sdgirlscouts.org/hiking) to view the trip descriptions for the
Advanced Backpacking trips offered each year.
Youth and adult leadership
Girls and adults who complete our Wilderness Hiking and Basic Backpacking courses are encouraged
to return to help council trainers in teaching future classes and hikes. Our youth leaders are the face of
our program â€” their confidence as young trainers reflects their exceptional ability on the trail, their
increasing skills and knowledge, and helps them grow into strong leaders. Our adult leaders help
facilitate our trainings, providing knowledgeable supervision and extended adult resources. These
adults sometimes continue on to become trainers.
35
Hiking Resources
Local hikes
Mission Trails
- Cowles Mtn., Oak Canyon, 5 Peak Challenge
Daly Ranch
Jamul
- Hollenbeck Cyn., Mt. McGinty
Mt. Laguna Recreation Area
- Laguna Meadow Trailhead (mile marker 19)
- Little Water in the Woods
- Sunset Trail to Cedar Fire Burn
- Chico Ravine - short loop
- Chico Ravine - extended loop
- Big Meadow Loop
- Big Laguna Trail
Recommended trail guides/reading
ï‚· Afoot and Afield in San Diego County â€” complete guide to our countyâ€™s hikes, trail descriptions,
driving directions
ï‚· Backpacker Magazine â€” chock full of valuable information
ï‚· Check out the REI.com Camping/Hiking Expert Advice page!
Adventure Pass
This parking pass is required in the Cleveland National Forest. Itâ€™s $5/day or $30/year, and can be
purchased at outdoor stores (A-16, Big 5, REI), Pine Valley gas station, Mt. Laguna Store, ranger
stations (Descanso RS: 3348 Alpine Blvd., (619) 445-6235) and Alpine gas stations.
Topographical Maps
ï‚· A-16 (Mission Valley â€” adventure16.com)
ï‚· REI (Kearny Mesa â€” rei.com)
ï‚· Online: You can purchase topo maps online (mytopo.com, for example), or copy from regional
park pages: localhikes.com is an excellent selection of local hiking topos.
ï‚· efgh.com/maps/index.html â€” a great selection of local hiking topos
ï‚· mountainbikebill.com â€” local biking/hiking trails
ï‚· sdgirlscouts.org /hiking â€” check out our hiking and backpacking trips and maps at the bottom of
the backpacking page
Equipment and clothes
ï‚· Target
ï‚· Marshallâ€™s
ï‚· Wal-Mart
ï‚· A-16
ï‚· REI
ï‚· Thrift stores
Girl Scout</t>
  </si>
  <si>
    <t>b'\xec\xbb\x01\xcb\xc8\x8f\x1f\x13\xef@0+\n\xfaU\xd0Y-Bb\x7f_p\xf9\x9ep\rm\x86\xddS5B$$W\r\x9d\xa6&gt;\x14\x18b\xe1\xc4\xbdG\x80\'\x16\xb5}\x8f\xee\x92&gt;2\xdb\xfcD\x90\xdcF\xc1l\n\xa0\xdd\x8edst\xfb\xa7ee\xa5A\xd7\x0bk\x18i $~\x87\xda\x90\xd4!\x80\x9c\xc1\xc6\xa4W\xba\xe5\x03\xb3\xab\x9c\xa1q\x1d\\\xe2\x18x\x88\xadob\x89\x9b\xba\xed\xa0R\xdc\x12~m/\xe2\x81\xd5\xac\xa6\x15\xbb\xdc\xb5{\x84\xc9\xca\x9b^k\xa99\x8a\xc9\x7f\x87\x89\xcf\xcb&lt;\xf5\xef\x92\x801\xa2\xdf\xec\xaa\x81\x93u\x9eq\x94Bu\x90%~\xc2\xd0\x15\xdboE\xc8!&amp;\x16\xdf\x00e\xbe\xf7Bx\x00\x90g\x88\xd8\xfc\x9f\xae\xb6\xcc\x88_0\x06\xa3\xe96}\xdf\xba\xb6\xdfE1p\xd2\x0e;n\xce\x04\x9a\x1dh.\xcc\xfb/+\r\xbd\xee\xf3\xa1\xddHj\xa0\xeb\xefA\xba\x0b\xb3\x00\x04\xfe\xb0t\x18\x08\xc8\x86\xbb)&lt;\xe2}\xd3\xf0x\x05\xd4*\x0b\xda\x91\xc4^#?\xb6\xb6Sr=\x7f\xec\xfe\xf1.\x15\x05[%aLz\x9b\xbe\xedh\x8a\xe7.\x8a(\x84\x1c`\x9f\x9e8\x12\xe0&gt;V\x15\x9bj\xeb\x967\x18W\xc1\xbf\x13Rdo\x11Lp\xc1\xb4\xe1\x0e\x981\xa1\x91\xb7\x02\xb6\x8amr\xe4/\x99\xcc\x8cG\xd6\xe7|5\xce\xd4Sn\x8d\xe2D\xf0gM5\xae\x91*IP\x88O\xe3\x132\x86g\xfa\x01\xd9\xb1\xfe\xdb\x8f]7?R"\xb0P\x8e?T\xe7a\xb8\x1a\x19+\xd0\xcd\\\xc2\x9e\xb5\xcb\x0cBH\\\x01\xd4S\xd5[\xa4!7\x88eG/\xa6\xa7\xc2\xb2{.\x16r^92m\xba\xdc\xceC\x13\xb4\xf4-\x18`W\x16b\xfe\x15\x7f\x1a\x8c\xf8\x85z,\x7fW|\xeb"\x13\x1d\xfe\xe1\x1d\x0f{\x94\xa5/\xcf\xb1\xcd,\xcd\x10s;/&amp;\xb1\x9b)~J\x19\x04\x1d\xf0\x01\x03\xd3\xf7\xb0\x10\xa0\xfa\xaa\xdc\xf1\x9c\xe0\xb6\x1dC;L\xc2\xe6\xb8\x05r\x0eN\xd87\xb0g*\xe8\xf3E\xa0;\xcd\xca\x15\xabX\xcc\xab\xfa\xf3\x81\xbc\x89\xcdw\x02\x92\xfd8Wv\xfa\xe3\x8fo\xe8\xab\xcd3\x11\x0f\x19\xab\xbe\xe3]A\xf7\xac\xce@ \x8cQ\x0b@\xbb\x05l\xaaZ\xd9y.\xd1\xdd\xdb\xb6MW\xcd"\xf1\x0e\x89\x88V\xb3\x0e\x91\x0b\x8c\x1d\xe8p\xef\xcf\x83i\x9a\x034\xd1C\'\xccy&lt;\xe1 \xde]\xd9\xaf\xa9e\x15\x12\x9a\x84\xafN1%\x0b\xf2\xcf~\x97\xf4\xb0\x81\xf7\x89\xbbU\xc0\xe94%\xa1\x040\xdd\xe3\xc7x\x9f3I\xd8\xfe\xcbA\r\xeb\r*\xb6\x07\xcey1\xbc&gt;\xd7;n\xdc\xc7pf\x93\x82J\x83p\x84\xd2\x94\x1b\xa4/\x1d\xc9\x9f1\xbcK\xc3\xc3\xae5\xa6W`(|\x13\x15\xfe\x14\xe0i\xe5L_\x1dz\xfd\xf4r\x1b\xf6\x1a0\x98\xebf\x01\x85d\\"nw\xf3\x9b\x03p\x8a\x05Y\xa0\x05\xa8\xcf\xb6&amp;\xb1N\xb0\xfd\xae\x02\x1ff_\xd6\xdaD\x88\xa4S-Z\xd0\xa4+s9\x837x1j\x8c\xde~\xd1\x0b\xd6\x06\x01\x9c9\xef&lt;D\x16\xdad\x1a\xeb\xfd\x04\xaeX\xd94\xd7K]\xb8\xe7\x85\x1c&amp;\xc9W\xa0\x8b"\xdc\x8a\xaa\xc5\n\x84\xc4J\xc9_\x19\xae\x96\xc0\xd2_AH\xe8;\n\x19g\xb4\'\x00\x1f\xed\xf9\x10\xdcR\xd5\xa9\xf0\xf4\x95\x1c\xcc1\xc5mp\xf9\xa1\xca\x06\xf2/\xd5\xfcPrs\x16\xed\xc9\xbbqz\xcf\xa0m.\xf1\xa7\x98l\xc3^\x0f\xddy\xd5\xd5\xa4\xaeC4\xcc\x1e\xb8\xac\xfbA\xba\xdb\xd2\x7f\xde\x90\x07\xb6\x9a\x8e6\x96\xdc\xe1\xf3\xdc\x08\x19\x1c\xceI\x11\xa2\xd5E}6k\xd5W\xf1\xa8FnT\xe6\x03y\x98\x8b\xe0\xc3\xdcDR\x14_+\xbc[\xeb\x99\xdb\xe7Cy5\x88AM\x84\xbc1\x1dkN*(?\xb3q\xa6\xf8\xd9QL\xba\x9d\xae]\x9dQE\xf8\x80\xfc\xa3[\x8a\xa8\x04/\x85\xe1\xd3\xf0\xaf[+\x06"\xe1\xf4r\x02\x8d\x1c\x05\xf1\xe5\xc0I\xfaC\xd8\xff\x93\xcaA\xfd\x04\xe7Z\xe6\xef\xcc\xe5\xd8c\xdd\x87L\x8f\xd8U\xd3\xcalNL\xec\x0f\xef\x94\xe5[\xd0U\x83H\x06\x9b\xa4\x16}\x9d0\xbc\x05\xad\x14P\xec\x1d\xbd\x1e\xf7\xb6U,\x8d\xb9\xb2\xf7\xc7\x16\xd6\xb5\xde\x07\xf7\xe8m(\xc3Lwg\xd3\xee\xf7\x19Y\x14\xa8\x19\xa4\x02x\xb6\xf9b#\xc7\xf2Jn\xf4p\xd68\xa3\x14\xa3\xaa\xe2\x95PZ\x80(\x98bB\x856\xe8\x8d\x11\x1e\xa9\xf4\xc18\xb8\x1a\xfd\x00w\xbf\x1am~\xef\xb1S\xb1I\xde\xe2\xff\x8e\x14\xf1$\xb9\xab\xae$\x99\xfa\xb8\xdd\xa7m\x1a\xe6\xeb\'\xae\xaf\xd4\x7f\xfe\xddkm.\x7f.\x82)\xbd\x7f\xa9\xeb\x85h\xa9\x062\x85\xcf\x06\x19\x7f\xd0\xf5\xdb\xc3&lt;\xc3\x83\xf9%Bxj\x9a\xb7\xeb)\xa2\x82\x19/\x8bE\xa9\x0e\xb4d\xf0W\x14\xc54\xb0_\xed\xeb\x0b\xc9\x1f\x06]\xf6\xb7K\xbd\x7f\xa5\xd1\x1b&amp;\xe8\xce\x96\t\xba\xbbY\xf8\x93\x8dm!\xba\xf58Q\x11;\xb8\xe7\x897\x0b\x92C\x13?\xe9_hB\x89\xe4\x85\xcb\xa2\xfc\xfc\x17\x8c\xa3\x10\xbd\xbd\x01_\x9fa\xb5\xef&amp;\xc3\x97\x02\x08\xe1&amp;EYh\x112g\xe9\xfc\x03\x93\x8b\x0b\xa3E\xb0\x06G\x94\xc5\x08\xef\xaa\x0b\x1b\xe7\x08\xac\x95\x1dr^\xec-\x87\xa7\x8f \xe8\xdc\xc2O\x8f!e\x1a@\xda\th\xc8\x1f\x16\'\xd3\xc6\xc3\x0fa\\(7\xd3\r\x96\x06\x86\x9b\xcf\xfdL^R\xfeX\xd8CI\xec\xf1 \xc1\x95\x0f"!\xf8\x9e\xd6v\xae\xf3\xed^\xd8\x0c\x16\x8cP\xfbTmA\x06\xf2\x15\xe0B\xb6\x9d`\x8f\x00\xc7\x14\x93E\xa7^\x00\xd3i!&gt;\x8ex\xcc+e\x99\xc8U\xc8\xd80g,\x1e\x8bl\xe0b\x87P\x00\x92\xca\x9d\xd5/q\x1a\x8cw\x9bk\x95\xfd\xdf\xb1\xc7\xd4\xff\xe6\'\xf4\xf8K\xd1^R\xabV_\xe4\xbe\x1d\xb0\xa1{u\xe1\x81\xd18\xb5\xc3\xe9\xa4\x03\xcd\xd8\x02\xd7\x01\xda\x0f\xae&gt;\xcf\xbbW\xbb&amp;\xc2\xaf\x99G\x97*w_\xa6?\xa6\xdb\x9bU\xbc!\xacz\xc1\\\x9eh\xa7\xbd\xd1`W\xb0\x9c\x17\\\xa5\xf4\x08*j\x06\x97\xa5\x1d\xfd\x15+6\xbfH\xc2\x16\xd9\xa5*63\xbc\xd2\x86\xe8\xff\xa2(^\x89\x0f}\xa1\x8d\xf4;9r\xdd\xdc\n\xc6\xccp\xb4l:5\x1e\x95\xe5p\xfa\x15!C\x83\x1e\xdd\x08\x15\x0b\x02\x0f\xca\x90\xed\xef\re\xad{\xcb\r\xbb\xfd\xb1M\x94(\x9fQ\xdes\x92n~\xc9Q\xf30\x14#\xae7\x19\xe1\x8f\xcfL\x89\x9b\xf1\xab\xa4\xfe:\xb5\x9f\xa5\x9b \x87\x8a\x95r\xe4\xbc\xcb\x94\xc4t\xec:f\x8bb\xd4\x87\xf37\xf5\xe7A\x14\xf5\xb59\x0e \xe1R7l\xd94\xa6\xc4\xabC\xb7\xd0%\xee\xc5\xc3o=\x8d\xa2\xd4%&lt;\r\xd4x\xe9f\xd5\x0b\xbfd\x8f-\x16\xfb2&amp;a\x81@\xce\x85\xb2\xc0@\xc4oE\x1d\x13\xac\x9e*\xca/\xa1B\x89\xe6\x7f\xb7\xbd\xab\x1d\x8frC\xc3\x01\xbbW|n\x9e(\xe4\x97La\x1a\xe5\x91#\xa7-\x9fG\x812\xcd\xb9\x7f\xf1\xec\x13\xf8\x89b\xf5Q\xa6o\xecx\x8f\x88H\xe4\xd9p\x8e\xcdD\x9c\xc1&amp;\xd5\xb9\xc3\x9d\\\xde&amp;\xa0\x11\xe59\x82rv\xf3\x95\x87_\xf6\xc0AEZ\x0f\xa4\xc6\xc5\xac\xb26\x85\t(%\xafPdUUCK\x92\x1e\x07\x85Y\xf9\x1e\xcf\xbb\xdb}qZ\xa7\xeb\x12\xd2\xb1\xb8\x99+\xddW\xd8\x87X\x03\xe4j\x82\xec\x13\x1f\xcb\xfa\xa3\x98\xd1\xda\x12\x96\xf3\\\xf7\xf1i\x96S\xd8\xd5xPT\x84\xbd\'\x85\xa8\x90\xbe\xb4/5\x95\x06\xfe\x1e\xdf\',Pg\x04\xb4\xff\xc5cDl[\xdb\xab\x86[A-j\xac\xf9\xdb&lt;\x10g@\xbb\xec\x95\xf4\x9f,\xd7\x93zoo\x1c\xda6\xf9\xb3\tM\x9c\xa9\xeb\x02&amp;aGQB\xa1\xa8b\x95`\xfd\xfd+\xc7\x0e\x94\xddL\x9f\xe4\xb8,|\x86s\x8be-o8\xc2v\x88j\xd4Eh \x8e\xe17l@\x04M$\xac\x93\xf8\xa7\xd8\x85\xd5\xa9\xef+\x17\xa7D\x8c\xb6\xed\xcf\xf1\x84-\x9cp\xb9\xc7j\x9bxFfs\x97&gt;\x07uKR\x05X\xb1#\xdd\xc1\x94\xb8\xb9\x1d\xec\xac\xf9Fg4\x9b\xe68\xd3%d\xe1\xda\xa5\xbfc\xb9\x04\xe7&amp;\xf1\xd6\xaf.\x1b\xe8\xb4\xabi$R\xf4\xa5\xa7_\x10\x94\xf4\xbf0\xf4A=\xd8\xf2\xfb\x18\x95\x15\x84O%\xd4B\xee\xf6\x94 ]\xd4}\x12\x8b\x11\x90U\xd5\x11N\x86w\rQ;\xc2\xe9{\xb6\xd2\'o\n4&amp;9\x9e\x10\x8fO|\x08\xfai)\xac\xa9\x8dY9M\x9f\x02\xa5W\xaapr\xb6\x1cBV\x8a"\xb1C\xcbg9\x191c\x16\xf5R/\x85\x8a*\xfe\x89\x03\r\xa5\x17JJ7\xb5\x9atS\xc8\x11e\xd1\xb2\x05\xba\x0cav\xc6\x9a1\xe9\xc5(a\x8c\x84\x9c\xea\xf5kx\xa3\x88\x92\xbe0\xb0\xa5\xce\x1f.:?\x9e\xbbN\x01o\x18\x87:\x8cq\\\xa0\xbe\xe0`\xf9(\xd4\x85\xd5\xdb\xb0c\xcd2\xac\xa6\x83`5\xdf\x98j}\x98\xa6\x10GlA\xec\x8d\x9a\xee\xdd@\x96\xbeg,\xef\x83Z \xf9\x98\x8c \x1c(Nd\x80\xb4\x9c\xbf\xf5\xcf\xd1\x853Z\x90Q-\xe6'</t>
  </si>
  <si>
    <t>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</t>
  </si>
  <si>
    <t>b'\xec\xbb\x01\xcb\xc8\x8f\x1f\x13\xef@0+\n\xfaU\xd0'</t>
  </si>
  <si>
    <t>it would renew, she entered. The room was obscured by a
 melancholy shade; but through the open lattices, darkened by the
 hanging foliage of the vines, appeared the dusky landscape, the Garonne
 reflecting the evening light, and the west still glowing. A chair was placed
 near one of the balconies, as if some person had been sitting there, but
 the other furniture of the pavilion remained exactly as usual, and Emily
 thought it looked as if it had not once been moved since she set out for
 Italy. The silent and deserted air of the place added solemnity to her
 emotions, for she heard only the low whisper of the breeze, as it shook
 the leaves of the vines, and the very faint murmur of the Garonne.
 She seated herself in a chair, near the lattice, and yielded to the sadness
 of her heart, while she recollected the circumstances of her parting
 interview with Valancourt, on this spot. It was here too, that she had
 passed some of the happiest hours of her life with him, when her aunt
 677
 favoured the connection, for here she had often sat and worked, while he
 conversed, or read; and she now well remembered with what
 discriminating judgment, with what tempered energy, he used to repeat
 some of the sublimest passages of their favourite authors; how often he
 would pause to admire with her their excellence, and with what tender
 delight he would listen to her remarks, and correct her taste.
 'And is it possible,' said Emily, as these recollections returnedâ€”'is it
 possible, that a mind, so susceptible of whatever is grand and beautiful,
 could stoop to low pursuits, and be subdued by frivolous temptations?'
 She remembered how often she had seen the sudden tear start in his eye,
 and had heard his voice tremble with emotion, while he related any great
 or benevolent action, or repeated a sentiment of the same character.
 'And such a mind,' said she, 'such a heart, were to be sacrificed to the
 habits of a great city!'
 These recollections becoming too painful to be endured, she abruptly left
 the pavilion, and, anxious to escape from the memorials of her d</t>
  </si>
  <si>
    <t>b'L\x96r\x93k\xfe\xd8$\x04:#\xffv\xc5\x948\x8d\'\\e\t\xfb\xa4\xaf\xa3\x1fd:\n\x10\xeb\xa2N\x03s_\xda\x18\xe8\x12D\xe8\xc6q\xec\xd6-\xe6M\nzB\xf8\x95\x1c\xe25H\xc2\xb5Kp\xf9"'</t>
  </si>
  <si>
    <t>4c9672936bfed824043a23ff76c594388d275c6509fba4afa31f643a0a10eba24e03735fda18e81244e8c671ecd62de64d0a7a42f8951ce23548c2b54b70f922</t>
  </si>
  <si>
    <t>b'L\x96r\x93k\xfe\xd8$\x04:#\xffv\xc5\x948'</t>
  </si>
  <si>
    <t>io tower rises to height h above flat horizontal ground. At
  the top is a magnetic dipole antenna, of radius b, with its axis vertical. FM station
  KRUDbroadcasts from this antenna at (angular) frequency Ï‰, with a total radiated
  power P (thatâ€™s averaged, of course, over a full cycle). Neighbors have complained
  about problems they attribute to excessive radiation from the towerâ€”interference
  with their stereo systems, mechanical garage doors opening and closing mysteri
 ously, and a variety of suspicious medical problems. But the city engineer who
  measured the radiation level at the base of the tower found it to be well below the
  accepted standard. You have been hired by the Neighborhood Association to assess
  the engineerâ€™s report.
  (a) In terms of the variables given (not all of which may be relevant), find the
  formula for the intensity of the radiation at ground level, a distance R from the
  base of the tower. You may assume that b 
 c/Ï‰ h.[Note:Weareinterested
  only in the magnitude of the radiation, not in its directionâ€”when measurements
  are taken, the detector will be aimed directly at the antenna.]
  (b) Howfar from the base of the tower should the engineer have made the measure
 ment? What is the formula for the intensity at this location?
  (c) KRUDâ€™s actual power output is 35 kilowatts, its frequency is 90 MHz, the
  antennaâ€™s radius is 6 cm, and the height of the tower is 200 m. The cityâ€™s radio
 emission limit is 200 microwatts/cm2. Is KRUD in compliance?
  !
  Problem 11.24 As a model for electric quadrupole radiation, consider two oppo
 sitely oriented oscillating electric dipoles, separated by a distance d,asshownin
  Fig. 11.19. Use the results of Sect. 11.1.2 for the potentials of each dipole, but note
  that they are not located at the origin. Keeping only the terms of first order in d:
 498
  Chapter 11 Radiation
  z
  P
  +p0 cos Ï‰t
  d
  âˆ’p0 cos Ï‰t
  r+
  r
  Î¸
  râˆ’
  FIGURE11.19
  (a) Find the scalar and vector potentials.
  (b) Find the electric and magnetic fields.
  y
  (c) Find the Poynting vector and the power radiated. Sketch the intensity profile as
  a function of Î¸.</t>
  </si>
  <si>
    <t>b"\xcc,\xf8'\x1b\xf3)\xcd6\xe1\x12\x98\xa1\xbcW9\x87\xdc'\x8e\x1f\xc8\xdd\x9a\x83\x97\x00f@\x08r\xc4"</t>
  </si>
  <si>
    <t>cc2cf8271bf329cd36e11298a1bc573987dc278e1fc8dd9a83970066400872c4</t>
  </si>
  <si>
    <t>b"\xcc,\xf8'\x1b\xf3)\xcd6\xe1\x12\x98\xa1\xbcW9"</t>
  </si>
  <si>
    <t>remember when one was caught in
 the storm of a great trouble, and Sara forgot her.
 It had been all the easier to forget her because she had been suddenly
 called home for a few weeks. When she came back she did not see Sara
 for a day or two, and when she met her for the first time she encountered
 her coming down a corridor with her arms full of garments which were
 to be taken downstairs to be mended. Sara herself had already been
 taught to mend them. She looked pale and unlike herself, and she was
 attired in the queer, outgrown frock whose shortness showed so much
 thin black leg.
 Ermengarde was too slow a girl to be equal to such a situation. She could
 not think of anything to say. She knew what had happened, but,
 somehow, she had never imagined Sara could look like thisâ€”so odd and
 poor and almost like a servant. It made her quite miserable, and she
 could do nothing but break into a short hysterical laugh and exclaimâ€”
 aimlessly and as if without any meaning, "Oh, Sara, is that you?"
 "Yes," answered Sara, and suddenly a strange thought passed through
 her mind and made her face flush. She held the pile of garments in her
 arms, and her chin rested upon the top of it to keep it steady. Something
 74
 in the look of her straight-gazing eyes made Ermengarde lose her wits
 still more. She felt as if Sara had changed into a new kind of girl, and she
 had never known her before. Perhaps it was because she had suddenly
 grown poor and had to mend things and work like Becky.
 "Oh," she stammered. "Howâ€”how are you?"
 "I don't know," Sara replied. "How are you?"
 "I'mâ€”I'm quite well," said Ermengarde, overwhelmed with shyness.
 Then spasmodically she thought of something to say which seemed more
 intimate. "Are youâ€”are you very unhappy?" she said in a rush.
 Then Sara was guilty of an injustice. Just at that moment her torn heart
 swelled within her, and she felt that if anyone was as stupid as that, one
 had better get away from her.
 "What do you think?" she said. "Do you think I am very happy?" And she
 marched past her without another word.
 In course of time she realized that if her wretchedness had not made her
 forget things, she would have known that poor, dull Ermengarde was not
 to be blamed for her unready, awkward ways. She was always awkward,
 and the more she felt, the more stupid she was given to being.
 But the sudden thought which had flashed upon her had made her oversensitive.
 "She is like the others," she had thought. "She does not really want to
 talk to me. She knows no one does."
 So for several weeks a barrier stood between them. When they met by
 chance Sara looked the other way, and Ermengarde felt too stiff and
 embarrassed to speak. Sometimes they nodded to each other in passing,
 but there were times when they did not even exchange a greeting.
 "If she would rather not talk to me," Sara thought, "I will keep out of her
 way. Miss Minchin makes that easy enough."
 Miss Minchin made it so easy that at last they scarcely saw each other at
 all. At that time it was noticed that Ermengarde was more stupid than
 ever, and that she looked listless and unhappy. She used to sit in the
 75
 window-seat, huddled in a heap, and stare out of the window without
 speaking. Once Jessie, who was passing, stopped to look at her curiously.
 "What are you crying for, Ermengarde?" she asked.
 "I'm not crying," answered Ermengarde, in a muffled, unsteady voice.
 "You are," said Jessie. "A great big tear just rolled down the bridge of
 your nose and dropped off at the end of it. And there goes another."
 "Well," said Ermengarde, "I'm miserableâ€”and no one need interfere."
 And she turned her plump back and took out her handkerchief and
 boldly hid her face in it.
 That night, when Sara went to her attic, she was later than usual. She
 had been kept at work until after the hour at</t>
  </si>
  <si>
    <t>b'9\x81\x95J\xacG]\x87'</t>
  </si>
  <si>
    <t>3981954aac475d87</t>
  </si>
  <si>
    <t>eave home?â€
 â€œYes,â€ returned Phileas Fogg. â€œWe are going round the world.â€
 Passepartout opened wide his eyes, raised his eyebrows, held
 up his hands, and seemed about to collapse, so overcome was
 he with stupefied astonishment.
 â€œRound the world!â€ he murmured.
 â€œIn eighty days,â€ responded Mr. Fogg. â€œSo we havenâ€™t a moment
 to lose.â€
 â€œBut the trunks?â€ gasped Passepartout, unconsciously swaying
 his head from right to left.
 â€œWeâ€™ll have no trunks; only a carpet-bag, with two shirts and
 three pairs of stockings for me, and the same for you. Weâ€™ll buy
 our clothes on the way. Bring down my mackintosh and
 travelling-cloak, and some stout shoes, though we shall do little
 walking. Make haste!â€
 Passepartout tried to reply, but could not. He went out,
 mounted to his own room, fell into a chair, and muttered:
 â€œThatâ€™s good, that is! And I, who wanted to remain quiet!â€
 28
 He mechanically set about making the preparations for
 departure. Around the world in eighty days! Was his master a
 fool! Was this a joke,</t>
  </si>
  <si>
    <t>b'+\x9b\x1d\xd0\x8c\xe7Zd^\xe7K\x07\xd1\xa3&lt;\xc5\xd3\xdc"\xce\xf6\xdb\xeb]\x0fg\xd1"\xc2\\\xa8\xa7'</t>
  </si>
  <si>
    <t>2b9b1dd08ce75a645ee74b07d1a33cc5d3dc22cef6dbeb5d0f67d122c25ca8a7</t>
  </si>
  <si>
    <t>b'+\x9b\x1d\xd0\x8c\xe7Zd^\xe7K\x07\xd1\xa3&lt;\xc5'</t>
  </si>
  <si>
    <t>unition and four loaded muskets were laid ready to the hand of the 
 defenders. In the middle, the cutlasses lay ranged. 
 "Toss out the fire," said the captain;</t>
  </si>
  <si>
    <t>b'\x7f\x8f\x0f\xb2\xfe\xf0\n\xcd\x82L\xd1x\x1c\x12\xbeR\x94\xb1K\xd0\x19^\xa8u\x81\xf3f\x19\xf2\x86\xa6Cf:\x87\xfcL\xedTZ\xdad\xc0"J\x02\x9c\x02$\x1aY\x0c\x80\xdb\x89A\xa9t\xedxDP\xbf\xcb\xd8(}o\x0fD\xafJ\x9f\x15\xb9\x19\xfb\xbdu\x9e\x81u\xe5m#\xabo\xf9\xd5\xe9z\xdeM\x94\xb8\xe5b\xe5\xd7\x18RVqRM\xe0\x8c\x07Y\x00\x87\xf50\x8e\xb4D\xb2jN\xb3\xa4\xf7\x99\x05\n\x85\x1e\x0f\xeb\xf6\xb9\x18d\xad8\xdc\x03o\xc4\xc6\x97sB\x1f\x7f?$\x1e\x11\xb6;\x94(\x99\xad\x93\x15\x81\xd0\xf8\xd9"\xf2\x1c\xce\xbc\x91\xdd\x97\x1e\x13D\xadI\x05\x00~\xdb\xb3|\xcc\xa7\xe3\xf6Pacm\x9b\x9b\xce\tk&lt;\x01\x81\x87\x7f\x8dC\xe6\nFd`\xbc/D\xa10\xc2b\xad\x93g]\x1a\xd64w\x80\x03\xe9\x9b\xe27CI\x9e+\xcb\xa3v7\n\xe8\xb1K\xdfg\xb7\xf0\x07\xb9\xbaG\x1f\xd2\xb2\x0b\n\x97\xfe{1co\xcd\xb87\x11\xcf\x00\xe9\x12\x05&gt;\xe9\x01\xddq\x1f\x04&lt;\x02U\xbe\x80\xd6\xd7\xeb\x91\x9a06z\xa1\x87\xdb\r\xa3"\xb6\xacM)\x03Teai\xbd\xb1\xe7\rr\x1f\x96\x0cF(h\xd4\xa4%\x03NU&amp;q7\xf6\xd6[D\xd8\x7f\xcf\xbdK0\x04\x80\xba\xdd\xbb\xcc\x04\xa4\xd2\xd2N\xff8z\xaf?09\xb3|\xeb\x01\'\x82\xab\xa5\x9b\x1a\xf8\x11\x0e\xc5\xf4\x01\xb7\xbc\xc0\xddn\xec\xa8\x18\xb0\x8f\xd8n\x01jD\xbfV\x8b\x8c\xf5\x13\x06\xacr\xd1\x06]ym\xaaz\x84\'VAH\xd9\xec\xa3\xb1\x8aR\xb3\xf0\x88\xde\x11#\x8a\x12[x\xa6\xb9\xd5`-t\x9c\xc9K\xdb\xb7y\x01\x92\x95\xc7F\xc4|\tFb\xbd\x1c\xe3W\x08St1\x0b\xf7M\x15\x05u\xc8VH\xc4\xba ^\xa4\x11\xd4p\xb6\xc2\xcc\xfa\xe9\xfc)\xae\xa3\x14\xf8\xa9[\xfc\x19;9}\x9a\xcev\xd9g\r\xe3\xb2n\x15\xc0\xf2\x95\x07&amp;\xd7gzi\x8d.\x9d\xe9\tA\x8f2[\x9a\xee'</t>
  </si>
  <si>
    <t>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</t>
  </si>
  <si>
    <t>b'\x7f\x8f\x0f\xb2\xfe\xf0\n\xcd\x82L\xd1x\x1c\x12\xbeR'</t>
  </si>
  <si>
    <t>et into it?" and he clutched her hands and dragged her toward
him.
"Of course you'll see it!" snapped Mary indignantly. "Of course you'll live
to get into it! Don't be silly!"
And she was so un-hysterical and natural and childish that she brought him
to his senses and he began to laugh at himself and a few minutes afterward she
was sitting on her stool again telling him not what she imagined the secret
garden to be like but what it really was, and Colin's aches and tiredness were
forgotten and he was listening enraptured.
"It is just what you thought it would be," he said at last. "It sounds just as if
you had really seen it. You know I said that when you told me first."
Mary hesitated about two minutes and then boldly spoke the truth.
"I had seen itâ€”and I had been in," she said. "I found the key and got in
weeks ago. But I daren't tell youâ€”I daren't because I was so afraid I couldn't
trust youâ€”for sure!"
CHAPTER XIX
"IT HAS COME!"
Of course Dr. Craven had been sent for the morning after Colin had had his
tantrum. He was always sent for at once when such a thing occurred and he
always found, when he arrived, a white shaken boy lying on his bed, sulky and
still so hysterical that he was ready to break into fresh sobbing at the least
word. In fact, Dr. Craven dreaded and detested the difficulties of these visits.
On this occasion he was away from Misselthwaite Manor until afternoon.
"How is he?" he asked Mrs. Medlock rather irritably when he arrived. "He
will break a blood-vessel in one of those fits some day. The boy is half insane
with hysteria and self-indulgence."
"Well, sir," answered Mrs. Medlock, "you'll scarcely believe your eyes
when you see him. That plain sour-faced child that's almost as bad as himself
has just bewitched him. How she's done it there's no telling. The Lord knows
she's nothing to look at and you scarcely ever hear her speak, but she did what
none of us dare do. She just flew at him like a little cat last night, and stamped
her feet and ordered him to stop screaming, and somehow she startled him so
that he actually did stop, and this afternoonâ€”well just come up and see, sir.
It's past crediting."
The scene which Dr. Craven beheld when he entered his patient's room
was indeed rather astonishing to him. As Mrs. Medlock opened the door he
heard laughing and chattering. Colin was on his sofa in his dressing-gown and
he was sitting up quite straight looking at a picture in one of the garden books
and talking to the plain child who at that moment could scarcely be called
plain at all because her face was so glowing with enjoyment.
"Those long spires of blue onesâ€”we'll have a lot of those," Colin was
announcing. "They're called Del-phin-iums."
"Dickon says they're larkspurs made big and grand," cried Mistress Mary.
"There are clumps there already."
Then they saw Dr. Craven and stopped. Mary became quite still and Colin
looked fretful.
"I am sorry to hear you were ill last night, my boy," Dr. Craven said a trifle
nervously. He was rather a nervous man.
"I'm better nowâ€”much better," Colin answered, rather like a Rajah. "I'm
going out in my chair in a day or two if it is fine. I want some fresh air."
Dr. Craven sat down by him and felt his pulse and looked at him curiously.
"It must be a very fine day," he said, "and you must be very careful not to
tire yourself."
"Fresh air won't tire me," said the young Rajah.
As there had been occasions when this same young gentleman had
shrieked aloud with rage and had insisted that fresh air would give him cold
and kill him, it is not to be wondered at that his doctor felt somewhat startled.
"I thought you did not like fresh air," he</t>
  </si>
  <si>
    <t>b'\xfc\xca\xbc,\xbf\xb1\\%\xd65\xa8\x1e\xd6/F\xb9\x1eR\xdcC.\xce\xd2\x14\xf4i\xb7\xd9\xe2\xde\xd3qk\xd8\xc0\xa11\xd3\xef\xe9|\x9b\xe0\x91\xd0~-T\xf2\xa8g\xa2\xf2\x9f\xa6\\\x99nY\xa3\x90\xd4\xba{\xb1\xfcQP\xf7Dp\xd4d\xd6pp\xc1\xd9\x9cI\xad\xd8\x1a\xb4[\xc1a~Y\xa8F\xb2\x1d\x9e\x92\t1\x9c\x9e\xc9]\x8d\xff\xe6\x17O\xcb\xa0\x98\xb7M\xfa\x93\x80\x12\x88\xe8\x95\xf3\x15\xa6cGWr5\xad\x04\xa1\xc1HZ4\xf7\t!\xac\x83#4\xbc\n`{T\xce&amp;7^\xc5\x83\xc40\x9b\x15\xb6\xae]\xb2\xc4\xaf(\xb1I\xa7o\xce\xc7\xef\xc0n\xf93\xfd\x0cQ\x86\xaa\x0f \x80\xf8F&lt;\x88\xf5{\xdfG\xbc\x1dD\xea\x90\xc1h\x07"\xd9\xfb\x8c;\xf4\xf8v&amp;\xd6s\xbc_\x10\x126\x02\xe5\x00C]_\xbe8\xbfP\x08\xdf\'\xbb}\xfb\x8f\x14;4\xf0\xa3J\xcc\r\x93T\x89k\x91:\xc19\xaf\x9f\xaa\x02\x15yd|+\xde\xbe+\x97\xfd\xe6h\x05-\xd0\x93\xc4\xcd\xde\x9e\xbe\xae\xf3\xed\xe0\x17\x1d\xf4s\xd7o?\x11\'\x92O\x91\xfc\xae\xa9\x87+\x98\x1e\x8d\x88`\xc7\xfeGX9\x1fd\xb7WN\x185\xf8N\xa4\x90\x9a\x8c\xf0\xf0\xd1lcm\xfb?\xcc\xa6:("\xdbn\xb22{\x01\x80)\xf8\xb1z\xe0\x0f\x18\t\x91\x90\xf7\xb4\x85\xde\xe6\x95H[\\\x82s\xc2\xc8\xa9\xd6\x05\xc8\x12p\x12\x10`\xa1\xee\xf8\xab\xb6}\xac\x1c\xffS\xe9\x90\xc2\xd6\x94\xe0\x98\xec\x95,@\x05q \x92\xf8\xed\x156n\xc5o\xf4\x95\x84=&amp;\x02a\xe4\xb8P\xea\xe9\xe7C\xf7\xa8\xc8|G\x10\xe3\xc4\xce`\xe0\x8a\x81\x9b\r\x0f7\xa1[\xb1^\xa2.\x99\xfb\x1b\xe4\xb5\xc4D?\xc8\x01\\_\xd7!\xc0\xc9\xab\x7f?\x0c\x89Q\xe2\x11\x7f:]\xd5\x81)\xa3]\x95\xdbI\xb9l\xf5\x80\x7f\x0bW\x96D\xa7\x06`j2\x87\xca\xad\x0fu\x14;\xbak\x7f\xed\xc2\xe1B\x16\xc2\xe0\xce\x9c\x86\xf1\xe0\xa0\x81Cl\xd4C*\x90\x7f3!&gt;1Y\xf4\xae\x91B\xb2r\x05\x0c\\\xd3\xfc-\xf4S\xce\xa1L\x18i\xc8\x86\xdd}\xb3_\\\xe6\xe4&lt;+\x13u\xf0+;\x17\xc303\xa3sN+\xab\xa4Q\xd0\x05\xdaoX\x87LF\x1d\x0cC\xf0\x85}\td\x08\x81\xcfrn\xfe\xfd\x8f\xbc\x05;N] US[\xf6.p3\xfap\xba\x00\xb4\x1b\xe0\x16\x85\xdf\xd1\xf1\x18\xb8\x85X\xfd\x0fo\xe7\xb6\xf1\xcd\x1f{P==i\xf6k\x1d\x07\xfd^\x1b\xf57\xf8m\xadC7/\xae\xdc\x8d\xb7\x98\x89N\xd3\x94I\xc0\xebk\x0c\x0c8\xb0%l\xd0&amp;\x94\x90D\xb6\xe2\xe7\xeb\xea\xd4M\x83+*5\x05b\xb5\xe9A\x96\xa4\xcf\n\x9c\x86\x15,1\x9f\xd1dS`\x83\x10\x80\xbe\xc3\xee\x0c\xe9\xe8?G~\xe6\xf1\xc6|\xf19\xf1\xbe\x80u{\x92\x82\x0f\x82\xfa\xdd#\x03\x05\x99\n.\x11%\xa8\x07O\n\x1d"\xc4-B\xec\xd2@\x02\x8f\xd1uF\x06\xcc\x1eNl\x06\xd4{\xc5\x11?\xae\xd2\\\x19\x8aR\xff\xbfh\xff\x95\xee\x91N\xb4\xb2|\x8f-Ur&lt;d?\xdavG#\x98\xdcU\x18&gt;\xc7u+\xdeI\xee\xddEA&gt;\x98\x9e_Ov\xb2ek\x85\x9a\x14\x89(\x8a\xfd\xf61\xcb\xb8u\xc3A|\xb0\'\xc1A-\x11\x01V3o_,w\xady\xc4\x94"\x90&gt;\x82kjx\x1d\xe6\x1d-\x04#{\xe9\xfd\x04\xd6%^\x16\x12W\xbf\xbc\xabe\xc4k&lt;\x92MO\xb5\x87\xf2\xd9\xb42w \xae\x7f\x11\xbc\xeb\xb1\x10s\x16\xcb\xb7\x81\xb9\x1fT\xd5.g%\xc3\xe2\x82-\xf3p&amp;_\xb6\xff\xd3vD1\xce\x89\x8d\xd1x\x8d\xb2N\x15(\x8e\x16Ey\x0b\xd1\x82""\x17\xa0\xb8\xcd\x16\xfa\x1c\xc0i\xec4\xfe*\x93*km\xb8\xdb\xddB\xe1\x17\xda@\xfe\xa9A\x82\xa2XY\\\xcb\rk\n\t\xa1\x13aQ\x12\x08Y\x0cyd&gt;\xe4p0\x16a\xe1\x02\xf9\x16\xb9U\x15p\n\xa8i\xc13\xda1s\xeeE&lt;[\xc1\x95\r~\x8b\xb1*\x8a=\xf3_\xa2yk\x82o"\xb1\xc4\xb9T\xdd\xa0\xee\xd1\xa1\xbb\xbb\xbcmFW\x1b\x9a\x9d\x820\x90\xce\x97\xc3X\x16\xdf\xbb\xec\x1b-Y\x1d)\xfa\xc7\x9a\xf2\x90$\xc4\xba\xc5\x80\x92\xbc\x87FQr\xe5\xf17P&amp;H\xc1\xbaWE\x82\xa20\xf0\xd5\x13\x81\xad\x81!\x8c\xac9Bd\x18\x95\xf2\x0c\xae\x8d\xe8\x89yW\x034\xf18\xf7\xef\xba\xe1h\xa8\xa1\xca\tBA\x1av\xde\xe6C\x80\xe6w"@i1\xdd1\xe8X\xad\xb5A\x96\xa7\x14\x03\x8fx\x89e\xeda\xbe\x01\xc9W\x9a\x96&amp;\xc4\xa1\x94\x10 \xbaG\xf5K\x16\x1b(e\t\x7f!\xe0\xdc4\rd\xa4\x84\xd8$\xc9m\xd1D)P^i$\xb1M\xc8\xee\xa9\xa6\x10\xa8\xf6\xf8\n\xc1\xc8\x134\x08\x85\x13:\x98\xa6\xc3\xbe\xa4\x04$\x98\x95T\xfd\x10\x94T\xb5qPb\xe5g\xfeJ\xfe#\x94\xe3\x84+\xd5\xea\x9f(\xe3\xeeM&gt;\x07\x06V\xe3\xc2\x1b\xc8\xe2\x9bD4\x93\xa7\xda\xab\xf3\xa1q\xde\x90v|r#\xff\xaa[\xd9\x9f.XX\xaa\x02\x14\xdc\xb2T\'\xb3O\xbf \x96.\xf3\x14\xe9\x1f\xedZ9A\x9eON{\xea{e?\xbe\x8e*\xee\xbf\xed\xfa\xfe&lt;A\x9d\'40\xeb\x9e\xbf=w\xaa\xfb\x180h\x7f\xb3\x96\xc2.A\xf9&gt;\xc0ja#\xc0r\x8c\x98\xa2\xbf9\xf8\x9e\x91\xc9\x8f\x02\xb0\xf9+\xd3\xd4A\xbe!\xc6\\\x80\xdc)\xa0r\xd1&amp;\x1f_s\xe1p_Ax:\xa7q\tg0J\xe41\x1d.0\xb0\x0f\xf6$\xd7\x9a\xecd\xbd2z\x12\xf1Z\xcd\t7\r\xdby\xfe\xbbf^\x90\'\xbdS\n@\x89m\xdb8\xbb\x8d.?\xc5\xeb\\v\xee!8v\xbe\x06\xc9\xf0\xde\xf2OO\xb6\r\xf1\x06\xc5\xfe\x17%\xbcpsf\xe2\xdd\x81\x97\x9eu\xfaf\x8f\xb3bG]\xb2I\x7f\xf8\xb8\xaf\x87\xbb\x8eY\rW\x02\x05u\xe8\x93C{\x80f&lt;5\x81\x0c\xa0\xf4\x0f\xd2$T\xdb\x0c?\xda:\x91\x9c\x8f\n\x81E\xd7\xfc\x90\xb2=\x95\x7f3\x93\x1c\xf8\xda\x90(\xa1\x98\x066\x8d\x87\x96\xa2\xc7O\x85\xf2\xa5$\xacvr\x86\x93\xf0\x04\x90\x9a5\xdd;\xc1\xa1&lt;+\xf7\xd3\xfd\xa8\xed\xc5\xe4\x11\t\x14x\xc1\x86\xa9\xd6.\xc5\xc8\xd1W\x1e\xb6\n)\xd4Z\r\xe2\xb6\xfc\x96|\x98\xfb\x8c.\x81\xb0xN\x03\r\xeb\x0e ZE?P7(\x07&lt;\xa98$T]\x01\xca\x91R\xec\x86\x7f_"\xa1u \xf0h\xd1xI\x8c\xd3\x06h\x19\xc1&amp;\xc4\xba\xc5z\x94)\xed\x90\xb1&gt;\x98\xea{\xab\xc0I\x1c\xdfCq\xca\xbb%\x82\x80l\xd7\x16@\x17?k-g\xde\'\xf1h\xb5\xfd\x0f\xad\xd5\x93\x15\x12\xe9z\x10\xa2\t"t@PG\xc7P\xd7\xc3\x1d\xa5-_\xc3K\x18\x8e"m\xbbN\x90\xa8\xd4{\x05G\xe1\xfa\xbdU\xfa\x85\xce\x9b0V\x13\xbb+\xaaY2_\xef\x87\x80\x00e\xf2\xb2D\x86\x01\xb82\xd2\xae\x07\x89)~\xe8\xa2\xf4\xbc\xffGj\x90Z\x0fYK\xc4\x81\x98\x96\n\xa4\x9c\xd1&gt;\xfbQ\xee\xc9\x17`\x05O\xe9O\xff+\xf0\\\x8d}EV\n\x92\xe3\xd4\x94&amp;\x8f\xa8\xbc\x13\xf3dU\xc0\xc4R]\xcfi\x17\xaeo\xfd\x84\xee\x83\xe7\xfd\x9b\xed\xab)O\xd4&amp;\x05IGK\x1eZ\xce\x87\x9d\xdaa\xbc\x02\x94\x8d\xc7\'\r\x86\xa6t\xa8\xa1\xd1\x88\xd8$\xdf\x0e\xce&amp;\xf9\xe2\x0e\xc3\xc5I&amp;SWmw-\x9a\x07_\xcd\x95\xa5\x0b\xdcI\xa2\xf6\xb4\xad\x1e\xa0\xd14t\xb6;\x1cU\xe2\xf7\t\x10M\xc3Z\x88y\xb61\x0b\xea\x98\xc3[[\xedo\xa6\xfdR\xca\xee-D\x04\x98\x14D;j;y\xb9I\xc82\'P6\x14\x04\x8c\x00\xc3B\xbap\xc1\x17\xbe\xde\xdcmfq\xdc\xceB\x02\xb7\xcd$s\xd9{n\x85t,\x15\xfd\xaa\x01\xa6,Dx]h\x8ej\xbfU\xf52\x9c\x9drn\xe5\xd5\xf8K\x0e\x86G\x7f\x1b\xd4\xcc\xef*N\r\x92\xbdz\xfe\xf2\xe3\x9f6\x81\xe0}\x08\xf6b\xeb\xb2\x90\x9a\xf1U\\)i\xb9\xda\x93\xe9x\x93\xa2\x04h\xac\x13\x94Q\x17Di"\xc8\x8e\xde\x9bB\x18-\xb5X\xd0\xcdF\xc8\x1f\x96\xee[\x8a\xc3\xd3\xf7Y\x10\x16\xa2\x19\xf1\xdc=6f%\x08\x98)l\x1aF5\x81\x9c0\xc45r\xe7\xf1g\x05\x94j\xd6\xc7a\xb5\x82D\xca\xd0DG\xdbsN\xaa\x07\x05\xd8\xbf\xe6\xa4\xfa\x00\xc4\xa5@8\x9d\x91\x11\x1b\x83\xc0[(\xe7\xfb\x8e\x1f\xdf\xa7\x1d\xac\xae\xa0s\x89\x9b\xbd&lt;\xd2&lt;\x03\x03\x0c\x7fe\x13n?f\n\xfa`\xe9\x96\x10\xab\x92\x93Y,\x90\xa8\xcf\xb3x(\x91\xe4\x07.j\xce\x9ew@\x0c\xa0\xd5\x7f\xc6\xc8O\xbf\xb1\xd4\\&lt;30#v\xd4z\xa1\t\xe39l\xe6Qqy\x97\xbdb\x99\xae\x90\xa1\x81\xa6\xca\xf5\xcb\x00W\xb7\xf6K\xf7v\x12\x0eh\xc2\x16f\xa5\xda\xe0i\xb9\x0cx+\x1c\xad\xb8\xe6\x13\xde\xbck\xb8\x17\x01\x9b\x10\xd0\xb4\xdds\xc8\xcb\xf9\x9cT\x01\x1a\xe0\x11 (V\xb2\xf3\x10n\xb46W\xfbo3\xbe\x0b\xb8P\x8ex\x16\x12\x9b\x1bEE\xf7\x05#\xbey\x02""a\xd8q3\xc4\xc1\xa1\x9d\xefbZ\xb0\n\x0f\xd1\xd5\xd5;#\xb5C\xc7\xf0K#_\xae ^\xcb\xef\xbess*\x89\x90\xcf\x98\x07`\xcaI ?+\xe9,\x08\x03\x89\t\xe2\xc6\xa3Q\xbc\x14\x04\x9c\x8e\x9a\x856\xd18U\x0e\xaf\x89D\xe1\xa1\x8a\x072\xff&gt;"\xf0C\xdcE\xb2\xe3P)\x94\x19n\xb9\xaf\x13\xf6\x82\r\x7f5\x94\xf4\x91\xc8%I"\xd2li\xe1\x0bQ\xad\x91IQ\xfa_\x85\x7fy\x90\x96\xd0\xc6K{\xe0n\xb62\xc2\xd68\x94L\x8d\xaf\xd1y\x98\xa7F\xd9\x9f\xed,\x85\x9f\x10\xac\xe5\xa8\xa6y\xa5\x8dT\x18p\x90vf=\xa2\xc5\xddN\t\x97\x9b\x12\x1b\xf1*\xa3\xc8\xa5\xd8\x84\xf0\x17z,\xa3\x8c\x1d?\xf7\xff\xc3\xba\x0f\xd8\xad\xdcB\xb2&lt;\xbc.\xfdD\xea\xd3\x1a\xffRY\xec\xd3kUk\x1b[\xb3T\xe6\x04\x9d\xa4\x9d\x9e\x07\xee\xf7\x87+\xa1\x9b\xf2c\x86\xa1\x8b\x99\x8a\x18\x13qd\xeb\x0c\xeejz\x9e\x90 r\xef\xac8;k@\x9bi&amp;h\x10\xcc\xebq.Z~e/\x04ah\xd6n\xf0\x94\xfdk9R5\x12\x8a\x98\xe9\x02\xc6\x06\x0eO\x0f\xd1C\xe7\x92i\x0b\xeb\x822\x1b\x9f\x13 6=O\x95\x9d\t\xee\xdbi\xe3|i\x90e&amp;,I\x08\xe4\x81~\xa5\x83a\xc5\xb8\x9af\xf9\x0b\xf6\x13\x9a\xbe\xa1\x93\xd8\xc5O\t\xda`2\xe1\x93B\xf8\xea\x17\x1f&amp;\xc7\xb0h&gt;\xbf;\x04\x9a\x9cB\xbd\xa6\x08*\x86Y\xdak\n\x04\x90\xa7N9\xac\xb6{\x128`\x139w}\xdcdHy\x17W\x007\xec\x0fp\x91\xf2\xd9\xd1W\xf4~\xeaBh\x89\xed\x13\xc4\xc6\x7f\xe5\'\xb1\xca\r\xf9T\xf1y\xed\xd9\x8b\xf2\xc7\xe0\x93 \x18OL\x87\x03\xb9Sc9\xfd\xb9P\xfd\xaa\xb6c\x10|\xff\x133N\xd2\xa8\x7f\xda\xf6\xcb\x05K\x8co\x8bI\x9b\xea\xf9\xdf\x8bO\x1eu;\xa9r\r\xb8\xc6\x8b\x9a\xb4\xf8$\xd7#\xbf\x1c\x86\x9be\xc9\xccG-\xafz?\xa3\x13\xda(\xf3\xd0\x17\x96\x03\x01\xe6C\xf4\x0e{t\xfb*\n\xcb,\x83\xba\xaa@\xef\xd6\x11\x1b\xa0\x9f\xc4\xf3\xeb\xfcMD\xb3\x865\xdbq*\xbc\x8e\xf9\xbdL|\xe6\x0ecu\xb3\x1f\xa8K\xb7\x1c\x8d\xfd\x89C^\xd1\x16\xd0\xf7yz\x0bf\xbe@\x95\x87\xbe\xbe8c1o\xc3\x0ck\xf7\xb3\x8eE\xe3\x11\xaey\xc8Y&amp;\x9f?\x86\xb5\xdd\x94\x14v3l\xeepS\x99\x0fG\xbb(\x08\xa2\xe4*\x19"\x14\xa1\xca\xa7~;.\xe6l\xe1v\x81\xab\x96\xec\x93\x19,W\xd6\xfcS\xc4#_\x0e\x99\x17\xf7\x1c\x84%!\xf0\xd5P\xdc\x02\xb6{g\xdb\xff\xd7\xdb2@\xd2I\xa6\x7f\xd4a\x9e\tz\x05[\xf9*N\x07\x079Y\xf3\x9a3b\x96+\xc2\xb6A\xe8\x02\xe6\xbe\xaaN\x89\rH\xa7\xd5L_\xea\xa5$\n\xc1U\xd5\xcd~-%\xef\xc9;O\t\xd7I\xed\xbbk&amp;/\x1c\xf3\xbcj\xd0\xe2\xad\x1c\x90\x10\xcd_\x99(\x1c\x89\x15^\x81\xf5*E"\x17\x13\x9c\x81\x04\xef\x1eM\xc7\x91\x0f\r\x8d\xd2\xea\xfa9p\xaay\xaaY\x02\xb1X3\xaf\xd3\xcd\xb8\xb2\x10a\x87\x02\xe6\xb0n;:\xd5\xaa\xbf\x86\xed\xe0\xa18\xf1\xb7\xc8\x84H\xcfS\x98\xc1Hr\xd23\x0e\x19]S\xb32\xb5\xe8\x90\xd0M\x91\x96\xcb\xaa\xd2\xdf\xc2YB\xdbl\xbfW\xdf\xff\x01\xed\\\xee\xe4\xbb\x12Q\x10\xf3\x00\\\xde\xcb\xe4\x9dM\xa6\xf2\xff4#0\x8e\x84\x9a\xae\tS\x9f\xe50|\xa0Y\xa5\xbf\xe2\x0c\xd3\x94\xcf\x11\x9fY\x03;q\x95^\x0f\xed\x89\xf7\x8d\x96,\x8d\xd42\x1e\xabu\x84e\x08\xd6\x15\x06$w\x16e!\xbb\xea\xe4\x8d9\xb2\xb0\x08_x\x8d\x0b\xa3KX\x1f\xd7\xd1\xd1\x866x\xfe\xa5\x7ff\x0b\x11\x8f\xdcx,\xccku\x0f\xfc\x9f\x16\xae`oKp\x97\\\xb77\x1b\xd2\xd1\xbb\xd5CV\x02\xf9\x9e\xc6\xdbm\x17\xd2\xceL\xa5\xf5\x80$\x97\xb1O\xab\xb3\xb0^lQ\xd0\xb2\x02\xd2\x8f\x06\xc7)\xcb\xf4na\xaeu\xba2\xc7T\x8f\xa3\xd3,\xdb\\CY\x1b\x1d\xc7\x8f\xb4M\xce&gt;\xe6\x1fG\x1bb\x8cW\xc0\x94\xfe)2\x1f\xbb\x12\xeb\x92\xacw\xc6\xa4$z}\xcey\x8e\x19t\x10\xf1^n\x9f\xb7\x87!s\xa3\xe3\xe9n\x19\x80\xd3\xe1\xb8}\xdbW\xd1\xe0\xafQ\xcb\xc0\xf3\xf86,\xbe`\x19\xf1u\x07js\xdc~i\xf6wo\x84, \xa0\xb4=\xf0\x82\xf0S\xea\xa7b\x8d2J0\xafhFN\x94S\x8a~F\xb6M.E\xcf\xe5\x18k*hQ&amp;\xc3\xa0mq\x06\xda\xbe\xacR\xc1\x1b\x08\xc2\xdf\x04\xe4\x9a\x97\xfe+\x08`JF\x94\x91K*\xfe\x19\xa2/]\xdc\xff\xb6\r\xbbm\x8e\xa4\xd6\xe5\xb6\xc3\xb4r\x834\xd5.\x94\x97\xffB\x97\xcc\xcf6v@\x0e\x05\x10&gt;\x7fDB\xbe\xcb\x85\x9a8$%\xb9Q\x17m\x89\x11\x0f\x94\xfb\xff\x03\xdb\xd5Z&gt;W\xd6\xcfJ\xc7\x88\xb4\xbbs,\xe8e\x0f\x86?\x99_\xe4\xca&gt;\xd2\x9b\xe8\x80\x1a\xf3f\x81wH\x19Fa\xfc\xa2\x04\xaaV"\'\xdaa\x88cg\xebJ\x06)\xfa\xbe(\x15\xd9\xeew[\x18J\xff\xd8G\x9b\xe9\xc5\x1e\xcf\xd9&gt;2\x91!tMrA\x89\xb9cf\xc4\x845B\xb4\xdc\xba\xef\xab\xed\x88\x80\x14\xd9\xb1x\xb9\xb4\xf8Q\xdaL\x02,\xcc\xd9O\xa5\xb8ge\xb20;\x84\xbc7Qn\xd3"\xe5o\x0c\xc6\xfc#\xe9\x1cL\x9a\r\xda\xef\xd06?'</t>
  </si>
  <si>
    <t>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</t>
  </si>
  <si>
    <t>b'\xfc\xca\xbc,\xbf\xb1\\%\xd65\xa8\x1e\xd6/F\xb9'</t>
  </si>
  <si>
    <t>d egg. 
 75
  "I don't know about treasure," he said, "but I'll stake my wig there's fever 
 here." 
 If the conduct of the men had been alarmi</t>
  </si>
  <si>
    <t>b'f\xa6\xe3\x8f\xe9\x1b\xfd\xd9\xe8\xbf*\xef\x02\x15\xe5d]\x81\x0eQZ\xd5\xa9\xdd\xe3c\x0f%s\x0e\xa8\x04GP\xfe\x8f\xa0)\xd5\xbd\xb7]\xe0\x95\x9d\x8cg\xe0\xa1\x83EG\xf2F\xafI\xadU\x8f(\x16\xd9\xa8\xf5\xca\xc2\xf9\x95\n\xf0rS\xf2 \xa6.\x19\xd5\x82\xd7\xde&lt;\xa9V1\\+\xb0&amp;Z\xd3\xd2lV^n\x17\xcf\xfckf\xdfq\x0fsv\x08\x1dv\x7f\xd3\xa5\xd2_\x1b\x0f\xb7\xb6\xed7\xcd\x15\xbe)2\t\xf7aV\rn\x86K\xed&amp;?\'E\x8f&lt;.A_\xe8)\xb4\xaa\xaa\x03A\xb1\xfb\x99\x99@a\xe2\xb9\xcd\x9b\xbc=\xc90\x9e\xa3\xec\xbfh!\xff~\xcf\x89&lt;\x1f\xd3\xaa\xa8\x91\xbf\x12%\xd4\xbaZ\xfdr\t\x005\xbf1\xba\x16\x90\xb0\xd8\x97\xb4\x16\xc3\x07n\xe9\x9f"\x9e\xa1C\xb8\xda\x05\xf7\x05f\x8c\xbf\x1f\x17\xfb\\\xa3\xc2\xa0\xe4\x98ou\xd3F\x8b9\xda\xdc7\x08\xa2\xecF\xf7\xe2^\x90\xef\xde%\xdd2O\x92|\xc0\x9a&lt;4\xf5cZ?\xfa\xf5\x93\x9a\xf4\x0c*\xb2TU\xafb\xe1K\xa0\x10h\x03uRbj\xcabU\xbd\x9c\xb0 \x17\xf7\xea\xf2\x8ac\xe7\x9e\x14eF\xf4yl\xfe\xe1\xbaq\x0c\xdcI\xc50\x95$\xd7z\xd0&gt;J\x99\x14\xc6s\x90\xe8C"\xb1\xd8\x80\xf6\r69#\xbe\xbc\x8e\xd9\xbb\x93\x97f\xd9y!\xb1\xc5\xb2\xf3\x83\xf9\x19q\xc6%p#\xbbW\x0f@\xdf\xc9h*[A\xf1\x00mE\xf9\xcd\xc1\x86\x8eZz\xa5Jq}\xa0e\xb7\xee\xb1\xfev\xc9\xa1\xd4\\\x160T\x8d+\xbfe\xd0-tq\x8dU\'\x13\xbc\x9c"\x8a$VDb\xb7"\xd2\x06\xe2\x97\x7f8!\\\xc2\x13c\xca\xb9\'[\x82\x9a,\xc0\xb8\xe7\xf8\xbb\xeda\x10\xab\xb77\xc2\xc8\x1ch{\x97Q\xdf\xc2\xcb\xc8H\x0e\xb93\xbc\xdf\x86\x0e\x1c!\xbe5\xb3\x912\x91`\xf1+\xdc#\xd6T\xd4\xac\xedC\x8aK\x12\x1c\x18\x85\x97g\x93\xea;\xbc&lt;\x8e\xf2b^\x05\xdd\xf7G\x1dx\xcd\xe5\xdb'</t>
  </si>
  <si>
    <t>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</t>
  </si>
  <si>
    <t>b'f\xa6\xe3\x8f\xe9\x1b\xfd\xd9\xe8\xbf*\xef\x02\x15\xe5d'</t>
  </si>
  <si>
    <t>2000: 389) â€“ and, for that matter, to those
camped in the misty forests of Germany, or in the sands by the Euphrates.
Rome the Superpower: 96â€“235 CE 151
To summarize: there were practical tasks that emperors were expected to see to.
They had to care for the city of Rome. They were responsible for protecting the
Roman Empire, both physically, and in terms of its honor. In doing this, the proper
princeps would become, in a particular way, a soldier. Beyond these matters, the
judgeâ€™s seat had become, by the second century, a place where an emperor was
expected frequently to be seen. So much for a â€˜â€˜job descriptionâ€™â€™ of princeps. But
hovering over and governing all of this was another set of expectations, and these
were most influential in the final evaluation of the quality of any emperorâ€™s time on
the throne. â€˜â€˜Goodâ€™â€™ emperors were those who knew how to wrap themselves in
civilitas, and to use the currency of honor in the appropriate ways. The man who
failed at these tasks could only be perceived, hence recorded, as a â€˜â€˜badâ€™â€™ emperor.
152 Michael Peachin
CHAPTER EIGHT
The Transformation of the
Empire: 235â€“337 CE
David S. Potter
What are we to make of the 102 years that separate the death of Severus Alexander
from that of Constantine? Are they a prelude to late antiquity? Are they a postlude to
the classical era? Do they see the creation of a military dictatorship? Is the later Roman
Empire a different beast from the early? Many of these problems are caused by the
unusual nature of the second century. The extraordinary stability of the period from
96 to 180 CE was a condition from which one can only descend, a view taken by
Cassius Dio and Herodian, who imply that the reign of Marcus was a high point,
while the succeeding period, in which they grew to maturity, was much worse.
1 Succession and Security
It was the ambition of every man who took the throne to reenact Augustusâ€™ creation
of a hereditary monarchy. Augustus and Livia, however, had had to rely on adoption
when they failed to produce a male heir to the throne; likewise, since subsequent
Roman emperors would remain formally monogamous, the chances of producing a
biological heir who would survive to reach the throne were slim. Vespasian was the
only emperor in the first century to be succeeded by biological children, something
that would not happen again until Commodus succeeded Marcus Aurelius in 180. In
the next century, Septimius Severus and Valerian â€“ although by no means the only
ones to have sons â€“ were the only rulers to be succeeded by male children until
Constantius I engineered the accession of his son, Constantine, in 306.
Adoption was a surer path to dynastic longevity than biology, for it had the
coincidental benefit of ensuring that a competent adult would be in line for succession, while, at the same time, giving the reigning emperor room to negotiate with the
governing class (for details, see Peachin, this volume).</t>
  </si>
  <si>
    <t>b'\x1c.\xfe\xd5\xc7\xe7d\x19\xb2Uz\xae\xf9-\x119R8+qp\xcd\xfe\xe3\xf4)\xe0gI\xf31\x84\xb1R\xef\xab\x80I\x03w\xad\xa2\xfa\x96i\x0e\x9a\xa2Xr\x13\xeb\x9eV\x84\xd2c;\x1d\xeb\xe2\xb3\xcb\xd7\x08M\'1P&gt;\xd0}\xb7"K9\xf8\xcfCz\x7fB\x11\xf5\xec\xd4B\xfbJ:R\x10\xf7\xa3A-o\xb6\xa4\xdcS\xc3\xad\xd68\x9e\xc1\x95^U\xe9\x80\xda\xb4j*\x9e\xf5\xf6F\x7f\xd5\xda&amp;\xb9J\xe6\xa4A\x8d\x83\x1d\xe6\xc1F\xb9\x05\x06\xbb\xf6\xb7\xa7\x9e\x83\x8dq\x0f^\x87\xcf\x07\xb7\x83\xd9]\xa9&gt;\x06-\xf3V\x18\xd1\x0e\x15\x85\x12B\x18\xa54\xf2\x0e.\xf8\x88j\xd3Our\xe0\xc4\x12\xb7\x8a\xfc\xaf\x85w%\x17:\x0f\x946D\x02\\(g\r&amp;=\x16h;\xaa\xa1\xb9~&lt;KdZ1\xde!\x9d\xe5\xac\xb5\xdd\xf0P\xce\x1cl\xc6R\x8d\xd4\x15\xdb\x01\x8b\x07\xc6r6\x93\x8c\xb1\xb9L\xb85R\xed\x81sa\xa4\xfd\x00\x8d\x8e()\xdf\x15\x8f\x91\x18\x9c\xc4\xbf\x97`\xf9\xca\xbcnG\xce\xe5\x97P\xb1Z\xa0\x95\t-C\xef\xf2\xc9\xc0\x80\xa2ZL\xbf\xa1\xb5\x0e\xd8\xc4b8\xaaY\xca`}\xa0\xc9\xff}k\x99\xcdED\xdb\x195V\x8ca]\xcev\x1cj\xebK\x9dh\xd9\x18\xc4n\xb5O\x8c\ry\x81\xa8\xc9\xea\x0b\xf9\x9cQ\n6\x9a\xe3B\xa4\x9d\xe3B\x98\xa8\xef\x1b\xa4@\x07\xf2T\xe0\x0c\xb2\xcd\n\x02]\n\xc6Q\x1eyi\xa3\xb6Q\x07da\xf5Ie\x96\xc9l\xbd1#5\x06\x1e{\xdbw\x94j\xf7\xcbw@\xc7\x15\xab\x9bN\xf3\xe3^\xbb\xd18\xea\xe9y\xaf\x96M\x8ej%\x98\x9cN\xd3\x87L\x99\x14\x94&lt;\xeaT\xa8\xa9\xb1\x897\xb9\xb6\xd7\xc1\xac\xea\x90\x8d\x81\xf4x\xe6dQ;\x8d\xbe\x01&amp;\x1eJ\x0e\xef\xbeM\x01\xc0\xb8\x14\xfc\x8c\x82a96\x8eG~=\x86f\xbdknHy\x13\x83f\xa4\x04\xdcZ?\xfc\xdfB\x80\x80\xaf;-c\xc6F.2\x034t\x14\x10w2\xfa\x1b\xe3\x8f\xd5 \x01\x82G\x81\x00\xae4h \xc65_\xdb\x01\x85\x02\x9a\x11+\xdd[\xbbWF_\xa4\xec\xd5-:\xbc\xefuJl-@\xfe\x9d\x15T\xd2gOy\xb26\x99\x02\xd5\xb2!\x1d\xe7\x88\x8c\x8f\x88W\x0b\xd3%I\x81\xbc\xb0j\xb7*\x9f\xf7\xe2\xea\x83\xe18\xd2\xfd\xe4\xd2\x8bA\xda\r?\xc5\xdewA\x9f\xde\xbbIB\xe6\x89d\x9b\xaed\x9f\xb7\x83\xc6\x87to@\xa2=\xb2\xbc\x9fVy*\xcb#\xd9\xf0\xc9\xc3:\xb0\x13\xf4\x15T\x9c&lt;"xB:xu@\x90Ca\xd9&gt;Q\x92\xc2;\x84\xe7 N\x86\x1f#\tVY\x81\xf3\xf3=\xfc\x1c\xd0v\xf7\xaf$\x92S8\x96\x0c\xe3l4\t\x9c\xe6\xf0\x8e5\x0f\x8d\x02\xd2\xc1\x1f\x06\x03\x19Y\xcb,6\xe8\x13\xb3r,&amp;\xea#\xfe\xe3\xc8\x03\xb8Y\x9c\xeb\x8e\xa3\x1a\xa5Y#\xee\xb2@\xad\xa3\xe40\xc3\xed\x02=\xe5\xde\xc7\xda\xd3\xf2\x16\xd1\xfc\xd8\n\x13\x88\x15\x13\x8282\xe7\xa4(\xe1\x1c\xbe\xf2~\x9c\xf6.R\x97\\\x81\xba\xedH\xee\x9aO\x1f\xc6\x05\xe0\r\xb5i\x1f\xa4\xc2\xed\xe7K!\xb19L\'\x89T\xb3\xde\xb0GncK\xac\x8d\x9a&lt;\x91\xa9\xa6\xfcv\x8f\xdc\x96\xa6%L}\xb4\xb6\x19\xf9\xd7&gt;\xda\x19~\xe6\rQ\x1f\xb2\x975;0\xa3\xd0\xfc%\x85i\xccz~\xd9w\xbcBP\xb5\xc1H\xd4\xe7n\x1a\x04wz\xe2\xd2t\xdbf\x98&gt;\xc33\xfe\xacD/\x9f\xffd\xde\x9c\xda\xe7h`gh\x98=b\x9a,\xc1H\r!\xd4\xb8\xab\x08j\xccl\xf8L\x9c,\xb9y\x08\xb6\x10+J\xf3\xf7\xf5\xb9\xd1\xe5\xe7\xad\xbe\x08\xce\xf6,+\x1e\xa4\x03U;n\xfe\xc9$Q\xfc6\x9b\x96\x12\xc1\x02\xc5\xe3X\xce&gt;\xf8K\xc3\x9dS\xba\xf8\xb1\x9f\x86\xf3\x9b\xb3\xf5\xe6\xef\x90)\xf1\xef\xf20rN\xa1\xf7\x83\xc76\xb9\xe4\x8e\xea\xe2i\x87\x8e\x85,\x17\xf9wT\xe6H.\xc4&lt;\xcd\x7f{\x0f)Z\xf7\xf7\xfdw4\xeeV\xbc\x96\xd8\x0f\xa1Ly)\xa4\x8f\xb6A.\xac\xc9\x88\xfd\xdc\n\xdc6\xfd\xcbG\xee\x9b0dZ\xe6\xc6\x8b\xde,\xd5\xfeI\xef\xe9^g\xe2\xe4\xa5\x8c\xf8{\xc1\x17lzo[m%\xcb\xe7\xd6\xed2\xfa?p\xa8z\xaa\xd9d9N\xab\xa2\xa8J\xb9\xf4\x8c\x85\xe2\x00\xc7\xd1\xfb\x05&amp;\x12t\xc1&amp;\x90\xd5Q\x96\xd7\xdeu\xe6ht\x06\xfb4\xd0\x13E\x02\xea\xb2\xe0\xe5\x88\x0c\x0eU\x1e\x82\x8dk\xef\xc5I\xfd:\xf7\x8b\xdaY\x8f\t\xc7\x1c,6\x1b\xc6\xfc\x8a\xf6\x92\x9e\x18\x9b#\x04\xe7\xfe\xb7\x8a&lt;\xf01\xb3\xb3\xc5\x96\t\xeeC\xc1\xba\x03e\xa46\x03t0b\xb9\x84H"\x9f\x0fpJ\x9a\xa9\x82\x04\xb8\xcf%\x12\x00"M\xc7\xd13&amp;!\xf4jG\x84Z\n\xd5\xf5\x9aJ!\x99\xdf\xd7\x01oh\x98\xc5\xf5L\x0c\tpM918R,\x1b\xf0\xf3s\x10\xb17\x8a\xbb\x84_\x06Gx\xfd\xe8\xe9YT\x8a\x9ep\x91c\xed\xf1Q\xdc,\x8e\x14\xac\x94\x85e\xba\x86\xe6\x0f\xec\x84\x8b\xf89\xcf\xf3\x82\xdap\xd9\xbb6*\xe7\xc8\x8cX\xe2\xcd0I\x15\x01"\xc0\xa6\x9a\x8d\xed\xfb\xd7\xa3V\xde\x80\xe8\x10\xb5e\x1b\x07\xab\xdd\t\xa93\xc7^J\x13\x8f\x85`@&gt;a\xf0\xdf\x1fr\x97%ys\x81b\xb8\xc2\xe6\xec\x07&lt;X*\x82\xde3E\x9c\xfa\x7f8+\xba\x87\xf4\x8b\xd5\x99#\x8aH*\x1b\xa8\xef\xfc\xd7\xff5\xa9P\xc8\xcfZ\x89\x01h\x87\x1a\xe5\xda\x85H-\xcd\xca\xe2\x97&gt;\xaa$\xab\x0b\xd7y[\xdaSz\x04\xec;\xd0\xedz\x031}1D\xa2c\xb4L\xb3I,\x16\xadK&gt;k*\xf9U\xd1\xd3\x02G\xf0\xd43\x13$\x16x\xc4\xee\xd7\xc6\xb1\xf9\xa0\x94F\xdbD\xcb\x80=W\xce\xf7\xb3H0\xd8u\xc3\xc4i\x92\xe4\xd7\x9f&amp;u\xa2o\t\x83$\x88\xe5\xdbT\x1d\xf4\xaaP\x17y\xc5\xf0uN\xf8\xbd\x94"\xdcI\x0b@a\xb8\\!\xcc\nW\xac\xaf\x8cI\xf4\x15+\x1a\x05g[2\x99\\\\\xc6\xf2\x13_)\\p \xc4\x9f|\x16\xf06\xa9?e\x04\xaaw"z]\xb1\xa4t\xdf\x86\xd1\x8bt\'\x95\x0f\xf6\xad\xf4\xb7&gt;P\t\xf6\xd0\xd7\xfe\xb0\xf8\xeaJ\xe4\x02\x9bk2\x1e\x91{\r\xc8g6\xdaw-\x90\x9a\xd1;\xea\xa1r\xa1\xf2\xc8Xm3\x89\xcb6i\x91C\x0e\x8a0\xe3\x90\x05\x19%\x9c\x88ND\xda7\xac\x01\xa4\x01P\xfe\x83\xc5B\x83q\x92*&amp;\xe6\x99\x94\xf4L2miFqd\xe9[6\xffX\xf7&lt;\xc3*\x92\xa3\xe5\x15\x96\x98osG\xb2B\x8f\xe4Q\xd2\x98\xf0#\xb7\x9f z\x87E\xee\xcd-lul.\x9do\xb4\xec\xf0\xc7\xcaW\xfc\xfd}7\x99\xb1 (\xe6h{kL2\x89,\x85{\xce\xd9[\x04r~\xa6\x1e\xea\x15\xe4\xfb\xb6{(\xdf\x91\x93\x80\xe6\xaa\xe6V[w\xcd\x9a\xec\xd8}\xb3\x17\xbb\x19\xf7o\xdb\xdd?&gt;W!w\xd3\\\xab\xedxX\xc3b\x05A\xe5\xba\xa3\x8c\xc9B9AU\tS_\xdc\x9fN\xe2\xb0\x885\xe5\xd6\xb8~\x91\xda?\x10zz\xc5\xce\xff\xe3\x83\xc7j\xe1n3\'\x89\xdcW\x17d\x93\xc6\x19\nL\tr\xe4\xa8E\xb2\x1bG\xff\x1br\x13\xb6\x02\x01\xd9\xa4\xf0\xdd\xae\x1a\xd2\x03\xb5\xebbr\xe6\x10\xe9\xb3X}\x8c\xeb\xe9\xca~(\x9a\xe8\x91\t\xfe\xfe\x03\xafP\xdf\xf3\xd0\xaa~CY\xb5\xf1\x01%\xa9\xd5\xe9j~\xd2E\xda-z\xd6$\xcb\xc1\xed\x86\x9b\xcd\x04w*\xa9\xef\xa2\x9ef\xb9\xc8\x11\xc6\xa1e\x98\x80R\xfb\t.\x92\xc4\x05\xbd\xe0\x10\\\xe5\xe3B)\x9e\xd9l\xa4\x11\x13\xfeu\x93\x14\x19\xf2\x07&lt;\xac\x88\xc6\xfb\xa7\xfe\xf2\xdcK\xfc\x92;a\x12Z\x7f\x04\xe7\xdd\x8aI\x05\x07\x80^\x9cl\xb2\xe23\x02f\x03\x1d\xbccDf\x9b\xc0\xf3\x84\x9cfoKz\nIO\x91\xa0\xc6y\x855\xdd\x98\xb3\xceJ\x0fc\x08\xf4\xe3\xf7\x83I%\x88_K\x18\xfed\xa1k"\xe4\xb2\x11Yq\xccc\x98`x\x17\xf5\xd9\xaawFm\x8b|\x9e,\x12\xc1\xa0=\x06l\x85t\xab\xb1\\)\x93\xa3OQ\x1dD\xff\x0c53\r\xb0KUj]%D\xf6\xb0\xe8\xb4\x86\x05\x15\x93vH*\x89B\x88\x1f\x11x\xa6\xe6\xc4\xf4,\xa1\x9d\xb2\x16J\xd3\x93\x13\x95\x81\x96\xdcnzl\x8b\xe9\x88\xbb\x82\x11&lt;\x03\x99\xfbS\x8f1\xd0\xbfE\xa1\x92\xff\xd3[y\x02\xb8\xb4\xa3\xba_\x9cOT(\x99\xed\xf2\xdf\x17\x15R\xe1,\x82\x9e\xa9&lt;\xf4\x9d\x0c\x96\xf7\xb2H\x13_\xa4\xe1\x8c:\x0fp~\xd0&amp;\xa0\x10\x86\xed&gt;w\xbf:\xcf\xe7$\xa5\x8a[\x18!u`}\xea\xab\xd7\n\x82\xc7\xd3.\xd1cO\xf0:6\x98\xe9\t\xd0\xc5\xc5\xeef\xab\x0e\x85\x88\xaao@5\x87@\xaeL\xf5\xb2\xc4\xdb\r\x8f\xa0\xe3\x01\x87d\xdf\x1a\xd6\xadT\xd6N&amp;\xd9\xcb$\xd1\xb0\x0c\xf8\x19d?)$\xb04\xab\xcdua\xddO\x08\x97\x1f\xdb\x17\x00JB\xa4\xc7Z\xcb\x88\xbdB\xaeu\xde\x10\xbe&amp;\x8f\xe5xNt\xa0[\x1cM\x01\xaf\xf81G2\x1b&lt;\x01!,-p\xc4X#+qae\xbb\x80\x90u\x1e{\x82N\x8d\x84\x0c\xe4T\xdf\xa9\xa5H\xa7\x82\x897\xcc8\xc3oufD\x04\n&lt;\xb7\xa0\xb4k"\xfd\xe9\x1b\x8c\xba#\xc5\xe4\x06\x1d\xa7\x99\xde\xdc\xacf\x1c\x83\\\x9b\x97\x1c\xba\xd2\x8bo\x04\xbf\xee\xd8]\xe6\x9ab\xd4o\x93\x1f\xe1r\x91\x1d\xf8\xb0\xf4\xa8\xde\x92z\xe8:e\xe7BF\xa3\x1c\xa6\xf9\xfb\x17t\xea\xcfP\xc3\xfb\xe5H?\x89\xeeB\x84Y\'\xe2\n\x87\xb4\t\x1e\x03\xbc\xdd\x97\x83ca?^`\xed\x05\xb9eS\xe6\xc8\xbc\'\xb9_J\x8f3\x0e\xad\xb2\x17C\xc3\xca\xdb\x14\x01E=\xcb\x8b\x08\xf5\xab\xf5\x9b\x0e\xa8I\x04\x07\xb6@r\xda\x92\xd9\xcfK\xbd\x00E(!\xa4\x85\xf7\xae\xfen[\x8e\x0bE\xe7\x8e[7\x07\xe6\xb0\xb4K\xfe\xc8\xf1\x04lM^\x91\xb8\xe0\x05#\x9a&lt;\x85\xea\xc1\xb2\x9e\xb7O\xc0\xd6\xab\xdd\xcbi\xe6\x078\x9dx6\x8a\xc3\xad\x1aTdl\x93\t\xac\x9c\xa34\x9f?\xb2\xa8\x1c\xb2\x14!@\x9e\xc3\xf2\xeb\x06_u2\xde\x02s\x8d\xab\x03\xa4,}\xb5\xd2\x9f\xcd\xa5\x05\xe9\xbcg\x80\xdc0i\x0cox\x89=\xbf\xb3\xc3o\xb5 .\xd6\xbc\x02\x9aqD\xb5I\x8f9CD\x14_6\xb6U\xbeC\xd2\xaaI\xb5\xde\xfd\xe9;\xbdg\x93\x12\xd6v\x8d\xb1w\xfaA\x02\x14\x14S\xa9P\xa6\xcfswb#\xd1z\r\xffK,\x0b\xf9\xd0\xb4\x99\x9b\xa7\x97\x05\xea\xdb\xb14\xc6J\xa0\xcb\xbdy6\xfd\xfe\x14\xaa\xd4k\xb8-]\x13\x0e\x00\xb0\xa2C)0\x0bv\xde\x1ah\x89\'\x0b\xd5\'y\xad4\nwF\x99\xa2?q\x8cCSY\x10&gt;*\xa7\xe4\xbc\xb9\xcf\x91\xe7\x867Y\\\x1e\x8f\xe1\xcf\xe8N\xf8\x06\x1d\xe7\xa3\x1a\xc2.:\x18~\x08b\x8f\xe8\xbcnUL\xf1\x89\xfc\x07H\x18\x83A\xea\x9aI\xd2\xbb\x13\x83\xb8"!{\xdf8K\xc3\x14\xc0\x01:K\xd9T\x7f\xaf\xfeuL\x99j\xaeL\xf2\xae\xc5\x11\xd4\xc7r\xac\xe0T2\xb0\xdd\xd0g\xc5&lt;\xe7/\x8ef^\xbd\xa57A@\x92U\xa4\xbag4\xe6\xa8\x12\x9dl\xec\xf8D\x13R\xc5\xde?\x98\x96\x94V\x82q\xc4\x86\xd2u\xc9\xdd\xd5\xd4\x94\xa3\xb3\xa0\xa9\xd3;\xab|\x01\x95G\xa8\xd1\x88\xdf\xd5\x96\x98.\xe3\xd9"\x8c\xdc\xd6\xa4\xe5\r\x19Y\xa0\x8c\x91H\xb1\rF(\xdfX\xb3D\x1e\xc5\xf4\x8a\x8a\x9e\x9a\xc2,\xdd\x9e\xccA\xd4\xca&amp;\xe9\x14^\xfc\xd8\x90\xcf\xdf\x00kBi\xe0\nX?\x95\x18\xe5\x0f\xb1\rF:\xcaqf\xc2\x8e\xd8=\xc9\xd5\xb7\xbe\xdauO\xd5=\np\xd7X\x9f\xec\xf7\x85\xe2\tC\x10o\xd1\xcc\xe3\xaa\xfd7\x1f\x93\x1f\xf2Z\x90\xe3\xa2\xa6\xf8\x9c\x8f]r\xcc\xad*L\x86\x9f\x8ad\xf1N&amp;'</t>
  </si>
  <si>
    <t>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</t>
  </si>
  <si>
    <t>b'\x1c.\xfe\xd5\xc7\xe7d\x19\xb2Uz\xae\xf9-\x119'</t>
  </si>
  <si>
    <t>though it had a similar purpose: to secure an heir to whom the testatorâ€™s
family name (nomen) and property could be passed on (Corbier 1991a; Gardner
1998: 128â€“30). The elder Pliny can be considered a sort of â€˜â€˜father-substituteâ€™â€™ for his
nephew; he was living with his sister and her son at the time of his death, and Pliny
speaks of him with admiration (Ep. 3.5; 5.8; 6.16).
Plinyâ€™s mother may have died not long after her brother; there are no letters to her,
and Pliny mentions among his possessions praedia materna, property inherited from
his mother (Ep. 2.15). Like most Roman aristocrats, Pliny had substantial holdings in
different parts of Italy, with at least six villas in all, including several at Comum as well as
in Umbria, a house on the Esquiline in Rome and a villa outside Rome near Ostia
(Duncan-Jones 1982: 22â€“ 4).
The Family 317
Pliny married at least twice; some scholars posit three wives, though the letters
mention only two (Hoffer 1999: 232â€“3). Only the last one, Calpurnia, receives
letters; Pliny married her sometime after his previous wifeâ€™s death in 97 CE. Even
after his remarriage, he remained on excellent terms with his former mother-in-law,
Pompeia Celerina, who was very rich and encouraged Pliny to treat her house and
wealth as his own (Ep. 3.19). Indeed, he joked that her slaves gave him better service
than his did (Ep. 1.4).
Like Pliny, Calpurnia was from Comum. Both her parents were dead, so she was
raised by her paternal grandfather (who, as the oldest male ascendant, was her
paterfamilias) and her fatherâ€™s sister, Calpurnia Hispulla. The families evidently had
known each other a long time; Pliny says that Hispulla, whom he calls a â€˜â€˜model of
family devotionâ€™â€™ (pietatis exemplum) had revered his own mother as a daughter
would. Moreover, Hispulla apparently took an active role in arranging the marriage;
as Pliny says, â€˜â€˜we vie with each other in thanking you: I because you gave her to me,
she because you gave me to her, as if you chose us for each otherâ€™â€™ (Ep. 4.20). Plinyâ€™s
relationship with his grandfather-in-law was less relaxed than with Hispulla; Calpurnius seems to have been a rather irascible old man, and the letters to him have a
nervous and apologetic tone.
Generally, women married for the first time around 20 and men around 30
(Saller 1994: 25â€“ 41; Treggiari 1991a: 398â€“ 403). Among the senatorial elite,
both sexes tended to marry about five years earlier; we might recall that the Augustan
marriage laws expected men to be married by 25 and women by 20. Thus a
husband in a Roman marriage was usually about ten years older than his wife.
In Plinyâ€™s case, the discrepancy was much greater, since he had been married
before: he was around 40, whereas Calpurnia was about 15. This huge difference in
age must have affected the dynamic of their marriage significantly. Indeed, Plinyâ€™s
letters to and about Calpurnia evince a mixture of romantic love and avuncular
solicitude.
We have three letters written by Pliny to Calpurnia when he was in Rome on
business (as a public figure and practicing lawyer, he had to spend a lot of ti</t>
  </si>
  <si>
    <t>b'B\xad {}\xa1X\xf2\x86\x06\xb8\xee\x885\x9c\x19\x86.\x07\x94*\xd3\xf2\xd8\xc8\xda\x90f\x9c\xdf\xdc\xa4\xcc\xcb\x08\x99\xff\xbe\x1bz\x08\xeb\xd3\x11\x9dh r\x8e`q\x0f\x08\xe1\xab\xdaQ=\xad\x93\x15\xf4Y\xb7\xc0\xdaM:\xed\x87^\x86\x9b$\xde\xd7\xc4/\x07S\xbc\xbab\x06b\x8e\x19u\xb5\xed0\xd8\xc0z\\g\x91\xd2!t\xb7S\xb9\x08|\x0fq\x86\xb3\xa5\xeb\xbbB\xd2\xac\xb9&amp;Q\x0c\xfd\xb7\xb4o1\x96&gt;\xef\x95\xac[\x86\xdcC9\xbd~\xadg\xfe\xfbs\x85\x86\xc4L&gt;sCm\xd1l\x97\x0e\xf2A\x15b\xd3\x93\xbe\xb9\xc2\'\x9eD\n\xef\x15\x16\xb5\x1aj\xcc\xf52\x10T\x8d\x97$\n"Z\x8cK\x96&lt;\xc8\xdb2\x12\\0\x99\x8d\xb2^\x10R\xe1$\xe8\x90\\\xa0\x03x\xa0P\xb1w\x12iAb\x18#\xda\xa2\x18|\x94@\x17L\xda\xc3\x95\x1d\xab\x1e\x0cEQ\xc9\xcb\x91\xa2MT\xfa&amp;\xf7\xd9\x98\xdf@\x08\x16+\x19\xd3\xefKg\x8f\x86\x00\xf3\xa1Z\x9b0\xce\xb6\xe4Ir\xaf\x14.\x8d\x8f$\x082\xcb\xf7\x91\x941\xf8\xe6\xeeK\xb2\x93\x02\xd0\xf8\xbbP\xde\\\x86\xbcm\xf6\xcfpg\xab\\~\x02\xad\'\xec\xe2\xc3`=i]L\x9c\xa6\xde\xd0\xa0w\xf8m\xe0\x88\xaaP\xcb\xde\xe8:)\x87\xde*\xb5\x83\x93\x1d\xcb\x8f\xbaq\xb0\x99\xee\xe1\x8d\xb4\x9arkFv\x1b&lt;E#\x95\x9bQ\xdd&amp;\xe7~P\x1f\xbc4\xcd\xfe\xe5\xea@5+\xe2\xa4\xd7IcP\xb9iG\xad\x880\xe3\xa0\xdc\xe8\x97\xc7?\xdf/\xec\x9b\xbd\xb7\xdfD\x02\x07\xf4Z\x92\x12\xc9\xc7\xc6\x8c\xd6\xf8&lt;f\x93\xf9\xf6\xeb\x95\xfc\x96\x1e\xba\xc5\xca\x0b\xb7\x14\xe4\x0e\xde\xa3\xc1\xdf\xd1-T@\xe7\xf4\xe3x"\xea\x95\xb2\xd6\xcf^\t\xc0\xd9&amp;A1\xf1\x07-luR\x10\x98(\x95\xe1\x06\xad\xd5\xadp\x9d\x1c\xabf\xf2\xc0,(\xd7u.X\x18}\x05\xf3n)\xea\xc9\xc4\xd8P\xbba\x7f^]{\xe6\xbc\xbe\\\xc5\xc2\xbf\xcc\xbe\x0f\xea\x0bcg\x13\x8b\xeb;\x92\x85#}\x17AZ\x0b\xdc\xa2\xdd\xd1i@s\x10\xf3\x85\x94H\x17t\xf5&lt;\x87\xddEL]Gs\xa0\xfc\xe1DPH\xd0\x84n\xc7V\xffv\xbe\xee\xb84\xe5`j\x12\xb6\xe7\xdf\xeai\x9cW\x02yK\xdb&lt;,\xf7*\x8e\xd0\x18T[N\xe9P\xb8\xffc\x7f\xef\x04\x95^\xc0~k\'=\xa9\xc07~b\nK5\xea\x8a\xb6\x80\x0fQ\x1b\xbcm\xd4\x81\xf0\x01\x84\xc9\x04\xea\xd1\x95Oa\x15=\x06\x90\xe7oo\x1a~\x06\x940bD\xbd\x7f\xed\x18h\xca3\xbe*\xd4\x99H\x80]p\t\xfat\x81\x15E\xe4=j\x1ec{&gt;\x8f\xcd\x19\t\xa3\tK\xfb\x9d\xe5\xe52\xed\xcel\x8d\x85\x8bC\xbd\xe3~\xe4\xad+\xb0Z&gt;\x1d\x9a\xe8aPwG\x8b6\xe4O?\x9e\xca\xa1\xd0\'y\x9a`\x7fN\xa9\xc7\xe7\x82\x88\x9f\xf8\x08\xe9\x95\xfd\xe2\xe7\xe7_\xd2H\xc4k\xed\x17ysn\xc7\xb6:\x89}G`4\rvS\x98\x1b\x06JDz\x0b\xad2\xfcZ\xe7\xd6\xb2=RG.\xb9\xacPK\x81G\x19\xfc\x85&amp;\xfbu\xb8\xf7SA\xa0X\x1d\xd9\x11rr\xb7&amp;\x0f\xa4N\x90\xce\xd6|\xaa\xdf\x057\xce\t\xbdI\xda8K\xd84i\xf6\xf8\x1b\xe8\x99\xf02\x80~\x92\xb5\xbe\xce\xd1\xde\r\xf1\xa4+\xdb\x01\xd9\x1a\xa8\xf6\xb91\xf8\x05\xbap\xda\x17\x94@[\xa57)\xa2\xd2%v/\xe1\xd2\xdbn`I)\x82\xc4\xe7\xe18`\xbc\x9cz\xc8\xb2o\xd5\xc0\xfa\x17\xd5\xae\xd1|\x915\xb0\xc0|\x81\xd0\xd0\x99\xd8F9\xd2\xd6\xaax\x1d@BBrJ\x9b$\x9a\x85G\xc4Yi8\x0eTA\x9dkC S\x97\x9cOj\x17t\xb6\xef\xee\x86\xf2\xc6b\x9e\xa4aL\x04\x8b0\x15\'\xf9\xfd\xef#\xe5\xd1m~\xec*E\x10`\xcaoH\xba&lt;\xee\xba\xe7\xab\xd0 \x7fh}\xf5!\xcf"a\xa7S\xf7\x97A\x9ca; \xda\xc0\x991\xfd\x18\xaf9K\x1d{\xa9\x91\xd8\x82X\x1b\xd4&amp;\xa7[\xc1\xb7{\x85f3N\xfaH\xc9\x97\xd0\x06K\x99aI\xb1\x8e\x0c\xa7\x8f8)\x88\xe6\xb8@\xa6+\xcd\r\xe1\xbf\xaf\xea~\xaf\xcdqf-_5\xbes\x88DR\xe6u?n\xe4\xb0&amp;Y\xae.\x017\xb0\xa4\xe8lo\xef\xae\x91]\xd4\x1f\\\x8b:$\x82\xeb\xb9\xeb\xa9\xa0\x9d2\x0f\xaeD\x80\x81\xb4\xdb:%\xce^8\x88\x85\xcf\x1f0\x85Y\xf9`\xbb\x14-\xc1\x88,:&gt;-*f\x80\x17\xfd\n\xd5J\x99]\'\x87]JL\xa9\xfa\x90_{Z\x87&amp;{_\xf7\x1e\x1c\x05}WCK\xa5\x15SE\x9a\xc0\xf7N\xde\xaf\x1bQ"\x89p\xe9\xfa\xdb\x13\x96p\xc3\xc8M\xb9\xfa74rv(\xfc/\x845h\x1e\x99\r\xbb\x90{\xd0l\xcd7\x8c\x9e\xc5Z\x932\xa6\x9dA\xc4&gt;\xb4\x07\xf2\x944\xd8\xcd\xed\x8d\t#\xcf\x16\xf9c\x80l\xc3Y\xbc7\x19[X\xdc\xe6|\xe0\x96\x97\x06lRW\x1f"\x0e9\xe7\x017\xe9\xb95\x11*}%\t\xaa\xfe\xb0F\xd4\xed\x13?\x17\xff\xa1\xd7\xf6\xdaR\x15LH^1h\x11yV\xb2\x1d!\xfd\xf3\x8e\xbd\xec)\xdeR\xee(\xadt&amp;\x0e%\xb3\xc4\xf4\x017\x9e\x8b\x88/\xf7\xaf\xc1\x02\xdeC\x00\xe46_q\xca\xb4a\x17~\xd9\xf8,\x04b\x08x \xd7_\x8e\xef\xddV\xbd\x16U\xdf&amp;\x15\x071:\xc4\xa2@\x11\xba\xd9\xf9\xa7\xc7\nw\x85\x9biW\x92\x17-\x19\x1c\x90+;\xfb/\xde\xe4E\r\xb4\xdc\x04\x01\xa0X\x1bMf"&lt;\xf0\x8b\xc4w\xa6ed\x93h;hP\xdd\xcc\xc7\xe0\x00\xabn\xb6\xae\xb6\x9c\xee\x94ahcB\x13]+\xfe\xba\xc6\xdf\xbb\xfbIe\xd5\x083\xe1sBI%;\xd3$\xcco\x9e\xa0\x84G\xce&amp;\n\xed\x048\xb4\xcdoF\x87S\xc3\xa6\x0c\xd4\xc2\xe3\x13\xfb\x8a\x9doW\xbb\xba\x97l\x85\xfeyL\xd0\xfd\xc8Ex\x05\x8f\xa7\x9a\x8d\x0b\xfc\xc3{\x87\xe3^c+I\xa0\xeaA\xae\x92$\x84\xcd\xc9\xe4\xaf;\xf3\xc317\xce\xfa\x91\x8f;T\xc4=\xfd\xf3H\xe8\x17\x01m\xb8q"\xc4U:L\x92&lt;^\xc7\xa6yF\x87\x85\x9b#\x95\xf03J\x0e4\r+\xc68Scf\x95:a\x83\xf2r\x88}\xf4\xb6\xc1\xc2\xbd\x89\xa0\xeb\xd3\x1dRM\xdb\xf6\xe99Q\xb4\xdcI\xcd2F@8\x11\xd1`Z\x14eUY\xbd\xbd\'\x91\xf5\x1dP\x0eC\xa08uzJ\x0e\xb5\xa5\xbe\xe3\x0e\x97=IZ\'B\xaf\xd7Q\xaeeJ\xc12P&amp;t\x82\xf2\x0e\xe9\xf1\x85\x01E\x1d\x01\xc0)\x13V\x1c"\\\x07]\xe7g\x96\x95\x93d\x7f\x96\xdd?\xebo@\x14\xfe\x97\x1c\x8a\x8d\x92\'P1\x95(7j\xc2\xdc\x8c\xe7;\x1d;\x98{\x06@\xee|\x89\x1e,\x00\x0fz\xbd\xe8 \x81)\x8b\x85\n\x86\xadb\\[\x8f\x8c\xe4{\xfb\xf2\xcaO8\x1d\x03&amp;\xcb\x96x\x1b\x08c\xc5G\xdf\\\xfe\xeeY\xfe=\xcc\xc5?\xc9;H\x1a\x91\x11\xd8\xffx\xcc\x88\x15\xab\xe7\x1b\x16\x85\x9c\x02\x1f\xfd\x08\xf0z#\xa085\xb1\xd2\xc8\xabGy\xb6\x97\xbc\xd2k\xaa\\Y\xca\xbfd\x0fm\xc6\xb43\xde\x82m@:$\x87\xc4\x8d\xf0\x89I|\xbb\xcb\xf7z\xb9\xde\xe4\x13G\xfb\xab\xc5\xcf\x90hkb\xaa\xee\xebh\xa5=\xf5\xd6\xbd\x8a\x94\xc95\xe3\xc3m\xec\x06\x84\x96\xcdX\xcc\xc7\xb8\x10\x9cW\x91\xbb\xcc?Ks\xcc\xa1\xa6-c\x86\x0fc\xb9\xfd\x8a*y\xb5\x05lO\xe6\x8a\x08\xc5d7\x9e+\xac`q\xa9\xaf\x13\xb3\x90\x16\xdaY0\xa5\x8e\xaf_\x03\xd8X\x84\xe4[\xbfS\x17\x94\xb3\xb3]\x80\xcf*\x99\xde$+\xcbv{\xa6\x9d\xa5\x8d\xcbb\x05w\x16-r\x86\x9a\xf5+f\x9e\xf5\x97\xbd\x11\x05\x12\xe5\xf5\n[Mo]\xc42\xf1\xa7Yx\xb8Q\xf5\xda\x1bE\xce\xe8\xe7\xda\xe3;\xfbj?\xb9\xae*\x06\xb9@\xd3#\x8e"\xd9\x0c\xc0\x8a|\x04\x19&gt;\xcd\xe7m\xce\x0eAq@\xf491\xeb\xf4"\xf7zah\x91sa\x00\t?/\xd40\xf0\xba\xbe\xd1\x98\xab\xda\x98)\xba(T\xf7SLV\x10m\xff\x12\x17\xbb\x1f\xa9\xa8vNe\xd4Z\xa1\xf0c\xde\xdf\x87f0\x13\x06\xb2}\xa4\xda\xa6\x85 9\xb2\']\x1aV\xe1\xc2\x03Sn\xeek\xdcGkv2AD\x0f\x18A{S\xe5\x191\xd7\xc1\xado\t\xaf"\x81\x99\x11\xe5C\x899%h\xe4O\xe9\xf9\x93\xc0\x91rx\x91D\xb6\x8c\xa6\xa0\xe2\x1cv\x1e\xa6\x02\x94\xee\x94H\xa7KT\xfe5\xd9\xb2\x10{\x10*\x8f\xe2q\xe2j0-\xf2\x19d\xcfZ\r\xf4E\xf5\x14@\xfaYJ7\x98\xef(~1\x00\xc5P\xfe\xa8[\xfe\xec\x98\x86\xc7\x1d\x1fx\x01\x93\x84\xa9\xd3&amp;\xa8\xf2\x02\x7f\xa8\xe4\x94\x1c\xb5\xa5\xc0D\xfa52T\x9a\xbc\xe2\xeb\xde\x15\x04\x9b\xcf\x93ji\xe1\xe0\xb9RZ\x1d\xbaG\xc5\xd0\xf5[\xe7\x06\xfas\x86\x86\xc5\x02\xf6\x1d\x0fg8!\x14\x13\xda\xa9\x9aX\xc0\x8eN&gt;\xb4d\x07\xed\x98u\x08\x8c79\x9c\x18\t7\xfa\xf5\xef)\x1c\xd7\x03\x8c\r\x87\x08Z\x19T\xeej:\xc1\ry\x98\x1bI2\xf6,\xbet\\\xb8\xe4b,\x0e\xe0\xe3s\x05\x1aA\xf4\xe0Lkw+(\xa1\xcc\x11\x84y\xa1\xedfl\xe5p,\xac\x8c}\xf4\x88\xa8\xf9P&lt;\x8a\xc8\xb0\xc0\xec\xfb;\xb1\x1e\xf3\xfe\x81q\xfa\x95%X\xf7\xc5\xef\x1b\xf9\x93\xd5\xf7\xb7U&amp;\xf6\xdb\xbc\xf5\xb5\x1d\x9fC+h`\xfdy\xbf\x85\xaeS\x07\x97\t*g\xe9\xc4\xbd\xf9\x82\xc8b\xfaK\x8d\x99Y0\t\xd7\x99R\xd0B\xff\xe7\xe6D\x90W4&amp;\xda\xfdL\x1fQLF/=\xc5\xc8\x95\xf2|V\x862"&lt;\x90"\xdb\xe9\x8e\x9d\n\x0b8Mh\xb1\xb6\xe3\xdf_\xfd\xa5C\x9f\xa4\xa6\xef2\xcc\x97`\xf0\x8a2\xe8]\xde\x0c\x08\xda\x9ca\xa3\xd8\xa4\xc4n\x96\x0c\n\xc9\xf5\x99Y\xae\\?\xed\xac,\xdc\x923]\x08\x1c\x7fl\x01\xab\xda\xe9\xd3Z\x89\x16\x9bz\xe6(+\x9a\xd5\xfa\xe6\xdc\xbdC\x88{^\xd7\xc1\xcd\xee\xcd(\xfd\xf5;y\x03`\xcd3\xbfM\xc8@\xc2%B\x17\x0f\n\x93Y\x07\x11\xd9\xfaV\xd1!!\xca\xf5^3+\x8e\xaa\x8a\xbb\xdds\xaa\x96V\xa2\xd1\xd2P\xa0x\x1c\xe9\xaa\x19s}\xda\xd2\x9d\xe0V\xe5\xef\x9b\x91i\xf9#\x1fd&gt;\x90\x89\xc0\xbc\x7f\xee\xeb\xed\xa5G\xa4\xd7\xee\xe4gp\xc8m\tp\xb6\xe76z:\xe0\xa1\x8d\x12\x843a\xe3\xb2\xe3\x92\xd3\x03`\x00|ASXM\xf0-v\x81B\x92\x8ac\xab\xdeJ\xfc\x8e\xa4R\x95\xbe\x10\xbeS\xf0\x9f,Y4\xd7\xe6\xb6\x19\xc1\xec\x88WI+\x89m\xc7\x1e\xe0\t\x12B /M\x90\x0fS\xcbN\xe7W\x17\x8d\xfddG:&lt;f\xb4\xbf\x9a\x11\xf3&lt;B\xe4\x9b\xc4R\x0ez\n\xfb\x90\xb4\xbe\xc1\xa9\xe6\xcc\xcc6\xa0X\xe0\xe9\xc94\xd2\xf6\x13\xfaI\xebb\x8b\xbaf\x9b\xcc\x08qV\xd94\xd5[2\xf9\x19\n\x0eH?\x17\xec\xcd\xf9\x11wP\xe5h`\x0c\xa5\x04\x89\xb0+\xec\xdb\x03\x98\xe2!\xca\xe7\xba\xc7ev;\x9fA\xfa\t\x97\x90\x16\xd6\xcb\xb2c}/\x8b\x0b`\xc8\x9c\x97J\xf9A\x14\xca\xc3\r\x17\xb0\x08P5=\x97\xba\x82_\xcc1\x8d\x0e\x8dhQh\x9d}p\x15\x96\xa0tN\x17\xe5!\xd1\x93\x8f\x14\xfd)\xbee\xcaj\x17\xc6\x9b\x9ff\xb4e(\xb0\x7fR\xd3\xea\x014BP\x89\xd0M\xb2\xb4\xa7u(\xe68N\x05}\xed\xce)\xf8i\x9a\xb8\x11C]\xd7\xf8p\x12KS\xd6\xf1\xe6K\xdae\xe4\xda\xc1\xaa 3\xc9\x04g\x9c\xf8b\x91\xa9\x15\x9e\x02+S\xde\xacR\x1a\x95\x11\x8d\x00\x0c\x85\xed\xe9$\xf9\xbc\x0c\x95.RT\xa3\xa3\xf2\xe4\x98\xc1\xd9\xe0\x8do\x81\x8c\x96_\x8d5W\x93\x93\x12\xe4QX\x19x]\xa8/I2K|C\xf06\x14\xa5B\xc2R\xa70\xe4\r\x07\xab\xb9\xa5\xfa3\xf8L\xb7y\xc6fm^\x1b\xc2\x806O\xb2\x81JS\xfcN[U\xe6\xf5\x1c\xbc\xa6n\xba\xf6\x1b\xbe\x06Ar\x97\xbd\x88\xa2\x80\xa3Ua\xca\xd2Jo\xe0\xc6\x96-\xc1\xbcSU\xdf\xf7Qr\xe3m\x84\xa6\xf8F\xd0\xa7\xd0\x17\xfc;`\xdb\x90\x13\x8db\xe1\xd5\x99\xe5\xfe5\x10\x1cx\x18jjV&gt;GY$\xc1\xa7\x80\x1bt\xe8\x863#\xc1&lt;\x01\xcev\xc3\x91\x08\x0ejl&gt;T&amp;\x86D6\x00no\xf1\xc0@{~\xb5$\xb1\xb5\xef\xe4\xb2\xce\x07\x12&lt;TDn\x90\xcez\xee\xefv\xde\xe4g\x87\x94o\xadux\xe7\x05\xc4eQV\x8dF\xd7\xf8\xd4(\xad'</t>
  </si>
  <si>
    <t>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</t>
  </si>
  <si>
    <t>b'B\xad {}\xa1X\xf2\x86\x06\xb8\xee\x885\x9c\x19'</t>
  </si>
  <si>
    <t>information in a protein â€“ which is the first amino acid, which is
second, and so on â€“ is called the primary structure (Figure 9.3 a) of
a protein. A protein is imagined as a line, the left end represented by
the first amino acid and the right end represented by the last amino
2024-25
112 BIOLOGY
acid. The first amino acid is also
called as N-terminal amino acid. The
last amino acid is called the Cterminal amino acid. A protein
thread does not exist throughout as
an extended rigid rod. The thread is
folded in the form of a helix (similar
to a revolving staircase). Of course,
only some portions of the protein
thread are arranged in the form of a
helix. In proteins, only right handed
helices are obser</t>
  </si>
  <si>
    <t>b'\xea\xca\x16\x86\xc1\x9b\x9a\x06\n4\x1b:W\xbf\xab\xa4\xce\xb9\x91\x07\xef\xc0\xd6I\xc8\xb4C\xa9\x01G7%\x0b\xd4\xd5,3\x8d\x05MDX\x1f.WF\xf3\x0b1\ro\xdcG\x18\x04\xeb\xc1w\xbcp\xdd\xa2+\x98G\x8e\xbdN\xce)/\\\xdf\x94sv\x93k\xa9\xa1A\xbc\xb8\xd2mq\x99W\xe0\xb3.JE\xcb~\x86\x89H\x80Gq\xd2-\xa2\xd9\xeb\x0f\xbcO\x9b\xa8\x8c\x94\xcf\xcc\xeb\xb5\xd1U\xdb\xcc\x16P8Rin\x15Wg*\xd3\xba\xe8&lt;\xa7)i\xc5\xc7\xe9j|\xbe\x8eu\x10v,\xa2\xf5i9!\xd6\x8d\t\xc4\xca&gt;)\xbc\xc7D\xcc\xafo\xc4\x97\xab\x1f(\xcb\xfe\x18\x96\\\x16\xf8\xcfV\xe0_-U\xd6\x87\xfb\xfa+\x9c\xd1\na\x99\x18v\x8e\x1ah\xf5p\x81==\xec\x8d\xcd/\xdc\xde\x93o\xfc\xd3\xa4~\xf1\x98\x0e2*\x07yY\x83\x00\x8av\xd7\x1b\xa6\xaf\x88hsQ\x8aW\xb4\xe9\xfb\x92\xf6\xe8\xc2@-\x0f\xf7\x8d,\x06\xbe\x84\xad\xe0/\x96\x1fS\xa3\xd1\xf3\x13.\xa3\xf3\x1f\xf7A\xf3\x96\xda\r%\xeb\xe3\x86\x15kh\xe9\xfcW \xeb\x7f\x07\xf8-\x9f\x9a\xf95\x8e\xac[\xb9\xa23\xa0R9\xb9\xdb{r\x8d\xdd9\xfae\xd3\n\xefM\x8aI\xa8\x1a\xc0\r\xaf\xc5\xdazh\xf8z\xe7Xv\xecS]\x1b\\\x94\xef\xcb;(I&lt;\x0f\x86\xfc\xf9zU\x98\x93\x1e\xe7\xbaTBo\xf3E\x16E\xee\xd740:\xaa5J3\xd9\x9d\xe3#K\xa1pt\xb8\t\xf0\xcc\xc9\xc7\xc0\x1b0\xfd\x06~|\x19\x15L\t\xa6\x06i]\xc9\x08Y\x1d\x87)\x9b\xe7Yor\x1e\n\xb1\x1d\x90\x98\tt\xf1\n\x91\x0b\xd2:p\xd0p{\xe1\xf7\xb6\xdd\x9b\xd5!\xb7\xd0\x12\n\\hS\xa6\x08\xef\xb1\x87\xd2\xc7\xd9R\x89\xc1S\xfeQ\xd7\x1d\x16,\x01\xae8\xf8\x82\x90\x84\xd6\x84\x1f k\xd9J\x97\xbd\xc6]\x1d7\xf9G\x84\xfb\x00\x1e\x1c5\xdd\xff\x1360\xff!\xd4\xa7\xc5P&amp;\xab\xf5j\xde\x8d\xbc\xc90\xc4x\x1e\xb9`;U\x05\x96\x7f\x1b\x8bce\xb6\xff\xe6\xe7}\x8d\xe0pv\x93\xbe\xb7Q\xa8\xc3\x1bn\x96W\x06\xfb\xfcL\xb78Nj\xce\xebrq\x19\xd01\xc4\xaezb\x04\x07\xda\xdb\x05\xe6-[A\x92\xc8\x16\x13L\xb6zB\xbd\xb7}\x0b\x95\x08\xea5\x96\xde\xf6\x8b\xc9\xf4k\xb7\x1fJM\x1f\x0f\xf8x$\rB~\xe6}\xcf\xc5d[&gt;[\xa8jB\xf5QOj\xbb\xfd?wa\xb9Ep\xa5f\xfd\x02`\x94\xfd\x12F6\xa7\x83F\x88\x97\x94\x98\x9c\x853\x12R\x13r\xe2\x86CY\xb3\xf6\xf3\xef_\xdcY\xe2\x1b\xec\xfc\xda\xe3\xa1jqQ&amp;\x13\xcd\x9d+S\xef\xbd\xe1\xe3\x1a\x05\x0e\x04\x8a\xba ]\xf8\xfb{\xe1\xfc\xa4\x7f\xa9\xa1\xaf\x85K5]\xe7\th\xaa\xfd\x8b'</t>
  </si>
  <si>
    <t>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</t>
  </si>
  <si>
    <t>b'\xea\xca\x16\x86\xc1\x9b\x9a\x06\n4\x1b:W\xbf\xab\xa4'</t>
  </si>
  <si>
    <t>e telling two adventures rather than just one.
 A shorter adventure, and quite as exciting, was Tinker Bell's attempt, with the
 help of some street fairies, to have the sleeping Wendy conveyed on a great
 floating leaf to the mainland. Fortunately the leaf gave way and Wendy woke,
 thinking it was bath-time, and swam back. Or again, we might choose Peter's
 defiance of the lions, when he drew a circle round him on the ground with an
 arrow and defied them to cross it; and though he waited for hours, with the
 other boys and Wendy looking on breathlessly from trees, not one of them
 dared to accept his challenge.
 Which of these adventures shall we choose? The best way will be to toss for it.
 I have tossed, and the lagoon has won. This almost makes one wish that the
 gulch or the cake or Tink's leaf had won. Of course I could do it again, and
 make it best out of three; however, perhaps fairest to stick to the lagoon.
 CHAPTER VIII
 THE MERMAIDS' LAGOON
 If you shut your eyes and are a lucky one, you may see at times a shapeless
 pool of lovely pale colours suspended in the darkness; then if you squeeze
 your eyes tighter, the pool begins to take shape, and the colours become so
 vivid that with another squeeze they must go on fire. But just before they go
 on fire you see the lagoon. This is the nearest you ever get to it on the
 mainland, just one heavenly moment; if there could be two moments you
 might see the surf and hear the mermaids singing.
 The children often spent long summer days on this lagoon, swimming or
 floating most of the time, playing the mermaid games in the water, and so
 forth. You must not think from this that the mermaids were on friendly terms
 with them; on the contrary, it was among Wendy's lasting regrets that all the
 time she was on the island she never had a civil word from one of them. When
 she stole softly to the edge of the lagoon she might see them by the score,
 especially on Marooners' Rock, where they loved to bask, combing out their
 hair in a lazy way that quite irritated her; or she might even swim, on tiptoe as
 it were, to within a yard of them, but then they saw her and dived, probably
 splashing her with their tails, not by accident, but intentionally.
 They treated all the boys in the same way, except of course Peter, who chatted
 with them on Marooners' Rock by the hour, and sat on their tails when they
 got cheeky. He gave Wendy one of their combs.
 The most haunting time at which to see them is at the turn of the moon, when
 they utter strange wailing cries; but the lagoon is dangerous for mortals then,
 and until the evening of which we have now to tell, Wendy had never seen the
 lagoon by moonlight, less from fear, for of course Peter would have
 accompanied her, than because she had strict rules about every one being in
 bed by seven. She was often at the lagoon, however, on sunny days after rain,
 when the mermaids come up in extraordinary numbers to play with their
 bubbles. The bubbles of many colours made in rainbow water they treat as
 balls, hitting them gaily from one to another with their tails, and trying to keep
 them in the rainbow till they burst. The goals are at each end of the rainbow,
 and the keepers only are allowed to use their hands. Sometimes hundreds of
 mermaids will be playing in the lagoon at a time, and it is quite a pretty sight.
 But the moment the children tried to join in they had to play by themselves,
 for the mermaids immediately disappeared. Nevertheless</t>
  </si>
  <si>
    <t>b'\x18tE\xe3\xd7\xcfB\n'</t>
  </si>
  <si>
    <t>187445e3d7cf420a</t>
  </si>
  <si>
    <t>Ryan of the past, I now say two things.
 First: Who cares? Put on your big boy pants, Ryan. Itâ€™s only $600.
 Second: This isnâ€™t the real problem. Assuming you follow this process,
 create a decent product, and identify your customer, your bigger problem is
 that you wonâ€™t be able to keep inventory in stock, as weâ€™ve talked about
 already. Trust me on this. Keeping inventory in stock so that you can keep
 building your sales momentum is a real challenge.
 With Sheer Strength, we kept raising the price until it hit a point where
 sales were just slow enough that we could keep up with ordering the next
 round of</t>
  </si>
  <si>
    <t>b'\x91\xd0\xd9\x0f2^\xa8s\xc4\x14U\x89\x0c\xfai\xfc\xd5\xbf\xb5s\x95\xff`_\x13\x8a/\xc8\x9d\x90j%u\x08s\xf1\xb1\n1\xfe\xfe\xf4\xdea\xd5\x065\xdd\xcb\x99\xde\xf0\xf3\xbc\x89\x00\x10(\xbc\xf9z\'\x93\xb5;\x8d\x07\xded\xa6\xba\xdf\x1bjV\xe5\x859i\xbe\xd6&lt;\x1b\x84\xf1\x929\x19~z\xad\xc1\x9eE\x92\xf9\xd7\x9d\x1e!;\xbfm\xe3\xe8\xf9\xe0\x18\xdeu\xa7s\x8c&gt;\xb0\xe33P\xf8Y\xb6\xc3\xfdue:Cj\xc4\xb7h\x9ds\x7f\x08\x9c\x0b\x12\x88lUI\xf5sy[\xdf\xe9!\x97y\x0ejzYt\x81\xb5\x0e\x8f\x83\xbco\xa0\xe0\xd1k\xba\xc1\xab\x8b\xa6eL\x90z\xd3\x986\xe9\xc1\x1d\xfc\xad\x130\xceN\x8cN\x90\xca\x1e\xff`\x06\xa7\xacH\x0c\x00(\xd3\xd1\xac\xccW\xac\xfe\xfb\x8e\x02A&lt;b%_k\x88R\x17*\xd0\x92\xd8\xd5~\x89\x82\xe1\xf0M\x80\xeeU\xa3\xef\xa1=\x82S\x92\xfa@\r\x01\xe0\x12+\xed\xc6\xabG\x08$A\xd2[\xdf\xfao\xf4\xa5\xf2\xe9\t\xc3\xd4j.re\xe0\xe4H\\\x83\x85U/,\xd3&lt;s4O\xb8%\x0c\xdb+x?\x1c\xbd\x83\x01R\xfd\xa2\x91l\xfa\xbe\xd1\xa5\x04\xa4B\x94\x96#\xa8\xec\xb1e\xeeO\x18\x85*B\xf4\xb4c\x9dS\x89+e\x05^=\xdbD\x0c\xcb\xfd\x0fHv_B\x05\x147\xd5L\xd5\xbd3\xcd\x80\xf2\x05\xf7\x9c\x96\xa7+\x8d\x17\xf9\xe4\x1a\x06T^\xc2\x81z\xd1K\x94\x1a\xbc\xd2m\x1f\xe9\x9e\xae\xecT\x13\xd1\xe8\xf5o.Z\xce\xaa\xb3ozS\xac\xfe\x05[q\x86\xe3\xc3\xae\n\xdaoty\xbcp\xa8\xa86\x9d^\xd6N\xa6\x10yUv\x18&amp;\xcd-\x94\xeaK\xc5\x93o! \r\xea\x8c\xd4\xa9\x8b#\x11\x81k\x1a\xfe\xe3\\f\xd4\x856\t\xf7/\x07NK]@\x90\xaf4\xd0\xc3c\x05\xb6\xd1\xa7\x91\xbf\\\xb2\x94\xd6\x1e\xb8:-\x90\xf3"\xc3\x13\xed\x8aC\x0fU~C\xed\xae\x99\x0f\xc0;\x1b\xdd;\xf7Sj\x99rR\xce1W\xd6\x0e\t\xf9\xed\x84&gt;\xd8,K\x0c\xb5qW\xfd\xcc\x91\xfc\x83\xe8\x1c\x9e\xd9S@\xba\x1e\x9e\xd2{]&lt;\xed\x02\xcd\xe5Cm\x1c\xdb\x1f\xfe\x1f\x86:\xc8\xfa\xad\xf0K]5\xf1:}[\xaa\x9c\xb9\x05w\xe2\x8c\x1e\xf4M\x81\x86\x18\xf3:a\xe68&amp;M@\xc6\xad\xb4J\xa574\x0cG\xd9R\xeb\xd8i\x0c\xea%a\xf0\x92\xa6\x01\xf7\x98\xf6\xd1'</t>
  </si>
  <si>
    <t>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</t>
  </si>
  <si>
    <t>b'\x91\xd0\xd9\x0f2^\xa8s\xc4\x14U\x89\x0c\xfai\xfc'</t>
  </si>
  <si>
    <t>om Â¯
  Oto Â¯ A as measured in Â¯ S. Because Â¯ O and Â¯ A are at rest in Â¯ S, Â¯ x
  is the â€œmoving stick,â€ which appears contracted to S:
  d = 1
  Î³ Â¯ x.
  When this is inserted in Eq. 12.10 we obtain the relativistic version of (i):
  Â¯
  x =Î³(x âˆ’vt).
  (12.13)
  (12.14)
  Of course, we could have run the same argument from the point of view of
  Â¯
  S. The diagram (Fig. 12.17) looks similar, but in this case it depicts the scene at
  time Â¯ t, whereas Fig. 12.16 showed the scene at time t. (Note that t and Â¯ t represent
  the same physical instant at E, but not elsewhere, because of the relativity of
  simultaneity.) If we assume that Â¯ S also starts its clock when the origins coincide,
  then at time Â¯ t, O will be a distance vÂ¯ t from Â¯
  O, and therefore
  Â¯
  x = Â¯ d âˆ’vÂ¯ t,
  (12.15)
  where Â¯ d is the distance from O to A at time Â¯ t, and A is that point on the x axis
  that is even with E when the event occurs. The classical physicist would have said
  that x = Â¯ d, and, using (iv), recovered (i). But, as before, relativity demands that
  we observe a subtle distinction: x is the distance from O to AinS, whereas Â¯ d is
  the distance from O to Ain Â¯ S. Because O and A are at rest in S, x is the â€œmoving
  stick,â€ and
  Â¯
  d = 1
  Î³ x.
  y
  v
  z
  O
  z
  y
  vt
  O
  d
  FIGURE12.17
  (12.16)
  E
  x
  A
  x
  x
 12.1 The Special Theory of Relativity
  521
  It follows that
  x =Î³(Â¯ x +vÂ¯ t).
  (12.17)
  This last equation comes as no surprise, for the symmetry of the situation dic
 tates that the formula for x, in terms of Â¯ x and Â¯ t, should be identical to the formula
  for Â¯ x in terms of x and t (Eq. 12.14), except for a switch in the sign of v.(If Â¯ S is
  going to the right at speed v, with respect to S, then S is going to the left at speed
  v, with respect to Â¯ S.) Nevertheless, this is a useful result, for if we substitute Â¯ x
  from Eq. 12.14, and solve for Â¯ t, we complete the relativistic â€œdictionaryâ€:
  (i) Â¯ x = Î³(x âˆ’vt),
  (ii) Â¯ y = y,
  (iii) Â¯ z = z,
  (iv) Â¯ t = Î³ t âˆ’ v
  c2
  x .
  (12.18)
  These are the famous Lorentz transformations, with which Einstein replaced
  the Galilean ones. They contain all the geometrical information in the special
  theory, as the following examples illustrate. The reverse dictionary, which carries
  you from Â¯ S back to S, can be obtained algebraically by solving (i) and (iv) for x
  and t, or, more simply, by switching the sign of v:
  (i) x = Î³(Â¯ x +vÂ¯ t),
  (ii) y =Â¯ y,
  (iii) z =Â¯ z,
  (iv) t = Î³ Â¯ t+ v
  c2 
 Â¯ x .
  âŽ«
  âŽª
  âŽª
  âŽª
  âŽª
  âŽª
  âŽª
  âŽª
  âŽª
  âŽª
  âŽ¬
  âŽª
  âŽª
  âŽª
  âŽª
  âŽª
  âŽª
  âŽª
  âŽª
  âŽª
  âŽ­
  (12.19)
  Example 12.4. Simultaneity, synchronization, and time dilation. Suppose
  event A occurs at xA = 0,tA = 0, and event B occurs at xB = b,tB = 0. The
  two events are simultaneous in S (they bot</t>
  </si>
  <si>
    <t>b';\xc0\xa7[\x02\xf9d\x952v\xf7\x82\xf1D\x00\x0c\xc5\xe4\n\x90\xb2\xb9\xf9b\\\x0c\xfc0\xb1\x114k'</t>
  </si>
  <si>
    <t>3bc0a75b02f964953276f782f144000cc5e40a90b2b9f9625c0cfc30b111346b</t>
  </si>
  <si>
    <t>b';\xc0\xa7[\x02\xf9d\x952v\xf7\x82\xf1D\x00\x0c'</t>
  </si>
  <si>
    <t>ics:
   - Applies mechanical principles to the motion of celestial bodies
Each of these branches offers unique insights into the behavior of physical systems and often interconnects with others to provide a comprehensive understanding of the natural world.
## 2. Classical Mechanics
Classical mechanics, also known as Newtonian mechanics, is the foundation of physics and engineering. It describes the motion of macroscopic objects, from a ball thrown in the air to the orbits of planets. This branch of mechanics is based on Isaac Newton's laws of motion and provides accurate predictions for most everyday phenomena.
### 2.1 Kinematics
Kinematics is the branch of classical mechanics that describes the motion of objects without considering the forces that cause the motion. It focuses on the mathematical description of motion in terms of position, velocity, and acceleration.
Key concepts in kinematics include:
1. Position and Displacement:
   - Position (x) is the location of an object re</t>
  </si>
  <si>
    <t>b'\x0f\x88B\xfdi\x1f\n\xc8P\xa6\xb9\xf4\x17\xc9{\xbb\xcd/C\xc1\x18\x98\xd6\x16t\xca\xc7\xef\xbb\x98+\xb0\xf4\x19ha\xa3\xb5X\x1d\x12\\X\xf3\xae6\xf4\xef#\xaes?\xd4\x94k\xfb\x85\x1e\na\xa0 \x86\x8e\xdb\xeb\x01\x13C\x1f\xb6\x82\xbc[r\xadX:\x04\xc3a\xce\xe7\x9a/\xb7\xcdM\xfe\xaa\x91\xac)1SYE\xe7\xbe\x1f\xca\xb8*@\x03\x16\xc9\xe5\xffv\x08\xe7\xeeMTC4FE\xfc\xb8\x0c\xc4\x12(\xb0\xc9\x10\xdd\x8d\x91\xcer\xd6\xf5\xffG\rC\x81\xff\xa1#E\xa5\x82\'"\x85\xd3\x81\'\x11\xc6\xad\xdc\xe0"\xcd=\xce\xa9\xb7\xe9\x1fHIA\xb8O\x9b\x0e\'\xe9\n,\xe6\xa4I9v\xa5\x98.*\xc0\x00.T\xad\xcdY\x12\xeb[\xc0\xd5\xd2\t\x9eL\xdf\xfe\xff\xd7\x02a};*y\xaa$\xe0h\xc2\xac\xfc-A\xbb\xdc\x13X\xb7\xa1\xe8\x0fI\x08k\xe2\xb340\xfb\xa0)B\x11\x18\xb0\x82\xf7\xc2?R\xba\xdb,I0\xb8\\\x9c\xdd\x93\x08\x9a\xc5\xe4;k\xacS\xff\x1e\xb4h\xf2\xf6~;\xc8\xc2\xd5y\x9cK`17`\xcb\x06=\x0b]~\x9a\x14\x9b\xc9\xed\xa3\xe8\xe8\x07nY\xa9\xcf\xebz\xaeM\xcb\x88\x0f\x02\xb7y\xcb\xc6\xfa\x05t\x95r2\x1c\x06\xf4\x8d\x99\xa1\xa1)1\xb6m\xb3#P\x98rA\x85\xef|\x91\xb9-\xde\xa1nS#\xe9\xe3\x84z*\x92_LD\xbd"\xfb\xaa]\xb8\xcb\x0e\xc0\x1f\x0b\x9d\xd6\xae\xc7\xe9"\x14\x9d+\xba!\xda\xe7\xf5\t\xf6\xaeNk\nq\xa3/C\x97\x0b=\xa9\x0b\x0c\xbb\xd0\xab\x94\xcf\xb9|\xbf\t=\xbc\xb7\xe4\r\xa0\x94\xb3/\x9a\xbe\xdc\x179D\xe3\xf1\xdd\x97\xfe\xe0\xb0B=T\xacl\xa7\xb8u\xc1%\x7fv\xbe\x12\xd5[\x8ey\xa4\xd8\xf5]u\x0b\xbdB\x10\xbfeh\x19\xd1\xb2\xbe\xef+\x0e\xb7\xd8"\xfej\r\x91C\x9e\\CZW\xcd\xe8yp\xbe\xb6\xf6\x9e\x7f\x9er\xd6Cq7\xc6\xaa\x0bK\xd8\xd5\x0ci\x87\xeb\xa3@\xa2\x82\xeff\xbdF\x07\xf7=\xd2\xe8\x84\x81lJ\xb5\xdb*\xaf\xffE^\x12\x8d\x86\xe1\x9c\xa1X\xd9\x8c|\xb6\xce\xa9\xe9 \xca\x81\x0fGr\xecW\xf5\xf9\x07T$\xaf\x11K\xcf\x94\xe7\x95\x8b\xa5\x14\xd7:\xef\x99\xadi\xa7\x16\xba\x8d\xdc\xb7N\xca\'\x8f\xb5\'"\x1f\xfe&lt;\xc4\xa6\x8f\xe2\xe9\xa5i\x15\x01\xf8\xebS\x9f\x83Q\xdc\xb1\x1e\x0f\xbfV\xab\xb3\x1e\x9f\x81(IY\xc0]\xfb\xb8\xe6U8\x07U\xfb\x85\x01~\xcb\x18\xfca\x88AP\xfd\xe6\xd6\xef\xadL\xeb\x07H\xaf\x1aG\xb0F@sA\x8f\xb2~Sa\x87i\xf4\xd1|Y}\x06\x1a\x03^n\xd7\xe2\xba\xc4\x97\xf8|(\x83\x93w\x0e,\x90\xd9\x9d\xe8\x06O\x1b\x7f e\xd3G\x9f\xb0u\x1f\xd5\xcaV\xdda\x8a\x95de2b\xc5\x88,\xe7\x08/\x14m\xcb\x8e{x\nsx\xb4\x9f\x152\xe6o"\xae\x87M9\xf1\x05\xb0:(\xc4_\x82\x82\xc7\x91\t\xdab\xf2\xf00\x0f\xf1\xd5F\x972"A\xb7|\x98\xb2%+LJY4/F\xbd\r\x074\xd9\xdfE\xa6\x06\xf9Fh\xadP\xd7\x02\xf6\xc0\xe7!\xbd\x0f\xf3\xd7\x7fm\xd9r\xd8\xcc7\x1a\x01\xb0\xf4\xb6\xd6\xc9\xcf[\xe7lm\x0f55\xedGn\x87\xcdg7\xb8\xfc\x82\x92:\xfc\x83\xc0$K\x88\xa9\x908\x05\x9c\xabu\xe3\xb4}\x9e4\xd9Q\x0c\xc2+gn\x0b%\xa5\xf8\xa3\xb6\x10\xf0h\xee\xebM\x00\x07\xbaM\x079;\x12\xb4\xe3\xc1\xf2\xc2\xed+\x90\xcf\xadLN\xe91\xcb?\xfc\xaa^\xf9S6\xb6#\x8a\xdfi\xc7\x1f\x02*1\xccr\xe1\xf8\xca#2\xaf\x15PPc\xceT\xc5\xd2\n\x08\x0c\xb6P\xf7\xba\xb2@\x85\xfc\n\xc6\x0e_*\x11Q\x1fJ\xa4\x1a\xb9\x99\xf1\xb1\xbe\xabO\xc2\xa4\x07\x1d\x1d\x07S\xf5l.\x1ft(M\xedz\xe0!\x05\xdf\n\xda\xc1.n]\x7fE\xe5T\xa8\x1c\xc4d\xc0\xf3\xc8?f\x8a\xd9\x05\xd5r8b4Td'</t>
  </si>
  <si>
    <t>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</t>
  </si>
  <si>
    <t>b'\x0f\x88B\xfdi\x1f\n\xc8P\xa6\xb9\xf4\x17\xc9{\xbb'</t>
  </si>
  <si>
    <t>judgeâ€™s decision â€“ something that may be connected
with his further claim never to have won by â€˜â€˜royalâ€™â€™ favor (Moretti 1953: no. 79, with
Poliakoff 1987: 126 n. 21). In another case, an inscription honoring Tiberius Claudius Rufus of Smyrna reproduces a letter from the hellenodikai (tournament officials)
at Olympia explaining that he was declared the winner in a match that technically
ended in a draw because he contended against an opponent who had benefited from a
bye (SIG3 1073). Elsewhere there is ample evidence that people discussed the
specifics of matches well after they had happened. Philostratus of Athens (writing in
the early third century) has his fictional character, Protesilaus â€“ a Homeric hero who
gives oracles from the region of his tomb on the Gallipoli peninsula â€“ describe specific
advice that he gave pancratiasts as to what moves will be successful. Perpetua (on
whom see Evans Grubbs, this volume) dreamed that she had become a pancratiast
and seems to have been able to envision a fight in some detail. The Philostratus who is
the author of the Pictures tells us that:
Pancratiasts engaging in wrestling that is fraught with peril, for they are subject to blows
in the face that are dangerous for wrestlers, and clinches which they can only win by
pretending to fall, and they must have the skill to choke an adversary in various ways at
various times, they are both wrestling with the ankle and twisting the opponentâ€™s arm,
dealing a blow and leaping upon him; all these things, save only biting and gouging, can
be done in pankration. (Imag. 2.6.3)
This Philostratus seems to have had a passion for these sports â€“ describing elsewhere a
group of wrestling (and cheating) cupids, boys wrestling in an Arcadian gymnasium
(again stating that the form of wrestling com</t>
  </si>
  <si>
    <t>b'\x03\xfc\x8c\xe9{a\xb1\xf67K\xfa\x94\xf7\x9e\xbf\xce&gt;@ S8\x98L\x1d\x85A\xfb\xc6\xd9-\x932\xb2\xd3?\x1af+\xd3X\x02t\xd7\xbf2j/\xe9\xb5\x86j\xd8nqJ\xe8\xb1\xc0Q\xbc\xaf\xc2.\x82\xa2\xbc+_0\xd4\xdbC\xeb\xf3-\xc7j\x93h\xcc)\xd8v x\x15\xa7M*\xb0j\r\x0fr]\xcc~\xfb0\xc7Gc9\x8e\xe3\xca\xe1J\xde\x96g.\x1e\x05\xef\xb5\xfd\x84(\xb9\x0f\x9e\x1d\xa4\t\xe4=\x81\xac\x19\xc2\xe1\xc6\xd2\xa8\x1aI$JuN\xf2\xa9\xf0\xef\xff\x9f\x13"\xd8\x95q\x98zy,wb\x9f:\xb6\xbal\xcc\xf1pUB\x96=\x8d"\x9b}@g\xbdu\xad\xa6\xc3\x11\xd0\xdc\xdf\xf02E\xe1\x10\xfaeW\x18\xfd\x9d\xa2\xdd\xca\xc0\x9aM\x9ck\x11\xc9\x1c\xc1{\xac9\x12\x92)\xa9\x90\x0e_\xe5\x9e8b\x03\xf8\xf1UP\xfe\x0c\xb0\xbd:\xef\xd4\x07 \xf8\xd1\xf1Tb\xb1\x19\x13\xf6\xd4\xbc\xea\xcd\xa9\x14\x83r\rG\xebO\xa2\\\xcd\xab^\xa8\xbb\x93\xcf&lt;\x1b{\xacb|\xa3\x91\xf47\xfa\xb6Q\x10\x84_\x16\x93\x8f\x8d&gt;\n\xbd\xba\x08\xd2\x06A\x8e\xd3:\xee\xf5\xa0\x90\x86\xb2\xee\xe6\xaeZ\xfe6\xb4\x065\xd40n\x8b\x03\x02SwZ\xd3I!v\xc5\xbc/\x0e\xa1i\xfc\xe1N\xe4edo\xdd\t\x0e\x19\xda\xa1 \xad~`\xde\xbc\xbb:\x91\xd1&gt;A\xe2D\x90\x1ad\xdc\xd2\x97.n5\xd1K"\x83\x84[J\xf6\xa4\x1e\xcdyc`\xdd.&gt;*\xf2\xc8\xe3\x92e\x98\xd3\xee`*\t\xfb\xa0\xf2\xa5\xcegR\x14K\xda\xa2\x03\x1a6\xd2\x8c\xfd\xa4K\xefV\x89\xee\xec\x97\x85i9\x9a,\xf5\xbe\xf7\xaf\t\x8a\xc4-\xb8\xec\xd5)\x05&gt;6I\xe2\xbcKMJ\x06\x80\xcc\x91\x021M\xbcr.\x01KN\xe2\xe0\x1bjYF\x0f(.\x16j=\xc9BtD\xa8\x0eCz|d\xc6\x81$`\xd3\xc0\xe5x}R\xf6\xe6\x1eT\x1a{\xd7\xbc/\x05\n\xa7\xf1\xf8B\xe8Uv\xb5\xe2ncK\xb2\xd1\x84\x94\xfaWg\xb6e\xeb\x9dQ3@\xc3\x0fH\xe6\xee\xeb\xd4\x14/\xd7r\x1c\r\xd9\xb3\xe8\x97\x8e\x95\x05d5|A\x0bg\x9fH\xa3\xd6\x05\x10\x89F\xca\xc5\x041V\x82bJS\x9d3\x04\xe8:k\xc9XL\x9a\xc9~\x01\xeb2\xe4\x8d\x8b\x19ia\x14\x15n\x14\x1e\x8e\x95Y3}\xb8\xe4\xcbaO\xc3\xeb\xa1\x08\xa1\x86jdNu\x1e\x81^\x0c$\xbb\rI\xefF#|\x0f\xee\x8e\x00`w|s]X\xb7\x93A\x18/\xa0V]f\x17&amp;\x7ft\x07n\x14\x98\xe52\xe2\x8eG[\x1b9gJ\xafA\x8d\x94\xc4\x0c\xbf)\x07\xa3\xad\x86T$\xdc\xb0\xdbhB\x95\xe4&amp;\xb5\xef\xa5\x04\x01\xaf"0 \x9aFq`\x9b\xe5\x9d\xe9\x01\x94\xca\x94"\xed\xd2_\x81\x1b\xb9\x02\x14\xfei\xd4\x9b\xa0\x9f\x8f\xd2\xfeo\xb7\x01\xa5\xb0p\x03\xd9R\xd0\x9e\xf5\xb4w}8\x82j\x83\n|\xab&lt;`b\xe3\xaa7q\x18\xf65\xe94\xf7\\E\xb3\xd5\x1e\xaa\x12\x18\xefq\x81\x13\x9a\xc4\xb2\xdfG\x1bP\xb3\x17\xbd\xed\xf4\xed\x87\x11\x1f\xc9\xdb\xc6\x83J\xc0\x19\x1eo\xea\xef7O\xcc\t\xa5\xe6B\x04\xd0\x19\xc9\x98\xb4L\xad\xc5\x04.{hc\xe0&amp;\n-wQ\xea\xed\xecq\xc3\x8c\x8c\x9d5$\x10\xf7\xe6\\p\xad\xd4\xd83\x8e\x8a\x02\x9cI;2\x88x[\xd3\xad\xde\xc7\xedSm3+\xd0\xa6\xd2=\xa9ot\xb94\xfd\xc0\x84\xd5\xf4\x8a\xea\rY\xdc\xdf\x8d{\xfa\x80M\x0b\xe4\xa7\xbf\xb93\x8b\x16p\x8d\xe3\x8c\x91pt\xce\xea4\x0fCaxg\x0f\x94#\xb7\x0eR\xd5c\xd7b:I\x86\x08\xa4\xe7\xf9\xd4\x0f\xcdn\xc3\xbfjE\x80\x82\x99E\x05\xf2G \x92\xd8\xa1\x00\x88g\xe5\xb8\x1a\xbe7Qq\xb9qW\xc5f\x8f\xf3\xc4\x1fR\xf4\x16\x03\x00\xd6a{U*\x97\xe5\x83D\xe2I&amp;\xa2\x82#\x13\xdc\xb6\\\x0e\xb5i1\xe2f\x1c\xe4\xd8\x90J\xa8\x1d7\xcd\xb2\x8e\xaf\x97\xdbQ@mOr5\xd9Z\x97\x0e\xb5\x0e\x08\xb3\xa6\xff\x1f\n1B\xc4j9\xba`,\xdaE\xfe1I\xaf\xfc\x93\xd8\x82o\r=\xf3\x0f@"\xbc\xff\xc2\xcd\x13\xd4q\x88\xfa\xe1\xbf^I\xc5\x8e\x92\xf8H\xa9_\x8bv\x06\x95=\x88\xa6(k\x1e\xc3p`\xbcp\x86\xc6F\xd2\xfc\xf16V\x03\xae\x8fx%\x87 \x815\x002\x91\xe7\x89\xb8_p\xe6\x9f\xc6\xa0\xcb\xf4j\xb6\xc2\xbfO&lt;\xee\xa8`\x93\xf1M\xa1\x11W&lt;\xf9:NC\xd1\xaa\x11\x82\xa8xwM\x8b/\xb6\xf2{\xabu\xdf\x87\x8f&amp;6\x9b\xf5a\xa92\x17\xa3!,i\xc1t[o\xd2&gt;\xcf\x8d\xafI\xde(pi\x18\xa1#\x02\xe3\x07@\x01\xaf\xeeI\xaa\xa0\xf1w\x0fwV\xa3\xa4\x81\xfd@\x18f/\x8f\xc6\x8f\x9f\xb4~\xec\xa9\xc6\x06\xa7\x10\xb9\xb5\xa0\xba\xb8\x05\xe4(\x81\xafb\x1a\xb8;\x117aHZ\x8a\x1c^t\xcd\xf6\xe7I\xb0G0\xdc\xc4\x88N\x15\xd4\x81Sd\xd3\x03E\xd0\xdb\x9b\xa5\x90\xc7\xd9\'\xa9\xbc\x1d\x03\x08\xc3m+\xa9~\x0b\x95\xdd\n=\xd1\x949\xb9,\x7fX\x1f\'w\xa4[\x18_\x1e\xdd\xc2z\xfc\x01\xa7\xe67\xd9\x14vS\xad\x9e\xcf\xa4\xfdR\x1c)\x9c\xc1d\x130:i\x03\x82\x19\xe4P\xe1w\x91\x94dH\\3\xab\xeda(\xd0.\xa3\x93\x06\xb3\x86[\x1bW\xd4\x85\xa5\xed\xf6hf\xc1hF\x1cnk\xd3*s\xbb\x9a\xc5.\xc8G\x92k\xb1?\x16I\xd6\xd8jVo\xae\xb3\x9a\xcd\xf7\xf1cx\xcf\x08.\xcdb*\xd5y\xb5\x1e\xfd\xf3\xdc\xa4mP\xfd\x96\xd48\xcd5\xf6K\xb0(\x9a\xac\x1dao4\xce\x8a_\xe5*\x1b\x86\x9fgV\xd3u\x8a\x194\xec}:\xdb\xad\xde\x10#\xaf\xf8\x15\x06\x1c1\x8d\xdd\xde\x8d\xf4z\xb80!G\xd2k\x07\x94\x13\x05\t\xbb\xb10z\x92\xccJ\x14:\x83M\xb5\xb06v\xf8\x96\x0c`Y3&lt;\x8d\x9a\xa7\x0f\xb3.Y6\xbd\xban\xae\xfb\x0e\xd9\xf3%\x13\x8be\xcb\xc5;\xe6V\r\xc5\x1fl\xb3\xd8\x15\xaa\xd8\xbb\xd84\xa3\x05t\xfb6\xa8\xe5\x06!\x88\x11\x14\xa8\xc7J`\xbdtU\x8c\xea\xe2\xb4u+\xfa\xe9$\x0e\x8f\xd48\x87\x96{\x83"\x0fK\xdd\xa6y\x04#U\xcf\xbe\xbdeN\xf0\xa7Bz\x07\xbe\x87~\x88\x0f\xbd\xbf\xba\x1d\xac\xbfn\xe7n[\x00\x83\xbd\xef\x97\x94\xf0\xf4\x86%\x8c\xfa\xe2\xb3\xbacc\xd8k\x97 V\nhP\xc5\x99]v^\xc2\xed\x8fw\xe0\x8c(\x8b\x9b\xab\xe4\x06\xa39\x99\x8b\x893\xb2\xb5\xeb\xad\x19\xaeuw\xb7\xc1\x08ZDDC\xd1\xeb\x8b\xddl\xf5M\x1f\xd05\x8b\xf4\xa6Y\x10\x01\x9a(\xd4`\xa2\xed\xc9[\x05\x03x\x16\x93\xebM=d\x18\xd1C1\xf1\x12\x97\xecm\xde9\x1d\xb5\xbe2B:\xce\xcc\xb4\xb1\xf1\xa3)\xd2\xa3\xaf$\xbf\xe8\xa7\x17\x8a\x06H\xec\x96(\x10\xea\x17cLI\xff+9\xa4u\x1e\xe1\x83\x0cq\x16\x18\xb3\x87\x04\xe0\xf9?\xd8hx\xc0j\xfd\x94\xe9\xf2?T\x96Y\xa2\xbc\x12\xeb\xbcL@\xad\x85P\x99y#\xa1!\xec\xa7\xb8\xffT\xaeE \xc6\xd2\x03\xce\xe1\x1ab\xf7_)l\x7ftru`\xb4\x83\x82\x80\xden\xd4\x0f7\xb2\x8a\xd5)\xd2Ax\\"\xcbgI\xf5\xae\xf3\xeb\x17\x9b(\xb7!n&gt;\x15\xe3'</t>
  </si>
  <si>
    <t>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</t>
  </si>
  <si>
    <t>b'\x03\xfc\x8c\xe9{a\xb1\xf67K\xfa\x94\xf7\x9e\xbf\xce'</t>
  </si>
  <si>
    <t>arted about
 the room like a living thing; and I think it must have been this light that
 wakened Mrs. Darling.
 She started up with a cry, and saw the boy, and somehow she knew at once
 that he was Peter Pan. If you or I or Wendy had been there we should have
 seen that he was very like Mrs. Darling's kiss. He was a lovely boy, clad in
 skeleton leaves and the juices that ooze out of trees; but the most entrancing
 thing about him was that he had all his first teeth. When he saw she was a
 grown-up, he gnashed the little pearls at her.
 CHAPTER II
 THE SHADOW
 Mrs. Darling screamed, and, as if in answer to a bell, the door opened, and
 Nana entered, returned from her evening out. She growled and sprang at the
 boy, who leapt lightly through the window. Again Mrs. Darling screamed, this
 time in distress for him, for she thought he was killed, and she ran down into
 the street to look for his little body, but it was not there; and she looked up,
 and in the black night she could see nothing but what she thought was a
 shooting star.
 She returned to the nursery, and found Nana with something in her mouth,
 which proved to be the boy's shadow. As he leapt at the window Nana had
 closed it quickly, too late to catch him, but his shadow had not had time to get
 out; slam went the window and snapped it off.
 You may be sure Mrs. Darling examined the shadow carefully, but it was quite
 the ordinary kind.
 Nana had no doubt of what was the best thing to do with this shadow. She
 hung it out at the window, meaning 'He is sure to come back for it; let us put it
 where he can get it easily without disturbing the children.'</t>
  </si>
  <si>
    <t>b'\xd4\xd9N\x90\x17P\xb7\xf4'</t>
  </si>
  <si>
    <t>d4d94e901750b7f4</t>
  </si>
  <si>
    <t>vestors typically put a
 lot more money into any company worth funding. (And to be fair, Andreessen would
 have invested more in Instagramâ€™s later rounds had it not been conflicted out by a
 previous investment.) VCs must find the handful of companies that will successfully
 go from 0 to 1 and then back them with every resource.
 Of course, no one can know with certainty ex ante which companies will succeed,
 so even the best VC firms have a â€œportfolio.â€ However, every single company in a
 good venture portfolio must have the potential to succeed at vast scale. At Founders
 Fund, we focus on five to seven companies in a fund, each of which we think could
 become a multibillion-dollar business based on its unique fundamentals. Whenever
 you shift from the substance of a business to the financial question of whether or not
 it fits into a diversified hedging strategy, venture investing starts to look a lot like
 buying lottery tickets. And once you think that youâ€™re playing the lottery, youâ€™ve
 already psychologically prepared yourself to lose.
 WHY PEOPLE DONâ€™T SEE THE POWER LAW
 Why would professional VCs, of all people, fail to see the power law? For one thing,
 it only becomes clear over time, and even technology investors too often live in the
 present. Imagine a firm invests in 10 companies with the potential to become
 monopoliesâ€”already an unusually disciplined portfolio. Those companies will look
 very similar in the early stages before exponential growth.
 Over the next few years, some companies will fail while others begin to succeed;
 valuations will diverge, but the difference between exponential growth and linear
 growth will be unclear.
 After 10 years, however, the portfolio wonâ€™t be divided between winners and
 losers; it will be split between one dominant investment and everything else.
 But no matter how unambiguous the end result of the power law, it doesnâ€™t reflect
 daily experience. Since investors spend most of their time making new investments
 and attending to companies in their early stages, most of the companies they work
 with are by definition average. Most of the differences that investors and
 entrepreneurs perceive every day are between relative levels of success, not between
 exponential dominance and failure. And since nobody wants to give up on an
 investment, VCs usually spend even more time on the most problematic companies
 than they do on the most obviously successful.
 If even investors specializing in exponentially growing startups miss the power
 law, itâ€™s not surprising that most everyone else misses it, too.</t>
  </si>
  <si>
    <t>b'\xf9\x80[&amp;\xdd~*-\x0cH!*6s\xcd\x1d\x15\x00d)\xd2\xa5\xf2&lt;\x8a\x08\xee\xcf"\xf0\x07\x1b\xec\x93\x00\xb1\xeat\xe9\xb93X\x90\xc1\xbfGsU\xb2\xfd\xab\xb5\xc1\xec\x07\xe63To\xd2\x8f\x13IC\x9dU\\Y\x86\t0\\o\t.\x84\xaeYO-\x10\x16\x9c\xd5\xff9Q\xe6\xbe\xed\xccR,bTi\xb5\xb6.-\x1e\r&lt;\xb7\xb3\xb8\xad\x99:\x06\x129\xb10\xcd\xe0\x9b\x03#A=^o\x1dj\xbd&gt;\'*\xdd\xd6\xe2\xad\xf6\x19\x86\x84OQ\xfbS\x87uO;\x9f\xe8%\xd8\x87\xb8-\xff\xaa\xa5\xd83\x85\xe9:\xbb\xc3\xfe\xb8\xc2\xdan\xd28\'\x85\x9c\x1b8\xda}\xad\xa4#y\xcf\xa9nB\x070\x19\xca.\xaf\x14\x93\xc6mp\x7f\xc7\xfeDQ\xee\x9e\xa1\xf7\xe3\xd7\xef\xee\x055\xbe\xd52\x16\t#\xe7\xcd\x1a\xf5\xbck\xb9\x92\x10I,1Vw\xc1}\xe7\xfd\x07\x10\xe2\x8f\x01\x02\x13\xca\x0e\x99\x85\xf3\xe8\xa5\xe1\xe7\xadc\x9c\x87J\xf9D\x077ih\xb4l\x90V_\xb9x\x8c~\xf5\xde\xb7l\x96\x9f\x1a/\x07W\xe2\x05+%1\x16B\xa3\\\x7f\xbd\x0cP\t\x14S(\x12\xd8n\x1d\xa0\r\x9b\xb78tW\xbaQHT\xd9\xbf\xbc.\xd8J\xa1\x17,\x99{R\xfaDA\xe5\xb0\x06\x10\xa5Y\xc7\x93\xbd\xe4\x16\x8e\x95\x96\xb4\xd0\x14\xf0`8\x9e4g\x93\xbc?\xa5\x99\x11\xe0}&gt;S\xd3.\x18\xa1B\x84\x80Pz\xe6U\xcf\xde!\xfe\x1dv\x17s\xbc0\xc3E\xd7\xda\xb8U\xafJN\xa8\x051\xffZ\xa8\xf8\xdeV\nm`\xb4&lt;`\xd8\x94dz\x04p\xce(\x93{\x8ep\x85:\xf4\x0e\xfc)\xd3\xc8\xa8\x83@\xe1\x83b,Q5\xb4\x0fR\xd9\r\x80\xf6]\t\x90\xd1\xac\xdf\xe6\xdah\xf1\x82t\x0c\x8al\xac\x1c6Zr\x06\xbd\xeb(2\xce/\xb7%\x13\xcenJ\xdf\xf0\\H\x8c\xb3\xd0\x7fAS\xaa_\x97\xf9\x8f\x83c]ID%\xedh\x94 \xfb\xa7\x7f\x96p\x8cN\xee\x11_\x19C\xe7\xdd0\x1e\x8f\xc8\xbe\xb70x\xc7\x9c\x8e+&gt;\x180d^&lt;\xc2\x90]\xc5\xc2\x18\x0c\xff\xcc\x1e\x17\xf7\xea|\xa3+\x9a\xcb\x06\xb7\x8a\xf0\x0c\x98\x07\xec\xde\xfd\xe9\xb8,R\x98\x10&lt;c\xc1\x8e\xbd\xee\x95+\xd6\xa4\xe5\x01\xb3\x17\x01X\xf0\xa88\xa7\xc4\xcf\xe1\xae.\xf6\x87\xacbg\x9d\xe0\x93\xf8\x14h\x0e\x08|\xbabs\x14\\\x98\xfaUQ\xbc\xe4y\x9f\xbe\x84\x85\xd6\x838@dEW\xfe\x89\xc2\xcb0\xb7\x15qN\x80Bh\x12?\xf0\x0b9\xd5\xf8&amp;pkO[\x18\xf6d\x0b\xa7;\x13I\xd7g{\x93\xbe%U\xaf\xfc\xa1V+\xcf\xf6#G\xda\x83O\xc4\xf8W3\xbf\xaeX_\xa7O\x0cuY\xcb\x80\x8e\xa6\xd9\x01\x17\xef\xac&gt;2e\xca\xab\xea\xd0\x8f\xd0Jn\xf2\xca\x01\x07v#=\x9d\xd3e\x0baN\xff\x89\xd7\x0b\xbfG\xb5\xe5W!\xe4\x00V\xd0\xac\xe5\xfe\x01\xa1\x1f\xfb\xf2\xc8\xb1\x8f\x15\'5\x1f^\x94\xd0A\xa08\xbe\x93\x86\x05\xafp\'\xaf\x10\xe7Y\xab\xa4\xf3\xa6\xc3\xf0\x95\xb1\x84\x9aI\xe3\xceb7\x9c8\xa2\x0bp[\xdc\xac\xadi:Yr\xd5\x0c\'6\xaau\xbaA\x8e\x9b{H3*\r\x1c\x8a\xf6\x10r\xc3\xa4\xcf\xa5I\xdd\x0b\xfek\xfb@ \xfeC\x803ki;\x86XvS\x90\xbfZy\xd8y\xb2b\xa4\xbaN5\x8a\xa7\x10\xd4_\xc7\x0f\x1ab3U\x04q\n\xb1\xa7\xaa6\x02\'(m\x92\x9a&amp;\xf4\xbdez\x97\xc0\xbb\xb3\x93\xd9\t\xca\x83\x9b\xf5\x19\xf6\xf0\xf98kn^7r\xa8\x023\xed\xaf%Xp\xa5\x0c\xe8\xcd;E\xf4\xb6\xd2\t;\xb9\xdb\xe2\xeb\xdc\x03\xf9\x11c\x94\xe3\x04\xcbIZ\xc5\xf3b\xbaIc\xe9\t\x02\xb9\x1e\xffY\x07\x025\x81m\xe4F\xe1\xbe\x917\xf8R\x89\xa5\x97\xaa\xf90\xb0\nZIuD\xbePjD\xa1\x8fP\xe9\xa4\xa6\x8d\xdc\xc2j/ \xe2l6\x1f\xff\xb8\x1d\'I\x9b\x8eY\x8f\x89\xee\xdc6h\x0b[\xb7\xfa\x83cp\xa7\xe2\xb0M\xe7\xf1\xd8\xfa5\x9aiD\xbf\xacA{\xe5\xba\x9b.0e3\x95#4fJ\xe0\x1e:\x82%G\x05$Z\xe1eQ\x08\xc1Sp\x85\xae\xe0\x13\x83\x05`\xec\x9a/\xc2\x91\x9e\xc01\xc7\xd3\x84\xa5\xa9+\xab\x14\x8bjr\xcd\x9c\x03\x99O5)/\x86/-u\xc5\x8c\xcax&gt;\x9d\xbe\xe2\x9e*\xac|F\x94\x1f\\\xd9F\xc3[\x04v\x10\x19\xc9`\xbff$9\x17\x05\x9ee\x9fn\'\x9bUy\x9a\xce\xd91X\xf2\xdd4\x9f\xd0\xfa*N*\xdd;)\xfa\xcd\x98q{\xccG\xc8\xfaj \xca\xda\x94\xebU\xf6&gt;\xb1:V\xf9=-\xaf\xa1q\xcd\x97\x84p\xb4}\xeaT\x87Ng\xf8\xda\xe2J.y{\xde&amp;\x816_r\xceg\xc6\xe2\xd61\x89\x06\x06\xb0(\xb3-4\x85\xb5B\xf2\xae\x12\xaf\x8f\xd5X\xcc\xfe}S]\xea\x060\x82\xa2\xe1k\xfa\xc7\xb2\x8e,g|\x19@\x8fM)6n+\xc0N\x84O\xce\x92,:Q\x08&amp;\xef!;y3\xefc\xe1t|\xe2+;\xc8w\x93\xbd\x00\xca\x9fbQ\xd6;\xe7\x94DzwbA18N.\xbaKU3~\xa8\xbc\x990\n\xe3\xf6@\xe7buvjx\xcc(\xb5`\x12x\xf6\xab/\x92w\xed\xc0P2\x96c%\xbf%\xc4\x16P\xea~\xf8|\xed\x03w\xc1\xe2\r\x97\x9b\x88b\x06\xf1r\x8d\x87\xf5\xcf\xed\x83\xc3\xb5zc\xc6\xa9\xee\x81\x9b\x81v(L\xf3\xa6\xcbD\xdb\xbe\x14\x8e\xa3\x84\xa0\x7f4\xe8\x1e\x15r\xad\xc9\x15\x82\x9a\x17\x19\xfc\xffe\xcb\x13\x99\xeaT\x82\x0c\xd8\xb7\xed\xf5\xb0\x1fB\xe8C$\xdaN\xdf,\xf6\x17\x00j\xed\x11\x91\xf1e\x8e\x7fP\xbb\xd9\x93\xdfP\xd8\xae\x96\x88\xf2\x9b\x19\xa7\x01\xa5,\x0f\xb8w\x98v\xd0\x08\xbb\xa9e\x0b\x8f\xe9r\x13\xf0\xd7(B\x13\xfe\xc8\xa2\xf6\xf4\xbb\xef\xac\x14\xe6P\xd3\xed\xae\xd6\x00\xaa\x08+\xf6B\xc4F5;.3\xeb\xd5\x15r\x00@\xfa=\xa4\xeb\xc9o4\x0c\xad\xa5\xe1|^\\\x05\xda%\xad(\xa8~\x1a\x00\xdd\xea\xf6\xc0\x13\x01\x1e\xc2\x13\x88\x00,\xe9g\x10\x1a[+\xc0Y|w\xe5\xe0\xa6G\xc77\xf3\xca\xbb61\x85C\xf2\xdc\xed\xffGi\xfa\x15\x15\xf6\x81\xbdi\x92e7`\x1d\x87L\'=\xe4!.\xff\xe5C\x05\xd5\xcaFI-\x81\x12\x11\x12\x13\xf4K\xdf$\xb3\xbf4Oz?\n\xe7\xc5\xc1\x95\xcb\xf4M\x1f\xad\xf0\x91\xf0\xb7\x90\x99\xaa\xbb \x83\xbcp\x08\'\x9b\xf0\xcd\xee\xe3gk\xcf\x81\xfe\x0f\x97~\xe2}\xbb\xe8n\\\x01\x9f\x8e\xb6D\x18\xb2\x8c\xd8\xdb\xd3\xe1\xec\xd7=\xef\xed\xf8\xe1\xaa\x84\x7f\xd0\xdc!\xd9\x85"\xc0K$\x7f?G\xab\x06\x97\xd8\x95\xb8\xc7\x19\xb5&gt;/\x1fDC\xd8\xf7g\xa7-\x8ed|\xbf0\x11)\x94F\x1a\xe1w\xecH\xa7\x1b\x980`H]\xb1\xedW?\x1b\x9d\xf7\xb3\x04\xd6NH\x17&gt;O\x0b0rWU&lt;\x96\xcad#\xd3=\xbek\x0e?\xab\xa9\xc2\xb5\xcaz\xb8\xd6\x90\x00[I\xbb\x875&lt;y\xf4\xf8\\8SB%\xed\x03\xa97%0EX)\x02\x03\xfa\xc7\xd7\xda\x96\xb4\xbdy\xa7\xcfa\xb5/\x8e\x9dP.\xb9a\x06R\x9f\xc3\xc0\xa7\xdf\x94{\x96\x8e\x87\x9b\xdf7\xb3\xf5\xea\xd7\x1dC}\xc5\xb8\x9b\xb0\xcct\xd6\xe3r\x0f1\xca\x9eF\x1eK/O\x0f\xf7\xc0j\xf0\xd5z\xae?:\xe9)\xe0\x15jT\x1f\xbd\xfcTK\xbc\xdao{\xe8\r\x98\x13\xe8\xf7E3\xcc\x17,\x80\x1b\xc6\x07,\xf7\xbc&lt;`\x91\xdfk\xc8\xbd \xf4\x0e\xe4\x10\xf4\xa9\xe3\xb7\xb8\xc5\n\xad\x11\xde,\x1d\xfd#\xdch\xfe\x8a\x8f\xf2\\\xdd|\xe4=\x9c\x95\xee\xab3)\x84s,\xb7\xa1\xfa\xdf\xc3e|\xfaN2V\x901\x02x\xee\xe0Q9\xf8e\xcdLS\x11e\x10\xa9\xb18\xd8\xbf\x06\x97\x888?\xf5:U\x9b\xde\xd9\x8c#\x12\xe6.\xf9\xfd\x1e\x95\xce\x17\xecr\x93Z\xe4\xe4\xf1S\n\xc1\x12\xa9\xab\r\xbd\xa9\xb6\xb8K\xacd\x06\xb9/P\x9e\xca\xab\xde\xaci\xa9\x80V\x8a\x1bMvL1\xa6\xfc6Iay\xee\x19\rd\xc9,\xa8 \xdfE}\xc0\xc3\xf1\xdd\x95\x931\xfa\xb8)C\xb8Q\x1eUv}v&lt;1\x03\xd5\x1a]\x95\xe1\x1a\\,b\xd2ao\xa1\x94\x92\x13\xc0\x0c\xb0f^X\x0f\x02\x82\xd9H\xe4g$_ \x9fy\xd8%\xdda\xdau=U\xec\xb7)?\x9b\xcf${x\xd0\x04\xa8om\xa0\x9d\xfc\x89\'t\xd1\x92\xf4\xeb\xda\x0fD\x0b\xe5D\x8e\xdc\xc9H\xec\x9e2\xcf|S\xad.\xfe\x1b\xc8H\xd6ez\xabCB\nR\x8b*\x0b\xdb{\xf8\x13\x0f\xf8.\xb7\xa7\x9bM\x97\x8f\xfa\x88n\xa2\x9c&amp;\x85\xaby\x80\x93\xaa6l\xbeY\x1f{\n\xc0\xbe\x94\xf5&gt;\xb5ed9\xbeh3L[3\xb8\xe3\xeb\xa2\xff\x9c\xa39 A\x85(\xc1C\x12\xa8\xba\xb3c[%\x16\x88\x00\xa93\xa1!\x9bX(:U\x98&lt;\xfd\xde2_\x00\xf0\x9c\xa9\xf8\x05\xb9\x9eB%\xc7Z\xafp\xcb\xb5\xd8\x15H\x99\x90\x03\x00\x9a3P%\xfdy\xd1-\xc4\x01O\x06\x82\xca[\xde\x8d\xb2\xcdo\xd1\xd09J\xe5\xa7\xd74|H8\xe9\xd1\xbc\x0c5T6be\x95"\xdf9\xe3\xc4\xab\x12&amp;$5`B1\xb2\x85\xf7\xbc\x06\x07\xf3\xdb\xae\x17\xa8a\\\xf1Q\x91\xc5\xedg\xa3\xab*\xdf \x17M\x15,E\xe3\xf9\x9c\x8b\x96\xcby\xcc\xc4\xd9\xe4;\xf8\x1euJnM\xd7\x90\xf5\xc9j\x0e\x15N\x88\xe8\x87\xab\xde\xa4\xcapY\xedfp\x891V\xa61\x9a\xa7\x8c\xa3\x88?\x1a\xf3l\xbdsc\xa8\x18(\xe8\xb4N\'8\xd4\xe7\xda\xdd\x9d\xaf\xde\xf3\xc2\x1e\xc0\x08\xcbJJ\xc0\xb3V\x1c:i\x84X\x87\xe0\xd9\xc2\x18\x88-\x0c=\xc3!#\x99\xd8\xc6\xb0\x9e\xe4\x1b)\xda\xba\x953\x1d5\xc6\x9b\xdc\xe1\x19\xc5\x10VO\x98\x03\xb8\x85\xb0\xa7\t\xbc\xccR\xa7\x98A\x92A\x9dc\x92I\xd7\xe0\x1d\x88q\xe7\xef\x92\x87.A\xcan\x80\xd9v\x0c\xfe{\x8f\x8b$*\xaa?F\xfc\xcc&amp;\xa5|S6\xfb*\x15s\xb6MXt^#\xeb\x92o3\xb22l\xeb$iZI\xf2\xeb2\xe2\x07\xf1\xce\xe7\xce\xe3\xb2(\xca\xc1\x86'</t>
  </si>
  <si>
    <t>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</t>
  </si>
  <si>
    <t>b'\xf9\x80[&amp;\xdd~*-\x0cH!*6s\xcd\x1d'</t>
  </si>
  <si>
    <t>ing them into your area of control first.
 When you get in front of an influencer, and theyâ€™re talking your products
 (whether for free or because you paid them), make a point to make them look
 good for doing so: interact with the comments on those posts, thank them
 publicly, or send them a care package of your products. Over time, some of
 those relationships will remain transactional, where you keep paying
 somebody to talk about you, but you keep them at armâ€™s length. Some will
 become real relationships, where youâ€™re actively engaged in that personâ€™s
 following and adding value to their life. Some will become superfans of your
 brand, and they will talk about you incessantly for free.
 If that influencer posts about you in any way, screenshot that shit. That
 screenshot can become an ad. It can become content. Or you can put it away
 for a future launch.
 Continue to kill your influencer with kindness. I once talked about one of
 my favorite books, Clockwork by Michael Michalowicz, on one of my
 podcasts, and he immediately sent me a care package with a bunch of his
 books in it. Thatâ€™s a deposit in my relationship account! In turn, I took a
 picture of the goodies and posted it to Instagram, which drove sales for his
 book.
 The g</t>
  </si>
  <si>
    <t>b'S\xb6n \xa2K&lt;\x9d\xeeU.\rX\xc3\x14\xda\xf1\x86w\x0b~\xf5\x1e\x17l\xbf\x0e}\t\xbd|\x9c\xf1\xb0k+\xbf$3\xbb2\xc0\xce\x8ar\xb9\x81\x82\x14\xe0\xc9\xf8\xee\xe5\x9a\xf1\x99\xc4%\n\x90&amp;\xe9\xd1\x82idR\xaf`\x12\xb4f\xa2\x93\xb1]E9\xed\x0c\x91\xccs\x8c\xea\xf0\x94\xc2\x15\xe5\x006\x9b^\xc9k\xf8\xbb\xb7\x13\xf4p\x13\xd1j\xbf\x19\xd57S\xef\xca=J"\xca\x0c\xc4;8\xf7~\xed27MG{\x7f\x9c\xdc\x83\xef\xbf\x8d\x1b^\x0el\xdd4"\xc9\xab\x8bqQ\x81/\xd0\x87\xcchc\xe8\x1f_9I\x85\x7f\x93\xd3Up\x82\x1d~Dk\xc8\xd8\xae\xc1\xad\xd8\x18T\th9#\xec\xb7\xe5\xbf\xba\x90 \xf8o\x1d\xdc3`\xbd\x9d\xce\xef;=\xd2\x89\x94x\xe9\x1cvy\xd0)\x98\xa0\xe1\x99\x8f\x7fO\x9cu\xba\xcb \xe6\xf9m\x84\x08\xc3\x96\x1f2\xfd)\xefg\xde\xd4\xce\xe5mi\xd5Z\x08\x13E\x9a\xe3V\x88\xc7\xa6\xcf+\xc9\xa4\xe0n\x9c\xe8\xca\x02\x8d\x12\xeeC6\x99\x88(\xd3\x92t\x84\x14\xa8W\x15\xad \xd80.\x06\x04\xc0\xa5\xa4\x02\x82\x7fZ\xed\x13\xa4q"w8\xcfe~I\xbco\xe8\x91\xbf]\xe2\xd1N\x83g\xa4\xca\xc1=k\xd2/.\x0c\rx\xe6\x19a\xbf&amp;\xc4]=\xb8\xb9\x15k\xba\xf2\x98@\x8f)\x16\xa3\x02\x11(\xf8\xd8S\xa2L\x97\xbcI\x85\xe06C\xdcDA\x8b\x18\x81\xd3\xfe\xf9\x9cC\xd7\xea\x05\x13W\xa8\xbav\xdf\x95Jjc\x9f\xed$\x06\xcc(O\xfe\x8a~|eOFD\xaf\x07\xda:B9\xbb5\xe4gU_\x14\x9e\x84\xe4\r\x1e\x905&amp;\x1b3E\xa87\xa7\xe3\xc7^\xd9\xc1\x12P\xbc&gt;\xaa\x87.\x00\xb6s/Um(r\x1e\xe1e\xcf\xc3\x8aV\xe3\xf6.\'\xdfp,^\x90\x91\x94\xa8\xf7\x01\x86F2_|\x8c\x02\xe1X\xe8\xe6wG\xd3\x89GX\x8a\xe0?&lt;\xa1\x10gd0\xc1\xe5r\x88\x11\x80`}\x0f\x82iJ\x10\x06Tk\x9a\xbb\x80S\xe7\x84\x05Cw\\\x1c\r\xed\xaa\x12\xae\xb0\x01\xbc;\x92\xdas\x7fQ\xfa\x0f\xf6^\xca~`\x85|Kt\'\xa3x)13btU\x19\x10\x83\x9e\x1dc\xfb`\xe4\xea\xafs\xber\x9b^\rR\xd5\xbd~\xec\x12I\xf9Rz\x00\xbe&gt;\xc4\xdb\xd7\x0c\xc2\x8fB\xcc4k\xd5NS\x1c$i\xa9,Uz8\xd2\x8bfS\xad\xa8D\xfb\xe3\x1c\xc1\x8d\xf3\x05\xdd.\xa4\xda\xf5S\xd6\xfdz\xed\x9fZle\xc6Ek\xe4\x8b\x9c!\x99c/2\xe5\x1e\x0e\xc9?\x1d\x1f5\xc2\xfe\x1d2N\xd6i\t\xb6\xed\xc9\x9eWow\xbe\xa0m\xd4\xd1{\x00\x15\xda\xda\xb8*\xc6\xaf\xc8\xaaB\xd7\xb9}`\xd0\x18\xa8\xa3\x9c\xa9\x07\xc6\x97w\x08]f~\xdc\xc9\xa5\xf1ab\x9a\xba\xa0x@(\x06\x1c\x87Y\xbf#\xad\x83\x89\xa5\x9a\x12\xe6\xa1u \xd06+n,\x03F\x00\xcb\xc1\xcd4u\xb3\x0e\xf7\x88\x93\xdb\xaa\xb8\xffj\xf7Y\xb6*\xd5\x99\xeb\xf9\x00@\xee\xf9%\xa8\x0c\n8\x8a[\x0f\xa7\xc7m^\xda\xdfM\x1b\xf3\x11o\xab\x86W\x99IF\xd6\x97J\x1b\x90\x87\xed=\xe1bi\xcb\xb2D\x14\xbb]\xff\x05\xb7`E}\xe3\x07qG\x1a:Io\xf7\xf6!d\xbdN\x11\x12\xfe\xc0 \x164\xde\xefl\xd6\x8a\xd1qgJ\x8cui4\xe7\x01\xa7^\xc6\xa9|x\x96\xf2\xe6@\xbd\x90{)\xd4\xc5g7\x90\xcf\x04\xb8s\xa8Le\xf8\xa2;&lt;X\xdf\xb8\xcd\xd0\xbf&gt;\xd2\xb0Q\xe9U\xbe-\xe7\xf4q\x98\xc1\xe9\xe1\x92\x83#B\x99n\xf6\xe1\x10{Z\xee~\xbd\x00\xfe\\\x0b\n\xec[\xbc\xd8wlb\x1a\xb7a\x08\xc3\xd2\x9d\x83\x1f\xad$\xda\xb8\x86\xf2j\x8b\xca0=\xe8\x14\xb2+*V\x19\x06\x83x\xcd\xd3X\xb5x\x86L\x19_"rG;?*?\x12\xf9\xddIwG\x84\x83\x98\xe8\xcd\xd6\x87\xc4D\x89\x84\xef60y\x0f%\xda\x7f9\xfeY`\xd0\xe1H\x05f\xd5:xr\xbc\xc8\xa2\xefS\x0f\x82\xd2\x80\xae\xa6p%&amp;1AadPq\x7f\xf8(y\xc7{L\xd5\xf2hQt!\x1f\x04\x8d\xf8\t\xad\xf6\xe7\'\x18\xc5\x89\xe6\xbb\xb9\xcd\x8a\xc7O"\x0b{\'\x02\x19\x8e\x17F\xf5\xe9E\x98Bk\xb6-Ym\xb4=\xc9\xc4\xf6"\xe4\xeb:\xf8\xbe3\xd5L\xdc\xc0\xf8\x92\x94\xc8\xa4Y\xe6L\xfa\x9aPB\t\xee\xd8\xf3\t\x8b\x88\x8az\xde@;\x83\x14\xc5\xda\xc4\x90\x94"\x82Y\xdbT`\xf7Y\xb7\xddz[c\x96G\x87\xb1\xec\xd4\xe6z\xf5xb\xf46\xe35\x81\tM\xda\n\xf6\xab\xd5+\xdf\x0eyL\x13!\x85\x9ci~\xb4F\xc9\xcb\xbeMn\x18\xaf\xd5\xd7\x90\xa8\x10_0\xf4\xb0\xfeg&amp;\xa5Cm\xf6\xc8\xb2@\x85\x95)\xc0\xae\xe3\xf5\xae2}\xc7w\x08\xce\xe8\x81U\x8b\x81\xfa\xd6Z\xfb_\x87\xa5z\x08\xcd\xb38\x98,X\x82\xfbI~\xd2\x8e\xf3\xad4'</t>
  </si>
  <si>
    <t>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</t>
  </si>
  <si>
    <t>b'S\xb6n \xa2K&lt;\x9d\xeeU.\rX\xc3\x14\xda'</t>
  </si>
  <si>
    <t>xial Lead Type
These film types require a much thicker dielectric film to reduce the risk of tears or puncture in the film, and are therefore more suited to lower capacitance values and larger case sizes.
Figure-18 : Film Capacitor
Metalized foil capacitors have the conductive film metalized sprayed directly onto each side of the dielectric which gives the capacitor self-healing properties and can therefore use much thinner dielectric films. This allows for higher capacitance values and smaller case sizes for a given capacitance. Film and foil capacitors are generally used for higher power and more precise applications.
(iii) Ceramic Capacitors
Ceramic Capacitors or Disc Capacitors as they are generally called are made by coating two sides of a small porcelain or ceramic disc with silver and are then stacked together to make a capacitor. For very low capacitance values a single ceramic disc of about 3-6mm is used. Ceramic capacitors have a high dielectric constant (High-K) and are available so that relatively high capacitances can be obtained in a small physical size.
Figure-19 : Ceramic Capacitor
They exhibit large non-linear changes in capacitance against temperature and as a result are used as de-coupling or by-pass capacitors as they are also non-polarized devices. Ceramic capacitors have values ranging from a few picofarads to one or two microfarads, ( mF ) but their voltage ratings are generally quite low.
   Basic Electronics
35
                 Ceramic types of capacitors generally have a 3-digit code printed onto their body to identify their capacitance value in pico-farads. Generally the first two digits indicate the capacitors value and the third digit indicates the number of zeroâ€™s to be added. For example, a ceramic disc capacitor with the markings 103 would indicate 10 and 3 zeroâ€™s in pico-farads which is equivalent to 10,000 pF or 10nF.
Likewise, the digits 104 would indicate 10 and 4 zeroâ€™s in pico-farads which is equivalent to 100,000 pF or 100nF and so on. So on the image of the ceramic capacitor above the numbers 154 indicate 15 and 4 zeroâ€™s in pico-farads which is equivalent to 150,000 pF or 150nF or 0.15uF. Letter codes are sometimes used to indicate their tolerance value such as: J = 5%, K = 10% or M = 20% etc.
(iv) Electrolytic Capacitors
Electrolytic Capacitors are generally used when very large capacitance values are required. Here instead of using a very thin metallic film layer for one of the electrodes, a semi-liquid electrolyte solution in the form of a jelly or paste is used which serves as the second electrode (usually the cathode).
Figure-20 : Electrolytic Capacitor
The dielectric is a very thin layer of oxide which is grown electro-chemically in production with the thickness of the film being less than ten microns. This insulating layer is so thin that it is possible to make capacitors with a large value of capacitance for a small physical size as the distance between the plates, d is very small.
The majority of electrolytic types of capacitors are Pola</t>
  </si>
  <si>
    <t>b'\xeed\xb4T\xe1\x97\xff""\xc3\x15ZC\xb7f\xb0D \xf0y\x95o\x96\x88\x07S&lt;\xb7\xac\xc5\x8cDA\x9a\xeb\xe7j\x9c\xb0\xd2x\x95\xb4c\xadM\x82\x0b\xdc\xcc\xb0\xa6\xb9;H\xfb\xda\xe9\x90u&amp;^&lt;\x15\xa9,\xb4}\xda\x17\xc7m\xc0\xa9\'\xa3\xe8)\xe0Y\xc8\x8bl?\xdd&amp;\xfeS\xa2\x0f\'\xf9([y`\xc8\xf0\xb6\x99zA*\xe2\xb4\xa7\xa9\xe6\xdd\xe2\xed\x86 \xc1\xb7\x9a\x0bf]1\xc4\xae\xafn\x97Yt\xfePz:\x95\xd6\xa8=\x95\x90\x84\x9a\x1b\xf3\xc8\x83\r\xd1\xb5H\xa0\xce/\xf3\xfb\xa8\x95\xeb5\xf9\xed\xc1q\xee\x16)\x89\x98\x9e\xa9\xdby&gt;\xc0U\xe3\xd4\xa0\x87\xf7\xbac%\x05\xb8\x8b\n\x0c\xa2\xbc\x8d\xd3\xa3\xf6}\x89\xaa\xff\x05\xefh\xa8vW\xfd\xb4\xd9\xb2\x8f\xc5A\x1fn\'kdVx\x05Uu\xb7_\x8fW]@\x02V\xa7\x81Rf\x80D{\xe4\x91\x83\x02\x98\xae\xe4\xa2\x15yR\xa4\xd0\xcf\xecqZ\xdd\xc9\xc2M\xa0)\xef\x1c\xc0H\xe8\xec\xf5\x83\xe2\xda\xf9\xcb\xec\x86+\xb2\x8e_\xab\x0c7\xfdx!f\xb8\x93\xf5]\x88A\xcd\x1de{ZJ\xd3\xdb\xc7ZS92M\x18\xbc\x9dK\xfdo9xz\xb4]H\xc4,4\xd04\x80\x07\x05\x9c\xb9\xd4\xb4\x0c\xa4M\xc4f\xb8Wu\x84\xb8\'\xf8\xc1n\\\x17\xca\xd6\xcac\xe1=ow\xdb\xcd\x95\xee}\xbb\x7fsP\xd7\xac4MN\xb0*\xf8O\xb6S\x9e@&gt;\x9e\x15\xf3\xc6\x8fY\x95\xc6z\xa4\xe5\x13\xa01\xaaB@\xea\xb8!\xad\xdf4-\x11\x15S\x8a\xac\xd9p\x0f\x0f\xd4\x97\xd3\xd0&amp;`Jx\xdfa\x10aw\xa7P@\xff\x82e\xf6\xa8\xfeW$\xb1t\x1a)\x05\x06\x9f\x11\x17\x0b\xaeA\x96\xac.Iq\xea\xf6\xb0ilR\xef\xea;\xaa\xd3A\xbd\xae\xef\xc3\r\xd6#xr\x16_\x1e\xbb\x0b6\x8f\x90\x97uO9O\xec\x94\xc0\x90i\x0bI\x11\xaeY}J\xf9\x02&gt;\x94m\x87\xb7\xcf\x9a\xf6IN]\xb9\x00U\x1c\xa5\xd6\xf6tp\xadlLo\xbe9\xb1\x02l;\x7f\x0e\xfc\xab\x0b\xd7\xa9\xef\xc8rs`\xa2O\xd5@\xe0l\x06\\\x05\x8c=\xf6\xd7\xd0%DH\xd2\xfc\xe5\x10\xe2\x90\xaf\x84\xac\xb7~^\x13\x98O\xda\x1d;\xab\xb3\xda9Y)\xf2J\xcc\xf7\xff\xb2\x8c\xb6\xd8\xc7\x00\xfc\x92)vU\xa0\xd8\'\xaaPAA\xa0C$\x1b\x10\x8a\x86\x8d\xa1\xedX\xcc\x87\xf5\xa7Baq{\x9aK\xc3\x95\xfbvj\xef:\xdf4;T\xee%\x83 \x9c\x9a/9\xb4\xf9\xd1\xd2\x03\xb2_\xa8\xd4\x07x\x11\xd53\x0fG%\x95\xf2\n\x7f\xec\x1cP\x14=\xc4x\n\xea\x94\xf8\xf9 8\xb2RO\xf7\xd8\x06\xd0d\xc2nT\xe3;z\xd2&lt;e\x91\xc0\xbd\xa2\xdb\x19\xbek\xbb^\xc2fUp\x1d\xaa\xd6\xf7\x14I\x8e\x05\x16\x0e);\xa8\x01\xa5.\x15\x9a\xe4\xa6\xed\xa3\x04\x00\xd6\xd2\x05q\x99\x80\xebf\x16\x97\x10\xda\xc7\xcb\x0e/\x87\xbfp\xb69U,x\xa5\x18\x8a.\x85\x9c2[\xdcBEK\x05\x9fN\xd3Y\xb4\xd0P\xac\xde\xfd\xe5\xcbag\x08n(`"G.Tv\xd0O~h\xd1}\xdd8\x8a\xf6\x1c\x9f\x9d\xf6\x94cw?\xfe\x82u\x02\xaa\x0cs8K\x12_\xea\x0fA o\x86I\x8c\xe8\xf0\x02\x8e6,\xe8L-$\x82s\xf9\xe7\xaf\x8f8a\xcd\xa4-\x9eF\x98\xc1o4!D\xcc\x11\xb8\xe2\x92\xd6 S\xca\x84\xd7\xf7B\x8b\x8d\xc5\x97\xb5\xc8&amp;\x99 4\x05D\xfc+\xca\xa5\xd7\xf4Dth#\x17\x8f\x0c\xadE\xfdQ\xf5\xec\xbe37So\x1d\xdf:/\xa6\xf5XDa\xba\x07\x8cA\x19o\x98L\xbc{T\xc6\xad\xd7\xeb\xf5\xa3\xe1\xcb\xf7\xdc\x13\x11\x1ey\xdb0p5-&lt;\xabO\xb9`\xe1\x95\x1c\xef\xb0\xf4F\x0b\xa1f\xda\x8fgg=\xdf\xb1\xa1t\xe7\xc4\x8c,\xe1\x8bHg\xa4\xaf([\xae\xab\xc99\x06\x048\xeaBt\xf8qw~\t=\xd1\xf0\x01V\xfcb\xa5,\xa5id\xdc3\xb2\xbf\x82\x97\xc3C\xdcj\xa3\xe9!=\xfb3\x03f\xb2\x98\xa3\x89\x1d\xa3L\xbb\x7f\xf3w\x85\x06:\xde\xeeG\x82\xdc\x8e\rX\xb2q%\xd0T\xe0\xe6\xacZ\xb9\x9bpP\xe5z\xe5\x9e\xdd\xde\xbajl\xb0h\x17sd\xafR2\xb5]i\xc4\no^u/@h\x06\x8bec\xc2\xf9\x86\xac\xf4\xfe\xab\xf3\xf6$.Z\xc027\x90F\xff`\xe9b\xa9e\x91h\x1cc\xc1Z|\xdf\xc5\x8a\xf9x\x11|y\xe0qXU\\\xbdyA\x05\xda\xcd\x9c\x96\xa9\x83\xaf\xf3\rI\xc7\x14EY8\x9e^\xe5\x84/\xbc2"L@@|\xef?\xb6\x17\xbcDm\x1a\x8eu\'\x7f\xaf\xec\x1d\x86\xb8\xe5foV3\xb8\xad\xc1\x01\xb8\xb2\xf1M\xa9:\x9f\xbd\xbf\xcd\xcf\x93\x9a\xff\xee,\xb1n\xdc4\xc6\xf7\xe9\x8bb\xdbJ\x93\\\xf49\xdf\xa1Z\x0c/\xba4)\x1a\xb6g\x02\x98D\x0e\x8acN7\xcb\xea\xa2\x172\x89y\xf5\xb4\x96\xb8\x7f\x06@\x00?i\xc2\xf2*/\xf3\xe9\xd9,\x16B\xa0\xe5\xf3\x82:\xc8\x80&lt;\xaf\xf2O\x98\xcb8\x9c\xcdW\xb1\x9a\x83\xf2@\x02\xee\xb7\x88\xcd\x8a\xe8o\x98|\xd9\xc9\x94r\xa2\xca\xcf\x9b\xa9E\x9d\xad\\\x99"eu\xb5\xce\x86\xdf\x15\x0e\xf1p\xd6\xb3\x98^\x98?8\xbb\x12\xa4T\x9d\x16\x18\x9f\xf0:!?\xa0C[h]:\x04E[\x1c6I\x1fx?\xae\x8c\xabf\xad\xd8\t\xc6\xf5\x1fE\xef\xf6\xebK,\x16\xf9+\xbc\xfb\x0f\xc1\xf9*\xe0\x9dB\xb5\x1bl\x10\x86D\xc2Ky~W\xc70\x92\x9c\x17\x0e\x1e\x1da\'.\xa8_\x8f\xa8\xfa\x9d_\x85#\xaa5\x81&amp;K\x0b\xdc\xda}\x86\x14\x0c*a\x01\xffZ\xc1\xec&amp;\x16\xe8$\x8a\x83\x97\x96\xcb\x87(\xa1\x04\xa6\xaaPZ0\xb6\xef\xb5\xe3\x0e\x10W\xba\xe0Q\xa7AE\x90\n\x8a\xe0\xea\xf1\xe4g\xa6\xbb\xee\xff\x1a\xe9YK\xde\xe9\xc4\xe4\xa1D\xb2\x1eD\x96\xbb\xe9\xacD\xc9\xd8HM)\x90\x91jp\xb9\x0e\xba\xba\x1e&amp;s\xf7\xdc8\xc0\xa0\x9f$\nR#OZkr\xac\xe3GA\xa0CE\x078\xdf\xf5$. \xcfY\xc8f\x0c \x7f\xf8\xb81\xc7\xe0e\x9a&amp;I\xdc\xb3\xca\xefo\xaa\xdb\x92\x90\xb6d\xe7\xdf\x1cPU\xb9\x18\x99\x06\xdcu\xaa\x0c\xaf\xb7\x83\xf8\x08\xf8#\xf5Gl\x8e\x0f\x8e\x01\x08#\x98T\xc8\xe8X\x8e{\r\xe7\xb2\xeb\xb8\xaevr\xb3\xd91X\x10\xff.\x93WN\x8a_\x1f\xa5$\x00e\x84J\x0b\x00\x8d\x82\xe9\xf9\xd4\x8c\xe4\xdb\xf1&gt;{2\r\xd2\xb8D~\xa1-\x05c\xc6\xda!B]\xef\xa6\xb3\xd4\xc0\\|\xde\xc4TL\xe9\xbc\x1d\xad\xe6\x06~\x01o\x0cmg&amp;\x8c\xe63\xb8^PB\xee\xaa\x0e\x0e::\'\x0c\x13-\x0e\xaaE\x8b6\x8c\x9b\xd4k\xacjM\x03\xc2\x8a\xb8\xfa\x06S=\xaf\x8e\x00S\x92E\x80_+\x88\x845\x8f}j:\x9b\x8a\xc1[\xb8\x1f\xb4\xc6\x11\x17J\xbdu"=SsbF\x86\x8a}6K\x1b)\x86\x9dnS\x04 \xee\xac\x07\xf7c\x97@V\xe7I\x99\xff~\xee\x1d\xb5\x80\x8e\x12\xc9\xa9\xa58VTz U\x11\xaf\xcb\xd3OY\x08{\xc5;\xab\x98N\xcd\xceF\xfd*\x9f&gt;9\x93=\xd7\x8f\xe5\xf3\x972E\xd2\x9a\x0f\x12\x81\x7f\xc4\x875DLW\x17\x9cY\x7fxBH\xe1\x91\xec\x07\xeeHu\xd1}\xc3N\xcf\xe1dE\xd2$\'\xd7\xf1m\xd2\xff\xe76\x1fV\xca\xe4\xc7\xb4\xbcQy7\x04H\xc2%\x99Q\x8f\xec\x1c\xff\xca\x0eA\xc7\xa1\x98|%\xd0\x99B\xe0\\\x1b\x99x\xea\xff"\x03\x0ca\xee\xd7*!\x0f\x11c|e?\xff\xfb\xf8l\x82\xb3|\xe80\x07\xe2\xc89R-\xe6\xab\t\x8c\x95\x1a^k\xa43d\xbe\xe8;6#b\x01\xa6\x15\xc8n\xd8\xe7y\xd2\xd78\xdf\xdf\x832-wP\xfc\xb6\x88,,\x99\xae$a\x8b\n\xdb\xdb\xf3\xe9P \xeb\xce\xb6I\xeb4\x027/\x02\x8b"&gt;\xdc^\x99K\x01$\xf5\x98\x8a\x01V3\xdev\xa8&amp;\xb4\xbe\x8bk\x8c@\x95\xe6\xbf\xfb\x1dkn\x0eR\x18\x1e"\x9a\xd0a\x1f\xd6@\xf5\xd71\xd4H\xb0\xeb\xb0$\xdf\xb1\t\xee\xd5\xaa\x90\x17\x96\xa2\xb3^LSI\x83f\xd0\xfd\xb4Bt\xd5\xbf\xea\xca\xe2\xbb \x0f\x98\xc8XC\xefl\x7f\x90\xe50\xfc\xcct\xb3\xc9\x19\xf5\xfb\x7fC\x04\x07j\xb81&gt;S\x0f\xa9\xcb2\x96\x03}\x8b\r\xdb\xcbhX\x95\x01\xcb\'\xa6\xec\x92e\x9e\xa5S=\t\xf8A\xfe\\\xe4\xa4.\xf5\xd4\xa48\xbf.\x80Q\xd1`E\x97\x08\x81\xe0\xe1C9\xd5\xd2R\xe4\xba&lt;\x85\xec-\x97\xb7\xd0\x1a\x99bR`?y2\x98\x9ae\xb3\xf2\xce\x9a\xe3N8=S\xe4\xf8\x1f~Y=9\xb1=L\x06\x9a\xe8\xb8]\xa0\xfb\r\xa1\xd0?R\xfeg\xbb\x05j\xc9\xb3\n\x93f\x82M\xbe\xc3y\xde&lt;\xf4\xc1\xc7\xbc\xeb3;\x86\xd0\x1dPS\x12x\x0e\x9a\x81\x8a\xff8\xbe~v\x85]\xffw\x97\t\x19\x87\xef\xfe,\xec\x14\xc3%\xb9\xe4\xae\x98z\x05\xcb\x11$\xdc\x14\x18\xc5Y\xd6 \xf0\x9f\xc3\x81n)#\x9f/\x9b\x9bps-\x01\xcdc\x1b\xc5\x9cd\xeaY\xd3`\xc2\xb0\xa0\x16\xd0\xb8\xb5\xd2\xb2\xad\x1cy]\xc4\x01\xb0E|\xd6\x94[J#|O\x9ag\xd1_:\xbdA\xe53)9:\xc3n\x80\xa5$\xc9\x82\x9c\x03\xff\x88\xb9"\x81\xcc\xea\x03\xe7\xc2\\\xe7\xb2\xdaS\xdb\x02\x0e\xd9\xfc\xdb\xc1\x17\xe5M%:\xf3#\xb7\x85\xd6d\x90\xaa\xa1-bR\xec|\xb5\xd5i|\xdd\x1bXk\x00\xe6"\xcc\x93\xf6\x05\xfc\xe8\x87"\xeb?\xdb:\x02\xc5\x80\xe4!\xb9\xf9!\xb5x\xb8\xd1GGJ\xfe\x1e+\x19o\x91\x86-\xa4[R\xf1\xce\xf8\xd9[\xd0\xa9\x012e"%\x8e\x81\xdb5u\xb8R\\\x84\x05*\xf9\xff\xbc\xaf&amp;tZc9\xf8~Y\xaf\'\xff\xc5\x85m\x119\xc3\xa9\x9e\xd8\xf18\xdaW]\x01\xfaN\xa7v\xd1\x93\xb712\x7f\xec\x0c\xa1M\'\xc7\rP\xec\xde\xce\x9b\x1aX\xa9\x0e\x18\x97%\xd4.\xccK\xd2\x01\x03E"\xa4\x15\xe2\x14\x07\x84\xed#@\xca\x0cL\xa3\xe5\xe7\xa0\xaa\xda6un\x89\x87Y\xa2\x0cqJVv\x05\xb3\xf5S)\xbb\x9b\x9d\xb4l9\x15\xa3\x9e\x1b/i_\xf1ly\x0e\xb7\x10Su\xce\xb6@~\x01\x19\x88\x84\xf5\x82)\x14E,\xb8fjv\xb9\xcbl\xb4\xaa\xb8\xa7\xdfH\x83\x08\xcc\x89\x19\x08\xed#*\xf0\xf0\xc5\x17\xe2\xfa\xcf\x11?E\xc2\t@\xe5\xde\xb8\xed\xd0\x07\xa0\x9b\x15\xc5\xd7\xe8m\x1cG\xa2}!\x97\x13\x90\x87\x88Vj\xff\x19\x8b@4\x0f\xccG\xb8\x1e\\\x8e\x19f\x9d\xaeO\xbcz\xcc\xb5\xd6\x95\xe1\x84E3\x1e\xc2x2\xb8Z\n\xd5\xb0!c\x9c7\x87Q\xef\x94\x8fHF\x14\xf5\x07\xd2\t\xc0\xbe6\x9c\x86\x05\xb2\x8a\xcf\xe0\xb8W\x99\xcc\x0e@\x9a\x91_;\xdb\x0b\xb3&lt;yI\x88$\x01\xbd\x92pW\xb3d\xc3\xa9\x92S\xe8\x8b\xa6H@k\xbaw\x874\x0cr\xfb\xb6\xea\xc5|j``\xa0\xbd\xffi\xe4\x87ct%\xe6\x81|\xf0\xcbk\x80^\ne\n\x1b\xdd\xaa\xef)\xee:\xe2\xbda,\xe8\xe36e\xbd\xc8\xe7S\xfcL\xc7B\xf3W\x94\xcc\xd2\x1f\xa2\xa8y\xa3\xf9\xcd\x1d\xaf\x99F\xb0r\x01}\x9eNx\xbb\xb7\xcb\xd7\xe0\r\r\x9a\xbf\xdf\x19%\xd9l\x19\xa8\xf2\x1e\xe3f\x9a\xab\xc3\xd5-\xc6 \x967\x807\x05\x1a}\xd5\xb6\x98\x02w\xb1\x16\xab&gt;\x053G)\xf5\xf5\xa4j\xa4\xf1%\xe8\xd11v\x94)\xbd\xfb\xfeOD\xbf,Q{\xef]\xc8\xfb\xcc+k;\xf0\xfd\x015\x06\x87\xd6W\xb5Q\xeax\xaa\xec\xbe\x02\x1e\xce5\x98i\rE\x90\xfc\xe5w\xf8\xea\x85%\x85\xe5\xa4\xdez\xd7d\xe0\x85W\x0e`\xf7\xa8\x1c\x8b{\xd2\r\xdbp\x12\xa44\x16\xee\x8crl&gt;\xd8\xaa\xf1\x16\\D\xff\xbd\x87\xc2\xad\x8c\xf5\x8d\x19$di\xe8M\xb0\xa3nR\x81\xce\xda\xd2\xcav\x86*2\xb4Y\x91\x83\x024PZ;\xa7!+6\x058.\x19\x18\xb7\xc8\xb1&lt;m3\xac\x11\xea Ez\xd4\xe4-'</t>
  </si>
  <si>
    <t>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</t>
  </si>
  <si>
    <t>b'\xeed\xb4T\xe1\x97\xff""\xc3\x15ZC\xb7f\xb0'</t>
  </si>
  <si>
    <t>rawn up and signed
 by the six parties, during which Phileas Fogg preserved a stoical
 composure. He certainly did not bet to win, and had only staked
 the twenty thousand pounds, half of his fortune, because he
 foresaw that he might have to expend the other half to carry
 out this difficult, not to say unattainable, project. As for his
 antagonists, they seemed much agitated; not so much by the
 value of their stake, as because they had some scruples about
 betting under conditions so difficult to their friend.
 25
 The clock struck seven, and the party offered to suspend the
 game so that Mr. Fogg might make his preparations for
 departure.
 â€œI am quite ready now,â€ was his tranquil response. â€œDiamonds
 are trumps: be so good as to play, gentlemen.â€
 26
 C H A P T E R IV
 In which Phileas Fogg astounds Passepartout, his servant
 AVING won twenty guineas at whist, and taken leave of his
 friends, Phileas Fogg, at twenty-five minutes past seven, left the
 Reform Club.
 Passepartout, who had conscientiously studied the programme
 of his duties, was more than surprised to see his master guilty
 of the inexactness of appearing at this unaccustomed hour; for,
 according to rule, he was not due in Saville Row until precisely
 midnight.
 Mr. Fogg repaired to his bedroom, and called out,
 â€œPassepartout!â€
 Passepartout did not reply. It could not be he who was called; it
 was not the right hour.
 â€œPassepartout!â€ repeated Mr. Fogg, without raising his voice.
 Passepartout made his appearance.
 â€œIâ€™ve called you twice,â€ observed his master.
 â€œBut it is not midnight,â€ responded the other, showing his watch.
 â€œI know it; I donâ€™t blame you. We start for Dover and Calais in
 ten minutes.â€
 27
 A puzzled grin overspread Passepartoutâ€™s round face; clearly he
 had not comprehended his master.
 â€œMonsieur is going to l</t>
  </si>
  <si>
    <t>b'\xb46\x87\xa3\xb0\xe5\x1e\xd6Jh\xea^\xfb\xf8v\xd2T"\x9a&amp;\xc44\x0b\xf3\x03\xe1\xcb\x1dX\xed)\xa5'</t>
  </si>
  <si>
    <t>b43687a3b0e51ed64a68ea5efbf876d254229a26c4340bf303e1cb1d58ed29a5</t>
  </si>
  <si>
    <t>b'\xb46\x87\xa3\xb0\xe5\x1e\xd6Jh\xea^\xfb\xf8v\xd2'</t>
  </si>
  <si>
    <t>this way, too. No screenwriter wants to admit that her
 new movie script simply rehashes what has already been done before. Rather, the
 pitch is: â€œThis film will combine various exciting elements in entirely new ways.â€ It
 could even be true. Suppose her idea is to have Jay-Z star in a cross between Hackers
 and Jaws: rap star joins elite group of hackers to catch the shark that killed his
 friend. That has definitely never been done before. But, like the lack of British
 restaurants in Palo Alto, maybe thatâ€™s a good thing.
 Non-monopolists exaggerate their distinction by defining their market as the
 intersection of various smaller markets:
 British food âˆ© restaurant âˆ© Palo Alto
 Rap star âˆ© hackers âˆ© sharks
 Monopolists, by contrast, disguise their monopoly by framing their market as the
 union of several large markets:
 search engine âˆª mobile phones âˆª wearable computers âˆª self-driving cars
 What does a monopolistâ€™s union story look like in practice? Consider a statement
 from Google chairman Eric Schmidtâ€™s testimony at a 2011 congressional hearing:
 We face an extremely competitive landscape in which consumers have a
 multitude of options to access information.
 Or, translated from PR-speak to plain English:
 Google is a small fish in a big pond. We could be swallowed whole at any
 time. We are not the monopoly that the government is looking for.
 RUTHLESS PEOPLE
 The problem with a competitive business goes beyond lack of profits. Imagine youâ€™re
 running one of those restaurants in Mountain View. Youâ€™re not that different from
 dozens of your competitors, so youâ€™ve got to fight hard to survive. If you offer
 affordable food with low margins, you can probably pay employees only minimum
 wage. And youâ€™ll need to squeeze out every efficiency: thatâ€™s why small restaurants
 put Grandma to work at the register and make the kids wash dishes in the back.
 Restaurants arenâ€™t much better even at the very highest rungs, where reviews and
 ratings like Michelinâ€™s star system enforce a culture of intense competition that can
 drive chefs crazy. (French chef and winner of three Michelin stars Bernard Loiseau
 was quoted as saying, â€œIf I lose a star, I will commit suicide.â€ Michelin maintained
 his rating, but Loiseau killed himself anyway in 2003 when a competing French
 dining guide downgraded his restaurant.) The competitive ecosystem pushes people
 toward ruthlessness or death.
 A monopoly like Google is different. Since it doesnâ€™t have to worry about
 competing with anyone, it has wider latitude to care about its workers, its products,
 and its impact on the wider world. Googleâ€™s mottoâ€”â€œDonâ€™t be evilâ€â€”is in part a
 branding ploy, but itâ€™s also characteristic of a kind of business thatâ€™s successful
 enough to take ethics seriously without jeopardizing its own existence. In business,
 money is either an important thing or it is everything. Monopolists can afford to think
 about things other than making money; non-monopolists ca</t>
  </si>
  <si>
    <t>b'\xf9}*\xa9\xb5?\xd00\xfcf\xf9\tT\xdc\x0c\xc4{Wr\x93\x0eP\xda\xee5|\x8d\x9fTA~J\xe2\xbf2=\\\xe4\xe3p\\h\xf3\xfb\xca\xffW\xf1\x96\x11\x88e\xc1Tt\xf8\xa6\x1b\n?p\xbb\x95\x80\x97\n~\xc7\x15\xe5\x1d\xe0x\xd5\x94\xc2O\xcd\x87\xb5T!\xcfR\x98\xe5\xea2\xc9\xc0R,\xfd\x01\xdb\x96\xa2k\xac\x1bg\xf2\xe5\xd5\xcbO\x0f|h\x94\x1d[/\xc8\xf4\xac\xac\xb8\x1c\xc0c\x93\x00^\x02S\x91-)\x19\xcc;\x98kh\x1a\xfe\xd8eU~\xd9\xa3\xb8\xbb\xbd\xb4q\xc6 \xe7\x9d\xe8h\xb7\x8a\x1d\xbd\xd8(:\x04l?e5\x1fMZ\xfcj\x17\xc7(\xd2\x02\x02\xfb\xd7l\xfc\xd2s\x1eS\xb0\x96G\x80\x10\x9c4\xf8\xf9\x07\x9ch-\x00\xec\x91m\xec\xba\xdet\xc2cu\xc5\x1b\xb2\xfd\xfa\x18\xef\xacN\x95n!b\xbcJS|\x14\x80\x072\xe7\x81iM\x88YP\xca\xb1\xd0\xa9\x92L\xe4\xc3 2\xe8V\xc0\xcd\x8cwYh\x1avu\x8d9\xe6IP\xe3=\xbc\r\xcf \xd5\x14\x9b\xa4gZoY\xa6*\xf5$\'D\xc2D\x94_\x08\xfdX3\x11T\x9b\xef\xa3\x1d\xe5\x87\xbel\x8e]\xf2\x0c\xc9\xae\xc7\xa5\x1fl\xe6\x17\x80:D\x98\xcf\xd2\xce\\#G\xe6/WNifSl\x97\xceGj\x1c\xb0V\x14}\x90\xe3\x14X\x05aa\xff\xde\xd9t\x84`\x10\xc2\x15r\n\xa5\xc1\x19xT\xd0\x8d\x9e\x16,\xe1\xc0\xe4\xf1\x0e\xf2\xae\xe3\x7f\xe9\xd4\x85&lt;l\xe1\xbd\xd2c\xb1\xc5\xe7\xb0\xd7\xdajU\xf1\x7f\x12\xb0*\x89\xc1\x05\xf5fuf\xb7\xa6\xb2o\xd0\xae\xc8\x17=g\xef\x9d\x1c\xc4\xb7\x9e.\x95C\xf2\x11\\b\x9b\xe9\x1d\xdc\xe4\xe2$\'\xff\t2\tC\x03{\xab\x19w\xc4\x07\xa1n\x904D\x1cd\x8aw\x9e\xd2\xa9\xb3o\xbd#\xeb\t\xf5\xbd\xf9\xa0\x9d\x86\xe9\x94\xd3\x82\x85l\x86O\xe4\xde\xb8\xee\xac-\x08=*\xcax\x0bE\xe6\xbb\x8cE\xdfY\x9d\xc7\x82\x1c\xaf _\xa8\xae\x91h\xe0\xb6st9\x8f}\xa0\xe8\xcf\x05\xec\x01\xfc{Q1x\xe5\x15#\xea\xe6\xfdM\x11J\x90}\x80u\x19\xd1\xe8y\x83R\x8a\xd3\xa8\x9e6\xdf\x84\x97E9-\xf5\xad\x13G\xc7\xa3z\xa3\x0eV^\xec\x02=s\xf7W\xf3\xc4BB\xbd\xa9\x91\x1c\xfe\x86d^\xdb\xcb{\xef\xd7V&amp;sH\xc8\x9dpiD\x96\xf7Xn\x93A\x8d\xf5\xe0\x15\x88\xebG\xa4\xb7\x04\xef\x8c\xa5\xe2j\x04\x15|.\x92H\xec|\xaftm\x02D@\x86\x19\xcd\x16\xe7!\xb4\x81\x9e#\x8d:\xce[\x14\x95*\x19/e\x88T%\x85l\xe8\xea\xe6\xb4\xff\x14\x81\xe0;\x0cS\xff\x8ec\xe2c\x97##(\xff\xc2\xca\x1f\ns\xa5\x06@4\x9dq\xb4P\xcf\xb9\xf5&lt;\x86\xef&gt;=\x83\xf57\x99U3\xdc\xf0\x06B,1\x8a\xaca\x8d\xef\x12~$^on\xc5d|\x85\x99\x0e/41|\xafQR\ru\x83I\xe1\xe9\x1bd\xf0Q\xaa\xbb\xc4\x9b2\xc0w\x86\xc4\x0e`7\x17wV\x80\xd2\xd0)\x90\xeb\x89R\x1a\xf00\xfe \xc3\xbc\x94W-\xf3\x0c\x19\x0bv\xe7g\xff\tV\r\x85#Z\x9a\x160\xad\xa8]$\x8a-\x9e\xffC2\x94;\xa8&gt;\xe2\x8d\xfb&gt;\x868\xc7\xa9Me#y\xa3\x89J\x01&lt;\xfe\x13\xd6\x04\x88\xdaC\x16R5\xb3\xc9k\xd9m\r\x1b\xec\xd3\xcf+.\xc5\xc4\xff\xc9\xa0\xea\x90)9J\xda#\xfe\xd6\xe7\xd7\x9c\xae\x93\x11\x07\x81\x9b\x19R\x0f^\x07:\xf4K\xfc\xeb\xb0mt\\\x93\xf2@K\xc2,\x06 T\xa1\x90&amp;U\xbc]\xabF\x93s\x1a\x93\x92\xf502\x02\xe7o\xa3\xbd%\x9b\x88\xa2{\xa5O\x08x_\x8bo\xd5a\xcb\xd5\xacD\xdb\xacA\xb99\xb1/\xa5M\x97\x1ai\xf1\xe1E}\x87\xb3s(\xc1T\xc1\xf8\xcc\xc2\xa4\x961\xb5\xb6Xa\xa5t\r\xb4\xa3\x11\x19\x0b-\xe2\x1a{\x83{\x90M\x02\r)\xf7\t~|\xd5\xf1\x92r*t\x18\xfe\xed\xc8*\xd3\xc2L\xac\xd9y\xebe\xd8\x98.!\xda\xbf\xa0\xf2\xaa\x04\x0b\tpT\xfa&gt;\x10z\xce!\xe1\xd5j7~\xc4\xfe\x128\xce\xcc\xe8L\x8f\x99-\x1a\x9b\xae~\x90?\x9f\xbe\xf5\x1b\x1c\x0f+\x1d\x98\xa4bd{=\xc2\xbb\xf41I\x0c/\x8d\xea\xe8\xf2sB\x02\xbb\xaf\x8d\xcc54\xcb\x82`\x0c\x1c\xce\x95\x10\x1e\xd5&gt;\x02&amp;\x7f\xc9\xfe\t\x13\xee4\x118\xdd2{\xbd\x9e\x07=\xac\xe1\xd8\x98\xa9i\xdd\xb11Z`&lt;\x03\xafB\xa0O0M\xc8\xa3\x92\xf4CZ\xe4\xc6\x99\xf3AA\x96\xe0\x90\x15kfP5Z\xdb\xab%\xfebD\x172b\xe01\x116P/:?A\x11\xa7\xa7\x0f\'xC\x8f=aL|\x9e\xb7\xab\xb0/\xedK\x93C\xbc\xd5\r\xfdP\xa5\xd7\x7f{\x9f\xc43\xd4p\xa9S\xa39:\xad\xc8L\xb5\xb1\xb8\xe0;~8S\xceje%\xa8Fl\x9b\xaaD\xa4Wlm\x17\x0cd\x85\x98:\xb2\x16\t\xe9\xb6%jz\xe1\x91\r\xfc`q\xab6\x91%\xee\x9c\xa5IZ\x11\xf3\xa8;\x8b\xd6(\x96\xfdQ\x96\xfcJC\x010x~\x85\x9c\xc3A\xe3\xfbyY\xbe\xc4\xf1Ez\xe60~\x150t~\x1a\x19\xaa\x96\xb4Q\x17\x92h\xbf\x86\xa9|\x84\xcb\r\xca\xef\xb1\xddTG\x07\x7f\xb3\xfeL\xe9m\xcf\x86\x9d\x91\xb2\x80\\\xf3&gt;)\n=-\'\xef\xc33\xa5G\xac0.\x97_&amp;\xc4\x1b\xb7#\xc5\xf3\x05\xba\x92C\x0fs\xd3\x14\r\x8e\x83\xeaFt7-\x80\x0f\x1d\xce\x0e\xc7B\xc0\x03\x81\xb3\x0c&gt;\xed\x08\x14\xd1(\xeb\xff\xda\xd3\x82\x14dU\x90\xdcQ\xe1\xe93\xa1x\x1f-V\x97d*@\x8b6\x14\xcb\xb4\xae\xcd\xeer\x8e7\xcf\x80\x9a\xd4\xcb\x1c\xcdgB\xd7\xbf\xc9\xdd\x99\xd06\x1c\xce\x9fi\xc6\tz\xb6\xa0\x16\xd2\xa0Vy\x1aj\\\xbb{\x04\x02\xedL\x16B\xc9\xfd\xc9_\xccol\xa2\xf4\x18\x1f\x15\xf4d4p\xb6\xc45\x9e\xc0\xfdw\xd9\xda\x01 \x969\xcaG`z\x1c\x90h?s\x86S\xe6V(\x9b\x1a\xc1lk4\xa9\xf0\x00d\xf4\xfa\x04\x9b\xa1\xb3\xd1jn\xcfX\x0e\xcb \x0c\xac\xf1\xd3\x0fJ\xba\xab\x8d\xd5\\.\x0f\x10qU\x1de\xb2#\xa1\xe4/\xf3 v\xfa\x19J1\xed\x10\r[{&lt;y\x88\x0e\x80\xd7\x89/Ob\xe2\xff\xc6A\x1bc\x7fVo\nL\xc5!0\xf8y\xc3I\x85\xae\xc2\x8b\xb7\x9b+0,\x99\x19Q\x1biKj\x8d\xb4\x80\x15U\x9dRZ\xe7\xd3R\x9e\xdd\xc0\xa8e~B\x94\x7f\x1c\x80\xf19\xea_\xce\x87N7\xb7\x02\x18:P\xbb3\xec\xeb\x8477\xb3\xd1\xbc\x17~\x01\x9b\xad\xa9G\xda&lt;\n\xd7C\xb4\x16\xdf\xda\xa7\xd8)3\xa2m\xb3=\x95Ou\xd72\x87\xd4\xc4i6\x0e+\xba\xe5vm\xdf)\xcc5\x89\x90;@\xad%\xe0\xf8 H6\xe4\xec\x90\x82\xb5\x12Z\'\xea\xdcS5\x98\xc1Z\x01M\xd9O\xb7d\x8d\x08\xc6)\xff?\xc1\x10x\x96X\xf7\xcf\xf6\xf3\x93/\xda\x9f\x91 N\xa4w\x7f1\'\xcc7a\xf22\xf0^pe\xda&amp;b\x1a\xa4\xc4\x18*\xea8\xa1\xde\xf7\xad\xfc}\xf0\xcb$2\xbb\xd5\xbc\x9bI\x85\xfdt\x01\xf4\x03\x0b\xcf\x88qh\xe2\xd5~tpj\xcaJ\xea(&lt;j\xca\xf7!\xfa\x93z\x06\xffg\x15w\x05@\xa6\xf8\x9c\xe9c\xd0\x1f\xed\x048\n\xe6\xd7\xb1vj\x90,w\xa8\x9dF \r\xb6\xc5\x87\xcf\xe8Gz)\x0edF\xc2\xe5\x89\xb2\x0f\x9e\x8f\xa8\xe0F\x82\xdd\\7\xbd\xb0s\xb6\x83\'\xcb\x90\xc8*\xbd\xd8\x8a\xc3B\xa8\xcb\x87\x90\xb9\xa3\xfdN\xd8\x0fH\xe7\xf3$\xfc\xd5\x00\x08\xb1\xb4\x03\x16\x1a\xfa\xfb\x17)K\xe4\xaaL\xca\xea7&gt;/s2\x9d\x98^\x10\xd6r\xbb?\x17\xe9\xf0\x80_\xe0\x90t\n\xb0\x9c\x1e\xd3f0\xeeyS\xd3\x9f@\xb3)^hpu(\xffI\x8d\x00\x16\x84\xd3\t\xb6\n\xe4\x9b\xc4x.\xfe\x99t\xef\x82\x1ai7\xb4q\x0c.\x17x\x08w\xfc\xce\x03\xf2\x8c\x8b\x95\xed&amp;;\x83\xbc`a\x07\x84\x1db\xb8V\x9b\xdb-\x9f\xe9\x14\xbf/-\x14R&lt;\xe9\xeea\\\x8a\xa5O\x81\x0c\xb4i7\xa0\x13/;\x17\xc3\xfa\x84\xc9\xbe\xf7\r\xc6\xc0;\xe3\x8e\x07\x19{^\x16\xed\xae|\xbd\x9f\xde\x92\x87n\x1e\xfb\xbc\xc9\x9fz\xa0\x1c\x9fh($\x89\x8a\x9a\xa5}\x1e\x1d\xa6\x13\x17\xa6\xdc\x95\xca\xb6(\x92\xcb}\xa5%$\xb8\xfdi\xa0VU\xc3\xc5\xe9\xa7\x96\xfcl[\xa7\xdf\xf7\x8dl\x8e\x16K]\x9a\xf9\x01\xb1\x1b\x80\x8e\xd52\x06A.Z\xa2\xcd\xb1\xfa\x148\x90\xf7\xd6\xed/\xd1\x8f\xfb\x93\xbb\xc6\xc7;bY\x1e\xb1\xa6\xb2Y\xfb\xe7\xaf8\xff\xd7\x02\xe0dn\x1cn\xc5^6\x98\x10N\xa9\xa6\xf5\xefi\xdci\xd3\xc7\r\x88E\x0c\xcag\x8d~^\xc6\x82\xe6%\'\xb7"\xbb\xc3\xe65\xc7nj\x19SVN\xa8m\x10\xb8\xff\xe7\xafk\x85\xc8\xde\xa4Z$\xebq\x84ChWU\x1f\x89\x96oN\xa3\x87\x8c\x1f\xa0\x10\xe3f\xc6\xcce}\x7f\x99\xa4\x86*D4\xec\xaa\x9b#ft\xd0\xaa\xe2\xcd\xcf\xa3\xa9\xf8\x9bL\xf4\x03\\\xab\x1db\x13\xe4\x84\x98e\x07\\\x8e\x1a\xb3{^\xf9F\xd4p\x1a\x9d\xfc[\xa4\xde\xc14\x82`\xae^\xdb\x1a\xfe\xa4F\xe24\x05_\xfc\x17[K\x94W\xb7\xd1_\x02EI\xc26\xfaX~\x9f\\\ta\xe2\x8c\x05)\x13)*\x0ezN\xd8\xeaR\x17\xda\xf7\xc7u \xaa\x00t%\xe6\xbb\xe6\xa0\x08B\xe0\xe1\xb8O\xf8\xf4\xed\xb38\xe9\xa1j\x89i\x1e\x08\x86\x99X\xf5q\xe0H\x10\xb2\x9d\xb0\xac\xe6\xae\xa7\xf4\x93\x00k\x88\xc0\xce\x1f\x02Q\xaf\xd4\x7f\x1f\xf5 \x17\x1c\xce\xb3\xebT\xd3+:\xd5l\xf8\x86\xd3\x16wGhSf\xe9\xf9\xdc\x8e\xa4B\x81\xcd\x1a\x9bzw&lt;!,g\x90^"\xc3Aq\xa2\x9a\x03\xd1\xbdxk&gt;\x04Z\x9f9\xbc\x91,\xe8\xe1\xec\xf8\xbf\x18U\x00$\x00{\x90Fe\x01\xc5\xd5\xaf\xb9\x10\x0c\x1a\xf4\x9cU\x94v\x89y\xbe\x02\x12`\xf3\xdd\xd5c\x9a\x89n/\xf3\x9b\xb9PtI@\xc3q\x87\xff\xa0\x18\xf0M\xc6\x91\x91\x1b\x0cv[\xdd\xb8b\xa2\x05&gt;\x1f\xc4\x97\xe1VQ-rS\x8d\xb5\xba\x8b\xa7i\x00~px\xd7\x17\x16\xe3*\xcb\x10n\x90\xa4\xebO~3\x84cr3\x8c\x00`\xd3\x97z\xe2\x03&lt;=\xb9\xe1U\x06\xac\xcf\xf0\xfe\x93\xc4+=G\'\xa5Q\x19\xa7\xe3\x1d3/\x00\x06#\x80\xbf\xc6\xe8\xe5\x07nP=\x11\xbc\xb5\x9aS\xea\x87_\xea\xb0?\x14\x94\xd9\xb9Ak\xe0Xp.\xcbb\n\xb3\x8d\xdf\xc9:\x9e\xcf@\x92\x04K(\x82\x00Mj4\x7f\x00\xa2\x80\xce\xfdM\xaf\xe6 \xfc\xde\x96j\xb5O\x8d,\xe7\xd9\x8b&gt;\xcc\x8c\xc2\xf6\xec\xa1&gt;\x1c\xef\xdb\xde\xae\xdaG\xdd\x15\x7fu\xef\xfd\x0fB\xa8\xf0\x19\xc6\xf9 \x11\xfbz\xfaJ\xc3\xa5\x14n\xeaUZ\x99\xc1\x1dc\x9c\xab\xb0\xdbo\xa5E+;\x1d\xa8\xf5@\xd5\x11\x1d\xc31\xa6C\xd9\xae\xb0\xdeHc\xdb\x86\xa6Cs\xcb\xd98\x8e\xb9\x9ef\x9e\x95\x04X\xcc\xb7@\x84\xbf\xec"\xf7\xa0)\x8a\\\xb5Y\xe3\xf8.#\n\x82\xc4\xfe\x1e8\xb3\x9b\x82\xf2\xb1\x17\xb63\xcb\xf6\xa5\xc6\x13\x9a\xd5\xdf\xdf\xd7\xe9@\xea\xa0\x01 \xcd\xb065\xb7\x10\x15\x14\xfe\x19\xfaFj\xa9e\x01\xccX\x10;t\n\x8b\xa8\xd1e\xc4\xa8CVU\x08P\xb6Ph\x1d{\x0c\xe9\x82\xd9\xe7\\\xaf\x1b\x91&gt;\xcf\x10\xfd\xd1_4\xa3\xf1\x1c_C\xc2\xb1B!5\\\x01\x0c#\xffZKdR\xeb]\x83\xf57\xc3\xffxdf\xadR&amp;0\xa5\x8f.|\xe1eC-\x18\xd6i\xa4\x9c\xae\xb4\xf0.~\xfe\x14\x80hA\x9c\x84\xf5\\\x01i,\x95\x9a\x0b\x00\xaa\xd1x\xb2\x08z\x9f\x0c\xa1K\x18\xbb\xe7\xa5\xb0x;\xfcj9J\x9d\x0b4{\x93\x1c\xaer\xfd9'</t>
  </si>
  <si>
    <t>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</t>
  </si>
  <si>
    <t>b'\xf9}*\xa9\xb5?\xd00\xfcf\xf9\tT\xdc\x0c\xc4'</t>
  </si>
  <si>
    <t>quickly and efficiently in order to survive, and thatâ€™s easier
 to do when everyone shares an understanding of the world. The early PayPal team
 worked well together because we were all the same kind of nerd. We all loved
 science fiction: Cryptonomicon was required reading, and we preferred the capitalist
 Star Wars to the communist Star Trek. Most important, we were all obsessed with
 creating a digital currency that would be controlled by individuals instead of
 governments. For the company to work, it didnâ€™t matter what people looked like or
 which country they came from, but we needed every new hire to be equally obsessed.
 DO ONE THING
 On the inside, every individual should be sharply distinguished by her work.
 When assigning responsibilities to employees in a startup, you could start by
 treating it as a simple optimization problem to efficiently match talents with tasks.
 But even if you could somehow get this perfectly right, any given solution would
 quickly break down. Partly thatâ€™s because startups have to move fast, so individual
 roles canâ€™t remain static for long. But itâ€™s also because job assignments arenâ€™t just
 about the relationships between workers and tasks; theyâ€™re also about relationships
 between employees.
 The best thing I did as a manager at PayPal was to make every person in the
 company responsible for doing just one thing. Every employeeâ€™s one thing was
 unique, and everyone knew I would evaluate him only on that one thing. I had
 started doing this just to simplify the task of managing people. But then I noticed a
 deeper result: defining roles reduced conflict. Most fights inside a company happen
 when colleagues compete for the same responsibilities. Startups face an especially
 high risk of this since job roles are fluid at the early stages. Eliminating competition
 makes it easier for everyone to build the kinds of long-term relationships that
 transcend mere professionalism. More than that, internal peace is what enables a
 startup to survive at all. When a startup fails, we often imagine it succumbing to
 predatory rivals in a competitive ecosystem. But every company is also its own
 ecosystem, and factional strife makes it vulnerable to outside threats. Internal
 conflict is like an autoimmune disease: the technical cause of death may be
 pneumonia, but the real cause remains hidden from plain view.
 OF CULTS AND CONSULTANTS
 In the most intense kind of organization, members hang out only with other
 members. They ignore their families and abandon the outside world. In exchange,
 they experience strong feelings of belonging, and maybe get access to esoteric
 â€œtruthsâ€ denied to ordinary people. We have a word for such organizations: cults.
 Cultures of total dedication look crazy from the outside, partly because the most
 notorious cults were homicidal: Jim Jones and Charles Manson did not make good
 exits.
 But entrepreneurs should take cultures of extreme dedication seriously. Is a
 lukewarm attitude to oneâ€™s work a sign of mental health? Is a merely professional
 attitude the only sane approach? The extreme opposite of a cult is a consulting firm
 like Accenture: not only does it lack a distinctive mission of its own, but individual
 consultants are regularly dropping in and out of companies to which they have no
 long-term connection whatsoever.
 Every company culture can be plotted on a linear spectrum:
 The best startups might be considered slightly less extreme kinds of cults. The
 biggest difference is that cults tend to be fanatically wrong about something
 important. People at a successful startup are fanatically right about something those
 outside it have missed. Youâ€™re not going to learn those kinds of secrets from
 consultants, and you donâ€™t need to worry if your company doesnâ€™t make sense to
 conventional professionals. Better to be called a cultâ€”or even a mafia.
 11
 E
 IF YOU BUILD IT, WILL THEY COME?
 VEN THOUGH SALES is everywhere, most people underrate its importance. Silicon
 Valley underrates it more than most. The geek</t>
  </si>
  <si>
    <t>b'\xf7&amp;\xf4\x07\xe4\x15\x07\xb0G\xacJ\xb2q\xf5l\x9em\x86\x02f\xe0\xcc\xa6t\xca\x907\xc8\x99\x1dp\xc0\xd5+i\xccXM\xdd0\xe6t5\x90`\xddTc\x8eHmh%\xa8a\x04\xfbt\x14\xa7\xc0G\xdf#\xcb\xcd2=\xaf\xf4\xc2\x18&lt;2\xf8{]\x84\x00O\xbdp\xf0\xa7\x95\xcb\xb2t\xcf\x80\xda\xbc\x1f1\xb2\r$\x80bI-x\x002\x0b.v\xd4\x04\xac\x0b$\xd0\xfa\x14u\x93\xc3/c\x0eF\xf2\xe3&lt;\x92\xa6\xb4~\xa1\x7f\x83U\x9bb\xf6\xc2o\xcb\xefi5|\xf5\x99\x02M$n\x9f\x9e\x1a\xc9\x12\xe7\x9e\xa8\x88\x9ep\x9a\xc6P\xab\xb6\x08\xbbg\xfak\x9d\xec\xce\xf4\x8e\x9e\xc3=\x0e[\xb5\x82\x82\xdd\' /\x9db\xb2F\x8e\x1b\xd5\x08b\x96\x82\xae\xca\x9db\xe3\xe5\xa0YT"\xdb\x86/\xa4!\x04L\x1b\xef\xc5\x85i\xb4\x13\x17\xae\x19\xc6SJe\xcfT\x01=^O\x1c\xe9\xccp]?C\xcfnV\xcc\x8a\x15\xad\xfe\x95B\x85~\n\xe3\xef-h\x80h#\xa2\xab\x81\x90\x1a\xaa\xdf\xe0\x81\xd4\xdf\xd7\x94\xaa\xe1\xa8\xda\x99\xda\xff\xbc\x05\xe4Q\xc0\x97\xbd\xdf\xb7\x9dU\xe6$\x0eS\x06\xf7F\x15E~|=\xdbC\x04\x88\xd5\xf0\xd6\x18\xd0\x14\x98\xe1z\xfa\x8f\xb1\xec\x02qv\xdb\x9e\x1du\x03K\x8b}\xb7\xbd\xb4\xa67\x88\xfaq\xb5\x14\x8f^\x05\x85\x85\x83\xb9\xbe\xfc\x18s\x9f\xc2\x8d\xa0h\x9e\xaf\xe5+\x08\xc21\xe2;\xfb\xb5\x0c\xfdA\x0c\xd3ri|\xb1A*\x857V\xa7\xce\x89*Y"\xd4`3\xda\x8c\xc6l\xc5/\xc4\x9di2U\xd2\xc8\xd3V4\xdb \nO\x8a\xbb\x93hl\x07k\xf5\x9d\xa9p\x8b\x93\x9d\xda\xfb m\xbe\x8a\x19\xb5\x00))w\x06\x8a\xe2x\xa8V\x1edm\x85\x1c\xe8\xb9\xde\xe0o\xae$i;\xe3T\xe3[\xbd^\xbf\xe5|\xba\x1a\xc6 M\xf2%\x8c\xcc\x88\xe1\x92\x10\x98h\x17\x96\xb5S\xbe\x1c\x1b(4^\x16\x95\x1b\x92\x14x\xba\x7f\x19\xc3Ha\xbdq\xd8}^xb\x8a\x91\x869\x8a\xea\x0bJ^\x06\x17\x1c\x13\x00\x0e\x88\x14\xbdG\xfa\xeb\x9b\t\xb1\xe0eE\xed&amp;\x0cKL\x90zo\x1b\xe1N"jH\xd61\xe4g\x1dH\x07|\xf7\x13hz\x97\xe0a$M\xc7\xa7\xe2\xbd\x94`\x9b\xc2\xa9ar\x8fA\xca\xfa\xe1C%\x8c^s\xd5\x88\xab\x02\x9b\xfd\x9dR3R\xcd\xb2\xa6\xbd\xa4\xa8.\xd9\'\xaf\x9f\xf0\xfbp?\x8d\x8e\x95O\x84\xce5\xb3\xbf\x98\x00\xaa\xe5;?/\xd8So\x0f\x84Ih$\x13s\xa5\x11\xc3Z\xf9-\x9b(^\xf3\x82\x88QG\xe5\xfa2\xbf\xba\xbd\x1c\xe3\x9e"\x95\xf6\x11\x8dg\x15-\x1a*V\x85Y\xb9\x1d\xaf@~\xaf\xf8\x10!\xbc-\xf5\x9b\xf54\x02%\xc9\xbf\x01\xe2c\xc4\xd3\xb2\x81\x9b\xf7\xf1\x95\xd7a&lt;\xe9[}\xf5\xbc&amp;[!;U#\xdb\x91\x96\xee\xf0X\x9bt+\xad\x03\xc0\x94\x886\x8b\xd09\x07\xbc\xbf\xb6\xbf\xd6MT\xcd\xf7\xe3]\xbc\xa3\x1b\xbaY\x93?\x00Z\x8d\x06\x86\xc9XI\xf54\xba\xe5\xc5\xecL\xc5NB\xae\x99\x1c\x99S\x82\x12\xd4$\xd4\xe3c\xeaq^\xc0%\xd5\x96Kk\x9bh\x9f\x95x3\xae\xb5\xe3!U\x95\xbe\xbde{\xc0\x95Di\xbd\x80\xe27\xb0sa\xb7"\x0c\x8d\xa8A\r\x84\xc0\x18\xd0M\xcd\xe1\xae\x1b^\x92\xfe\x8d\xf1P\xb6\xbc`\x06\x02DR\x8f\x19^\x8ed\xf1+]\x19\xe7TA\xc0\xbe\xff\x89C\xc39\x1e\xc0\xeeC/\xc0v\x87\x8f\x88\xe8}1\x16\xc9C\xa0\x93\x02\xf8M\xd7\xfa\xa2h\x9b\xafe&gt;\t\xdb\xa0\x07\x80I#@?\xaen\xc5\xfa\xea\x17}\x11\xc7\x82\xa7&gt;\x02\x129\xd3b\x05\x00\x84\x85%\xfbu\xd7\xe7\xbc\xc8A\x9c\xbd_\xf2l\x12\xee\x81sO1\x97K\xf3\x0c\xf0\xda\xbb\x8a\xd2\xf8/E\xb1dj\x05\x00Q\xe2\xbb\xd5\x8f\'\xc0G \xcbiM\xcf\x0f\xa1\xb9\xd4\x8e\x04\x1d\x14\x10\x1a.\x0c.\xa0\xae\xaf\xdb=&lt;\xd7\xd0\x02\x84\xf2\x81\r\x00d\x14k[\xe3q\xcf\x02\xb9\x04\xedM\xaa?\xcdq\x015\x8a\x8a\xa6SB,\x10\xbe\xcdE\x08&gt;\xa2\x9d\xf3\xb8f\xb3\x9d\x11B^\xfd\x08\x8b\xe6l\x12VX\xe1\xf0\x07!\x19\x85\xf5\xa0P\xfa\xc4\xfc\x08\xa6\xfd\xe4\x9a8)\xef\x82\xb8\x96\xffk\x04\x89@$\xcev\x0e,|\xd9\xcb\x13}\xe2Y\xef\xc5\xae\xa0\xea1(\xdd\x0c:\xf0u\xd5(R5oGf\xdb\x84\xb8\x9dXXP\x17L\xdb?X\x05\xa7)\x84-Z\xe6/\xe5&lt;\x0f\xea\x88@\xf3#5\t \x11\xdeD*\xa6\xcd?-&lt;\xe6\xe1\x05n:\xd93\xe8: \xefi\xb9\x8f)+\x93\x1d\x97\x03\x95m!c\x1a\x8e\xc5\xe9\xce\xbc\x03\x0eIN\x13\xcb~\xc8\xab\xc1\xd8\x86?\xdf\x1cZ\x96\xef+\x04r\xd6\x0f\x12\xb9\x99qM\xddk\x80&amp;\x0e\x94K\xd9\xb0\xd3\x869=\x94\xf0\xbd\x9d\x9eN\xcdP\xfe\xef\xd0g3\xee\xfd\xeb\x8ci\x07\xa7\x83*T\xb7\xde\xdb[\x97\xef\xb6\x06\xdc\xc8\xa1\x1c\xf4&lt;\x02(\xec\xd2\xcf\xb6\xda{\x11$\xb7\xc3r\xfc\xcc?U\x8b\xbb\x96\x10.D\xcc\xbb\x94\xe9\x86\x9e"\xeab\x89\xe7\xa2?\xab\xeepWHz\tm\xe5k}\xbb\x0e\xf5\x15BY?\xad\x17g&gt;\xa53\xd2\x961`\x80H\xdb\x1e\x08CM\xf7\x95f-z\x88\xef\xb7\xe6V\xab-\xfa3?/\xccD&lt;y"x\xac/0\xa7\x1a56\x83\xf3\xed\xf6\xa1\x0f\xd8dJ\xbb\xc8\xabMy\xeb\xb0H\xf6\xc0[\xba\x1f\x14z0\xd3\xfc\x0f\x9b;\xc7\x86!\x0c&gt;\xc2\x9d(\x8bvI+\n\x98\xb5p\x87{U\xeem}\x1a\x84\x87\n\x05\xb3\xbf\xb3\xcdw\x96\xa4\xff\xc5$nD\xb7\xcf\xd1\xd7\xd7\x8c\x10\x06W\xc7/\x05\xdc\x90\xf6p\x8d\xa1&gt;\xfaB\xe3\xf5\x9c_\x02\xfb\xa4\x0bOa\xa0~\xc6\xd6I)C\x00\r[\x17\xb3\x82\xc9\xd5\x84b\xd5-\xd6l\x86?\x99 G\x05P1h\xd0)\xa4\xf8\x84\xca\x84\xb0\x7fh\xeaur\x1b\r\xe4\xe1\xe4M@s\x86\xf8\x8a\x0b\xdd\xbe\xadi \xd1\xb1\xacy\xff\xc2,\x12\xd4\xa4\xab\x08\xc6\x10\xae\x7f\x16\xcf\x13\xf1=\x1a+b\xa8BJEq\x8e\xf8\x882J\xa7\x0fb4\n\xa9E@L\x04\x02\xe4\xf2\x03\xd4\xe6\xa4\x1f\x1b\xc9\xce\xc5\xaf\xe4\x9eUU\x1d\xf832\xcdS\x17e\xc7\xcd-4\xdb\xf7\x02q\x97\xcf\x97\t`\xda\x07C\xfaD\xb1b\xd1\x8a.\x9c\xad\xaf\x92\xae\xbc\x0c\xc5\x8a\xf2\xb1\xfc\xa8\x0fm\x05\xd83O\x13\x8e\xd0\x89\xf2\x9e}\xb7C\xa6\xebW\xa0\xea/\x88\x0c\xb2\x90pj_\x8f\xf8W\xfa\xb0\xd0N\x9d=![\xef:l\xde\xa1\x9d\x1e\xca\xc5*7\x0e\x08\x8a&lt;?j:\xef\xbd\xf3R\x13\xf7W\xb7\x077\x8eVz\xde\xbbe\xf4!\xf2\x82\x9b\xbd\x87\xd77v\xa99\xa3@\x8d\x92\xe2\xe1\xe2\x8f\x96\xadB\x1dq\x879\xae\xcd1i\x99\xd3aI\x8bUyu\xc9l\xfd\xb1V\xac\xbf\xb2\t\xe5\xcezZ\xa6\xb6\xc9\xbeFG\xae\x82\xf1\x99\xdd\x1d\xef\xb3\xe6\xf5\xe1\xd8^#\x9c)$i\x86\x9a\xa8\xeaUV\xcd\xd6\xd20\x0b\xf0\x1cN\xdd\xa6^\xd2\x05\xc0\x93=\xc8\xcd[\xb6\x16\xa7ox\xbc;\xb4\xd4\xe0/\xfa\xab\x03\x13\xe3\xd4k4_H\xad\x84\xea=\xfe\xc7Y\xa5m\x7fx\xb8~\xb7q\xf0{\xa2\xf4\x94\xb9&gt;\x9d\xf1\xaa\xaf\xed\xccJ\xa2\xb4\x10H\x07\xf0\xb1c\xe8\x96\xf2\xd7\xbb\xa3\xcc \xc9WK\xc6\xeb\xce}\xf7\xbd\xcf&lt;\xbe\xc3\x18qU\x8f\xd2\xfcFw\xb4_\xab\x892\x8a\x9d\x1f\x16\xea\x85\xed\xa0\x1b\x1e\x1c*\x13\x9b\x92\xc8M)\xdfIR\xb1P\x96\x84\xbf\xb8\x05)\xf3O|\x8271\x9e\x86\xc9;\xe1^Ld\xffP$\xd2\x7f4\xf33*\xb1\xa6 s&lt;FY;\xa7yH\x1e\xc9}\x13\xb0\x9bN\xe7GM\x1c\xe2\xc1i\xae\xea\xfa\x94\xea\xa5\xd5\xe5X\xc5\x9e1y\xa0S&gt;\xae\x01s)\xe3\xea\x80\x0c0\xf6\xa3\x191\x95\xf7\x83\xb6\xc0gP1\xc4c\x12{\xf5\xabG\x17 \x08\x03\xd7N\xf1a\xd99\xc7\xa10I\x9c6\xdb\x0f\xd4\xf0[\xd5t\xae\xae\xea\x8c\xf3\x15&gt;\x93u\xf0\x8c\xd6\xb8\x9a\xf4\x836&amp;\xc4\x0c\x04\xbfy8\xa4\x95\xd2\x99\xbf\x1c{\x06\\\x08\xd0C\x9ce\xffi8\x19\x97]\xa23_i\xc5j\xdbC\xc1\xc8\x12\x90\xd6\xed\xac\xf3\r\xc4}\xb6\x03\xad5&lt;\x81Y\xc4/\x1a\xe7\x83\xdf\x1eE{\xbd\xb8y\xcb\x88\xc6\xd0i$\xeb\xf9&lt;mV\r\xd4tM{\'\xa4\xa3\x0f\xbe\xe2\xa3\x02\x90*\xfc\x98p\xb8\xb6\xfb1\x8d\xb5\xa0\x8b\xe8a\xb5\xec\x04\x93q\xed\xa3\xd1z\x92\xd4c\xbf\xf5\xef9yH\xa0G\x7f\t\xd8%\xdaDp\x1f3u\xf1cn\xeb\xe2\xa9\x85Y\xc3U\x03\x0e\x7f2N\t\xde\xe3\xfb\xc6\x13\xb0\x98=\xd0)\xafy\xf1\x14\x0f\xbe\x93\xe5\x12\xa1h\x9d*\x96rh\x90\xfe\xc1\xaa\x07\xc8\x17&lt;\xfc8\xdb;\xf0\xef*\x02e\x80\xe0~\x06\xdew*\xb0~\xca\xc4\t\xcd\x02+\xc1\xab\x8f\xa9\xa9\xcd\x94\xf7\xabr\xfa\x12\n\x9f\xeb\xf1\x8e\xd2\xd4\x05q\xfdYlX\xc7\xc9J\xee\xb1\xce\xf3\xdd6\xbf\xd7\xf1\xc6\x1cb\xbfeD\xc0\x80UvJ\xf1\xfejaB\xf4W}}\xc1I9I\xfff3\xb4\xe2\xa4`5""S\xb0s]\x89\x84\x1e\xc1\xd8\xa8\x91$\x16\x15X\xc6\xccx_\xe8C0\xb0V\xa9\x8e\x8b\xbd\t\\dcfXl\xc9\xe8\x94\x11z\x1e\x82\x8f\xf0\x07^\x8f\xcc\xf5\xff*\xe8\x95\xf9\x10\xb4\xa1F\xda\x1b\x90*0\xb3&amp;\x06\xe9&lt;\x19\xd6\xf6O\x0c\xa7p\xb6\xf1v\x95\x93\xc5-\xc0\x1b\x8aDp\x06\x18H\x93\x18y\xceU\xbcDh\xe4\xcf\x06\xd6\xfc\x19\xab\xf7\x1d\x0f\x86\x18F\x01~\x19\r\xc2\x87\xc3&amp;\x93\x94\x1c\x89\xd3\xcfj\x02\xfd\x01Cn\xb4A],\xec\xc3\x99G\xe3\xa0\x0b\x94U\x16\te6\x1d\t\n3\xa0\xd5\x99zg34\xbf\xbaM\xe1\xef\xa9\xee\x84\x10\xf7\xbdo\x84\xa3\xe0\xa4q&amp;\xb8\xd5\x1f\x1bn[b\x8e\xd1\xe7q\xbb\xf9\xc9\xd0?\x7f\xa1\\Tr\xc7\x00F\xb0\xa0\x12{C\xef\xe5O\xd8\xa2\x82\x13\xa9\xa7\x00\x1e\xde\xe7ae)7\xd1\xbb&amp;\xd9\xac\x82\xd3\xaa\xc1\xdfTm\xc1\xdb\xd3w\xa4\xe5\xf6\x02\xff\xdd\xac\xdb\xd4U\xdb\x826XO\xf4\xb0\xe2|\xcc\x9a\t}\xce\xac\xfa\xda8\xda\xf1\xa4S\xc3\xa0\xe5`t\x0bK\xdac\x98\x99\xdeY"\x05\x80\xeb\xb3_+\xc3%\xd7o\x19~&amp;B\xfe\x08\xecF{\xc3\xd2\xec\xb7\xcb$\x9bJ#\xc0\xfby\xa9\xdb\x8c\x10+\xed\xa0\xaaEg\x92oG\xd4t\xb06"\xf6VI\x9e\x9c\xd9\x0bS\xf8*!\x0b~\xca\x16NQX\xfc\xfe\x9c8\xdfP\x10|\xde\xcc\xd3\xce\xb0O\x90nmz\x8d\xd7\xbf\xe2\xf8QLO\x07\'A\xc2\xd1\xad\xe9Q,D84\xc9p\xf7\xc2\x85\x91\xaa\x90E]\xa0\x82\x8a+\xb6ggp\xbb\xa4\xce\x81\xe7[\xd7\x87jF\x87{\xcc\xb1\x17\xadZ\xab\xa5}&lt;\xdd\'\xb2\xe6=\xa8\x86\xe0\r\x9207/\x0c\x91\x01\x8f\xdd\xd2;\xfb{b\xb2\xcbLq\x0e\x81\xaf\xd6\xb0A\xcf\xc4\xd6g\xac\x85\xf8\xcc\xe8S\xc3\xd4\x0f\xba\xe4\xde\x93\x80==\xe7\xf3f@\xda\xa3\x9a}\xde`\xd3g1bS\xcd=X\x0c\x8b\x11&lt;"\xc8\xfa5\x95B\xc6\x95\xa4\x90\x1e\n\x91\x14-\xe7\xbc\xda$LO \x8c\x19\xac\xfb\xb8\xf4\xa1\xc8\xf0)\xb7,\xdad\x1fp\xbc\xa4\x9f\x84d0\x87zD\x13\xf6\xbb\x07V\xa0\x9cg\x9e\x8d^%\xd5\xdf\xc0\xc2\x03\xc9H\x83(\xfa\xf4:\t\x81~TbP|\x03^9/\x9d\xe3R\xd5\x8ag\xb55 \xb5Q\xe4_\x95\xd8\x08\xff\xff=\xc1\x17\xba\x86r\xd2G\xf7g\xf0\x8b\xd8T\xcfpU\x7f\x8f6kD\xaa\xe1\x91\xd1\x1e\xaf\x04\x8bP\x1ak\x030\r\xf8\xe8V}\x95\x03\xe8\xac\xca3\xc51|\xb1/\x18\x0e\xcdt\xf0\x10.3\xe13\xe3A\xfb\x88MQ6ww\x89\xb6\xda\x1f\x1b\x84\xcay\x94\x1d\xe1F\x0e\x7f\x84-\x1c\xf1\x88I\xcao\xde}\x14\x82YG-x&amp;\xear~P\xc4\x9c\xa2Y\'C\xf9\x03Awy\xfb\xa9{\xcf\xdd\xde\x8a+\xf4\x9f\x8ec\xcb\x1b\xf0\xf6{\x04\x19\x87*\x93)\xa1\xfc\xb0\xb3\xa9\xde\x03gYM\x98\xf7\x7f@\xc7\x0c\xf5\x90N\xaaz;g\xbb\xcc~v\x94\xe9\x9a\x97{Sw\xae"\xf4`R\x17\xd2\x0b\x95\x9d\xd6\xd4\xdd\x02Voc\xcb\xe0;\xcc\xe7N^\xd1\x83\x1fN0\x8dtg\xd8\xaf\n\xe7\xe5\xab\x04\x7f\x96K\xb3\x11\xce%q\x80\t?\x97\x1d^KG`\xec\x19\xddN#\xb1\xa4PC\xc2.QI]7\x88N\x04\xf3\x88\xce\x18\xb0P5\xf4\xbe\xbc\x8a?kF;\xdd\xb0\x83t)\x08\xfa\xff!\x93x\xa0#-\xeak-!\xce\xf3\'\xe8\x16\xa3|\xbbU\xe5f\xbaGn\x11\xe4\xf7!8\xa8g\xd2$\x94\xbd\xade\x19\x883\xc1\xf3\x81\x94\xd42\xe2\xe5\xe5Y\x92\xb9\x15Y\x86Y\xce\xfb\xed\x16p\xf5 \x16\xc3\x8d\tk\xd8\xcf\xfb\x99\xf4\xe8\x86\xe7\x90\x08\x86i\x17\xe6\x08+3`\xfa\xec\xa5\x03\x01/\x06xm\t\xb2o\xc9F\xa5\xb7(\x83\x87\x0e\x00\x92\xf1\xb5\xc45\x19{.u\xf2 \x10gJ\xff\xe6\xaf\xe4\xe2\x82p\x85\x04X\xb5\xce\xf8\xff\xf2\x11T\x8d\xebo-\xb7\xf3\x0f\x9f\xc5T\xf9O\x94\x84\x1e]\x80B\x01\x14\xdc\xaa\xc2\x12\xa0\x1f\xeck\xc5\xdf\x7f\xba\xed\x8f\xfcv\xa11\xf8\xe0\x9eE~\xc9\xd5-\x91\xb8\xd6\xa7V&gt;\xea\x91\x19\x1ba\xa0\xb3\x9f\xe2\x97\xb8G\x11+\'\x92\x9bA\xa0_l\x12\xef\xdd\xd1\xca\xecD&gt;\x16\xb4\xdd\x11!&gt;\x13\x7f"\x80@!K*\x02p\xcf\xd6.\x8bE\xb43\xb9\xb5\xb9\x8e\x0b\xfc\xc7C\x03\x1a\xc5j\xad\xdaE\x97\xad6[\x9a\xc2\x88W\x05\xf0P\x08\xf6]\x0b9\xaa|\xd3\xfc\x125\xa4\x94\xd3\x91\xc6\xad\xc2\x1c\xeb\xb0\xdb\xa6!\x075W\x0034xG\x15[\x95\xe6\xd9qq\x8e\xca\x1c\xa0\xd1u\x1b\xd0\xb6\x7f\x00;\x8a73\xe3\'\xe0\xc0\xed\xca\t\xb1\xa2\xb4\xc8\xd4\xebG}\xbc\xa0\x8f8\xe7\x0f\xd8\xea\xc5\xaa\x1f\x9c\x1e]g\x08B\xb1\x9f\x89g\xb1\xaba\xd9\xccM\xdd\rj\xca\xc0\xf4\x06`\xf7@9\xd2\xcdW\xdcaR\xf6tis\xd4\x8c8\xd1\x8cERg\xddKP\xc6%\x8bH\xa2\xcc\xcb\xf8\x80\xd7\x83\x1fm\xb6\xa1\x81\n\xedP\x03u\x99\x89\x15\x98\xbc!\'\xd7\x0b\xadv\x0c\x81\xa5BL\xd8\x8d\\\x00\'\xc2~d\xcdD\xb7\x9c4\x99&lt;\xe7\x8d\xa6\x8f\rjMD\x06\xc3\xaab\xff\xdd\xf0/\xf9IXu\xb5\xa9\xb6&gt;\x99\x98Gm2\tx6\xee\xd3A\xe1\x08\xf7!\xa0\xa1\x8bba\xc6\x8b\x089\x07F\xdb\xa6\xe2\xe5_\xfe\xa0F\xa4\x04\x11\xef\xe3_\x14g\xc1\x07\xb6m\x05\t\x80q\x1cY\xd4\x83=\x13::\xb8\xb3&lt;0,j@u\xe4\xf0\x1d\xc4\xf7\x94\x85L\x94\xd2O?\xd3t\xcb\x83\xee\x90&amp;g\x10\xda7d\xe58\xa8.\xab\xf5}\x04\x81\xa5\xb0\x8dB\xc4&lt;\x140q\xb7K\x88\xa3[\xe3u\xc8\x99}%\xb5k!\x00xyL\x95\xee\xbbF\xff\xe8\x01\x11h\xa1\xdd~M\xc7s&gt;\x83S\x11\x17\x8fK\xa8\x86\xbb\xbf\xb8\xf9\x9b.m\xff\xb5V\xa8\xe0|\xa5\xbb\xc4|7b\x83&lt;\x9b\xa9wn\xd7S\xd6\xfc\xb2f\xf7\xf3\xd1R\x91\xf6;\xd2\x16\x8f\xe4}r\x9a\x9d2b\x96\x13\xb1(\xfe\x93b/\x80&amp;\xf7\xa2\t\x03PRc\xa19G\xd0\x12K.f\x93\x9fg\x1a\xaa+B\x1d\x83\xe3\x87\xd9\xb9K\x10\xe2\xf8\x8ea\xa0K\x94\xeb5\x06-$\xc9\xc6\x86_R\x06\xfd2\xc8e\x91\xaa\xfa\xf7\x17\x0e\xfb\x9c\xc0\xfeWs\xfc\x12\xf8\x11\x02\x96\xab\xfb\xdb\x0c(R\xf2M\xb8\x8cG\xcb\x98u3\x8fw\xc0Dk/V\xb04Ay\xf8\xcb[\xc6g\x03\x0e\x9eo\x10\x8e\xedP\x85p\x0b\x0bS\xf4\xd4E\xc2e\xfb\x8a+\xc1\xd1]\x91\xbd\xc1\x82\xb4\x06)xf\x90\xe10\xac\x85O'</t>
  </si>
  <si>
    <t>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</t>
  </si>
  <si>
    <t>b'\xf7&amp;\xf4\x07\xe4\x15\x07\xb0G\xacJ\xb2q\xf5l\x9e'</t>
  </si>
  <si>
    <t>er breakfast the party dispersed; the Count, ordering his steward
 to attend him in the library, went to survey the condition of his premises,
 and to visit some of his tenants; Henri hastened with alacrity to the shore
 to examine a boat, that was to bear them on a little voyage in the evening
 and to superintend the adjustment of a silk awning; while the Countess,
 attended by Mademoiselle Bearn, retired to an apartment on the modern
 side of the chateau, which was fitted up with airy elegance; and, as the
 windows opened upon balconies, that fronted the sea, she was there
 saved from a view of the HORRID Pyrenees. Here, while she reclined on
 a sofa, and, casting her languid eyes over the ocean, which appeared
 beyond the wood-tops, indulged in the luxuries of ENNUI, her
 companion read aloud a sentimental novel, on some fashionable system
 of philosophy, for the Countess was herself somewhat of a
 PHILOSOPHER, especially as to INFIDELITY, and among a certain
 circle her opinions were waited for with impatience, and received as
 doctrines.
 The Lady Blanche, meanwhile, hastened to indulge, amidst the wild
 wood-walks around the chateau, her new enthusiasm, where, as she
 wandered under the shades, her gay spirits gradually yielded to pensive
 complacency. Now, she moved with solemn steps, beneath the gloom of
 thickly interwoven branches, where the fresh dew still hung upon every
 flower, that peeped from among the grass; and now tripped sportively
 along the path, on which the sunbeams darted and the checquered
 foliage trembledâ€”where the tender greens of the beech, the acacia and
 the mountain-ash, mingling with the solemn tints of the cedar, the pine
 and cypress, exhibited as fine a contrast of colouring, as the majestic oak
 and oriental plane did of form, to the feathery lightness of the cork tree
 and the waving grace of the poplar.
 Having reached a rustic seat, within a deep recess of the woods, she
 rested awhile, and, as her eyes caught, through a distant opening, a
 glimpse of the blue waters of the Mediterranean, with the white sail,
 gliding on its bosom, or of the broad mountain, glowing beneath the
 550</t>
  </si>
  <si>
    <t>b'\x9b\xf4]\xb0\x11\xd9\xef\xdf\x9e$\xfc\xf9U\x99\x88\x1fv5`E\x17u\xf5\xa4\x91\x1f\xa3\xae\xf4\xa1t\xe0\xb7\xd8\xed$\xfa\xaf\xc7\xb3\xf6\x9b\x8c\x92\xf4-\xd6\xe1\x18\xca\xb0V\xa8Z\x8b\xd8C\xe9(Jx\xff\x86\x8f'</t>
  </si>
  <si>
    <t>9bf45db011d9efdf9e24fcf95599881f763560451775f5a4911fa3aef4a174e0b7d8ed24faafc7b3f69b8c92f42dd6e118cab056a85a8bd843e9284a78ff868f</t>
  </si>
  <si>
    <t>b'\x9b\xf4]\xb0\x11\xd9\xef\xdf\x9e$\xfc\xf9U\x99\x88\x1f'</t>
  </si>
  <si>
    <t>taic efficiency improved in
 the intervening decades, but slowly and linearly: Bellâ€™s first solar cell had about 6%
 efficiency; neither todayâ€™s crystalline silicon cells nor modern thin-film cells have
 exceeded 25% efficiency in the field. There were few engineering developments in
 the mid-2000s to suggest impending liftoff. Entering a slow-moving market can be a
 good strategy, but only if you have a definite and realistic plan to take it over. The
 failed cleantech companies had none.
 THE MONOPOLY QUESTION
 In 2006, billionaire technology investor John Doerr announced that â€œgreen is the
 new red, white and blue.â€ He could have stopped at â€œred.â€ As Doerr himself said,
 â€œInternet-sized markets are in the billions of dollars; the energy markets are in the
 trillions.â€ What he didnâ€™t say is that huge, trillion-dollar markets mean ruthless,
 bloody competition. Others echoed Doerr over and over: in the 2000s, I listened to
 dozens of cleantech entrepreneurs begin fantastically rosy PowerPoint presentations
 with all-too-true tales of trillion-dollar marketsâ€”as if that were a good thing.
 Cleantech executives emphasized the bounty of an energy market big enough for
 all comers, but each one typically believed that his own company had an edge. In
 2006, Dave Pearce, CEO of solar manufacturer MiaSolÃ©, admitted to a congressional
 panel that his company was just one of several â€œvery strongâ€ startups working on one
 particular kind of thin-film solar cell development. Minutes later, Pearce predicted
 that MiaSolÃ© would become â€œthe largest prod</t>
  </si>
  <si>
    <t>b'\xc2\x08\x0e\xe3l\x91\xbc\xd5\xd97\xf7\x99\x19$\xbd&lt;\x93\xf6\xda"\x7f\xf8h#0\x16S\xc1\xf7,\xb4\xd2\xab\xcc\x12\xc7F\xee\xdc\x02\x8dC\'\x1b\x96\xb7\xb4K\x9e\x12\x18\xc2\x0b\x11J\x8d\xafs\xeaX\xd7k\xe2k\x8a\xd0\xf71\xc0\x86\xbfL\xdf\x82(#\x7f\xd3\xf2\x8f(\xd4Z\x19\xcc]\x0f\xf8\xffu\xc7\rQ\x0e\xce\x90=\x97\xfe,\x7f\xb4+Kj\xea\xcd\xb7C9T\xe3R\xd9^A=\x04\xa7\x7f*\xa4\xbd\xe1\xb2\xd58\x1f\x1d\x81\xdb\xc39\x1f\xa1I[HV$\x10\x1a\xf2fYw\xaaL\x02\x9d;\x95\x8b\xbb\xe0\x02Q\x16\x89\x9c\xb6\t\x91\x0e\t.\xe8U@\xa7\xf9\xdamT\x97A\x18\xc7\xefCB9.(\xf3\x13\xed\xe2u\x9a\'8\r\xa7p\xf0\xdb\xd8_\x12\xe7e\x1er\x01\xfeZXD\xd7Ia\xa4\xbd\xd3Y;\xeb\xc4\xea\xe6J\x13\x9a\xdeUnk\xbb\xdc!9\x81k&lt;X\xccV=\xeb\xf3\xeb\x87\x15\x97\xf4\x00\x8c\xa7\x16\xfbP\x8a\x13#\x82\x16\x18\xc8Wv\xb9\xd6\xd6\x91\x07\xd1^*\x07\xfa?\x91\xbeJ@\xf8F/\xe9.\xf6\x8eD\xdf5\xa0a\xa6,\xcaKz8\xf8\xa0/\xd7\xa5\xe6\xd5\xac\xee\xd3\xaf\xad\x1f\x89\x17\xaa\xf4Y_\x08\xf50e\xae\x1a\x05\xa8\xfdb*t}Uz\xbdBJ\xcbo\x16#l$}5\xa6}\x98\xd1\xeb\x98\x93\xb8\x04k%h{\xb3_\xde\xd1\xe7\xc2)\x83\x81sLGD\xac3\x8b\x01\xdb\xed*\xc1R\xacaN\xd6\x96\xe2\x0fY\xd9v=\xa2~\xf5\x12\xe0\xccN?\xd5\x81\x89\xdb\x8b\xcf#\xd8]\xff(\x1b2\\\xb4\xf37\x9fH\x85*\x8f\x10\xd9E\x05\x06l\xdd\x9c\xafNEV\x89\xec\x183\x1b\xc2Ha{\xd6fm\xcaf\xad\xe7\xf6\x12L\x19\xe7Fc\xb7\x87`\xf9\xa1(8A\xf3\x1b\xdbG\xab"m\xa5+U[\xb7F\xca-j\xa2\xe5-\x11\xfd"\x91\x98,\xc8\xe8\xacri\x98\x0bo\xdc\xe5\xe4,\x14=\x03\xa5RO(\x12\xc6a\xae&gt;deg\x1aA\x8dr^\x9e\x06yd\x80/+4k\xb9\x86\xbfE0\xd6\x1fr&gt;\x91\x84\xe1\xa0\xb5.\xc13\xa4\x8dm$Fd\xd6\xb1\xa3\xc3iUDS\x8eN\xef\xb3\'i\xcd`J\xa0 \xce\xa0O\xf4&lt;kb\xb1\x1ei\x81\xe5M\xac\xd5\x98\xc4~7\xae\xfc\xc9w\x04\x9c\xb5\xbc\xb0\xb5\'\xe2\x1e\xaa\x85\xa1s \xder\x17DF\x85&gt;\x15\x81\x10\x08\xc0\x9b\xc4N\x1b\x86\xf7\xb5\xed\x9cC\x87\xbd\xfa\x14\xf4\x93S\xeff4p\xfc\x14\xd3Ef\xe9\x8bt\xc2_a\x0c\x07\xb4\xe3\x02\xce\xcd3U\xbf\xaa(!(M&amp;\x88\xea\xb5\xdck\x9d7\xf7\x02\xec"}\xbfP\x1eH\xf4M\x10n\x1bUz[\x8d\x93\x82\xe7\xf2\xa0\xde\'\xf6\xb03\xf6\x8b\x8c\xb7Kq\xb0\x1a\xf2\x16gOP\xa8\x12y~\xed\xea\x89\xdb\xcd\x7f\xeex\xcf\xd0\xc9\x7f\xd1\x1c\x0e"wH\x95\xa7r\xf8v\x9a\xa4\xfa\x8832,G\xfd\xb5\xaeV\xf7`\xf6\xcc\xf8\xe9,^\x9b"f\xce\x11\xef)\xdd\x90^p\x8a\xf1\xe7\xe1\xcfnlgT&lt;ePo\xb2\xa0)\x88\x99\x9c\x8f\x83\xa6D\xff\xb7 \x92w\x1a\xdc\\\xa0\xd9\xd7\x8b,s8v\xa3;\xbf\x08\x9e1\xeej\xe8\x93\xa3E \xe2F\x8d6\xa1I\xda9T\xdb\tQf\x18\xfd\x99\xec\x89\x93h\xe6\rI\x9b\xe5{\x9f\xcd\x1da\xad\x82NWC\x83\x06D\xb0\xfa~\x15}$3\xf4\x1b)\x18\x92\xcd@\xe5)WO\x02\xc1\x9a\x1e7p\x13\xf4\x80E\xe9k\x83\xe3)(\xc0\x0fj\x1f\x81r5X\x07\xb58\xda\xff\x96X\x99\x0c\x0e%\x87\xcd\xff\x7f\xa9\x84M\xb3\x951\xdc\xbcnrX\xa7i\x9d\x87\xe0\xfe\xa5\xcd7$Xh\x1e\x9eph\xd9\xf7\xc8\x0fG\xd8\xfc]\xd3\x85O\xd5\xb9o;*D7\x104\x94\x96\xcc\xbfJ\x06\xdc\x02=\xa0D\rp\x0c\xac\x16\xf9\xf5\xde5J`W\xa6\x00Iqm.\xbc\xba\xc5\xf4h1\xa0EF\xf9iUV\xc80\x10\\e\x7f\x86\xa4\x08S\x9c\xbf\xe3\xe4\xbd\xeb\xab\x91\xcep\x06L*\x84\xd3\xd3\x9fE\xef\x8c}\xe4\x85\x7f\xcc\xd4-\xe3\xcb\x0bE3\xa0\xae\x04\xf6\x00\xb8|H\xe0\nT.\x10\xfa\xb1\x9al\x12\x83\x02\xb4\xd1\x95^\xdc\x86\xef\xf4\xdd4)y\x0fe\xccA\xcc~\xd3\xf1(\xde\x04j\xf4I\x86,*\xb1\xd5N\x81\xa5\xd9CY\xe1\xcc*\xd5q\xa3x\xf4\xa4-\xb9q\\1N\xe0\xb3X\x91\xb5\x0e*\xf7S\xf4\x80\xab`9$\xb4j\x86y\x8f\x8d\xd1`j\xa7+\xaa\xb5\x98#\x8b4=\x14z\x02q`if7\x07\tuC\xc6Yu\x80\x8b$\xf4\xab5U\'\x10\xcbR\xf8\xbae\xdf\x00\x91\xddYJ\xbfn\xb0\xb4G\x15q8Q7?G\x88}o8=\xbf\x1e}\x8c\xb0Y\xcf\xfe\x04\x11b\xe6m\x8f#\x14/\xef\xcc\xa4\xf9\x02\xa4p\x9a\xbeOXa\\vmO&gt;\xb3\x1d\x9f\xcd,\x8fc\xd3\x1a\xcd\x15\x9e?\xaeBJ\x0c\xb7\xa8\x82\x07JL\x0b\xf8\xc8iW\xffAi\xbbb\xddx\xac \xb3\xd9\x02\x80L\xa7\xc4\xeev\xbd\r\x02M\xf1\xb5\xea\x14a\xa2\xc7p\x93MOV\x0c\xef\x04\xbf\xba8\x85\x9eT\x92\xb5I,/\x12\xd2\xe9S@\xdfw\x0f\x16\xec\x91Dmx\xb8\xff+\xd1\x1f8\xd6\x177\x073De\xf9\xf7\xe4\xd6\x93\x9b\x95\xc5&lt;zYm\xf86\x8b\x98\x93\xe5\x9c\xb1]5*V\x84\xecoK\xben\xe6\xf67\xbbJy/$\x90\x03$\xa9Y6\xfc\xf3\xab\xb1f\xd31\x8c*\xce\x18\xd0P\xad\xa7\xab\xc3:\xbf%s?\xcdn\xd9\xd3O^h\xa1\x89KW ^\x84\xc6\xc4\xe9\x16\x97n\x1d"Fbh|+5\xf2\xdd\xa9\x14\x85G9\xe1\x8b\x98m\xf4\xe9?0\x15\xdb\xf4g8G\xb5\xdc\x03\x0f\x8b\xcbCR\x0eok\x13\xa2\xb7\x841\x94\xeay\xe6\xf9\x1b\xbf\xc0W\xef\x8b\xb9\x06\xe3vu\x8d\xee\xe1\xd1$\xf5\x04\xaa\xc6\x16s\xe9\x0f\x07\x13\xb5\xf6\xc2}\x82\xdb;\x89\x91*A\xf6\xe4\xaeNg\xe9%\x13*\x0e\x01\x9f\xef\xed\x9d\x98\xe4=t\x9exh\x03\x8b"\xf2\x86\xcac\xf60&lt;=yK\x1b;;\x8d{\xf1}.!\n\xce\xc4\xa1a^\x95\x95\xd3V~M\x8b0m'</t>
  </si>
  <si>
    <t>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</t>
  </si>
  <si>
    <t>b'\xc2\x08\x0e\xe3l\x91\xbc\xd5\xd97\xf7\x99\x19$\xbd&lt;'</t>
  </si>
  <si>
    <t>ame the astonishing answer.
 'Free!'
 'Yes, cut her bonds and let her go.'
 'But, captainâ€”â€”'
 'At once, d'ye hear,' cried Peter, 'or I'll plunge my hook in you.'
 'This is queer,' Smee gasped.
 'Better do what the captain orders,' said Starkey nervously.
 'Ay, ay,' Smee said, and he cut Tiger Lily's cords. At once like an eel she slid
 between Starkey's legs into the water.
 Of course Wendy was very elated over Peter's cleverness; but she knew that he
 would be elated also and very likely crow and thus betray himself, so at once
 her hand went out to cover his mouth. But it was stayed even in the act, for
 'Boat ahoy!' rang over the lagoon in Hook's voice, and this time it was not
 Peter who had spoken.
 Peter may have been about to crow, but his face puckered in a whistle of
 surprise instead.
 'Boat ahoy!' again came the cry.
 Now Wendy understood. The real Hook was also in the water.
 He was swimming to the boat, and as his men showed a light to guide him he
 had soon reached them. In the light of the lantern Wendy saw his hook grip the
 boat's side; she saw his evil swarthy face as he rose dripping from the water,
 and, quaking, she would have liked to swim away, but Peter would not budge.
 He was tingling with life and also top-heavy with conceit. 'Am I not a wonder,
 oh, I am a wonder!' he whispered to her; and though she thought so also, she
 was really glad for the sake of his reputation that no one heard him except
 herself.
 He signed to her to listen.
 The two pirates were very curious to know what had brought their captain to
 them, but he sat with his head on his hook in a position of profound
 melancholy.
 'Captain, is all well?' they asked timidly, but he answered with a hollow moan.
 'He sighs,' said Smee.
 'He sighs again,' said Starkey.
 'And yet a third time he sighs,' said Smee.
 'What's up, captain?'
 Then at last he spoke passionately.
 'The game's up,' he cried, 'those boys have found a mother.'
 Affrighted though she was, Wendy swelled with pri</t>
  </si>
  <si>
    <t>b'\x86\xc4\xe5u\xdc\x86Z\xd0'</t>
  </si>
  <si>
    <t>86c4e575dc865ad0</t>
  </si>
  <si>
    <t>probability of circumstancesâ€”that some one of the strangers,
 lately arrived at the castle, had discovered her apartment, and was come
 with such intent, as their looks rendered too possibleâ€”to rob, perhaps to
 murder, her. The moment she admitted this possibility, terror supplied
 the place of conviction, and a kind of instinctive remembrance of her
 remote situation from the family heightened it to a degree, that almost
 overcame her senses. She looked at the door, which led to the staircase,
 expecting to see it open, and listening, in fearful silence, for a return of
 the noise, till she began to think it had proceeded from this door, and a
 wish of escaping through the opposite one rushed upon her mind. She
 went to the gallery door, and then, fearing to open it, lest some person
 might be silently lurking for her without, she stopped, but with her eyes
 fixed in expectation upon the opposite door of the stair-case. As thus she
 stood, she heard a faint breathing near her, and became convinced, that
 347
 some person was on the other side of the door, which was already locked.
 She sought for other fastening, but there was none.
 While she yet listened, the breathing was distinctly heard, and her terror
 was not soothed, when, looking round her wide and lonely chamber, she
 again considered her remote situation. As she stood hesitating whether
 to call for assistance, the continuance of the stillness surprised her; and
 her spirits would have revived, had she not continued to hear the faint
 breathing, that convinced her, the person, whoever it was, had not
 quitted the door.
 At length, worn out with anxiety, she determined to call loudly for
 assistance from her casement, and was advancing to it, when, whether
 the terror of her mind gave her ideal sounds, or that real ones did come,
 she thought footsteps were ascending the private stair-case; and,
 expecting to see its door unclose, she forgot all other cause of alarm, and
 retreated towards the corridor. Here she endeavoured to make her
 escape, but, on opening the door, was very near falling over a person,
 who lay on the floor without. She screamed, and would have passed, but
 her trembling frame refused to support her; and the moment, in which
 she leaned against the wall of the gallery, allowed her leisure to observe
 the figure before her, and to recognise the features of Annette. Fe</t>
  </si>
  <si>
    <t>b'!s\xc9RJ{WN$-\x12r\xab\xc7\xf26\x19I\xea1\xda)\x9eN\x1aa\x8d\x10\r\xee\xbf\xc9\x9e3\x97\x11\xb4k\xd6\xc2Gp\xbd\xff/\xd0Z\xda\x05\x11\xfbe;u\x15\xab\xcc\x89]\x06\xae/\x83\x08'</t>
  </si>
  <si>
    <t>2173c9524a7b574e242d1272abc7f2361949ea31da299e4e1a618d100deebfc99e339711b46bd6c24770bdff2fd05ada0511fb653b7515abcc895d06ae2f8308</t>
  </si>
  <si>
    <t>b'!s\xc9RJ{WN$-\x12r\xab\xc7\xf26'</t>
  </si>
  <si>
    <t>re than a century later,
Celsus relied for prescriptions on earlier Greek physicians, including the â€˜â€˜woundhealerâ€™â€™ Archagathus for a soothing plaster (Med. 5.27). He quoted a mildly astringent plaster from Heras of Cappadocia, who had migrated to Rome and practiced
there between 20 BCE and 20 CE:
There is also the compound of Heras which contains 8 grams each of myrrh and copper
ore (chalcitis); 16 grams each of aloes, frankincense, split alum (alumen scissile); 32 grams
each of aristolochia and unripe oak galls; and 40 grams of ground pomegranate rind.
(Med. 5.22.3; cf. Fabricius 1972: 183â€“5)
Recipes for Herasâ€™ plasters were still circulating in Roman Egypt in the early fourth
century CE (Youtie 1996: 36â€“8). Celsus borrowed the recipe for compounding a pill
to soothe a cough from the early first-century BCE Heracleides of Tarentum:
When coughing prevents sleep, the pill of Heracleides ameliorates both: .66 of a gram of
saffron; 1 gram each of myrrh, pepper, costmary (costus), galbanum; 4 grams each of
cinnamon, castoreum, poppy tears. (Med. 5.25.10)
Celsus also included a theriac called â€˜â€˜Mithridatiumâ€™â€™ after King Mithridates VI
Eupator of Pontus (120â€“63 BCE), for that monarch was said to have consumed the
compounded drug every day in order to render himself immune to poisons; there
were 38 ingredients in Celsusâ€™ recipe, including myrrh and poppy tears, moistened
with honey. Against poisons it was administered with wine in a dosage equivalent to
the size of a hazelnut. For other affections unspecified by Celsus an amount corresponding to an Egyptian bean was sufficient (Med. 5.23.3; Totelin 2004). Scribonius
Largus also included a recipe for Mithridatium, specifying more than 22 ingredients,
for the beginning of his ingredient list has been lost, and he offered an expanded
number of conditions Mithridatium could alleviate beyond merely serving as an
antidote against poisoning â€“ snake bites, liver and kidney problems, coughs, eye
disease, pains in the side and belly, fevers, tetanus, and spasms (Comp. 170). A pair
of father-and-son physicians, both named Andromachus, were active at the court of
the emperor Nero, and according to Galen both tinkered with the recipes for
Mithridatium, adding and subtracting ingredients to produce their own versions.
Galen quoted the some 120-line elegiac poem in which the senior Andromachus
described his revised version of the theriac and offered it to Nero, now labeling it
â€˜â€˜Calmnessâ€™â€™ (Galene). Galen himself reproduced recipes for Calmness, Mithridatium,
and other theriacs the younger Andromachus had included in his own books of drugs
(Antid. 1.6â€“7, 2.1â€“2). Pliny mentioned Mithridatium in the course of his tirade
against Greek physicians and while he noted that it was compounded from 54
ingredients, he failed either to list them or to explain what conditions the antidote
510 Ann Hanson
medicated. For Pliny, the prescription was an exam</t>
  </si>
  <si>
    <t>b'\x05\xd8\xaa\xed\xf946\x1e\xec\x92a\xb1\xec8\x1c\x05&amp;2F\xae\x15R\x18\x15-\x85\x80\xb9\x86\xc4\xa9!rIM\x0f\x1b4w\x9b\x13\xb2\xb5xTF\x94\xb0(\x12\x17P\x93\xa0\xd9\x9b\xa4t\xfa{\x19\x1a\x84,\n\x07.\x18\xc8i\x96\x0b\xe6\x83\xc5\xcdf6\xea\xcf\xffa\x15g\xd2\xa8h\xd9\xf2U\xe3\x19\x81\x1e\xd4\xcbX\x03\xca\xbd\xaf\x82F\xa6v\xc9*\xe4f\x93.K\xde\xf3\x81c~&amp;\xc3\x13\x8e\xb5\xa6v\xbfc|\x90\xd3\xa4\xed\xc1UK\rt\xb2\x8b\xea\xc1\x1d\xd7\xae\x06\xd2\'\x9b\xeb\x8b\xa83\xe7\x9a\\\xce\x93\xf4\x8fQ\x86\x8d`\xd4\x19\xe05\x11\x85\x90\x0b*\xa5\xabM;\x94$]\xa4\x97\xcc\xf7Y\x03\x8b\xe9\xf6o\x90\xcd\x97\xdf?(\x08\x82\xebX{@\x0e\xd7\xb2\xdeV\x82\x17O\xb5Q\xd8\xe8\x05nv\xf1\xa9\xd70\xf8\xa4.\xab\x16\x055\xcd\xe3\rY\x1aX^_Sf\x0b\x8dM\xc5\xe4\xc2yW?\xc9\xd3\x16\xb8\x94\xb4:\x08oH\xd2`!DO\x17\x9bkg\xb9\xaa\xcc\x08:\xfeWA\x8f\x8d"\xed\r+\xf4&gt;\xa6Y^\x91\x91\x99\xe1\xe7:\xa6\xa9\xb84\x84\xef\xb7\x01\xebDq\xb7e\x07\xc3\xd8\x9f)\xa9G"K,\xbd\xab\xb3\x10\x87\x98{\xb1v\x15\xd1\xf1\xca\x10_&amp;\xf6N\xb1_)h+\'\x04N\xc5\xf3\xd4\xb6\x1f\xab\xc27\xb5\x8e\rhX\x91\xaa\xf0\xd6\xceUPw\xe4\x90\xb1S\x12\xa4\x90\x05\xea\xcc-\x8a\x8a!5\xd6#\x82y\x8c\xcbl\x92\xaa\x18\x14\t\xa1yx1\x80\xfa)\x07i\x1c\x90R\xd9Z\xa0-\xe2\x89s\x05\xb4"\xe8\xc3Q\xdaoR\x94\xaeJ\xb3|M6\x7f\xd4\x07\x15|\x01\xcc\x08\xb2\x89\xcb\x7f\x8c\x1e\xda\xfe\x15E6\xe8\x17\xc1\\\x07\xfe[t\xfd\n\x91Ij\xf4|\xc8\xe4\xa0\x17c\xef\xb8.\x05\xdc\xb5\x01&amp;\x95$A5\x99{O.\xfb^\x10\xd7\xf0\x14|@\xfa"\x97\xb3h\xe2\xf3\xe0\x92G\xf2\xa7\xe3*\xcd\xe5@\x0bM\x1a\x80\x80\xa3\x13\x83\xe3U\x8c\xd5\xa9\xaeMCJS\x97\xe3\x81\xc9k\xfar\xe1L\x91\x87K\xd8DpRz\xc9\x94\x8b{\xec8V\xa9\xd7\xa4}BN\x1e\xd0\x82\x82|\x1a;\xcayPJ\xa8\x02Z\xce\x85i)xH\xc2_f\xa5@\x17TA\x9da\xd8}R7xlO\x01R\x86\x01\x8fK\xa8\x83\xf8\x85_l\xa1\x08[\xbfV;\xd8F*\x89K\xfaYz\x1f\x1c\xb2\xaf\x00\xd3]\xab\xc4\xb4&amp;\xdd\xdb\r\xa6]4U$\xcc\xb5\xe7\x80\xcf\xe7t\x98\x12\x07\x08\xed\xea{\x197S\xbc)\x82~R\x02W@\x8b\xab\x86\xe1(\xa3\xd9\xb9X\xfc\xb1\xf0\x87\xaa!\xc6bI\xbcr`m#\xe8(M_u\xfaj~\x9b\xe8\xd5\x7f\x9c\xfa\x94\xc1\x99\x86\x11\x81u\xa6\xf7"TdD\xa0\xa7\x1c}\xd6C\x84UD\xab\xa5l\xadk\xf23S`\x1eJM^\xf5*&amp;h\xee\xf8j\x05\x13`6\x92\x9b\x9d\xd6$Nk\x1c}\xd4H\x08\xf0G\x16\xf4\xee*\xba\xea\x15L`\x05\x15i+&amp;\x96\xfc\x01\xb4\n\xc6.g\xa0\x84L\x9c\xe7\xb5{\x13N\x9a\xd28\xdde8\x1d\xc3&lt;\x03\xa5\xb7\xf2a\xf6\x92Z(\xe4\x99\x03|\xbf\x05L\x8a\xbb\x1f\x17\x8d\xf9\xcaFl\t\x8d\xa4\xc0iQ\xe7\xecd\xa1\x89k"\xb1a\x94\x93\x03\xa0\xca\x04\xc5pHw}\x93\xadR\xf2\xbdf\x9b\x80#\xb6h\xbfT\xd122{\x7fT\xbfd\xfe`/a\x99|\xc1\x98f\xc7q\xcd\xc7\xef\xc0\xe8\x9eO\x8a7\x86\xf4\x9c\xd3\xc8\xc2\x16H\x80q\xcf\xebDLS\xac0\xaf\x9b\xddx|\xfe\x94\xad\xcb\t\xc3\x88\xd2\x9aKS\x04\xcf\xcfV?\xf1\xf8\xfb\xd3&gt;\xc6\x19\xcb\xd5\xef\x9c\xc0\x11\xd7\xe7\x17\x9fA\x0f3\x84\x88x\x16R\x04g".r\x961}\x87d?\xc5ad\xc3\xe0\xcfC4M\xa3BF\xec\xf2\xa4\xd2\xe4\xe4\xaa\x01i\xc9\xf0\x05\xba\xab\xbd!\xa0\x9bx\x17\xe2\xfb\x05\xbex\xb6\xb7oP\x91\x8f7\x8a\x84\x85B\xe2\xc3\x93\xf0\xca\x99R2\x13\x0cp!bY\xa9m\xb8\x9ay\xa1\xc9t\xfb8\x15\xfe\xb2\x91f\xcf\xa7!\xa8\x167\xec\xbbWk$\xf3\x16\x96D\xc1\xad\xd1\x93\xcef\nM\x9d\\\xfc\xfb]:~K\xd9\xcb\xe9b\xd9\xe1\x06\xd27J\x9av\xee\xb6\xfe\xe2O5.\xf8\x932\xc8\xf7\x08P\x99d2\xba\x0b.\r\xa7\xa7=\x17\xc0o\xc9\x96\x99\x9da\xd9\x88\xc4n\xc7\xe8\xaa\x18\x94\xa6\xb6\xf4\xa5\xd0\xd9\xf5\xca\xb0F&amp;B\x7f\xce\xec\xed\x08\x14h\x89\xae{SWM76d\x84\xd2\xb2\x8d\xc9\x03\xf3\xeb\xb9pR\x046\xc3\xd4\xd5\xf6\xe8\x8a\xa7\xa0\x9fl\x87\x92\x03\xae\xab#\x85\x90\x85_\x88\xc4\x87\x8dy\x13)\xc2\np\xc5\x83lm\x19l\xad\xea\xa8&lt;MV"\xb9\xa6\xba0\xd8\x19\x80\x9fF\x1f\x8a\xfc\x04\xa0\xf9\x02$O\x84F\xa1\xbb\xa1:\x9b\xe1\xd9\xd1\xc3\xec\xf4Y\xf9{\xaf\xf2&gt;\xd4:\xe6YD\x0b\xb9\xc0\x03i7\t\xdc\n\x81\x9d\x9f\x95\xf0$t\xfd\\\x07\xc4\xd1a\xe9\xa5Q\xe2\xee?\x0eO\x10\xd2\xfcg\x14qW\xedpDB\xf5dQ\x93U\xfb\xf8W\xed^\xb2;TP{\x12\x00\x91\xff\n\x00Eo\xd9\xa7I\xbb\xf7\xc0&amp;\xcc&gt;\x0cJZ\xe3X\x81\xa5mP\xf2(4\xf2\xed\xc4t\xfd\x83\xcf\xb7\xb4yd\xf8a@\xff\x8f\xef\xdf\xbd\x16\x94\xf6\xba\xdbH\x9aE1\xf6&amp;\xef\x8d\xb1\xb9\xb9UYd\xc9J\xa0\xa7V\xe24\xab\xf0\x94k\'2\n\x06\x00\xd3J?\x93\xf0\x06\x81\xfa\xfe\xe4L\xfc\x18\xfe\xbf\xe0FW\xac\xbe\xb6\xd0\x0fe\x1a\xaaBR$\xd8\xd055=\xf2\xa1@4\xed\xc1\x07`j\x81\xd3\xcc\xc5\xc0*\xea\r\xd19\xe5\x863\xb5ow\xcd\xbfX?\xc59\xb5\xa9\xb5\xcbr\xbf\xdf\\\x7f\x03\x1d\x03\x96\xdd\xd3\xa2\xc7\x10&amp;\x1f\xedf\xee\x98\xf1\x01\x97\x16\x01\x02\x0f*}d\xbc\x02J\xfci\xfa\xfd\xe9\xf8c2\x17\xb6G\x9a\x03\r\xf3w\x13\xc2\xddQ\xc6M\xdd\x95u\x1e\x80\x08\x80\xa6\xaak\xd0u\x8cl\xcf\xb03:m4\xcc3\xeaz\xbc\xb3\xab\x93\x17\nl\xa8\xfc\x0c\x96L\xfa\xc16y\x00g\x07\xef\x98*\xe5n\xa6\x02:\xf4\x95=?\xea+\xe6-\x91$\x98\xbe\xdf\xffY\xe7\x8d#/o~\x8aI7\xf8"\x00],w\xde\xb1\xa0@\xaf&amp;\xc0-\x938\xec\xd43+\xde\xfeI\xb1P:\xb4\x84\xef\x13\x98?Tm\xf4\xf0\xd5\t\x1eu\x08n\xf3\x02$\x1d\x85\xe6\xd4-\xea\x04\\F\xc5\x0e*\xef\xf25j\xcf\xed=\xbd\xd82\xfbAB\xe1\xdb;\x1e\xcd\xba\x18&lt;\x98m\xb3\xdf4\xf2\xca\xde\xea\xbb\xa8oJ\xe7K\x8ax\x1aS\x0cs\xcd\xbb`\xce\x08\xaa\x0e@t\x02.\t\xceH\x11\xbf\x88\xc8\x9fHY\x1e3t\xcd\xb1\xb0\xbe\x9f\x16\x03\x85D3r\n\x07$\xe7\x9a\x01Y\xd2A\x8e\xe3Mv\xd9\x11w5\xfbH?@\xa1\x88\xc12`B)1\xeb\x1e\xf3\xb6&gt;W\r#&gt;\xbf\xa0\xcd\xf3Ya\x02\xd2su\xbc\xc3xU\xe145}\x89\xa6\xc7\xcf?\xae@\x0cu\xdb\xe2\x9bw\xa5\r\xe4\x1d:m6&gt;\xd5\xf6\x0c\x0e\xb89\xb9K\x87\x19\xebGL\x9bt\xf8\x94i\\\xb8T!C\x83\xaf\xeb\xa3\x84x\x7f\xc2\xe9\x82G\xc3\xaf\xe0-\x1b\x8d\x18(\xa5\xb9\xbf\xffZ\xce\xeaJ\xab\x1c\xbb\x83\x15zE\x19\x930\'|M\xcc\xda\xc1\xb3\x16\xb3\xc4F]\xcf(\x1a2l{I\xb2w.X\xd3\xe7\x0b`\xd9\xa5\xa7\xaet\xc3\n\x93\xbb\xf46\x131E\xaa\x9b\xd0\x85\xc8\xff:\\\x07\x82\xc8\xdf\xb9\x7fi%\tt\xfc\xbe:v\xca&gt;Z\x16\xea|\x9a\xa5q}Y\xd3\x12\x05\xff&gt;\x19\xa7k\xcf%\t\x1b\x88\xdaa=\xe6\xff\x16\xbcb\xf8\xa9\xd3\xd7v\xd1"K\xee[@\xa9\xd1\x987y\x97\r""\xf8\xc9\xe6\xaf0\xc88?\xbe\x9c\xf1\x9fN\xf1_\xa9\x17\xc5\xce+\x8fg\xf8\x03\x16S\x1f\x8e\xe9\x92r\x06\xf4\xae%\xee\x8f\xec\x9c\x887R\xb5S3\xae\xf1\xa4\xca-\x8f\xd3v\xefw,\x9a\x0b\xc8\xbe%yl\xa9Z.*iW_\x11\xbc\xf1\xb6\xca1\xcb\xd2\x1b\xf7o\xcb\xca\n\xff\x87T$g6\x04\xc3s\xb8\x9e\x91\xff0uK\x87\xfe;\xe12\x87#\x0f\xe0\x11\xfe[C\xc6\xa7\xa0\x1d3\x9b,\x0cs\x93G\xc8\xd3\xb0i:\xcaJI\xaf\xa13X\xcd[\x12a\x07\xd0\x88X\x99t\xab4\xe5\x13\'\x83O\xb9[$\x18.\xfa\xc6\x1a\xc9\xa4\x18\xd5\x00\xc7Po\xec\xed\xa2\xe9#\xf6\xbb&gt;\x8e\xb5\xb6c\xb9Sx\x1c\x1b\xe3"\xa7\x8b0\x97\xf4\xf1\x10\x00\xc5a\x04\xb0\xf3\x83\xd4\xa4:\xbd\x891q\xfdqD\xf5\xaa\x0b\x813\xae\x03\x17\x07\x15&amp;pR\x87@\xf7\xc3Y\xec\x86\x0eF(\x85s&gt;\xe4\xcb\xdc\xe2\xc4\x8b\xf5\'\t\x84k\xb5a\xe9\x8e7\xefQ9\xd5m\xdc\xabx\xb5b\xd2p/\x00no\xd5\x96r\xdf\xbe\xe1w9\x10|\xf9#\xdd\x14c\xba|\x03n\xeaU\xcfr\x8e\xce\xb1\x8bH\x86\xab\xc1\xc0\xa0\xcb\xe0\xb3N\x8a\xd0;j\x14\x82;\xd5S\x10\x05\xa2\x98|7\xcf\x90\x9c\xb8\xe4\xd9t:\xc3\x06R|\tF\xb3e\x96\x9a\xac\x88\x8e\xeb\xe8\xb2,8\xdc\xc6\x0cH\xa1\xad\xe9b3\xe4s\xf0\xac\xfa\x03&amp;u\xa7X\n\xb4\xd8\xdb\x9d\x18\xfe\x92\xa8\xf5\xb2\x98\xf2\xfc3\x9c\xb0\xad\xeb\x93\x12\xe9\x9a\xfc\xf1\x916/3\xacO\xc4]p\x87,\xff\x06v\xe3\xab\x8dtP!\xf6\xe6\xfc\x12T\x86\x1d\xc8\x9fh~P"\x93T\x80\x08-\xbc%\xec\x9dn|\xc4\xf4\xdb\x9d\xbe\xaa\xe6\x96\x83\xd4\xeb\xb3!\xd5\x83\xefB\xd4NC\x98\xfbB\xfd\xd2\x968+ \x1a-\xad\x18U*\x8fg\r\xf7\xdfSs8\xd7S.\xee\x99\x1f\xecUM\xbe\x86\x00\xb1 \xdc\xa4\xaf\xac\xbd\x03X\xf0\x8eO\xbe\x12\xd4}?B\xafo?~[\x16\xeb}\x0b\x95\x00\x86\x99P\xfb\x88\x80\xd4\xab\xafZ\xde\x06\'\x96\x99\xdaX(\xd2v\xbe\x1c\xf7\x81Z21\xd3\xe8\xf1]\xf3\xb7R\x1a\xf4BT\x16S \xdd\xaeo\xa2\x06\x9ft\xb50/\x8eZ\xe7o\x00\xfd\x910\x05H6\xf0\xc4`\x8d\xabg\xa8e\x8f%\x0e\xc4\xc4@/}{a!\xd2]\xcd\x03\xa7\xb7\x9a\xb5\x89\x82\xa0\n\x15\xdd \xb2$-\xda;\x16b\x1d\xcaGi/\x08\x9d?3!\xa8Y\xfcC\xae\x92QO\x0cX\xe5\xd9?]\xfb(R\x97\xc4Z!a\x05\x9d\\&gt;\x11\x9d\xd1\xf7\x0b\xf1\x15\x05\xb3M\xeddK\x05`F\x1e@a\x9d\xf8n&gt;\r\x94&gt;}Y\xe6\x02\xb1\x04\xfc\'-\x0cZ\x9f\xcd\xca\x94\xb846\xaaQ\xa8\xffk\x81V\x94\x0b\xd4\xc2\xe5\xd8\xa5\x19\x10\xc2\xf7Z+\xd6\xe5\xe4\xda\x9a\xd7\xf6\x86\x8f\xb2\xf2\xd5F\x8c\xd0\xd4u\x015\xddkoM\xed\x94\xfd\xb6\xe6\x8e\xfe\xc9A\x83t\xe2\x88Mf\x8aq\xc5\xce#\xd0\x9a\xda\x0b\x9a\xed$y\xda\xfd\x8c\x15}\x9b\x8b\xb9\xfaH\xea\xd1G\xc5\x19^C)`AW\x06\xe2\xfas.\xdcs\xaao??VK\x1a\xd7S X\x9c\xa7\xff\xc1f\xb2)\xef\xdd\xf2\xb7\x9c\xd1\xfe\x151\xdcSk\x03\xe5\xc3x\xa1\xbc\x15\xb0\xc8$\xbdo\x1c\xac)0!\xb1\xb5\xfc\x89\xee{(\xda/e\xd6,\x0f\xef\xb8\xecdSO\x17\xd5n\xad\x9f\xa50\xfe"Hn/k=p5\xda`\x80\xa4&lt;p\xd34\xb5\x1b\xe9\xf9H9\x19\x1a\x94\x86\xfbS\xf9\xb1$\x1f\xbe\x0c\xbc\xdd\x02\t\x88d\xff\x96:\n\xf0\x13$Q\x85\x1e\xfelK\xf0\xf3\x88?g7I\xcd\x94Y\x83\xfe\xf1\x8f\x93\x94\xc6\xe9\xed\x85Av[\xbb\xd1\xc7\x17Uh\xa2\xdc\xaa\x899N\x8bk\xabGf1\x0b\rQGn\x9a\n4\xb4\xa2/\xf2?\xdcW\xcaFA\xaa\xafx\xd1\xe1{\xf0\xf9g\x96\xa8\x915,\xcbD:\x92\x1d\x8a\xa3Sl\xbc\x98~n\xa5\x06\xa873\xb1\xe8'</t>
  </si>
  <si>
    <t>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</t>
  </si>
  <si>
    <t>b'\x05\xd8\xaa\xed\xf946\x1e\xec\x92a\xb1\xec8\x1c\x05'</t>
  </si>
  <si>
    <t>ed to sustain a sense of distinctive cultural identity in the face of
Roman power, but here we shall focus on a particularly suggestive example which
demonstrates that â€˜â€˜Greekâ€™â€™ and â€˜â€˜Romanâ€™â€™ were by no means straightforwardly
contrasting or oppositional categories in such practices (Gleason, this volume). At
Ephesus in 104 CE the council and demos made detailed arrangements for two new
civic rituals which a wealthy resident, one Vibius Salutaris â€“ the holder of both
Ephesian and Roman citizenship, and a Roman equestrian to boot â€“ was proposing
to fund: an annual sequence of lotteries and cash distributions, and a â€˜â€˜procession of
statuesâ€™â€™ to be performed every few weeks each year. The relevant decrees, comprising
nearly 600 lines as extant, were prominently inscribed on a wall of the cityâ€™s theater
and on the Artemision, the famous temple to its patron divinity, and recent study has
demonstrated how carefully they shaped the rituals to mesh with the cityâ€™s historical
traditions, topography, and social hierarchy while simultaneously honoring the power
of Rome and its emperors. Thus the complex arrangements for participation in the
lottery and cash distributions classified Ephesian citizens by their tribal units â€“ the five
The Construction of the Past 425
tribes of the ancestral Ionian foundation, and the sixth later added to commemorate
Augustus â€“ and privileged them according to their status in the traditional civic
hierarchy as Councillors, Elders, magistrates, priestly officials, and members of
youth associations; and the distributions themselves were timed to take place in
Artemisâ€™ temple during the annual festival celebrating her birthday (Rogers 1991a:
39â€“79). So too, the procession of statues began and ended at her temple after a tour
in which statuettes were paraded through the cityâ€™s main streets on a route shaped
around a sequence of progressively more ancient monumental landmarks. Rome was
honorably represented in the processional statuary with images of Augustus, the
reigning emperor, Trajan, and personifications of the Roman Senate and people,
but the heart of the show was local: images of Ephesusâ€™ legendary founder Androclus
and its Hellen</t>
  </si>
  <si>
    <t>b'\x08I\x15*9\xa8\xa6!\xff\x03d\xef\x9a-5$\xdb\xd0\xeb\xe40\x96\x1brv((\x11\xa4?\x90\\\x87\x83\xf4\x11\x9b\x8eRnV\x05\xe2\x8a\x92\x91\xba}8F\x9bu\xa3r\x92\xbc\xc5\xad\xf3\x9dl\x9f4\xa5\xd7\x87\xeb\xb9\x13\xa0F\x9btC\x8a\x0f\xd6\xb7\xac\nO\nF\x86O\x06\xf9\x82s\xe8\xb9\xa3_\xa0\xc39\xed\x18\xcf\xcc\xd7\x07(0\xfa\xd0\xde\xf3\xe2\xaf \xb2\xb2\xda\x98[\x87\x97\x8f\\y\xda\x95\x1a~\xb1\xe2VLC\xaa\xd4\xc7\xa5\x8f\x1c\x8aVny\xe1\x16\x1d\x84\xf8t:\x9fz\x11\'\x7f\xb5\x1eO[\xf2\xb99\xa8\xe1\xaf\x8eu[\x01\xfd7\xd2`k)I\xa9B\xf8\xb9\x04\xa4\xdf\xec\x8c\\y(\xe0\xc2^\xc6d2^\xc7H\x9b\x83\xe4}i\x9d\xfe|1zh\x8a\xd1)\xfco$O\xbb\x84\\\xa3\x10\x1c\x86&amp;\xfd\xb7\x81\x16\xb8j\x0fC\xf1\x89\x06\x0c\x9e\xaa\xc7\xb4\xdd3\xf8\xd1\x9d9\xd7\xdf\x0f#NFu\xe1\xfdE^\xcd9&lt;\xdeX\x9e\x1ey\xaf\xd1\xc1\xe7U\xaa?\xbd^\x8co"A\xfdB\x96\xf58\xab\x9a\xe7kt"&gt;\xe6x\xcch\xe5\xa4\xc4\xbb`\x0c\x10\xe6D\x18\x80\xa8\xab\x80\x85\xb2\xb8\xc8\x93\xfc\\[\xf2\x8b\xd2\xe5\x9b\x88\xe6h&gt;\x0f\xa1\xd5\x19)\x14\x99\xa1U\x8en\xd6\x11,\x9d\xb9\x0b\xfc\x87\xc5\x0c\xcb\x8d\xb5\x1b\x87zk)f\nQ\xb5\xf3%\x06TG\x91)\xf5\x0cK/\x98\xcc\xb5\xc2\xb6.\xe3\x8d\xb0\x0fd!r\x89\xa7\xaa\xaf@G90\x91\xceQ\x1bQ,\x0f\xda\xae3\xf2\xdc\xfc\xca\xfb&gt;\xe6\xe0\x8d\xa0;\xe0\x84N\xbdB\xc9\x96^\x04\xe5]\x9f\'\xdb;\xe6\xde\x9e:\x93\xe6q+v\x00\xbd\xbf\xfd\xc1\xf3\x1dK\xf8V\x1d\x8f\xd5D\x1e\xed\xca\xb7\xa2\x93W\xa1\xa2\x92cX%\xe0E\xc4N&gt;\xfd\x96\xca\n\xff\xda\xee8\xec\xb8\\L\x17-\xa5\xccB)0B\xd7\x15\x1al\xcdv\xbd\xcf.\x16\xc9\xea\x1dN\xcb\x95\xc14\x05\xb0gW\x85\xa9\xb7\x19i\xb2\xcc\x0f\x85r\xf9\xae\xed\x9c\x8a\xa5\xb7C\x19\x9f\xbd/\xa0|\x16sTi\xf4\x94\xfd\xa2\x8c\x87QD\x95mLQ\x8eq^\xcb\x04\x88*J\xa8\x9e\x9f\xf6Fe\x17\n.(\x85\xba=\xcb\x8b\xf8\xea\x7fo\xf4s\xb1\x8b\x98Z\xb4{\x8dX\x15\xe5O-E\xc0\x07\xc6B\xde&gt;\x06\xda\xf6\xd2\xba)\xdf\xf9\xaa\x06A\xe0};}hS\xa7\x99\xbc[\r\x8c\xd6\xf2\xf3\xb2\x91\xeb#\x7f\xd6Bv5\xa8\x9f\xf24\x92\x84\x97\n\xeb\x15dxl|S\x0b\xb6ds\x83\x970m\xc7B\x07\xd9\xbe3\xa9\x96\xe59\x9b\xf2\xd1\x92\x8dV\xdf\xe7\x01s\x80\x9d\xf1(\x12&lt;\xf2\xa2\xd1Z\xce\x8b-\xdb\xe8\xeb!\x1cS\xe6"\xf1Dp\x88G\xceH\xd3}\xd1U\x19FV\xcc\xef\x96\xf7\r\xf4\xbf\xe2r\xbd\xd4eJ\xf9NU\x82\xab\x8b\xf3z\xdb\x0fn\xe2\xde$\xdb\xd8X\xf0\x0f\rB0\xe3\xdd\xed\x07\xbf\xe1E\x87u\x02q\x01\xfb\x01%\xdaV\xcb(\x8b\xb9\x19c\xe2\xfeKyqV\xdbv\xfb\x1a\x93\xf9:D\x06Mv\xc3T\xba\xf5\xaeG\x8f\xf5\x13\x9e\x83,\x9a\xd5\x1c\x05\\\xb5/\xa6\xa4J\xa0\xfa\xa9\x01\xe1\xf2\x89s\x9b6\xf4\x98\x0c\x88Sl\x06m&lt;\x076*\xedv\x1a\xda\xf1$?\xf4.\xf9q\xed&gt;z@&lt;K\xb8\xb8\x93E\x85\'\xa2\xda[\xba/\x88}\xf0\xb1\xc4\x00\xbb\xc6\x1eX\x9fJ\xbfS\x0cw\x01\xd4\xf9t\xe3\xc7\xed\xc3\xac\x07\xa6\x90P|\xeb\xb0\x80\x1e,\x85\x1a\xde\xfb\x9fY{\x1c\xf8\x08\xad\xe6\xb5\x07\x17t\x8d\xe7\xc4q\x88\xcc\xef=\xb2\xa5~i\xd6Ys2\xc4(dd\\A\xd6kj9\xd7\x05\xb7r\x1e\xd0\ty\x94\xa9:\x08\xe1\xa5g\xe8%k\xca4\xa4r\xe4\xa6\x85\xd3\x910\xdd\x9c\xd0\x06\x7f\x9d\xa5\xc9\xc7\x86\xb0\x9e\xc7\x02A\xbb3e\x0by\x10m\x85,\xc3T16\xbb\x1e\x80\xde\x07O\xb9N\x87O\xd6\xaf\x96\xfd\x8a\xd3\xe39K\x06\xc3\x92H\xdc\xb3\x80\xef\x161\x06\x9e\x07M\x83\x88\xb6G\xc9w\xa2\xbe0S\xb8\xba\xed\xac\x02Q\x92\xf9m\x99\xbc\x1f\xda\xfd\x99\x1f\x86\x9dx\x00\xe1ch\xf1\x02\x81\xe8\xf3\r\xae\xd2o\x8c\rq\xc4\xf0S\xf3&gt;L\x14g\x01\xb6&lt;9=\xfb&gt;\x15&amp;\x13\x9d2\x18\xe0\x11\xa3)Y\x1e\x07\x07\xcb\x19\xd5\xa6\x9d\xff\xf3\xae&amp;x\xf0\x7f$\xc5\xe7;\xa3\x05Xd\xfa\x8bn\xd8J\x1d\x86I\xad|J\xb7E\x19\xb9&gt;BC\xc7FM\xd0\x83\xdc!\x92\xcbpRy\n\x14\xd1\xf1Ph\x0c\x96\x1d\x85\xe7\x08P%\x06\xeb\x850\xfd\xf8\xc1\xe1z\x91\xcct\xde\xed\xa8\xad#\xfd\xfb\xa8\xbeb\xdd\x0b\x9c\xe9k\x19\x9b\xac\xc0,\xe4\xe23\x80mV~T\x90\x8a\xefr\x01\xcb \xb0FqCL\x82\x99z\xe5\xe6\x9b/\x8du\xd2A&gt;3\xdfs{!\xc5\x0e\x15\x8c\xa0\xb3\xffE\xf9\xaa\x98\x8eId\xe4\xbc\x06g\xe8\xfeg\x93\xbc\xd3\x11~S\xadnlz\x11Kv\x03\x18\xd1\xef^\x05*\x1eG{\x0ft\x98&lt;}\xf5\xfc\xed\xfeM\xc9\xe9\xff;\xa5\xe7\xc5|\xfc*b\x02R\xe0\xce\xa0p\'\x15\x00\x06\x84\x89L*\x98\xa9\xbdm\xb8\xc0\x87\xf5]gw\xddq\xec\xa3\x87~\xec\xder9\xf7\xa4Z\xd3j{Z\xcd\x7f_\xac\x19\xfe\xb7\xb7w\xa7\xc0\n\x95\xaa\xd3S\x8f$\xa6rE\x9f}j\x01l\xde\xe1@\r\xef\xbe\xb0\xcf\xf2/UgEs\x97\xce\x07A\xe7\xe5S\x1c3-\xedt\xb9\xb0\xb5Ac"#\x11\x04\x1e\xf0\xd0\x01\x0f\x81r\x92*3\x0e\xb9\xbf&gt;\xe1\x9dj\x1cn\xc9n\xc1u\xfc\xe09\x98\xc2e\xa2a\xb5b\xb9\xbd\x89IKT;\xdd\t\x19\xd5\x8c]t\xad\xe3\xaf53o\x8e\xf4\xc9\x1f\xfc\x1cO\xc0\x92\xbbfv/&gt;\xe5p\xcd\x07`\xe6Apd\xa3I\x95\xa7\x17\xec\xdb7\x13\xb3\xac\x05\xc6\xaa6O\x15\xe2qm\x9c\xa6\x97oc\xef\x9a\x84\xa2\xba\xcc\x9fG\t\\\x94IX\xf7u{73\xea\xf6\xf9\xe1\x85V\xae\x92\x9f\xb5\x1b\xa8\x01\xc9\x13\x90\xfaH\xf2/\xb7I\xf9O:\xfc*\xcd\x19\x9c&lt;{\rX\x83\xe9\xa9\xf8\x0cN,O\x16\xbb\xbd\xb5N\xd4\xc3\\@K\xcd\xe7\xa2\x83\x01\xc4DQ\xbc\xd5\xb7su\xa2z\x99\t\xe4\x05\xc1\x11&gt;\x8f\x10\x87\xb5 \xdai\x0f\x07\x162\xd0\'\x99\xff\xdd\x95a\xa8\xce\xa3\xda\x14\xf6d\x99\xb0\x86%\x123\xf6\xc1^\x84~d\xf0\xd9\xcfN\xc9n.\x93\xf6T:\x8fF\xe4\x12\xad\xd5\x17|\x83-2\xb2J\'\xac\x80\xcaf\xec\xc8\x7f\xf9\x18\x89\xe0\xb9\xf4"g\xb0\xbbHH\xa6\xc1 \x03\'\xc7{o\xaf\x9e\xbd\x9c\x8c\x95\x16\x9a\x99gy\xfeL4\xf3&gt;\xc7\xa5\x94\xf8&lt;\xcc\xc1\xe8\xee\xe1\x02nyG\'\xb8\x7f\xc0\xd7\xf9\x02\xe8\xba\x19\x14\'\x19\xbd\xaba\x99\xc5\x1b(\xbd\xe4CS\xf8\x84\x17\x03\xed\xf3\xc1\xec\xb8\xad\x1c\x1d\xf1\xe0\xb0frN:\xa1C#\xc3\x01\xda\xc0\xdd?\x05\xc0,\xe6\x06\xba] \x18\xd8\x84A\xf8\x0f\xce\x8d\x0c\xd6&lt;\xd0\x98\x97Q\xd325\x7f:\xf1O\xceyEj\x81\xdc\xfbe7\x9eR\x08cB\xeb@\x8d\x06\xea\xa1\xb5\xe3C\xa3\xfb\x8f$\xf8\xb1\x0b}\xfd\xedI\x15\xa4\x89\x91\xb0\x81\xe5\xd8G.\xf1op\xd5$9d\x91\xc70]W\xd2{\xfa\xfe\xfc\xa5\xd1\xc9\xceC\n\x99\x90\xdb\x1eT\xd2\xb7S\x9c\x18k\xe3\x03\x87\xf2\x9e\x84\x05Ql?\xb0Q\xb8ee\x0f\xbdN\x1d/\x18\xf5\x0b\xf6P\xe4;\xd2\x0ei2\xd4_\x8fP\x8dc\xc5\xa6\xfa\xa6z\x0b\xd1&gt;\xf6&gt;\x8d\xc7\xb4g\xb0;t\x96\xa0v\xd8\xd5\xa4\xac\xaf~\xce\xd9V\x97C\xcav\x9ab;\x08\x94a*\\\xf9\xd6\xaeiq/6\xac%\xe8.h\xfa\xf7\xf1Av\x82\rU\xe9\x00$\xd4P,\xfdk\xce\xab\xd5\xa0\tGQ\x11Z\xed\x923\xf2J\xcb\x93d\xb5\xee\xa0\xb9\xdb;\x1aK&gt;\x0fag\x84\x1eh\x9a4epm\x91\xa4\xc0qY\xcce\x13L1O\x886\xc8J\x02\x1ao\xbe$\xf7\x7f\xe2gi\xd7\x88\x1ahnZ\xd4\x80\xbe\xc7\xe5\x8a$\xfa\xf1c\xd2\x10\xe6\xf4#\x88BI\x16\x84\xdf%\xad?\x145\x1f\x96\xb8(\xbfO\xf3\xfdW\xcb\xed\x9e\xc6\xd0\x1f8}o\xc9\xf5\x8af\xa3\xb3&lt;\xff\x99\x99\xc8\xac\xb9\xe0\x89\xb8Q\xeew\xcb\x15\xb9\xf4\xb4F\xa6\xcd|\x1b\xa3\xe7\x1f\xa6&gt;\x0by\xf4l\xc5\xe0\r\x8b\x0f\x96$\xcd\x9d\xe7\r_\xda\x92M\xfe\xd7LR\x85\xf9\x87\xa6\n\xa7.\x11\xf1i\x95\x1d\xa0\xae\xf5N\x16\x9fS\xda\xeem\xaf\xb70\xb1\xcc\xbd\'ES\xf8\x8b\xb1\xab0\xc6m\x00Bl\xdb\xd0\xd9\xfe\x9e\x94D\x97\xd4\xef{\xd4b/\xa2\x07$A\x9e\xb49=\x0c\x020\x08\xb6\xb1\'\x19\xec\xb5\xb6*\x98\t\xd5Y$\xa2=\xb7X\xd0\xa0?\xd8\xc5\xf5\r\xd5\xcb\x00\xbe=\xa2\xa5O++B\x17\x16\xac\xc5\xf5i\xd3\xfaj\x16\x8e\xc5\x0e'</t>
  </si>
  <si>
    <t>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</t>
  </si>
  <si>
    <t>b'\x08I\x15*9\xa8\xa6!\xff\x03d\xef\x9a-5$'</t>
  </si>
  <si>
    <t>ump a hundred and fifty times his own length; yes, and he can make five
 jumps a second too--seven hundred and fifty times his own length, in one
 little second--for he don't fool away any time stopping and starting--he
 does them both at the same time; you'll see, if you try to put your
 finger on him. Now that's a common, ordinary, third-class flea's gait;
 but you take an Eyetalian FIRST-class, that's been the pet of the
 nobility all his life, and hasn't ever knowed what want or sickness
 or exposure was, and he can jump more than three hundred times his own
 length, and keep it up all day, five such jumps every second, which
 is fifteen hundred times his own length. Well, suppose a man could go
 fifteen hundred times his own length in a second--say, a mile and a
 half. It's ninety miles a minute; it's considerable more than five
 thousand miles an hour. Where's your man NOW?--yes, and your bird,
 and your railroad, and your balloon? Laws, they don't amount to shucks
 'longside of a flea. A flea is just a comet b'iled down small."
 Jim was a good deal astonished, and so was I. Jim said:
 "Is dem figgers jist edjackly true, en no jokin' en no lies, Mars Tom?"
 63
 "Yes, they are; they're perfectly true."
 "Well, den, honey, a body's got to respec' a flea. I ain't had no
 respec' for um befo', sca'sely, but dey ain't no gittin' roun' it, dey
 do deserve it, dat's certain."
 "Well, I bet they do. They've got ever so much more sense, and brains,
 and brightness, in proportion to their size, than any other cretur in
 the world. A person can learn them 'most anything; and they learn it
 quicker than any other cretur, too. They've been learnt to haul little
 carriages in harness, and go this way and that way and t'other way
 according to their orders; yes, and to march and drill like soldiers,
 doing it as exact, according to orders, as soldiers does it. They've
 been learnt to do all sorts of hard and troublesome things. S'pose you
 could cultivate a flea up to the size of a man, and keep his natural
 smartness a-growing and a-growing right along up, bigger and bigger, and
 keener and keener, in the same proportion--where'd the human race be, do
 you reckon? That flea would be President of the United States, and you
 couldn't any more prevent it than you can prevent lightning."
 "My lan', Mars Tom, I never knowed dey was so much TO de beas'. No, sir,
 I never had no idea of it, and dat's de fac'."
 "There's more to him, by a long sight, than there is to any other
 cretur, man or beast, in proportion to size. He's the interestingest
 of them all. People have so much to say about an ant's strength, and an
 64
 elephant's, and a locomotive's. Shucks, they don't begin with a flea. He
 can lift two or three hundred times his own weight. And none of them can
 come anywhere near it. And, moreover, he has got notions of his own,
 and is very particular, and you can't fool him; his instinct, or his
 judgment, or whatever it is, is perfectly sound and clear, and don't
 ever make a mistake. People think all humans are alike to a flea. It
 ain't so. There's folks that he won't go near, hungry or no</t>
  </si>
  <si>
    <t>b'\xd5\xee\x89[Z|\x9e\x96{\x02\xd5\x84\xc2\xd0B\x94"-X\xf8 \xa1n[\xa9\xd9#\xe4\x95\xa0\x9a\x9e'</t>
  </si>
  <si>
    <t>d5ee895b5a7c9e967b02d584c2d04294222d58f820a16e5ba9d923e495a09a9e</t>
  </si>
  <si>
    <t>b'\xd5\xee\x89[Z|\x9e\x96{\x02\xd5\x84\xc2\xd0B\x94'</t>
  </si>
  <si>
    <t>ething very disagreeable in seeing that sort of thing in a
 child of her age," said Miss Minchin, with haughty vagueness.
 "Whatâ€”sort of thing?" Miss Amelia ventured.
 "It might almost be called defiance," answered Miss Minchin, feeling
 annoyed because she knew the thing she resented was nothing like
 defiance, and she did not know what other unpleasant term to use. "The
 spirit and will of any other child would have been entirely humbled and
 broken byâ€”by the changes she has had to submit to. But, upon my word,
 she seems as little subdued as ifâ€”as if she were a princess."
 161
 "Do you remember," put in the unwise Miss Amelia, "what she said to
 you that day in the schoolroom about what you would do if you found
 out that she wasâ€”"
 "No, I don't," said Miss Minchin. "Don't talk nonsense." But she
 remembered very clearly indeed.
 Very naturally, even Becky was beginning to look plumper and less
 frightened. She could not help it. She had her share in the secret fairy
 story, too. She had two mattresses, two pillows, plenty of bed-covering,
 and every</t>
  </si>
  <si>
    <t>b'\xf4k3\x9bS7J\xcb'</t>
  </si>
  <si>
    <t>f46b339b53374acb</t>
  </si>
  <si>
    <t>rough D1 in the
 precision rectifier of Fig. 8.23(a) as a func_x0002_tion of time for a sinusoidal input.
 8.37. Figure 8.57 shows a precision rectifier pro_x0002_ducing negative cycles. Plot VY , Vout , and the
 current flowing through D1 as a function of
 time for a sinusoidal input.
 R1
 X Y
 Vout
 Vin
 D 1
 Figure 8.57
 **8.38. Consider the precision rectifier depicted in
 Fig. 8.58, where a parasitic resistor RP has
 appeared in parallel with D1. Plot VX and VY
 as a function of time in response to a sinu_x0002_soidal input. Use a constant-voltage model
 for the diode.
 R1
 X Y
 Vout
 Vin
 D 1
 R P
 Figure 8.58
 392 Chapter 8 Operational Amplifier as a Black Box
 8.39. We wish to improve the speed of the rec_x0002_tifier shown in Fig. 8.22(b) by connecting a
 diode from node Y to ground. Explain how
 this can be accomplished.
 8.40. Suppose Vin in Fig. 8.24 varies from âˆ’1 V
 to +1 V. Sketch Vout and VX as a function of
 Vin if the op amp is ideal.
 8.41. Suppose the gain of the op amp in Fig. 8.24
 is finite. Determine the input/output char_x0002_acteristic of the circuit.
 8.42. Determine the small-signal voltage gain
 of the logarithmic amplifier depicted in
 Fig. 8.24 by differentiating both sides of
 Eq. (8.66) with respect to Vin. Plot the mag_x0002_nitude of the gain as a function of Vin and
 explain why the circuit is said to provide a
 â€œcompressiveâ€ characteristic.
 *8.43. A student attempts to construct a nonin_x0002_verting logarithmic amplifier as illustrated
 in Fig. 8.59. Describe the operation of this
 circuit.
 R X
 Vin
 1
 Vout
 Q1
 Figure 8.59
 8.44. The logarithmic amplifier of Fig. 8.24 must
 â€œmapâ€ an input voltage of 1 V to an output
 voltage of âˆ’50 mV.
 (a) Determine the required value of ISR1.
 (b) Calculate the small-signal voltage gain
 at this input level.</t>
  </si>
  <si>
    <t>b'\xa56\x03\xc5L\xce1m\xcc\xd4tF\xef \x05\xb0'</t>
  </si>
  <si>
    <t>a53603c54cce316dccd47446ef2005b0</t>
  </si>
  <si>
    <t>cent permanent drop in wages (on average).
 This compares with a 6 percent drop if the worker
 does not switch occupations.â€ Thus, labor is truly
 flexible only before a worker has invested in any
 occupation-specific skills.
 52 PART ONE International Trade Theory
 Assumptions of the Model
 Imagine an economy that can produce two goods, cloth and food. Instead of one factor of
 production, however, the country has three: labor (L), capital (K), and land (T for terrain).
 Cloth is produced using capital and labor (but not land), while food is produced using land
 and labor (but not capital). Labor is therefore a mobile factor that can be used in either sec_x0002_tor, while land and capital are both specific factors that can be used only in the production
 of one good. Land can also be thought of as a different type of capital, one that is specific
 to the food sector (see box below).
 How much of each good does the economy produce? The economyâ€™s output of cloth
 depends on how much capital and labor are used in that sector. This relationship is sum_x0002_marized by a production function that tells us the quantity of cloth that can be produced
 given any input of capital and labor. The production function for cloth can be summarized
 algebraically as
 QC = QC1K,LC2, (4-1)
 In the model developed in this chapter, we assume
 that there are two factors of production, land and cap_x0002_ital, that are permanently tied to particular sectors of
 the economy. In advanced economies, however, agri_x0002_cultural land receives only a small part of national
 income. When economi</t>
  </si>
  <si>
    <t>b'0E\x02 :&gt;\x15\xdea\xda\x04\x07\xea\xdd\x88\xcf/\xa5\xd8\x161\x91&lt;l\xc7\xbc\x0f\xec\xa2\x075_@\xc8f\x07\x02!\x00\xa7&lt;\xf6&gt;n\xcf\x83+\xf1\xa7\xa5\xa9M\xa7x\xd3\x98\xe4\xfb\xa9\x9e\xf8I\xa1\xe9\xfe\x1arD:\x08\xa5'</t>
  </si>
  <si>
    <t>304502203a3e15de61da0407eadd88cf2fa5d81631913c6cc7bc0feca207355f40c86607022100a73cf63e6ecf832bf1a7a5a94da778d398e4fba99ef849a1e9fe1a72443a08a5</t>
  </si>
  <si>
    <t>b'0E\x02 :&gt;\x15\xdea\xda\x04\x07\xea\xdd\x88\xcf'</t>
  </si>
  <si>
    <t>ideals. In this sense, it was also an
expression of a particular social, economic, and cultural identity. The remainder of
this chapter will investigate how different Greek authors of the Roman Empire
sculpted imagination and experience to invent their fictional versions of the world.
First, however, it must be established whose imagination and whose experience were
implicated in the creation and reception of Greek fiction.
3 Authors and Readers
The authors of Greek fiction wrote for readers of comparable socio-economic status
with whom they shared similar literary tastes. As far as we can tell, these authors
belonged to wealthy families and passed through a common educational system.
The classical allusions and quotations in many works of fiction reflect not only the
authorsâ€™ schooling but also their sustained interest in reading classical literature as
educated adults. The novelists Chariton and Heliodorus, for example, regularly
borrowed</t>
  </si>
  <si>
    <t>b"\x9f\x11\x8aQ$O-\x02\x1a\x0eO\xcf\xa8\xc6|\xb7\xcd\xb1\xc8\xe6^\x17P8\x07\xbb\xbe\x1f\x83\x7f\xc6\x03\xcc\xcd\xf1\xd3\x9f\x1b\xa5\xcau\xfe\x8c'\x19\xa5\x92tU\xad\xdc\xae\xe7}\x10\xf9\x81\xe7\x8b\xb0A\x98?\xacv\x91\xe2\xe7\xc6M\xd1\xcaY\xf0\xe5\x92\x81\xeb\x901\n\xac\xde\xddQ\xf9\x9f\xe9W\xaf\x10\xb0\xfe\x93k\\\xf6X{\xea\xe8\x03N\xe08\x01\xf0\x1102Z\xf2q\xaf5,8\xb0nWA\x95\xd42^\x1e\xc1q\x14\xd6B!\x11\xbf\x80\x19uyK\x7f\x06\xc8\xb2\x9d\xd2I\x02\x9d\xd9\xa4\xb9\xd5\x85\x05M\x92\xa8\xd8\xca/\x9fq\xafN\xc1\xd1\x84R\xae\x1b\xbb\xe9\x1f\xcfi&lt;&lt;&gt;\x8c\r\x89\xbbyLgA\x0b\x10\xf1\x89\xd8\xd9\x8dS\xab\xec\xdf\xa8j\xbc\xcb&gt;3\xd1\x0e\x86\xe7d\xfe\xaei\x98q\x1aJ7A\x1cb[\xb1J\xb4W\xb91\xf8\xaa\xf4\xdfc=\x19&gt;/\xc8&amp;A\nH\xb0&amp;\x98A\xb2`d\x8e\x89\xd6_\xae\xa5]\xf6O[Tf\x02\x90\xf3'\xc9.88D!\n\xe9\xca\xdcC\x83\x95\xfe\xe89\x81\x11|\xdd~\x05\xe3\x1b\xa6\x83^#\xa6\x12\n\xd4\xd6\xf4\xe2%6\xd0\xc3\xd7\x17\xc2w\xdf1\xbd\xa2e,\xf2\x9a\xd8}}T\x99\xc2\xcb\xe5\xbbR\xef\xd3\xc0)\x80\xd3\x83b\x157q\x9c5\x83\x8d'\x04\x04\xf2\x86\xf3\xb2\xe7\xd7L\xae)\xfak\xd1\xe4\xd1\xfcD\xbb\xc5\xf3X\xbb\xc4K\x89\xcd\xbd\x0b\x10\x08\xea\x0e\x0f\xdbO\x03\xf3#\xf9\xb9c N\x88&amp;\x7f^d,\x11\xd7\xa2\x08\xc4\xe4\xfd\xc1\x97\x98\xf6\xce\x1b\x92\x93\xd5\xa51\x89UF\x91cNOqS2\xfed\x98\xafp\x06\xa2~GS\xe2N,\x06\x08'^\x83\xed\x82\xb1\xd2\xb2\xc5\xc1?\x1f\x9e.\xedbX\x8bZ\x99\x88\xc2\xdf9\xd8_2\x15\x02\xe9\xa4\x82\x90h\xca\xe3/\x82\x11t\x9cD\xc6\xa7\x1f\x97\xc3\xa5\xfd^\x90\xc3\xad_K%\xfa\xa7\xb4\xf2vu\xcf\xa7\x94iV\xcb\x0e\x1e\xf8h\xd6\xaf&lt;@\xe8z\x0f\xe4u\x03v\xc0:\xef$\xf5G\xb7\xca?$\x13\xa2\xff5B\xe6\xc5\x85Q\xae\xc68O\xcb\xd4\xb7\xd2s\x87\xaa\x19V\x05-\x93U\xef[\xddf\xb5\xdaq\x1a\xedL\xb0\xbbJ\xacO\x95\xcf\xd6\xc1\xbc;h$3\xc4\xf2S\xa0\xbd{\xc8\xae\xb7\x01`\xd5\xf0\xc6Nm}Q\n\xf3\xc7O\xd9.w\xa54\x11\xae\x08\x7f\xf2\xc3\x86u\x18n9\x1e\x0eUP@\xe4F)\xacpa*\xe1\xee\xb1&gt;\x9f2s\x96-\x13K\xc9\x088\xeb\x97=XV\xd4\xcc\xe9\x8e\xeavG%9\xf1~\xe0D\xf0a\xfc\xf28\xedqV\xab\x85\xfe#\xb9\xab\xd7\x8f\x94\x8a\x0c\xad6\x1d\x85\xca\xf5\xcb\xbf\xf0]\xaf\xf9\x07G8\xd0\x1c*\x834\xb6'I\xa8\xa5\xcc\x03\xd2\xfb\xfcMK\xff]/v\x90P\x96|c\x06\xf8\x19\x04m\t\x17w\xcc\x98\x97\xfa\xc2\xba\x08\x0e\x16\xb9\x15j\x97t\xf2\xf0|\x03dk\x01\x9dZ\xb0\xc8qyu\x94U\xf8\xb5Io\xad\xe4\xef\xfa}\x05B\xd6E\x93g\xcfU\xee\xfc\x15\xba\x0e\xd5\xeeG`\x0f\xbc&amp;\x9dCD88\x15\x17k\x99\x17|\xa3urr\x11\x816\xab\xc1\x00\xc4\xcb\x04Y-h\x13\xdb3\x96\xf6]\xd7S\x10&lt;=qy\xf3\x88\x81\xf4\xc1\xa8\x15\xf4\xb2\xa2\xe8\xa1g\xfa\xac\x07\x90g\x8f,*\x07\xac\xbc\xe99\x97\xdeD\xd7\xf2f\xdb~;L\x9f\xafoAz\xdbk\xc4\xca\xc9C&lt;Y\xe6[\xa1u\xea~\xc8*\x1al\xfc\x81IFHS\xd8]\xeb\xc1\xcd\x84\xd6*x\x15:C\xc9\xa2d \x171!\x98\x0c\x12\x1d\xa0\xff\xac\xfe\xda\xb9)\xb2]\x9b\xe3l\xbf\xc1!\xf86t\x8dl+\xd9\xb9\xdbU&gt;\xbf\xb9\x1b\xb4\xf8#\x034e6\xee\x12\x12\x0e\x8esk\xc0rx\xc9k\x83wd\xb6\x94!\xe8\x18\xdc\xdcy\xfcu\x1e\r"</t>
  </si>
  <si>
    <t>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</t>
  </si>
  <si>
    <t>b'\x9f\x11\x8aQ$O-\x02\x1a\x0eO\xcf\xa8\xc6|\xb7'</t>
  </si>
  <si>
    <t>ple of men were leaning over the stern 
 bulwarks, one of them with a red capâ€”the very rogue that I had seen 
 some hours before strid</t>
  </si>
  <si>
    <t>b'3\xe3\xd4\xb4]_\xa0\xf0m\x8e.w\x94f\xab\x986\x85\xfd\xf5]\xf3g\xbc_\xa2\x87n\xda\xed $\\J6FB\xb3\x83\xb5\xbdn\xf6\xb08\x9b\xb6V0A\x86\xf4h\x15\xf7\xbe\x85od\x16\xd7.\x0c\xbe\xd9~9\xbft&gt;\xc8\xf0w\x8e\x98\x93]\xa0\xb9\xa7r7\xc7\xed\xa3X\x8d6\x0em^1\x80\xcel\x0e\xf6I6\x82.\x91\x10\xcc\xa1\x01s\x87\x0f&gt;\xc4\x8c\xedw\xfe\xfc4\x14\x99\x1d\xdf\x04\xbb\xadX`\x89\x86\x1f\xfd\x88 \xd9&lt;\xbd2P\xe1\xc0/\tO\xba{T\x86\xed\xde\x85\xe7\xa8\xa3\x1c\\\xea:\x1a\x10\x8c\x8e\x16\xe3\xb7\xbb\xae\x91\xba\xaa\xdaJ\xc7W}f\x8f&gt;\xdd\x00\xfa\x13t\xbd\x07\xeb\xaf\xd3@\x1fp/\xfes\xe5\xe8\xba\x8c\x938\x93\x97\xaa"aNGES(\x88\xfb\x9d\xd3\x98k(\x8b~W-\x12\xfb\x80\xdc\xccc\x88\xce\x11&gt;4\x1a\x9582\x8f\'\x90\xfa[rN*\x94\xf5\x15:\xdc&gt;0\x03\xfa\xe0N\xab\x19\x1f'</t>
  </si>
  <si>
    <t>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</t>
  </si>
  <si>
    <t>b'3\xe3\xd4\xb4]_\xa0\xf0m\x8e.w\x94f\xab\x98'</t>
  </si>
  <si>
    <t>salem], swears by it and by him
who dwells in itâ€™â€™ â€“ that is, the god of Israel, who abides in his temple (Mt 23:21; cf.
similarly Paul, Rom 9:4).
Second, gods also attached to particular peoples: â€˜â€˜religionâ€™â€™ ran in the blood. Put
differently: cult was a type of ethnic designation, something that identified oneâ€™s
people or kinship group, the genos. Herodotus, in his Histories, gives a clear example
of this way of thinking, when he defines â€˜â€˜Greeknessâ€™â€™ in terms of shared blood, gods,
cults, and customs (Hdt. 8.144.2â€“3; Malkin 2001); centuries later, the apostle Paul
likewise described Jewishness in strikingly similar terms (Rom 9:4â€“5; see below).
More commonly, deities were identified through reference to the peoples who
worshiped them: the god of Israel, the gods of Rome, the god at Delos, and so on
(cf. Acts 19:28: â€˜â€˜Great is Artemis of the Ephesians!â€™â€™).
This family connection between gods and their humans could be expressed or
imagined in terms of descent. Rulers â€“ kings of Israel, or Alexander the Great,
590 Paula Fredriksen
or Julius Caesar, for example â€“ were deemed the â€˜â€˜sonâ€™â€™ of their particular god.
Alexander was descended from Heracles; the Julian house, through Aeneas, from
Venus. Jewish scriptures used similar language, designating Israelite kings the sons of
Israelâ€™s god (e.g., 2 Sm 7:14; Ps 2:7, and frequently elsewhere. Later Christian
exegesis referred such passages to Jesus.) Divine connections were politically useful.
Whole peoples, also, saw themsel</t>
  </si>
  <si>
    <t>b' \x120\x97\xf8/\xef\x1d\tj\x14\xb8Y\xf6\x02\xf9\x88h\xdd!g\xec\x88\xe3\x0b\x88s\xe7\x95R)o\xfd\x03\x16q\xd8\xf0\xf0\xa1\xc3W\xd4\xe2]\x18\xb1\xf9U\x916\x9cn JH\xa8\x0b\x92\x80\x860\x80S\xf9R\x84\xa8Ip\xd43\x83\x07\xfc\x16\x80\xc7\xfd1t\xdclJ\xa0\x89Y\xfc\xe2\x8c\xabI\x1f&lt;\xfb\x07\x08v\x16p\xed"\xee\xfe\x11\xe37\x13%\xe3\xf5\x96\x91\xd2\x8b\x96\x977\x9d\x95\x19\x9d\x07#\xa0\x7f\xecS\x80V\xd1\x16D\xd8=\xe8\xf4\xc0\xd5\x05O\xb8$t\xc6\xceW\xb8}\xfa\xe1r,\xbb\xe7\xa6a\x9bNS\xdcF\x95\x06\x00\xecJ\xcb\xca\x8c\xc5J\xb3\x99&lt;B\xbd\xcf1\xcf\x8d\xa6\x90\xeaL\x19v\xc3\xc4\xa3\xee\x12U?:\xa1\xa2mk\xe7\xb3\xe0\x97sB\xa9+\xfbV\xf1i\x9b\xf5 \x95\xd7\x9e\xbb\x18\xde\x91~\xeff\x99\xe7W_\xcf1\xcf\x97&lt;\x021\x96\xb5DU/\xf1\x06u,k&lt;r\xb60\x14q\xd2Q\xcd\xf7\xec!\xf6l\xad\x86{\xf0\xe6\x9b{~\x9e\x99\\p\xe3\x9ag\xda\x0b\xbc\xd9Q\xe3\xa8\xf0\x95\x8bw\xc7\xea\xe9\xb5\xdcmU\xd8-\x8a\xca\xa2\xab\xfa\t\xfc\x80F\xba\x10\xad\xca\xce\x0bL\na\xd4O&lt;\x16\x8dc\xca\xdd\x9e\xbe!5\xe2K\xa8k\x08\x8ed\xa6a\xd0\xdf\xf5\x98`LV\x1eiZ43\xafNZD\xa7\x94\x8d-9\x13\xf1\xcc-\xd7\x88\n\x88D\x0b\x11zz\r\xacY\x892@\xb5\x19+\xa3\xaa:\x89\xf0\xda\x86\x8a\xbf\xeeY\xceL\x8aN\x88P,\xc5`0xfPArj\x99t\xee\xb8&gt;]\xdf\x0f\x9a%\x02\x08\xaa\x18\xba\xd4\x978\x80n\x95D\x95\xbb8\x9aT5\x8f\xca\xb8\xa5\x98\xff\x13\xde\xd5\xd6O\x0f\xe6\x8d2\x8e\x9a\xd2\xf6\xf1\x82\xe2\x8d\x06Q\xc9\x92\x97\x98\xd4\xf5\x02\x05O\xd7\xae\\\xe3\x843Wi\xe6e\x9dT+\x96\xef\xa4\xa2/{\x06\x7fB\x11\xa7\xe2l\xce\xc7\xc3\xb0\xc3\x07\xfd\xfb\xca Ia\x1f\x85\xea\xb6\xfb\x9e\xc9\x8b\x9e\xfa,\x94\x8f\xe5\x95\x02w\x8b\xc9\x87\x80-\x1f\xee$M\xcd\xb6\xae&amp;\xa3\xfd\x95\xbd\x9a\xed&gt;V\x05;\xa9\xd2\xe7\x99\x88\x1b\x0c\xd7\xeblzcus{\xd3\xcd\xc8\xc9i(\x197\x83^\x1c\x80I\xee\x81\x04s1kB6\xbb\xe7\xa3\xd9[\xf2t\xb2\xc6\xa4A\x0cQ:\xe3\'8\xf9kqc\xdc(\xe5\xebV\x8ch6S\x91\\\x0bv\x9a]f\n2\xa3\xe7V\x80\x10V\x995\x1c-\x8d\t\xb7\xa58\xb1\xd6\xedqj\xa0\x84\xcdI\xd6\nvT)\xe3\x03\xf4&gt;\xab\xd6p%*br7P\xfa\xe8\xee\xe2\xb5\xf38L\xc8\n\x8d@\xdbrL\'\xe5\x80\xa2}}{(\x95n\xc1\xe0\x0c,\x947d\xd3\x11/\xd5\xcf\xfa\x03\xbd\xedzv)\x9f\xdaVu\xb6\x97\xe4\xd98\xb5\t\x12;V:AU\xc9#\xee\xa7\xc4\x08E\xa5y\x9b\xa6\x0c\xae4\xc1,\xa9c\x8au\x85\xb3\xee\xeb\xef@\x91\x93N :\xf4\xf1\x13\x17d\x07Pf\x9a\x136\x16\x99Y\x84\xd5\xae\x16m\xe16C\x1du\xfd\x97\xca\x1a\t\x03\xa3\xab\x87\xdf(\xf9G\xff\xd4\x8b\xea\xa0\x80 \x8a\xdbwi\x05\xc7\x9d\xe3r\x89\xc0\x17$\xed\xed\'\xb5z\xf0.\xe3\x11g\xf8 \xb8\x8b\xe0\xa9~a\xc2\xb2\x8a\xd6{H5\n*9\xce\x93-\x16\x90\x1b^\x96\xd75\x85\x95\xbdO/z\x0e\xb1\xbf\xc1\x89\xe1\x1a\xbc\xc5\x9dx\xd0\xa2\xf3\xcd7\xe3R\x1c\xe6\xda\x07=\xbd,\x81\xafy4\xe1\x88mq\xae\xca\xb3g\xd0@\x90e\x196\xd8\xd8.\x04=^\xccB-\xcdl\xf0\xfc\xc9n\x84\x8d\xe1\xb8\x89K^\x8d\x80\xcfD\xe5Z\xa9K\xb0\x91/oe\x1d\x11:q\xc1S\x0c\xb0\xf1\xbbH\xfd\xef\x14\xef\x10|\r\\\x87\xffp\x03h\xc8\xdb\xde"\xbb\x1a\xe25\xc4\x05\xfdA\x03\xa9\xc6:F&lt;\x82#\x05FP\xf0\xe4\\1}Q\x17\xebtb\xaf5\xb5\x0b\x82\x965\x08\x19\xc4C\xaaO?\xe6w\xacXp\xbc\xa7z\xda\x97\xb5\x91\xe8D\xd8\xe0\xf0\x04\x8f,\xfcFJ\x89\xbb\xa2M-\xa4Q\xd5\xec&amp;\xae\xa7D\x03\xa1=\xd4\x8f\xa0\x99\xe9\x8bJ\x10\x8b\'\x83\xa9z\xce\xe1\x1aF\x87w\xd3R\xd9\x98\xd9R\xd9qt)\xba\rK\x86N\xd1\x06\xb8V/;U\x9a\xa3\x00i\xe4\x0ct\xd6\x16U\xbc\xc2\xf2\xa6\x81\xa9\xb5xCf\x14\x01\xb7\xce\xbd!\xbb\xa1V\xaa\xa0\x12+\xf9\xe0~\x9a\x97\x1e\x16\xc7;G\xc9\xcd\xfe\xa9(\x800C3\xb5L\x1d\t3\xfa\x07\x8bW)\xac \'\xf0\x8698s\x06ht\xca\xe5\n\xa2GA-T\x93}\x0b\x9c\x10y\xed\xc9A\x8b0\xbb\xa1\x19\x17\xb1f\xf6\x03\xbd&lt;`/\x98\xc3\xeeD\xef\xb0\x1d\ns\xac\x0fP\xf7^g\xff\xbfO\xd0\xcf\xa1e-\xcc|\xea8\x81\n\xbd\x1eS\xa5\x97s\xa7\xc2\xfd}\x9b&amp;\xa6\xa4\x0fN\xe5\xd6\xf7I\xf1\xe4m\xbf\x84*\x01\xdf*\x10@$5\xb6\xdf\xd1\x8d\xfd\xbd\xbc\x1f\xbf&lt;\xda\xbb\xfe&amp;\xc1\xf1&amp;\xba\x92\x03H\x0e\xe1Tm\x88\xb9\xa2\xd1i*\x1aG&lt;\x9f\x89\x9f\x97\xd4\x95\x8a&amp;\x97\xf5\x8fn\xeb\x85\x11H\xcd\xa3\xe6\x9a\xee\x8b\xdau7\xb5r\x16\xb9\xd1\xf8[\xf6=MV\x12\x9a\xcc&amp;.H\xb3\x8ca\x07\xd1\x92{\x8b\x89\x81\n\x91\x9c\x91\xf5\x067\x05*\x82\xa4\xec\xa3QuZ-\x85\xb7\xa5\xe7\x9d*&amp;!\x06\xcc\xd1t\xa5\xe0@\xb7\x8f\xda]\xb3\xc7\xed\x99e\x80\xedw\xf1\xc2\x9d\xe2x\x95Ar.\xd1\xb0*\x8c\x02h\x86\xec\x95\x0e\x02\x8f\xfaVR\x9b8\xa9T1\t\x93\x10pw\xca.\x92P\xc4\xe5j\xa0kk\xcb\x98\xadV|2\x9c\xe8\xd9;\xb8\xd4i\x865cT\x84\x9d\xee\xece\xecH\x08\x8c\xf5WwS\xcb^\xdac\x11\',\xc6\x12\x8c\x81d\x1e\xbfX\x07&amp;\xc8\xb2\xa1\x86o\x81\x08\xe0\x05\'\xae\xc9C\xe7N\xfb\xef\x02\xfe&amp;\xcf\x19\xbaY\xa1\xcau\xcf\x82\xd5\xb9\xce\x93A_v\x13\x99\x9et\xa5\xe9\xf2\xaaur&gt;\xf5\xe4\x02`&amp;\x15!\xf7Na\xfe\x9b\x10\xc0oFi0\xc9\xdd\xe1\xfbR\xe4d\xed\\2\xb1\xfa\xa5F`\x04,\tf\x8bB&amp;p-\xfc\x0c{\\\xe6\xa8*\xfa\xc3A$\n|,\xbe\xd7\x9c\xb7'</t>
  </si>
  <si>
    <t>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</t>
  </si>
  <si>
    <t>b' \x120\x97\xf8/\xef\x1d\tj\x14\xb8Y\xf6\x02\xf9'</t>
  </si>
  <si>
    <t>to come to
 the terrace was, because he could take you to the place you want to go to,
 without opening the great doors of the hall, which grate so heavily.'
 Emily's spirits were somewhat calmed by this explanation, which seemed
 to be honestly given to Annette. 'But why did he desire I would come
 alone, Annette?' said she.
 'Why that was what I asked him myself, ma'amselle. Says I, Why is my
 young lady to come alone?â€”Surely I may come with her!â€”What harm
 can I do? But he said "Noâ€”noâ€”I tell you not," in his gruff wa</t>
  </si>
  <si>
    <t>b"\xf2\x8a\xca\xc5\xba\xb7\xd4\xb4\x1a\x07\x0f\x96\xd9\xed\x08\xc9\x0b}\x80/\x91BB\xd6\xe1)%h\x90\x03rS\xc5(?\xa2\x87\xcaD$5'v\x9aAH\xe9\xefxV\x06\xe4\xfe\x03\xce\xaer\xaf\xda\xbe\xef\xe3\xa3#"</t>
  </si>
  <si>
    <t>f28acac5bab7d4b41a070f96d9ed08c90b7d802f914242d6e129256890037253c5283fa287ca44243527769a4148e9ef785606e4fe03ceae72afdabeefe3a323</t>
  </si>
  <si>
    <t>b'\xf2\x8a\xca\xc5\xba\xb7\xd4\xb4\x1a\x07\x0f\x96\xd9\xed\x08\xc9'</t>
  </si>
  <si>
    <t>highly emotional; they
 come up with new ideas. In contrast, Builders are stable, organized, and calm.
 Visionaries make horrible managers, so people usually hate working with
 them. But they are great at selling and making big, bold decisions. Builders
 rarely think big, but they are fantastic at managing details and ensuring that
 nothing falls through the cracks. A Visionary needs a Builder to get anything
 done, and a Builder needs a Visionary to build something that matters.
 When you bring these personalities together, they can accomplish great
 things.
 For example, take another former business partner of mine, Sean. We
 built and sold a small yoga business a few years ago. While we were in the
 initial building phase, he couldnâ€™t get his head out of the planning process,
 and he wouldnâ€™t make any decisions. Heâ€™s the Builder; Iâ€™m a Visionary.
 Every time he got stuck, I pushed us toward the next step. It forced him to
 play catch-up. At the same time, his need to be prepared meant we always
 had answers to any questions that arose. Together, we built an actual
 business. We balanced each other out.
 To this day, Sean says, â€œIf it wasnâ€™t for you, Iâ€™d still be looking at
 spreadsheets, trying to decide what product to sell.â€
 I reply, â€œWithout you, Iâ€™d still be thinking a year into the future, about
 how to scale a million-dollar business I havenâ€™t even built yet.â€
 A general rule of thumb: If your partner has the same qualities that you
 have, then one of you is unnecessary to the business. Itâ€™s called a partnership
 for a reason. Both of you need to bring an element to the table. If one of you
 is the operator, the ot</t>
  </si>
  <si>
    <t>b'\xb9m=\x0b\xa4q4\'\xe5\xe0&gt;\xa6\xc5\xaa\xcd\xd4R}\xca2\xca\xf1\x9f\x9dl4i\xd0\n\xe16\x8c&amp;\x93\xb7\xa2\x84\xde\xd9a\xddXMC\xe3\xcf\xf5\xfd\x00\xa3\xa5\xa6\xeb*W.\x1bw\x141i\x86\xa4\x845\xabJ\xe6\xb4p\x18\xd2_\x1a\x8eMa\x89\xc7\x10v\xdf$\xab\x12p\x01\x8d\xed\xf2\xca\x00\xc8MK\xea,\x81\xe49%dz\xfd\x8f\xdd\xd5Q\x91\x92P\xc7\x9c;&gt;n\xbd\x9b%\x7fj\xb9\xfe\xe3F\x1a@C\x07\x8a \xeb\xbc\x8a\xa3\xe7`4I("\xef &amp;\x8cA#\xac^\xf0\xa7?\xca\xd7\x18\xd3\x80\xab\x95\xd2\x0c!J(\xb3Y\x97\xd0\x10\xb1\x90\x0bS&lt;\xb2W\xc7q\x17\x16&lt;a\x7f\xf6\xb1\xf7\xd0g\x0et\x07\x94\xd3Ws@\x8b\x81\x03[\xec\x8b\xf2]e#\r\xedoO\n\xf6\xa7\x87\x16\x9f\x89;\xeeC\x1e\x9d|\xfa\x8eq\x1f\xb6&amp;x\xdd\xc7L\xb88\x1a\x03\x8e#z;\xe6\xb8\x94\xa2U\x8a$0S\xb6\xf2\x08X\xec\xe2XzZ10\xaa\x1b\x1e"U\xfd\x8e&amp;\xde\xf0\xcd\xf2\xe5\xbe\xd0MO[#\x80\xa4Ogs\x1f\x06\xb5\xbd\xed \xebq3\x80\x89\x8e\xa1\xca"\xee\x1c\x86]\xe7\x14f\x17\xa3\x16\x94\xa3z)\x13\xf7B\xe67H\x96\xb1\xb4\xaf\xe2@"\x15\xa1\xa5M\xf2\\~O\xc0\xcd\x1a\xc7_X\xb10^\xeaZ\xd8k\x03Z\xb5\x9c\xc9+\xde\x9cI\xc5\xe5\xa7%\xe7\x1c\x0b%\xdd\xd74\xe9\xa5\x1b!\xf5\x8c\xc6G\xfa\x15c\xbaU\xc1\xe8\x13Iif\x99z\x1b\xc8@[(m\xb9J\x8dG\x89\x07\xc9\xe4\xf7\x8b\x18\xa8a,\xca\x17\x0b\xafIP\xff4Zn\x10\xdd&amp;\x8c)\xd2\x16\x15N\xe5Mp\xe1\x07+\xbfu1\xd3I\x99\xe2\xb9\xb67G\x9bZ]\xc0\x8b$\x975\x145\xe8M1\x89\xa2[\x00\xa8R\xe5\xaf\xc33t\xf8\xbe\x13#E\xdeCl\xd56\x8a\x02O\xcbFi\xff\x9b\x9c\x08\xe9\xd6\x07\x7f\xe1m\xe7$SwD\xfe\x04=\xa0\x94\xeb\x02\x0c\xe3L\x17Yut\x92=:\x11\x8bQ\x7f\xc5\x9eg\x19\x11\xaa~\x10\xb4\x88J\xdc\x97\x88g.\xef\xd9\xa7\x906\x86\x15\x17\xe5\xe8:02\x96\xc2\x99pL\'\xfdzc\xf1\xd6\xea[&gt;\xb3\x19fS[ab\xeag&amp;\xdf\xf7\xe3\x0f\xdc\xa1\xfdBD3M;g(\']|\xfd\x12D7-%XG\xcdl\xa3;1\x96\xb42\xec\t!\xdc\xbfe9\xb5\xbd\x8d\xacc\x15eLs\x9b\xcc\xfb\xc0\x0f\xd5\xbfm\xf3\x86\x8b\xbf&amp;\xddq\x100\xa9,\xbb\x99\x0b\x1b\x12\xb57\xceM\xcfJ\xae\xa4Hv\xf6\xc8\xd3\xaf\x12\x9d\xcc\xf0\x04\xcd]t\xda\xc4\xdeI\xe5\xbah\xac\xf9\xef\xbe\xe7\x85Nx\xd1\xbd\x00\x9dN\xa4Q\xc1\xf2i\x8d\xcf\xa5\x99\xa1"\x16\x94\xeb\x1b\xb2\x18\xed\xb12\xd3\x90\x89k\xc0*\xa8V%\xdax\xe2\x92\x1f\x90\x9c\xd1yKV\xe3\x19gL\xca\xce\x91\xdd\x04[6\xd1\xcb\x02Il\xf7\xff\xb2\x1f\xd2 {,l\x9c\xfe!\xd96\x19\x16y\r\r\x0e\xf48\xde\xee\x0b\x92?\x19?\x9bF\xf3\xcba\xa7\xee\xa4\x98\x85[\xd2\xe2\x06\xb9\x8c\x10\xacC@z\x01\xcbzl\x19\xde\x15H2\x10k\xfa\x82\\\xf6\xe1\x12#\x0b\xbe\xb6\x89\xf8e\x18\xfc\xf1\xa3\xf1\x08\x94\xacB&lt;\x02\x1d\x81&amp;+\xaa\x1c\r\xee\xac\xb2\xbf\x82Mjo\xeb\xb7b\xde\xde!\x10\x9b|G0\x97\xb4R\x11\xc9,\xf0\xdey\xb01^\xf8\x04\xc6\x00\x1d\xf1\x1f\xec\x8b\x92\x07\x9a\x99\x08K\xc2KH\x0cDr\xe8\xf9\xd4\xf5M\x8fYA\xd4\x17,ji\xd7\xfd\xef:\x15\xce\x85;e!\x86\xc6\xcf\x927\xd5\x17F\x9d\xea\xcc\xaa\x17\xc4HS\x86T\x83\xb4K\xb7\xb8&amp;\x81Z\x99\x02Z\xdf\x86~\x94\xc0&lt;\x97\x06\xc2#\xfe5f\n\xaf\xa3=\xff\xc7\xc1\xc1f\x06\x0e*\xeb\xd9\x8e\xd1\xfbK\x0en\xe2\x01\x14\xed\xed\x8a\xc2VE(\xd0-R*\xbe\x92\xe9\xbf]\x11\x08\xa0\xd7\xde\xf6\x914Ols\xb5w\xd9\xf9\x87\xf0\t\x97\x02\x17\x06\xb4\xd3P\x11\x9a\xeb\xcdV\x90D\r\xfc\xf0/741\xc5*\xac\xb8\xa9\xb9G\xd5I\xf1\\(is\xffJDu\x7f\x90\x8a\xf1cl\x15\xc5p\xccb\x96\x04\xe6\xe2\x92\xd7r\x19\x1e\x0b\xca\xe2\x98\xce\x01O\x8a\xf2j\xa3\x9d\xb3\xafLil\x80nm\xe3{\x93`b\xbdF\xcem*f\x7f+o\xb5\xb5\x96\xbb\xed\x01\xcdm\x94\x1bN\xb2&amp;H\x97T\x14\xf8\x02\x8e\xfd\xda\xbd\xa8\x05\x04I|t\x9c\xc0\xb3m"[\x12\x08\x10\xf4\xfaA\xeaM\xbb\xffn\nc\xca\xb0\xfb\x04ZQ_\xdb+\xe0\x95\x0e2\x15\xd3m3\xda\x7f\x13\xec\xc6,\xab\xf7\xbdZ\x9a\x8f\x10\xa2k\r\xa9J\t;\x0c~\xba\x92\xc3\xd0+\xb2A\'\x00L\xe3\xaa\x12hfK\xc9\xb2\x90T\x18M\xaaS\xe9\xe1\xe7\xcblm\x97\xea\x10\xb9mk\xea\xac\xa2\xd6\xa1\xca\x96\xf4\xfc\x02\x9d\x8av\x06\xad\xa0\x11D\xe0\x97WJ]xo`Tx\xcb\xcd\x81\x11\xec\xac\x9a\xdc\n\x95\xe2c\x9f\xa2\xcbs&lt;K\xee\xf3:\xcf\xe6O\xf0\xfc\xcd\xe8\x93wH\x82\xee\xb1\r\xc8KCEF\xdbr\x0b?\x07\x96UC7#\xa7\x9f\xd1\xed:n~X\xae\x93\x86[W)\xd0q\xa9O4\xc7\xd1Q\x88\x9c\xd0\t\x1f\xf7\xd9PU\xfb5 H\xd1\x8a\x83\xe4&amp;\xba\x8f\x17\x0e\x89\xadOy~\xee\x01%\x18V\xb6\xf7H\xba\xd0:b\x8f#T\x81\xfb@\xeaW4\xfe\x1d\xfcOw\xf3\xc9\xaeI8r,3\xbb|G\x00p\x11\xcf\x8f\x9b\x0c[rs\xb4C\xdc\xf1\xacM\xd8\x85\x00t\x12\x8b\xef?\x80\xe1l\xa3;\xe48kK\xdf\xa46T^\x83\x8f\xd8\xbb\xdf\x8fz1\xb5\x8c\xb8S\\\xe1\xe8\xbc\x0c\x8f\xfb\x19\x80;1N\xc9\xcd\x8c\n\x1a\xe2\x89\x06\xf7\xe9\xdc\xff\xdb\xb4[\x05p\xfaG\xb5*E\xf1\xb3\x16\xf9:\xd3\xadJ\xc0\n\x07\xb1\xdc\xfe\x88+\xe5sy7\xefB\xc6\x97\x9cP+S1\x9d\xc8\xdd\x8eq&amp;i\xec\xef\na\xf1?\'qy"\xe9\x1b\x8a\xd04\x90%\xa3\x16\xe8&amp;\xe6\x8b{U]2\x1d;\xaf\xbdc\xeb\xe2\xd5\xc9,]\t\x9f\xcf\xb2&amp;\xe1\xc6\x91DB=\x0ehV\xce"\xe1E\x1f\x8cuN\x7f\xcb6\xccR\x03\xbe\xc1\xcbh&lt;\'@\xf4/\x1dLX\xaf\xbe\xe9\x08\xd3\xd0\xbc\x04\x00@\xb2/\x89\xe7e|\xed7\x1d\x88\xf0|\xb8\xf0\xd4.\x96\x9ar\xc2\'9q&gt;\x1e\xea\xa4\x9d5/\x162\xce\xf4G1\x14\xf1N\xa0)\x9e\x01\x1d.E\x07;\xa7\x9a\x96A\xa3\xee\x9c'</t>
  </si>
  <si>
    <t>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</t>
  </si>
  <si>
    <t>b"\xb9m=\x0b\xa4q4'\xe5\xe0&gt;\xa6\xc5\xaa\xcd\xd4"</t>
  </si>
  <si>
    <t>and, and, 360â€“363
 Equilibrium relative price, 118f
 Equilibrium relative wage, 43
 Equity capital inflows vs. debt inflows, 650
 Equity finance, 630
 Equity instruments, 590
 ERM 2 (revised exchange rate
 mechanism), 566
 ESCB. See European System of Central
 Banks (ESCB)
 Euro, 527n, 557. See also Dollar/euro
 exchange rate; Euro zone; Optimum
 currency areas
 dollar rates of return and, 334â€“336, 335t
 and economic policy, 564â€“566
 evolution of, 559â€“564
 exchange rate and, 338â€“339
 expected returns on, 364f, 365
 fixed exchange rate area and, 566â€“568
 managed float and, 464n
 rise in interest rate and, 343f
 U.S. money supply, exchange rate, and,
 365â€“366
 value of, 6
 Eurobanks, 592
 Eurocurrencies, 592
 Eurocurrency trading, growth of, 593
 Eurodollar market, in London, 8
 Eurodollars, 592
 Euronyms, glossary of, 559t
 Europe. See also European Union (EU)
 economic and monetary union (EMU)
 in, 557, 558f, 563, 564
 economies of, 12f
 inflation rates in, 527t
 money supply and dollar/euro exchange
 rate in, 366â€“368, 368f
 as optimum currency area, 572â€“578
 U.S. trade with, 11, 12f, 13, 14
 European Central Bank (ECB), 564, 565,
 575â€“577
 Fed swap lines and, 606â€“608
 European Commis</t>
  </si>
  <si>
    <t>b'0D\x02 \r\xceG#t\x03\x81\xf0\xfc\xd6~\x08\x87\xd1P\xc8S\x1f\xa0\xb6\xa5\xa7zQ\xac\xc7\x8bl\x98y\x05\xec\x02 \x1dZ`\xe2j)@\xb3\x91#\xf5+\x95\xd4G\x00\xda\xb7P_#\xe95\xa7\x9f\x8c\xf1\x8c\x10\x9b\x96\xa9'</t>
  </si>
  <si>
    <t>304402200dce4723740381f0fcd67e0887d150c8531fa0b6a5a77a51acc78b6c987905ec02201d5a60e26a2940b39123f52b95d44700dab7505f23e935a79f8cf18c109b96a9</t>
  </si>
  <si>
    <t>b'0D\x02 \r\xceG#t\x03\x81\xf0\xfc\xd6~\x08'</t>
  </si>
  <si>
    <t>nk about it, and take the time to honestly evaluate your
 mindset.
 If that honest self-evaluation brings up any self-doubt or the fear of
 failure, there is a podcast episode I want you to listen to. Itâ€™s not about
 business; itâ€™s about slaying these demons. Itâ€™s called â€œYou Are Enough,â€ and
 you will find it at Capitalism.com/best.
 Take Care of Yourself First
 One of my rules of entrepreneurship is to take care of yourself first. I learned
 this one the hard way by repeatedly working myself into the ground. You are
 the driver of your business, and businesses reflect their leaders. Your habits,
 your culture, and your morals all permeate the business and products you
 create. You must take care of yourself physically and mentally so that you
 can create and serve others. The most profitable thing you can do is look after
 the driver: yourself. Entrepreneurship can create stress, and stress breeds bad
 decisions. You canâ€™t force good ideas. Thatâ€™s why my friend Peter Shallard,
 the self-titled â€œShrink for Entrepreneurs,â€ says the primary goal of an
 entrepreneur is to stay in the mode where work is easy. Eat healthy, get
 exercise, and take the breaks you need. Taking care of yourself also means
 taking care of other stakeholdersâ€”your customers, your employees, and your
 investorsâ€”and being mindful of your ads and how you interact on social
 media.
 The ends donâ€™t necessarily justify the means, either; if youâ€™re unhappy
 with the process, you are likely to be unhappy with the results. When Iâ€™ve
 worked on ideas in the past, a</t>
  </si>
  <si>
    <t>b'M\xbai\x9af_\xd9jZ\xa6\xa8\x9bI\x1eH\x04\xbbf\x80\x94\x95o\x0e\xaf6\x11\xf0?p\x176lN?=\xf9\xf5\'=\x86+r\x84\xcc\xba\xb9\xbc\xe9\xfb!26g\x9e.\xbf\xeaR\x92Tw\xa3\xcd\xed\xaf\x1d(b\xde7\x028\xee\x12\xcd\xad+\xd5\xc3\xc78#\xd9\x83\xed\xf1\xac\x16l\x105q\xb0\x98h\x83\x13\xfc\xfc\x16PL\x12\xc8\xe2\x12\xe9\x05\x04\xac\xac\xa4e\xdf\xe3\xe2F\x8a\x88\xd8h)\xc7\xfb\xe0\x07\xc9\xc3\xd9.\xf6\xfa\x86\xf2j\xb1\xa4N\xaf\xa06\xb9v\xc3\xdc\xe9\x00\xd0\xdb\x01\x8e\x0b\x01\xc2w\x8f\n\x0bb\x8ea\x96be\x96\xd5\xbeD\x9c&lt;\xd2\xf0\xdc\x8c\xf5\xad\xba2UR:\xb6\xea}\x8a\xe9"\x0e\x160\xb8.\x12\x9d9wD\xe6\xc4\x0c\xcc\x03=\x0e&lt;6\xe2R\x03\xd4|u\xba\xado\xd9\xde\xd2\x9f\xb5\x86\x82\xc1\xcf &lt;\xa4\xbfo\x0c\xa3\xbb\rd\xcc\xadX\xc7\x06.G\xf2\x90H\xae\xe0\xe2_\xf4\xb0:h\x9d\xaco\xbe\x12\xc0G\x1c\xbbW\xbf7\xb9\x01\xc0t\xb1+T\xde\x08&amp;F\x8c&gt;\xc3\xdb\x1f\xc7o\x03+\x1c]\xbd\xa6&gt;%\x14b\xc2\x89v\x12g\xe2\xda \xd9\xea\x10\x9bK\xa2pw\xd9\xe9\xfa\x97\xa8/\n\xb2y\x82\xf0\xba\xb1O/d,\xc2\xe4\xf4|OS}\x9e!\xc5\xb6\xe1\xa9\tXi\x08\x9eD\xb8~"\xb4~c\x11\x01\xed+\xfb\xa5\x9e~\x0fJ\xea\xb0\xc8x\xfd\x19\x89\x95$\x88\xd6\x0c}|\xaf*G\xd2\xb4\t\xc1\x9dLW\xc4\xc0\xaa@\x04`\xba\x8c\x8f\xa5`\x89\x8d\xfd\x1e\xdd\x94\xee\x10{\x0cS\x1d\x9e\r\xe5\xc7\x93dX\x06\t0t\xd3Z\x87w\xdf\r\x99\x86\x90f\xeb\xcc \xba\x0e\xf9cv\xe1A\x85;\x18\x937\xdaj\x0c\x82\x99\x04\xa4\xc4\x15\xd4\xe48\xef\xb4\x8d8}\xb7\x82n\xd7\xbd\xd4\xd7\x93I\xd4I:\x91\xfbVE\x14\xed$\xff\xa8}s\xc3_\x97\x88r\x8d\xdb\xa1r\xfe\xd5\x12\xe8\t-\xbfQ\x18\xc8\xe1\xf13S\x8a\xa0\xf9+\xd5\xb1\xf3JK\x98v\x01-X\xda\xb4\xc5\xbc8\xab\xe0Q\xab\xc5\xaa\x7f\xcc\xa2\xf9\xc9\n\xfa\xcd\t\x0f\xcc\xe8C\x10_%`\x9a\xfd\xed;\xff\x03+\xbc4N\x02\xcdZD\xb5\xf9\x84\x10\xb1\x99\xb9\xb3\x18\x9a)=\x97\xcc\x94\xc8\xa1\x96\x8fO\x9c\x04;.G\x873 \xa2\x97\xb8\x8c7\x92\xcb\xf2\xd7+\xce\x0ft\xa7@7\xcc\x8b\xeb\xc2\x0b\xbf\xe5\x98\xdf\xaa8\xaax\x9e\x83\x90\x98&amp;\xe45\xc9\xf4\xce\x0bp\x8a\x1f\xd1\x87J\xdb\xf9\xcfDF\xcc\xe5|\x9b\xb3\x94\xbf\x12\x8a\xfe\xed\xbd)\xd3\xaf\x06\xa94X#\x88\xb3\x9c\xba\x03PX\xcbo7\xdd\xd7\xb4\x18\xad\x9c\xe8\x9aX\xfb\xa3\x87\\"\xa6\xb7\xdc!\x85\x8b\xc9p2\xad\xd6\xbd\t\xe3\xa2M\xf9\xb0\xf0\xd5RFW\xc9\xca6\xb9\xe5r\xc4\x9bA\x1a\xde\r]\xe5\x9dk\x8f\xf70O\xd2\x07\x82B\x9b\x01\n\x0fh\xa3eu\xbeW@\xb1\x03\x15\xe2\xbf5\xbaVn\xcd\x82\xc7\x8a\xe1\xb0m\xa1\xfd\xb6\x18\xe0\xa8xs;\xc39\xc1\x14\x88D\xfd\x81\xb9\x18\x8f\xca\x16\xfa\xd0\xbd"Tb\xe7|1\x96\xad\xd4u\xcc\xd6\x9fG#\x04\xf5\x88\xc4\xdb\x88UJ&lt;\xbe\xa1\xc93\xfc\xc3p"\xe5\xce\x83v\xff\x04l\xfb\xba\xc0\xc4\x7f@\x08\xe1K\xd9^\x83\xf8\x11\xfa\xea6\x02=\\\xaa\x886\xa1\xf5K\xc8\\D\xf2\xf1\x98\xd9#\x92\xd7:-\x99\x83X\xc7\x8e\xe3\xe5J\xf1$.\xadw\x88\xacN\x9e\xdf\xf6j\x91\xb4\x86^\xc8\x98iS?\xc5K\xdd\x03\xde\x87\xfb\xdd\xc4\xf3\xb1;\xd4&gt;\xec\xcf\xeb\x81\xf7\xaf\xd9\xdb\x8e\xb0i\xdc\xf3E\xa5R[JT\xbc\x1e.FB)\x80\xef\xf6.\xa3\xe4\x85\x07L\x98K}\x04\xde\x9d\x14\x06\x8b\xa9R\x07\x98O\xe8\x9f@\x11\xee\n\x0c\xce\xdb\xb1\xab\xb7\xc1#UE\r1d\xb4\x9bE,u95_L\x99bA\\\xbf$\xe1gp\xa4?}\x03\x9cT\x1d\xf8:^/\xc9\x92\xd1aq\xc4\xc6R\xa1\x93"\xd9\xc7\x02l\xed\xd88\x1br\x0eA\xb6@A*\x02\x00j\xb0\xf9\xdf8w-\xc0\xa9\xf8.\xab\xa6\xa3d\xbdm\x98\x85.\xcaD\xa1\x8b\xab\x1a\xfd9\x90`g\x95\x93\xc2\xdc\x07-\x1a \xfa\xf3\xf9\xe5A\x8eC\xa7t\xae\x1fk\xfb=\xfd\xb4,\xf9\x18\xe4\xe3\x8e\xef\xd9^L%\xf8\xd4\x9b\xd4\xe4\xe0m\x99 \xa9\x7f\x9c3`\xd3u\x84\x15\x9c\xa2\xad`l\xdb\xe9N\xed\xcc\xca\x1cP\x11\xf9=\n\x98\xa1\x08x\xe0Z\xac@\x88\xd6\x00\xc0+\x0f\xef\x81\xb0\xc2\xee\xc3,\xd5W\x99\xe5\xfa\xfa\xca\xff\xe3S\xb9\xcb\x9e\xe4\xb5&lt;\x05\xbe\xb0\xf4\xea\xdbI\xc0&lt;\xbe\xa9^_-\xc6\xc7\xec\xc3\xf3\x1e\x183\x85\x15\x0b\x9d\x1e\xfbj\x8b\xd5[\xdc6;\x8d\xd4\x1f\xa6T/\x8e\xa5\xfe\xab\x82E\xb8\xa6&lt;\'UV:X\t\x02A*u\xa6\xa6\x12\xe9\x1f\xc1\x1b.\x7f\x7fR\xe4\x16Q\xccv\xeas\xe3\xbdF\xe4?\xb0@\x92\x16\x0bW\x1a\r/V\xf5\x04\xfe\xdd\xb3\x01\x1d6\x87\xc3@\x84)e\xdc\xc14\xcem\x9d`\xb0\xa6\xb8$55R\x93$\xd9\x03\xc2?1\xf5&gt;\x06\xb3X\xa5\xad\x17 B\xb2\xd3\xd0\xd9\xe9\x19\xea\x04\n)\xe9\xe3c\xae\x83\xb0P\xf0\x9369\xe4\xd9\x83\xb2\xfc\x83\xf43\xe9q\xe0\xa8d\x98\xaf\xb1\xdb8=\xd3.\xc9\xddz\x8e%^\xeaC\xdd\xa4\x1d`\xf6\x90\x0fg?9g\xcd\xe62&amp;g\x88\xea5\xf09b\xd1)\xdf\x87\x80\x1c\x1c\x1df\xb6/\xec\x8d$\xb5\xf8]5\xdd{\xdcE\x01F\x97I\xfb,I\x15Qh\xd7\xa4\xfe:\xc8p\x87\x1c8\xb3i\x14R\xc4\x03\xd3\xa9\x0b\xb9\x9b\x00\xa47\xca[\xe4\x1bl\xbd\xefR&amp;\x9d\xd0\xf6T\rR\x9e(\x80H\x11i\x1b\xd2\x13\xd0\rO\x9c %\xd3\xf3\x1e\x89\xd4\xfb\xaf\xeeNO-\xea\xa0\xd1\x902l\x04fE\x8cu\xebP\xf8\x97\x85\xa6\xa5\xb4\xc7\\\x94\xe5th"\x1f\xb8P\xd7\x19p\xcd`\xee\xba$&amp;\xf6q\xb3\x7f\x19g\x8b\xa6\xe1\xf7\x1d\xb7\x85\xd3gz\x05Y\xe3\x10\xf9\xe8\x16\x04i\x1b\x0c\xe7k4x\x8b\x88\x9ap&gt;\xdb[6\xe9\xd6\xd7Q{\xa8^\x06K'</t>
  </si>
  <si>
    <t>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</t>
  </si>
  <si>
    <t>b'M\xbai\x9af_\xd9jZ\xa6\xa8\x9bI\x1eH\x04'</t>
  </si>
  <si>
    <t>and I
 must get on with it as well as I can."
 He was raising the whip again, when the lady said:
 "Pray, stop; I think I can help you if you will let me."
 The man laughed.
 "You see," she said, "you do not give him a fair chance; he cannot use all his power with
 his head held back as it is with that check-rein; if you would take it off I am sure he
 would do betterâ€”do try it," she said persuasively, "I should be very glad if you would."
 "Well, well," said Jakes, with a short laugh, "anything to please a lady, of course. How far
 would you wish it down, ma'am?"
 "Quite down, give him his head altogether."
 113
 The rein was taken off, and in a moment I put my head down to my very knees. What a
 comfort it was! Then I tossed it up and down several times to get the aching stiffness out
 of my neck.
 "Poor fellow! that is what you wanted," said she, patting and stroking me with her
 gentle hand; "and now if you will speak kindly to him and lead him on I believe he will
 be able to do better."
 Jakes took the rein. "Come on, Blackie." I put down my head, and threw my whole
 weight against the collar; I spared no strength; the load moved on, and I pulled it
 steadily up the hill, and then stopped to take breath.
 The lady had walked along the footpath, and now came across into the road. She stroked
 and patted my neck, as I had not been patted for many a long day.
 "You see he was quite willing when you gave him the chance; I am sure he is a finetempered creature, and I dare say has known better days. You won't put that rein on
 again, will you?" for he was just going to hitch it up on the old plan.
 "Well, ma'am, I can't deny that having his head has helped him up the hill, and I'll
 remember it another time, and thank you, ma'am; but if he went without a check-rein I
 should be the laughing-stock of all the carters; it is the fashion, you see."
 "Is it not better," she said, "to lead a good fashion than to follow a bad one? A great many
 gentlemen do not use check-reins now; our carriage horses have not worn them for
 fifteen years, and work with much less fatigue than those who have them; besides," she
 added in a very serious voice, "we have no right to distress any of God's creatures
 without a very good reason; we call them dumb animals, and so they are, for they
 cannot tell us how they feel, but they do not suffer less because they have no words. But
 I must not detain you now; I thank you for trying my plan with your good horse, and I
 am sure you will find it far better than the whip. Good-day," and with another soft pat
 on my neck she stepped lightly across the path, and I saw her no more.
 "That was a real lady, I'll be bound for it," said Jakes to himself; "she spoke just as polite
 as if I was a gentleman, and I'll try her plan, uphill, at any rate;" and I must do him the
 justice to say that he let my rein out several holes, and going uphill after that, he always
 gave me my head; but the heavy loads went on. Good feed and fair rest will keep up
 one's strength under full work, but no horse can stand against overloading; and I was
 getting so thoroughly pulled down from this cause that a younger horse was bought in
 my place. I may as well mention here what I suffered at this time from another cause. I
 had heard horses speak of it, but had never myself had experience of the evil; this was a
 badly-lighted stable; there was only one very small window at the end, and the
 consequence was that the stalls were almost dark.
 Besides the depressing effect this had on my spirits, it very much weakened my sight,
 and when I was suddenly brought out of the darkness into the glare of daylight it was
 very painful to my eyes. Several times I stumbled over the threshold, and could scarcely
 see where I was going. I believe, had I stayed there very long, I should have become
 purblind, and that would have been a great misfortune, for I have heard men say that a
 stone-blind horse was safer to drive than one which had imperfe</t>
  </si>
  <si>
    <t>b'd\xb9\x8d\xb6\x13l\xfb\xcf'</t>
  </si>
  <si>
    <t>64b98db6136cfbcf</t>
  </si>
  <si>
    <t>n the hollow trees and had to be pulled out like corks. Or we
 might tell how Peter saved Tiger Lily's life in the Mermaids' Lagoon, and so
 made her his ally.
 Or we could tell of that cake the pirates cooked so that the boys might eat it
 and perish; and how they placed it in one cunning spot after another; but
 always Wendy snatched it from the hands of her children, so that in time it lost
 its succulence, and became as hard as a stone, and was used as a missile, and
 Hook fell over it in the dark.
 Or suppose we tell of the birds that were Peter's friends, particularly of the
 Never bird that built in a tree overhanging the lagoon, and how the nest fell
 into the water, and still the bird sat on her eggs, and Peter gave orders that she
 was not to be disturbed. That is a pretty story, and the end shows how grateful
 a bird can be; but if we tell it we must also tell the whole adventure of the
 lagoon, which would of course b</t>
  </si>
  <si>
    <t>b'{\x9b\xfcE.\xde6"'</t>
  </si>
  <si>
    <t>7b9bfc452ede3622</t>
  </si>
  <si>
    <t>their labor produces relatively inefficiently. In
 other words, a countryâ€™s production pattern is determined by comparative advantage.
 3. We can show that trade benefits a country in either of two ways. First, we can think of
 trade as an indirect method of production. Instead of producing a good for itself, a
 country can produce another good and trade it for the desired good. The simple model
 shows that whenever a good is imported, it must be true that this indirect â€œproductionâ€
 requires less labor than direct production. Second, we can show that trade enlarges a
 countryâ€™s consumption possibilities, which implies gains from trade.
 4. The distribution of the gains from trade depends on the relative prices of the goods coun_x0002_tries produce. To determine these relative prices, it is necessary to look at the relative world
 supply and demand for goods. The relative price implies a relative wage rate as well.
 5. The proposition that trade is beneficial is unqualified. That is, there is no requirement that
 a country be â€œcompetitiveâ€ or that the trade be â€œfair.â€ In particular, we can show that three
 commonly held beliefs about trade are wrong. First, a country gains from trade even if it
 has lower productivity than its trading partner in all industries. Second, trade is beneficial
 even if foreign industries are competitive only because of low wages. Third, trade is bene_x0002_ficial even if a countryâ€™s exports embody more labor than its imports.
 6. Extending the one-factor, two-good model to a world of many commodities does not
 alter these conclusions. The only difference is that it becomes necessary to focus
 TABLE 3-3 China versus Germany, 1995
 Chinese Output per Worker 
 as % of Germany
 Total Chinese Output as 
 % of Germany
 All manufacturing 5.2 71.6
 Apparel 19.7 802.2
 Source: Ren Ruoen and Bai Manying, â€œChinaâ€™s Manufacturing Industry in an International Perspective: 
 A China-Germany Comparison,â€ Economie internationale, no. 92â€“2002/4, pp. 103â€“130.
 48 PART ONE International Trade Theory
 directly on the relative demand for labor to determine relative wages rather than to
 work via relative demand for go</t>
  </si>
  <si>
    <t>b'0E\x02 \x06\xb73\xc99\x9b\xe88\xa5\xa0\t\xb3\x1a\xd0\xc8\x8eyq\x1a.*\xea\xe0\xd2\xa7\x851\xeat\xef1\xc5\x02!\x00\xdf\x06\x0cZop\xa6\xe3\xf9N\x06\n\x9a\xb7t\xc1\xad\x8f\xda2\xe0"\x90\xbf\x9eqs\xa5\x02\xd0\xb4!'</t>
  </si>
  <si>
    <t>3045022006b733c9399be838a5a009b31ad0c88e79711a2e2aeae0d2a78531ea74ef31c5022100df060c5a6f70a6e3f94e060a9ab774c1ad8fda32e02290bf9e7173a502d0b421</t>
  </si>
  <si>
    <t>b'0E\x02 \x06\xb73\xc99\x9b\xe88\xa5\xa0\t\xb3'</t>
  </si>
  <si>
    <t>tial bias variations. For example, if R2 is 1% higher than
 its nominal value, so isVX, thus multiplying the collector current by exp(0.01VBE/VT) â‰ˆ 1.36
 (for VBE = 800 mV). In other words, a 1% error in one resistor value introduces a 36%
 error in the collector current. The circuit is therefore still of little practical value.
 5.2.3 Biasing with Emitter Degeneration
 A biasing configuration that alleviates the problem of sensitivity to Î² and VBE is shown
 in Fig. 5.19. Here, resistor RE appears in series with the emitter, thereby lowering the
 sensitivity to VBE. From an intuitive viewpoint, this occurs because RE exhibits a linear
 (rather than exponential) I-V relationship. Thus, an error in VX due to inaccuracies in R1,
 R2, or VCC is partly â€œabsorbedâ€ by RE, introducing a smaller error in VBE and hence IC .
 Called â€œemitter degeneration,â€ the addition of RE in series with the emitter alters many
 attributes of the circuit, as described later in this chapter.
 To unde</t>
  </si>
  <si>
    <t>b's.S\\^\xad\x7f\x95\x83\xe0\xdfTh\xbc\xee\xf7'</t>
  </si>
  <si>
    <t>732e535c5ead7f9583e0df5468bceef7</t>
  </si>
  <si>
    <t>gregate demand and supply are equal.
 Because asset prices can jump immediately while changes in production plans take
 some time, the asset markets remain in continual equilibrium even while output is
 changing.
 The exchange rate falls as the economy approaches point 1 along AA because rising
 national output causes money demand to rise, pushing the interest rate steadily upward.
 (The currency must appreciate steadily to lower the expected rate of future domestic cur_x0002_rency appreciation and maintain interest parity.) Once the economy has reached point 1 on
 DD, aggregate demand equals output and producers no longer face involuntary inventory
 depletion. The economy therefore settles at point 1, the only point at which the output and
 asset markets clear.
 Temporary Changes in Monetary and Fiscal Policy
 Now that we have seen how the economyâ€™s short-run equilibrium is determined, we can
 study how shifts in government macroeconomic policies affect output and the exchange
 rate. Our interest in the effects of macroeconomic policies stems from their usefulness in
 counteracting economic disturbances that cause fluctuations in output, employment, and
 inflation. In this section we learn how government policies can be used to maintain full
 employment in open economies.
 We concentrate on two types of government policy, monetary policy, which works
 through changes in the money supply, and fiscal policy, which works through changes in
 government spending or taxes.7 To avoid the complications that would be introduced by
 ongoing inflation, however, we do not look at situations in which the money supply grows
 over time. Thus, the only type of monetary policies we will study explicitly are one-shot
 increases or decreases in money supplies.8
 In this section we examine temporary policy shifts, shifts that the public expects to be
 reversed in the near future. The expected future exchange rate, , is now assumed to
 equal the long-run exchange rate discussed in Chapter 16, that is, the exchange rate that
 prevails once full employment is reached and domestic prices have adjusted fully to past
 disturbances in the output and asset markets. In line with this interpretation, a temporary
 policy change does not affect the long-run expected exchange rate, .
 We assume throughout that events in the economy we are studying do not influence the
 foreign interest rate, , or price level, , and that the domestic price level, , is fixed in
 the short run.
 R* P* P
 Ee
 Ee
 E3 E2
 E
 7
 An example of the latter (as noted earlier) would be the tax cut enacted during the 2001â€“2005 administration
 of President George W. Bush. Other policies, such as commercial policies (tariffs, quotas, and so on), have
 macroeconomic side effects. Such policies, however, are not used routinely for purposes of macroeconomic sta_x0002_bilization, so we do not discuss them in this chapter. (A problem at the end of this chapter does ask you to think
 about the macroeconomic effects of a tariff.)
 8
 You can extend the results be</t>
  </si>
  <si>
    <t>b'0F\x02!\x00\xbb\x81\xf4c\x98-q\x9f\xa6\x91k|\x91l-Z\xa2?\xb3\xb6\x02\xe8\x97\x08\x04\xd6\xfb\xef&amp;G\xb9\xb9\x02!\x00\xb4\xd5h\xc0\xf0*\x9b\xc9\x05\x96\xc0\xf0&gt;\xc2\xcdnW\\UOq\xfbb\xcbOH\xae\xf0\xc0\x8c\xaa5'</t>
  </si>
  <si>
    <t>3046022100bb81f463982d719fa6916b7c916c2d5aa23fb3b602e8970804d6fbef2647b9b9022100b4d568c0f02a9bc90596c0f03ec2cd6e575c554f71fb62cb4f48aef0c08caa35</t>
  </si>
  <si>
    <t>b'0F\x02!\x00\xbb\x81\xf4c\x98-q\x9f\xa6\x91k'</t>
  </si>
  <si>
    <t>percent transactional. Itâ€™s not like selling
 a product. Itâ€™s not a clean break. There will be a lot of emotion and
 expectation tied up in it. Done wrong, it can cause you much pain down the
 road and feel like a missed opportunityâ€”or an opportunity that you had in
 your hands, and squandered.
 When you sell your business, itâ€™s rare that you sell 100 percent of it and
 then walk away. Instead, it is more likely that you will sell a majority stakeâ€”
 usually about 60 percentâ€”and hold onto the remaining portion. You will
 almost certainly serve as an advisor until the new owners are up to speed.
 Therefore, you must like the people that you are doing business with, and you
 must trust that they are capable of growing the business to the level that it can
 be.
 That is why so much of my focus is working with entrepreneurs who have
 crossed seven figures and help them navigate the next stage of their business.
 I join them as a minority partnerâ€”usually 20 percentâ€”and help them grow,
 get ready for sale, and ensure that the payday that they receive is the payday
 that they deserve.
 Whatâ€™s It Like on the Other Side?
 I have very publicly shared what it feels like to wake up and look at $10
 million in my bank account. I have also shared that it didnâ€™t automatically
 mean my life was perfect (but you probably saw that coming).
 In the weeks I was negotiating the close of the sale of my business, I was
 also going through a separation. In fact, when I came home from getting the
 check, all the furniture in my apartment was gone.
 There I was, a multimillionaire, and all I had in my home was a pullout
 couch that became a twin bed. I was so broke that all I had was money.
 That is not to imply that the business had anything to do with my
 challenges at home. Thereâ€™s no neat narrative thread to tie this all up; thereâ€™s
 no dramatic way to correlate the two. It was simply the case that I had one
 part of my life that was going great, and one part that was in shambles. On
 my Instagram, it was all celebration and wins; in real life, it was lonely. I
 used to think about how there were probably people out there comparing their
 lives unfavorably to mine based on my social media. We all walk around
 comparing ourselves to the tiny curated slices of life people put up on social
 media. Itâ€™s not real.
 Many people think money will fix all their problemsâ€”nope. It changes
 nothing but the size of your bank account. People go through incredible
 financial wins and deep financial losses, but itâ€™s not the point of life. Itâ€™s an
 accomplishment, not what life is about.
 Money gives you the fuel to build a great life. Part of the role of an
 entrepreneur is to define what that life isâ€”to define how to live life on their
 own terms. Honestlyâ€”and Iâ€™m not being judgmentalâ€”most of us are pretty
 bad at that. Weâ€™re all great at defining exactly how much money we want to
 make, or what we want our vanity metrics to be, how we want to stack up
 against others. Weâ€™re not very good at defining what our actual experience of
 life is.
 Once youâ€™ve made a lot of money, you do one of two things. You can
 shrug and use the opportunity to do it again: I guess Iâ€™ll just start another
 business, and Iâ€™ll figure out what</t>
  </si>
  <si>
    <t>b'Y\x80\xf9\xb4K\xe1\xc9\xad8a\xe5\x1d^j_\xcb\x83\xe7N\x8c$\x9c\x9doU\xe3\x82\x0e)V{R\xbb[v/\x9a\'K\xb7\x8fXW\xac\x00$\x19F\x8au\x93\x86R\']=\xdf\x85\xd8\x10\x11\x96\xc6\xbd\xb6\x08"\xfc\xac\xa9K+\xc6zz\xd6$\xe8J\x82\xfc\x12\xe7\xa1\xf1\x12\xceWn\xad!Zt/#f\xfc\xa8\xfc[C\x07+\xb1,1\xcc\x9bQ\xd8\xc8q\xb6\xf0\xee\xdcS\xf9z\xd2\xae4\xb7[\xf5J\x82p\xae\x07\xdf\xbbe\x9d\x98\xe73\x8c\x18\x08\xf1\x15\xbfm\xe8\x19\xfc\xac\x0f\x83\x0f&gt;u\x8fr\x9eG"g\xfd&gt;\x03\xe2:\x03\xe8\x8bl\xa2ROQ\t\xb7N\xf5\xefU\x8c\x10k\x86\xc6\xa2r0\xd5"\xe0)\x8c;\xc5 p\xbb\np\xf1\'\x1b\xa4\xd9\xd6a\xe3z\x96^\x8a\x7f\x8dJ\xb7^-qpl#\xce\xcb,\xd3\x04\xe4n\xe6+t;\x1d\x9dQ[\x94\xb7\x96$\xcb\xe9}\xa1!\x96\xa5\x9b\x86\x9dM\xe0\xed\x8a\x054##\xba\xa3&lt;\x8bt\xa2\x1c\xc5\x14\xa3\xb4\\\xb5\x1c[\xc2\xd9\x93\xca\xa6\xc7\x90\x1bW\x06`p\x1a\xf5}\xf4s\x1cG\xda\xc2I\xa6u(\xae\x9f1\xe3 \x9d\x9du]\xdeY\xfaB\x1d`\x81\x05\xb1\xb0\xdf\n\'OH\xa4\xb0\x10R\xc0\x8a\xda\xe0v\xa5/\xebxk\x87bp\xa5\xdb&amp;\x1b\x01\xdc\x91\xdb\x96\x9c\xa6\xc2\x15\x89,Z\xe5\xc3\x16\xf14z3\\\xc3\xde\x97\x81\xb1W\x82\xb6~V~\xd3\xc2\x10\xabT\xb1\xc9\x12\xfa\xcf\xad\xa1\xe4\x1f\x042\xf9\x18\x93\x80\xcfR\x89AD\xdc\xfa\x14/c\x05l\x01\xa58\xc9\xa4\xd0;\x8bzfx\x8a=\xf7\x9d\x9fw\x18\xd1\x9b\xd3\xb5{\x0e`\xc7\tr\x17\xe4y\xb7\x93WF]\x9a+\xeb\xa5O&gt;\x13H\x8f.\x1a&lt;\x9f\xcd.\xfbk\xbc\x99o/\xa8&lt;\x8e\xf3\x04\x1fTMJ\xfda\xb9\xb1p\xa8\x16\xacF\xb3\x99#\xb2\x1b\x00M\x8bk\x06\r\x06\x15#\xba\xca\x86X\xb9\xfb(B1\xdeNP\x9aU\x96\xb9x\xa9\x8b\x83\xcbX\xda]\xe9\xd6\xfea\xbbRl\xf1\x96\xb4\xb9K~^\xae\xa4\xabx\x9d!\xe9\x01,\x119c\xc8\xe4H\x93\xe2n6\x9aF*\x0c\x04\x7f\xb1FG\x8b\x12\xb9+\xfbA\x94\x1bc\r\x1d\x9d\x08e\xd7\x8ft\x8e\xeb\x16\x8a\xcd\x8eY1\x83\x05_\x89%\x86\r\x85\x85\'\t\x83\xcb\xa7\x0exJEb\x8e\xcd\xff\xf0\x81Q\xf2\xf3\x16\xe7\xd0\x8e\xd6V\xb1MS\xe2\x8d\xac8\xcb\xa7J\x8a^9\x1a!\x1e\xaa\xf6\xa5\xcd\x8f\x19\xc5\x96&amp;\xf5f&lt;\xc9\xda\xac\xbc5\t\xf9;\xfbx9\xf1\x80\xa8u\xd1, \x10z\xf86x\xdb\x05@W\x02\xa4\x1f\xb2\x13\xf3\xb4\xdc4\x9a\x0c\xf6\x19\xaf\xbd\xb9\xc1\xbc\xa2\xf6\xf1\x1d\r\xefL\x8a\x19x7\x8dy#\xb1v\xcc\x9c\xfc\xc2EI\x023\xfa\x91\xf5b\r7\xff\xd6\xad\x92\xa6\x9fI\rt\x07\xf6\x9d{\x14HE\xdei\x00a\xb1s\x13\xb9\xe0\xc8\x88\xb8k\xaaQh\xb5\x10/T\x1f(\xd8\x95\xd4\xf8\xfa\xe0\xae\xddK\xcb\x11\xa8:m\x01\x002\xf0-\xf5;\x8a\xca)\x18\xb6"\x8d\xb6\xe0@\x08\xc2\x98t\xb9G\xd9\xacl\xf8cZ\x9aE\xde\xb8\xac&lt;o^\x0eg\xa7\x9c\x19\xe6^z\xd4\xafw\x82\x0c\xeb\x15\xb9:\xf1\x7f\xbd\x0f\'\xe6\xc5\xe1\xfc\x0e\x14\xdf[\xe3\x9a\xdd\xbe\xb7tN\xaa}&lt;j\x97\x84\xb0`W\xc6\x00\xfcXt\x0e\x0b\xac\x13R\x80RF\xd6q\xbb\x11\x1e\x83\x80\x0e\x128\xb694z\xd5\x1e\x93d\x1b\xd0\xcc\xd2#\x95\xd38\xce\xa1yOf?\xca\x8f\x93^t\xcc\xd8`\xad\xb8\xe3\x02\x04\xc0\x91\td\xf7\xc4%\n\xb8 e\xd8h\x1a\xf7\xbb\xd0\xfe:\xb0\xcbU!Muo\xc1\xf8kG\x9at\xdd=\xf9Cl.j\x12\xa6NR!TB\xc0\xb4\x05\n*\xa5\xcc\xe0m\xd5\xd5j\x1a\xd2\rCr\xb8\xa8\xb0\x1c\x11\xa8\xa5\x05\xc6\x9c\x9e\x81xw\x9a/\xb4\xb7:W)\x1a\xf2a\xdc\x85\xcf\xa7\x12]\xe8\x16%k\xf8\xec\x9c\xd4\xe0\xc3\x83\xef\x04\xe56\xc0s\x1a\x95\xfd(\xe9p\xdcd\xc8\xb9\x14\x89\xb8(r\x87\xe2x\xa4\xeenq&lt;3\x06\xe5\xab\xee\\\x06g40\xf8z\x83\xf5\x8d\x97\xf5\xd3k\xfb\xcb\xecM\xa2\xb3=^VhZ\x1c\x95S\xfcJ\xbb\xfc\xc7\xb9\x08B\x99\x1e\\\xe3\xf1\xd1\xb3\x83\x7f]\xc5\xaa\xa9\xdb\x06r\x8f\x1c\tu#\xfd\x0b\xb0:\x06\xe5Z\xd2\xf1\xc0|\x00N\xf2,\xb9U\xe4\xbc\xe5\xed9\xba\xb9\xb8\x95\x89\xd6F)\xb4\xc0\x90\x1d"\xbc8\xe9\x92\xa5\x05\xb8E!\x9d\xcc\xc8\x0c\x9f1K\xdfx\xa8\xa3\xc6\x80\x84{w\xe4\x15V\x94\x1b\xa7\x86\x81\xb4\xce\x07\xba\x18\xc2\x905\xe7\xda\xd4E\xf2\xc3!u\xea"\x01;\x021u\x1aJ\xfe\x1e\x95\xc9\x01\x9a\x87_\x14M\xb4dfm\xa0J\x04\x86&amp;\x8b\x85\xe6yY$\x9c\xd2\xf8\x878\x95\xc5\x88\xf0\xa3\'\xdb^Y\x87\'\xe7\xfd;st\x89Q\xf4\xc4\x14!\xe0\xc24KNs%\x07[zC\x9d\xe9\x08\xc7\xba\x88`n+\x18m\x0b\xf52\xdd\xed\xd1\x95\xcbe\xa4\xea\xcb \xe7&amp;Q\xdc\xa4\xd7g\x97\xf1\x85\x8e\xdd\xaa\x18\x82\xc8\x15GO\x84\xaa9\x1a7u\xea{T\x08\xd4\xdd\xcbQH\xb4[a\x89$\x01\xa6\x9a&lt;_\xf9\x93\xfeg\xf1\x98\xd8\xe0[a#\xd1\xc0\xb2c\xd7D\x9ch\xa4\xea\'\x979*\xb9\x95Y\xc5}\xd1\xfc}\xd4n\x0e\xe4Q\xc9(\xe8\xb8\xba0d\xc6\xdcU\xdc\xb3\x18\x1c\xa0(.ii\xf0\xee\xd5\xe3\xef!X\xb5f\x93\xb9\x81m\xc6\xa6F\xc8ba5o&amp;\xfb7\x9ae!\r\xe8\x96\x7f\xf3~\xb3\xc4\x16\x16\r\x06\xeav,o!\xa5\x86C0\x8c\x82fy\xc4F\x90\xca\x04O\xaezf\xfc\xd0\x10\x9f[G\x8c\xb3\x05\xa67t\xf7\xb5\x89\xdf\xbd4\x16\x8f&gt;\xe0\xb4j\xe6C\xf7B\xe2\xf3\x97\x81\r-p\x9e\xa8\x86R\x83\x1e\x99\xebP~^\x82\x8f\xd7\xb3\xd5L+\x10\xa0\xca\x00K\xe8\xb2\xc6&amp;\x1eqhW\x15\x85\x1a\xbc\xbd\x88\x1a\xba&amp;.\x19\xf5\xc1v\xa7\xceFa\x91\x0bK`\x0e\x05\x87"\xe8\xbf\xafd\xf0\xe7\xbc\xb5{\xa5\x8a\xd8Z\n\xa7\xfb\xc1\xd9\xf0W\xf8\xf8\xca\xaeW\xa4\x13\x1e\xf3\x94{R\x97v%\xc9\x86,\xc5\xa7\xdc3m\xc99\xf6\xd2-o\x85\xc3\xd6+-J\x0c\xe1)\'\xf3I*\x84\xf3\xb0E\xcbH5\x92\xb4\x1a\xc7lS-\xf0\xb9(\xce\x14\x17\x84\x0e\xe3\x7fjv\x85\xea \xaeR8Acs*w\xd9\x1a\xb8\x0f\xa7g4\xc0\xb0\xe9\xe5H\xa9n\x8e\xddA\x1f\x9a\x9bK\x05\xe1=_\x9f\x02C\xbef1\xf2\x02\x00\xc5\x9f4\xd5\xe9\xa6\x97\x95\x91\xd1t&amp;\xe1\x9ea&amp;\x9ft\x86\xbaqCg\xeaW\xe1\xec9\xb4\xa4\xfd\x071#\xe23\xcfr\x0bq6K\x19\xf8\xc2\x94&lt;\x06J\x80\x16\x1e\x8f\xafl\xd2\xf6u2\xde\x14\r\x1d\x11\xc8-1\x16$\x93\x15L\\\xe2\xfe\xe2E}l\x91\xe7\x0b\x90\x0f\xf3\xb7\x91\x0e\xba\xa87\x05\xc1\x1a\x0e-\x84z6\xdf\x8d+\\\x19\xbd\xcf!L\xfd^\xfb\x15\x96\xcc\x13\xa4/V\xafY\x96\x86\xe5\x03:\xffr\x95\xfc,2\xd0I9\xbe&lt;U\xbd\xa5\xcaf&amp;\x96\xc4`\xf6\nl\xd0\xd2\xe1\x08\x80\xc2";\x0f\x04\x8b\x1b\x89@b\xf7W\xb5\xe6\x9f\xc7@D\xac[9[2\xf0}T\xda\x1a\x852\x86\xbe\xab\x800;n1;t\xcd7\x8ee\x0f\xda\xb4\x8fL\x92@\xd8i\xd9\xf7\x8c\xe1;\x10\x7f%Hs8fb\xa6\n\xea\x8a*\xb8\x05\x91\xcf\xc5R\x1c\xee\xab\xa3\xd8-&gt;\'\xa9?\xb7\xee\xcf\x13\'\nI\xf8\x10\xc29\xe4"r\x909as\xc5N\x96\xb3@\xc7\x18n$\xe9K\x92V\x1b|\xbd\xee\xf9R\xce.$C\xd9R*^\x8b\x9e7\x07"\x92\xd4\x82@\x7f\x8b\xc2\xbb\x9a\x88\xe4G\xa7\x0e5\x1b\x9a2\xce,\xfc\x829W\xd1\xd1\xb4\xc5\x80X\xc6\xc4,\xfc\xd2\xa1\x1e\x82\xba\x81A2O\xadR\xfe\xdd\xdb\x85}\xc9L=\x8a\xa5\xa4=V\xd1E\x17\xb0?\x88\x84[\xf7\x9a\xc1kZ\xea\xa6\xc0\xc4\xf0\x9f\x11%\xb8j_\x02qEF&lt;\x00;\xfc)\xaa\xee\xdd\xcb\xb8\x16|\xdc_\xe3\xa7\xd8\xbf\x98\xc9[\xddh{\xbd\xb3\xcf\x04\xa0\xc2A\x1cDJK)\xe3w=\xf1\xb5b&amp;\xbbfK\x11#l\xdc?\xbfhI\xfc\x84\x0cw[\xf9^\xd0\xe85&amp;\xcc\xdf\xbc1&lt;\xc0:\xcbY\xac\x8d\xf1\xf5\xc3\x86\rE\x18\xd8\x8b\x01\x8eh\xcb\x93\xb3\x03\xd0V\x90A\xd1*BJ\'gPL\xef\xd9\xab}d?\xbc\x8eYX/\xb0=s\x91\xbb\xf6\'\x0e\xa9S\xb06\xa5\x01b\xc2H3^\x01V\x83|5py\xf7\xfb\x10\xac\x03L\xca\xc1E\xbb\x80\xc3\xd5(\x18\xec1a$\n!\xbe\xe5\xf9?V\x1b\x02\xbf\xdb9\xb2\xbe]2\xcd\xb1\xca\xa8#=\xd3\xab\xe9L\xa6\xa5\x11\x19.+\x0b\xd1)#\xe4\x8c\xfd\xc4\xe2IQ\xb3\x9e\x12\x10\xa5\xac\x05\xe81a\x10\x8a_Th|\xf6}%^\xf8\xf4\x18\xc58\x08b\x80\xf0\x97\xaeS&gt;\xecn\x19\xda)\x16\tb\x1c\x82\x8c\xbe\xe6n\x1dd\x02bTC\x11\xce\xef\x91\x98\x83\xbb\xdb\xe9\x91{,f\xee\x1bYZPXM\x9c09\x1d\xbc4\xb2\x9f\r\x89\xc6\xf4LHF\xd4\xf4\xb6[\xaf\xf3\xa9\xee\xb9\xb7l\x9a\xa5\xee?\x0c\x0f\xd2\x9eZ\xeb\xe4\x92\x18\x8a\x06&gt;2`\x96j\x14\xa6\x86\x02I\x10$\xbe\xbeyw\xfb\xe6\xa66\xeeN\x0e\xf5s\xa6\xf7\xecY\xc74\xd7&amp;\x99e\x9c\xb3\xaa\xc6\xb3\xab\x05"\xa2[\x8f\xceU\xb2\xc6\xda\xac\x83\xed\xb7\xa5S\xa9\x9eE\x11 \xa5\xb5(-\x03\xce+\x9c\x973\xd3\xe6\x9e\xd0Y\x9e#\xb03\x01M\xcb\xce\x81\xf08\x93o\xe8\xfbH$\xea\x9c\x8e\xc5\xb7\x95|\n]Y\x96_\xb3 \xc6\xe4\xd1=\xbe\r-\x12\xa9V\x8bT?g\xcdJuH\xe4j\xedv\x1d\xc4\x9bw~\x9e\n\x17\x92\xda\xdb\xbf\xa1u\xc9\xc6\xae:\x88\x0e\xfex\x8a/g\x81ek\x06\xe7\xf4\xf7\xb56\x98\xfc\xc6\x08d\xa5\x8f\'y\x9f\xe0\x04\x14{\xd4)\xde\xa4\x83#\xf3\xb0\rk\xd3\xfbkq\xcc\x16p[\x87^!\x80\xdc\xf5\xcd\r\xca\xbb7\xc2C=f\xd5\x0e\x03T4\xae\xcb\x18v\xfe\xb7A\xca\x04i\xa9\xd9\xb8;v\xb7\xef\xeck:\x9b_A\xc3\x87d\xe9*\xb3\xf9\x1a\xc0E\x97"\x1c\x18\x8dk\x99\xd4\xe1\x89\x8d6\t2^\x89\xc8\x02)\x947\x1a\xfdl\xf5\x11\xf0\x02\xdb\x0b\x8a)\xe6\xe1\x0b;\xf5\xcbACI6s8]\x0f5\xc3\xa0&lt;s\x8c\x06\x86\xf19\xfd\x99\xeb\xd2\xcd\xad\x19\xc6{\x1f\x99\x08\xd0Kk\xad\xd11\xbe)7H\xe6K&lt;6\x07\xbe \x7f0\xfb\xa0\xe3\xa1\xb0\xf4\x11\x00l\x80\xd9\x84o\xa2\x04\x1e\x01\x0cA+9\xfbF\x05w\xc4]\xb2x\xab%A\x92\xce\xec\x89\x18\x04\\\x91\xe7\xb2\xe3IC\x02\x86\xa5\x1c\xf2\x02\xef\x98\xaf\x00P\x8ag\x90,\xd4\xec\x95\x1d\x7f\xc5\xaf\xc3\xb28\xfc\xf1\xe7\xe3U\x98\xc1\x0c\x89\x83\x8a\x8fZ\x18\xc6\xe2\xa2\xa9\xb8\x9b\xcf\x1a\x91\xc2.\x146\xcaR\x0f\xc4\xf0\x99\x8b\xbe1O"*\xe6\xb2I-\xa0\xcc\xc2Ro/X\x0fO\x1e*\xab\xe3\xc1YUF\x1c\xe0.\x86c\x06\x8b\x96?QB(\xb60\x17\xb7y.\'\xac=\x19\xbd\\It\x06\x1c;w\xa2\xa4JmN\x02*\x982\xd5T\xca\xae\xd0\xb7M\xde\x8c(\x8c\x94?F\xd5{)\x0cy\x96PIY\x9a\x1fK\xbc\x9cc\xe2\xc7\x1c\x16b\xbaz\x0e\xa2\xc9\xfb\xd4\xbep\xbe3\x01\xd6\x06\x97\x00!\xc7\xb1\x8e\xcf\xb1\xc9\xb6\x81\x1e=\x99\x88\x06\xff5\xe1\xea\xfb\xbc\xa7b#\x93\x85o\x8f3\xd9\x9b\xb7\n\xc8\x12\xa3\xe3&amp;(&amp;\xb6\xdd\xa4QT\x91\xaaQ\x04\x8aOK\xb4TI\xed6E\xd96_-5\x81(:RHi8\xca\xd8$ig\x01\x9a4\x17\xfd\xc3\xfb\xe5\'\x12\x19\xc5\x8c\xbf\x8b\x12\xe39\x03\x98(H\xd6\xdc00x\xc5aG\xf9Y\x8b1\r\xd0Q\x83\xbf\xaf\x13`\xb4\xca\xc1\xba\xe3\x05:\xfb*\xcd\x86\xab\xd7\xf0[V\xe0\x0cC\xf8\xb8\xa2\x13\xf0VW8u\xff\xba\\\xb3*5W\xba\x8a\xfd\x9d\xae\xdd\xc7P\xdf\x14\xa2\xc9\x17:\x9fV\xbf\x87\xcd\x0e&gt;\xfd\xc9\x7f\x04d\xae\x8a\xce\xa2\xe9M\xf2\xc8p\\\x082j\x9a3\xe7_\x1f\x13\xcd\x0f\xe0\xfb\xf8\x90\xb7\x12\x99\xca\x8f-\x1a\x072\x00\x08\xd6\x88j\xfc\xc2i\x0b\xa0}\xe2N\x86\x13+\x82:\x17L\x8c\x8b\xb4\x94\xac&gt;Z\xf4]\xb36I\rH\xb0\xbfw\xfcR\x18OP\xca\x87\xd6|\xa4\xfcO!\x89\x15\xa2d\xa7\xcf\x1a=\xee\x89\xe4\xa8lQ\x08\x1e\x1a\x04\xa2\xfa*\xbb\xef\xe8RY}`\n&lt;6\xb7{y\xfd?\xc3?E`\x81|\x98y\xe8\x8c\x86\xfa\xd2\xb5\x17\xb2\xea\xb2\x83\xca_\xce'</t>
  </si>
  <si>
    <t>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</t>
  </si>
  <si>
    <t>b'Y\x80\xf9\xb4K\xe1\xc9\xad8a\xe5\x1d^j_\xcb'</t>
  </si>
  <si>
    <t>n going off in a passion, slamming the door.
 Mr. Darling used to boast to Wendy that her mother not only loved him but
 respected him. He was one of those deep ones who know about stocks and
 shares. Of course no one really knows, but he quite seemed to know, and he
 often said stocks were up and shares were down in a way that would have
 made any woman respect him.
 Mrs. Darling was married in white, and at first she kept the books perfectly,
 almost gleefully, as if it were a game, not so much as a brussels sprout was
 missing; but by and by whole cauliflowers dropped out, and instead of them
 there were pictures of babies without faces. She drew them when she should
 have been totting up. They were Mrs. Darling's guesses.
 Wendy came first, then John, then Michael.
 For a week or two after Wendy came it was doubtful whether they would be
 able to keep her, as she was another mouth to feed. Mr. Darling was frightfully
 proud of her, but he was very honourable, and he sat on the edge of Mrs.
 Darling's bed, holding her hand and calculating expenses, while she looked at
 him imploringly. She wanted to risk it, come what might, but that was not his
 way; his way was with a pencil and a piece of paper, and if she confused him
 with suggestions he had to begin at the beginning again.
 'Now don't interrupt,' he would beg of her. 'I have one pound seventeen here,
 and two and six at the office; I can cut off my coffee at the office, say ten
 shillings, making two nine and six, with your eighteen and three makes three
 nine seven, with five naught naught in my cheque-book makes eight nine
 seven,â€”who is that moving?â€”eight nine seven, dot and carry sevenâ€”don't
 speak, my ownâ€”and the pound you lent to that man who came to the doorâ€”
 quiet, childâ€”dot and carry childâ€”there, you've done it!â€”did I say nine nine
 seven? yes, I said nine nine seven; the question is, can we try it for a year on
 nine nine seven?'
 'Of course we can, George,' she cried. But she was prejudiced in Wendy's
 favour, and he was really the grander character of the two.
 'Remember mumps,' he warned her almost threateningly, and off he went
 again. 'Mumps one pound, that is what I have put down, but I daresay it will
 be more like thirty shillingsâ€”don't speakâ€”measles one five, German measles
 half a guinea, makes two fifteen sixâ€”don't waggle your fingerâ€”whoopingcough, say fifteen shillings'â€”and so on it went, and it added up differently
 each time; but at last Wendy just got through, with mumps reduced to twelve
 six, and the two kinds of measles treated as one.
 There was the same excitement over John, and Michael had even a narrower
 squeak; but both were kept, and soon you might have seen the three of them
 going in a row to Miss Fulsom's Kin</t>
  </si>
  <si>
    <t>b'Pya\x99\x96/\x83\xf1'</t>
  </si>
  <si>
    <t>50796199962f83f1</t>
  </si>
  <si>
    <t>that r = râˆ’w(tr) (Fig. 10.8), and tr is itself a function of r. Contrast Prob. 1.13 (and
  Section 10.2), where r = r âˆ’ r (Fig. 10.3), and rwas an independent variable. In that case âˆ‡r = Ë† r,
  but here we have a more complicated problem on our hands.
 458 Chapter10 PotentialsandFields
  and
  (vÂ·âˆ‡)r= vx
  âˆ‚
  âˆ‚x +vy
  âˆ‚
  âˆ‚y+vz
  âˆ‚
  âˆ‚z (xË† x+yË†y+zË†z)
  =vx Ë†x+vy Ë† y+vz Ë†z=v, (10.61)
  while
  (vÂ·âˆ‡)w=v(vÂ·âˆ‡tr)
  (samereasoningasEq.10.59).MovingontothethirdterminEq.10.58,
  âˆ‡Ã—v= âˆ‚vz
  âˆ‚y âˆ’âˆ‚vy
  âˆ‚z Ë†x+ âˆ‚vx
  âˆ‚z âˆ’âˆ‚vz
  âˆ‚x Ë†y+ âˆ‚vy
  âˆ‚x âˆ’âˆ‚vx
  âˆ‚y Ë† z
  = dvz
  dtr
  âˆ‚tr
  âˆ‚y âˆ’dvy
  dtr
  âˆ‚tr
  âˆ‚z Ë† x+ dvx
  dtr
  âˆ‚tr
  âˆ‚z âˆ’dvz
  dtr
  âˆ‚tr
  âˆ‚x Ë†y
  + dvy
  dtr
  âˆ‚tr
  âˆ‚x âˆ’dvx
  dtr
  âˆ‚tr
  âˆ‚y Ë†z
  =âˆ’aÃ—âˆ‡tr. (10.62)
  Finally,
  âˆ‡Ã—r=âˆ‡Ã—râˆ’âˆ‡Ã—w, (10.63)
  butâˆ‡Ã—r=0,while,bythesameargumentasEq.10.62,
  âˆ‡Ã—w=âˆ’vÃ—âˆ‡tr. (10.64)
  PuttingallthisbackintoEq.10.58,andusingtheâ€œBAC-CABâ€ruletoreducethe
  triplecrossproducts,
  âˆ‡(rÂ·v)=a(rÂ·âˆ‡tr)+vâˆ’v(vÂ·âˆ‡tr)âˆ’rÃ—(aÃ—âˆ‡tr)+vÃ—(vÃ—âˆ‡tr)
  =v+(rÂ·aâˆ’v2)âˆ‡tr. (10.65)
  CollectingEqs.10.57and10.65,wehave
  âˆ‡V= qc
  4Ï€ 0
  1
  (rcâˆ’rÂ·v)2
  v+(c2âˆ’v2+rÂ·a)âˆ‡tr . (10.66)
  Tocompletethecalculation,weneedtoknowâˆ‡tr.Thiscanbefoundbytaking
  thegradientofthedefiningequation(Eq.10.55)â€”whichwehavealreadydonein
  Eq.10.57â€”andexpandingâˆ‡r:
  âˆ’câˆ‡tr=âˆ‡r=âˆ‡âˆšrÂ·r= 1
  2âˆšrÂ·râˆ‡(rÂ·r)
  =1
  r [(rÂ·âˆ‡)r+rÃ—(âˆ‡Ã—r)]. (10.67)
 10.3 Point Charges
  459
  But
  (r Â· âˆ‡)r = râˆ’v(rÂ·âˆ‡tr)
  (same idea as Eq. 10.60), while (from Eqs. 10.63 and 10.64)
  âˆ‡Ã—r=(vÃ—âˆ‡tr).
  Thus
  âˆ’câˆ‡tr = 1
  r [r âˆ’v(rÂ·âˆ‡tr) +rÃ— (vÃ— âˆ‡tr)] = 1
  r [r âˆ’(rÂ·v)âˆ‡tr],
  and hence
  âˆ‡tr = âˆ’r
  rc âˆ’rÂ·v .
  Incorporating this result into Eq. 10.66, I conclude that
  âˆ‡V = 1
  4Ï€ 0
  qc
  (rc âˆ’rÂ·v)3
  (rc âˆ’rÂ·v)vâˆ’(c2 âˆ’v2 +rÂ·a)r .
  Asimilar calculation, which I shall leave for you (Prob. 10.19), yields
  âˆ‚A
  âˆ‚t = 1
  4Ï€ 0
  qc
  (rc âˆ’rÂ·v)3
  (rc âˆ’rÂ·v)(âˆ’v+ra/c)
  +
  r
  c
  (c2 âˆ’v2 +rÂ·a)v .
  Combining these results, and introducing the vector
  u â‰¡cË† râˆ’v,
  I find
  E(r,t) = q
  4Ï€ 0
  r
  (r Â· u)3
  (c2 âˆ’v2)u+rÃ— (uÃ— a) .
  Meanwhile,
  (10.68)
  (10.69)
  (10.70)
  (10.71)
  (10.72)
  âˆ‡Ã—A= 1
  c2
  âˆ‡Ã— (Vv)= 1
  c2 
 [V(âˆ‡Ã— v)âˆ’vÃ— (âˆ‡V)].
  Wehave already calculated âˆ‡ Ã— v (Eq. 10.62) and âˆ‡V (Eq. 10.69). Putting these
  together,
  âˆ‡Ã—A=âˆ’1
  c 
 q
  4Ï€ 0
  1
  (u Â· r)3
  rÃ— 
 (c2 âˆ’v2)v +(rÂ·a)v+(rÂ·u)a .
  The quantity in brackets is strikingly similar to the one in Eq. 10.72, which can be
  written, using the BAC-CAB rule, as [(c2 âˆ’ v2)u + (r Â· a)u âˆ’ (r Â· u)a];themain
 460
  Chapter 10 Potentials and Fields
  difference is that we have vâ€™s instead of uâ€™s in the first two terms. In fact, since
  itâ€™s all crossed into r anyway, we can with impunity change these vâ€™s into âˆ’uâ€™s;
  the extra term proportional to r disappears in the cross product. It follows that
  B(r,t) = 1
  c 
 Ë† rÃ— E(r,t).
  (10.73)
  Evidently the magnetic field of a point charge is always perpendicular to the
  electric field, and to the vector from the retard</t>
  </si>
  <si>
    <t>b'\x19\xf0\x15\xc9I\xf9C\x92\x7f\xdf\xefB"t\x8f\xb4-\xcc0u$\x92g\xf0\xeet\xd1\xe9\xa9\xceV9'</t>
  </si>
  <si>
    <t>19f015c949f943927fdfef4222748fb42dcc3075249267f0ee74d1e9a9ce5639</t>
  </si>
  <si>
    <t>b'\x19\xf0\x15\xc9I\xf9C\x92\x7f\xdf\xefB"t\x8f\xb4'</t>
  </si>
  <si>
    <t>how
 pupil.
 16
 3. ERMENGARDE
 On that first morning, when Sara sat at Miss Minchin's side, aware that
 the whole schoolroom was devoting itself to observing her, she had
 noticed very soon one little girl, about her own age, who looked at her
 very hard with a pair of light, rather dull, blue eyes. She was a fat child
 who did not look as if she were in the least clever, but she had a goodnaturedly pouting mouth. Her flaxen hair was braided in a tight pigtail,
 tied with a ribbon, and she had pulled this pigtail around her neck, and
 was biting the end of the ribbon, resting her elbows on the desk, as she
 stared wonderingly at the new pupil. When Monsieur Dufarge began to
 speak to Sara, she looked a little frightened; and when Sara stepped
 forward and, looking at him with the innocent, appealing eyes, answered
 him, without any warning, in French, the fat little girl gave a startled
 jump, and grew quite red in her awed amazement. Having wept hopeless
 tears for weeks in her efforts to remember that "la mere" meant "the
 mother," and "le pere," "the father,"â€”when one spoke sensible Englishâ€”
 it was almost too much for her suddenly to find herself listening to a
 child her own age who seemed not only quite familiar with these words,
 but apparently knew any number of others, and could mix them up with
 verbs as if they were mere trifles.
 She stared so hard and bit the ribbon on her pigtail so fast that she
 attracted the attention of Miss Minchin, who, feeling extremely cross at
 the moment, immediately pounced upon her.
 "Miss St. John!" she exclaimed severely. "What do you mean by such
 conduct? Remove your elbows! Take your ribbon out of your mouth! Sit
 up at once!"
 Upon which Miss St. John gave another jump, and when Lavinia and
 Jessie tittered she became redder than everâ€”so red, indeed, that she
 almost looked as if tears were coming into her poor, dull, childish eyes;
 and Sara saw her and was so sorry for her that she began rather to like
 her and want to be her friend. It was a way of hers always to want to
 spring into any fray in which someone was made uncomfortable or
 unhappy.
 17
 "If Sara had been a boy and lived a few centuries ago," her father used to
 say, "she would have gone about the country with her sword drawn,
 rescuing and defending everyone in distress. She always wants to fight
 when she sees people in trouble."
 So she took rather a fancy to fat, slow, little Miss St. John, and kept
 glancing toward her through the morning. She saw that lessons were no
 easy matter to her, and that there was no danger of her ever being
 spoiled by being treated as a show pupil. Her French lesson was a
 pathetic thing. Her pronunciation made even Monsieur Dufarge smile in
 spite of himself, and Lavinia and Jessie and the more fortunate girls
 either giggled or looked at her in wondering disdain. But Sara did not
 laugh. She tried to look as if she did not hear when Miss St. John called
 "le bon pain," "lee bong pang." She had a fine, hot little temper of her
 own, and it made her feel rather savage when she heard the titters and
 saw the poor, stupid, distressed child's face.
 "It isn't funny, really," she said between her teeth, as she bent over her
 book. "They ought not to laugh."
 When lessons were over and the pupils gathered together in groups to
 talk, Sara looked for Miss St. John, and finding her bundled rather
 disconsolately in a window-seat, she walked over to her and spoke. She
 only said the kind of thing little girls always say to each other by way of
 beginning an acquaintance, bu</t>
  </si>
  <si>
    <t>b'\x81\xcd\xa4 \x9a\xf7\xfe\x0b'</t>
  </si>
  <si>
    <t>81cda4209af7fe0b</t>
  </si>
  <si>
    <t>Even after the predictive power of the yield curve had been well publicized,
 it appears that SPF participants did not incorporate all of the available yield curve information
 into their forecasts of economic activity.
 The paper proceeds as follows. In the next section, we provide a simple definition of recessions
 in terms of real GDP growth. In Section 3, we describe a variety of alternative real-time
 probability forecasts for these GDP-based recessions. In Section 4, we assess the accuracy of
 these forecasts. In Section 5, we examine whether the evidence on the relative forecast accuracy
 has changed over time, and we conclude with some speculation about possible resolutions to the
 puzzle of the enduring relative power of the yield curve for predicting recessions.
 2 Defining Recessions
 As a first step, it is necessary to define what constitutes a â€œrecession.â€ The National Bureau of
 Economic Research (NBER), which has been dating recessions for almost 80 years, provides the
 most widely accepted definition of a recession (NBER 2003):
 A recession is a significant decline in economic activity spread across the economy,
 lasting more than a few months, normally visible in real GDP, real income, employment, industrial production, and wholesale-retail sales. A recession begins just after
 the economy reaches a peak of activity and ends as the economy reaches its trough.
 Between trough and peak, the economy is in an expansion.
 Thus, in determining the dates of business cycle peaks and troughs, the NBER does not rely on
 any single macroeconomic indicator, but instead examin</t>
  </si>
  <si>
    <t>b'\xd2P\xe3LDl(\x0b\x96\x11\xd0\xab\x94C\x88G\x9f\xefF\xb5UOM\x97\x93G\xf2\x12\xcf\x95x]\x96\xcb\x96\x07:I\xf5\x91\xd4\x89\xc3\xe3PcD\x9b\xcb\xbc?\x89\xc4sE.\x91\x8b\xf1\xd7?\xd6S\xc6\x1c\xefcg\x15\x8d\xca\r){t\xa8\xbd\xe1\x8b\xea\xefj\x05t\xbc\xfe5-\rk\'\x8f\x86\xcd\xe8\x19\xa1\n\x04=\x07\xad\xf8^2;~p\x1b\x82`sR7b\x97\xc7\xf1:\x15\x1f\x10\x93z\x1b_a\x88\xcf\x92\x05)_.\xfbo\xc9:t\xb0\xd0{\xf6J\xb4\x00\x80t\xbd u\xdf\x83\xef;~1\xce\x07\xe7\x9ae\xb7B2\xcd\xd7\xc8\xb0Z\xb6\xe4\xf8w\x9d\x009\xb7\xb4Eb\xb7 \xb3\xe1y\xd9^\x7f\xfb\xfc\x1d4Z,G`[\xee\x05\x80\x08\xb8\xeb\xc1\xe1y6\xf9*w#\x13\xfaN\xbc\xadR\xaf,\xa3K\xb1%iD\x97f\xb6\xed{"\x82\x17g\x13\xf9\x18\xbeOoW\x84\xd5\x83\x838\x907\x96\xf6\xc5\xb6@\x7fN\xb50\x18\x8a\x84\\\xd8\x1b\x97\xa6\x10\xe3\xea\xd1m%\xa4\xf5abm;l\x82\xb1\xf4\x04w\xdb\xf0l\xcet\x87\xa2\xc8\xe2\x1a\xed\x12U E\xfe\xf4q\xe1"\x01!b\x19*\x17\xb2\x02m\xb9\x99\xb8\x90}\xedXP\xd2\x9f\x1c\x95X\x8c\n\x96\x08\x10\xf2M72E+\xd9KZ)8\x90w\x06h\xec\x98y\xd9\xd7\xcbZ\xaa\x7fRI\xe8\xec\x18\x956\xd74\xd6\xf7\xbe\x06@\xdcn\xabQ|[\x95o\xfd#\xd7\x1d)\xd6\xf4,Y&gt;0#\x90neZ\x12\xb9\t\x86\xd0\x96B!1HQ\x91\xd0$\xee\xc0\n(G\x98|+\xc2\x90\xff\xb0\xd4\xe3\xa2)\xc7\xa2\x95\xf9\xa4\xc2(\xe7 \xa3\x97&gt;H\xc1\xdbF\xe4\xc4EYD\xb94(C\x05\x8a\xe0\xa9\x8cJT\x8d\'\n\x95\xa6?\x8a\x05\xf3SjN\xfa\x0e\xd6w\x01,h\xa2"@\x04\xfc\xfcD\xa4q#\x96{\xd9\x97\xe8\x87{\xbd\xcc\x90\x9a\xd7A\xdah7\x83\xf4;\xf9\xc5\xcb&lt;p\xa9\x9d]\xd0\xd4\xce\xc7\xd7|;\xcfIp\x80\xd2\x9bAY\x0fB\xe4\xb9G\x12Yg+\xfc\xf8Z\xab\xc5\xb2e\xf8\xfcN\x8cY_\x88a\x94.OO\xd1\xb1\xe0\xa3\xf1\x07\xf1\xee=\xe7\x9bW\xd1\x1a \xfd&amp;\x90\x9f\xcf\xdf\xa0xH\x08%p\xb6\r\xcc\xcaTN\xce\xed\x95Z\xbc\x15E\x81[\x03\x12\xf0\x8b\xbd(\xa3\x8d\xd4\x85AFv\xf7\x141\xc5\xe2V\xa0\x90n\x96Q_\xabr\xf5\x1d\xf1l\xb7\x9eq\xb1\x96\x89\xa1\xa3\x80\xdf \xb6_\xc8\x1a\x96\x84R\xee\x05\xac\x8d\x82\xf9&gt;\x98\x9f\xb0\x88\x10\x1c`4\xf8b_t\xb9\xe8\x0e\x93\xeav\x98\xa2\xe5G\xb3\xddZ\xb9\xb6\x1c\xe4\x90\x16E\xe6\xb7\xd1\xe1\xde\x97\x92\xc7\xe4S\xbbz\xb9a\x10\xb0A\xf35\x8a\xdb\xe2\xfc\x95\xea7\r\xb3\xe8\xc5\xff\'\xdc\x02\xf8\xd2\xde_\xe4\x16\xb1\xc1\x82\x08\xcf\xed\xf9\xfd\xbe\x8e\x82\xee\xb6N\x18}\xa2\xaa\x18\x7f\xa2\xef\x1fL\x92\xa94\xcd\x8a\xacn\x02\x1dKfO\x9b\xc9\xec[9Gex%\x87q\\\xf7%\x16A\xa1\x0c\x7f\x1c^\x86\xc2\x953Q\xc1\xec \xb3s\x1e\xba&amp;\'\xcdo\xdd&amp;V]\xaew\xa2K\xdc\xd3%\x04\xedO\x1f\xa5\x1f\xd8\x17\xe9JKS\xebM\xf7\x9cC,\x05]\xc3\xef|,~\xd2\x91\x95\xa5~0\xb7\xd3\x13\x12%Z\r\xbef\x14\xcf}@\xd0%+\xd7\xec\x00\xcc\xf2\x10B#=U\xaa\x8dI.&lt;\xf1\xf6\x1c`GZy\x8f\x045m\x99K_6L\xad\x89\x83O\xe5\x92S\x0eb\x82u\x1e\xd8^\xa7_W\xa2\xf9\x1e\x9d\xea;Y\xd0\xe1\xfbs2\xfc\xf7\xab\x183\x1d\xe45\xb9g\x9d\xfb\x1f |\x95O#\xd6\xbd\x7f&lt;)\xa7\xd4e\xed\xac\xd2*m\x83G\x9f\x0c\xcc*\xf3\xa0Z\xb8k\xb1r\x8b)\x0c\xcf\x8c\x0b\x07\xe1Z\x92\xea\x8bA\x9e\x1f\r6\xa2\'\xa1\x9f\x8a|_\x8a\x19B\xc3\xe2o \xab\xfa7\xc7z\x91\x17L\xf9\xf2\xa5\xa0\xc1\x1a\xb2\x805\xfd\n\xe71\x8c\xf8\xa9@\xaf\xae\xdbi\xeaH\x07\x0ebo\xfe\xe9\x96\xf9\xe8\xe5+\x05_\x96p5e\xd7\x9f\xe2\x12\x1e\r\x1f\xbef\xd8\xfd\xf7;\xd2\xf21]\x9aj\x89\x94qj\xea\n\x98\xdc\xc7\xc7\xfd]\x1aU\xd9\x16\xad~\xf0\xe4\xa0\xac\xbf*&amp;\xe9\xd1\xd5+\x07d@s\xdcV|\xc1\x1cy\xd6\x07Ea/&gt;\r"\xb9\xeen\x0b\xea\xaf\x7f\xad\xaf\x950\x0e\xa6qF\xdb}\x1a\xb2\xfd_\xf7\x00\xe1/6\x8e\xa7\x90y\xda\x16\xd1s\xc7\x18\xb4\x83J\xb1\x1e\x8a\xf3e\xdca\x0cF\xd3\xc1\xa0z\xb3F\x83}\xd8\xd8\x06K\x9e\xdaVV\x99O\x9a)\xaf\xa6\x0b\xc8\xad\xc4\xa2\xa4GG\xa4\xc9`\xf3i\xfd\xb8\x94\xd2\xe7Ew\xcd\xe4\xac\xc9W\xd9\xee\xc7\xa7P\xf3Yg\x18\x83\xfc\xaa\xed\xa8n\x19\xb9x\xc8\xf1\xd0\xfc\xebq\xfa\xa0\x0b\xabz\xa2\xec&amp;\x8aqd\t\xa4\xae9UE\xd1\xeeM\xf5\x95d"g\x0bA4\t\xb4\x95Tm\xd7\x90U\'\x067\x1aYu\xa6+\x88{\x92\x96\x9e\x15\x10\x02m\x13\x187\x80 \x0c\xef\xf1\xb8\xf1\x1d\x95\xb2\x0b\x8b\x9f\x8dB\x92|x\xbc\xab\xdb\xaf\xce].o\xf0\x12M\n\'\x14\xb4\xa2\xce\x80X\xebX\x01\x1b`=\xdb\x81(\x02\xb4\xe7v]\xec}\x0c\xc86[\xe8\xe4\xdc"\x00\xa0H\x9b(\x96\xac\t7o\xdf\xb1[A\xc9q\xdbb-\x01\xae\xa7\xe1g$\xf53w\xa3R4\xd9\xecX\xc9\x00\xe3_\'\xe4t\x8e\xe0,\rU\x96\xe4\x9fA\xb6\xe9\xc1_\x05\xa2\xfd\xe77MBb8\xc6\x10\x03yk\x1b\r*SkeG\xfe\xaf\xbc"\x9bB\xbd\xd3\xdb\xd0\xdex\xe4@))"(ZP\x98d\xb5\x8c\xa9\xd8\xd3\x16\xb1&amp;s\x9c\xfc\n\xa0PN\x9fW\r\xc2\x13\xf9$\x91e\n\xea\xda\x10\xbb\xd9\xb9Z\xd5\xb2U|?\xe3&lt;o\xcbq\x90r\xe2R\xc1\x83\xf2!4\xd4\x15j\xaf\xe8\x11#\xf0\x17\xe1\xbfW?q\xe1\xc5\xd85\x1d\x0bD-\x7f(\xce\x81\x96Y\xce\x17\xc2^\xa2\x98\xd6l\xd3/\x80\xc9K\t\x88$-\x97\xda\xa6\x1b\x1d\x8fV\n\xb3\xf7\xa5\xca\x16\xd1\xd3\xfc\x17\xe8\x0e;&amp;\xf0\xd5\x80\xe5\x16a\x0f\xa7\x1f\xf1\xbfO\xdeV\x15\xf4};Zt:I\xdf\x89\xd6_*+\xba\x120\xa3.AY\x15\x9e\xec\xf7\x1b'</t>
  </si>
  <si>
    <t>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</t>
  </si>
  <si>
    <t>b'\xd2P\xe3LDl(\x0b\x96\x11\xd0\xab\x94C\x88G'</t>
  </si>
  <si>
    <t>wily, old, experienced seaman 
 who could be trusted at a pinch with almost anything. 
 He was a great confidant of Long John Silver, and so the men</t>
  </si>
  <si>
    <t>b'+m\x90\x13\x97N\xd4\xa8!\xc0\x94\x87\xd3\x97P\xe54\xd8]!O\x1d\x90\xc2\x8b+\x81\xb5\xe1\xfb\x1c\x14}\xd1.p\xc1\xe3]\xd8\xed\xc0\x7f\x96\xaf\xf0\xf8\xdbZ\x03Bt\x11\xb2\xf8\x10A\x03\xbb\xc3\xafM.f\x1e6\xdf\xf2M\xfbp\')\xce\xd3\xba\xdf\xbf\xc4M\x14\xe6\xc3\xd9\xc77@}\x10\xb5\x8f\xa8\xec~\xdd\x9d\t\xbeN\xaes0\xb1T\xb6\xd10F\xbe\xb7f\xa8\x80O)D\xca\xa2\xa9\x12\x06|\x07\x0b\x05\x14\xbc\xa9\xa4T\x9at$\x02\xcc\xbe\xc0\x96\x08Oc\x8bW\xdft\xe1h\xadBU\x18\xc8\xc4I\x11p7c@|\xb6\xe0\x85\xb5\xc6\x95K\x90_\xd6U\xd9\x87\x81\xe7\x01z\xc2Z\xec\xa6\xee\xe7\xd7\xa0\xf7*\xcf\x90\xb0-\x8dz3\xfc\xdb\xcd\xce\xc4H`\x9b&amp;\xad\x87M\x9a\xec\xa3U\x89\x11\x0b4\x18$\x83AE\xa9\xe7r\x07\xf3\xb6\r\x87"\xe1\xe4\x9d\x822\xf1\xeb\x9f\xdb)o\xf0\x06\x8e\t\xd5j\x1d\xfa\xd9\x18\xb1\x1b\xb0w\x10\x85\xc2'</t>
  </si>
  <si>
    <t>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</t>
  </si>
  <si>
    <t>b'+m\x90\x13\x97N\xd4\xa8!\xc0\x94\x87\xd3\x97P\xe5'</t>
  </si>
  <si>
    <t>the foreign exchange market is
 risk. If bonds denominated in different currencies have different degrees of risk, investors
 may be willing to earn lower expected returns on bonds that are less risky. Correspondingly,
 they will hold a very risky asset only if its expected return is relatively high.
 In a world of perfect asset substitutability, participants in the foreign exchange market
 care only about expected rates of return; since these rates are determined by monetary
 Brazilâ€™s 1998â€“1999 Balance of Payments Crisis
 Brazil suffered runaway inflation in the 1980s. After
 many failed stabilization attempts,
 the country introduced a new cur_x0002_rency, the real (pronounced ray_x0002_AL), in 1994. Initially pegged to
 the U.S. dollar, the real was subse_x0002_quently allowed to crawl upward,
 depreciating against the dollar at a
 moderate rate. Because the rate of
 crawl of the exchange rate was
 below the difference between
 Brazilian and foreign inflation, the
 real experienced a real apprecia_x0002_tion (so to speak), lowering the
 economyâ€™s competitiveness in for_x0002_eign markets. In turn, high interest
 rates, bank failures, and unem_x0002_ployment slowed inflation, which
 dropped from an annual rate 
 of 2,669 percent in 1994 to only 10 percent in 1997.
 Rapid economic growth did not return, how_x0002_ever, and the governmentâ€™s fiscal deficit remained
 worryingly high. A major part of the problem was
 the very high interest rate the government had to
 CHAPTER 18 Fixed Exchange Rates and Foreign Exchange Intervention 481
 Brazilâ€™s Foreign Reserves and Interest Rates, August 1998â€“June 1999
 As devaluation fears intensified during 1998, Brazilâ€™s reserves fell and its interest rates rose.
 The interest rate shown is that on overnight loans.
 Source: Central Bank of Brazil.
 policy, actions such as sterilized intervention that do not affect the money supply also do
 not affect the exchange rate. Under imperfect asset substitutability, however, both risk and
 return matter, so central bank actions that alter the riskiness of domestic currency assets
 can move the exchange rate even when the money supply does not change. To understand
 how sterilized intervention can alter the riskiness of domestic currency assets, however,
 we must modify our model of equilibrium in the foreign exchange market.
 Foreign Exchange Market Equilibrium Un</t>
  </si>
  <si>
    <t>b'0E\x02 x\xeb4[{\xdd/mZ3\xb5 @\xa4Z\xbb\xd0\x0b\x02$\xb5\x8d\x11l\xb8r\xf4\x91\x92(\x0fo\x02!\x00\xe5\x94\xa8vq\xa8\x15\x93\x90N\xfd\xa5]\xe7\xc0kX\xc5\x1f\x18\tM\xc7.}c\x0b\xdc"Up\x0b'</t>
  </si>
  <si>
    <t>3045022078eb345b7bdd2f6d5a33b52040a45abbd00b0224b58d116cb872f49192280f6f022100e594a87671a81593904efda55de7c06b58c51f18094dc72e7d630bdc2255700b</t>
  </si>
  <si>
    <t>b'0E\x02 x\xeb4[{\xdd/mZ3\xb5 '</t>
  </si>
  <si>
    <t>"Very good," said the captain. "Now you'll hear me. If you'll come up one 
 by one, unarmed, I'll engage to clap you all in irons and take you</t>
  </si>
  <si>
    <t>b'\x1f\x8d\x93c\xfb{Y3\xa4\xeb\t2d\xb0M\xf0h\x06\x9bOGL\xa3\xb4J\xa1V5f\xf7)\'d\xda\xa9\x9b\x9bp\\\x04u\xc6\xc6~\xc2\x86\x0eM\x85"\xdc\xb9\xe1\xcb\xa4\x83\x1f`\x92\x96\x9d\xb8\x0c\xad\xb7\x97R\xfeP\xd83\xa5\x9b~C^\xf0\x1b\xe4\xdc\x85g^;k0\xb1b\xc8b{"$\xe1\x80x\xe02\x90\xba8\x93\xfa\x1b\xc7\x8c\x1f\xdd\xe3\x16\xe8/\x05\xb9c\xac\xf4\xdeZZ\xa5N\xeb\xc9\x96\xfdf\xb9\x97\x8e@f?;X(\x14\xeb\x1a\x14\xc8\xbai89\xccs~\x9d\xf1\x9f\xd4\x8e\x83\xff\xc5\xda\xebG\xd7]\x98O\xae\xe9\xc2&amp;\x87\xa8\xdd\x94\xf3\x92\x9b\xd9U\xbb$\xd9\x85\xa9\xfb\xd1%&lt;`][[%\xb3O\xa4\xf8@[L$\x01\x8f\xe9\x9c\xdc\x80)@\xe7\xb4\xba\x11\xc5\xc4\xc28\t\x80\x1b\x94G\x81\xd9\xa2\x85\x02\xc9\x03[\xa4&gt;\xf8\xd036K\x8aU\xd4\x89R\xfd8\xf0b\xc3\xdb\xcc\xca\xc7\xdb\x8f\xf1Yt\xd5\xa3D'</t>
  </si>
  <si>
    <t>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</t>
  </si>
  <si>
    <t>b'\x1f\x8d\x93c\xfb{Y3\xa4\xeb\t2d\xb0M\xf0'</t>
  </si>
  <si>
    <t>sh to determine
 the delay of this circuit with a fanout of
 four; i.e., if it is loaded by a similar stage
 that incorporates devices whose width is
 scaled up by a factor of four. Use SPICE
 to compute this delay.
 VDD= 1.8 V
 M 3 4 M
 M
 M 1
 2
 Vout
 Vin
 Figure 16.50
 16.62. Repeat Problem 16.61 for a NOR gate and
 compare the results.
 16.63. The circuit depicted in Fig. 16.51 is called
 a â€œring oscillator.â€ Assuming VDD = 1.8 V
 and W/L = 2 Î¼m/0.18 Î¼m for the NMOS
 devices, select W/L for the PMOS transis_x0002_tors such that the frequency of oscillation
 is maximized. (To start the oscillation in
 SPICE, you must apply an initial condi_x0002_tion to one of the nodes, e.g., .ic v(x)=0.)
 X YZ
 Figure 16.51
 17
 CMOS Amplifiersâˆ—
 With the physics and operation of MOS transistors described in Chapter 6, we now deal
 with amplifier circuits employing such devices. While the field of microelectronics involves
 much more than amplifiers, our study of cellphones and digital cameras in Chapter 1
 indicates the extremely wide usage of amplification, motivating us to master the analysis
 and design of such building blocks. This chapter proceeds as follows.
 âž¤ âž¤
 General Concepts
 â€¢ Input and Output
 Impedances
 â€¢ Biasing
 â€¢ DC and Small-Signal
 Analysis
 Operating Point Analysis
 â€¢ Simple Biasing
 â€¢ Source Degeneration
 â€¢ Self-Biasing
 â€¢ Biasing of PMOS
 Devices
 Amplifier Topologies
 â€¢ Common-Source Stage
 â€¢ Common-Gate Stage
 â€¢ Source Follower
 Building the foundation for the remainder of this book, this chapter is quite long. Most
 of the concepts introduced here are invoked again in Chapter 5 (bipolar amplifiers). The
 reader is therefore encouraged to take frequent breaks and absorb the material in small
 doses.
 17.1 GENERAL CONSIDERATIONS
 Recall from Chapter 6 that a voltage-controlled current source along with a load re_x0002_sistor can form an amplifier. In general, an amplifier produces an output (voltage
 or current) that is a magnified version of the input (voltage or current). Since most
 electronic circuits both sense and produce voltage quantities,1 our discussion primarily
 centers around â€œvoltage amplifiersâ€ and the concept of â€œvoltage gain,â€ vout/vin.
 âˆ—This chapter is written for courses that deal with CMOS circuits before bipolar circuits.
 1Exceptions are described in Chapter 12.
 801
 802 Chapter 17 CMOS Amplifiers
 What other aspects of an amplifierâ€™s performance are important? Three parameters
 that readily come to mind are (1) power dissipation (e.g., because it determines the bat_x0002_tery lifetime in a cellphone or a digital camera); (2) speed (e.g., some amplifiers in a cell_x0002_phone or analog-to-digital converters in a digital camera must operate at high frequencies);
 (3) noise (e.g., the front-end amplifier in a cellphone or a digital camera processes small
 signals and must introduce negligible noise of its own).
 17.1.1 Input and Output Impedances
 In addition to the above parameters, the input and output (I/O) impedances of an ampli_x0002_fier play a critical role in its capability to interface with preceding and following stages.
 To understand this concept, let us first determine the I/O impedances of an ideal volt_x0002_age amplifier. At the input, the circuit must operate as a voltmeter, i.e., sense a voltage
 without disturbing (loading) the preceding stage. The ideal input impedance is there_x0002_fore infinite. At the output, the circuit must behave as a voltage source, i.e., deliver a
 constant signal level to any load impedance. Thus, the ideal output impedance is equal
 to zero.
 In reality, the I/O impedances of a voltage amplifier may considerably depart from the
 ideal values, requiring attention to the interface with other stages. The following example
 illustrates the issue.
 Example
 17.1
 An amplifier with a voltage gain of 10 senses a signal generated by a microphone
 and applies the amplified output to a speaker [Fig. 17.1(a)]. Assume the micr</t>
  </si>
  <si>
    <t>b'\xa8\xfa.\xa6\\\xcfr^\x13\x07Bu,\x9e\x11\xd1'</t>
  </si>
  <si>
    <t>a8fa2ea65ccf725e130742752c9e11d1</t>
  </si>
  <si>
    <t>enter the market, increase supply, drive prices
 down, and thereby eliminate the profits that attracted them in the first place. If too
 many firms enter the market, theyâ€™ll suffer losses, some will fold, and prices will rise
 back to sustainable levels. Under perfect competition, in the long run no company
 makes an economic profit.
 The opposite of perfect competition is monopoly. Whereas a competitive firm
 must sell at the market price, a monopoly owns its market, so it can set its own
 prices. Since it has no competition, it produces at the quantity and price combination
 that maximizes its profits.
 To an economist, every monopoly looks the same, whether it deviously eliminates
 rivals, secures a license from the state, or innovates its way to the top. In this book,
 weâ€™re not interested in illegal bullies or government favorites: by â€œmonopoly,â€ we
 mean the kind of company thatâ€™s so good at what it does that no other firm can offer
 a close substitute. Google is a good example of a company that went from 0 to 1: it
 hasnâ€™t competed in search since the early 2000s, when it definitively distanced itself
 from Microsoft and Yahoo!
 Americans mythologize competition and c</t>
  </si>
  <si>
    <t>b'\x98\x14\xd2f\x19\xfa\x94\xe0\xa6\x165N\xab*\xd6y+\xc3}\xf1\xb3O\x07\xf8\x9d\xd3F\xdb\xc7\xc4%\x9e\x05\xd7G`}m%\xccm\x9eJ\x0fp\x8e\x88N\xfa}\xa0,\xd3\xfdX\xb8\xbd;L\x98\x18\xcfz\x8d\x7f\x0e\x9eb\x9d\x04\xb5\x1c\xb4\x98\xd1\xcf\xb2*\'$\x80z3\x88\xb0qJi\xb2\x9cB\x9e\xb3\x80\xac\x85A\x83\x1f\xa5\xcb\xd8@tt\xca\xb5?\x92\xba_\xcbs\xf22\xc2\x06v4\x85\x92\xac\xa8\xdd)u\x0469\x19\xb8\xee\x02\x00\xcc\\\x0bz\xc8\xa4y\x13\xd3\x1feuw\xe4\x81\x8f\xe2\xd4$\xe9x\xf2\xc2\xb3\xac;$A\n3\x19\x9b\xf0\xdc\x1ch\x11\x1e\xd5\x85=\xed\x97b";r0\xda\xab\x0f\x7f\xa8\xea\xcb\xbfk\xa4\xcd6\x977\xbd\x89D\x80\xe04\x04\xc3\xb8:\xcb\xda\xdb:\x10\xc3\x8aGC[`\x0c\xc8`G\xdb\xb5\xc1\r\x08.\xe2\xf7wb\xc4J\xfd\xb2\xc1}\xda[5Tp\xaf\xba\x1c\xc7AAH\x1f\x13\xb3\xac)AAR\x04\xf2\xd9\x99\xeeM;\x81\xe9\x1ap\x82eF\x90\x86\x83\xd7\xbb\xa9\xa0f\x19\xb9\xb2\xf6c\x0f\x97J\xf9\xff\xa9\x0e~.\xba\x99\x04V\x81\x8cs\xd5\x9f\xefx/K2\xe2\xc9A_\xd6\xb0\x0e\xbe\xc9\x1b\xe1\xaf\x9a\x1c#\xb1p\xce:(U\xf0\x8fd\x81\xf163\x80{\x125\xb8\x85\x11W\xbeZ\x7fW\xf9R\x97h\xea0\xd7\xc0\x9f7\x9f\xfd\x12W\xca\x1b\xcfK\x00c\xd1\x1bQ\x9f\xa9\x91y\x96\xca:\x07UU\x1f\xf8?K\xa9Pe\tN6;L\xb6F\xa7\xac\xf7\xd9R\xe0\xdd\xb4C\xa0;\xd4\xf3d\xad \x9f\xfc\x8d\xa1\x07\x07\xac\x7f\xed\x16\xf5c\x89\x821\xfe\x8dI\xd4\xcd\xa1X\xa3\xaf\x85\x01G\xedT\x89i\xc8y\r\xfa\x00\x0cX\xcb\xabz6d6l4\x83\x14)\xba\x16x_\xdeA\xa1\xcfj\xae\x18\xe3\x13(\x9e\x91\xb7y\xae@\'i\x92C\xaa\xb1 \xfd&lt;v\xb3\xdc\x88l(_S\xd6\xf0\x0cG\xb4t\xaee\x8e\xad&gt;\xec\xa5:\xcc/kQ\x05z%\xf7\xd5\xa8\x13\xa00\xc4\n\xb9\x06-\x8e\x85\xfc\xd8\xd7r\x81\xa2\x89%\xd66p\xcc\xbdh\x88W\xbb\x92\x13\x973\x87\xe1\xf1aA\x87\xf6\x96\x828\xea9c{^@\xccRI\\Ib\xb5\xe3gc0\xe0{\x9d\x1b\xa3\xedW\xf8#b2j\xabYr\xd3oL\xad\x98L\xd5B\x88\xf3\x0c\x9d.\x82z\xa7\xb6=\xc3\xa9\xf4\xe3\x9bG\x8c\x9a\xb8O8\xbf\x89\x9e\r\x87\xc0\xd5\x9b\xe2\x8b3\x1d\x7f{\x8ch&gt;\xae\xaf\x15\x1f\x8fU\xa4\xc1\xc4\xd6\xe0Z\x95\x87\x97\xef\xbd\x80r\x9c\x02\x10\xe4\xdc\xcf$\xb5\xd1\x90\xae\x93w\xe7d,\xb26\x12I\xb0\xc7\x80wP\x14h\xc3u\xde\xfd\x95_\xc4\xfd\xb2\x08\xee\x11\xc5r.\xd0\xab3|\x1d_\xa8/\x16\xaf}\xc2$\xb9\xbdE\xd7\x1d\x8e\xabJtp1\x18 \x1b\x99\x01\xf67\xc5v\xe3/\x00\xc0%mZ\\\x993\xfa\xa0\x1c\xa7Mm\x9cp_q\x93:h\xc4".+t\xcb\xe3\xbdl\x94\xd6IU\x0c\x8f\xde\xf5\x8c\x85-\x9f\x832\x90\xfb\x83B\xa5 ha\x87\x1c\x01-\xc5\x9cZ~\xb0\xa0\x18\xd6\x83\xc2\xf6\nF\r\xab\x088\x8c~\x8ep7\x7f\xd5\':\xa5\xc6\xe2F\xde\x0cx\x19\xb4\xff\x8c\x9b\x9d,s\xa4\xfai\x07\x9a\x93\xc4|t\xe6*\x03\x96\xc6\xbb\xd4\xa4\xb1\xa8*B\xa2a\xfd8\x02\xb2\xaf&amp;&gt;\xdaQ5\x13\xa9\xa0\x00C\x9cF\xabj\xf0\x80\t\xf4e\xf1N\xc0\xa6u\xc7f\x0c\xeb3\xf5:\xc8\x91=\x90\xb5\x9e2\x01\r\xde/\xf3\xb65X@\x94\xe2\xd2\xa7\xf3\x147\xe5\x80\x145\x0c\'\x17\xa9\xbfB\xa4\xe7\xa5\xe8\xfc\x02\x99\xca,m15\xcd\x1aa\x1e\'\xe2=v\xf6\x95\x9e:\x9a\xb1\xe5\xa7\xb9P`\xe3\xa2sW\xca\x01\x92S\x90\xcc\x9d\xff\xcd\xc4\xe5z\'\xe5\r\xcb\xf8\xec\x0b\xbfO\xd4\xcbk\xc5\xb4\x9f\xc4\xad\x91\r\xcf\xc2\xe0b\x94\xc5n\x8e\xa5C\x1a\x97\xa3\xba\xabA\xfa\x87q\x9b\x85\xaf\x16bq\xc1$\xd9\xfd#\x1b/\xbcK\x13\x84\xe4\xabb\xd27\x83\x98\xe8\xa6%\xa3T\x9a\xf6\xcc\x1b\xb0n\x0b\x08\x8c\x86\xbbCb\x1b@\xf9~\xb9\x18Icw\xb5\xca\x04\x89\xdc%\x85\xdaaB\x85\x1b\xb2\x17\x83QBT\x12\x19\x9d\xd3l\x01\xfa\x94\xadxL)\xc3\x8e\x06r\x01C\x94\x10\xd6\xd2\xbc\xeax\tQ\xe2\xd9\x89\xac\xa3\x80D\xbcq\xd23h\xbc\xe5\xb7\xbc0\xce\xd4\xbf{\xcd\xd3)X+\xc9\xa7\x12\xd3^\xd8G\xdag-T\xfb\xaa,\xdf\x15\xa2\xce_\x80\x88\xb7K_L\xb3\x90l\x19\xb4\xb6$\x03\x90s\x8b"\xc4Mc\xcf\xcf\x8f\x0c\xadh9\x1f~\xac\xe3k\xa01]\n\x97+k'</t>
  </si>
  <si>
    <t>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</t>
  </si>
  <si>
    <t>b'\x98\x14\xd2f\x19\xfa\x94\xe0\xa6\x165N\xab*\xd6y'</t>
  </si>
  <si>
    <t>og
 version of CozyPhones. It took off even faster than the original
 product heâ€™d put on Amazon.
 â€œLittle kids donâ€™t like earbuds or big, bulky headphones,â€ he said.
 â€œIn addition to being comfortable, CozyPhones are volume-limited, so
 itâ€™s safe for their ears. Kids loved them, and parents loved them, too.â€
 Discovering this niche market made all the difference, and Paul
 ran with it, creating a bunch of animal themesâ€”unicorns, bunnies,
 foxes, and cats.
 Then, out of nowhere, Paulâ€™s product took off with an audience
 heâ€™d never expected.
 CozyPhones were a hit with kids with autism and sensory
 processing disorder (SPD). At the time, Paul didnâ€™t even know about
 SPD. When he realized the benefit, he started joining Facebook
 groups for autism and SPD and offering free samples. He asked
 families to use his product with their kids and give him feedback.
 â€œThe thanks from the parents of those kids felt incredible,â€ Paul
 said. â€œI felt like I wasnâ€™t just selling stuff. I was helping families.â€
 CozyPhones still sells a lot of adult sleep headphones and
 continues to expand this category as well with Bluetooth and different
 styles and colors. But expanding into the child audience made all the
 difference.
 The next big step was moving into licensing. Paul now works with
 Nickelodeon; CozyPhones makes exclusive character headband
 headphones for Paw Patrol, Teenage Mutant Ninja Turtles, and other
 franchises.
 The worst obstacle? â€œCopycats,â€ he said. â€œFrom day one, they
 were there. A hundred popped up overnight selling my exact product.â€
 As a result, he has a patent pending on CozyPhones. When he gets
 his patent issued, he plans to deal with the competitors. Right now, he
 is constantly innovatingâ€”always trying to make it a little bit better
 than the other personâ€™s.
 He believes itâ€™s critical to get out of your tunnel vision of how a
 product could be effective. â€œI had no idea where my product was
 going to hit, and I was really surprised by the ways people used their
 CozyPhones. I never would have imagined the audiences Iâ€™d reach,â€
 Paul said.
 He advises trying to think outside of the box in terms of audience
 for the product. Can you modify the product and make it work for
 different groups? For example, heâ€™s recently created a sweat-wicking
 CozyPhones headband for runners.
 Paul scaled up quickly, and he plans to keep scaling with the
 licensing relationships heâ€™s building. â€œI thought in the beginning being
 a million-dollar business would be amazing,â€ he said. â€œI believed it
 was possible, but I never dreamed that within three years Iâ€™d do over
 four and a half million, while still working from home.â€
 B
 10
 Step Eight: Getting to $100k per
 Month and Beyond
 uilding a million-dollar business in twelve months is a great
 accomplishment. Itâ€™s like a rite of passage.
 Iâ€™m proud to have helped hundreds of entrepreneurs hit that goal. But two
 of my friends, Josh Bezoni and Joel Marion, make that accomplishment look
 like chump change.
 When they started BioTrust, they set out to create a health and fitness
 company that would leverage the relationships that they had built over</t>
  </si>
  <si>
    <t>b'\xc6\x9c\xdf\xda\xcf\x1e\x84&amp;\x00W\xa2\xadV\xc0\xe3B\x86\x1e\x1f_\xbc\x08!\xb5%\xdc\x19\xe3&gt;\x9c\xb3oO\xa3\xe3=\x14\x9c\x9cS\x84,\xf4\xf2\xd2\xe8\xba\xdc\xcaW:\x0f\x9b;d\n\x10g\x15\xe6\xa6\x0c\x05Od\xc7;\x9dB{uq\xf1\x8f\xea\x98f\xd0\xc2\xf4\xe0:\xd3\x1cf\x92\xef5\x1a7\xfe\x15\xa6\x98\xb0\xeb\xa5\x99P\xac_\xa8\x11{\xd1\x93\xc7\xc6\xb9\'\xdfG\xd1g\x003L\xe3P1\x8b\xdb\xe4\xa1\x9cw\\lp\x0f[\x9b5\xd2V\xbf\x8c\xc2f\x1f\xff\x11\x8dX;-V\xe6^\x04Qq\xd3\xffg\xa3\x87\xa5\xa2\xfb\xacG\xde\xd4\x12\x15\xc0\xe6`V&lt;N\xf6,\xed\xbb\x87\xad\x9a\xbd\xb7\xa9Y\xce\x19\xfc\xc5\xb8\xbbJ\xa9\xc7WK\x0e$\xb5\x10$\x9b\x94\xbemF\xd13\xa6\xf3\xf5\x98\xef\x8c \xa8\xbcw%\x9fd\x13\x7f\x1eF\xe8\xf5q\xe7\x0b\x07\x98\x95\xcf1\xecl\x1b\xb06\xb7\x19q;\xef\xc0&amp;-l:b\xc2\xc6\x10\xfa,m\x89\x07\r\x02\xdf\xe7\xe3\x05#\x80S\xc4nI`\x0b\x00\xeer&amp;\x8f\xab\xe1\x85\xb9P\x99\xcf\xf2OFw\xfc\xd0\x8eaI\x0c\x9c.\x83\xf3\r\'\xbb\x99[B\xc1\x96~h\xcfB\xa64\xb5\x85\xdd\x85-7Z6\xc5\x1cx\xcd\x80\x90\x8fx\xbd(=0|@\xaa\x1d\xc9EV3\xcf1iL\xbfx7\xa0\x08\x8c$\xce\xaaq\nJ\xc9o+4:"\xc7\xd8(\x1c\xc9\xfd\x91%\x9e\xf1\xa4~\\\xdc]\xb8\x86\x8d\xe6\xf4\xab\x8a\xe0"\xd8\xa1\xe3\xe7w4\x07\xba4\x11\xb9d\x93\x07\xa9U@\x82\xa8;@\xf5\xc8\xaa\xcc\x15\xbe\x0f\xbat\x8ct\xde\x8d\xb4p\xb9gy\xed}g\xe34\x82B\xf3\xde\x03x\xf8&amp;\x1b1!\x9ex\xcc5\xb2hK\x0f|U\x1f&gt;1\xdb\x8bn\xd3\xc2\xa0t\xd9\x999\x00M\xcaw&gt;\xb0\x12\x08I}`\x9d\xd4\xe3\xfe\xeb\xdfDYc:\xdf\x12\x1b\x01\x93\x95`?\xd2\xaa\x93\x1e\xd3IX\xf0W:`\xfb\xa6\x00\x88v\xee\x8e\xe7\xc1\x1e ,\xd8\x94r\xe8\xc8\xf8u\xbcR\xbcO+\x94\xdeq\x05\xc3\x8d\xa9\xda+\xe2\xd9PE\x04\x80%\x88\x99/\xdd\x04\x9c\xa2F\x97v\xeb\xc5\x9dY\x04\xf2r\xe6\xe50s4rb\xc9\xa6\xf6\xd9"C\xe22\xf8P\x93\xf8\xb3+\xb7L\xd0r/a\x15/a\x1c(\xc6\x08\xb2(\xe1\x12\x88H\x859d6\x1f\x91\x18\xf6\x8b\xe4E\xc2\x81\xa5y(1\x1f\xc6\xb1\xcc\xcd\xd6\x91\x1e\xa6%\xf0zh\xb0\xf6Y\xda\xed\xc9c\x82\xd2_\xed\xd7\xaf\xea\xc7P\xc3Sm\xe1\x02\xe0\xed\xa5IO\xe5\x00\xa1\x1c\xc5\x1auV\xd5+\xf7\xea\x89\x9e\xb4\x16\xf2FG\xc4\x7f\x1f\xb7\xdd\xcd\xc6\xfdEV\x87\xa0\xcb\xfc\x9b/\xe1\xb1m\xff&lt;V\x97\xb40&lt;\x97qp\xba\xb0\x01\xa8[+\xa2\xdf\xe1\xcfU\x9e\xcf\xc5\x82\x7f\xf9\x88\x9f\xe0\x12;\xd9&gt;T\xffj[\xd6\x0cG\x88%\xa4K\xdaq\x15j\x1a\x04\x19Dnb\xf1S(I\x0c\xf6\xfa\xc9p\xcc\xe6\x04 *\xf6S\xf0\x1c\xa6\xe0\x8a\xd4w!\x12#\xa1\x93\x13\xce\xea?|\'=\x9a7\x8d\xa3\xc1~\xd6\x03\x19\x99ZFg\x1d\x86\x02\x17\xc8\xf3\x1c\xb5v\xf7\x0fe\xebl\xc8p\xf0\\\xa6\x08\xc9\xf3a\x8d\xbdp\xd6 \xa6I\x95\xd2\xbc{\xc2\xd1\x10eh\x1c\x82\xb1\xb6\x1a\xd5\xe0\xf4\x88\t\x14\x90o\xc0\x0es\xdf\xdc1$b\xa39\xa0p\x9c\xbc1\xe1-M\x1cYD\t\xb8\xcc/\xa4\x88\x99boDe\xe5\xee\xf9\xe5\x1e\rt\x05%\xea\x84\x89\xe6Y\xc2\xb4\xac\xa2\xb5\xa0\x86\xdeY\xaa\x8a\xc8E\xae\xb2\x86\xa6\xce\xc4{\xd5\x12\x91\xfc\x8c\xd6V\xeb\xe2\x06R\x03\x92\xf7\xf3\x88\x13\x10\xf0\xea\xea\xbb#EBQ\x08\xd8&amp;\xf9k\x90\x0b\xff\xb2o\xc0\xc7_\xd8\xe75\x8d&amp;Y\x87\xa0h\x1d\xc4\x9e!\xbf\xc7i9/\x14\x19\x8c\x86\xc4\r\x1b\xdb\xdb&lt;vfm\x1b`M\xfa\xe8!&gt;&gt;*\xe2\x1d\xbeJ\x12\xcc*H\x92)\x97\x91\xd7\x19\x960\xaf\xc1\x17\xa5\xbd\xdb\n\x85\x8e/Au\xd0\xc9\xf4\xa3\xb2\xa0\x94\x1f\xe4q\x83\x19\xce\x94\xaa\x1b=\x88\xfd\x88|\x9e\x8cH\xacJ\x84v\xcbI\xc7\x7f]\xf1\xd3P\xfc"x\x01\xbd\x8dq0\xa8\xe8h\xb7\x8e\xd0\xf4}F\xdc\xeb\xc0\xe7\xfc\xe0\xac\xee51\x8b40\xc5!\xb3\x9e,\xe10\xa2\xc4%h\xc6\x1f"[\xbcp,\x01\x15\xba\xb0\xe3\xde\nw\x8b\xb2`WL\x81\xa9\xee\x8dL\xaf;\xd4\xd50:\xa3\x15)O1o"\r\x99\xcfo\x0fq\xa3\xd7\xa5g%\x12\xde\t\x87\xe0r\x17O\xf0\x1e\x06\xca\x03O\xf7G\xc8\x1a\'\xb5\xfe\xa9G\x01\xc0\xfe\x17\xdc\xa9\x00!\x10\xb7x\x04\xa1\xc3\xdd\xc6/b4\xcci\x89\x96\xfb\x0e0\x19\xaf\x890(\xc0\xdcqg\xc2V?\xe2j\x05Tk\xb6f\xb8\xc3+J\xcaN\x88@x\xcf:&lt;\x07\x8b\x14\x8f\xbbBW\xcdO\x84\xae\xedl%\xfe\x89\xf1a\xca\xb2\xadd\x1dE{a\xa0x\x00v\x83\xd3m\x13\xb9\xb5\xb3z\x9f\xf6e\x91\x07&amp;*\xefeA-\xaa\xda:s\x0f\xc7B\xa4%L)&amp;b(\r\x86\x9d6=\xa9\xb3\x838l\x15\x81\x83\x98\x9f\xacKDh\x89\t\x96\x0eSC:\xaa\t\xa0\xb5\x1e\xea&gt;\x89\x9c\xe2\xf1\xb6\x11x\xbf.\xb8\x98\xc9B\xd2\xc1\xf3\x01x}^S\xdd\xf5\xdc\x9e\x10\xb6\xad\x8e\xd4\x10\xc9\xf5\x89\xd6_\xdaz\xd9\x0b\xae\xf5z_C\xc2ZGD\xee\xafe$-m\xe2\xd7\xb3t\x03(y\xf8\xe0c\xdbbFz*O\x18k\xf3w\x05{\x97n#\xeb2)\xbf\x9f\xcf\x1b\xb8\xe4\x9e3]\x82.\xadu{\x80\x7f\x15IQ0\xe7JR!\x11\xac\xc5;&gt;\xceP\xfd\t\xd0Nm.,,V\xb5:\xc4\x82\xe0\x7f\x00\x88\xe6\x10\xb5\x85\xd9\xa1\xc3\xd0\xe0\xdc\xad\x13\xc12\xc0q\xcd$_\x8c0\x078\xdel\xfa\'TI\x13\xe4\xcc\x02ZQ\xfdF\xbc]\x07u\xcd\xe1z\x10\xc9\x9d\x1a\xe92\xb0ZY\xe3\xf4\x81\xdbbj\xfb\xae\xde\xc9{\x0f\x81\xd5\x86\xd1\x90\x9ac\xd2\xdf?4\xd7\xd0\x19x\xb6\xb4&gt;\x8b\x92\xdb\xb9\xf1=:q\x9cs\x02\x13\x01\xaa\x05c\x1cs\xb7\xba\xf8\xe3\x90\x97\x90%Q\x02\x14\xbe\xd7\xc7\x11\x1b\xe4\xe3hJi\xe0=\xe9X\xf4{\xc0\xa4I\xe1\xb3e\x1c\xbel\xc7Cwv\x0e\xe1\x06\xa7\xb8\xf7\xe7\xf5\xbb\x1d\x9c2\xd2\xec\xe8\xac\xc3\xb1\xb459O\x01W\xcd\x9d\xc3\xb5\t\x07\x04k&amp;[\x90\xec\xaa\xa8\xf7*\x0f:\xd5\xe4\xc1\xe0\xdc\xfb\xc3\x84X\xdd\x89h\xfe\x96}\xf1\xd8\xbc\x8b\x9e\xf0L\xca\xa9\xc1\x1b6\t\xeb\xb4Q\x0b\xd2c\x0c\xcb\xcf\xd3\x0eB\xf4\x8f\x13\x15x\x05\xfc\xb6\x13N\xeb^\x14l\x84R\x01P\xf7\x99\x05\x085/\x1f\x01\x1e;\xc4X!\x96\xe1\xef&gt;\xc6Wn\xb8v0j\xc7V\xe5\x08\x10\x957\xeev\xee\x8f\xa1\xed&amp;\xf4\xb0\xbc\xbb\x9e\xb5\xf0s\xd3\xb0h[\x1b\xb5\xe3\x80K!\xae\xd4\xa0\x15\xffD\x9c\xda\x0b\x02\x8e\x85\x89\xd9?\xba\xe4\xf4@\xf8`R\xc03\xef\xf1\xca\xfb^\xaf\x151L\xf4\'t\xa0\x8e\xf6-`\x95\x1e\xda\x05\xda\n\xec8W\xdeh\n\xf7Td\xd5\xb41\xfd\xc4\xc1\xb7\xb0\xfb#\x10\xd7\xedM\xc3\x00\xda\xdd!)}\x89\x85\xc0\xa5\xb3\x81\xc3\x04;\xf1R\xe55\xa3\x99F\xf9\x173@\xed\x83\x8f\xc6J\xe0\xa7\x10\xa9\xac.\x9a\xbbX\xe7\xd6\x8e\x04H6\xee\xfeE\xf9\x1f\xfc\xee-;\xf2\x87D\xce\xcf\xb9\xb4@\xcb\xd7Q\x1f\xb8\xdbH\xbc\xd0\xf6\xfe8sh@\xc4Iu\x05tG\xf6\xb9\xfa\xc7\x15Qi\xac\xc1~R\xe4\x87\x08}\xbe\xcf\xe9\xe6f1\x14\x80J\xaa\x1a\xa2\xcf\x05#\xe1d3\xf4\xd4\xab\xc0\x95X\xac\xdf^r\xebeQ\xc2&lt;\xd06\xae&amp;i\xed\x99"\t\x1f\xb1\x9e\x02}\x1d5\x9cg\x80lY\xd2\xf6\x12X5Gl4B\x086\xe9F\xbd"\x9a\xccl\xc9L\xd0\x1f\x12,\xcaKPy\x1ajr\x85\x1f\x1b\xe0\xe3\t]\x1f#RUJ?M\xeek9\x14\x85\xc0\x8d\xc0v~\xcao\xda\x90\xce\xa1JW\x9aE\xf1\xa7aG`\x83i\x0b\x0c(6\xa2\xf4&lt;\x9d[\x95\xfc\x90\xb1`)\xae\xac\xd6w;w\xc3\x03\xa5\x0f\xeb\xea\xab\xa2)fn^\x94\x99m\xd6\x02\xdf\x889p\x0b\xbc*P\xdd\x8eL\x19\xffG\x96\xe7=Y\xf73\xc7\x96\xb5w \x94z.\xd1\xeaL\xbb\xa8\xbe\xd2\x8f\x1b\xf0\xda\xbd\xb8T\xbf-\xdd$-\xc3n"\x8fW0E`\x9a[~C\x02\xa5M\xe8,Kjk\xb4Q1\x07P\xb6\xa6\xb4S\x0c1\xee\r\xa0\xdc\xc5\xf0\xb1k\xd5\x1d\xd9\x1f\xe6\xbb\x98\xc8g\x80\r\x03\x08A\xe4\xc7\xc7\xcd\x0b\xe0q\xcc\xf8\xf4#J\xba)\x014\xfd\xd0\x14V\x88\xf4-\x86\xb9\x0b\xda\x84\xce\xfa\xba/x\x88\x9a\x9d&gt;\xfd\x13\xa1Q!\x9f.Go;\xe4\xfe,\xb8;i\x88\xccQ\xd3/\x0e3\xf0\xc8\x8f\x9a\xa0\xd1Otw\xf7\x91\xabG_\xe9\x0b\xe7\nm\xfc\xa1\r\xb9\x865;C\xe1\xc3\x91y q\xf8\xab\rSiCtE\xeaPp\xab]nh%\x93\x8e\x0e\x97;\xb3\x93\x9c\xaa\x01\xfb\x1bYA\x83Q`\x04\xed!\x85VD\x81\xfc\x96\x1f^\x87\x8dD\x8b\x14\xe71\x92W&gt;s\xb6[\x16_\x95\x92n\x82\xfc(\xce\x1c\xd14\x88\xe1\xbd7\xc2\x1d2\xae5\x96\x04\x19\xef\xa2)\xc6\x0b\x92\xba}+A\xd1k\xd7\xc2L\xe2!\xd6\xb1\x1d`\xec\xd4/\x9b\xee\x94\xa7\xe2]Z\xe8\x8b\x90i\x13\xd7\xcf\xa91\xfc;\x91\x15\xc5\xde\xf2\xbd\n\xecx*3\xc9\xa2\xad\x07\xb7\xdbm\xd9H\xc2\xfc\xcf\xfeK\xbe\xcb\x84\xd1\xcb\xd3?Q\x8aP\xaa\xb1\x82L\xf1YO\x9e\x99#\xdb\xee/0\xa4\x13n9O~=mX\x1dx\x1f\',\x15N\x07\x07$\x85\xdc\xfc\xba\x82\xe6\x99w[\xe9\x04V\x818\xbei\xf8\xca\x87Bq;\xdd\xbf\xa3\xb9o\x1f\xa6q+[Na\t\xd5\xc7@\xb5\xf4\x04M\xd2\xc3\xfez3\xfd\x89\x11\x9d\xe2\xd6X\x1c\xb8\r\x13\x92\xd2\xfa1Uw\xd8\xc7\xf2\x8b\xb88YW\xbb\x15\xd9\xf0~%55!g\xb0c\x8b\xa51ia\x9ft\x9f\x97~x\x03\xa2!\x9e_\x03I\xd4^\xb8\x14\x91\x11g:\xb5C\xb0w\xf9\x9f\xc2\xad@\x1cY1S\xe3\xd0\xc4]\x01\xa1F8\xbfR\xe5\xa8\xf7\x88`\xd7vH\xc9\x85\xe5\xe6\xe8M"\xd6\xc3C\xa1/7\xf6\xc4T.\xe0`8\xcf]\xe5?2B\x9c\x06^\xeaa\xf6`k\xc9\xfey\x03\xae\x95,5\x15\n\xe4\xe0\x96\xb3\x99q\x8f\x7f\x81\x1a\xca\x15\xfd\xf2s\xaa\x91\x96\xdd\x17\xbe\xc8\xe2\xbd\xf2\xd7(b[\xdc\xa0\xbf\xedqr\xd7BtB\xc2\xf9+3\xc50\xe4l^MK\xaf\x93(\xc2\x8b\xf6ID#m\xc6L$\xf5\x88R\xf1\xab\xca\xabn\xdd\x8b}i\xc1E\xcf\x9d\xfc\xa7~\xf38LR\xc2\xca\x8d\xa5\x07\x8c\xed\x00\xfd{,-\xa4^\xe5\x05\x13\xba\xa4f\x15\x1e+7\x1e\x89\xacv\n\tw\x8c\x13$/\x1fJf\x8c/\x02.t\xa3\xb4\x9a\xe1$-\xf6;\xbaor&amp;\xb0\xe2\xfb\\]#\x02\x04\x96\xe9d\x8c;\xf2\x88\x13R=\x1e\x1f\x8e\x1c\xa4\xe9\x0ct\x85T*4\xc1&gt;\xcd\xdc\xe1\x0e\xf3\xe8S\xd5\x13\x96\xb2,\ru\x12\x149\x8c\xb9\x02W]3Zah\x0bO}\xd2\x0e\xc9m\x8b\x87\xbb\xbc\xea\x0fA\x1a\xd5\xbb\xf9\x9f\x0eF\xaa\xddWC\xd1\x93\xc9\xd1\xd5\xa1\xfa\xd7\x95\x1f\xdd\xb0\xba\xe55t\x8d\x83\xee\x07\xf7k\xcbv\xa4\x9dW9j\x10\xf83\x9b\x8a\xa1\x01\x8c\xf2\x87*[V&lt;\xb59\xb7E\xe3\x1cL\x7fC\xa1\xc9\xa6X\xe1?\xd1\xbfh8ur5F\xf0\xb7Oc\x16s\xdc\xa7\xaaY\xf5|f6\x03\'\x84+N7[qU\x04&gt;s\x9dj\n\xe3\xb4\x96\x16+\xbd\xb4\xcaw\x9deU~\xa1\xd3\x19\xa8\x18V4,x\xc2\x08\xd0\xd1\x83\xba\xa9bz}\x82\xc6\x8a\xd7\x03\xeb\xe1\'c\xa5\xf5\x99\x9bd\xf8\xe2\xef\xdc;\xefGw1\xbd\x86t\xa1/\x02H\x1bu\xb6\xb5\x19\xff\xce\xa9\x84\x0c1H\xbfjc\xb9u\xf9\x9e\xa2\xba\x93\x02\n\xfc\xde2\xa9\xf0}R\x89*\x0f`\x1b\xe5S\tb\xae\xf1\x8a\xea\xf9\x84\xa3\xe9*8\xa7ROv\xa8p\xa6bo\xc0\xb0\xe8\xed\x07\xb0K\xeb\x9em\xdc,5\x97f\xbaD\x99\xc5\xe1]\x15/,\xec1\xa2\xc3t\x1e\xea\xf6%}\x92\xb6\xf9q/;\x83\xba8L~\x8d\xd0_\xf2v\xb1/7\x1f\x01}{\x03Q\xd5'</t>
  </si>
  <si>
    <t>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</t>
  </si>
  <si>
    <t>b'\xc6\x9c\xdf\xda\xcf\x1e\x84&amp;\x00W\xa2\xadV\xc0\xe3B'</t>
  </si>
  <si>
    <t>le, and picking
 up the top volume, turned over its leaves quickly. For the moment she
 forgot her discomforts.
 "Ah," she cried out, "how beautiful! Carlyle's French Revolution. I have
 SO wanted to read that!"
 133
 "I haven't," said Ermengarde. "And papa will be so cross if I don't. He'll
 expect me to know all about it when I go home for the holidays. What
 SHALL I do?"
 Sara stopped turning over the leaves and looked at her with an excited
 flush on her cheeks.
 "Look here," she cried, "if you'll lend me these books, _I'll_ read themâ€”
 and tell you everything that's in them afterwardâ€”and I'll tell it so that
 you will remember it, too."
 "Oh, goodness!" exclaimed Ermengarde. "Do you think you can?"
 "I know I can," Sara answered. "The little ones always remember what I
 tell them."
 "Sara," said Ermengarde, hope gleaming in her round face, "if you'll do
 that, and make me remember, I'llâ€”I'll give you anything."
 "I don't want you to give me anything," said Sara. "I want your booksâ€”I
 want them!" And her eyes grew big, and her chest heaved.
 "Take them, then," said Ermengarde. "I wish I wanted themâ€”but I don't.
 I'm not clever, and my father is, and he thinks I ought to be."
 Sara was opening one book after the other. "What are you going to tell
 your father?" she asked, a slight doubt dawning in her mind.
 "Oh, he needn't know," answered Ermengarde. "He'll think I've read
 them."
 Sara put down her book and shook her head slowly. "That's almost like
 telling lies," she said. "And liesâ€”well, you see, they are not only wickedâ€”
 they're VULGAR.</t>
  </si>
  <si>
    <t>b'\xc8\x14\xe1\xd2\xb9\xcdg\x19'</t>
  </si>
  <si>
    <t>c814e1d2b9cd6719</t>
  </si>
  <si>
    <t>avenue to where the white line of the hall buildings looked on 
 either hand on great old gardens. Here Mr. Dance dismounted, and 
 taking me along with him, wa</t>
  </si>
  <si>
    <t>b"\x90wR\xc7\xdd\x96\xf8d\xc1r\xd1\x1d\x07\xa6i'p\x0b\xed\x83\x9e\xde\xa5\x12g\x19\xe3\x84~\x05\xe5R|\xf2}\x02\x83L\xda\xdeD\x8a\xedo&lt;\x9eP\x9c\xf8H\x87\x9a\xf9\xe9&amp;\x8c\xea\xa9\xb3\xc1\xa5\xcb\x01f\x0b\xde\xc7\xd2:\xdf\x86H\x8d\x08\xeek\xd4&amp;E~\x1be\xf6j\xeb\xb8e\x81&gt;?\xb4@l\x89\x87iuF_\x1f\xe6\x94\xd6M\xe3\xb7v\x8fg\xb9\x83\xc8r\xb6\x89\xf3*\xb9XGN\x01e\xbbn(?\xdd\xfan*\xccQ|\xde\xf4.\xcb\xbb\x8c\x92\xae\xa7I\x94\xf84|\x06zvS8\xcbb\x7fE\x1d5\xce'\xee\xce]\xb9J\xb6\x84Y\x88F\xcdc\x0c\xc4WH\x0bJ\xd31\xb7\xdc}\x146\x01\x8f\xc0\x16q\x13\xc8\xff\xc8?k\xa8\xd3\xf2\x83\x19\x99\xefk\xcb2H\xd3]\xeb/\x8e\xde\xe3\xc4\x90\xf7\xfe\xa3\x82\x05n=\xe4\xda\xb1\x08Q\xb8`e\xa0\xbd\x1aH] \x81\xb8i\xc0F%*\x9aX_\xe8\x98\x06\xdb@`q\xeb"</t>
  </si>
  <si>
    <t>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</t>
  </si>
  <si>
    <t>b"\x90wR\xc7\xdd\x96\xf8d\xc1r\xd1\x1d\x07\xa6i'"</t>
  </si>
  <si>
    <t>ened to the birds,
 then he sang himself, and read out of the little brown book he is so fond of, then
 wandered round the meadow, and down by a little brook, where he picked the flowers
 and the hawthorn, and tied them up with long sprays of ivy; then he gave me a good
 feed of the oats which he had brought with him; but the time seemed all too shortâ€”I
 had not been in a field since I left poor Ginger at Earlshall.
 We came home gently, and Jerry's first words were, as we came into the yard, "Well,
 Polly, I have not lost my Sunday after all, for the birds were singing hymns in every
 bush, and I joined in the service; and as for Jack, he was like a young colt."
 When he handed Dolly the flowers she jumped about for joy.
 90
 Chapter 38. Dolly And A Real
 Gentleman
 Winter came in early, with a great deal of cold and wet. There was snow, or sleet, or rain
 almost every day for weeks, changing only for keen driving winds or sharp frosts. The
 horses all felt it very much. When it is a dry cold a couple of good thick rugs will keep
 the warmth in us; but when it is soaking rain they soon get wet through and are no
 good. Some of the drivers had a waterproof cover to throw over, which was a fine thing;
 but some of the men were so poor that they could not protect either themselves or their
 horses, and many of them suffered very much that winter. When we horses had worked
 half the day we went to our dry stables, and could rest, while they had to sit on their
 boxes, sometimes staying out as late as one or two o'clock in the morning if they had a
 party to wait for.
 When the streets were slippery with frost or snow that was the worst of all for us
 horses. One mile of such traveling, with a weight to draw and no firm footing, would
 take more out of us than four on a good road; every nerve and mus</t>
  </si>
  <si>
    <t>b'\x9aV\xcc\xe9;\xbe\x9d\xe5'</t>
  </si>
  <si>
    <t>9a56cce93bbe9de5</t>
  </si>
  <si>
    <t>nd the moon! Moon, indeed!
 moonshine more likely! If one listened to that sort of people, a
 pretty sort of time one would keep! I was sure that the sun
 would some day regulate itself by my watch!â€
 Passepartout was ignorant that, if the face of his watch had
 been divided into twenty-four hours, like the Italian clocks, he
 would have no reason for exultation; for the hands
 of his watch would then, instead of as now indicating nine
 oâ€™clock in the morning, indicate nine oâ€™clock in the evening, that
 is the twenty-first hour after midnight,â€”precisely the difference
 between London time and that of the one hundred and eightieth
 meridian. But if Fix had been able to explain this purely physical
 effect, Passepartout would not have admitted, even if he had
 comprehended it. Moreover, if the detective had been on board
 at that moment, Passepartout would have joined issue with him
 on a quite different subject, and in an entirely different manner.
 Where was Fix at that moment?
 He was actually on board the General Grant.
 On reaching Yokohama, the detective, leaving Mr. Fogg, whom
 he expected to meet again during the day, had repaired at once
 to the English consulate, where he at last found the warrant of
 204
 arrest. It had followed him from Bombay, and had come by the
 Carnatic, on which steamer he himself was supposed to be. Fixâ€™s
 disappointment may be imagined when he reflected that the
 warrant was now useless. Mr. Fogg had left English ground, and
 it was now necessary to procure his extradition!
 â€œWell,â€ thought Fix, after a moment of anger, â€œmy warrant is not
 good here, but it will be in England. The rogue evidently intends
 to return to his own country, thinking he has thrown the police
 off his track. Good! I will follow him across the Atlantic. As for
 the money, Heaven grant there may be some left! But the fellow
 has already spent in travelling, rewards, trials, bail, elephants,
 and all sorts of charges, more than five thousand pounds. Yet,
 after all, the Bank is rich!â€
 His course decided on, he went on board the General Grant, and
 was there when Mr. Fogg and Aouda arrived. To his utter
 amazement, he recognized Passepartout, despite his theatrical
 disguise. He quickly concealed himself in his
 cabin, to avoid an awkward explanation, and hopedâ€”thanks to
 the number of passengersâ€”to remain unperceived by Mr.
 Foggâ€™s servant.
 On that very day, however, he met Passepartout face to face on
 the forward deck. The latter, without a word, made a rush for
 him, grasped him by the throat, and, much to the amusement of
 205
 a group of Americans, who immediately began to bet on him,
 administered to the detective a perfect volley of blows, which
 proved the great superiority of French over English pugilistic
 skill.
 When Passepartout had finished, he found himself relieved and
 comforted. Fix got up in a somewhat rumpled condition, and,
 looking at his adversary, coldly said, â€œHave you done?â€
 â€œFor this timeâ€”yes.â€
 â€œThen let me have a word with you.â€ â€œBut Iâ€”â€
 â€œIn your masterâ€™s interest.â€
 Passepartout seemed to be vanquished by Fixâ€™s coolness, for he
 quietly followed him, and they sat down aside from the rest of
 the passengers.
 â€œYou have given me a thrashing,â€ said Fix. â€œGood! I expected it.
 Now, listen to me. Up to this time I have been Mr. Foggâ€™s
 adversary. I am now in his game.â€
 â€œAha!â€ cried Passepartout; â€œyou are convinced he is an honest
 man?â€
 â€œNo,â€ replied Fix coldly, â€œI think him a rascal. Sh! donâ€™t budge,
 and let me speak. As long as Mr. Fogg was on English ground, it
 was for my interest to detain him there until my warrant of
 arrest arrived. I did everything I could to keep him back. I sent
 the Bombay priests after him, I got you intoxicated at Hong
 206
 Kong, I separated you from him, and I made him miss the
 Yokohama steamer.â€
 Passepartout listened, with clos</t>
  </si>
  <si>
    <t>b'QO\xc0\x8a\xe6\xdc3]\xe3Rhi{\x7f\xa2\x97\x9eb\xd2\x00\x12\x0c\xed\xcf\xf2\x94\xe0\xaa?\xda\x9a\x1a'</t>
  </si>
  <si>
    <t>514fc08ae6dc335de35268697b7fa2979e62d200120cedcff294e0aa3fda9a1a</t>
  </si>
  <si>
    <t>b'QO\xc0\x8a\xe6\xdc3]\xe3Rhi{\x7f\xa2\x97'</t>
  </si>
  <si>
    <t>k 
 underwood about knee-deep, that grew there very plentifully; and in the 
 centre of the dell, sure enough, a little tent of goat-skins,</t>
  </si>
  <si>
    <t>b'$\x1dx\xbc\xb2B\xaax!\x9a7D\xff\x1a4\xcaK}\xb8\xf8}\xeb\xcd\xb3"\xb6t6\x84\x1d\x99\x07X]\xde\xcd\xc0\xcc\xed\x08\'\xaf\x8d\xb5\x1bRP\xfa\xf3\x87O\xa6\xff\x99g\xae\x9e\xa5\xf1\x17\xa3\xd4\x82\xa1\x95\xc6C.\x0b\x1dVD.\xd4\x9e\x14\x97b\xd8X:\xc1D\x8eUSg{\xd49\xc7\x151\xdft\x82jI\xeb\xd8\xb9\x98\x1b\xc8\xdfn\xc8\xe0\x93\x9f\x02\x19\xfeP\xed8,\x9c(\xfb\xb7\xa8\x7f\xca7\xd2\xe0\xc1\x8d\x84\x85Av\xa2T\x07?]\x83&lt;\xcb&amp;D4\xca\x9d\xa4\xfb\x85d\xc7]@\xd8\x9d\xc4kA\x95*\xdc\x86G\x0co\xd8\xbdHKs\xe9\xbe0@u\xf6\xfe\xaa%o\xe9\x81U\xd4\x04\xe1{\\\xae\x00\x05Y\xa0J\xb5(\x01\x16\xcd\x84\'\x9b\xc1}`w\xa0\xefG\x08\xaf=ye8r\xff&lt;\xb7SK\x16\xe0\xbd\xb3\xfb\t\xc5\xbc\x8a\x9a&amp;\xec&amp;h\xb6\x87\'p\xdc\x14#\xce\xff\xb0\x88\x95\xa2\x92\xa0\xe9Q\xc9\xbfy}'</t>
  </si>
  <si>
    <t>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</t>
  </si>
  <si>
    <t>b'$\x1dx\xbc\xb2B\xaax!\x9a7D\xff\x1a4\xca'</t>
  </si>
  <si>
    <t>ing was waving its tail
about in a melancholy way, being quite unable to move. She soon got it out
again, and put it right; â€œnot that it signifies much,â€ she said to herself; â€œI
should think it would be quite as much use in the trial one way up as the
other.â€
As soon as the jury had a little recovered from the shock of being upset,
and their slates and pencils had been found and handed back to them, they
set to work very diligently to write out a history of the accident, all except
the Lizard, who seemed too much overcome to do anything but sit with its
mouth open, gazing up into the roof of the court.
â€œWhat do you k</t>
  </si>
  <si>
    <t>b'\x85\xea\xad\xa7\xb8%\x11\xa1\x08\x92\x98\x9e\xd2\x89\xbc\t\x05O/\x14@2\xb2\x7f\xda\xa7\xd1\xd3\xac\xbb\x03^%\xdf\xf8\x18\x84\xc5C,\xf8\x8ac\xa9OQ\x91,rO\xe9H\x8a\x98Mn\x1c\xdcP\xa9-uk\x0c\t\x022\x96\x10\x05\x16\xb1\xf5cu\x84O\xde\x85\x9e\xf7\x06\xe8i\xee\xa0\x8c\x90a\xb7\xdf\xfc\x13\x91\x1f\xbd\x12\xbe\xed\x02\x16\x83\x19\xa7`\x7fK"\xbe\xae}* \x87j\xbf\x96\x18\x08Ar\x87\x1c\xc5\r.?\xf5\xae\xc1\xcd\x98\xd7\xe0_\x1dZ\xda\xafC#\xfdR:\xcb7X}l\xb9$\xa8\xbf\x08\x183p-\xe3\x9bq\x8b\x18Q\xd0\xf5\xf7^\x94\x17\x9a\xca\x1b\x82\xad\tq\xa2\xba\x9d]\xf6\xe5\x0c6j+\xdd\xc1\xe9\x1d@\x82\xdaFf\xb4\xc2q\\^\x1eR\x04\xf7\xa5\xfe#\xacv\xad\xe1F\xbf\xc6\xc5\xe0r\xa0\xbcSjr\'k\x98\xe1\xe2\x8d\xa7JD\x98\xa8\x14YQg\xa1e\xb3\xd3\x14\x91/\x1a\x80\\\x89kO\x99\xa6 \xbd\x00\x9d\x10\x1b\x89\x91\x03\xc0\xc3V^\xd3\xbdkp\xb1\xeb\xedS]\xf7\xbd\xbf\xc7\x12\xbc\x82$i\xb6o\x8c\xcb\xb0{\xbe:\xd2\x83F\xd6w\x93\xbf!)\x80\xa7u\xae(\xb3\xaa&lt;\x9c\x1el\xa0\x014\xc0\xf1\x8b\xb6\x1f;\xd51\xe1\xe3,\xf1\x0e\xd7O\x07\xf2\x9e\x82\xc8\x8d\x1d\x05\x92D\x9biK\xfdq\xd4D\xe6m\x8d\xbb\xe9^\xd3r0\xf1eO\x96\xeb\x1eu~qT\xa4\xc7\xef\xf5.\xf6\xdb\xf1W\x94\xf8 `\x9e\xb6\xdb\xb5\xd9\x1d\x8c\xc8\xe3\xc6\x02\xa6\xaaM\x01\xc6\xd7\x8d\x8br\x06\xd1\xeee\xc2^\xc1E\x10\\\xd1-\x16\x0fS\x84\xd2Q\x98\xb1\xd1:l\x87\xf4&amp;\xa1\xe6\xfe\xd1\xa2Q\xcd\xf9*K\x03\x82&amp;,\x1f:Y@"\x0f\xa2\xd4:\x92\xab!;T\xbc\xf1\x05-v\xc4\xa5{\xe7[\x1d@\x9a\xf1\x01F\x9a\x9au&gt;\xe9\xb7\xc0/\x9a\xe0\xaf+\x8b\x93\x8c=C\x03M\x10&amp;7\xb8a\x8a\x8c\xc7\xbb\xa0&amp;\xf1\xca\xa3\x88\x05%\x99\xd3cw\x0e`&lt;\x1d\xbel(\xb1\xa3\xb3/\xee\xcc\xc8\x1a\xf0\xf9\xe6&gt;_"."P\x9fVL\x1fS\x07\xbb@\xb2\x05w\xf7V\xbd\xbe\xdf\xe3\xaf\x98`\x8bX\x86z)\x95\xf7\r\xeb\rz\x9d\xc2\x12\x81\x0f\xecGy\x7f\xf6M\xce\xa3PH!g\x9b|_\xd8\xc7\x9c"O\x9c)=\x87\xa0i\xb4\x00\xa9\x1f\xf6\x8e\xd0\xd4&amp;q05\xc0s\xd4\xb5\xb1\xdc\xab\xb1\xec\x933Ja\x89\xc5L/,\x15\xfb^\xd5%\x98\xbaa%'</t>
  </si>
  <si>
    <t>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</t>
  </si>
  <si>
    <t>b'\x85\xea\xad\xa7\xb8%\x11\xa1\x08\x92\x98\x9e\xd2\x89\xbc\t'</t>
  </si>
  <si>
    <t>donâ€™t know that we have a young lady with
 us.â€
 â€œA young lady?â€ replied the detective, not seeming to
 comprehend what was said.
 Passepartout thereupon recounted Aoudaâ€™s history, the affair at
 the Bombay pagoda, the purchase of the elephant for two
 thousand pounds, the rescue, the arrest and sentence of the
 Calcutta court, and the restoration of Mr. Fogg and himself to
 liberty on bail. Fix, who was familiar with the last
 129
 events, seemed to be equally ignorant of all that Passepartout
 related; and the latter was charmed to find so interested a
 listener.
 â€œBut does your master propose to carry this young woman to
 Europe?â€
 â€œNot at all. We are simply going to place her under the
 protection of one of her relatives, a rich merchant at Hong
 Kong.â€
 â€œNothing to be done there,â€ said Fix to himself, concealing his
 disappointment. â€œA glass of gin, Mr. Passepartout?â€
 â€œWillingly, Monsieur Fix. We must at least have a friendly glass
 on board the Rangoon.â€
 130
 C H A P T E R XVII
 Showing what happened on the voyage from Singapore to
 Hong Kong
 HE detective and Passepartout met often on deck after this
 interview, though Fix was reserved, and did not attempt to
 induce his companion to divulge any more
 facts concerning Mr. Fogg. He caught a glimpse of that
 mysterious gentleman once or twice; but Mr. Fogg usually
 confined himself to the cabin, where he kept Aouda company,
 or, according to his inveterate habit, took a hand at whist.
 Passepartout began very seriously to conjecture what strange
 chance kept Fix still on the route that his master was pursuing.
 It was really worth considering why this certainly very amiable
 and complacent person, whom he had first met at Suez, had
 then encountered on board the Mongolia, who disembarked at
 Bombay, which he announced as his destination, and now
 turned up so unexpectedly on the Rangoon, was following Mr.
 Foggâ€™s tracks step by step. What was Fixâ€™s object? Passepartout
 was ready to wager his Indian shoesâ€”which he religiously
 preservedâ€”that Fix would also leave Hong Kong at the same
 time with them, and probably on the same steamer.
 131
 Passepartout might have cudgelled his brain for a century
 without hitting upon the real object which the detective had in
 view. He never could have imagined that Phileas Fogg was
 being tracked as a robber around the globe.
 But as it is in human nature to attempt the solution of every
 mystery, Passepartout suddenly discovered an explanation of
 Fixâ€™s movements, which was in truth far from unreasonable. Fix,
 he thought, could only be an agent of Mr. Foggâ€™s friends at the
 Reform Club, sent to follow him up, and to ascertain that he
 really went round the world as had been agreed upon. â€œItâ€™s
 clear!â€ repeated the worthy servant to himself, proud of his
 shrewdness. â€œHeâ€™s a spy sent to keep us in view! That isnâ€™t quite
 the thing, either, to be spying Mr. Fogg, who is so honourable a
 man! Ah, gentlemen of the Reform, this
 shall cost you dear!â€
 Passepartout, enchanted with his discovery, resolved to say
 nothing to his master, lest h</t>
  </si>
  <si>
    <t>b"\x8f\xf2\xe9\xb3*\xd2\x08\x9c\x15\\\x16\x8d#$\xc7'\xde%z\x8bt\x1eM\xa8'\xd8\x9aA\x9f\x85%U"</t>
  </si>
  <si>
    <t>8ff2e9b32ad2089c155c168d2324c727de257a8b741e4da827d89a419f852555</t>
  </si>
  <si>
    <t>b"\x8f\xf2\xe9\xb3*\xd2\x08\x9c\x15\\\x16\x8d#$\xc7'"</t>
  </si>
  <si>
    <t>z can do anything; so I suppose he will find Kansas
for you. But first you must get to see him, and that will be a hard task; for
the great Wizard does not like to see anyone, and he usually has his own
way. But what do you want?" he continued, speaking to Toto. Toto only
wagged his tail; for, strange to say, he could not speak.
The woman now called to them that supper was ready, so they gathered
around the table and Dorothy ate some delicious porridge and a dish of
scrambled eggs and a plate of nice white bread, and enjoyed her meal.
The Lion ate some of the porridge, but did not care for it, saying it was
made from oats and oats were food for horses, not for lions. The
Scarecrow and the Tin Woodman ate nothing at all. Toto ate a little of
everything, and was glad to get a good supper again.
The woman now gave Dorothy a bed to sleep in, and Toto lay down
bes</t>
  </si>
  <si>
    <t>b'\x82\xf7\'W\xc4h\x06\xba\xa3Oq\xde**\xd7\xd7"&lt;\xe4\x0c\x98\xc6nk}"\x97\x08$Eo\x01\x0e\xc1\xf7\x1d1\x0erH\xe7\xfa\x98\xa5\n\x9be"\xf3\xb6(\xf7wo\xf2``\xdd{jN\xac\xc0\x96\x99\x16c?\x99\x8f\xba\xa7{}\x059\xce&amp;\xff\xdc\xd3\x18\x03\x81\xf4\xb3\xe0\xc5\xee2\xff\xa0S\x9f\xac\xe3\xd9\xc4\x80\x0f\xce\xabF\xdd\xf1\x8a\xb5\xba\xe0\xd4k\xd1\x13%\xa3\x14\x98\x1an8S\x13`\x1b\xd3\xba\x90\xcfX\xfb[\xfcsa\xbf\x98\xf7#\x86\x80(u&lt;O\x13*\xe4w1\xe7EJ\x96\xb8\n\xefU\xa3\xcd/\xa9?]*\x80\xc5\xd1\xdeh9\xc9~H\xa7\xf3\x19e\x19s~E\xdd\xf8+S\x80\xd2\xe7\x10\xf7\\\x1d\x95\x9c\xefs\x0b\xff\x1c\x14\xc2\xf7j\x08CG#\x11\xe2\xe2?\x1fw\x889s\xb30\xc6\x14\xdd\xe3u\x85\xecj\xa8\x82\x95\x8c\xf1.:-\xe3\x17q\x05v\x7f\x90\xf5\xe4\x0cFoo\xac\x93\x1b\x7fE\xbd(4\x06\xa1\x82q^a\x84\xbc\x0b\xc6\xf5\x0f^\xd8\xed\xa3O\xc4\x93~gu;\x9f\\2H\x10*\xeb\x95\xd6\x11\xf1\\O\xdb&amp;,\\\xce]\xfdA\n$\xabP|\x97a\x93\xef5\xf6\x18jb\xeb\xde\xc6?\x7f7\x0c\x9d\xa7-\xc6\x94;\xd2sl\xc8\xb0:]\x0ee6\xc1\xa8\xd2d\xc5o\x14\x89B\x1a\x85\x91\x13l$N^\x89\xc6lY$\xdc\xbb\xbe\x07\xaf\xd1A\x02\xf8\xc4\xadf\xa9y+\xbc\x0f\x1d^\x84&lt;\xfc\xd6\xba\xb68(N\xae\xc8P\x85\\\xd2\xec\xc8\nc\xe9\xab\x16t\x01i\x8d\x89\xecc\x0b\xa0\xc1\x92g\x85\xba4\xab\xb8p\x02\xa6\xe3\x03!GOK\xf5\xb5\x96\xd8$\tf\x7f\x9c1\x12\xaaLd\x12\xecG\x8b:\x8d\xf4q\xd3\xce.\xc9\xa3\x8a$\xceAU\xd8T\xaa\x7f\x0c\x8er\x80e"\xb8\x98E\x8d&gt;\xcd\x01b\xbf\x19x\xc4\xa5\xb5\xd3uW\xbf\xbc\x0b2\xb4\x9d\x067.\x8d\xd4\x8c\xcd\xae\xf2g\x9f\x0e \xcdK\x05\xa1{\xba\x97\xd3\x81O\xdbxR\x03\x98,\xaf\xcaq/h&lt;\xe9\xd34\x85\xf8x"0P\xdaK\xb2\x7fk\xcc\xe7\xb9\x98\xf5\xdf*\x8a\xa8\xde\xfb`Gt\xa3u\x92\xfa\xce\x93\xe3\x18w$&lt;\xf7F\xc8\xcdu\x0f\x1b\xc5\x97\xd11\x8d10\x08^\xca\xc6\xd7\x9c66\xc7\xb8i0\xdf\x12\xacf\x00\\\xcc\xa8\x17\xfd\x01\x17\xc1\xde:\xc3[\xd2\xf3`\xcb\x90\xb3\xa9\x03\xb7\x97C\xa6D\xbe\x1d\xfc\x81ro\xe6\x81\xcc\xa4\xc2\x0e\xa5\xe2\x18\x80\xde\xd1\x00\x0b$\x9dF\xc6:\x1e9\x96+\x8a\xec\xd7\xa6\xa8\xfa\xf1\x1c+\xb57{W\xfa\x12\x0fc\x08G\xa5\x0e\xda }\xad\xd0\xb5g\xa4\xba\x06\x0cP\x86\x9c\xfe\xf2\x8f\xd3z\x86\xcfK\x0b\x8e\x9fR\x00\xe1\xf9\xafQ\x815\xf8g\xf8E\x94f\x07!\xcdS\x8a\x82C\xd8\nq\xf5\xff\'J,\x9c\xc0\x84efj\xb0\xd4fS\xd3\xde\xf0:\xda\xe9\tM\xd4`$@\xa8)\xb9*\x05-\xc6BgI\xdf\xc3\xc1(\r\xdc\x8a\x94l$\xa4\x95\xae\x9f \xd9\xd3`\x0el^\xa8\x86\xd5\xcc\xa0&gt;u\xbb\xa2\xa0\'\x12\x97*"\xc7X/;\xc4\xadb\x827\x07\x84\x12\xd7\xc6`\xfa[c\xb9:\xdf\xb7\xe2\xc4$\x8f{\xdd\x0co\x15/\xaeV)\xf2\x8c\x9duY-\x96]\xa2\xb1\xae\x90\xd8\xf0\x99\x97y\x9e3\x92\xcc\xa8\xc4\x85\xbc\xc7O\x01\t\xd2\x7f\x19\x7f\n\x96\x13\x9c\xae&amp;4\xbc\x1d\x07\x91&amp;'</t>
  </si>
  <si>
    <t>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</t>
  </si>
  <si>
    <t>b"\x82\xf7'W\xc4h\x06\xba\xa3Oq\xde**\xd7\xd7"</t>
  </si>
  <si>
    <t>rly dressed children are not rare
 enough and pretty enough to make people turn around to look at them
 and smile. No one looked at Sara in these days, and no one seemed to see
 her as she hurried along the crowded pavements. She had begun to grow
 very fast, and, as she was dressed only in such clothes as the plainer
 remnants of her wardrobe would supply, she knew she looked very
 queer, indeed. All her valuable garments had been disposed of, and such
 as had been left for her use she was expected to wear so long as she could
 put them on at all. Sometimes, when she passed a shop window with a
 mirror in it, she almost laughed outright on catching a glimpse of herself,
 and sometimes her face went red and she bit her lip and turned away.
 In the evening, when she passed houses whose windows were lighted up,
 she used to look into the warm rooms and amuse herself by imagining
 things about the people she saw sitting before the fires or about the
 tables. It always interested her to catch glimpses of rooms before the
 shutters were closed. There were several families in the square in which
 Miss Minchin lived, with which she had become quite familiar in a way
 of her own. The one she liked best she called the Large Family. She called
 90
 it the Large Family not because the members of it were bigâ€”for, indeed,
 most of them were littleâ€”but because there were so many of them. There
 were eight children in the Large Family, and a stout, rosy mother, and a
 stout, rosy father, and a stout, rosy grandmother, and any number of
 servants. The eight children were always either being taken out to walk
 or to ride in perambulators by comfortable nurses, or they were going to
 drive with their mamma, or they were flying to the door in the evening to
 meet their papa and kiss him and dance around him and drag off his
 overcoat and look in the pockets for packages, or they were crowding
 about the nursery windows and looking out and pushing each other and
 laughingâ€”in fact, they were always doing something enjoyable and
 suited to the tastes of a large family. Sara was quite fond of them, and
 had given them names out of booksâ€”quite romantic names. She called
 them the Montmorencys when she did not call them the Large Family.
 The fat, fair baby with the lace cap was Ethelber</t>
  </si>
  <si>
    <t>b'W\xed\xef\x9b\x1e\xffJ\xa5'</t>
  </si>
  <si>
    <t>57edef9b1eff4aa5</t>
  </si>
  <si>
    <t>eighbours joining 
 in for dear life, with the fear of death upon them, and each singing louder 
 than the other to avoid remark. For in these fits he was the</t>
  </si>
  <si>
    <t>b'\x89\xccCZJ\xf3\x81\xd6\xe4w5\x18\xe9\xc1\x07\xa5\xfd\xc4\xa6Z\x00G\x03\xda\x80\x1f\xd4\xaa\xa1\xee&gt;\xf0\xa3\xe2~r\x11\xcc\xe3Fe]5\xab5\x97\xf1\x9aa\xb7ux\xba\x14\t\xe7\xf1\xf3;h-\xa2\x9f\x9f\xa9\xd9\x87\xe6\x13\xcb\xa1\x12\xfaD\xfd\xbc\x96|\x01\xa7ED\xb2\x00\x1e\xca\x88\xdd\xd6\x02=`H\x98\xfa\x9d\x83b\xdb\xeb&lt;\xef\xfeG\x8aWx\xa5\\\xf8\x14\xcc\xfc\x87\x18d\xa7(I8\xeb\xc4M@\x8e\x01\xb5\xb1dU\xa2q\xa9\tl+X8\x02\xd3,\xbb\xa4.g/\xc5Z\xcc\x7f\x1f)N|\xcb\xa2zZ\x08\xce5Ei5\xe3Ji\x06\xb3\x81r\x93\xb2\xaa9\x9b\xb7\x17S\xa8\xa3~\xe3kpFe\x84\xfd!\x18\x9e\x00N\x06\tBW\x98\xaa\x92;\xf3\xa9\xb3\x03\xd8\xa2\x9f\x06Ig\n!3\x05\xf7-\x04\xa1{\xc3\xb52z\xf4\xcb\xe7\x19\x02p;]$\xcd\xc3\xdfm\r\xe9\xb8\xe8\xac\x9b7\xbf\xd3\xbcI\xaf\x18P\xca\x9dVB'</t>
  </si>
  <si>
    <t>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</t>
  </si>
  <si>
    <t>b'\x89\xccCZJ\xf3\x81\xd6\xe4w5\x18\xe9\xc1\x07\xa5'</t>
  </si>
  <si>
    <t>ore readily obtained through
 the use of the small-signal model.
 Exercise Determine Vout if Vin = âˆ’5 mV.
 Did you know?
 Some of the early low-cost radios used only two
 germanium (rather than silicon) pnp transistors
 to form two amplifier stages. (Silicon transistors
 became manufacturable later.) However, these ra_x0002_dios had poor performance and could receive only
 one or two stations. For this reason, many man_x0002_ufacturers would proudly print the number of the
 transistors inside a radio on its front panel along
 with the brand name, e.g., â€œAdmiralâ€”Eight Tran_x0002_sistors.â€
 4.6.3 Small-Signal Model
 Since the small-signal model represents
 changes in the voltages and currents, we ex_x0002_pect npn and pnp transistors to have similar
 models. Depicted in Fig. 4.43(a), the small_x0002_signal model of the pnp transistor is indeed
 identical to that of the npn device. Following
 the convention in Fig. 4.38(d), we sometimes
 draw the model as shown in Fig. 4.43(b).
 The reader may notice that the terminal
 currents in the small-signal model bear an
 opposite direction with respect to those in the large-signal model of Fig. 4.40. This is not
 an inconsistency and is studied in Problem 4.50.
 158 Chapter 4 Physics of Bipolar Transistors
 g Ï€ m v Ï€v r Ï€
 i i
 i
 B
 E
 r O
 C
 b
 e
 c
 v Ï€ g m Ï€v r Ï€
 B
 E
 r O
 C
 i b
 i e
 i c
 (a) (b)
 Figure 4.43 (a) Small-signal model of pnp transistor, (b) more intuitive view of (a).
 The small-signal model of pnp transistors may cause confusion, especially if drawn
 as in Fig. 4.43(b). In analogy with npn transistors, one may automatically assume that the
 â€œtopâ€ terminal is the collector and hence the model in Fig. 4.43(b) is not identical to that
 in Fig. 4.31(b). We caution the reader about this confusion. A few examples prove helpful
 here.
 Example
 4.19
 If the collector and base of a bipolar transistor are tied together, a two-terminal de_x0002_vice results. Determine the small-signal impedance of the devices shown in Fig. 4.44(a).
 Assume VA = âˆž.
 (a) (b)
 Q1
 Q2 g Ï€ m v Ï€v v r Ï€
 i X
 X
 Figure 4.44
 Solution We replace the bipolar transistorQ1 with its small-signal model and apply a small-signal
 voltage across the device [Fig. 4.44(b)]. Noting that rpi</t>
  </si>
  <si>
    <t>b'#J\x8c\x86\xf7F\xc5\x90\xae\x82\xec\xd2J&gt;\x8fG'</t>
  </si>
  <si>
    <t>234a8c86f746c590ae82ecd24a3e8f47</t>
  </si>
  <si>
    <t>the thresh_x0002_old voltage of both transistors increases by
 _x0006_V?
 I
 V
 REF I
 M REF
 M 1
 DD
 RP
 1
 W
 L
 W
 L
 Figure 9.69
 9.50. Determine the value of RP in the circuit
 of Fig. 9.70 such that I1 = 2IREF. With this
 choice of RP, does I1 change if the thresh_x0002_old voltage of both transistors increases by
 _x0006_V?
 I
 V
 REF I
 M REF
 M 1
 DD
 1
 W
 L
 W
 L
 R P
 Figure 9.70
 9.51. Repeat Example 9.21 if the reference cur_x0002_rent is 0.35 mA.
 9.52. Calculate Icopy in each of the circuits shown
 in Fig. 9.71. Assume all of the transistors
 operate in saturation.
 I REF
 M REF
 I copy
 VDD
 W
 L( (
 n
 W
 L( (
 n
 W
 L( (
 3 2
 5 W
 L
 3 ( (
 I REF
 M REF
 VDD
 W
 L( (
 n
 W
 L( (
 n
 W
 L( ( W
 L( ( p p p p
 W
 L( (
 n
 I copy
 5 3
 2
 (a) (b)
 Figure 9.71
 Problems 433
 **9.53. Consider the MOS current mirror shown in
 Fig. 9.35(c) and assume M1 and M2 are iden_x0002_tical but Î» _x0006_= 0.
 (a) How shouldVDS1 be chosen so thatIcopy1
 is exactly equal to IREF?
 (b) Determine the error in Icopy1 with re_x0002_spect to IREF if VDS1 is equal to VGSâˆ’
 VTH (so that M1 resides at the edge of
 saturation).
 Design Problems
 In the following problems, unless otherwise
 stated, assume IS,n = IS,p = 6 Ã— 10âˆ’16 A, VA,n =
 VA,p = 5 V,Î²n = 100, Î²p = 50, Î¼nCox = 100 Î¼A/V2,
 Î¼pCox = 50 Î¼A/V2, VTH,n = 0.4 V, and VTH,p =
 âˆ’0.5 V, where the subscripts n and p refer to
 n-type (npn or NMOS) and p-type (pnp or
 PMOS) devices, respectively.
 9.54. Assuming a bias current of 1 mA, design
 the degenerated current source of Fig.
 9.72(a) such that RE sustains a voltage
 approximately equal to the minimum re_x0002_quired collector-emitter voltage of Q2 in
 Fig. 9.72(b) (â‰ˆ 0.5 V). Compare the output
 impedances of the two circuits.
 Vb
 R
 Q1 V
 R
 Q1
 V Q2
 b1
 b2
 (a) (b)
 out out
 RE
 Figure 9.72
 9.55. Design the cascode current source of Fig.
 9.72(b) for an output impedance of 50 k_x0003_.
 Select Vb1 such that Q2 experiences a base_x0002_collector forward bias of only 100 mV.
 Assume a bias current of 1 mA.
 9.56. We w</t>
  </si>
  <si>
    <t>b'\xc2\xdb}\x99\nC\x065\xd9\xe7\xce\xa6\xf9\xbc\xab\xb3'</t>
  </si>
  <si>
    <t>c2db7d990a430635d9e7cea6f9bcabb3</t>
  </si>
  <si>
    <t>ed in the future within a system in which dif_x0002_ferent countries choose different policy regimes within the constraints of the trilemma.
 SUMMARY
 1. In an open economy, policy makers try to maintain internal balance (full employment and
 a stable price level) and external balance (a current account level that is neither so nega_x0002_tive that the country may be unable to repay its foreign debts nor so positive that foreign_x0002_ers are put in that position). The definition of external balance depends on a number of
 factors, including the exchange rate regime and world economic conditions. Because each
 countryâ€™s macroeconomic policies have repercussions abroad, a countryâ€™s ability to reach
 internal and external balance depends on the policies other countries choose to adopt.
 A country running large, persistent deficits might appear to be violating its intertemporal
 budget constraint, putting it in danger of facing a sudden stop in foreign lending.
 2. The limitations of alternative exchange rate regimes can be understood in terms of
 the open-economy trilemma, which states that countries must choose two of the fol_x0002_lowing three features of a monetary policy system: exchange rate stability, freedom
 of cross-border financial flows, and monetary policy autonomy.
 3. The gold standard system contained a powerful automatic mechanism for ensuring
 external balance, the price-specie-flow mechanism. The flows of gold accompanying
 deficits and surpluses caused price changes that reduced current account imbalances
 and therefore tended to return all countries to external balance. The systemâ€™s perform_x0002_ance in maintaining internal balance was mixed, however. With the eruption of World
 War I in 1914, the gold standard was suspended.
 4. Attempts to return to the prewar gold standard after 1918 were unsuccessful. As the
 world econo</t>
  </si>
  <si>
    <t>b'0E\x02!\x00\xfc\r\xdf\xcc\xf3Y,\xe7d8s\x1aF\xda\x00\x95au\x89\x9e\xcbRRv\x8a\x8c\x1a\xb9\xcc\x1f\xf6\xa0\x02 \x1fa\x9f\xc3\xce\xd3\xc6\xf7\xbcXE\x95\xfaF\xe122[\xa1\xc5\xe1\xb9\x9d\x99};\xb0\xaf\x01\xef\x9f,'</t>
  </si>
  <si>
    <t>3045022100fc0ddfccf3592ce76438731a46da00956175899ecb5252768a8c1ab9cc1ff6a002201f619fc3ced3c6f7bc584595fa46e132325ba1c5e1b99d997d3bb0af01ef9f2c</t>
  </si>
  <si>
    <t>b'0E\x02!\x00\xfc\r\xdf\xcc\xf3Y,\xe7d8s'</t>
  </si>
  <si>
    <t>âˆ‡)v = rx 
 âˆ‚
  âˆ‚x +ry 
 âˆ‚
  âˆ‚y +rz 
 âˆ‚
  âˆ‚z v(tr)
  =rx 
 dv
  dtr
  âˆ‚tr
  âˆ‚x +ry 
 dv
  =a(rÂ·âˆ‡tr),
  where a â‰¡ Ë™v is the acceleration of the particle at the retarded time. Now
  (v Â· âˆ‡)r = (vÂ·âˆ‡)râˆ’(vÂ·âˆ‡)w,
  (10.56)
  (10.57)
  (10.58)
  dtr
  âˆ‚tr
  âˆ‚y +rz 
 dv
  dtr
  âˆ‚tr
  âˆ‚z
  (10.59)
  (10.60)
  18The following calculation is done by the most direct, â€œbrute forceâ€ method. For a more clever and
  efficient approach, see J. D. Jackson, Classical Electrodynamics, 3d ed. (New York: John Wiley, 1999),
  Sect. 14.1.
  19Remember</t>
  </si>
  <si>
    <t>b'\x0es\xd8fK\xf5\xee\xbf\xa9\x84\xce\xc4~\x86\x12\xd4\xfd@t\x9eP\xb6\x8e\x0c\x1e\n\xb2F\xd1\x93/\x07'</t>
  </si>
  <si>
    <t>0e73d8664bf5eebfa984cec47e8612d4fd40749e50b68e0c1e0ab246d1932f07</t>
  </si>
  <si>
    <t>b'\x0es\xd8fK\xf5\xee\xbf\xa9\x84\xce\xc4~\x86\x12\xd4'</t>
  </si>
  <si>
    <t>-integer multiples of Â¯ h, so this result suggests
  that if magnetic monopoles exist, electric and magnetic charge must be quantized: Î¼0qeqm/4Ï€ =
  nÂ¯ h/2, for n = 1,2,3,...,an idea first proposed by Dirac in 1931. If even one monopole is lurking
  somewhere in the universe, this would â€œexplainâ€ why electric charge comes in discrete units. (How
 ever, see D. Singleton, Am.J.Phys.66, 697 (1998) for a cautionary note.)
  21As it stands, Eq. 8.45 is valid only for ideal dipoles. But g is linear in B, and therefore, if E is held
  f
  ixed, obeys the superposition principle: For a collection of magnetic dipoles, the total momentum is
  the (vector) sum of the momenta for each one separately. In particular, if E is uniform over a localized
  steady current distribution, then Eq. 8.45 is valid for the whole thing, only now m is the total magnetic
  dipole moment.
  22This problem was suggested by Paul DeYoung.
 8.3 Magnetic Forces Do No Work
  381
  the torques. Find the resulting extra angular momentum, and compare it with
  your result in (a). [Answer: âˆ’Î¼0Q2Ï‰b(b2 âˆ’ a2)/4Ï€l Ë†z]
  Problem 8.2223 A point charge q is a distance a &gt; R from the axis of an infinite
  solenoid (radius R, n turns per unit length, current I). Find the linear momen
 tum and the angular momentum (with respect to the origin) in the fields. (Put
  q on the x axis, with the solenoid along z; treat the solenoid as a nonconduc
 tor, so you donâ€™t need to worry about induced charges on its surface.) [Answer:
  p =(Î¼0qnIR2/2a) Ë†y; L = 0]
  Problem 8.23
  (a) Carry through the argument in Sect. 8.1.2, starting with Eq. 8.6, but using Jf in
  place of J. Show that the Poynting vector becomes
  S =EÃ—H,
  and the rate of change of the energy density in the fields is
  âˆ‚u
  âˆ‚t =EÂ· âˆ‚D
  For linear media, show that24
  âˆ‚t +HÂ· âˆ‚B
  u = 1
  2 (EÂ·D+BÂ·H).
  (8.46)
  âˆ‚t .
  (8.47)
  (b) In the same spirit, reproduce the argument in Sect. 8.2.2, starting with Eq. 8.15,
  with Ïf and Jf in place of Ï and J. Donâ€™t bother to construct the Maxwell stress
  tensor, but do show that the momentum density is25
  g =DÃ—B.
  (8.48)
  Problem 8.24
  A circular disk of radius R and mass M carries n point charges (q), attached at
  regular intervals around its rim. At time t = 0 the disk lies in the xy plane, with its
  center at the origin, and is rotating about the z axis with angular velocity Ï‰0,when
  it is released. The disk is immersed in a (time-independent) external magnetic field
  B(s, z) = k(âˆ’s Ë†s + 2z Ë† z),
  where k is a constant.
  (a) Find the position of the center if the ring, z(t), and its angular velocity, Ï‰(t),as
  functions of time. (Ignore gravity.)
  (b) Describe the motion, and check that the total (kinetic) energyâ€”translational
  plus rotationalâ€”is constant, confirming that the magnetic force does no work.26
  23See F. S. Johnson, B. L. Cragin, and R. R. Hodges, Am. J. Phys. 62, 33 (1994), and B. Y.-K. Hu,
  Eur.</t>
  </si>
  <si>
    <t>b'&gt;rM\xa0{B\x99\xfa\x94\x7f\xde\x19\xfc\xe4h\xa1V\xd2\x89d\xef&amp;=s&amp;}D"6\xcbJ='</t>
  </si>
  <si>
    <t>3e724da07b4299fa947fde19fce468a156d28964ef263d73267d442236cb4a3d</t>
  </si>
  <si>
    <t>b'&gt;rM\xa0{B\x99\xfa\x94\x7f\xde\x19\xfc\xe4h\xa1'</t>
  </si>
  <si>
    <t>) on a perfect absorber, it delivers its
  momentum to the surface. In a time t, the momentum transfer is (Fig. 9.12)
  p = gAc t,sotheradiation pressure (average force per unit area) is
  P = 1
  A
  p
  t = 1
  2 0E2
  0 = I
  c .
  (9.64)
  (On a perfect reflector the pressure is twice as great, because the momentum
  switches direction, instead of simply being absorbed.) We can account for this
  pressure qualitatively, as follows: The electric field (Eq. 9.48) drives charges in
  the x direction, and the magnetic field then exerts on them a force q(v Ã— B) in the
  z direction. The net force on all the charges in the surface produces the pressure.8
  Problem 9.10 The intensity of sunlight hitting the earth is about 1300 W/m2. If
  sunlight strikes a perfect absorber, what pressure does it exert? How about a perfect
  reflector? What fraction of atmospheric pressure does this amount to?
  Problem 9.11 Consider a particle of charge q and mass m, free to move in the
  xy plane in response to an electromagnetic wave propagating in the z direction
  (Eq. 9.48â€”might as well set Î´ = 0).
  (a) Ignoring the magnetic force, find the velocity of the particle, as a function of
  time. (Assume the average velocity is zero.)
  (b) Now calculate the resulting magnetic force on the particle.
  (c) Show that the (time) average magnetic force is zero.
  The problem with this naive model for the pressure of light is that the velocity is
  90â—¦ out of phase with the fields. For energy to be absorbed, thereâ€™s got to be some
  resistance to the motion of the charges. Suppose we include a force of the form
  âˆ’Î³mv, for some damping constant Î³.
  (d) Repeat part (a) (ignore the exponentially damped transient). Repeat part (b), and
  f
  ind the average magnetic force on the particle.9
  Problem 9.12 In the complex notation there is a clever device for finding the
  time average of a product. Suppose f (r,t) = Acos(k Â· r âˆ’ Ï‰t + Î´a) and g(r,t) =
  Bcos(k Â· râˆ’Ï‰t +Î´b). Show that fg =(1/2)Re( Ëœ f Ëœ gâˆ—), where the star denotes
  complex conjugation. [Note that this only works if the two waves have the same k
  and Ï‰, but they need not have the same amplitude or phase.] For example,
  u =1
  4Re 0
  Ëœ EÂ· Ëœ Eâˆ— + 1
  Î¼0
  Ëœ
  BÂ· Ëœ Bâˆ—
  and S = 1
  2Î¼0
  Re Ëœ EÃ— Ëœ Bâˆ— .
  Problem 9.13 Find all elements of the Maxwell stress tensor for a monochromatic
  planewave traveling in thez direction and linearly polarized in the x direction
  (Eq. 9.48). Does your answer make sense? (Remember that âˆ’â†”
  T represents the
  momentum flux density.) How is the momentum flux density related to the energy
  density, in this case?
  8Actually, itâ€™s a little more subt</t>
  </si>
  <si>
    <t>b'\xa0\x9f\x06\xear\x0b!\rX\x87D\xf3\x14\x81\x10\xa8\x94\xed75\xb8\x0f\x1d\x84\xab\xc7:\x0e^\x80\xf0\x93'</t>
  </si>
  <si>
    <t>a09f06ea720b210d588744f3148110a894ed3735b80f1d84abc73a0e5e80f093</t>
  </si>
  <si>
    <t>b'\xa0\x9f\x06\xear\x0b!\rX\x87D\xf3\x14\x81\x10\xa8'</t>
  </si>
  <si>
    <t>said.
"I don't when I am by myself," replied the Rajah; "but my cousin is going
out with me."
"And the nurse, of course?" suggested Dr. Craven.
"No, I will not have the nurse," so magnificently that Mary could not help
remembering how the young native Prince had looked with his diamonds and
emeralds and pearls stuck all over him and the great rubies on the small dark
hand he had waved to command his servants to approach with salaams and
receive his orders.
"My cousin knows how to take care of me. I am always better when she is
with me. She made me better last night. A very strong boy I know will push
my carriage."
Dr. Craven felt rather alarmed. If this tiresome hysterical boy should
chance to get well he himself would lose all chance of inheriting
Misselthwaite; but he was not an unscrupulous man, though he was a weak
one, and he did not intend to let him run into actual danger.
"He must be a strong boy and a steady boy," he said. "And I must know
something about him. Who is he? What is his name?"
"It's Dickon," Mary spoke up suddenly. She felt somehow that everybody
who knew the moor must know Dickon. And she was right, too. She saw that
in a moment Dr. Craven's serious face relaxed into a relieved smile.
"Oh, Dickon," he said. "If it is Dickon you will be safe enough. He's as
strong as a moor pony, is Dickon."
"And he's trusty," said Mary. "He's th' trustiest lad i' Yorkshire." She had
been talking Yorkshire to Colin and she forgot herself.
"Did Dickon teach you that?" asked Dr. Craven, laughing outright.
"I'm learning it as if it was French," said Mary rather coldly. "It's like a
native dialect in India. Very clever people try to learn them. I like it and so
does Colin." "Well, well," he said. "If it amuses you perhaps it won't do you
any harm. Did you take your bromide last night, Colin?"
"No," Col</t>
  </si>
  <si>
    <t>b'R\x891\xd5\x90\xa3\xb6\x8f\xea2\xee\x8c\x07\xc5\xc3\xcf\x0c;\xff\x92\x9d\xea=\xdb14\xddv&gt;\xfe\xac\xee\x03_\x91\x1f\xb8\x81|Wl1\'\xc5\x88\x1d\x06\x85\xa9\xce#\xae\xcc\x83u\x86 RgA\x1f|\xd8\x1d\xf1&lt;\xca\\\x0cU\r;_\xef\x1d\x1cG\xa1\xa0a\x86\x08\xf5\xfe/\xcb3\xe0\xa4\xad\x1c\x8ci\x8f(|\x8c\x10\r\xc6~\x9d\x1bA+&gt;?b7|\xe6HB\x1c\xb2\xef\\"~g\xba\x14r\xe9\x96\xaa\x0b~VHEK\xb9\xc3\x8eo\xfc(\xf30\xc5\x1c\xb2C:\xaa\x1d\x8di\x8a \xc7\\\xd1\x06\xd8k}\xa1\x08\x9f~\xa6\xa1:hN\xefMg\x05i\xaet5\xc4\xfe\xa5]\x0b\xd3\xafU\x191s$:\xdc\xcft\xde\xc2\xd0\x1bC\xef\xbb\xe4\xb5SQ\xb7&amp;H\x96z\x87B&lt;\x8a\xfa&amp;\x00[\x10;\xc5O\xb7Y;\x01\xb0\xf1\xf8\xf6\xbc\x06\x1e\xf6\xb9\x9cS\x1b\x85S@;\x1a\x06\xdb\x0c\xfa1\xa0xn\n"qfogq2\x06\x13{lQ\x82\xf3/\x0b\x1b(\x07y\xbbw7\xa0Z\x06\xbc\\\xed[2A\xec\xa17{\xe3R\x85d\x8f\xfa\x85?\x1f\xd8^\xc4\xd4\xfe\xb7\xde\xb1\xeb\x8a&gt;-6!\xfc\x9f\x19\xfbuA(\x16\xbb=&gt;\xdd\xd2\x07\xc0Q\xe1\xb2\xc7C))\xb7\xb3\x07\xde+J9\x12\x11\xab\x8f\x12\x98\xa7\x03\xa1\x04Eb\xbes\xebR\x03m\x84\x10\xed\xcc\\\xac=\x0b\x9e\x94\t\x96\']$\x13e\x8bk\xe5\xa5\x825O\xef\xa2\xbb\xe9}\xe3\xb4\xcc^\xd0z@\xe8\x9d\x1b^\xfe\xaf\x8fc:)s\x1c\x80k\xd1\x9fU&gt;\x01M\xda/t\xdd\xe2\x02\xb0)\xa8\xfa\x16\xcd\x16\xe2}\xda[\xc85\xc3\x1c\x9b=~\xa1\x11\xf2\xe7\xb1\xbaL\xc7\xd2\xbc\x16\xdd\xec\x85\xb6\xf8&amp;\xc7\x82\xd8\x90\xe7,\xb4\x81\xf9\x0b\x8d0ax{\xa1\x047k\x03\x13\xd1X\x81\xc7sB]\xe0\xd1C\xf5\x82"\x88q\xb4\x8fA&amp;\xf3\x86,\x89\x85\xf1\xb9l\x18\xff[\x16\x1a\xf1q\xe0\x08K\xe2\t\xe6=\xa24\xaf,\xe2%\xa9S\xce2\nT;\xe3\x99\r\xde\xab\xb8\xd3o\xc8\xd0\xc1\xadfwZ:\xba\x19\xb9\xdb\xef\x9d\xe8`f\xa4\x91b\xce"\xe6\xc9\xbc\xac$h\xa9L\\S5\xe1\xc6\xbd\xf3\xb0Q\xb5\x14_\xf1\xc3\x0b\xd1\xa2|3m\xf4\xbd\x0ck\'\t\xf3\xfb\x18\x1d\xedrL\x99\xfd\x95\xba;\x87&lt;\xdc\xb4\xddwx\xb3\xa5\xda8\xf2\xb12\x17\xb8v\x0c\x07\x07\xcc\xe6\xc0`\x1a\xec?\xf4\x87\x07\xd1\x90\x85q\xf4Zr\x9d&lt;1\xf3\xde7\xdb\x1e\xb6\x18\xae\x02\xebI\xbdW\x88U\xaa\xf4d\xa2\xee\t8\x7f=\xce-\x83F\xf8\x80\x05\xaf\xd7\x08\x1d\x89\'\x9e \x0e_\xf9\x06\x89f\x0e\x07\xb6"\xc7\xf4e"\x98 y\xce\x9b\x8al\xd0w\x9a\xf1|4\x15\x7f\x9bilG*9\xd8I\x8c\xdbQ*\xc7\xbc\x9f\xd3\xd2\xb8Y\x90\x0c0\xde\x9c\xc0]\xaaf0i\x07C\xe8\xd8\x8e{f\xcb\xf9W\x84\tgL\xeb/\x893\xb43X-\x9a\x85\'Nn\xfc\x9cQ|\xcd\xd9\xb8\x92\x07\xe4\xfd\rx\xaa\x84\x8c\x04\xaa\x7f\x0c\xc6_&amp;\'\x1d\xf6\xa9F\xfe+ `K\x7fc ym\xaf\x15}\xadwc\xf4#\xb5\xc3\xbe\xc6w\x81 \xa6\n\xd7\x14\xb3\x05\x9f\xcf\x81t|7\x87\xa8\x98&gt;\xc2\x90+\xfb\x00\x96|Y\xef\xe2\xe8\xf7\x00 h|\x9cK:\x1bCK\x9d\xaa\x06\xb0\xd5Dx\xf3y\xb5=?\xff\x9bW\xa5\x90X\xccby\xce\xe1\xf7\x8b\xb7\xe5\x00\xbe,\xfb\\\x0b\x13\xc3g\x81x0L\xc5J\xbf\xd3\x15\xd1\xcdqc`ar1\xc4 o\xe7v?\xb4U\x7f# \xbe$\x06\xca\xbb6\x12\xf3\xff\xe0\'\xb4\x97\xcf\x85\xc1\x9e\x133\xbe\xef0\xa2\xacUl\n\xa1\xd7\x01K\xc0\x82\xc3\x91\xae\xa25l\x9eR\t\x9b\x99\xa0\xfc\xcbhO\xd1r\n}\xdb\xe0\xbcb\xe0\x9e0\x1d\xbe\xae\x02\x9a\x12u\xb3\x8b\x98\x97]O\xfd\xc1\xee\x8e1kg)v\'\x05\xd9\xe0F^g\x932\x97\xc1\xe3d\x12\x9f\xe6H\xb3\xa6\x84\x98\x03\xff5\x9e\x0e\x92\x11\xd4!^\xbb \xe1O\xf4\x08O\xe9\xee!\xdf&amp;\x89\xa7\xb4\x86\xae6\x8b\x91\xb8\\\xc9+\xbc\r\xd1\xd1\x0b\x8b\x83&lt;\xe6\xf2\xb0\x03\x95\xbc\xad\xb2:\x14\x1cs\xd9\xeb{U\x90\x19\x0b1 \x9f\x9aH\xadz\xe1\xff\x0e\n\xf4\xe7\xdfJ\xbe\xea\xe4\xe8\xd4\x1f\x9a"|\x859M\xf1\xd7\x1f33\xbc=\xbe\x8f1\xcf\x06N\x94]qK\x08\xef\xfdM\xa5i\xab\xb7\x90(\x0ct\xc9\x85\x8dy\xb3\xcc\x00\xc6=\x87\xbb[/p\x99\x8a\x011\xda\x8c\xc2M\x9c\x87\x18\x00\x84.\x03\xfd\xe5M\xee\xa0P-\xc4\xc1\xe1\xa2\xf4C\x19 i\xcd,~K\xd9|\\j\x14\xf2\x0b\xef\xcc\x9c\xf6\xc2\xc4}_3\x19v\x017\x95\x87Q\xabw3]\xbcK\x1a|\x02o\xa0;\x83\xb8\xc0&gt;&amp;B\xf0\\\x93\x01mo\xff\xcf\x85\xc1\x9e\x133\xbe\xef\x99\xd4@a\xe7y\xb6^\xd3\xa1q^\x83\xdaO\xd2\x8b\x89\x0e\x8a\x93~}hkRf\xb2\xb7U\xa8L\xda\x81N\xa9\xd8%D\x98:\xdb\xd3\xaaM4\x9fnr\x9e\x83=\x9d\x171\xf1\xa1\x8a\xdajs\xd1RK\x03\xe4\x8aC\x84\xe9\xf4\x9e\x17\x11\x84\xbde_y\xde\xd1W5e\x12\xa1\x0e\xbe\x9fv\xe6\xc6\xc5\x11\xd8\xe5\xd3\xd5V\xffD.\x89\xaa\xbcM\xc3\xe6\xc6\x10$\x89\n?\x00\xc9\xec\x9a\xb8\xda\xa9`\x99\xa0g/\xbb\xdb\xdf\x18a$\xa8\x89\xf4\x0cz=\x90{R\xe2W\xf9\xac\xabhk\x0bX\x81\x0b\xfbl\xe4\xf0\x85d\xb3\x88W\xccJ\n+\x16\xd2\xa3\x84%\x08}\x99\x11a\xa5\x94\x03 \x7f\xb4\x11\xbc%\xe3\xfd\x85\x99\x17\x13\x8f\x05\x95#\x1d\xef&amp;\xedCJ&amp;ae+\xdeA_\x92R \xc7\xd3.\x0f\xc9\x07\x7f\x92\x80:\x11\xec\x12\x9e8\xd0\xe5\xed\x16/\xf9/\xfduT\xb5mT\x04\x1f\xfa)\xb5\x97T\xef\x92RW\xe1\xaa\xc0\x14\xfd\x9a~\xaa\xf4\xe7O?6\xc8\x9c\xdd\x18k0\xa0\xeb.\x07\xee\xf7\x99\xe6\xb1ROn\xb6\xccw\xde\x04\xbb\x90\'V\x10\x8eH\xfb\xc7\x9f\xed\x8b\xd6\xf6\x08{P\x02\xd3.\x8d\xae\x02\xfcO]\xea\xcaD\x97\x955\x84\x96j\xdb\x02\xd3f\x80\xc7\x13F\xd2\x88\x8c\xb3b\xf5\xb4^\x02\xc3\xe4\xd1Qm\reK\xcbQt\xd1\xef\x00\xe7h\xac[\x9e[\x17\x03\x01\xc21\xfc\'\r\xa4\x10\x1f#\x0e\xa6\xac\xbar$\xbf\xd3m\x8b*\xfddpl\xed@2\xfb\xdc\x9c\x82T\x97\xe1\xc3\xfa\xcfD-\xca\xdb3@vwJ\x1b\xf0X\x17Ds\xb1\x8d\xac\xaa\xff\xd4\x0fgC6q\x8d\xeaJ\x90\xf263\x06y\xa3\xea\x96\xa9\x97\xe1XY\xf3i\xd7\x80\\]\xc0\x98\x08U\x03\xdbF6\x81\xe0\xad\xdbQ\x13\xd5\xfc\xf4\r)\xcd\x8b=\x83\xce\xb6&gt;~\x16s\x1f\xd6@z\xdbr\xeb\xad0\xfb\t*\x19c)\xbf[\xd8D\xb0\xb5\xdf\xa4sH$\xd2( H\x93$da\xa7`x&gt;\x9c\x8b\x1b\x91\xf2I\xc4W\xee\\z4\x9d\xdfv\xdfD\x1b\xc7\r-\x18\x98S\x97\x11=\xa6\xba\xcbz\xca~UC\x9d\xc2J\xeb\xc4\x12E\xd0\xc8\xac\x8e\xa2\x17\xc0\x04\xa1s\x95\x014z\xe0\x99\x10\x1a]\xb3\x8c9\xe3d\x9b\x89 \x14\xff\xf5\x9d\x85\xd7\x8b\x9a\xc0n'</t>
  </si>
  <si>
    <t>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</t>
  </si>
  <si>
    <t>b'R\x891\xd5\x90\xa3\xb6\x8f\xea2\xee\x8c\x07\xc5\xc3\xcf'</t>
  </si>
  <si>
    <t>e St. Aubert, and frequently by his daughter; when,
 with a small osier basket to receive plants, and another filled with cold
 refreshments, such as the cabin of the shepherd did not afford, they
 wandered away among the most romantic and magnificent scenes, nor
 suffered the charms of Nature's lowly children to abstract them from the
 observance of her stupendous works. When weary of sauntering among
 cliffs that seemed scarcely accessible but to the steps of the enthusiast,
 and where no track appeared on the vegetation, but what the foot of the
 izard had left; they would seek one of those green recesses, which so
 beautifully adorn the bosom of these mountains, where, under the shade
 of the lofty larch, or cedar, they enjoyed their simple repast, made
 sweeter by the waters of the cool stream, that crept along the turf, and by
 the breath of wild flowers and aromatic plants, that fringed the rocks,
 and inlaid the grass.
 Adjoining the eastern side of the green-house, looking towards the plains
 of Languedoc, was a room, which Emily called hers, and which contained
 her books, her drawings, her musical instruments, with some favourite
 birds and plants. Here she usually exercised herself in elegant arts,
 cultivated only because they were congenial to her taste, and in which
 native genius, assisted by the instructions of Monsieur and Madame St.
 Aubert, made her an early proficient. The windows of this room were
 particularly pleasant; they descended to the floor, and, opening upon the
 little lawn that surrounded the house, the eye was led between groves of
 4
 almond, palm-trees, flowering-ash, and myrtle, to the distant landscape,
 where the Garonne wandered.
 The peasants of this gay climate were often seen on an evening, when the
 day's labour was done, dancing in groups on the margin of the river.
 Their sprightly melodies, debonnaire steps, the fanciful figure of their
 dances, with the tasteful and capricious manner in which the girls
 adjusted their</t>
  </si>
  <si>
    <t>b'\xb4r!0\xa3\xa3\xa0\x9e?s\xc4\xa6\x03Yo\xa0\xb8o\xb7\xc9\xd0\xcfp\x87f\xc7\xc1\xe5tq\x15\xbe\xbfD\xb1\x89\xd3\xf3\xe4\xf7\xb3\xfd\xcb\xf6\xfat\x82!oE\x83\xefT\x9a\xc3O\xda\xe55\xeb\xcd\xa8\xda1'</t>
  </si>
  <si>
    <t>b4722130a3a3a09e3f73c4a603596fa0b86fb7c9d0cf708766c7c1e5747115bebf44b189d3f3e4f7b3fdcbf6fa7482216f4583ef549ac34fdae535ebcda8da31</t>
  </si>
  <si>
    <t>b'\xb4r!0\xa3\xa3\xa0\x9e?s\xc4\xa6\x03Yo\xa0'</t>
  </si>
  <si>
    <t>of circuits. Simple models allow a quick, intuitive un_x0002_derstanding of the operation of a complex circuit, while more accurate models reveal the
 true performance.
 Example
 2.21
 Consider the circuit of Fig. 2.34. Calculate IX for VX = 3 V and VX = 1 V using
 (a) an exponential model with IS = 10âˆ’16 A and (b) a constant-voltage model with
 VD,on = 800 mV.
 V
 R1
 D1 VD
 = 1 kÎ©
 X
 I X
 Figure 2.34 Simple circuit using a diode.
 Solution (a) Noting that ID = IX, we have
 VX = IXR1 + VD (2.114)
 VD = VT ln IX
 IS
 . (2.115)
 This equation must be solved by iteration: we guess a value for VD, compute
 the corresponding IX from IXR1 = VX âˆ’ VD, determine the new value of VD from
 VD = VT ln (IX/IS) and iterate. Let us guess VD = 750 mV and hence
 IX = VX âˆ’ VD
 R1
 (2.116)
 = 3 V âˆ’ 0.75 V
 1 k_x0006_ (2.117)
 = 2.25 mA. (2.118)
 Thus,
 VD = VT ln IX
 IS
 (2.119)
 = 799 mV. (2.120)
 With this new value of VD, we can obtain a more accurate value for IX:
 IX = 3 V âˆ’ 0.799 V
 1 k_x0006_ (2.121)
 = 2.201 mA. (2.122)
 2.3 Reverse Breakdown 53
 We note that the value of IX rapidly converges. Following the same procedure for
 VX = 1 V, we have
 IX = 1 V âˆ’ 0.75 V
 1 k_x0006_ (2.123)
 = 0.25 mA, (2.124)
 which yields VD = 0.742 V and hence IX = 0.258 mA. (b) A constant-voltage model
 readily gives
 IX = 2.2 mA for VX = 3 V (2.125)
 IX = 0.2 mA for VX = 1 V. (2.126)
 The value of IX incurs some error, but it is obtained with much less computational effort
 than that in part (a).
 Exercise Repeat the above example if the cross section area of the diode is increased by a factor
 of 10.
 2.3 REVERSE BREAKDOWNâˆ—
 Recall from Fig. 2.31 that the pn junction carries only a small, relatively constant current
 in reverse bias. However, as the reverse voltage across the device increases, eventually
 â€œbreakdownâ€ occurs and a sudden, enormous current is observed. Figure 2.35 plots the
 device I/V characteristic, displaying this effect.
 VD
 I D
 VBD
 Breakdown
 Figure 2.35 Reverse breakdown characteristic.
 The breakdown resulting from a high voltage (and hence a high electric field) can occur
 in any material. A common example is lightning, in which case the electric field in the air
 reaches such a high level as to ionize the oxygen molecules, thus lowering the resistance
 of the air and creating</t>
  </si>
  <si>
    <t>b'|\x98,\xef\xe7D;(\xf1\xf6\t\xce]\x11\x16\x98'</t>
  </si>
  <si>
    <t>7c982cefe7443b28f1f609ce5d111698</t>
  </si>
  <si>
    <t>. I knew also, from better authority,
 that he was ignorant of it. The party, for some time, appeared inattentive
 to my voice; but, at length, were so much alarmed, that they quitted the
 apartment; and, having heard Montoni order his servants to search it, I
 returned to my prison, which was very distant from this part of the
 passage.' 'I remember perfectly to have heard of the conversation you
 mention,' said Emily; 'it spread a general alarm among Montoni's people,
 and I will own I was weak enough to partake of it.'
 Monsieur Du Pont and Emily thus continued to converse of Montoni,
 and then of France, and of the plan of their voyage; when Emily told him,
 that it was her intention to retire to a convent in Languedoc, where she
 had been formerly treated with much kindness, and from thence to write
 to her relation Monsieur Quesnel, and inform him of her conduct. There,
 she designed to wait, till La Vallee should again be her own, whither she
 hoped her income would some time permit her to return; for Du Pont
 now taught her to expect, that the estate, of which Montoni had
 attempted to defraud her, was not irrecoverably lost, and he again
 congratulated her on her escape from Montoni, who, he had not a doubt,
 meant to have detained her for life. The possibility of recovering her
 aunt's estates for Valancourt and herself lighted up a joy in Emily's heart,
 such as she had not known for many months; but she endeavoured to
 conceal this from Monsieur Du Pont, lest it should lead him to a painful
 remembrance of his rival.
 They continued to converse, till the sun was declining in the west, when
 Du Pont awoke Ludovico, and they set forward on their journey.
 Gradually descending the lower slopes of the valley, they reached the
 Arno, and wound along its pastoral margin, for many miles, delighted
 with the scenery around them, and with the remembrances, which its
 classic waves revived. At a distance, they heard the gay song of the
 peasants among the vineyards, and observed the setting sun tint the
 waves with yellow lustre, and twilight draw a dusky purple over the
 mountains, which, at length, deepened into night. Then the LUCCIOLA,
 the fire-fly of Tuscany, was seen to flash its sudden sparks among the
 foliage, while the cicala, with its shrill note, became more clamorous
 than even during the noon-day heat, loving best the hour when the
 English beetle, with less offensive sound,
 531
  winds
 His small but sullen horn,
 As oft he rises 'midst the twilight path,
 Against the pilgrim borne in heedless hum.*
 (* Collins. [A. R.])
 The travellers crossed the Arno by moon-light, at a ferry, and, learning
 that Pisa was distant only a few miles down the river, they wished to
 have proceeded thither in a boat, but, as none could be procured, they set
 out on their wearied horses for that city. As they approached it, the vale
 expanded into a plain, variegated with vineyards, corn, olives and
 mulberry groves; but it was late, before they reached its gates, where
 Emily was surprised to hear the busy sound of footsteps and the tones of
 musical instruments, as well as to see the lively groups,</t>
  </si>
  <si>
    <t>b'\xa3I\xe5\xc9_\xbf\x0f\xa0\xc87\xde\xa3\xd6r\xb9\x9f\x92\xd2\x8b:9\x06\x1fr\x8e|\xe8\x12\xff\xb1D\xba\xaf\xe5|\x08\xb3*b\xd3\xb6"t*g\xf2\xd1\xb5|\xd3\xb9\xf1\xb5n\xfa\x99+\xc0x@\x8e\xfd\x98P'</t>
  </si>
  <si>
    <t>a349e5c95fbf0fa0c837dea3d672b99f92d28b3a39061f728e7ce812ffb144baafe57c08b32a62d3b622742a67f2d1b57cd3b9f1b56efa992bc078408efd9850</t>
  </si>
  <si>
    <t>b'\xa3I\xe5\xc9_\xbf\x0f\xa0\xc87\xde\xa3\xd6r\xb9\x9f'</t>
  </si>
  <si>
    <t>1350 cm2/(V Â· s) and the saturation velocity of the carriers 107 cm/s,
 determine the effective mobility. Also, calculate the maximum allowable voltage such
 that the effective mobility is only 10% lower than Î¼0.
 Solution We have
 E = V
 L (2.31)
 = 50 kV/cm. (2.32)
 It follows that
 Î¼ = Î¼0
 1 + Î¼0E
 vsat
 (2.33)
 = Î¼0
 7.75 (2.34)
 = 174 cm2
 /(V Â· s). (2.35)
 32 Chapter 2 Basic Physics of Semiconductors
 If the mobility must remain within 10% of its low-field value, then
 0.9Î¼0 = Î¼0
 1 + Î¼0E
 vsat
 , (2.36)
 and hence
 E = 1
 9
 vsat
 Î¼0
 (2.37)
 = 823 V/cm. (2.38)
 A device of length 0.2 Î¼m experiences such a field if it sustains a voltage of
 (823 V/cm) Ã— (0.2 Ã— 10âˆ’4 cm) = 16.5 mV.
 This example suggests that modern (submicron) devices incur substantial velocity
 saturation because they operate with voltages much greater than 16.5 mV.
 Exercise At what voltage does the mobility fall by 20%?
 Diffusion In addition to drift, another mechanism can lead to current flow. Suppose
 a drop of ink falls into a glass of water. Introducing a high local concentration of ink
 molecules, the drop begins to â€œdiffuse,â€ that is, the ink molecules tend to flow from a
 region of high concentration to regions of low concentration. This mechanism is called
 â€œdiffusion.â€
 A similar phenomenon occurs if charge carriers are â€œdroppedâ€ (injected) into a semi_x0002_conductor so as to create a nonuniform density. Even in the absence of an electric field, the
 carriers move toward regions of low concentration, thereby carrying an electric current
 so long as the nonuniformity is sustained. Diffusion is therefore distinctly different from
 drift.
 Injection
 of Carriers
 Nonuniform Concentration
 Semiconductor Material
 Figure 2.11 Diffusion in a semiconductor.
 Figure 2.11 conceptually illustrates the process of diffusion. A source on the left con_x0002_tinues to inject charge carriers into the semiconductor, a nonuniform charge profile is
 created along the x-axis, and the carriers continue to â€œroll downâ€ the profile.
 The reader may raise several questions at this point. What serves as the source of
 carriers in Fig. 2.11? Where do the charge carriers go after they roll down to the end of
 the profile at the far right? And, most importantly, why should we care?! Well, patience is
 a virtue and we will answer these questions in the next section.
 2.1 Semiconductor Materials and Their Properties 33
 Example
 2.8
 A source injects charge carriers into a semiconductor bar as shown in Fig. 2.12. Explain
 how the current flows.
 Injection
 x
 of Carriers
 0
 Figure 2.12 Injection of carriers into a semiconductor.
 Solution In this case, two symmetric profiles may develop in both positive and negative directions
 along the x-axis, leading to current flow from the source toward the two ends of the bar.
 Exercise Is KCL still satisfied at the point of injection?
 Our qualitative study of diffusion suggests that the more nonuniform the concentra_x0002_tion, the larger the current. More specifically, we can write:
 I âˆ
 dn
 dx , (2.39)
 where n denotes the carrier concentration at a given point along the x-axis. We call dn/dx
 the concentration â€œgradientâ€ with respect to x, assuming current flow only in the x direction.
 If each carrier has a charge equal to q, and the semiconductor has a cross section area of
 A, Eq. (2.39) can be written as
 I âˆ Aqdn
 dx . (2.40)
 Thus,
 I = AqDn
 dn
 dx , (2.41)
 where Dn is a proportionality fac</t>
  </si>
  <si>
    <t>b'\xe8Q{\x00\xcaq\xe4f\x14tw\x14Y\xb2u\xe3'</t>
  </si>
  <si>
    <t>e8517b00ca71e4661474771459b275e3</t>
  </si>
  <si>
    <t>d out for rent, but these resources
were insufficient to support all aspects of its civic life and so had to be supplemented,
as we shall see (below, section 5), by financial contributions made by the local elite.
Occasionally cities also controlled land far beyond the boundaries of their immediate
territory, often renting it out and hence gaining revenue from it. Thus in 103 CE 12
percent of the territory of Veleia in northern Italy was owned by the city of Luca,
located 130 kilometers to the south (CIL XI 1147 Â¼ ILS 6675, with Duncan-Jones
1976: 8 Â¼ 1990: 123).
This network of cities was central to Roman governance in several ways. First, cities
served as focal points for the collection of taxes and the administration of justice. The
direct taxes owed to Rome by each province were assessed community by community
and the local civic elites were responsible for collecting and transferring them to the
Roman official responsible for the provinceâ€™s finances (a procurator or quaestor).
Occasionally after crop failures or other problems a member of the local elite might
shoulder a disproportionately large share of his cityâ€™s taxation burden, as occurred,
for example, at Ebusus (Ibiza), where a man bequeathed 90,000 sesterces to the r(es)
254 Jonathan Edmondson
p(ublica) Ebusi[t(ana)] to help pay his communityâ€™s annual tax (tributum) to Rome
(CIL II 3664 Â¼ ILS 6960). For the purposes of jurisdiction, the communities of each
province were grouped into assize districts (conventus), each with a single city named
as assize center. Hence, for instance, the province of Baetica had four juridical
conventus, centered at Corduba, Astigi, Gades, and Hispalis; Hispania Tarraconensis
had seven, centered at Tarraco, Caesaraugusta, Carthago Nova, Clunia, Asturica,
Lucus Augusti, and Bracara, while Lusitania had just three, centered at Emerita,
Pax Iulia, and Scallabis (Plin. Nat. 3.7, 18; 4.117 respectively). Similarly, the province
of Dalmatia was divided into three conventus centered at Salona, Narona, and Scardona (Plin. Nat. 3.139, 142). The Rom</t>
  </si>
  <si>
    <t>b'*I\x87\xc2g\xd3\xa5\x84\xa1?\x07L\xc9\xb5\xa2H\xd7\xd6\xe2\x7f\x95W\xff\x98\xa6#\x8c\x11\xbf{\xb1\xa9\x0b\x8f\xc8\x99\xf5b\xad\xe7\xe2g\x16\x82 \xb6\xc1\x9d\x05\x983B\x1dY\xf3\xb4sPlr\x12\x03\xbe\x97k\xff\x93\xc2pB\x14)\x19/\xb5s\t\xa2\xf1\xb8\xae&lt;\x82\xd8\x0c\xfbsc\x10I\x0fA\x89\x8e\x8b\xd3\x18\t\xdf(\xe8\xd4[!\x05H\xeb\xfb\x82\x05\xech\xc9\x12\xb1\xe7ON\xe7\xeb\xc8\xa7\x19\'E\x16\x10\xb6\x0c\xa58\xa5)\xceJ\xb4\xc2\x16\xfd_\xc9\xe8Z\x95\xf4O\xbd[\xa3h"3\x082o\x1d\x80\xd0\xbb\x95\x0f\xd8,\xc7x\x01\xba\xffv^\xee\xbc\x95o\r\xd6/\x8f\x1b4n\xfbO\xa0\xe4IHD\x0e&amp;\x0c\xae\xeaj\x03\xe6\xf6\x02xq\xc7\xe3h\xc7D\xba\x8a\xb1i\xe3\xb9\xdfR^\xb6\x8d2$\xbd\x1b|\x04\'8&amp;\xcf\xb1\xe0\x91\x81A\x97\xe1\xd4L\xdec\x0bM\x89=\xc6E\xe0Q\xb3H&amp;\xf3\xb5\xd8O\x0bl\xf7\xc2\xec\xebo\xb3\xcav\n\x05\x01C\xb5\xfbL\xbc]\xfe;\x0e\xe7sY\xe3\xe7\x83\xae(\x19:b\x85\xab\x1e\xe5krt|Q\x987\xd2\x00\x9e*\xc2G\x8bN\x19:j\xad\x8f\x1b-V\xba\x1f\xc4\xbd\xb4]5\x1a\xb2X\xe7b\x04\xc6?k\xf6\xc0\xe1\xcb&gt;\xbd\xdc&gt;\x93v\xa0\xea\x8e\xdcH\xd2\xc2\xe8\xae\xea\xd3\xc4\x81z\xff\x9c\xdb\xdd\xfd\x96}O\x13\xb3\x9b\xc5c\xbb\xf5\xb2\xe59&gt;\xbe\x95\xcef\x8bN\xc2\x06\xf7!\x03\x0ecV\xb4\xc0\xe1\x03B\x9c\xa3\x0ei\x0c\xb5\xbfr\xe3X\xbbH\x12&lt;3y.\x07\x85K\xfd\x1b\xc6\x06k\xa3\r\xb6]\xda\xaf\x17\xc6\xe8;f\x08\x9f\x851FG\x85\xf1{\xb3\x13\xa2\x81\xae\t\x84\xa4\x97\x1c\xb5\xfd\xdc\xc4\xb6\x8fJ?r\x16\tK\x8a)\xcb\xba\\E\xbb\xc9\x1byq\xdf\xf8\xf1 \xbfb\xdc\xeb\x83\x1c!g\x81\x02}\x00+&amp;\xfe\x90\x1fG\x8a\x8c\xacM\x13w\xc0\x87Z\xa4\x98\x01mA2^\xea\xf9y\x8e0\xcf=$\xd4\xaf\xd47^\x9a\xa1\xb9{\x06\xe84~\xa6KWM8!s\xe8\xd7*\x18\x02H=@S\xd7{{e\x14\xe8*\\\xf2\xd0\x80R\xae\xda\xe6a\xca\x13&lt;\xbe`\xfdk\xe8J\x15v\x84\x06\xec\xd7@\x85TU^\x96\x13\xcf\xc2\xae\xd2\xc82\x14\x11%\xa0\xa2\xb21\x11@^\x9e*8@~\x8c\x92\x18\xb5\xe50\xda\xb6&amp;V\t%\xfc\xb3w\x0c\x92Q\x13\x01\x12|\t-\xa7\xcf?\xdf\xfa;d,z\x88\xadB\xc7\x1bE77\xfdy\xbe{\x98\xd0\xb9\x1e\xcaMk\xc7\x8b\x1a/+\x06&amp;Q\x05\x97d;\xaf\xc6\xb4\xef\xaagW\xf2\xbe!\x96\x9c\x10~\xb7\xaf\xcb\x04\xa9U\xe5#Dq\xdfk:&amp;\x0eg\xc5\xfd2\xe7ip\x9e\xe2,\xefk\xd8)\xdf\xfb\xb11\xd1\x1d\x98\xf2\x15\xf0\x9b\xdc\xd2\x18r\xcb\x98J\x9d\x13\xc2\x0f\xe9o\xb3\xce\x80\xe7\xa7\x92\x19\xbd\xaf{\xc8\x11\x07\xdc\xbc\xa7\x0b\xcb8AK\xfaK\xa4$\x1f\xd0\'\xfbr\x1d\xfd\xa8\x08Y\xe6B9\xf2\xe3\x84\x19Y\xa1\xfb\xf0\xa0@\xf6&amp;\xa1\xc1=\x13\xd41\x81\x93#?\xfd\x84\xec\x99\xb2\x94V\xac\x96\xe9\x9b\x86\xbeT}\xab@\xad\xd7\x988\xed\xec7\x7f\xc3nV\x17\xf4#\xe2\xcbds\xd2S\x83\x85\xae\x88d?\xe0\xf9A\xc3\xa8\xa9\xc9\xdf,,\x86_uO\xebt\xb3\x88\x1e\x94&lt;\xf6\x9d\xbarU\xfc\n\xbd\x9c\xed\xf3\xa2\xdbH,#mu\x0c\xa2\x9a\xa1\xc6\xe1ku\xafk4fG?\xe8\xc6?P\x8f\x95aCw\x16=\xbaN\xdd\xd1#\x1b\x1a\xccUn*a\xb4be\xc1\xed\x12\n"ck\xb9\xc8\xaf\x06\\B\x90F%\xc5\xd4\xcf\xf6\x9dg%\xf3\x82l\xd1Pk\xd7{Z\xf3\n\xd2 \xda.\xe7\x14\xc3\x89\xa5\x06-\xfe\'\x80\xbe\xbb\x1b\x0b\xb9|\xde2\xf5\xc6(?D\xf9\x00}\xbb\xef[\x91\xd3\x0ckG\x03\xd9\xf0h\xa1e\x88ZZ&lt;\x96E\n\x8b\xe23\x15%Q\xfeK\x9d\xd3C\xcb\r\x1cl\x88k\xd0\xa8\x10\xebF\xa9\xf2k\xc7J\xb0\xff\xc3B\x95\xceqN\xd7=\xca\xb7a\xfb;!u&amp;\x99:\xc1\x8f.\x8e\x074\xd7+\x9b\xa5o\xbbF\xb95w\x0c&gt;\x16\xde\xe4Q$O\xf6\x9d\x0b\xef\xa0Z\xc6m1vJL\x16[Y\xab\x08\x96\x03\xc3\xb2\x037F\xa08\xff&lt;p\xaa\xb2lZ\xeaEDx\xc55\x86\xe9\xdf\tt\x8d\xd9@\x89\xc4r\x1cH~^\xd5\xee\x86tsVJ\rG\xe6\x94$\xab\x80\n\xf1\xd7\xad\xe0\xb1\xd8\xbf\xf1k\xdd\xbc\xe9A\xda\x8d]\x1bX\x8f\xbd\xce\r\xa6g\'\xcfp\'\\\x93!\x96\xda\x96\tJ7\xb1\x15\xa1\x16|\xcbN\xec`\xbc\x97\xc9\x15S\xee\x1b\x92b\xdc[a\xe4\xbbt)\x11\x14\x8a\xc1E`w\xb6J\x9a\xc0\xad\xde\x13\x0c\xfc[\xaa\x0b\x88J\xc6\xf1\xcc\xbb\xbb\x879$Un\x8d2\x1a\x10\xda\x1a\xe8C\xbd\xea\xe2\x7f_\xdb\xdbR/\xff\x1af\x9d\xe6F\x19\x8f\x84e-\xe8\xe2\xe6\xdb\xe9\xa9\x89\\\x1fe\x19\x1b&lt;&gt;`\xa5\xce\xb7s\xd9\x86\x8f=7]\xa2\xee)\xbdl\xac8\r\xf0\x0c@0~\xb4\xdf\xdd\x84\ri\x1cd\xb3*nQ\x9d\x05U\xe2\xbe!v\xff\xd99\x16\xe7\x9b,9+\xe1\xfa\x80\xcb\xae\xe9\x84\x00\xae{\xb6U\xb1\x04\xed\x95\xa8\x0c\xdf\x01\xf4\xfb\xf3\xdb^\xfck\x07\x861\xab:;\x15\x1f;\xac\x037\x9c\x90\xd4\xbf\xf5\x05\xd8c\x81`\xe4+Y\xa8\xf8\x1e\xd9a\xd4\xed\x95TfCFnTQAy\xcc\xbcB\x05\x83\xf1\xf9\x91\xa1\xf6\x12;\xe6Y\xdf\x0f\xe2\xeb\x9d\x17SKT\x94\xed~&lt;\r\x1e\xd4,C\x99\xe4\xae\xb9\xa9\xc7\x1d[q\xa4\x8f\xb2\xee!\xf3\xe3\xaf\'P\xe2\x9b\xd5\xf2\xe9\xf7j\x1f}\xdaf\x97M\x1a\x1d\x01\xf3\xcbE\xd1\x9eB\xd3\x04$\xd9\x1f\xd0D\x1fU\xfa\x86UJ(\x9eES}\xf0`\xbbtD \xf7\x03\x9c\xe0\x19\xae|#\xd9\xa0\xa9\x16\xb3vv\xd8K\x81\xfd\xb5\x03]\xbe\xec\xb7H6\x8c!\xd1\xa9\xa0{\x90\xb3\xf6\x10=\x1b&amp;\x06\x8a1;D\xc0q]\x14\xf7\x06"\x18@\x90\x8b\tj2u\xbb\xa3\x95\xc4I/\x1e\x80\xce\xf2`"\xc4E5\xc0k\xbe\xc7\xa0\xfd\xf5\x1a\xb0Mz\xfbe%\xdd"L\x18\xd8AT\xeby|\xbd\x15SBR`\x80j\xe0Vq\xfbim\xd9\x18Q\xe0\xebKlG)\xf4\xd6!\x08\x7f\xbdZ\x01\xbd\xef\x9e\xe3\xe1\xe5"~A\xa50\xc9l\xf0\xf0\xa6\xbf\x0b\x15\xb8P\xa8b8\xdc.\x96\xd0\xc9S#\xaa\xd6f$\x1d\xf6\xed\xa6x\xb2\xb4\xc9\xb2\xbc\x98\x92\x93\xd3\x93F ;\xff\xe5\xee\x07\r\xedn\xb5I\xfax.\xccXv\xeaR\x17\xfa3\xdf\xa1\xf5\x197H\x89o\xf2\xdfY\x81\xa5\xb0\x8d\xb9\x9a\x0f\x9d\xb5\xc4\xcf\xd5\xe1N(a\x93\xcf{\x84*Q\x1b\xc0\xe08\xfa \xbc\xdcB\\\x1c\x15e\xf8\xfax\x05\x0e\x0b\xa9\xe7\xbf\xc1\x8e\xb9\xdd#\xda\x05\xc2\x88\xfb]-\xb3\xa3g\t!M\xf4]\x8a\x97\xa4\xd0M\xf2\xb8\x10v\x13UWF\xabt\xf2\x1b\x9a/\xf1&amp;h\x9be0\xc8W\xa9\xe8\x84\x8d\xa7\xd8\x81\x06\n\xa5U\xc2^r\xca&lt;\x9c=,@\xbf\xca\x9bD\t\x9fW\xcd\x14*\x91\xfe#\xe4P\x8c%)\x036\xc1R\x07\xe9U\r\x8d4\xc6\xc7\x99D\xe2\xc1G\x1e\x8c\xab\xd17K\xf0\xdb \x9bj\x15\x8cG\x1d\x95\xa8\xd8\xf3\x98\xf2\x01\xdd\xed\xf9\xcd\x82\x82P\x8b\xba\xcf\xeet\xcd\xa13\x93\x94V\x7f\x87\xcf\x04z\xe6R\xc0\x17K\xbe\xacgC\xea\xb8\x1a\x97f\xb7\xa5\xf0\x06\x18&gt;\xa0y\xdf\x0eK\xfdo\x14\xa5\xc5\x86\xadW\xe6}\x8c\x93ao\xa1h\xf1x\xdc\xbdGM8$E2mO\xf9\xa8\xb9F\xe80\xb0C\xff*\xd1N\xcc\x1f^\x0f\x03\x98\x01}yn\x87\x1b\xb3[O\x9fm\xbf\x93\xdc\x1c\x11\xb6T\x94b\x01$\xc0\x9d\xa1*\\W\xaf\xa6\x1f\xaa5\xda\xe7r\x01:j\xba\x00\xd61\xa2\xa8\x9d\x034\x7f\xbf\xb4\\\x98K\xc9\r\x03\xa0\x91njB\x91\xe2&amp;\xe3^\xac\x060=\x99_(v\x18,\xe7uzM\xb1\xc5\xaf#G\xeb\xe2p\x90\x8a$%\xf6)N}o0\xa91\xe2=@\x1d\x85\xe1\xdd\x99Q-x\x17\x99c\xf0v\xa8\x7ftTWg\xc0\x06]\xdf'</t>
  </si>
  <si>
    <t>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</t>
  </si>
  <si>
    <t>b'*I\x87\xc2g\xd3\xa5\x84\xa1?\x07L\xc9\xb5\xa2H'</t>
  </si>
  <si>
    <t>esented a violent
 contrast to her, armed as they were with naked sabres hung at
 their waists, and long damascened pistols, and bearing a
 corpse on a palanquin. It was the body of an old man,
 gorgeously arrayed in the habiliments of a rajah,
 wearing, as in life, a turban embroidered with pearls, a robe of
 tissue of silk and gold, a scarf of cashmere sewed with
 diamonds, and the magnificent weapons of a Hindoo prince.
 Next came the musicians and a rearguard of capering fakirs,
 90
 whose cries sometimes drowned the noise of the instruments;
 these closed the procession.
 Sir Francis watched the procession with a sad countenance,
 and, turning to the guide, said, â€œA suttee.â€
 The Parsee nodded, and put his finger to his lips. The procession
 slowly wound under the trees, and soon its last ranks
 disappeared in the depths of the wood. The songs gradually
 died away; occasionally cries were heard in the distance, until at
 last all was silence again.
 Phileas Fogg had heard what Sir Francis said, and, as soon as
 the procession had disappeared, asked, â€œWhat is a â€˜sutteeâ€™?â€
 â€œA suttee,â€ returned the general, â€œis a human sacrifice, but a
 voluntary one. The woman you have just seen will be burned tomorrow at the dawn of day.â€
 â€œOh, the scoundrels!â€ cried Passepartout, who could not repress
 his indignation.
 â€œAnd the corpse?â€ asked Mr. Fogg.
 â€œIs that of the prince, her husband,â€ said the guide; â€œan
 independent rajah of Bundelcund.â€
 â€œIs it possible,â€ resumed Phileas Fogg, his voice betraying not
 the least emotion, â€œthat these barbarous customs still exist in
 India, and that the English have been unable to put a stop to
 them?â€
 91
 â€œThese sacrifices do not occur in the larger portion of India,â€
 replied Sir Francis; â€œbut we have no power over these savage
 territories, and especially here in Bundelcund. The whole district
 north of the Vindhias is the theatre of incessant murders and
 pillage.â€
 â€œThe poor wretch!â€ exclaimed Passepartout, â€œto be burned
 alive!â€
 â€œYes,â€ returned Sir Francis, â€œburned alive. And if she were not,
 you cannot conceive what treatment she would be obliged to
 submit to from her relatives. They would shave off her hair, feed
 her on a scanty allowance of rice, treat her with contempt; she
 would be looked upon as an unclean creature, and would die in
 some corner, like a scurvy dog. The prospect of so frightful an
 existence drives these poor creatures to the sacrifice much
 more than love or religious fanaticism. Sometimes, however, the
 sacrifice is really voluntary, and it requires the active
 interference of the Government to prevent it. Several years ago,
 when I was living at Bombay, a young widow asked permission
 of the governor to be burned along with her husbandâ€™s body;
 but, as you may imagine, he refused. The woman left the town,
 took refuge with an independent rajah,</t>
  </si>
  <si>
    <t>b'\xad\x19\xe2\xe98{h\xc2\xa0W\x8a\xbd{\xcf\xd1\x0eelZ\x0b2\x7f\xf3\xb6\xf3\xe2A \xef\x92\xe7\x7f'</t>
  </si>
  <si>
    <t>ad19e2e9387b68c2a0578abd7bcfd10e656c5a0b327ff3b6f3e24120ef92e77f</t>
  </si>
  <si>
    <t>b'\xad\x19\xe2\xe98{h\xc2\xa0W\x8a\xbd{\xcf\xd1\x0e'</t>
  </si>
  <si>
    <t>improve the natural environment including forests, lakes, rivers, wild life and to have compassion for living creatures;
(h) to develop the scientific temper, humanism and the spirit of inquiry and reform;
(i) to safeguard public property and to abjure violence;
(j) to strive towards excellence in all spheres of individual and collective activity so that the nation constantly rises to higher levels of endeavour and achievement;
1(k) toprovideopportunitiesforeducationtohis/herchildor,asthecasemaybe,wardbetweenageof6and14 years.
         1. Subs. by the Constitution (Eighty - Sixth Amendment) Act, 2002
                 Preface
The technology is changing very fast. The invention of Electron was breakthrough towards the modernized shape of Electrical, Analog Electronics, Digital Electronics and Nanotechnology. From Electron to Electronics, from Diode to Transistor, from Transistor to Logic Gates from Logic Gates to Chips (Integrated Circuits) and further advancements in Nanotechnology and applications of Micro-Electro-Mechanical System (MEMS) has revolutionized the electronics area.
Any advanced technology is basically dependent on basic concepts. Keeping this in perspective CBSE has introduced Electronics Technology as a Vocational Course at Senior Secondary level in class-XI (Level-3) and class-XII (Level-4). The Basic Electronics, Student Handbook for class XI has been designed to help the students to understand the basics of electronics. The units of the book have been designed in a way that students can get the concept of basics in se</t>
  </si>
  <si>
    <t>b'\x1d\xca\xc9^\x15\x10\xa6\xde\xf7;GE\x17|\xa6hD\xaf\xce\xa44`\xda\xff\x9a\x12\xae1:\x17^\xbaOQ\xd0\xc4.\xfd\x1e\xda\xcb~\x93$\xf6\x1e=\xbf\xc0\x80\x19\xe5\'\t\x147\x8b\x87\x97.\xa6\xa7\xdf\xb7E\xeas\xe2\x8b\xfe^\xd4\x1fr\xe1\x05M}\x0f\xf1\t=\xfc\xef\xfb\xda\xd5\x05x\xf5\x9fB\x063\x99\x0f\xd4v1\x8fY\xbb@\r\xd5~P\xde\x97\x98\xe4\xbf?&gt;`=\xcb+q\xf9R\x12S\x93Q0m\xf6\xb0\xc0\xd5\xdc\x03\xa2\xf1\x19\xa2+\x01\xb6\xe0o\xe4\x88\x96f\xc6i\xa0\xdfBF\xecW\x10\xdb\x8fd\xfb\xc7\xd3r,1\x80\xf8\x0c\xe0\x01\xe6\xb7\xe6B\x064\xb0\x18\xd1\x8ab\x87\x16\x02\x9cce\xac\x8b\xe2$\x11y\x82`\xf8[\x9ce\x92l3\xdd\xaa\xf9\x02\xc8\n\xe4\xc9fc\xe9\x9c\xd4!\x9bm\xbe\x9b\x85\x1f\tC\xe6z3\x83\xe2\xdd;\x88\xbe\xff\xe7\xa5)\x0f\xb1\xce\xb8\xba:h{\x1c\xbb\xb6\x87\x86{\xca&lt;\xdc\xe6\x80\x9b\xe5Z\xcd\xabe\xa5=)\xbeX\r\xf7\x10Z\xaf0\xa6\xed60P\x8a\xcd\x11jN\xf8m\xf3&amp;{*\xfc\xbb,\xbf\xca#\xc4\xa9\xe2\xbe/\xb3\x1a\xcb\xcej\x00O\x85&lt;+Ak\xd9\x95\xe3V\xfc\x9ehn\x89\xc5\x8bRov\x12\xe0\xbd\xee@\x15\xe0\xa9\xc5\xb2\x1d\x89\xe0;\x92/\x06;\x8b\xe1\x94\x07\xc4U,\x04\xd3\ti\xce\xe9\xba\xce\x9d)b\xa2\xff\x07\x95\x8a\x1f\x80UgqY\tE\xeaKN\xa9\x85ef\x0e!\x00\xd8u\x9c\xa5\xfe\xd9G\x03\xa8^p&gt;\xd8~\xaf@5\x1f\x96C\xfce\xa0\xf8\xa6\xc7Q\xa1\x16\xbc\xf61V\x9d\'\xe7\xf5\x8f\xa6\x07\x03dT\xb7\xb5\x14,\x9fY?\x11M\xda\xfd\x89\xbf\x94Q\xa2\x9f\x87l\x0b\x81-\xc4S)\xe0\x02\x00\x82\xa77\xfc\xdb\xb6\xbf\xb2\xfcb\xa9a\xc2\xbe\x17\xa7\xe7.\x1d[/\xa3\x7f\x84`&gt;\xbfooJ\xc0\xe8\xfce\x84\xc9\xee\x89K\x18\xfc\x1a\xd9\x98\x0b\x1bo\x0f\xca\xb3\x1f\xa2\xac\x10\xa9N\x81\xaf\xf6K\xbeA\x9aR\x15D\xf9\xaa\x80\x93\xfdT\xb5~\xde\xa9\xf5.\xd8\x7f\r\xbdE\x08\xcc\xc3\xfeM\xd1#\x00]\'\x03\x8c\xf2\xf7\xaf%\xbd\x93\x16\x11\xac\x8c\xa3\x1d\xc8,\xc81s\x82\x1f\xd5\xe3"\x99\xf2\xdd\xd0\x89\xab[\x14V\xe8\x07\xc0\x8b:\xa59]\x93\xdd\x08\x90\x96\xf9\xb3f\x9c\xb8\x15\x8a\xc4\xe2R\xc1\xe2\xe5r\xfeS\xaf\x1bx\x14\xd0?\xd3\x8f\xe68\'\x06\\\xb7\xcb\x0cm\xb3\xf5\xd2\xde\x96\xb6\xd3\n\xf4\xce\xbeNN\x1e\xa3%\xdd\x1c\xe2\xd8\xb3y\xea\xcb\x03\x93\xa7\xf6HR\xd2\x00\xbd\xb4&gt;\x17\x10\xc6\xe1\xbbgx$J\xbe\x0f\xac\x86=\xa2\x14\x1a\xc4\x92\x06\x9f\xd9\x08\xeah\xb1\xe4\xf3a\x8d\xdaw\xb3F\xf2X\xdb\xc92\xc5\x97\xeb\xa2\xc3\xa0K\x8bu\x18V@n\xf3!Bx\x1a\xfes\xc5\xf5\xc2R\xd4\x88\x94L\xfd/,\x08?\x18\x7f\xcd\xb6\xa9\xda!\xa7\x1d\xa9\x0c_\xde\xe3\xd4\xd2\x84\xd7{w\x07\t\xb2\xea\x81\xd9&gt;\xe7\xa1\xee\n\x83\x90\xa7\xd7\x11\xa3m\xc7\x99\x17:\xa5\xa4V\x87\x150(\xb0\xf3\xce\xd1\xbdHX\x95SG\x0b\x00\x0fT_}_\xc5\xa9\xcd\xb120\xd4\x82\xfc\x01\x02\xa2\x1f\x85\xf7\x928\xed\xf0\xbe\xf3\xaa\x96~I+\xc5!\x95\xc3pm7f\x1eP\t\x15O|\xeb\x8dw\xbe\xe5\x199\xe9:\xf7\xf1~\x85\xef\xddr\xa7\xd2#\xd3\x92\xfd\xf4\x81\xb2\xa4]\x13\x0ff\x16\n\xfc\x87K\x19\x80u\x1fQ0\xf2\xdb2\x8fr\xf6\xb0\xb2\xdcR\xd8\xb7\xf6\xf3\x82"\x80\x8fC[\xee&lt;g\xa6\x81e\x1a\x9f\xf36\xd1oA\'g\xc9&gt;^\xc1\x03g5\xbd"#\x8dp\x8bd\xa2N\xbb-\x95w\xa7m4\xd9\xffS`\x170\xba\xb3\x12\xb3\x1f\xd5\xee&lt;\xe4=M\xee\xa0\xdc\xf3\xeal\xa3\xa6\xae\x08\xfbW\xd4\x08W\xa12\xdc\t\x89\x81\xdf\xe6\xa5\x1c\x82u\xf7\xa9\x15\xcd\x9d\xac\xf5$\x8d\xaal\x83\xf9L*\xb3\xa2\xa2\\rdJ8\xd7\x11[[?\xb9\xed^\x02\t\'\xe0A\xbf&amp;\xa6\xdf\x81\xbf\xf0\x7f[Y\x9b|7\xf7m\xd9\xa6\xf6\xed\xda\xe3\xb2Q\xea4\xb6\x03!|\xc6\xa5\xdc\xbdi\x0e\xe1\x08\xa6\xf4\x841\x10\x14\xb8Z\xb1@N\xc9\xc4\xd4\xe0\x85\xd9\'(&lt;\xa1^\x1fZ\xd0\x045\xf3;"\x0e\x06)D\xfd\xf5\x816\xa9\xf5\xce\x9a\x19e\xdb\xca\xb7\xcb\x96.\x8d\x06\xf2*\x11\xe8}\xd44=\xff?\x8f\xb9W\xdf\xe2\x13\xc2G\xe5\xd6qu\x19\xd9U\tg\x02\x10).\xf6\xea\xdc\x03\xd7\xf2\x9e\xc2w\x15\x8c\x190\xa3{{F\x85\x19{\xf5g\xb3\xe0\xae\xba\x98w\xc3\xef\x95\xeb\xba\x8ct&lt;1%\x9b-\rO!f8Q\x0f\x96\x0c\x99\xaa\xf4\x84\xb2\xc4\x97 \xcc$\xca\x9a\x0c\x9f\xfa\x83\xa0\xd3\x8a\xa7\x8f\x97%\xe8A\xe5\xfc#\x84:t\xf7\x98j\xa3\xdd \xfb\xa4\x92M\xcb9\x02\xa7\xbe\xd2\x92\xcd/\xab5M\xc2\xc0\xc2\xfa/\xa5\xb3\xf4r\xdf\x05r&gt;QN\xb8V\xf4{\xe7\xf5A\x7fp\xa2+\xee/\xd8\x00\xab`n&amp;\t\x12\xd6\\\xdf\xc0\xe4\xd44\x1f\x87\xb7\xba\xb0\x8b\x91\x0fu\x9e\xacG\x89\x8f\x01(\xb1/\xed\xc9\xdf\xf9\xdd\nR\x91kFP%J\x1f\xbe\x13\xb6\xd8\t\xa7\x0c2\xee\x0b,\xba\x90\xc8\x9d\x03%\xfe\x00.\xee%\x05\x04\xf7C6\x04P1\xa6\x92L\rB\xb35=;\x9d;.\xe4A9EL\xf1\xc3\xa6\xfa\xfa\xe1\xb14\x92\x17\x88\x80\xb3\xe1\xdb"\xc6P\xbd\x86\xa8\xec\xeb\x8f$\xb9n~\x8dE\r/\x16\xdc\x19\x00\xc8\x83\xf9\xeb%^R\xfe\xf6\x96b\x97\xb4\x9c\xe43\xc1OJz\xfb\xbf\xf9\x160`\xe9\x1b\xe6\xe0\x0e\x83\xdemD\x98\xcc\xe6i\xfa\xfc\xb7\x07\xe4X\x98\x90\xc0\x05\xadz\xdaZ\xa3w\xc6\xdfI?\xbc\xb6\xfd\ru2p\xb5\xc8hf\x8b\xa66\xc0)\xdf\xee\xb9_\x1bR\x9c\xc9)@\xdaSDqO\xfe|\xb6\xfb\x83\x0e\xab9\xf5\x1f\x13^r\xb3CP+C#el;\xc6\xa4\xbe\xa9d&gt;\xf8\xe0x\xc63\x16\x0f\xe5*\x10\x99\xeb\xd1\xd7\nk\x04@\xf4\x84\xa9i\xca\x94x\xc8a\xa6\x9b8V\xd6\x9a\xc0k\x88$\x1a\x16G\x14\xc6\x99m?'</t>
  </si>
  <si>
    <t>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</t>
  </si>
  <si>
    <t>b'\x1d\xca\xc9^\x15\x10\xa6\xde\xf7;GE\x17|\xa6h'</t>
  </si>
  <si>
    <t>the companion, we might have been the 
 first that had ever anchored there since the island arose out of the seas. 
 There was not a br</t>
  </si>
  <si>
    <t>b'\x08\xd9OI\xce\x8fQ\x83\xe2\x0c\x9b\xd7j\xc8@ \x08\x86[xyp\x91\x97\x05\xb0\xdfK+\x12\xec\xd4\xc8\xe8\xb0c\x0b\x06\x01\xe6\xff\xc7\x00\xd5\xc4\xfeYl\x08f\xb0n\x93\x90}\x1a\x06\x05\xbc\xcb\x85\x02\x08\xb17Hn\x87&lt;\xf7\x0c\xdaR\xddF\xd9~?h\xfa\x94^q\x8c1dZ\xc9S\xff\xb3\xf1\xdaa\x93w\xb6\xe0\xc4"2\xafM\xd7\xa7iN\x1d/z\xbe9iZ\xc0\xae\x02\xe6\xe0\xd0qXy\x89\x1f\xe0\xa3\xf1W\xb1@\x1bL\xb1r\x0e \x00\x930*-n\xda:\xac{\xf2c\xa2\x96+\xdd\xd3\xeaUWD|\x8fT}\xf0;\x8a\xb5\x18\r&amp;\xb8\xc6\xdai*\x84\xcb\xed\x82=\xa4\x04\x92\xfb\xed\x85\x1f_!j&gt;c\xb5\x91\xa6X\x85\xbb\x8b;\xe1\xe1C*=@\xbdV]\x8e\xd2\x1a\xd3\x1b\x99\x15\xa4\xd6\x9bJ\xdfQ\xa5\xca^\x0e\xb6\\5A\x8f\x1d\x97\xc7\xd3\x98\x0f\x01\x85\x00T)m\x122\xe5\xbf\x19\xadc\xed\x14\xc7U\xb5A\x93\xd9\x9dog \xe3\xde\xf1\xe5\x14\xc8u\xb5\x93\x19g\xean\x85\xee\xe9\xfe\x84hZ\xf9\xb5\n\x7f\x9c\xa1\x0b\x1fP&amp;PI*\xdeN\xfd\xdd\xden(\xdc\x16\xc8\x9b\xba\x95\xc6d\xc9\xe7\x03(\xb1\xd4t\x9b9p\xaa\xcd\x834;\x99?\xcewg\xd1\x8e*M\x1c/\xff=\x07GVe\xda\x1ca\xdbm\x86\xca\xe2\t\xd8\x90\xe4\xa4s\xa5\x03\x04\\QT\xc6\x15g+\xf2\x85\xed\xddBB\x11\xaa\xda\xc7m\xa9\x12S\xd7\x18\xbe\xcb\xc5w#\x1f]\x134\xc6\xe0@\x8f\xfb}U\xaa-i\xc82/`&amp;NS\xe7N\x0bN]\xe9js\x7fU\xab\xcb&gt;E\x00Nr\xc6\xb4\x02\x0c\xcdS.\xb5\x83V\xb8L\x9e\xb7f\xd92&gt;\xeb\xc3#\xec\x19\x86\xb7X\x87\xdc\xa9\xa1\xb4\xc9dJ3\xa9/j\x85 \x9c\x8b\x172E\x19vCe=L\xc6"@\x95\xdb\xab\xd4\xd1\x0f\xd3\x15V\x13k?\xb0\xba\xa8=\xcaX\xd5\xd7\xd1q\xcb\xad\rF+\x11(!\xfc\xa8wM'</t>
  </si>
  <si>
    <t>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</t>
  </si>
  <si>
    <t>b'\x08\xd9OI\xce\x8fQ\x83\xe2\x0c\x9b\xd7j\xc8@ '</t>
  </si>
  <si>
    <t>a very high input impedance which shows a high degree of isolation between the input and output circuit.
(ii) The operation of FET depends upon the majority carriers (i.e. electron in n-channel and holes in P-channel FET) which do not cross junctions. Therefore, the inherent noise of tubes (because of high temperature operation) and those of ordinary transistor are not present in a FET.
(iii) In FET the risk of thermal runway is avoided since it has a negative temperature coefficient of resistance.
(iv) A FET has smaller size, longer life and higher efficiency.
  86
                 Disadvantages
(I) Since FET has high input impedance the gate voltage has less voltage and has less control over the drain current. Therefore FET amplifier has much less voltage gain than a bipolar amplifier.
There are two major categories of field effect transistors namely:
(i) Junction field effect transistors(JFET)
(ii) Metal oxide field effect transistor (MOSFET)
(ii) Construction and Characteristics of JFETs
JFET are of two types viz. N-channel JFET and P-channel JFETs. Generally N-channel JFET are preferred.
Basic Construction (Fig. 14)
In an N- channel JFET an N-type silicon bar, referred to as the channel, has two smaller pieces of P-type silicon material diffused on the opposite sides of its middle part, forming P-N junctions as shown in fig.14. The two P-n junctions forming diodes or gates are connected internally and a common terminal called the gate terminal is brought out. Ohmic contacts are made at the two ends of the channel-one lead is called the source terminal S and the other drain terminal D.
The silicon bar behaves like a resistor between its two terminals D and S. The gate terminal is analogous to the base of an ordinary transistor (BJT). It is used to control the flow of current from source to drain. Thus source and drain terminal are analogous to emitter and collector terminals respectively of a BJT.
Operation
Let us consider n- channel JFET for discussing its operation:
  Basic Electronics
87
                 Drain
Gate
Source
Drain
Source
N-channel FET
Figure-14
UGS
Source
Gate
Figure-15
   Gate
(i) When neither any bias is applied to the gate (i.e when Vgs=0) nor any voltage to the drain w.r.t, sources (i.e. when Vds=0), the depletion regions around the P-N junctions are of equal thickness and symmetrical.
(ii) When positive voltage is applied to the drain terminals D w.r.t sources terminals S without connecting gate terminals G to supply as shown. The electrons flow from terminals S to terminal D whereas conventional drain current Id flows through the channel from D to S. Due to flow of this current there is a uniform voltage drop across the channel resistance as we move from terminal D to terminal S. Due to flow of this current the</t>
  </si>
  <si>
    <t>b'R\xa3\x17\xe2\xfb{\tZr\x1a\x0e\x1dn\xd7\x93\x060V\x0f(\x91l\xb1B\xb2\xe3Xf;\xa6+\xb1\xfe\xa5\xa2\xd8\x0e\xb6\xc1\xe1w\xea,:6\x91\x15\x19\xf1\xfeI\xe7g+\xd8v\xad1\x1f{\xcfT\x86K\x88\xb5\x9e\xb7n\xa6s\xdd\x02\xb2\x8c\xdfE\xc2\x9d\xb6\xd6n\xfb\x98\x0e\xfdM7\x9f\xdfK5\x05\xaa$\x90\xf5\x98\x1c\xaa\xce(\x92,\xe5\x01\\aHo\xf1}\x18u&gt;\x8d\x1dXO^YZ\xce\x13\xb4;\xd3\xd2o|\xc0\xeez\rl\xcb \x17\xff\x0b\x17-p/\xcf\x9c\xe9fpV\xb8\x01\x92\xb5\x80E\x87?\x12K\xa5\x03\x07v\x1ej\xa6\x1d\n{_\xb6^\xb9\\\x9a\'$\xe8\x96k\xeb\x16w\xa1\x9d\xc4\xbfqv\xf2\x01N\xcc=\x92G\xb8\xc8\xd1_QHk\xf8\xbf_@\x18\x9a\xe4r\x1c\xae\xf8\x7f\xe2\x91R\xae\xcf`\r\x8e\xe3|\xed\xa0\n8\xb2`\x02\x94\xad\x91\xea&gt;;(\x02\x8d\xa0c\xe0\xc9\xfa\xa9\x963\x1d\xee\xdc\xecb\xfc\x19\x91U\x86\xe3ay\x88\xff\xd4\xc3{\xd7\x14\xcf\xf0\xf6h\xb7\xedQ"\xbb\x0f"\xb11H\xc8\xfbX\xf6\x0b\x1e\x1f=v^\x89!\xf0\x04\x8a\x05\x80\x95\xed\x9c\x1d\x03p\x8dl6U\x84\x10\xb2\x10%\x0f\x8e\xe6\'\xf8\x10\x81\x8e\x061\xcd\xfb\xd8\x19#\xbf\xe5\xc0V\x85\x1e\x1aC\xe8\xd5\xac^8\xb5\x03\x95\xa7~\x97To\xd5\x16\x90\xec\xff\xd6U\xcd\x99\x85\xe8\xf5?\xd8\xd1\x8b\x15\xd5\xfe\x89\xff\xad\x07\xea\xa4D-\x06e\xb0\xa1&lt;\xf3\x03\x81\x13\x8dIB\x95\xe4Ij\x8f\t\x8c\xbd\xf7n\x1dE\xdas\xff\xf3=\x1a\xcf_\x00\xff\x18\xff\xaf\x0bv\xc1\xe4\xd1\xd9\xf4el\xc5\xa4\x86&gt;\xef\xf8\x8fE7\x97\xe7r\xd1\x03\xd6X\x1d\x92\x05\x88\xb1=\xd0\xdd&gt;\x0e\xa96\xad,\xdaO\xce%\x1eUp\x81\x12\x1ak\xc7\x13\x97j\x17\xe10"\xbd\xea\xcb3\xf0\xed\x0c&gt;\xea:[\xc0\x0e3\x91\xe6|\xe5\xa1@\xb3.y\x98X\x94H\xbc\xbc\xf2\x8a{\xe7a\xe3\xbf$Q=ejw\x88ei\xf9\x91m\xc0"H^]\r\xf0\\OU\\\x85\x83\xf9`\xd3\xb8=\xf2\x19*\x87u:V~\xdev\x8dC\xfe\xebL\xceED\xab\xb2\xba\xd7_\xd7\x9cG\xde\x8f\rS\x1a\x1b\xc4~\xc3"a\x059\x85!y\x05{\xbf^\x16g/\x0c\xe7R\x10X\x1a\xd86\xce\xb2(\x08V(=\xa4\xdd\x92\x17\x16\xb6@\x1f"\xb2\x986\x9b\x16\xdc\xa5hy8c_\xc2*\xe9\x96@P\xa7\xe8m\xb2\xa0\xc0\xfc\x8a\x9d\xd6~#\xd0S\x03\xff\xb6\x0evld\x80~\x10\x9e\xf2\x13\xb3V}:\xb0\xf5peR9\x85y\x92\xbc\tc%\xe9\xfc\xcc\xf7\x97_5\xd5\xea\x90\x84\xfb4\xc3\x85&amp;\xc8e\xc6{I\x047`sY,\x99\xe4\xca\x8e\xc6e_&gt;\x86\x7f\x07\xe8^\xd0\xed\x87\xd0\x0bk\x8b\xd9\xf6f3\xbf\x95\xbaz&amp;\x88h\x84}J@\xf2\xb1\xf4\xd9@\x08\xd0Ar\xd3\x1a\xeb\xa5 n\xd8G\xace\xdc\xfb\xc8\xe1\xf3/\xb9uC\x83\xb6\xfe~\xbf\xffT\x14\x81\xa4c\xb6I\xf9\xce\xd0\x13\xff\xc8\xfeY\xc5\xf9\x86\x9e\xd0\xa7\x90\x84.\t\xe3\xbe\x94\xc6\xd7M;_+\x9d\xda\xfc\x1e\xe3G\x0cjD\x86\xfaE5\x97\x08\x1b\xea\xaevk\xa9(Y\xf8\x8dt\xcfgJ\x96\xfc\x8a3\xf0\xd8\xff\xd2\xd6)3o1Q\'?H\x0bPV\x7f\x06\x1e\xd3f\x87\x89\xc2\xc0!\x16f&amp;\x9fOC6R\xa6\xea\x85\xf0V\xebNV\xb0\xbb\x92\x84w\x19q\xadDX\xb5\x8ddm\x8c\x98\x91\x8e\xefLL9\xfa\xba\xb9\x94\x01\xa6o\x97\xf5\xa3\xd8\xbcwb\x97\x96\x96X6\x8a\xe6\xd5\x8b\x81\x84\xbe\xa1\xc0G\xc1\x9e\x8f&gt;&amp;\xff\xd7\xa6\x91\xa8\x1bQD\xfc\x1b\xa7\xaf-T\xc9\x10\xe4 \x8a\xa5z\xae\xcb\x0bvIf\xb76 \xe5\xc4\'x!\xa5T08\x97\x87\x06\xa0\xd1\xa5\x02\xda\xf2\xb7I2SS\x02\xa1_\xcf\xce\xb1\x8f\xa4\x9f\xb4\xb3\xd7\xfeJ\xd1\xa3\xb0\xaf\x80\x0eG\x90\x984/\xf1j\xa7WB\x1ad\x87\x925\xf7y\x9be\x15\x95\x8e22\x87c\xadI\xa2\x97+&gt;q\xef\xf3\xd7\xb96A\xde\x9cS\xd8\xca\xb5\n\xabb\nq:\xdd\xe22\xc6\xf2\xc5\x85C\xbb\x8f2t\x07\xaa\xfci\x11\x9a\xd7=~\xa4\xaf:\x16~=\x91A\xa22\xbf\xab\x80\x85\xba\xd6\xda\x95\x1e\x89 \x11\x1c\xe5z\xa1\xd3\t\xb7}\xcf\x06\x98%\x8c+\xd6\xeetO\xd0\x10\xd3Jg\x90R*B8\xaa\x99\xc6\xf0\xac\xedF,Z\x96&lt;\xff\xcd\xa5J.\x01O\x97\xe3Db\xd9j\xe0r\xf8\x051 \x1f \xf2\x83\xab\xc8 \x00\xe6\xa0"\x9d\xdd\xe2\xa3\x1a#P&lt;\xc4\xb6\x19\x19\xc3\x18\xae\x88\xe5\x8a@\xf8+\xa8~8\x93\x16\xeb5\xc7\xb8l\xa9\xf7B\xe6R\x12\x98\xaa\xe4\xed\t\xeeud+\x1bN\x10~\xe6\x8c/\x12\xc7\xd3\r\xc0k\xe0\r\xc9\x11Y\x06S\x16d\xd9\xa9\x9725\xab\x8b\xa1\xeay\r\xac\xf1dp\x83\x89\xc2\xc9\xd5\x99\xbf&gt;\xa8n|-\x17\x92\xd15\xab\xf8\xfd\x88\xe9w\x837\x01\xff\x01\x83\xeeu\x8f\xfds\xceD\x1f\t\xbb\xb6u\xa4\xe5d|\t\xb7\xf8p#\xd7/\xee9 \xa2-\xd7\xcb\x93\x8e\xf4\xbcl\xb5\xd3\xc0\x85\x150\xa4\x06O&amp;\xf4:\x7f\xdeoq@3\xc1#K\x8c\x10\x8d\x98\xa0k\x9a\xbasJ\xc8\x1f\x1f\xfe\x1c\xfe]-\n\xeeq\x8f\xf9\xf05\x0c"\xee\xf3-\x9eq\xc9\x00\x19\n\xe3\x80j\xfc\r6\xc8\xcb\xb0\x9c\xd9\xe9n\xc8\xbc\xe7c\xe5\x8d\xd8\x80u\x13\x8a\x85a03\xba?E\xba\xaf=\xecD0\xae\xe3\x1b\n\x972a_S\x13\xa0\x04\x99J~\xfb\xc4\xd8:\x88B\xc3\xcd\x87\x17\xacCv\xe1H\x9dT^\xa6\xac\xbe \xdeD\x14\xc3\xae\xd8\x98\xbdb\xc3&amp;\xa9\x93.\xf0\xb9\xb2\x8d\xf0\xe2\x84E\xab.\xe5b\x1bF\x06\x81\x1e\x80\x1b4\xb5g*\x92\x13\x86z{~\xc1\n\xd4\xef\x81\x10\x0e\x02\xe5\x95J\x82b\xd0\xfb\x85\xd6\xf5\xd2;t,I\x86\x94=v\xaa\xf9&amp;7\xa3\xbb\x0cT\x15S\xc13t+\xf3\x89E\x85F0q\x8f\x9c,W\x0c\xce*\xcb4U\xc8;&lt;QPZX\x129`\xbc\xff \x81\x81A\xb8\x92\xbf\xc07\xb5-m5=\xe2\xdf\xfa\x8a\r\xdd\xcc\xf8\xeft\xbe\xc3\xb6\xbdyB\xa4V\x01\x1e6M\xd0\xe5\xf7\xbe\xd4\xcf\x00\xfb\x9e\x0f\xf1K6\xf6\xd6\x8a\x8b6S\xcbJ#}\xc4\x9d#e\xee\xd6;\x1d\xb9\x1a\xf52\x0eZ\x84\x05{\xb9\xfe\x1b\xcc\xf5\x1d\rH\x8c?\xe4\xffC\xfdHL\xd53\xc4j\x8dEA\xe7\x08\x00\x9eIvrR\x15\xeb\xdf\x97t\x15\x810=\x07\xe9\xea\x97\x08\x06j\xfb\x82\x96K6\xb9\x0f%Z*C\xcfc2\x81\xad\xc8\xc4J\x07\xe4W\x89\x01\x8a\x97\xc4\xf6\xf6j\x1e\xce\xb9\xfdf\x0f,\x1e\xb3\x89Y\x07\xea\x17\x1f\x1fY\xa6\xe3x\x88{\xfa@(\xba\xb2Z\x82H#\x04\x1b3ca\xdbN\xdc\xf6v\xd8\xae2\xe3\xe3\xec=\x1cz\xc2~\xe5P\x96$$%\x04\xac`\x924\xb6S\x11!\xac\xb3$\xb8F\xa3-r.,Y\x8c\x1b\x80="\x919\x99\xf8\xcb\x12R\xf8\xa7\xfdk\xe9=\xff\';\xb1\xb0\x82\x1c\xbb\x1e\x9a\x80\xb4Y\x80!&gt;\xfc\xd9\x99\xb4\xe6\xb3\x13\xe7ok\xa4\x98\xdbA\xd8\xd0(i\xbd\xa6\x92\x8f&amp;\x02\xb4\xd5\xcc\xa0\x8f\xd3\xdf\x89\x80S\xbd\xbc\xd3\x88-\x86\x12\xf4\x14H\xe3\xa3F\xec=(2}W:\xfc\x8e\x84\x88\x03o\x13\xd5G\x18\xa4m\x1e\xd9\x17\x1d~\x83 O\x1e|\x13\xc7\x84S\x82\xc5\xf5\xe8\x97\xbc\xe2\xc90\t\xac\x15s{\xa2\x19\xffk#\x9a#W\x87\x80\x8b)M\xc0\x9f\x8e\x14\xddM\x95\xbfg\x96!\x13\r\x93\xacG\x7f\xc6\x18V\xf5~\xb5c\x97d5\x11\x86\x1f5\x8d\x05\xe1\x02L\xeaR\rQ@\x15T\xf2T\xcd\xbe\xa8\x80x\xc8\xab\xcf\xa6\xde\\\xd1V\xd3&amp;\x7f\xb9\xc1\x16tW\x90p\xdb&lt;9\rr\xb6;frt\xdd\xc1z*5\x90\xc3\xab6\x0c&lt;\xf2\xed\x1f"\xa3\xa3\xc9\xd5w\xc7\x9a\x95&gt;^)q\x941\xe8\xbfG\xa6\x02\x86M\xb7|\xd7H[\xc6(\xea\x81.h\xbf\x0f\xaf\x1c\x10=s\x90\x90\xca)\t\x88m\\\xc07\xa4\xfe\xd1\xe8\x8e\xf3F8\x07`\x19\xbccn\xbf\xbf\xe5v\x939\xa8\xaa\n\xc0\r\xf6&gt;\x02\xd1!nNV\x18^\x18u\x83y\xec\xac`~\xef\x88\xed\x94\xce\x8dpn\x01\'\xf9\xc0/\xc5\xd8\xf8(\xe3\\vO5o\x9a1\xd5\x1f\xd7\xbf\x98.\xcf\x85\x9ac\x12\x87o\xf0\xf9n\x8b\x1ba\xb7_\xbe\x84\x04\xe47\x82\x86C\x87\xd8\xd6Z\x98\x92Hy!\xf1\xcf\xb7\xb1hP\xa5\xbf;D{\xd2&lt;\x84\xee\xa8\x06\xbb-\xb0O80\x01!\xd8\xcd\x1b\x93\x9e\x1e\xc7\xa26\x99\xd9uq*\xa9\xd8\x00\x13eh\n\x80\xeb\x01\xac\x844\x8e\xd2w\xf8\x9c\x14\x16\x94\xc9\xb0.U\xd9\x0f`\x08\xae\xe1\xcbb\xc2\x1c\xecw\xa3&lt;Z\xf4\xe0U\xafn\xe75\x91\xc4\r\x06)\xed\x9as\x1a\x92\x98\xb8\x99\'\x82F\x91\xd7\x8f\'4hH\xf0\xe7$\xaf^\xa1\x80\xf3\xf3\xa4=`\x04\xfe&gt;\x87\xef~\x9d\xca\x85\xc2\x00\xbf\xf2\x11\xd2\x96S\x86\xfb\x10~\x15\x88\x8c\xbe&lt;\xfc\xdd\xd6[\x07\xf8\x1a\xefg\x92\x02h\xe0\\\xff\xd9PZ;|J\xd6\xf4tz\x0bW"I;2\xb4\xaeP\xf4N\xc6\xe7Y\xf7\xf5\xbf\xa0\n\x96x\xfe\x00\xc2\xd5\nC\xe6\xf9q\xb8\x93\x95\x00\xcd\x97\xcb*\xe4\xa9E\t\x9b\xb9\xb56Q\x1b\xe4\n\xedc\xe9\x16?\x160yDc\xae\x0f\xf4\x0e\xbc\xd4r\xba\xd5l\x8e5&lt;B\xfe\xb6\xed\xc2~\xd8\xf5E\x0c\x19\xcf\xba\x86\xd3-5\x89gf$\x9efm\x96\xa4\xd8\x0e`\nFo\xa6\xd2k\xf2y\xd5\xed.\xfa/\xb6\xd7EiQ\x16y\xd6\x93j\xf9\xc1Tfn\xc6\x0cs[\xee%\xd6\xbf`s\xae\\T\x05%\xcc\xa1\x9d\x07\x06^Z\xc3\x1c\x92l\xfaQA\x17~\xb5 ~W@\x94)\xb3\xc0\x08\xd3\r\xd1\xa4\xf4\x02\x14\x19E"\xae\xbd\xc4\xca \xfe\x1e\xc2Sl\xf8\x18\xe7@,\xc4tb\xfa\xbcV\xf0v\x9eE\xec\xbe\xdc\xe5\xf4\xc2\xde\x9a\x93\xcc\xd2V\xf7\xef\x0c\x8de\xb8M\x9bK\x06G\x1fU\xa9\x8b\x05\xf8\x86\x94&gt;\xf0\x18\xe5N\x12\x98\xb7R*\x14\x05\x95\x99\x91\x9f\xed\xda\xa2\xa6\x84\xd1\x1d\xe4/Q\xd0\x9a\x82\xc3\xac\x12\xc5;PCQ\x8c\xce\x93\x91\xc3\xb9\x03\x7f\x8e\x03\x14A\x9f\xbb\xc7]mxO\xaewN\xee`LP\xb5\xa9\xbe\x95\xf7\x82\x8b\x15\xf4\xe4R\x18x\x0f\x01\x01\x9f\x16\xfb\x0f\x8bR\xf1\xf6%\xde\x95\xe1\xd1\xce\xf10\x9a\xf6\xd3`\x83\xc3\xc3\xbbqD\xab\xde\xb7\xa7W\xee\x9b\xa5\x9f5\x9e=\xf8\x10sb:\x19%\xa9\x05\xa9A!\xe3\xe3_\xd7\xae\x92\xd2\x93!\xf4l\xa25Ne\xf8\\\xe7!\xb7\xe1\x12\xba\x98o^\xe0\x1e\x1f\xc4\xd4!\x1a\x1b\x93\xe1\xc7]\x9aOi\xcfS\xd8\xf6[kL&amp;\xc5\xba\xf2\xeaW\xe8\xcd\x08\x85\x12`\x1eJ\xb1G\x05\xba8\xaeJ'</t>
  </si>
  <si>
    <t>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</t>
  </si>
  <si>
    <t>b'R\xa3\x17\xe2\xfb{\tZr\x1a\x0e\x1dn\xd7\x93\x06'</t>
  </si>
  <si>
    <t>a just now."
"That's the wind blowing through the bushes," Mrs. Medlock said. "It's a
wild, dreary enough place to my mind, though there's plenty that likes itâ€”
particularly when the heather's in bloom."
On and on they drove through the darkness, and though the rain stopped,
the wind rushed by and whistled and made strange sounds. The road went up
and down, and several times the carriage passed over a little bridge beneath
which water rushed very fast with a great deal of noise. Mary felt as if the
drive would never come to an end and that the wide, bleak moor was a wide
expanse of black ocean through which she was passing on a strip of dry land.
"I don't like it," she said to herself. "I don't like it," and she pinched her
thin lips more tightly together.
The horses were climbing up a hilly piece of road when she first caught
sight of a light. Mrs. Medlock saw it as soon as she did and drew a long sigh
of relief.
"Eh, I am glad to see that bit o' light twinkling," she exclaimed. "It's the
light in the lodge window. We shall get a good cup of tea after a bit, at all
events."
It was "after a bit," as she said, for when the carriage passed through the
park gates there was still two miles of avenue to drive through and the trees
(which nearly met overhead) made it seem as if they were driving through a
long dark vault.
They drove out of the vault into a clear space and stopped before an
immensely long but low-built house which seemed to ramble round a stone
court. At first Mary thought that there were no lights at all in the windows, but
as she got out of the carriage she saw that one room in a corner upstairs
showed a dull glow.
The entrance door was a huge one made of massive, curiously shaped
panels of oak studded with big iron nails and bound with great iron bars. It
opened into an enormous hall, which was so dimly lighted that the faces in the
portraits on the walls and the figures in the suits of armor made Mary feel that
she did not want to look at them. As she stood on the stone floor she looked a
very small, odd little black figure, and she felt as small and lost and odd as she
looked.
A neat, thin old man stood near the manservant who opened the door for
them.
"You are to take her to her room," he said in a husky voice. "He doesn't
want to see her. He's going to London in the morning."
"Very well, Mr. Pitcher," Mrs. Medlock answered. "So long as I know
what's expected of me, I can manage."
"What's expected of you, Mrs. Medlock," Mr. Pitcher said, "is that you
make sure that he's not disturbed and that he doesn't see what he doesn't want
to see."
And then Mary Lennox was led up a broad staircase and down a long
corridor and up a short flight of steps and through another corridor and
another, until a door opened in a wall and she found herself in a room with a
fire in it and a supper on a table.
Mrs. Medlock said unceremoniously:
"Well, here you are! This room and the next are where you'll liveâ€”and you
must keep to them. Don't you forget that!"
It was in this way Mistress Mary arrived at Misselthwaite Manor and she
had perhaps never felt quite so contrary in all her life.
CHAPTER IV
MARTHA
When she opened her eyes in the</t>
  </si>
  <si>
    <t>b'\x86\x8d\xe1\xc3\x89&lt;\xef_7V\x13\x10\xef\xc6\xbd\xbe\xafE&amp;\x0b\xd1\xb1(\xee\x1a\xcd\x8f\xbb \xce\xff2O\x11\x1d\xb2-\xf0\x7f\xe9\x87#4\xf3z\x14\xb5\x82N1_I\x9c\xccy\xc9\xb4\xec5\xaa*\xd0H?_\xbf\x90?M\xea*P\xdfi0k%wRu\x16\xe0d\xf2\xe7T[\x8a\xfe[;|\x87\xdb\x0c\x84\xf6W\xadT\xb7Bm5\x89\xb3\t\xbb\xf5\t&amp;\xaet\x92\x99+\xebd\xe20\xcb\xc1\x96\xda,\x076}J-\xd4\xf3T\xda\xc9!xo\x00\xdc\xe9t\xb9\x18\xbe\x10\x0fY\xf5\x17\xdf\xdeb,\x9e\x0c$\xac2\x919&gt;\x9e \xff\xf8m\xec\xa8C\xdc\x08\x00jv{\xf2\xc8X\x16\x14\xdb\x7f\xad\xa1Zn\xc1\xf4\x80I\x06\xb7\xbda\xcf\x9c(\xa6\x0b\xde5lD\xf6\xc0\xd2HjL|\x8cV\xf7\x02\xd5\xf4\x07\x049\xf1\x99\x13\x1e\xdb(S4]a\xae9\x8c\x06\xf7P6\xce\xb9`9\xb6\x19\xd5\xa2\xce\xb7\xfa\xb8hs\xf1y\xd1&amp;D\x01\x0e\xef,\xba\x9f\xc4$\xfd\xed\\&lt;4\x9a\xf9\xa2j\x8a\x0c\xb1\xf7\x96\xecF2\x7f~;=\xe1\xb3b\xec7\xecl\t\xd2\xe7$c|~\x8a\xc7Q\x0cK\x88\x86\x86NB\x15\x95g\x0b\xbdk\x8e\x1b\xf8\xa4\x00\x87\xc6|\xc0\t\\2\r\xe0u1\xba\xf7\x98Z\xd5\xf19\xda\x90\x12\xd3R\xfa\x05tR\xb49\xd6\x00\x8e5\xe77\xec\xd6\xfd\xc8\xd8Iq\x90\x90Y\xb7=.k.\xc6\xac\xaf\xbe\xcb\xec\xf6\x94\x8d?\\\xcan0\xd4=\xc2]q\x13\xb4\xa8\xe9\xf1R\x82\xc4\xa1\xb4\xc4\xf4Z\xa8#*\xe85;\xf2\xfb\x80\x98\xaf\xca\x94\x91=\x8eY\xaf\xdcNM\xb5\x8fR%]G\x8f7\xe2\xc4\x8d\x08\ra=\xa0\x18\xe9\xc5\xd39lr\x9a\xf6?qo@\x85e\x8c\xbc?\xe0\x98U\x9c\xda~t\x9c\xb2\xfe\xdfc\x15\x9b\xbc\x9eN\x92\x90\x13\xf4:\x9e\xb3%\'\xdf\xf0~\xb8\xda\xe9z\xb9\n\x07\xf1\x01\xe4\x1c\x94\x8b-s\x8b\x02\xf7\xad\xd5\xad\x86\xdaB\\\xdb\x0c5\xfa\x87!\x02&amp;\x81\x9e\xe6\x1b8\xe7\xbc\xb1\xccsOv;a\xf5\xdc]}\x15\xfe\xa5^\xc8l\x16\xfb\xd5&lt;\x0c\xe2\x9a\x94$\x8d\xa0!N"\x1a\xdfr4)\xe9#\x0b&amp;\x01\xf7\x08\xde\xad\x88\x1fy\xe36\t\x0b\xc0u\x94\x0c\x9f\x8b\xf1\x9c\x0b\xe4bPQx\t$\'\xef\xa13\x15\x94\t\x94g\x9c\xdb\xd8\x92u&amp;\xed"n\xd7\x82\xa4\x19)a\xb5\xa4vX~\x97&gt;\x13yD\x8cY\x076\x91?h\x1bf\x92\xc4%L\x8bq\xf4\x16.\xb8\xf5D\xb3Q\xd9Tt\x1e}\xf3\x0821\x95X\xc3\xe8\xd8\x1bW\xb0\xff\xee\xb0]\xc8\xcb\x8c9r+\x1dO\x1e\xa9B\xf5\xca\x1b?\xf1\xb8\xa7M"B\nGX:\xa3\xc0\xac\xd2i{\xb4\x85\xc9V\xf0\xbe|\xc5P\x8aU}6m\xe3\xf0\xec\xe7\xdd\xcaJ\x1a\x16e\x01\x1buP\xf4,E}\xc1?\x07\xea\xa6\xd8,\x1b&gt;\xc2\xec\xd2L\xfb+{\x7f;\xd4@\x82\xf2;\x98e\xb7\xba\xe5\x08U\xc2O\x9d:\x9d\x92\x86\x19u\xd9h\x91\xdel\xdcW6\x17gQ\x14)\xae\xef\x9a;TW\xc3I(f}x\x08T\x87~#\xc2\x94V\x9d\x11\x84\xe2\x97\x03\x83\x81\xe2MU\xf1Xn\x02\xdfe\xad\xa9\x17\x01\x90\xd6|\xb1wT0\r\xbc\n\xacZ\x1a\x8a\xff\x9c\xc9]\xb1\xeb\xbeBfE\xa6wl\xe4}p\xdd\xfbC\x8c+2\x95\x87\x9f\x02\xd7%\xfd\xd6\xd90\xb8\n:\xfa\x87(\xaczC\xa1\xdb\x9c\xf9}\xefM\xee!\xd2\x02\x9e;\xde\x1d\x1b\xf3\x9b\nb\xce\xc7\xd8[\x1a\xeaZ\te\xb1\xdb\xcc\xbe\xc9\xa1\xcb\xedgz\x7f\x80\xac\xfbA\xb9\x8d\x8c\x9cN\xcbj\xd9\xf8\xa4\xbe\x0c\\\xf3\xff2.^\xbbe;\xcf\x9a\xb6\x9e\x1c\x94\xc4\xc6\xf8\x02\x04\xc8\xfb\x1d\xd1\x7f\x1e?\x08P\x98\x17\x83\xc6r\xcb\xaa\xc2\xf3\x1e\xc5UE\xe7\xd3\xdf\xbd\x01G\x03\x922\x92\xb6vW\x02AR\x04\\]s\xa6p~\xdc\xc7\xacWg\x03\xc4\x01u\xe63Z \x1b\xffG\xb7\xab\x99%D\x8aA7\x1b\xc4\xab\x1dt\xc5RaR\x13&gt;\xae\xa3\x00\xa9\xf1k\xc6-T\xf1\x9bTQ\xae\xdb\xc8(f\x89\xf6\xd62\xdc\x83=\xac\xcf\xce\xc3q!\xefp=\x0cH\tD\xc1\xcc\x9a\x0cB8\x0bU\xc2p\n\xd3\xdew\xd0\x13\x9c=v;\x90\x9b\xc1\x9ep\xdd\x8e\x971\xdd\xdc,\x85\x0c\x85\x9a\xbc\x97\xffd\x13KW\xa5#X{q?= \xfb\xc2\xe3\x88I\x06\xbf(@\xcd|u\x91m\xf2\xea8\x86\xb9\x86(\xbc\xca\xfd(\x99O\xa4\x98\xda^\xc2\x80\xe4 \x80\xaa\'\xc6~\xf3\xac{\xcb\xd57\x11Tc\x04\xdf\\m\x0b\xbe\xc3\xa1\xfd\xcb\xd7\xc09 \xc2~\xf6b\xe2\x8dSoA\xb3\xfa\xcc\xc0L\x81B\xeal\x0e\xbe\x12\xfc\x93\xcb/\'"\xb7\t\xcf\xef\xdb\x92\xa0\x12L\xdf*\xb7\xd6\x1d\xc1K\x97\xaf(\xd9\x9b\x00\xaa\xbf\x99&gt;I"\xcd"\x9d]a\t\xd4\xb1\x83:\x84\xdbB\xcd\xf9\xb3\xa3#\x80\x92;E\x84$\xec\x18\xc5\x9e/K\xa3K\xd5Y\x1b\x98\x9a\x1a2\x89\xa1[\xec\x19\xc0\xfa\x04\xd26\xcb\x19\xe2\x9av\x86\x95\x99\xb8j\xae\xf4_#J\xdf#\'\xea\x17\x07\xc3\xfd;\xf7\xf6`h(\xc6\x00:\x9dT\xf4\xd9\xba\x1d\xff\x86\xa0}\x9d\xa7\xd3\x94\x10{\xd5}\xbd\xc1\xe4\xf0\xfd1\xa6\xed\xc3\xc5\xf0\x16+\x96\xa3\xe3\x02\xf6#\x8f\x95\x90&lt;\xaby\xc8\xad\xcc\xe6\x1b\x8c\xbef\x13,\xe7\r\xa6\x1d\xf8Jo\xf1Of\x02\xd0mI~Jq\xf5[\xcd\xaa\xf1\xdc?b\xe6\xd8W\x7f.\xc1\x04\xc1\x94e\n\xb8\x0ezi\x02&amp;7\xbe\x1dHD\xac\x9d\x9fV\xd7\xcb\xd3\xee\xc7\xd8\xdc\xbe\x0f\xba\x14\x16:\xc1\x7f(\x10J\xae\x12\x19\xa5k\xdf\xfd-"q\xb3\xd1!z\\\xf1\x89\xd4\xf3i\xfa\xee\xdc\xaa\xba@%!\x0eHf\xd8\xdc\xd3\'\x98\x1b\x8ek\xae\xba\xa7\xb3\xc2w\xfe\xfe\x07\x1c\x93\xb6\x833=\x0f[j\xf3a\x9an\xe8\xd2\xa5\x87\t\xc5\xd5Ia\x84R`\xbd|O\xbb\xcb\xdd-\xa6\x07\xa0\xfc\'\x88\xd0*\x0flG^,%\xde\xed\x8f5z\x8d\x97chSq/\x10!E\x1b\x1d}\xda\x8f\xb8\xcd+\xdb\xfe\x91JRj\x80\x91\x03\xa3\xfb.v\xca\xfa\xd9\x84}\xbe\xc8KA\x13ha\xb6\x95\xc6\x08\x16\xc0\xeeQ\xf3Ya\xe5uq\xd4\xed\xbfw\x00\x81\x1c\xd0W\xd6\xa8H\xab\xbc$\x8f\xbbV\x84\x01W\x1a\xce]\xe3\x19z%h\x9an\x0eqN\x7f\xcc\x8d\xbc\x8f\xa5\x8a\xc7\x04*\xeb.%\x93\x9d\xe2;\x9e\xfb98\xef\x80\xc2\xd4\x9fxS\x04\x17A\xc6\xa9\xb27\xceK\x16\xa8\x1f\xe0\x9cL\x02\xb3\x1d\xb6\xf3\xe0\x8f\xbe\xef\x00)\xaem\xfaiJS9\x10y\xfeu\n,\x8eIN\xad.\x1c@\x08\xdbE?\xf9\xd9\x1e+.\x8f\x18N\x8a\x06\x16\x9fo\x0e{\x97\xb5O\x96\xddL"\x02Xa\x9a@\x85\xb5N\x1e9n\xd5}N\xbc\x80\xeb\xf2Y\xc43\x126\n\xb27\xb3\xf2\xb3B\x02\xaauK\xfdab`\xa4\xad\x1ezf\nW\xf1\xc4&lt;"$\x0f\xaa\xa1z&amp;\xb8\x9b\xe4\xe1\xb0&lt;\xb8\x99\x8d_\x01\xc2\xee1k\xb9\xaf\x8f\xbe\xc3R\xe2h2\x99\xb9\xe1#L\x97\x85\x08g\xb4\x0fpm\xa1\xa6\x80\xffT\xaf\x1ez\x88E-\x05\xa0Q\x0c\x08#\x94\xf3D\x8e&gt;\x07\x07\xfc\x00\xb2\x16\xcd\x14\xe0v\xbc\x18#\x8e\xed\xaf\xc0l\x08q(3P\xce\xa3\xf5\x93\x16t\x11\xf5&gt;\xf6\xf3S\x0f-\x97,\xe7\x9d\xa3S\xcbPc\xf2N\xa4o\xcd\xeb\x85~\xd0\x15(\x88\xa7\x02\x1ck4a9\xad\xb3\x96!\xcf*\xfcb\x99\xf6\xb1\x89bDZ{\xec\x88R\xae\xf9\x16\x84\xcc\xa2\xd9\xed\xb2\xbf\xc50D\xce3\xe8\x0e\x19\x92\x8d\xf0&lt;\x1f\x90dd_\xfb\xb1\xca\xe4\xbcN\x9a\xf1\x97\t\xd8z\xc1M\xd7\xf1aK\x1a\xf7\xd7\x85\xd2\xd9v\x1fGU\xc8;@\xdb\x11\x1cE\xb2\xe2\xdd\xc0]\x8f\xf3~A\x98\xa7\x80I\xf9\xb4i$\x91\xef\xf6#0\xac\xb9\xb5F\xa2\xc1UA0\xa1~\xbcfr\xd8\xdbW\xe7\xbf\x9c\x05G\xdf\xc6\xca?\x0c\x8cp\x05a?\xfc)\xf2\xbdz\xbdV8\xb7(\x08\x8f\n\x81Up\x95\xef\x1f&gt;\xdb\x92\n\xd9X\x1a\xe5\x0bI\xf1\xdc\xfa\xcb\xfa\xce\xb6\x1eRY\x8db\xc0\x8f\x83;\xa9\x1b0\xae8\xc6\t1\xc1\xc8/&gt;\xb2\x84\xb0\x96X\xefg\xf8\x048\x95\xbf\xdc\xa5\xdaT\xe1!!\x0b\x9e\x04uR\xdc\xff\xef\xa9\x7fG\xcf\xed\xd8\xf5Z\xe7X\xd5\xd1\xc6"\xb7\xe1\xeaRQbgS\x8f;\xbe\x99A\xe6\x86\x19\xe7\xb6\x10\xb8\x81\xb8\x9f^(;\xa4J\xf1\xf6\xaf\x84\xd9sTQl\xdeG\xf4\x9b\xa2D\xbb\xdb}\xbd\x92\x8b\xb74b\xae=\x9b\x19A\xf6\xdc4\x08\xa3?\xf6\x91&gt;}L\xc4\x8e\x97\xfc\xce\x16\x80\x97\x1c\xe1,\xeb\xe0\x19\xb7\x8br\xd7=\xa9\xbd\xd2\x92\x91\xb6^\r\xa09\xf2\x1ep\x10\xb5\x08\xa5,\x17\x1b\xf5\x11\xb1w\xa6E\xee\xd3\xfb\x1cWs7\xff\x89"/\x0b\xc5\xed\x04/\xfe\x86\x9f\x99\x9d)5Q?,D\x9b=\xfa:\xdb\x9evU\x94m\xb1\x03\xc4\xc1\xdb&gt;\xa9\xf2\x9d\x19\xff\xbb\xf5\xc8\x85\x11\x87\xe5U&amp;\xd9\x7fAb\xcf\x89\x1a\x93\xa3\xf8\x08^\xc0,5\x1d\xcf\xef\ta\x874\x8b\xaf\xf5MCW9\xc9[AlJ\x8d2\xf8\x97\xbe\x91\x14\xa5\x12h\xbf\xf4\x15\x17\xad\xb7\xbe`\xea\x08\x8aD@\xcd\x96\x84G\xd3\xbdi\xf1e\xc0\x92\xf4\xc0mr|\xf9\xf9\xc6\x91\xb4\xee\x85\x8f\xc0\xaa\xb4U9\x83\xe2N\xbb\xdb\xa3\x87\x94\x97\xf2n\x03\xd83\xb2\xad\xfd&gt;x\xf2\xebd.c\x80ch.\x96\xbb\x0f\xc5\x96\x8eS\xad)\xea\xc6\xa7\xaf&lt;\xa2\x8d)\r\xa4d\xbe\xd9\xef}\xef\xe0\xdbkIz$\x80zX]\x0b\x05\xc3SU\xbb\xfa\x1a\x84\x83\x10\x96\xc5\x07\x19\xe8\xc7:\x9d\x81\x12+\x9f\xb5\xf8s\xae$@\x17\xa7,=\xf1\xa7 \xa8\'Tv\x1c@\xb0!Z\x1a\xd2n0\xe2\xcf$\xb6\x85\xabD\x1dn"\x96f\xde\xc1\xccDBl\xa1\x13\xd4\xcc\xda\xe8U\xf1j\x8a\x84W\xf4\x0e\x01k\xc0^\xbf\xc0K+BxGv\xd2\x11{G\x81\xbc\xae\xe9L2\xbau\x82\x1b\xa6YP\x04\x16\x99.\x03\xba\xd6\x8a\xd5\xfb\xff\x0b\xae\xf6@\x03P\x8c\x12e\xb1\xa6\xdd7\xd8,t\x14\xfb\xe4\xd4\x80u&amp;kM\xf0\xf8F0X\x03~}l\xa9\xae\xb5tSg\x85\x06\x80\xa4\xc8\xcd-\xdd\x9f\x9a\x16\xfaa\xc0\xa3:\x92\xf5%\xcf\xe42sE\xa6\xf3r\xd0\x11\xce\xfd\xb1y\xfd\x87\xef\xd0ov\xf2\xed\xb7\xa1\xe5\xf5\x9a\xa8z\x16\t\xb6\xcb\x9d\xd1\xf8\xc9\xfco\xa2`\xe6o\'GR\xfdB\xcfX\xc4c\xa9\xca\x82\x1b\n\xa6\xae"\x15\xf4\xd3w&amp;P\xe4\xd1@$Q\xf4E\xcc\x16\xefIrU\xc5+\x8f\x1c\xf3\xbb!7\x03\x1d\xfa\x84\xde\xbah\xac\xad\xad\x8eS\xe0\x06\xeb\x1dm\xc0\xe6dB\x13\xf8)\x9f\x83\xf3d\x1f$\x05\xb5\xe1y\xf9\xb8\xbd7\x95\xaf\x94\ni\xafx5\xbc-\xe5\xdeZ\xc5E\x9eyQ\xef\x90\xf6\x85S\x1dX;\x19\x12\xc4\xe7\xb5\xd8\xa1\xff\x97&amp;\x1c\xf5+\'\xecr\xb8\xce\xe5\\\x0bk\x144\x1d\xff\xd4\xfc\x84W\xb8\x9fqU\xf3\xc7\xc1\xc9W\x90\xa5[*g\xd2\x1b\xa1A\x85\xd7\xba\xde\xfa\xe4\\]3\xb5\x1a\xfb\x1d\xffY\xcb6\x17p\x1c\xe1\xa2I\xeb\xf2\xfd,\xd6\x16\x85\xe0\x86D_p]BN\x18`\x8b\x00\xdf`\xedm\x95vt\xe7\x1a\x14\x00o\x9e\x92M{\xcbc$\x8b\x8c\xd9\xe3\xd8\\\x85\x12\n3\xf3\xe1\x9c\xe6\xc8x7Y\xa6g{Z\x7f\xa7\xb8+\xce\xf5!\xa2\x8eYE\xc4g\x91\x8a\xba-\xb4\xd3O\x17\xee\x92Vq\xb8\xf7C\xdd\x80\xad\xdcMCQ\xa2{\xfc\xc99\xa9\xb1$WT\x1b\x80\xe2\x0e\xe5\x9a-YP\x11\xf3\xa4\xbd\xb8\x98\x0f\x80d{\x8aH\xab\x0b\xf80\xdf\xdc8\x1b+,\x8f_\xa6\xa7\xd7\x9c\x051\x04\xa3\xd5\xf2 \t\x02\xb6\x84W)4.\xb3\x89\x9d)&amp;\xba\xba\xc8\x9arO\xb6\x94dO#\xb2M\x18\xa0B\x9a\x13tf,\x91\t\xc0 @n-\xc9h\x9a\xa5O\xb9\x1b\x18\xf6\x93n\xa1\xc4%\xa2\x94\x1e\xacf\x8b\xdf\xaa\xe9\xb0{P\xe5\xf1w)\xfa\\\x8d%ks@\xe5\x1d\x19\xe9\x15\xfck\xef{\xd2_\xe9P\x0e\x85Z\xf1\x87\x15\xba\x03[\xe1\xcd\xebR\x97-\x95\x8d4\xf6c\x98A\xb9\xa3/\x83a?\x8d\x8c0Cmq\x7f\xc8\xdb\xc7\x1dY\xa3\xc1\xad\xa2[\x1c\x1c\x90\xd9H@\x03\x94\xef\xa1\xd2\xcf\xb9\x81\xab3\x85\xad\xf5z\xb8\xb8\x94\xa6\xbb^u%\x1b\xcd\xec\xe6\xc2\xe0\x19'</t>
  </si>
  <si>
    <t>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</t>
  </si>
  <si>
    <t>b'\x86\x8d\xe1\xc3\x89&lt;\xef_7V\x13\x10\xef\xc6\xbd\xbe'</t>
  </si>
  <si>
    <t>cepted the
 invitation of the friar, who opened the gate, and, anxious to meet some of
 her old acquaintances, proceeded towards the convent parlour. As she
 crossed the lawn, that sloped from the front of the monastery towards
 the sea, she was struck with the picture of repose, exhibited by some
 monks, sitting in the cloisters, which extended under the brow of the
 woods, that crowned this eminence; where, as they meditated, at this
 twilight hour, holy subjects, they sometimes suffered their attention to
 be relieved by the scene before them, nor thought it profane to look at
 nature, now that it had exchanged the brilliant colours of day for the
 sober hue of evening. Before the cloisters, however, spread an ancient
 chesnut, whose ample branches were designed to screen the full
 magnificence of a scene, that might tempt the wish to worldly pleasures;
 but still, beneath the dark and spreading foliage, gleamed a wide extent
 of ocean, and many a passing sail; while, to the right and left, thick
 739
 woods were seen stretching along the winding shores. So much as this
 had been admitted, perhaps, to give to the secluded votary an image of
 the dangers and vicissitudes of life, and to console him, now that he had
 renounced its pleasures, by the certainty of having escaped its evils. As
 Emily walked pensively along, considering how much suffering she
 might have escaped, had she become a votaress of the order, and
 remained in this retirement from the time of her father's death, the
 vesper-bell struck up, and the monks retired slowly toward the chapel,
 while she, pursuing her way, entered the great hall, where an unusual
 silence seemed to reign. The parlour too, which opened from it, she
 found vacant, but, as the evening bell was sounding, she believed the
 nuns had withdrawn into the chapel, and sat down to rest, for a moment,
 before she returned to the chateau, where, however, the increasing
 gloom made her now anxious to be.
 Not many minutes had elapsed, before a nun, entering in haste, enquired
 for the abbess, and was retiring, without recollecting Emily, when she
 made herself known, and then learned, that a mass was going to be
 performed for the soul of sister Agnes, who had been declining, for some
 time, and who was now believed to be dying.
 Of her sufferings the sister gave a melancholy account, and of the
 horrors, into which she had frequently started, but which had now
 yielded to a dejection so gloomy, that neither the prayers, in which she
 was joined by the sisterhood, or the assurances of her confessor, had
 power to recall her from it, or to cheer her mind even with a momentary
 gleam of comfort.
 To this relation Emily listened with extreme concern, and, recollecting
 the frenzied manners and the expressions of horror, which she had
 herself witnessed of Agnes, together with the history, that sister Frances
 had communicated, her compassion was heightened to a very painful
 degree. As the evening was already far advanced, Emily did not now
 desire to see her, or to join in the mass, and, after leaving many kind
 remembrances with the nun, for her old friends, she quitted the
 monaster</t>
  </si>
  <si>
    <t>b"\\?\xcflD\xa6\xfcZ#K\x9d\x01&amp;\xb2\xb47_\xf4\xbb\x8b\xa1\n\x80\xdd|\xac`\x87\x0b..\xe1\xc7\x831\xb0\xcb\x016\xf5\xa7\xe0Lw\xb4`8'&gt;\xe9\x85\x81HwW\xc0\xa4\x81\xc2T\x9a\x93\xab\xf8"</t>
  </si>
  <si>
    <t>5c3fcf6c44a6fc5a234b9d0126b2b4375ff4bb8ba10a80dd7cac60870b2e2ee1c78331b0cb0136f5a7e04c77b46038273ee98581487757c0a481c2549a93abf8</t>
  </si>
  <si>
    <t>b'\\?\xcflD\xa6\xfcZ#K\x9d\x01&amp;\xb2\xb47'</t>
  </si>
  <si>
    <t>ve firm. In general, we would expect a firm to sell more the
 larger the total demand for its industryâ€™s product and the higher the prices charged by its
 rivals. On the other hand, we would expect the firm to sell less the greater the number of
 firms in the industry and the higher its own price. A particular equation for the demand
 facing a firm that has these properties is3
 Q = S * [1/n - b * (P - P)], (8-5)
 3
 Equation (8-5) can be derived from a model in which consumers have different preferences and firms produce
 varieties tailored to particular segments of the market. See Stephen Salop, â€œMonopolistic Competition with
 Outside Goods,â€ Bell Journal of Economics 10 (1979), pp. 141â€“156, for a development of this approach.
 where Q is the quantity of output demanded, S is the total output of the industry, n is the
 number of firms in the industry, b is a constant term representing the responsiveness of a
 firmâ€™s sales to its price, P is the price charged by the firm itself, and is the average price
 charged by its competitors. Equation (8-5) may be given the following intuitive justifica_x0002_tion: If all firms charge the same price, each will have a market share 1/n. A firm charging
 more than the average of other firms will have a smaller market share, whereas a firm
 charging less will have a larger share.4
 It is helpful to assume that total industry output S is unaffected by the average price 
 charged by firms in the industry. That is, we assume that firms can gain customers only at
 each otherâ€™s expense. This is an unrealistic assumption, but it simplifies the analysis and
 helps us focus on the competition among firms. In particular, it means that S is a measure
 of the size of the market and that if all firms charge the same price, each sells S/n units.
 Next we turn to the costs of a typical firm. Here we simply assume that total and average
 costs of a typical firm are described by equations (8-3) and (8-4). Note that in this initial
 model, we assume that all firms are symmetric even though they produce differentiated
 products: They all face the same demand curve (8-5) and have the same cost function (8-3).
 We will relax this assumption in the next section.
 Market Equilibrium When the individual firms are symmetric, the state of the industry
 can be described without describing any of the features of individual firms: All we really
 need to know to describe the industry is how many firms there are and what price the
 typical firm charges. To analyze the industryâ€”for example, to assess the effects of
 international tradeâ€”we need to determine the number of firms n and the average price
 they charge . Once we have a method for determining n and , we can ask how they are
 affected by international trade.
 Our method for determining n and involves three steps. (1) First, we derive a rela_x0002_tionship between the number of firms and the average cost of a typical firm. We show
 that this relationship is upward sloping; that is, the more firms there are, the lower the
 output of each firm, and thus the higher each firmâ€™s cost per unit of output. (2) We next
 show the relationship between the number of firms and the price e</t>
  </si>
  <si>
    <t>b'0F\x02!\x00\xf0?@/\x08x\xc6`\xbb\x81\x04\xe2Q\xc1\xa8m?K\xd3\x11y\xf1\xe3\xea\xd9\xdd \x9aE6%^\x02!\x00\xf3 ^:|L\xb4\xf2\xef\xae\x00M=\x0c\xdb83\x18\x94\xf0\xa8\x98\xebru\xc4\x02\xe7\x14E?\xb6'</t>
  </si>
  <si>
    <t>3046022100f03f402f0878c660bb8104e251c1a86d3f4bd31179f1e3ead9dd209a4536255e022100f3205e3a7c4cb4f2efae004d3d0cdb38331894f0a898eb7275c402e714453fb6</t>
  </si>
  <si>
    <t>b'0F\x02!\x00\xf0?@/\x08x\xc6`\xbb\x81\x04'</t>
  </si>
  <si>
    <t>himself took her place by the mast, her
 cloak around him so that he should pass for her. Then he took a great breath
 and crowed.
 To the pirates it was a voice crying that all the boys lay slain in the cabin; and
 they were panic-stricken. Hook tried to hearten them; but like the dogs he had
 made them they showed him their fangs, and he knew that if he took his eyes
 off them now they would leap at him.
 'Lads,' he said, ready to cajole or strike as need be, but never quailing for an
 instant, 'I've thought it out. There's a Jonah abroad.'
 'Ay,' they snarled, 'a man wi' a hook.'
 'No, lads, no, it's the girl. Never was luck on a pirate ship wi' a woman on
 board. We'll right the ship when she's gone.'
 Some of them remembered that this had been a saying of Flint's. 'It's worth
 trying,' they said doubtfully.
 'Fling the girl overboard,' cried Hook; and they made a rush at the figure in the
 cloak.
 'There's none can save you now, missy,' Mullins hissed jeeringly.
 'There's one,' replied the figure.
 'Who's that?'
 'Peter Pan the avenger!' came the terrible answer; and as he spoke Peter flung
 off his cloak. Then they all knew who 'twas that had been undoing them in the
 cabin, and twice Hook essayed to speak and twice he failed. In that frightful
 moment I think his fierce heart broke.
 At last he cried, 'Cleave him to the brisket,' but without conviction.
 'Down, boys, and at them,' Peter's voice rang out; and in another moment the
 clash of arms was resounding through the ship. Had the pirates kept together it
 is certain that they would have won; but the onset came when they were all
 unstrung, and they ran hither and thither, striking wildly, each thinking himself
 the last survivor of the crew. Man to man they were the stronger; but they
 fought on the defensive only, which enabled the boys to hunt in pairs and
 choose their quarry. Some of the miscreants leapt into the sea; others hid in
 dark recesses, where they were found by Slightly, who did not fight, but ran
 about with a lantern which he flashed in their faces, so that they were half
 blinded and fell an easy prey to the reeking swords of the other boys. There
 was little sound to be heard but the clang of weapons, an occasional screech or
 splash, and Slightly monotonously countingâ€”fiveâ€”sixâ€”seven</t>
  </si>
  <si>
    <t>b'\x8b\xf5\x1e\xd7\xcf\x8c\x9fq'</t>
  </si>
  <si>
    <t>8bf51ed7cf8c9f71</t>
  </si>
  <si>
    <t>7. They ran into the middle of the street to look up at the nursery window;
 and, yes, it was still shut, but the room was ablaze with light, and most heart-
 gripping sight of all, they could see in shadow on the curtain three little figures
 in night attire circling round and round, not on the floor but in the air.
 Not three figures, four!
 In a tremble they opened the street door. Mr. Darling would have rushed
 upstairs, but Mrs. Darling signed to him to go softly. She even tried to make
 her heart go softly.
 Will they reach the nursery in time? If so, how delightful for them, and we
 shall all breathe a sigh of relief, but there will be no story. On the other hand,
 if they are not in time, I solemnly promise that it will all come right in the end.
 They would have reached the nursery in time had it not been that the little
 stars were watching them. Once again the stars blew the window open, and
 that smallest star of all called out:
 'Cave, Peter!'
 Then Peter knew that there was not a moment to lose. 'Come,' he cried
 imperiously, and soared out at once into the night, followed by John and
 Michael and Wendy.
 Mr. and Mrs. Darling and Nana rushed into the nursery too late. The birds
 were flown.
 CHAPTER IV
 THE FLIGHT
 'Second to the right, and straight on till morning.'
 That, Peter had told Wendy, was the way to the Neverland; but even birds,
 carrying maps and consulting them at windy corners, could not have sighted it
 with these instructions. Peter, you see, just said anything that came into his
 head.
 At first his companions trusted him implicitly, and so great were the delights
 of flying that they wasted time circling round church spires or any other tall
 objects on the way that took their fa</t>
  </si>
  <si>
    <t>b'\x99\x11w\xa0\x98+\r\x9e'</t>
  </si>
  <si>
    <t>991177a0982b0d9e</t>
  </si>
  <si>
    <t>took an active role in the allocation
 of capital among industries; but it also included regimes such as those of Hong Kong and
 Taiwan, where this type of industrial policy was largely absent. Some economies, such as
 those of Taiwan and Singapore, relied heavily on the establishment of local subsidiaries of
 multinational firms. Others, such as South Korea and Hong Kong, relied mainly on domes_x0002_tic entrepreneurs.
 What the high-growth economies did have in common were high rates of saving and
 investment; rapidly improving educational levels among the work force; and if not free
 trade, at least a high degree of openness to and integration with world markets.
 The self-insurance motive for holding reserves
 is not the entire story, however. In some cases,
 reserve growth has been an undesired byproduct of
 intervention policies to keep the currency from
 appreciating. China provides a case in point.
 Chinaâ€™s development strategy has relied on increas_x0002_ing export levels of labor-intensive goods to fuel a
 rapid rise in living standards. In effect, appreciation
 of the Chinese renminbi makes Chinese labor more
 expensive relative to foreign labor, so China has
 tightly limited the currencyâ€™s appreciation over
 time by buying up dollars. Despite capital controls
 limiting inflows of foreign funds, speculative
 money entered the country in anticipation of future
 appreciation, and reserves swelled enormously. The
 government has gradually loosened its capital out_x0002_flow controls, hoping that reserves will fall as
 Chinese investors go abroad, but the tactic has had
 only limited success so far. At the end of 2010,
 Chinaâ€™s reserves stood at 50 percent of national
 output. We discuss Chinaâ€™s policies in greater detail
 in the Case Study on pages 651â€“653.
 CHAPTER 22 Developing Countries: Growth, Crisis, and Re</t>
  </si>
  <si>
    <t>b'0E\x02!\x00\xf6\x96\xf33=D/Y\xd2\x0e\x04\xc4_\xbd\x8aa\xc0i\xd4\x87\xd3|\xd0\x94\r\xbcp\xc4\xe3\xcd\xbbC\x02 ~e=\x92\xcf\x86K\x93\xa7\r\xa3\xf9\xccq\x11\xbc\xb81Q\x9e\xc0\xb5\x1c&gt;y]\xa8\xf6\xc4\xaf\xa3\x83'</t>
  </si>
  <si>
    <t>3045022100f696f3333d442f59d20e04c45fbd8a61c069d487d37cd0940dbc70c4e3cdbb4302207e653d92cf864b93a70da3f9cc7111bcb831519ec0b51c3e795da8f6c4afa383</t>
  </si>
  <si>
    <t>b'0E\x02!\x00\xf6\x96\xf33=D/Y\xd2\x0e\x04'</t>
  </si>
  <si>
    <t>or French colonies in Asia
 by some other route. He ought to know that he would not be
 safe an hour in India, which is English soil.â€ â€œUnless,â€ objected
 the consul, â€œhe is exceptionally shrewd. An English criminal, you
 know, is always better
 concealed in London than anywhere else.â€
 This observation furnished the detective food for thought, and
 meanwhile the consul went away to his office. Fix, left alone,
 was more impatient than ever, having a presentiment that the
 robber was on board the Mongolia. If he had indeed left London
 intending to reach the New World, he would naturally take the
 route via India, which was less watched and more difficult to
 watch than that of the Atlantic. But Fixâ€™s reflections were soon
 interrupted by a succession of sharp whistles, which announced
 the arrival of the Mongolia. The porters and fellahs rushe</t>
  </si>
  <si>
    <t>b'\x1a\xba\xa8\x0chf\xef\\\xcc\xc7`\xb1\x13kD\xa3\x01f\x9aN\x9a\xd4\xf7\xca\x92\xaf\xfb\xe8q3\x03\xe0'</t>
  </si>
  <si>
    <t>1abaa80c6866ef5cccc760b1136b44a301669a4e9ad4f7ca92affbe8713303e0</t>
  </si>
  <si>
    <t>b'\x1a\xba\xa8\x0chf\xef\\\xcc\xc7`\xb1\x13kD\xa3'</t>
  </si>
  <si>
    <t>tap-tap-tapping into the distance. 
 It was some time before either I or the captain seemed to gather our 
 senses, but at length, and about at the same mom</t>
  </si>
  <si>
    <t>b'j\xdb\x17\xff\xab\x11\xb7\x92~\xc7\xb0&gt;\x0f\xc4\x82\xbcjU\xc7\x04_-&lt;\xfd\xebg\r\xfb\xd3\xef\xbe?7\xc9\x88u\xf4\x95\xe6\xf9\x0e\x1cm\x86\xed\xfeY\x8f`\xa3k\x9f\x9b\xda\xac\x03\x12\x81`\xa0\x8dMer2\xa6\xcb\x93\xfe\x1d\xf2`1\xfa\xff\xca\x9a\x80hM\x13\xa6+3A\x04\xe8\xc9\xf6\x06\xa7\xe8\xb9s\xdff\xb2\x17\xdd\tT|\x91\xad\x9f\xdf\xdazvh\x13\xbc\x9d\xcf\xf4Ql\xbb`@\x8c\xdd\xf5c\xc6\x83\x02py\x00\xb7.\xf7\xe0n\xf4\xe6H\xa8\xfb\xec4\xc1\xbf\xaf\xc5R\xb1pK\x85\x15\xbfc\xffY\x88\x98\x068\x14\xddt=\xb5\xc4\xc9\xbe&gt;Z`!\xa1\tn\x9d\x90L\xa1\x16\xf8\xfan\x0c\xbe\xa9G[\x01`\x7f\xc3\x89S\xbe\xecE&lt;O\xcf\xe0a\xfbt\x00\x8c\xf7\x0e\x80\x9c\x18\xa9\xa2\xb3v\x8f\xb1]\x95\xd9\x80\xdf\xc0\xa9\x81\xa6\x14\x8aI.\t\x1e\xac\xab\\\x0f//\xb2RV\x02\\\x83\xdfx\xfb0\x0f$\x1e=FR2\xa1'</t>
  </si>
  <si>
    <t>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</t>
  </si>
  <si>
    <t>b'j\xdb\x17\xff\xab\x11\xb7\x92~\xc7\xb0&gt;\x0f\xc4\x82\xbc'</t>
  </si>
  <si>
    <t>R health 
 and luck. I'll tell you what I think of this: I think it handsome. And if you 
 think as I do, you'll give a good sea-cheer for the gentlem</t>
  </si>
  <si>
    <t>b"\x8be_\x80\x10\x8fU3\xdb\xd8\xcd\xd2\xf8\xa8\xec;\x86\xf2\xd4\xd16\xfb#\xae\x11i\x08\xf5p\xf1\xd7&lt;\x08\xfbkP\xa6\xd9\xd6\x18\xcd\xf1\xe2\xd5fg\xdf\xee\x08\x9f\xe0\xf3\xdbK\xe5I\xc3\xbd\x15\x12Q\xbat\x18d\xcc\x10\x93\x13\xb5\x02\xa7\x92\xfc;\x97\x0bg\x0cH\x8de\x93o\x9d\xda\xae \xe6\xa3\xb1\x89N\xc4\xda\x06_\x9b\xfc/\xad\xeaSj\x18\x82\xcc:\x1fz\xaf\xb6\xfa\xb3:4_\x1a\xb9\xdb\xd9\x12`\xd40\xdfx\x89\xf4\xaf\xf0\xef\xabgW\xda\xa7\x80\x8b\xfe\x1ei!/\xff\xdc\x10.\xa6\x80F$\n\xf6f\xee\x1c,U\xb2\x93\xf2\xfb_\x87\xe0\xf7g3g\x02\xc1-\xae\x01\x1b\xd0[\xd8\xba\t@\xcbjn\xa9\x885[E\x00z\xc3\x9fX\x98\xb6\x85/\xae&lt;\x02\xdcz\xd8\xda\xaeD\x19y\xd7c\xdbZ\xcb\xed\xc3l\x8d\x94#9\xcb\xba\xd6\xd2\xb9\xda.zU\xe6'@\xc8\x8a\xeb+\xfd\xbc\xc2\x96\x14\xa6\n\x0b )N\xb0\xef\xbf[Kn\x894\xd1m\x1by\x9d\x1c*&lt;\x9ci\x9fH.\xa8h\x9b\xd8\xbd\xbcdI\xfb\xf8\xd0\xdf\x05\x02O\x88*+\xa5@\x028\xf85=K\x14\xf8#&lt;*\xc7$\x01m\x89\xaf\x95\xc8\x83\xa1\xe8n$\xc1\xb5\x13\xe6\xf5\xc92\xf9}\x8dCeS\xbe\xa9\x84\xb2\xee\x04\x91\xfd\xa5\x04;\xd1\xac\t\xc6V\x9e\x085\xd8\xde\xdd\xfcr\xd8%$oN\xa3\xdd\xbe\xe5\xc7\xd9o\xe6\x95\xadp\xa0\x8e\xc2\x8aD\xde\x92\xfe\xa7\xfaN\xf1L\x11v\x00L\xe5\xd8z\x80\xd3c\xaa\n}-\x07\xf8\x01Y\x90eHJ%T\x80\xe0[E\xa9\xbe\xd4\xb5\x018a\xb7(S\xfd\xbb\x03\x8d\x0b\xb7]DU\x19\xb5\x01k9\xac\x9c[X\xd9 \x19\x95\xea\xed\xbek\x89n\xc1\x7f\x1e\xc6\\Z\xc9U\xa8l\xf6\xab\x92\xb5\x06l\xd6\xb6\x8a\x03m\r1\x86\x03&amp;\x88O\xfb\x018L)%oX\x03[5\xa4\x83\xbd\xd7\x91F\xe4\xa7/\x16',\xdc8\xe8\x1b\xbc\xedBbD{\x81\xde\xcd}x"</t>
  </si>
  <si>
    <t>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</t>
  </si>
  <si>
    <t>b'\x8be_\x80\x10\x8fU3\xdb\xd8\xcd\xd2\xf8\xa8\xec;'</t>
  </si>
  <si>
    <t>ein' afraid," answered
Dickon. "An' tha's stopped."
"Yes, I've stopped," said Colin.
Then suddenly he remembered something Mary had said.
"Are you making Magic?" he asked sharply.
Dickon's curly mouth spread in a cheerful grin.
"Tha's doin' Magic thysel'," he said. "It's same Magic as made these 'ere
work out o' th' earth," and he touched with his thick boot a clump of crocuses
in the grass. Colin looked down at them.
"Aye," he said slowly, "there couldna' be bigger Magic than that thereâ€”
there couldna' be."
He drew himself up straighter than ever.
"I'm going to walk to that tree," he said, pointing to one a few feet away
from him. "I'm going to be standing when Weatherstaff comes here. I can rest
against the tree if I like. When I want to sit down I will sit down, but not
before. Bring a rug from the chair."
He walked to the tree and though Dickon held his arm he was wonderfully
steady. When he stood against the tree trunk it was not too plain that he
supported himself against it, and he still held himself so straight that he looked
tall.
When Ben Weatherstaff came through the door in the wall he saw him
standing there and he heard Mary muttering something under her breath.
"What art sayin'?" he asked rather testily because he did not want his
attention distracted from the long thin straight boy figure and proud face.
But she did not tell him. What she was saying was this:
"You can do it! You can do it! I told you you could! You can do it! You can
do it! You can!" She was saying it to Colin because she wanted to make Magic
and keep him on his feet looking like that. She could not bear that he should
give in before Ben Weatherstaff. He did not give in. She was uplifted by a
sudden feeling that he looked quite beautiful in spite of his thinness. He fixed
his eyes on Ben Weatherstaff in his funny imperious way.
"Look at me!" he commanded. "Look at me all over! Am I a hunchback?
Have I got crooked legs?"
Ben Weatherstaff had not quite got over his emotion, but he had recovered
a little and answered almost in his usual way.
"Not tha'," he said. "Nowt o' th' sort. What's tha' been doin' with thysel'â€”
hidin' out o' sight an' lettin' folk think tha' was cripple an' half-witted?"
"Half-witted!" said Colin angrily. "Who thought that?"
"Lots o' fools," said Ben. "Th' world's full o' jackasses brayin' an' they
never bray nowt but lies. What did tha' shut thysel' up for?"
"Everyone thought I was going to die," said Colin shortly. "I'm not!"
And he said it with such decision Ben Weatherstaff looked him over, up
and down, down and up.
"Tha' die!" he said with dry exultation. "Nowt o' th' sort! Tha's got too
much pluck in thee. When I seed thee put tha' legs on th' ground in such a
hurry I knowed tha' was all right. Sit thee down on th' rug a bit young Mester
an' give me thy orders."
There was a queer mixture of crabbed tenderness and shrewd
understanding in his manner. Mary had poured out speech as rapidly as she
could as they had come down the Long Walk. The chief thing to be
remembered, she had told him, was that Colin was getting wellâ€”getting well.
The garden was doing it. No one must let him remember about having humps
and dying.
The Rajah condescended to seat himself on a rug under the tree.
"What work do you do in the gardens, Weatherstaff?" he inquired.
"Anythin' I'm told to do," answered old Ben. "I'm kep' on by favorâ€”
because she liked me."
"She?" said Colin.
"Tha' mother," answered Ben Weatherstaff.
"My mother?" said Colin, and he looked about him quietly. "This was her
garden, wasn't it?"
"Aye, it was that!" and Ben Weatherstaff looked about him too. "She were
main fond of it."
"It is my garden now. I am fond of it. I shall come here every day,"
announced Colin. "But it is to be a secret. My orders are that no one is to kno</t>
  </si>
  <si>
    <t>b'\x9f\x06O\xa8\x91\xa9\x8a\x03\x8e~-\x8d\xee=\xfa\xc2`t%\x1f\xd8\xaaf\xd3\'\xcb\xa5\xb8\xdb\xf2\xd3/\xa5\xbeU\xda\xc3\xe9\x15\xbdh\xed\x08zJ\xa0`\x80\x14\xe50FT\n\xcap\x02\x8dm[(\xfb\xe6\xdc^\x1d\xf8-\xfc Oy\x1aL7\x95X\xfcQBTo4\xca\x0b\xe7t\xa0bU\xb1\xe4Z\xaa\xec \xb8\xdf]\x91\x9a8\x16\xc8\xab\x07\xc94@\x0ba\xb2\x86\x8ct4\xba?"\'\'L\xd08|@\xd8\x07\x8b,\xe2\x00\xf3xe&gt;K\xfa\xc1R\x8dr\xfe\xf6\xe4e\xd2\x1f\x90\x16}\xe5\xff&amp;\x88\xc1\xd1\xb4\xf29m\xfcm\xb1\xad_\xfb\xcc\x89\xfc\xdd7\xe50\xb7\x112&gt;\xd9\xd2d\x9fD\xa3\xd8\xc5\x9c\xd3\xef\x8e\xe9\xc9\x99\xe2\x02-Q$%\xefH(\x9a\xdcF\x10\x9bF\xcbNA\x0esI\xa6\x9b\xa7\xf2e\x18\xc6\xcb~\xa2\x99\xc4|\xa6\x9f\x8e\xf7\xd3^\xe9\x98^L9\xde\x84\xcah\xea\xc9\xe5\xfd\xe4Z\xe5\xcd\x82wgYY\xefj\x1e\x9e\'\x8a\x03\x974\xdc\xfd\xb4)\xba\xcb\xcd\xe5g\x15\xd3j\xbd\x878qQz7A(\x8f\xda\x96\xba\x8a\\\xba\xdc\x04\xcf\xca\xb2\x99\xe1p&amp;\x9f\x12^\xcf\xc8\xfaE\xd2\x8ejp/{\x95\xd0\x02\x9d_A\x0eWb\xc8\xac\xc84\xbeO\x02I\x04\xb9\xf9Z\xa9t\xac\x8cr1\x8d\x16\xb4M\x86\xc7\xc27\xaf\xd5\xac:\x1c\x17\xdcZ\x16g~\x07^\xfb\xbb\xf8 Q\x9a\x9e\xe3B\xe7 \xdb\xb6&lt;$\x95\xe8B\xe4]Y\xf1M\x82[\\M\xd4;]?\xf9\xdb\xcd}\x82\xca&amp;\xd2\x90\xb2\xd0\x12j\x98\xbf$\xd2j\x89YM\x9d\xcf\x8ck/fi[|\x99\xe9\xf2\x0b\x0f\xc2\x8cTtZ\xbc[(\xec\xd2e^Dx\x9a\xc4#\xcbf\xd0\xb3\xf0\xc8X\x06\x80\xdcu[?\x88\x933\x08\x06\xe4bw\xcb\x9c\xb5mc\xce\xcdc\xe2\x12H*\xaa/\xdd\xb7\x0e\xae\xa5\xd50.\xc6\xa4\xd7z\xc5\x17\x05s\x18]\xee\xa0x]\x8fE\n0\xa46D&lt;\x17\x8a\x9f\xbeW7\xae\xb9\x98\x1eCI\xaf2WzXv\xa8\xcc\x1d]\xb7F\x15\x89\x00N@^Vr\x96\xc9\x165\x1a\x99\xbc\x95J\x9c3\xcc\x802\x9c\x020\xabRI_\x81L\x19p\xac\x02\xe1\xc1\xf0r\xb5\xbf"\x8c\xfa\xe8\xfe%\x9f\x8a\xc2\xe2\x07\x89{\xbc\x11{%Q\x08\xbf\xc7\x1e\xee\\\xe9+y\xb5\x83\xd0q\xbb\xd1N\xbe`\xf4\xfd\xc1\xaf\x17rwH\xd3tg\x1a\x92"\xd4/\xff\xb0\x84c\x05:QM\xef+\x82\xbe\xa7\x80\xe3~p\xda\xc7{\x80\x84\xf3r\xfav\x81m\xd4\x14\xe52!\xb8X,qc\xba\xe8\xc5\xaf\xb0\x97\xed\x94P\xba\x89@p9\xfb9\xe1n\xd3\x9e\xc3\xef\x1f;\xf6\xa6\x8a\xd3\x86\x13D\xa9\xf8\xf6\x81\x0b\xea\x88\x8e\x12\xc6\xef\xafe\xadEl#\xb3KCK\x11c\x18u\x97%+s\xf7\xef\x17\x9e\xdaA|E\xcf \x19\x02\rN-\xd9\xb2hq\xb6\xa2\x8f5\xc5U@|\x8fF\xeb\x93\t\xed\xad\xf3\xa9=\xae\xbc6\xecg1 F\xb0\x0b\xb4N\xd9I\xbdMS-\xe24\xb8\xd4\x06`\xba\xe5E\xad\xfe^KoL\xe8\x16\xf4\x99\xf8\xd9\x1e\xc2/\xe8\xf7\xa3\x14\x16P\xb0zx\xc61\xd7\x0bT\xf2\xbf\xf8\x8e\xde~\xdebn06\xd5J\x85\xf7\x03{y\x15H\xba9\xd0\xb6\x13@9/K\x85K\x06&lt;\xd1\xdb\xc4c\xb9\x8a\xf5\x9a\xda0\x99\xb9\x02\xd0\xb0\xf3\xa1\xb3\x8a\xea\x91\x88\xd5(\x94\xfdG\xe9^\x88Vo\x15&lt;ze8\x7f\x89\'\x8d0\x88*\xab5\x14\xf5\'\x89j\x1eK\x98A\x1b;\xa8\x15\xe9.\xddd\x19\xdb\xc2\xcf\x94\xcd\xbe\xe9\x9e\x89\xbc\x0eq\x10L\x95\x0cE\xdeo}\xe7\xc2\x9b\xac9c\x85\xc4\xad\x8clz\x0f}s$\xf9n\xc2\x98\xec\xdc\t\x93f\x80\x80\xa9\xc4\x02Y\xfd\xb0\xc9\x93D1|\xbb\xb6\x1a\x91q\nr\\8-\x124\\\xa2?\x95%\x1b\xdfV\xbb\xbc\xd2\xfe\xc0zho?(\x08\x17\xa3D\xca\x02\xe3\x972\xe1\xfbV\xfa\x9f/\xa9\xbam\xc6\xe6$|U\xbd\xf5[b\xb9q\x9f\xb63QT\xb8\xd10\xe9\xb4\t{\xf9\x1a\x92\x9a\xfcp\xc6\x07A\x14\xedN,\xcb\x1b\xbbERb2Ok?\x85\\X\x06*\xc5\xfc\x13\x08gJyW\\N\xe7\xc3\x15av\xebG\x9a\xd9r\x18\x82\x1c\x1d\xa8\xad\x9e=,\xec\xd1&amp;\n(m\x1dO`\x88{\xda\x1b\x82\xa3\xb1:\x91\xf4W\xa6F\x13\xd0/\xfc\x94\xf0\xdd\xe6KJ\x05\x92j\xa0\xd1\xdf\xd6Vh\x92M2\x949\xffn4f8E\x10ev/ra\xea\xe8\x13nj\x19`Y\xdd\xd7\xf27o\xc6\x92\xbe\x8f\xaa\x99\xc6 \x1c\x97&amp;aR"qx\xf9s\xe2\xb8]\xb3\xa9\xb1\xec\xffj2\xa7&gt;\x8f\xbfY\x9cz\xfa\xf4\xfb\xd9\x0c\xf0I(\xeb\xb3\r\xc6&gt;\x14\x91\xea5*w\x11W\xe3h4\x11\x19\xea?o1\xb8h@\x9b\x81\xc7G+\xf7\x97\x9cl\x96|B\x7fd\x162\xc9\x9c\xefT\x8a\xeb\x0fW\xfcC\x14Q.\xa9\xee\xc6\x8cI \xc9\xa5\t\xa1)\xfc\x7f\xafsE\xac\x83I\xd9\xc2Lu\xc5\xbeC-\x86\x1c\x8f\r\x81oD|\xd8\x88S\n\xfd\xa7\x82\xe9\xf1\xf2/\xd9v\x18\x8b\xb5\xff\x1bP\xfd\xde\xa1\xaa~\xa2\xa2\xa1n\x0e\xc2\x89~!\xd2.\x94\x98"\xb4\xf4\x119\x85\xc0\xe5\x8c\xa3p\xb5\xcd\x94Y\x1a\xf7:x^\xb5zDh\x12\x1c1\x96\xe8-a\xf6m\xd27w\xb9\xa8\xd4\xefW[\xee\xb0\xe0\xe1\xfd\x9bn\xc6\xa4 /\r\xa0\xfcC\xf9\x9aiF\xf8\xb2\xc6F\xb1\x82\x8cc\x81\xaaJ\xbe\\q65\xd2\xb6\xb5Y\xf3\x1e\x17_\xfdA\xae\x95\x80\xd29\x00\x8f\xf3d?jf&lt;\x11&amp;\xe1Q\xf4L\x93\xd4\xc3\x03"E\r\xd9^\x80\xfb]\x17\xfb\xb6+\x93\xcd\xc5\xb8\x19w\x0eQ\x07\x160\xd7\xfc:^_e\xbb\xfe~Z&lt;Ig\x81\xa3u\x18\xd2\xb2\xcf\x148\x9b\x97$&lt;\x1c\xc4\xae\x94\x15\xee\xd5\x01m\xa3\x86\xa0[\x99uc\xf7x\x1a?\xacf+I\x8c\xa2\xca\x04\xd2eWI=L\x91\x93\x92Ul\x1a\x87\xb0wRL^\xb5\xa0\x7f\x13\x03\xebl\xc6\xaa\xcc3\x87!\x0f_ E\xb4K,\x0e\r\xed\x15=\x9f@x\xd6b\xa3\xf3\xcfX4Q\x17\xfe/\x0e\x16\xc4\xdc\xfc"\x87g\xdb\xda\x98\xba\x80\x0e\xedZv\'\x12&amp;5\xf23g\x99\x8c\xe9\xddF\xca\xb4\xa9\x80\xa8\xfbc\x7f\x08\x0co\x0c\xe0B\x06\x13\xb5\xae}O\xe4\xdai\xed\x05\x9dmg5\xb0\xacp\xc5\xc8H\xd8\xec\\\x94o\xacZz\x94p\xb3F\xb0\xd8)\xf7:"\xbd(\xfa?\xe9\xdd\xe0Zo2\x11\'[T\x83\x83&lt;\xef;l\nF\xeb\x8f\x00\xae\x81\xdcC\xb4\xd9\xca+\xb23\xef\xe6\x80\xe7\xa1\x8f\x85\xbe\xd5\xbb\x18\x86\x03\x8d^\xad\xc9\xbcN\x10\xac@x\xbf\xc9\xefg{\xcb0\xff\\Y\xc8\xf2\x0e\x19|\xfa\xbd\x85Z\xcc\x0e\xb1lf\x1f\x05_{x\xb0\xa0cji%U3clDm\xa6\xd7\xbb\xa9#\x1frg\xe8 \xa1i\xb4\xc9R\xf1\xcd\xcfY\x85\x0b1\xb0z\xa7\x13\xa7\xd6\xfb\xabHX\xa8\xc7p\x15\xbasN!\x99\xc7\x0b8\xd2\xf09\x04\x9b\xa8\x85\xab_O\xb9^\xf1\xb6\xdd\x18h\x88\xe7|\xf4T\'h\x13P}\xa79\xd2&lt;Yo\x93\x8f\xc8\x87#\x1bx\xbf\x81\xcd\x0c/\xc8D \x9c\xcb\xad\xd5\x00\xa2\xcc!\x9cC:1f\x0cV\xbd\x0f!CL\xb5\x19[Qe\x1a\xb8{N\xfd\xf9\x91{\x8bt\x1e1\x14=\xdc\x83\x97\xb0\x90\x85\xbf\xa5\xf1s\xc4*\xe8\xb41\xd8Q#\x10K\xe5\xb3y\x8bMYuG\xfa\x1b\xff\x05\xad\xfd\x8b\x15\xd5P*\x17\x90 \x8d)5\xb3jE\xb0\xa8\xcc\x1dk4\x83\xb5f\xcd:\xaf\xac\x15\xe9\xc8\x87\x88\x1b4\xf6d\xf2vy\xc9\xac\xd2\x9d\x18SXyI53d\xfaT\xbd\xc6\x9cA\xb8\xa2~Xi=&lt;d\x82\xa0\xfeA4\x0b\xa4\xa3\xb9\x1e\xf8\x92\xa2\xab\xe5!\xf7 #g\xdb\x91\x8eC\xc4\xd7\xa1\xc6]T\xfb\x17%\xe6\xe7.\xbaNs\xb9\xd0Gr]\xf5G\xc0l\xcfBk\xbb\x81\x8da\x9f\xb8\xa6&lt;\xed\x89\xe5MY\x98\x00\xc6\xd0w\xad&lt;&amp;HZ)\xb8\xdc\'\xfb\x96\xbb:\xe9\x05NW\xffBL\xeb\x1c0\xc5\xdf\x0e(\x186\xaa#\x00a\xfe\xb8\x81T`L\xb8\x1b]\xef2\x0eG_?\xc6\xc9\xa6,\x9b\xcf\x1b\xb0\xc2\xd7r\x8e^\x11\x7f\x04\x8aa\x96\x87\xcb\x087\t\xe6\t5\xb7\xfdy\xa0\xe4\xb9\xfe\xcd\xe1(c:)\xa5\x1a\xce\x0f\xb5\x7f\xb3\x8e\x99s\xc6\x97\xd6B\xc5?\xaf\x1dwY`\x1aC\xc5\xba\x84\x9a\xc4\x1d\x9e\xf4\x1b\xf5\x11@\xbb\xb4\xf0 y\xc5,\xd9wM\x1c\xfa\xf5\xcdR8\x9f^P_\xe7\xd8\xe5\x0bC\x87\xc2\x86\xe6\xf9Q5\x82\xa5s\x9f\xec\xe26m\x0b\xd8\x02\x9d\xd0h\x9dMzN\xb0H\xf1)\xbb\x19[a\x89\x12\x83\xe9\xc30z\xcdk\xf3`\xb1\x17\xc0\xa39\xf58A\xcf[nD\xfe\xb2\x95T\xc1\xd1t\xcb\xd1\xc6[\x9b\xa88M\x81\xd7\x934\xd9gw\x13\xb0`\x82\x8bP\x9e\x8bHq\xe1\xc4\xcb7k\xf4\x00\x97\xdfj\xc2jj\x1f\xc8\xf9\xa1x\xd0\x05\x00\x07\x86Q\x18\x84\xdf\x9a\r\x93\xea\xb7V\xef %h%\x17\xfb\xca\x10wS"\x9c_|\x9b\x08\xd0\x0b\xe0\x17I\xe1\xc3\xf5\xf1^\xe0\x1fY\xce\xe5\xe1\xb5\xef\xab\xe0\xa7\x0bn\n[\x90h\x08\xaf\xd2W\x99\xa31\xe7\xa5\x17\xa1\xf0\x10@`\x81\xee*\x17\x85\xa1M\xe1\x83H\x1dhJ$\x8d\xaaKe\xa9\xf0\xc0:f\x02\x84\xb4\xcfy\xe3\x8f\x8c"1\xbb\xdc\xaa\xd3o\xcb\xfa\xb1\xf5[\x1fY\xa1\xd6\xe0"H&amp;\xccZ\xea\x13\x0f\xa1m\xa2,?\xe2f,\xa3\xaea\x14,\x88\x0b\xb6\xcb\x9a\xcf\xe8\x979\x87\xb0a\xa4^\xf6\x80P\xa5\x04\xb7V\x9c\xae\xf1\xd9\xdd\xf2\x82=Mf0\x95k\xa9\xe1W\xf2U\xac\x03\x9e\xaf\x9f\xe1\x030@,F\x06\xd0@\xd9\xb5\xc8\r\x8c\x9ac\xd8\x848\xe8\x87\x1er\xf9\xcf\xb6\xd9\xda\xf6\xc2\xcc\xbbB\x9bM)+t"\x8c\xaf\x16u\x81[\x0c(\xca\xbf\xee\xd2\xbb.g\xf2\xb6\xc3\xf0\xd5#C\xea8\xa9HhU\x93\x1b\xfb\xf2(4\x96\xb1\xef\xcfk\xefU\xa3\xba\x84\xfb\x92(\xa29\xf6\xdb\xd4\xbe\x7f\xf1 \x9c\x90\xea\xfe\xe3\xe7\xed\xfb\xba\xae\x02\xa4\x04\x02\xff| \xf5S\xb4\x1f|\x07\xae\\\xc4\xe69\xc75t\xf1eT\xf6\xc4\xdf{O\x94\x0b\xba{\xeed\xd4\xb3\x03\x19)\xdf(\x9e\x8am\x0c\x17\xad\x1f\x819\x00\xdf\xfc3\x81]U\xe0\xe6\x03\n\r\xeax\xedk\x8c\xe7I\x14\xce\xa9\x7f\xf4\xe1\xe6\xc8n|\xca\xfcc\xde\x11\x8a\xf1a\x90r^\x02\xed\xebT\xbf;\xf9\xd7K\x1b\xef\x9fzA\xa6\xb2\x92\xcb{\x86\x02\xb0d\xce(\x97\x87\xe7i\xfd\x96\xb9&gt;\xbc\xb9%\xb9\x1f\xbd\x82\x9e\x9d&lt;\xf6\x8d\xb2r\n\xbe\xc2c\x03Q\\\x05`\xce\x89\xbb\xfcC=e\x86\x03\x9c2\xcb\x1aAX\xa8\x8b\x80\x1e)a\x04t\x8a\x0c\x1c\x1a\xf3u\x19M\xda?`\xcf\xd9\xe0\x93[\xa1\xe1l z\x91\xd0\x83\xa7\xac\xf2V\xfe\x17?\xddV\xd61\xa8\xb4\x0bZ\xe4\x8c\x00\r\x17\xa7\xfa\xd1\x16+\x9dG\x0e3\x95d\xc6\xf1\xa5x\xdd\xf7\\O\xe19r\x1a\xf6\xd7\xb0rL\x17\x91\x83GWd\xf2u7\xc9\x9fO\xa5}\x9ds\xc3z!\x17\x02\x00\xd6C\x7fSE\x05j?4\x03G\x7f\x1c\xdc\xbd\x96G\x14\x90\xeb\xf4j\xd4\xb2\xecC\x8c\xc0\x8e\xd4\x13\xaf\x0f\xbf\x88\xb1\x12\xc6\xbcj\xeb5@\xcc\xf6\xea\x83\xb0\xf7dK\xc0\xab\xd9\x1f\xd7\x11\xa1\xbf\xba\x96\xf5!\xff\xda\x07\x15\x16\xb3a\xc6\xefr\x94\xed\xd4\xb7\xda\x108T\x18\x98%\xb8\xe3z\x9ca\xc0\x97\xb9\xbeZ\xe5\xffk\x0c\xb7\x92$\xd3\x95\xc0\xf6\xf6d\x1c\xadS*~#U\x8bw/\xc9]x\xad\xfc\xc0\x98\x9d\x17\x81\x19\xe2\xc1?\xa7\xdf\xf1B\xc3\x89$\xfc^`\xb8\xff\xae\xbd\x86c0\xc5D\xe2\xbc\xcd/]\xdc\xe0\xa2f\t\xcas\xaaaq 3\xd6bR\x91F&lt;.r;\xb95+\xcf]\xfc\x7f\x9e.\x02\x8b@\x1cd\xeeai\xd7\x1e\xf9U\xaa\xc6\xe5\xf9\xd4\x0b#\xd5\xe5\xcd\xd5=\xc9O\x7fe\x19\x90\xef\x99Y\xe1$\xe7\x07jD\x926\xa3\xd0\x86\xb8\x8d\xde\x9d\x1d\xae\xa3\xaf\n\xe0\xcf\x1a\x95^\xa2XH1h\xb0\x04\x8b\x91~V\xfaM\xb4\xbf\xb9k\xe9\xa5\xbb\xa4\x18n\x05\xb7@\x12\xd7\x1cg~?Bj\x88\xd9f\xa7\xe8\xd9\x06\xffi|\x9a\x17\xa2\xb7\xa6k\x0e\xa8\xad\x8d\x8d\xb5j\x14\xef\xfb\xa43\x12\xc3$m\x9a\xb0\x90\x81\x97\xc0p\xa6\x8e\xf4&lt;a\x1cuu\xf5Z9\x0b\xafE\xd2\xc7\xde\xee\xb0\xbfV\xbf\x86\x9eD\xbe\xb4\xa3\xbe\x18Qs\x0c&amp;\x1f\xe9\x9cp[CD9\xea\xe7\xd9\xd9\x11\x15\xb8\xd5\xb9#\xca$\xf2\x8b&gt;\xa9]\xa2E\xb7}y\x15\x1c!\x1f\x14\xce\x1dD\x1ai\x80!\xe8\x15W\xf9\x82\xee\x8a^\x9b\xb8\x03\x8dCkM\xb5`K\xd1\xdf\xd8SY\xc4\xd1&gt;\xb8E^HE\x94\xc7T\xd8\xc6\x8atw{Upza\xfe`\xa8\xe9\xb8\xba\x17\xed\x99\xf2kC\xc9\xb9\xf4\xdabf\xb4\x80\x94\x8e\xc4\xc6O\\\xdf\x03\xd1\x9dw\xb5\xd9\x18vV\xa9\x83XD\xd8K)\x06\x81|\xa6\xa8V\xcf\x02@\xb2m4!~\xc7\xfe0W\xe8i\x07\xe5\x14h2\xa9Y\xda\xf8f\xc5\xa1O0\xc4\x8a+\xedF\xb3\xd9\x94_\xb0{j\x9b\xd2\x14\x1b\x1a\x01\xfd\x95\nm\xdbB\xc9\xdb\xfa-\x15O6Y\xd8v\x83\xd8iWp^\x84\x0c\x91n(\x04\xf4\xf3\xb4\\\x8ap\x92K:c~\x8b3\x84\xd4\xa0#\xb9\x08m\xf9\t\xe7grk\xaf!q\x87s\xa2\x1c\xc1\x97%\xa5\x84\xda6u6\xd2\xa2\xc2\xf3mb\x97E\x97\x97\xa1\xed\x82[V\r\x16rv]?~\x87\x15\xf7JL\x81r)\xcc+\x186\xac\x0b]\x89\xfe\xf8\x07&amp;\xcan\x00\xae\xf8\x06\x87\xc8\xadv?%\xc59~\xdb\xa0\xa4-\x0e\xd2\x9d\xb9\xc1\x07,&amp;\xdc\xe7\xbbXy\xf5\x8e7Je_\x8c\x9a\\dFe\xca\xb4x\x89\x15I\x01\xb4\xa7&gt;\x04\x858{\xba\x87\'\x8bA\xb5\x0e\xbe\rP\x92\xa6}\xb0\xab\xb5\xd4\xe5\x1f\xa6T\xd8~fmO\xca\x8c\xf1\xd0\x81\x1b\xc0 \x15\x0b\x92\xb2\xbd\xcdD\t\xb9 2\x99\xcd\x97\xdd\xf0\x0e\xf8\xd1\xe4s\xae{\xbc\xbc5\x18q\xfb\xf8\xbb\x8f\x9f\x9c\xfe\nf\xa5;\x05\xa0@\x95\x81q\xa3F\xfa\x8a\xa8\x0e\x91\xe9"\xf5\xbb,\x9c\x8f\xdc\x8e\x96E\x01g\xf0j\xd7\xd1\xffGb2\xb4\x1f\xf7o2\xf2\x08\x8fQ\xb2+\xf6a\x1c\x9f\xe8\xa6n\x9d\x13\xccK\x0e\x0b\x1f\x96\xa7\x00\xd2\x83H\x1f\x0cPH\xbe\'2\r*\xf6*\x1f\xee\xaa\x0c\'\xac\x9c\x99\x17\x97\x19\x95\x89y\xe3\x9e\xdd\xf2J8\x11\x83\x9b+\t\x1f\xfaW\x8a\xadT\x80K9\x11+m\x88\x7f\xa9\xabR\xfe\xa3=N\xff\xc0\xdc1g\xfb\xec%Fn\xe0v\x14iv\x94\xbc\x14@\x1b\xc1\x07V\xe5\xb5+y\xa2\x13'</t>
  </si>
  <si>
    <t>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</t>
  </si>
  <si>
    <t>b'\x9f\x06O\xa8\x91\xa9\x8a\x03\x8e~-\x8d\xee=\xfa\xc2'</t>
  </si>
  <si>
    <t>ng pulses, which were, in turn, determined by interior body heat,
and he came to the conclusion that the pulse of a particular woman under a specific
set of circumstances could beat more strongly than the pulse of a particular man:
Have the man dwell in Pontus, but the woman in Egypt; he should pass the day indoors
and idle, eating cold and luxurious food. By contrast have the woman spend her days out
of doors, exercising strenuously and maintaining a modest intake of hot foods. This
womanâ€™s pulse is surely greater than that manâ€™s. (Caus. puls. 3.2)
Medicine at Rome was deliberately distancing itself from the gender asymmetry that
had characterized the medicine of fifth-century Greece and the Hippocratic Corpus.
Roman therapeutics, however, remained conserv</t>
  </si>
  <si>
    <t>b'y\xaf0\xff)T\x86\xc0}\xaf6\xf8\x08\x86r9I\xea\xc1S\xf7b\x88\x9b\xbd\xf7n\xa7Dc\xcel\xba\x94\xd9t\xc8\xa0\xfc\x98\xbc\xd8F\x1b\xb4WT\xe8}\xf7*\x84I|\xd0\xe46\xe3\x18\xe6\x128\x0e^\x14\x95\xbdd\xca\x9c\x92\xb6\xb8\xad\xc7\xa0+\x12\tZ"\x99\x1c\xcc@\x04\x82\x93\xba\xd2\xb3PW\x15\xf4\xf9\xf9\x00\x92\x87Wy\x9e\x97\x89\x83\\\x93`\xc7\xd4*\xb9\xe0J\xfek$\xe7H\xec3\xcd?\x17\x8d\xaa2\x89~B\xc5.\x1f\xfa\x9a&lt;wN\x94\xbf\x98Y\xe4\x08N\xae{\x97\x1cM\xbb\xfc\x7f$\x18\xbfzS\xd7B\xcb\xb2\xaf[l\xd6\xc9\xdc\x1cX\x99\xaf\xffH*\xe1\xb7f\xedA\xf6/A\xd6a\x83\xc9r@2=\n\xf1\xde`\x1e\x1b{rY\x84\x88T6\xa4\xf7\xe2\xd7\xbey]\x91\xd8X\xb4\xf7\xb9\x97n\x93#\xc9\xd5\xb4\x8a#\xc67vu\x06\x8eyUt\x11\xf1\xa7\x18{\x08\xf9r7\xfc\xba@\xdbH\xc6L\x88\x05c\xb4_\x113\xed\xb7\xabFxH-\x84l\xab0\xa5\x16yI\x82\xee3\x12\x16w\xa1#m\x82S\x94\xf9\xea\xbf\xbd\xe5f\xb5\x93\xa5\xb1\xea\x0cX\xa8\x1bZ$\x05X.1q\xf3h\xe5\x91\x9c\xfa\xa2\x90\x91)\x12\x9c\x0f\x1c\\\xcb\x83\xc2YB\xcc\xdb\xc9\xa5*K\r\xec\xe5\xbb\'&lt;\xa46A-BrT\x04\x10\x89%?\xdd \xac9\xd5\xc8\x8b\x07\x8a\xd9&gt;;\xe1\xd6*\x17\xfe\xa5\xd3\xddZ\xac\x0e\xc6\x02\xc0H\xbdT\x0c+\xb0*\xc93g\xd6B\xe5&gt;\x12x\xb8\xaf\x84\xb1\x85\xfc+\xaf-\xea\xac)\xeb~\x0e\xa4\xec\x15N\x86\xfe\xec\xd4\xc2\x08\x17= qS\x88\xb7o\x1a\xa0\x01/\xa9\xbaP\x1c\xf8\xc6\xd7M\x0c\xc3b\xc1W\xc3&gt;\xb5\xce\x88Lyh\xf5\x02[c\xae\x07\'\xc1;\xf6U\xe2M\x1dAG\x86\xad(\x97\x03\xb2Q\x13d^i^&lt;7\xf6\xa2\x12T\xef\xd7\xd8\xc1\xfb\x02b\x82C\x8d\xa3\xd9rM,\xb4\xb6h\xe415\x99\xb6f\xa5\xd7\x82a\x02,\xb8&amp;\x94+\xd2\x0e\xd7a\xb2PO"\x91_\x8f\xfc\x06\xea{%C\xcc\xa8\xa4\x9c\x87\xd3\xdcE7\xbe\xc6b\xc1\xc14\xb47\xd9\x17\xe6\x1a\x0f\xde\xda\x15F&lt;\x8atU\r\xb8r\xe9\x0e\xb3.A\xe6.\x7f6\xb0Jo\x16\xc2\x8cs\x11\xfa\xae\xfb\xc8\xa7-\x13\xf9F=\xee\x10OW\x81\x03\xe8qGD\xa3&gt;o\xdf|3\xd0[+\x8a\xea\x8dN\x174&gt;\x9bb\x8e{\\\x14\x82\x00\xb4\\y5%\x04\x8a\xc1\xca\xf2{:}V\xdb\xb9a1V\x88\x87&gt;h\'\xe3\x03\x81+wY3&gt;\xb1c[\xc5\x0b\x807*\x8b&gt;\xff\xc3a\xc0\xb49\xf0\x8ehs+\x17\xea|\xa9\x84\xf1\xc3\xf73[\x19\xb3\xe9\x04\xb6.\xa1\xa88\xfb\xbf\x0fmU|\x15\xfb\x14\x91\xf6\x19J\xecTQ\x1a\xbf\xeb\xc4\x14U$\xe1w\xaa3\xfc\xde\xf3\x97\xeb\xa9\xf1\xe28 )\xf4.\xd1\x19i;\x15K\xad\xe4\xcc\xe8\x08M\xcf\x97|\xf0\x02U\xc1\xbc2Tf9\x99|\xf5\x89o\xef\xa0\xfcM\xfa\xcc+\x8b\x8e\xb6\x82\xdfB)|\xd0\xdf\xaeK\x89\x0b\xce`\x8dd.\xc4%J\xcc\xfb'</t>
  </si>
  <si>
    <t>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</t>
  </si>
  <si>
    <t>b'y\xaf0\xff)T\x86\xc0}\xaf6\xf8\x08\x86r9'</t>
  </si>
  <si>
    <t>companyâ€™s
 target audience was minimalist travelers looking for affordable, highquality travel bags, as opposed to high-end leather luggage. The bags
 would do two things really well: organize all your travel items and
 never, ever break.
 Hannyâ€™s attention to detail and her â€œall inâ€ mentality is what
 persuaded me to invest in her business once it started to take sales.
 However, she had to overcome her own set of challenges, just as
 everyone does.
 The sistersâ€™ first product was a toiletry bag with an adjustable
 compartment, a small interior unit you could set your toothpaste in
 without having it turn into a mess. Hanny started with just a sketch of
 the underlying concept, an approach she was accustomed to from her
 work as an engineer. Her sister found a supplier who was also helpful
 in fleshing out a 3-D design using AutoCAD. The sketch became a
 blueprint, and the sisters and supplier iterated on the design until it
 was right.
 This first product only took a couple iterations to get the product
 to a stage where the commitment for a minimum order of a thousand
 units could be made. The concept originated in June or July 2015, and
 the company launched its first product in late November. By that time,
 Hannyâ€™s husband had come aboard to help out.
 The response from their audience was almost immediately
 positive. Hanny already belonged to several Facebook travel groups,
 so the sisters set up and launched a new travel group of their own.
 â€œMy sister and I came</t>
  </si>
  <si>
    <t>b'\x9dT\xc5C\x11r\x86r\xda\x19c\x17\x89\x96\x08\xc8=\xf2\xea\x19\xfcf\x1dUh\xea \x8aIT\x07\xf5e+X^\x1f\x89\xb9\x1b\x12\xa2\xe0 \xa9\xb0\x98\x12\x8e\x11eB\x07\xf5\x876\x80\xe7\x7f\x05/\x0f\x95\x11\xc6\x0f\xf9\xdb/\x89\x97\x8e\xf0\xac\x95\xf7v{\x19DHVgP\x1e(\xe7\x96\x90P\x90\xd8_E\xb0\xb3\xb8\x19q\xfdWO\x97\x10\xbc\x8dB\xa0\t\x8d\x97zch\xe5\xbf&gt;\'/U\xb82\xbd/\x0f\xffg\x8d\x0f\xd7*\x9d&lt;\xcf%\xec\n\xf64w8\xb53s\x0c\xa2\r$\xd7\xa6\\\xea\xa2\x13\xe7a;\x9d\xe0\x89(\xd3\t\x99\xee$\xf7\x85P\xe8\xd9H\xcc\xfc\x99\x04iSf{\xa2\xacO{Ajc\xd3k7u\xe0\xba\xe8K~_\xd7\xd9j\xa0\xcf[\xf1L\x9e\xc1#\xeb\x1b\x84Z\x9e\x93\x1b\xa0J\x1e;\xf3\x98\x18\x0fM\xa2\n\xd1)\xb9\x1a\xcfUf"\xcf\n\x1c\x04}\xd1\x94\x1by\t`Y\xb8\xc6\xf9!^\xe2;\xa7\x97p4\xeb\xef\xbfH/\x11\x0c\x98\x0b\x0b\xa87\x9eW\xe2\xb5\xaa\x126\x10I\x19\xfe\xf89H\x8d\x945\xb6\xe0\x1b\x95\x02_\xe3e\xeb\x1f\x18\t\xdf\xae\x10#_\r\xd7/\xb5\xac\x82\x8a\xa2%=\xf5\xe4\x99\xd32\x9a}z\x0c\xcc\x179\xbdy\xc0\xcf\x99\xa4\x9f\xf8\x92x\x99\xce\xfaiZx\x87\xdf\xa4\xa1Z\xab\xef\x03\x8cf\xe2\x90S\xa6\x89K\xe0\xee\xb9\xfc\x90\x99^U*\x8c(9wkM\x8f\xf5\xcb\xc0\xd6}\x19;\x06\xf4\xcc\xce\xf0\x04Q\xc0(\x18\x13\xaf&amp;\xa1\xbcu\xff\x16\xb2bat\x94\xe4\x1a_\xd2\xc4);w\x1b\xc3R\x8dK\n\x171\xfa8\x19\xef\xd3e\xb0\xa5\xfd\xee\xc7\xa3\xfc\x0b\xb3t\xf7\xab;\x997\x1eb\x86\xf3r\xc8\xb9\xf1#4\xef,\xf2Y\x81\xdc\xa6M\xb2s\x1b\xf3\x8b\xf1V1\xa6\xb0\xd3k/\xfe\xe8\xe5\xf0\xb4\x8e\xc5e\xd0 z\xba\xd0\xe0\x1cu\xf9\xf2\xc8\x8f\x10`\xe0N\xc2\x0bA\x9d\x1c``\x00\xbc\x0b\xae\xc0i\x9b\xf3\x8e\xbf\x95BI\xcf\x99\x1a\xc9\x0b\r\xbeJ~N\xdc7\xd4;\xeb\x19\x81,\xcf\xf6$\xc4\xc1N\xeb\xf1\xfeu\x872^\xc3\xbc\xf9\xad#\x89\xe4\x0e\xc1)\xb8K?\xf2\xd4\xbfw#\xaa\xc1Xo\x9cy\x92\xb6\x8c\xcd=\x8d\xde\'H*\xe6\tP:\'\x0f03E\xdfr:\xeb\xbcR\xb2\x16\xc9\xed\x81\xa6\'H\xf13\x84H\x12\xac\xeb\x16\xa7+f&gt;\x08E\xd4\xd8_H\x15\xa5Z\x03\x98\x8b\x15\x97\xd7/\xc1q\xab\x05\x94D\x97\x05T\xb7\xba\x0f[~\xca\xb9\x0bV\x9b!gO\x1d\x0f\xac\xae\xcc\xf4\xf8S\xed_\xa0\xaa+\xb99\x15\xedsj3[\x86\xfe\xac\x98\x0fa\xcf06\xec\x12\x8a\x0e\x9b\xd1,6\xe6CO\xad\xd8\x12\x86\x18B\x0f\x8c\x14\xee\xd6\x10"~\x00V\x88\xc9\x84\x9e\x95\x05\xcbs\x8d\x92,\x0e-\x93\x8f@E\x15wHra\xecF\xc0\x07\x19\xf011\x144\xef\x82\x18\x7f\xfc\x94\xbbQ\x89\x99\x08X\xcf*\xa3w\xaa\xb3\x9ba\xd2\xff\xad\xbb\xd6\xa5\x1e\xeb\xcf6X\xe3&lt;\xc0W\xd7w\x1c\x0c\x1a\x0c"\xc6\x8dj\x18O~\xbf\xe7J\xc2\xee\xaf\x8d\x99\xed[\x96y\xe8?(\xca\xbff\xd4\xd5\x9c\\\xdd\xdf\x15z\x91\xf1\xca\xc97\xbe{\xf5J\x8c\x13?\xc8\x0b\xad8Qa\xc6\x17\x9e^\x96\xce\xa8\x1b\x07\x8c?\xab\x905V\x1a\x19\xb4\xe8(\xa7\xe3YG\x91x6s\xd1\xb6s\xca6cO2\x99xB\x8b\xfe\x1do\xd5mi\xba\xadN\x06\xce\x8e\xa8C\x17\xeb9\xfa4NfD+\xad\x01\x90\xfa\xbd\ni\xacR\tm\x8f\x9a\xc8\x02\xf6\xdd\xa9"0JU\xa1c\x0c*\t\xdf\xfc\xcd\t\x8983*\xd2\x80\x97TKM\xc3N\x84\x87f4\xc1\x8b\x97+\xe1\xc3\x08\xb4\xcd\xf8&amp;*9\xc4\x8e\xcd+\xa8\xd9\xf5\x9a\x11\x85\xf2\xfe\x0e\xcc\x7f\x08\xaceq\xb1\x1aH\x02l\xc2&lt;e~\xfaB/\xce\xd6\x1e+A\xaf\'\x88F\xfd%&gt;mp\x08\x81H\xea~\xca\xaf0\xcc\x1f\x81\xc0\xeb\xbf\xff\xd1\xa9\x85\x0f\xacK\x16\x1e/\x83(-KbE@7\x01*b\xa4V\x81"\xee\\!\x1b\xd6\x83\xe45:\x9b\xc8S\x13I\x1d\x04[\x90\r\xb6F\xac(\xa7slI\xe6c.\xa3\x15&amp;\x86\xc9OQ\x98\xa8\x9aW\xee\x92\x88\xda\x1a\xd4\xee\xe4\x14\xd8\x8f\xee`\x94\x8bW\xb9\x8b\x96\x00y\xb7s\xfb\x00*\xa8`\xb7\xcc%\xf6u"\x94\xda\x03\xad\xd4B\x94\x1c+\xae\xcd\x89zq\xaa4@\xb6}\xa7\x8a\xa6\xadN2\xa3B\xed&gt;\x93\xfa\xd6\x93\xf4\x99\xda\xd4\x8d\xb4bO\xb6k\xb06\x1a-*\x0b\x8a\xf3\xf1\x10wm\xd4\x16\xe1h,m\xd5A\x99\xf1*\x1a\x16d{\xador\xfe\xee\x82r\x8b@#o\x8b\xa4\x83\xe8\xa4WZ\x9304\x9e\xef}\x16\x8a\xf6\xe3\xc8m\xc6of$\xb8\xca\x81\xa7Z\xc5\r?\xe2\x1a\x9dc\xe2\x048x\x97\xd1^\xb4\xa41\x15\x008\x94\xed\xe4\xb5q\xd7\xef\xed&lt;\x13Y\x8b n.\xd5%\xab\xf9r\xb79\xbd\xee\x03\xa8j#\x8e6x\x01\xcc(\xbd\xf7\xad\x9c\xc9\x95u\xc2i"\xf6LX\x1a\xcb\x19\xd9\xfb\x08\x8f;\xb7\xc4\xdf\r\xd0F\x8a\xd0Y\n\xf8\xfb\xee\xdb%\xabT\x0bA\x1b\xe2&amp;\x86\x943\xaf\xa8\xf8m\xae\r\x89\x13\xa1\xfd|.\xaa\xd2\x9a\xe6\x17\x87\xe2\x03S\x9cL.\x98%\xe0/\xb0Y\x1bv\x12)\xc2\xf0\'\xe1\x1c,\xd7QN\xb9L\x0f\x94\x10L\xaa\x94"6j\xe5_D\xe6\xaa\xef\xcf\x1fr\x04\xca|\x03\x81y\x1c\x04q\x8aC\x99\xa9\x08\x9a\x84\xc4\x10\xed\xae"\xaa\x1a\x1d\xda\x1dO\xb9~2[\xc3\xefv\xc2\xd7\x08\xd3\x7fqX\xdd\xeb4\x0c\xf0)h\xf4\x9e\x1d\xf6*\xe9\xc2Y\x9f\xbb\xb3#\x936\xe4y5G\x10#b~\x06Oa\xc2Y\xa4\xd3\x96\xf0\xfc\xd2\x18\xc4u&gt;\xaf=\xe2\x16\xd2=H\n\x93\'d'</t>
  </si>
  <si>
    <t>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</t>
  </si>
  <si>
    <t>b'\x9dT\xc5C\x11r\x86r\xda\x19c\x17\x89\x96\x08\xc8'</t>
  </si>
  <si>
    <t>ssed her, and prayed to
 Heaven to take her, in its mercy, to her parents.
 Wearied with weeping, she, at length, lay down on her mattress, and
 sunk to sleep, but was soon awakened by a knocking at her chamber
 door, and, starting up in terror, she heard a voice calling her. The image
 of Bertrand, with a stilletto in his hand, appeared to her alarmed fancy,
 and she neither opened the door, or answered, but listened in profound
 silence, till, the voice repeating her name in the same low tone, she
 demanded who call</t>
  </si>
  <si>
    <t>b'u\xb6\x826\xaa2TO\x94k\xff\xce\xdd\xd5QPOL\x0ey\xc47\x8aa\x96\x1d\x11\xdbr\xa3*\x1e2\x95\xb9_\x1ek,6\xe9\xb9S\xd3\x801&amp;_\xbf\x03\xe5+3\xb6]\xf0!\xec\x04u\xda\xd3\xc1\xd9'</t>
  </si>
  <si>
    <t>75b68236aa32544f946bffceddd551504f4c0e79c4378a61961d11db72a32a1e3295b95f1e6b2c36e9b953d38031265fbf03e52b33b65df021ec0475dad3c1d9</t>
  </si>
  <si>
    <t>b'u\xb6\x826\xaa2TO\x94k\xff\xce\xdd\xd5QP'</t>
  </si>
  <si>
    <t xml:space="preserve">ss 10 Maths
Class 10 English
Class 12 Physics
Class 12 Chemistry
Class 12 Biology
Class 12 Maths
Class 12 English
Company
About Us
Terms &amp; Condition
Privacy Policy
Shipping &amp; Return Policy
Work With Us
New Distributor/ Retailer
Workshop Speakers
Freelance Content Writing
Full Time Jobs
Â© 2024, Agrawal Group of Publications  All rights reserved.
</t>
  </si>
  <si>
    <t>b"\x1ad\x8eMb5Nd\x12T\x15K\xb9\x85[W\x0eYh\xaa\xe3x\x03\x86\xe7&lt;\xa1F?A\x03\xb9\x8a\x9d\xbcw\x9bTj\xde\x87-EZ\xbf\xcc\xcc\xcf:\x92Q\x9e,2\xf2&lt;\xf7\x11\x13vi\x83\tj\xa5\xba\xda=h0Mb\xdd\x9e\xc4_\xe6\xd2'0\r\x88K\xfc\\\x14\xc4\xc4\xb2I\x1e\x9d\x9d\x90\xe78V\x8e\xf7\xeb\xaf\xc0\x90\xdb\xe7\xfd.\xf3\xa0_!jo\xdcq\xeb\xb4Y\xb7`\xa8\xdb8H\xc7fK\x0e\xb3\x8cOA\xac\x1a\x18E\xff4\xeaO\xe2I\x00\xc3\xad[\x9b\xef\xf96i\xed(\xef\x07\x86E-9\xae\x1cTj\x8d\xaa\xf6?&amp;~\x1f\x8b|\xa98\x82\xa7,\xa3.\xabv\xad2\x90\x87\xd3\x98\xd9%pB\xb8\xf5\xd4\xd05\xa9&lt;\x0c\x98\x96\xcc\xe4\x82n\xed\xfa\x975\xcfi\xa2r\x8ei\xab\xd5\n\xfe\x8d\xc3U'\xb8\x14 \x1f\x18\t\xb1\xfeu\x13\xd5\xccc\x84\x11\xe8\x91\xf5\x8a\xd49\x9b\x98\xf0\xbf\x05\xb9v\x19`\x9fhQ\x1b\xb7[\xcb\x10e\x071&gt;\x8d\x92\x0c\x9d\xd4\x10\xad\x0btG9\xbc?(\xa0\xc7\x1a/\xcc\x85\xb8\xee\xbc&lt;\xb1L\xbd\x1cu\x9f\xa0\xedQ\xc9.\xdd\x15\xa4\xdb\xd1\xd7\x0f\xd4\xadUnU\x94\xb5\x06\x03\x15\xe6&lt;\xc9_\xc1\xa7Bv\x186\x07\xc3\xb0\xd2\x7f\xff\xb4\xb67\xd4{\x0f\x81\x03u\x19.\xe6\xac9\xb8D"</t>
  </si>
  <si>
    <t>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</t>
  </si>
  <si>
    <t>b'\x1ad\x8eMb5Nd\x12T\x15K\xb9\x85[W'</t>
  </si>
  <si>
    <t>you gives him heaps of time."
 "Now you begin to see, don't you, that DISTANCE ain't the thing to judge
 by, at all; it's the time it takes to go the distance IN that COUNTS,
 ain't it?"
 "Well, hit do look sorter so, but I wouldn't 'a' b'lieved it, Mars Tom."
 62
 "It's a matter of PROPORTION, that's what it is; and when you come to
 gauge a thing's speed by its size, where's your bird and your man and
 your railroad, alongside of a flea? The fastest man can't run more than
 about ten miles in an hour--not much over ten thousand times his own
 length. But all the books says any common ordinary third-class flea can
 j</t>
  </si>
  <si>
    <t>b'\x1f%\xd0\xac\x7f\xc2D\x0fI\x7f\x11\xa3\xe5\xa8\x11\xf6[P\xe9X\x18\x1d\x89b\r\x87\x9d\x9b\\\xa6\xa5\x1a'</t>
  </si>
  <si>
    <t>1f25d0ac7fc2440f497f11a3e5a811f65b50e958181d89620d879d9b5ca6a51a</t>
  </si>
  <si>
    <t>b'\x1f%\xd0\xac\x7f\xc2D\x0fI\x7f\x11\xa3\xe5\xa8\x11\xf6'</t>
  </si>
  <si>
    <t>few classes later, Sean
 and I had everything we needed to narrow down our product development.
 Armed with all our data, we went back to the manufacturers. From a
 couple yoga-clueless guys, weâ€™d become knowledgeable enough to know not
 just what a good yoga mat looked like, but how it had to feel and perform.
 We knew what we needed our yoga mat to do. Now we just had to find the
 manufacturer to supply it.
 It didnâ€™t take long to find some willing partners. We set down the
 specifications, and Sean talked to all the manufacturers who said they could
 fulfill our requests. We narrowed it down to two quality options, and then we
 choose the one with the best price and the best communication. Sean ordered
 the prototype, had it embossed with our brand logoâ€”Zen Activeâ€”and in no
 time at all, we unrolled our first yoga mat on the floor in Seanâ€™s house.
 That was our yoga mat. It was our product, with our specifications, with
 our logo, in Seanâ€™s house, ready for sale. And all it took was one website and
 a lot of groundwork asking questions.
 Now, Iâ€™m not saying we got the product totally right on our first try. We
 made some mistakes, and we made adjustments to improve the product over
 time, but the basics of taking an idea and making it a ready-for-market
 product really is this simple. All you have to do is find the suppliers, do the
 research, make the tweaks, and find the best offer out there.
 Find Your Supplier
 Iâ€™ve come to trust and rely on suppliers from Alibaba.com, but I know it has
 its detractors. When it comes to user experience, the site is, frankly, a bit of a
 mess. Thereâ€™s also a certain distance between you and the supplier that the
 more firm-handshake-loving, look-them-in-the-eye-while-youâ€™re-negotiating
 types donâ€™t like.
 These days, though, Alibaba has a lot of competition, so there are plenty
 of options out there if you want a different path to your product. You can
 search for wholesalers, manufacturing companies, or contract manufacturers
 for your chosen product and find any number of smaller companies you can
 contact personally to get that more direct experience.
 Or, if youâ€™re feeling particularly old-fashioned, you can attend a trade
 show in the market youâ€™re going into. Find out where the next event is, hop
 on a plane, and go speak to a room full of potential manufacturers in a new
 city. Some people even go so far as to fly to China to meet directly with
 manufacturers. Iâ€™ve never done thatâ€”and I never plan to do thatâ€”but plenty
 of my friends swear by it.
 Of these options, though, Iâ€™d still recommend starting on Alibaba or a
 similar site and ordering ready-made product samples. Something magical
 happens when you hold a product in your hand: You realize</t>
  </si>
  <si>
    <t>b'u\x88w\x10\xf2\x0e\xf6@X\xe1A\x1c\x88Q"\xe7\x0f\x1d\xb9\xe1\t\x87H\x91_\x00&amp;\xf1,\xa9&gt;8\x89\x1b\xbeD\x9dd\xbb\xc9\xf3_\x00\xadD\xef\xd9\xd0\xdb\x07M\x1a\xdb\x9d[IWb\xd6\xbe\xaaD\xbe\xe6\xa3`\xe5\xfc\xa7\xc2T\xfa\x85\x07\xb1Mv\xf7\xc5\x9f2\x0b\x18\xe7\xe8\x1b,\x13\xe3\x7f\xa4E\x94\x08\xba\x9b&lt;)\x04d\x93\xb79\x96\x93\xf2OY)\x1b6}\x19\x171\x9d\t\x0c\x0e\x8cn\xac\xb1t=]\xf1\\\r\xa3Vu\xf9\xea\x06\xbd\xd3M\xc1l\x0f\xbb\xce9\x88bb\x85\xb4@j6G1\xd7\xc22\xbc\x8f\xcd\x14\x1d.\xe0\x8c\xa6\x9f_\xd8\x04hg)3\x97&gt;\x983\'\xb4\t\xf8\x88\xe5)\xb4\xee\xce\xa1\x87\xc7\xeeK\x94\x1b\xe7Y\xcd+\xfc\x073\x82\x8f\xa1\x16!S\x8d\xf5P\xeb@R\xef\xedl"\xf6\x8a\xb8\x0fN\xe6\x05\x12\x1d.%s\xad\xbc\xc9)&gt;\xc7y\xb4\xec&gt;kc\n\xfd\xfa\xcd\xa5\xd4|$\xe7\xa3`\xe8ZDn\xff\x00\x10\x18\xe6\xd8\x98\xde\xa6\xe9\x15\xad\xcf\xa2\x97\xc0\xb3\x13m^?+5\xe7\xe7%\x91\xd9r\x1b\xed.\xdeO\x8d\x06\xd3\x91\x83\xdd\xda\xda\x84\x9c|S\xf3\xd0QG!\n\x87\x90\xd9X\xe5\xfd\x0eiS\x12\xf3\r\x10t\xea\xe4\x18\x87\xc9b`G\xf4\x0c\xf1\xde%\x19\xf4T\xcd\x9c\xf1m\xea\xfcU\x95\xfaP\xbc"\xa8\xa9\xb2\xaf?\xaf^x\xde\xc2\xd1\xedVZIl\x9b\x19L\xf0\x88\xc7\xef;\x1a\x917Jfk&gt;\xcfC\xe8\x83-x\rP\xee\x8a\xbeo\x8a\xfe\x87\xe5\x15\xcb\xf6uU\x96j/P-o5\x86:H0V\x8f&amp;7\x967\x17\xee\xce\x99\xf7\xf7T\xeb\xee\x1dvy\x92\x9f\x1fi\x85\xf6\x80\r\xb9F\x1d\xcf\x9e\xa7\xcc&gt;{c\x8d\xf2\xb9\x9d\xa7\xef\xfd}\xaa)\xbf\x13\x94\xebV\xeb\x1e2Ul\xd6\xf3yJ`x:\x9by\x077%\x15\xd5P\xc8\xa1\xc4:\x8ea\xb8\xef\xe5\xa7h3\x04\x90\xd3\x91\x0b\xa6\xd0r7\xcf\xe2\xe9\xcb:\x9cN\xa2\xfb\xd0\xb1\xfc\xff\x06e\xe6\xdeb[\xfa\xe6\xa1h\x18Jh\xd7\x9b_`/\xf7\x91\x03L\x01\xb3\xc6\xb1q\x97\'P\xfc\xb4\xa8\x97\'~\x9c\x10\xd2\xb3\xab\t\x95::\x93\xa7\xdb\n\x1f\x16\x1e\xa7\xb614\xb9B\x19\'%RY\xd7MT.\xc2\xac5\x02\xe8s\x8d\xce\xd6\x14\x99\xa3&lt;b\xc7\x18\x17\x99\xda/ty9\xcb\xdb\x0eN\xd4\x04\x10\x8b\xe6P\xc7\xd3\xb0\xf8\x94\xe5u?\x98\xf7\xfcJ\xfb\x90\xa5S\xea\xceb\xc3\x14\x98\xfd\xa5\xbeuI\x95d\xe1\x13\xa5\xe8uLIm#\x91\xd7\xc5(\x01\x8f9\x02\xf8v\xf4\x8a1m\xd3\xa1\x10\x15\xd8]\x8bLY\xfb\xb0\xd7&lt;\xb4H\xd6\x03\xa0z%\xe7v\x8c\x0c\xcf6\x87Y*\\\xd6\xa9u[6K\xa0\r8Z\x95\x17\x15\xba\x92\xef\xacZ\xfc0\xcf\x02\x81\xbc\xd5\xe8\xd7\xcbr\x15\xe0\x1aoN\xbc\xba#v\xf5\x87.\x0f;\x95\xa1\xafc\x16IM\t\xcd\xe9D\xbca\'p\xa7.)\x88\x8b\xb7\xb0\xc6&amp;|H\xb6J\xc0\tq\x15\x8fy\x89\x1b2\xa4\xf5\xcd\xd1\n"\xf2$\xbe\xa6\xaa\'\x7fq8\x7f\xf63y\xe32\xb5\x00\xe4\xc3\x1f\x05(`\xff\xe4y\x93\xc4\xf4\x15q\xe0\x92Y\xefUF2ho\x06\xae\\\xe4.\xe7\xfaX.W\xf6{\xf8\xb4\xaepU\xff%4aE\x1c\xf3O\xe0\x872\xc0\xd4\xf7\x8e\xd1\xad\x82\xdd\x99\x17\xe3\xe3\xd9t#\xeadDCo\x89\x9e\xd3)\xa0\xd6%\xc4\x15\xe0"F\x7f\xca@\x1c\x1b\xdf4\x96\xdfFh2\x12\xfb\x80\xe8:+\xd4F\xdf3\xcaZ\x16,\x88\x92\x96\x1f\xff\xf4AC\xe7\xf9\xc5\x98h\xabV\xe9\xae\xbe\xd8fr\xe0\x18\xc8g\x82,\x1c\x02\xbf\x14imIm+\xfd\x11\xfa\\&lt;u\xecT\xec6\xc9\x879\xfa\xfb;\xc4D\x90.&lt;I\x88\x8cy\xcc4\xa9\xc0\xd1\xfb\x9b\xf0\xc4\x9c\x93\xfa\xc0}\xd8\x8d\x14\n#!\x01\xad\xe6f\xd5\x1d\xefJ^\xf8\xe8\xd4\x10\xb2\x0ch\xeb\x14\xba\xc5\x0e%3\xe7\xdc:\x0f\x8b\x8b\x8c\xfe\xabqM\\\xe7\xe2\xa1o\x7f\xd8\x86\xd3\x19\x90\x9f\x81a`\x94\xbb\xe5\x8f\x1f\x1eN\xd26{\x1a\x1e?\x08\xee?(Q\xd4\xb4=\xf3W\x11\xc2\xe1\xe6\xfb-^b\x9c\xc8\xe3p4~\xbf;$\x12\xa2\xb1\x18\xaf\t9\xa7W2y\xc7c\xdb*+\xd1wm\x1e\x88\x01\xdc\x1c7\xbf\xad2\xfb\xe0g\x84\xc6L\xcbc\xd3!\xe2W\r0\x97L\x8a\xa5Z\x1b3\n\xac|}\xdask\x8dd\x16t\xcd\xdf\xd8\xb3\x87\x86(K\xb6\xfb2\xe5\xfd\xcf\x7f\xea\xc4n\xf5\xa8/^*OS\xb9\xf3X\x15v\x00\x1fA\xb2\x19\xcb\xc4\xb8\xdb\x96~\x87h\xfb^\xe5D1\x19\xb7\x124\xa6\xb1\x8aE\xfe@\x04F=gp\x1c\x02\xc1ie]\x05\xda7q\xe2&lt;\xd1\x10\n\x8a\n\xbbS\x85\xdahHT\x00_d\xd4\xf8\xc1\xed\x86\x99\x80N\xff[\xfcV\xabwT\n\xc6@\x99\x9b\xe9\x7f\x18\xc5z\xdf\xc3\xf7\xdc$\x18\x89\x10\x19\xe5\xc7x\xf6Q\xec\xd8Z|\xff\x9d\x93n\xfe\x1d\x9d*P\xe7F\xb1w[\xac\xba\xec!\xb4\x81d\x16f\x0f\x9b\xb1\xc6\x9d\x8c\x12\xe9[+\xbd\xda\x1d\xdc\xdcZ\x0f\x83H\x13,\x84\x13\x00LB\x9a\x97\x08\x12\xfc\'\x8a(\x98\xa1\xdc%\x1d\xe4\xb1\x0e\xf7\\\x89(Ec\xd6\\\xfd \xdf\xcc\xf73\x95|\x1a\xaf=\x8b\xce8\x9dT3\xb1J4"\xe8c\x10U\x1a\xf1\xa9k\xe7\xb0\x16P\\\x9e\x0c~\xf0\x82gSl\xd9s\xb5\xca\x17\xa8l\x08\xe6\x11\xdf\xa6\xdf\xc6@\x11\xe2\xc5\xcdk\xb1D\xa7\xa4d\x06\xa2\x89T\x83\xb1S&lt;\x1a\x11\x14JE\x08\xac\xe4\xed\x99t\xc6\x86\xaf=\x0b\xff\'\xe0#(\xcdT[\xde\xfe\xe0`\xe9\xf9\x0f\x07\x10[#]\xe3\xad\x01\x9c\tk\x0c\x05\xd0\xd3\xbb|\x1b\x05\xfc\xf6\xb5\xbd\xb2k\x13\xc7*\xf1\x15a\x9d\xdc3R\x19 PU!`;\xe2\xea\xd7i\xe2,?\x01:\xda\r\x93BT\xfd\xadx\xd1\x86\xdd{\xf2\x84KC%\x06\xce$\xd8\x98\x96\xee\xe8\tr6\xcd\x99@\xfb\xcfWI\xfaRj\tKsP\x06v\x83\xc7}d-\x95\x01\x8bm\xd2\x93}\xfc)\x98\xa5\xe5\xc5\xf9\x00\xbe\xa2%z\x9dn\xd2\xc4\xb8\xa5\x91\xf6\xa7`\xc6/\xdc\xeczr0{#\x97\xd8\\\xde}\x0e\x07\xe7y\xb7\xe6Z(\x12\x9b\n\x95\x8al\x08V\x0fe\xf8\xcc\xb1\x8e\xb0\xaa\x8bK:f\x10\x87\t=\xb8z%\x8c\xf26\xdap\xa4\xe4\xfe\xe10\x9b\xcd\xcaT\xaf\xe17\xffj\xf2\x14sx\x05\x1ae\x89\x91c\xda)\x8f2\xc6X\xee\xec4&lt;h;\x0e{m\xb9\xe5\xd4\xe8Dz\xdb\x9f"\xdd\xbc%M\xec\xa5\xb4\x96g\x9aq\xa3+\xd8\x96\xd9\x04c\x98\xcb\n\xa2&amp;\xee!\x94\xb8|"\xd6&lt;g\xda\x827W\x1aTLm\xcc,\x00\x00\xd4\x08\xf6\x9d\xfe&lt;\x8b\x1c\xf7#\x02\x84\xd2\x03\x12~p\xd4R\xa5\xe70f\x8d\x11\x9bt\xb5\x84\x94]/o\x0b\x8bM\xf6m\xbd\x0bw\x1c\xee\x02\x83\xb2_\'\xab\xd0\xd1\xe5j\xed8\xdeDC\xd5?\t\xe0n\xeb\xd8\xb9\xa0\xeb\n\xe4\xb9\x8dE\xdd\x0fe\xae\xab\xad_O#\xad\x1b\xca4K\xaa!\xcd\x7f\xfc\xeb\\\xd2H\x000\x11\x10\xfas\xc3\xae\xd1A\x9fU\x8a\x89\xbb\\\xc4\xbd7&gt;/\xcc\x8f\xf6/\x96N\x8e\xa5\x94K\x83\x06)\xd4\r\xbf&lt;"\xce\t\xea.\x88k\\\xdde\xd7\'\x84\xb2\x0c\xdc\xa2FQ\x0c\xc4\xe7-\xbb\x1a\x87\x00T\xcbo@\xb1?/u\xbdG\x94\xc878\xd3\xc3\x96h\xa9\xc7\xcc?&amp;i\x7f\xb2\x1a\xa1\xac\xdd\x11\xd4\x06\x98\x8e\x96uT\xe9\xf4\xdd\x0c9\xbd\xd1\x16\xa6 \x1f\xee\xcc\xe6L\xe9\xd83\xc7\xe6\xb1\x023\xd0p\x85V#Z=\xbb:\x97)\\\xbd&lt;lM4\xd6T \x84\xc4\xa3\xf6\x8fU \x85\x147s\xd7\x0f3\x16\xaaL\xa8\x0b7\xcdj\x0c]\x10\x16\xe7\x19\xad\'\x05z\x04P\xf7\x15\x9a\x7f\x93\x7fn6\xdb\x15\xd5O\xc8\xeb&amp;\xa5}fo\x80B\xf6\xb8V\xc5/\x8e\x1fC\x16\xb2\xb7\x81\x08\xc86x\xb8-\x14U\xfa\xc8\xfd\x8e=\xc3\x8bD\x9e\x1eeI\xaa!\x11\xde\x9b&amp;\xb9\xea\x9c\xe6\xda\xc6W~\xde\xa3\xc7\x941\xebCDz3\xf3\x88I\xa7\x88\xbb\x12=\xbd\x0f\xcc\x02\xcc\xf6T\xb0\xcc\xd0]S\xccI)\xbd\x1a\xeb\x89\xbc\xb8{\xc0[\xce\x0b\x12Wz\xd0\x96\x8d\xe4\xb8\x8bW\xb0\xdb}A\x9f&lt;\x89\xb3\x81\xbe\xc5P\xf7\xb1`=\xd9|\xc9\x9fG\xc9\xcbV?^L\xb5+\x02\x84\x80\xaa\xb1\xdd\xe0\xcc\x0f\xaa\x85\xdb\x06T\xd7$\xdb\xcc\xd63\x18!\xb7R\x8d\x13\xcb\xb2\xe9c3\x97\x9euw6\xd6l\xbd\x1a\xcc\x88f\xdd\xb9\xf9\x7f/&gt;7\x8b\xa18\x82\x04\xce\xaf$~c27\x17%\x91\xa3v\xc8\x95\xbf\x12[\xd0\xfb\x1a\x94\xf7\xfdC\xb2\xf8\x01\x13\xea\x04\rQ\xb0mN\x13\x08\xbf{S\x1d\xc2\x1f\x1e7D\x14\xe5E%wKAf\x13\x06\x04\xc2\xff(\xb2@S\x7f\x00\xcaGQ\x13z\x03\x94\xaf\xde\x8c\xcb\x04\xeaE\x0b5\xb6\x8f\x11P\xba\xde8\xd85\xf3ZQ\x98\t\xcb\x11!\xd4&gt;7\xbek\x15;\x02\xd1B\xd8ix=\xd1\xdc\x1a1\x06\x01,\xcb\xc95\x95\x9a\xfa\x0b\xf2\x13\xe4\x1e\x9a5\xcd\xe1p\xb0\xf0\x9d!\x18a\xc7\xa9d\xbd\xd5Vw\xacK\xea\xb7"\xfcT\xb0\xbc`\x17\xe0\xa1\xf7\x015\xc0\x1d\xa5\xea\xb0g\'\xdc\xd1U_\xe6\x01\x90\xa5\xc9\xca&lt;\x9bb\x99b7j\xb5\xd3kt\x8eB\xdb7_\xb1%\x8a\xcd\xd5\xa1\xa7\xc7+\x8e\x86\xa5g\x82\xe1-\x89\xc2\xe1\xf9\n\xc6\xe1\xbc\x9b@\xb7\xbf\x0b\xf4\xa8*\x9d+q\x11\x18\xeeZ\xd1\x92\xe7\x02o\xd7\x05i\xbb\x8aRi\xe3\x10\xf0T\xd7\xfb\xa2%\xe7\xa4p\x83\xe0e\xd6\xa7\xdaLSO\x06$\xaa9\xd9\xffC\x16\x04\xa0\x19\xc0I\x98\x9f\xd4P&amp;\xd6\xd6\x87N|6t\xcb\x08N\xb8\xdc\x8a\x91\x08\xed\xff\x05\x8c\xf1\xd5\xf4\xdf\'\xdc^PSTU\x8c\x84\xa3\xe5*\xeb\xbc\xa4\xe3\x04n\xe5\xa3u\xa7\x0b\xf9\xef\x8d#\xf0\t)\xa5#\xc2\xef&amp;r\xe4\xd2\xba\xed\xf9i\x01\xcc0\x87\xf0\x9c\xab?\xe8\xbe,\xdcp\xc5R7\x1bP\xfc\x89y\x04\xd1\xe4\x015q;\xaf?\x05\x07h\xbf\xda\x1a\xed\xa6}\x1e\xbe\xc5\x9ek\x9e0k?\x1a6\x91\x0b\xa3\x8e,n\x01\xd1\x84\xff\x1a\xe7\xb9\xec;\x0b.\xe38\xcc%9\xdbJ"\xfd3\x04\xeex_7I\xe3\x16.#\x81\xc4\x1cmC\x03\x9b.S\xd0\xb2\xf3\xc7\x1b.u`\x0e]\x0ej(\x13D\xdf&lt;&amp;&gt;z\t\x05~\x95\xbd8\xef\xa6,7\xa3T\xe2\x80\x82@"H\xc3\xdb\x96F\xeet\x0e\x83 \x83Q\xf6\xa6\x98s\xa9I;\xb5tp\xb4\xfe\xd53\x1a\xd1Bu*\x0eh\x08l\xfc{\x1a\xeb\xcb\x9c@'</t>
  </si>
  <si>
    <t>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</t>
  </si>
  <si>
    <t>b'u\x88w\x10\xf2\x0e\xf6@X\xe1A\x1c\x88Q"\xe7'</t>
  </si>
  <si>
    <t>occurs
  when Î± = Î²,or
  sin2 Î¸B =
  For the typical case Î¼1 
 âˆ¼
  1 âˆ’Î²2
  (n1/n2)2 âˆ’ Î²2
  .
  =Î¼2,soÎ² âˆ¼ = n2/n1,sin2 Î¸B 
 âˆ¼
  (9.111)
  =Î²2/(1+Î²2), and hence
  tan Î¸B 
 âˆ¼ = n2
  n1
  .
  (9.112)
  Figure 9.16 shows a plot of the transmitted and reflected amplitudes as functions
  of Î¸I, for light incident on glass (n2 = 1.5) from air (n1 = 1). (On the graph, a
  negative number indicates that the wave is 180â—¦ out of phase with the incident
  beamâ€”the amplitude itself is the absolute value.)
  The power per unit area striking the interface is S Â· Ë† z. Thus the incident inten
 sity is
  II = 1
  2 1v1E2
  0I 
 cosÎ¸I,
  while the reflected and transmitted intensities are
  IR = 1
  2 1v1E2
  0R 
 cosÎ¸R, and IT = 1
  2 2v2E2
  0T 
 cosÎ¸T.
  1.0
  0.8
  0.6
  0.4
  0.2
  0.0
  âˆ’0.2
  âˆ’0.4
  E0T
  E0I
  20Â°
  E0R
  E0I
  Î¸B
  40Â°
  60Â°
  FIGURE9.16
  (9.113)
  (9.114)
  80Â°
  Î¸I
  16 Because waves polarized perpendicular to the plane of incidence exhibit no corresponding quench
 ing of the reflected component, an arbitrary beam incident at Brewsterâ€™s angle yields a reflected beam
  that is totally polarized parallel to the interface. Thatâ€™s why Polaroid glasses, with the transmission
  axis vertical, help to reduce glare off a horizontal surface.
 9.3 ElectromagneticWavesinMatter 411
  0.0
  0.2
  0.4
  0.6
  0.8
  1.0
  Î¸B
  Î¸I 10Â° 30Â° 50Â° 70Â° 90Â° 0Â° 20Â° 40Â° 60Â° 80Â°
  R
  T
  FIGURE9.17
  (ThecosinesaretherebecauseIamtalkingabouttheaveragepowerperunitarea
  ofinterface,andtheinterfaceisatanangletothewavefront.)Thereflectionand
  transmissioncoefficientsforwavespolarizedparalleltotheplaneofincidenceare
  Râ‰¡ IR
  II
  = E0R
  E0I
  2
  = Î±âˆ’Î²
  Î±+Î²
  2
  , (9.115)
  Tâ‰¡ IT
  II
  = 2v2
  1v1
  E0T
  E0I
  2 cosÎ¸T
  cosÎ¸I
  =Î±Î² 2
  Î±+Î²
  2
  . (9.116)
  Theyareplottedas functionsof theangleof incidence inFig. 9.17 (for the
  air/glass interface). Ris the fractionof the incident energy that is reflectedâ€”
  naturally, itgoes tozeroatBrewste</t>
  </si>
  <si>
    <t>b'\xf2\xcb\x05P\xc8\x18Ub\xf8\x1d\xf9\xa8^\xfe\xc7\x15\x88\xd7^\xc9\\\x1d\x90_\xbf\x94Zr\xa4T7\x10'</t>
  </si>
  <si>
    <t>f2cb0550c8185562f81df9a85efec71588d75ec95c1d905fbf945a72a4543710</t>
  </si>
  <si>
    <t>b'\xf2\xcb\x05P\xc8\x18Ub\xf8\x1d\xf9\xa8^\xfe\xc7\x15'</t>
  </si>
  <si>
    <t>ng the
 horse well in hand", and "holding a horse up", just as if a horse was not made to hold
 himself up.
 Some poor, broken-down horses, whose mouths have been made hard and insensible by
 just such drivers as these, may, perhaps, find some support in it; but for a horse who can
 depend upon his own legs, and who has a tender mouth and is easily guided, it is not
 only tormenting, but it is stupid.
 Then there are the loose-rein drivers, who let the reins lie easily on our backs, and their
 own hand rest lazily on their knees. Of course, such gentlemen have no control over a
 horse, if anything happens suddenly. If a horse shies, or starts, or stumbles, they are
 nowhere, and cannot help the horse or themselves till the mischief is done. Of course,
 for myself I had no objection to it, as I was not in the habit either of starting or
 stumbling, and had only been used to depend on my driver for guidance and
 encouragement. Still, one likes to feel the rein a little in going downhill, and likes to
 know that one's driver is not gone to sleep.
 Besides, a slovenly way of driving gets a horse into bad and often lazy habits, and when
 he changes hands he has to be whipped out of them with more or less pain and trouble.
 Squire Gordon always kept us to our best paces and our best manners. He said that
 spoiling a horse and letting him get into bad habits was just as cruel as spoiling a child,
 and both had to suffer for it afterward.
 Besides, these drivers are often careless altogether, and will attend to anything else
 more than their horses. I went out in the phaeton one day with one of them; he had a
 lady and two children behind. He flopped the reins about as we started, and of course
 gave me several unmeaning cuts with the whip, though I was fairly off. There had been a
 good deal of road-mending going on, and even where the stones were not freshly laid
 down there were a great many loose ones about. My driver was laughing and joking
 with the la</t>
  </si>
  <si>
    <t>b'\x03\xcc\x805\xf9#\x11\x8b'</t>
  </si>
  <si>
    <t>03cc8035f923118b</t>
  </si>
  <si>
    <t>dipoles consist of current loops, not separated north and south
  â€œpoles.â€) Apparently God just didnâ€™t make any magnetic charge. (In quantum elec
 trodynamics, by the way, itâ€™s a more than merely aesthetic shame that magnetic
  charge does not seem to exist: Dirac showed that the existence of magnetic charge
  would explain why electric charge is quantized. See Prob. 8.19.)
  Problem 7.38 Assuming that â€œCoulombâ€™s lawâ€ for magnetic charges (qm)reads
  F = Î¼0
  qm1
  qm2
  r2
  Ë† r,
  (7.46)
  4Ï€
  work out the force law for a monopole qm moving with velocity v through electric
  and magnetic fields E and B.26
  Problem 7.39 Suppose a magnetic monopole qm passes through a resistanceless
  loop of wire with self-inductance L. What current is induced in the loop?27
  24Donâ€™t be distracted by the pesky constants Î¼0 and 0; these are present only because the SI system
  measures E and B in different units, and would not occur, for instance, in the Gaussian system.
  25For an extensive bibliography, see A. S. Goldhaber and W. P. Trower, Am.J.Phys.58, 429 (1990).
  26For interesting commentary, see W. Rindler, Am.J.Phys.57, 993 (1989).
  27This is one of the methods used to search for monopoles in the laboratory; see B. Cabrera, Phys.
  Rev. Lett. 48, 1378 (1982).
 340
  Chapter 7 Electrodynamics
  7.3.5 Maxwellâ€™s Equations in Matter
  Maxwellâ€™s equations in the form 7.40 are complete and correct as they stand.
  However, when you are working with materials that are subject to electric and
  magnetic polarization there is a more convenient way to write them. For inside
  polarized matter there will be accumulations of â€œboundâ€ charge and current, over
  which you exert no direct control. It would be nice to reformulate Maxwellâ€™s
  equations so as to make explicit reference only to the â€œfreeâ€ charges and currents.
  We have alr</t>
  </si>
  <si>
    <t>b'\x98|\xa4\xf1\x8eb\xd4\xd0\xf8\xa7\xdb`\xd6\xa8_`#\x89\xadR\x827\x82(\x87\x13\xe9H\x98\xe1\xd5\x9e'</t>
  </si>
  <si>
    <t>987ca4f18e62d4d0f8a7db60d6a85f602389ad52823782288713e94898e1d59e</t>
  </si>
  <si>
    <t>b'\x98|\xa4\xf1\x8eb\xd4\xd0\xf8\xa7\xdb`\xd6\xa8_`'</t>
  </si>
  <si>
    <t>had so grossly
 insulted Phileas Fogg at the San Francisco meeting. Not wishing
 to be recognized, the young woman drew back from the
 window, feeling much alarm at her discovery. She was attached
 to the man who, however coldly, gave her daily evidences of the
 most absolute devotion. She did not comprehend, perhaps, the
 depth of the sentiment with which her protector inspired her,
 which she called gratitude, but which, though she was
 unconscious of it, was really more than that. Her heart sank
 within her when she recognized the man whom Mr. Fogg
 desired, sooner or later, to call to
 account for his conduct. Chance</t>
  </si>
  <si>
    <t>b'&amp;;\xe8\xa1`\xcezv\xda\x1c;\xb2\xcd2t\xd6n\x82\xbb\x80\x8d\x08\xb4\xa3\xa8\xde}\n\xcf$9\xbf'</t>
  </si>
  <si>
    <t>263be8a160ce7a76da1c3bb2cd3274d66e82bb808d08b4a3a8de7d0acf2439bf</t>
  </si>
  <si>
    <t>b'&amp;;\xe8\xa1`\xcezv\xda\x1c;\xb2\xcd2t\xd6'</t>
  </si>
  <si>
    <t>s."
"It's the Magic andâ€”and Mrs. Sowerby's buns and milk and things," said
Colin. "You see the scientific experiment has succeeded."
That morning Dickon was too late to hear the lecture. When he came he
was ruddy with running and his funny face looked more twinkling than usual.
As they had a good deal of weeding to do after the rains they fell to work.
They always had plenty to do after a warm deep sinking rain. The moisture
which was good for the flowers was also good for the weeds which thrust up
tiny blades of grass and points of leaves which must be pulled up before their
roots took too firm hold. Colin was as good at weeding as any one in these
days and he could lecture while he was doing it. "The Magic works best when
you work, yourself," he said this morning. "You can feel it in your bones and
muscles. I am going to read books about bones and muscles, but I am going to
write a book about Magic. I am making it up now. I keep finding out things."
It was not very long after he had said this that he laid down his trowel and
stood up on his feet. He had been silent for several minutes and they had seen
that he was thinking out lectures, as he often did. When he dropped his trowel
and stood upright it seemed to Mary and Dickon as if a sudden strong thought
had made him do it. He stretched himself out to his tallest height and he threw
out his arms exultantly. Color glowed in his face and his strange eyes widened
with joyfulness. All at once he had realized something to the full.
"Mary! Dickon!" he cried. "Just look at me!"
They stopped their weeding and looked at him.
"Do you remember that first morning you brought me in here?" he
demanded.
Dickon was looking at him very hard. Being an animal charmer he could
see more things than most people could and many of them were things he
never talked about. He saw some of them now in this boy. "Aye, that we do,"
he answered.
Mary looked hard too, but she said nothing.
"Just this minute," said Colin, "all at once I remembered it myselfâ€”when I
looked at my hand digging with the trowelâ€”and I had to stand up on my feet
to see if it was real. And it is real! I'm wellâ€”I'm well!"
"Aye, that th' art!" said Dickon.
"I'm well! I'm well!" said Colin again, and his face went quite red all over.
He had known it before in a way, he had hoped it and felt it and thought
about it, but just at that minute something had rushed all through himâ€”a sort
of rapturous belief and realization and it had been so strong that he could not
help calling out.
"I shall live forever and ever and ever!" he cried grandly. "I shall find out
thousands and thousands of things. I shall find out about people and creatures
and everything that growsâ€”like Dickonâ€”and I shall never stop making
Magic. I'm well! I'm well! I feelâ€”I feel as if I want to shout out somethingâ€”
something thankful, joyful!"
Ben Weatherstaff, who had been working near a rose-bush, glanced round
at him.
"Tha' might sing th' Doxology," he suggested in his dryest grunt. He had
no opinion of the Doxology and he did not make the suggestion with any
particular reverence.
But Colin was of an exploring mind and he knew nothing about the
Doxology.
"What is that?" he inquired.
"Dickon can sing it for thee, I'll warrant," replied Ben Weatherstaff.
Dickon answered with his all-perceiving animal charmer's smile.
"They sing it i' church," he said. "Mother says she believes th' skylarks
sings it when they gets up i' th' mornin'."
"If she says that, it must be a nice song," Colin answered. "I've never been
in a church myself. I was always too ill. Sing it, Dickon. I want to hear it."
Dickon was quite simple and unaffected about it. He understood what
Colin felt better than Colin did himself. He understood by a sort of instinct so
natural that he did not know it was understanding. He pulled off his cap and
looked round still smiling.
"Tha' must take off tha' cap," he said to Colin, "an' so mun tha', Benâ€”an'
tha' mun stand up,</t>
  </si>
  <si>
    <t>b'7\x16\x94\xc5u\x05\xaa&gt;\xe6\x1e)\xcb\x84\x8f:\xa6\xd8\x85\x00\t\xdd\xb1j4\xa1[ec\x8d\x1b\xcb&gt;h\n\\UU1\x9dd\x0c\xbb\xd5\x9aB\xf8B\xda\x8cg\x99\xaf\xbe\xaf\xb1\xb6\xd8\x1eF\xed\xeb\xbd,\xd2\x92$8\xce\x08cRd\x9b6x\x0c\xfb\xa5\x08\xb2\xa9\xbb\xbbu=\xc8\x91:\xe2w\xc5n\xe6\xeaCJ\x83\xf6\xebl&lt;\xa2\x8f\xc74UW\xcb4\x0fiZ\x15\xa3\xc6\xb3\xddU]\x1dVdk\xf3\xcc\x8b\x14\xed\xae#%kF\x0cZ\xed\xe2\x15\rH&amp;\xe2\x10\xb4\x0c\xb9\x92\xc0j%\x04\xae\xc0\xe5./\xe0$\xeb\xe0\x8a\xd1\x16\xb6a}j\x88\xfe6\xc3k4{\xfa\x0e\x089my\x06`\xde:\xd1\x0f}\x97\x90\xfd\xd1&amp;\xf5R\xce#\xeb\xee7\x14+\x8ax\xd8\x1b\xadF\xef9\xb74\xb4\xdd\x9b\xdd0\xbd\xcc,\x95R\xff_\xa7"\x90\xfc\xed\xa8\x81\x1et\xbb\tV\xde?\xb5\n\x9e\n\\\x0e)\x9c\xd6?+v\xdf}\x06)\x9b\x9b\x93\x8f\x1e\x8c\xd0p(6\xdc2N\x8e\xa6\xc3\xc6m\xa2\xe3\xbb\x9e\xab\xf2*\x94\xa6PRn\x8d\xb6(\x1b\xeaQ\xf9@\xbf\xe3R\xd6e\xb8\xf5\x16\x0bo4y\xb9\x99\xb2\\, j\xb3\xa4\x1cmt\xad\xb7\xa4=9X?\xc0\x84\x1dlk\x0fS\xa4\xde&amp;\xcdW\xae&gt;\xc9\x17\xcc\xc6V\x85-\xb0j\x8b\x0c\x90T\x01h\xa5bHe\xa3\x0c\xe7\xd6\xedda\xc0L\xcf\xd6\\H\x97\x96\xcd\xc2;.2\x12r\x0c\'\x9b6\x88\x82)\x06\xd0\xb5)\xadg\x85\x80P\xe7\x89?\x168\x99\xf7\xb0_\x845\xab:\xc2\x88\x02\x12\x9aNC\xc2)Y1`q-\x81#\xa9A=*\x05\xcbc,\x10\xf6k\xc2\xeeWo\xfb\x8c!T\xe00\xbb\xb1)\x05\xa5\x06\xb8\x93q\x0e\xf4G\r\xceM\xaf\x94XQY\xb4\x13\xddJI\xd5\x11\xcaS=[jG\xd9XH\xa6\x00\x01D\xbf\x83\xcf\xcc\xca\xea\x9e\x88c:I\xa6\xf2\xf1%\x9e\x1c&amp;&lt;\xb3\xe5\x8c\xbb\x1d@\xca\x9f\x12\xdb/ \x03[ |.\xabI*\x06m\xeb/\x12\xe3JX\xe2\x87\xd3\x18\xd1Sf\x92B\\]=C\n\x14Y@\xae&lt;\x85\xd9x\xedp\xfc\xf9\x8c\xdcu\xf0\xce\xe5\xf0\xf9\x86&amp;\x85\xb6&amp;S\xcf\x02\x88\xefG\xd9\xa8t\xd5\xe2~\x924;@\xd0t\xc5\xb4\xa5\xe8\xdd&amp;\xa1\x89\xd0\x05E\x99\x95\x99N\xa7\xef\xb7\xc2\xf0TNJ,\xee\x1bXp\x1e8hlq\x02f?\x82\x98\x7f\xef\x87\xa7\x95\x1d\xf9\x1a\xd16\x93HYy\xe6\xd8\x01\x12\xeb-\xf5]\x9a\x9f\xba\rs\x95Hj\xfc\n\x19\xc9\xec\xa9WF\xed\xab\xc2\x13]\xc3o\x82\xb37\xde1GQ\xdc:\xdcu\xa0\xc8P\xf6\xf1\xfe\xb6T\xe1\x14\xd6\'\xf7\x1e/\xfe\x90\x85\xef\xd7o\xeb\xa4*\xc7\xdc:\xd9\xffR\x86w\xf6D\'\xda\xfcg\xd7mT\xc31\x17dR\x9dUG\xf3\xf5\xcc\x9b*;V\x89\x92\\?\x8a\xb6t\xf3q\x8eh\xba-\x1a@\xce\x0ccdw\xff\x14e7C\xf2\x9c\xff\xb4\xcd[JP5i\x1a\xae\xbfN\xb88\x86J\xe6\x7f\xeb%%\xc5\x9eP\xb6\xea\xc9\xbcA\xa3\x07\xf83\xf6\xfe\x94\x17.\xdb\x8e{YFE\xd0\xc6@}\x16\xfb\xf6cr\x97\xe8\xf9N\xd57s\xacO\x14_&lt;2FR\xea\x0f\xd4\x0b\xfb\x9a\xcf\xa8^\xf6\x81\xa6+V\xca5\x02\x0cr\xc0\xfb?k\xbb\x14\xe5\xd1\x1a\xd9\xe8\xe6\xb5\x0e\xb5\xa3a\xe5\xe2\x19vf|\xcfz\xc4c^\xae\xd2\xde6\x16=8\xb4\xf8u#n\xd4\xcc*\xdb\x07X\xf0\x19!\xec\'2\x83s!\x80\x10\x8f\x9a\xb1\xf3\x17\xe9\xa2`\xfd\x19_\xa5\x144o9\x14\x19t\xb6\xb3\xd9\xb0/,I\xa0\xcf\x13.\x19\xca\x97\xa5\xb3n\x1c\tF$\x8c\xab\x9b\x15\xab\xbc\xeaT\x19\xd7\x82\x94T\xd3\x01%\xfa\xf2~{\xedm\x8d\x02?\x065\xfb\x9f\x1a\xc3\x9b{/#\x94\xf2\xcb\x01\xdc\x8fd\x94\xf2\xb2\x1fV\xcd\xd1\x96\xe1\xff\xd1\x90-\xc4yk\xd7V\xfa&lt;\x17\x0c\xf22\xa0(\xf9\xd8?}\x84hzJ\x11\xa6o66\x0e\'i5\x1b\xd5\x9e\x08\xa6\xbdD\xf3\xb7\xf6\x9a]\xcb\x86Jx\x1br\x98\xd7\x1e&lt;A\xb1\x8a\xf9m\x00\xec\xf6 \xfd\xe37\xa1p\xd9+\x88\x06\x99\xc8\xad3\xd0\xad\xb7s\x03\x82\x7f\xbd\xfe\xf2*\xd2\xcdT\xc5D\xe1\xbe\x91=\x1e\xb0\xff\xba\xa9]\xb7\xa0\x14\xd1?\xa0\xee&amp;\x10F_1\xb9\xed\x9b\xd2\xad5\xbe\xfei\xe8\xd6xz\x7f#\xb1\x0c\xdcJ\xe3\x11\x07hO\x943\x9c\xf3\x06\xcc\xd9\x1b\xb2\xa3O`\x81\x8c9\xf6\xe5\xfe\xce\xe3\x14\x82\xe9\\V\x1c8\x8d\xa7\x1a\xb9\xf8\xd2Z1\xe7\xc5\xbe\x98\xbe\xea\x1f\x19\x01\xf2\x05\xe3S\xd0\xd0\x10\xe2\xee\xd8^}\xbd\x17\xb1\xe4\x14{\xd0D#\xaa\x05_\xafa\x96\xa6Q\x06\xee\x85\x83\xe6\xc6\x08\xa4\x0bP\x9ac\x8d\xf9\xd7\xc32\x1d\xe5I\x19\xef\xaf*\x1c` \xe1\x96{oPH?\xacWY\xac0D\xb6\xf3\xbfD$\xcb\xc1\xf0\xe6:\xcf\xdee\xab\xc0E\xebQ\xbf\xeb\xc4^\x16e9\x86.j\xd7\xbc\xe6i\xbe\xf9\xdcH`\xb66\xcd:\x83&amp;\xe6M\xef-f\xfa\x88\x8d(\xa2@\x1d\x00\x94\xcc]\x06R\xf9\x04\xc6\x83\xca\xfe\xdd\xe1b\xea"\x86\xde:\xba\x9c\xe5l\xec\xa0\x98\xb7\x1f\xca3\xba\xd29\xfbs\xf3\x8f;\xc8`\xa7\xd3\xa8\xe1\xd08\xf4~5\xe7\xfc\xb8w\xdd\xac\xd9\x96\x16\x13&lt;\xe3\xe9\xada\xf3U\xff\n\x9c&lt;\x14&gt;&amp;?\xe5(\xef\x1c^qA\xc7\xee\xae\xd3\xca\xab\x90\xb8&lt;F\x11kr*\x9c&amp;\xae\x88\xc3\x134\xfd\xf4D\xacH\x998\x8c\xd3\x07\x91\xf8\xbd\xc8i\xc4\xe9\xf8\xa1\x8a~\xbdy\xbd\xd5\x19\xa6\xb5\xd8E\xab\xf0\x08\x13\xc8crrh`Y\x99b\xa4\x00|$\xa5\xaf\xbe\x9e\x9d\xfd\xcaA\\\xbf\xfb|\xb0\xe5\x9dF\x10\xac\xcb\x08u\x08\x08\xd3qUNVGN\xa8\xcd\xa8\xbf\xc7\xb6\x9b2\x0c\x0bQ\xec\xcfhrB\x07\x86T\xeb\x1a\xab\x93\x04\x05\xc0\xc0\xe9ep\xd2\xd3O/Ngj\xe7\xe6\xd3\x899Uk,w\xddjS\xef\xd4\x9d\xd0\x8f\xd4~|\xee\x81l\xa7:\xdd\xab\xea\\\x90\xdc\x8fH~\xc3\xf8\xdc\xf7\xcc\xa2&amp;\x94\x94\x06\xf5\x17\x0e&lt;N\x1ayo\x15\x0f\xdc\x13\xd2\xfb\x1f\xf5\xb8eV\xd5\x11nn\x00\t\xfb\xdf\xaa\xa7\xf2\x13\xf0\xa2\xb3n\xa5\xeaM&amp;?\xad\x19\xc6r\xc4UJJ\x82\xe9t;\x1b_\xfb\x1b\x16\xc8\x89\xa4$0\x1aTs\xcez\x83\xe93\x9c5\xbc%\xc9\xb8\xd7`\xc2\xb7\x1c\n\x8av\x99`\x9b\xef\x860\xb0\x99\x8eZ\x93\xc7\x0c\xa3[\x935\xbd\xcd\xe0\x06\xc5\xd0Vv1\xc1\x00\xe1\xc7Tjw-\xcb.\xd7\xb8\xf7\xfa\x07\xc1C\xa9\x1e&amp;}\xba\xbco\xd8\x04U\xec\xdb\x8d\xd8$\xb3\x90\x83\xd0p\xb5G\xfa\xc9\x1cO\xa4:\xcd\xd2X\x1dW\x83]\xc6\xfb&lt;K\x1a\x940\xae\xe3\xde~\x14\xc6\xe5\x0e\xb2rW\x18\\h\x87\xc5\x9b\xa8\x01t\x18j0]\xf3\x91\xa9/\xcf\x92\xb3\x98\x9f\xc7\xa2\xb6\xed,\xb4"\x08I&gt;\'$\x14\x7f%\x03\xaf\x8c\x12\x1c\x05\x00\xd9\xa0\xaf\xebB\xb8W\xcf\xa77`bJ\xb3\xed\xea{\xe5W\xa9D?S\xa0\xb6JK\x83\xb4\'\\\xdcw\x94\xbfI\xcb8\xb8Q\xf4\x87\xdb2\x83\xcan{E\r\xc1\xbe\xbc\xd3\xab\x1b3\xd8\xb0i8\xda\x8d\x92-\xcd\x12\\\x9c\x92`\xa0N\x12\xb8\x0f;^,\xbcA:u\xd1{\x8d\xef1\xc9\xba\xb8&gt;\x14?]\xc0H\xe6\x19\x15O\xc7\xc8\x8d\xbav\xf2\xa2l\x87\xa0\xf0}\xaa\xcb\x17K\xcf\xfe%\xc3\x19\xac\x02\xa2\x02\x0f\xb6AJ@\x98i\x00\x1aV\xc9\xc6\x12\x0e5\x95O\xcf[\xdc\xcad\xf4\xdc\xb4M\xeb\xb7U\xaf\n\x81\x87\x8bS!\xd3\x93tuN&gt;\xe2\'\xbd\x00&lt;\xb7\x0c\xe5\xf6srO\xc7\xff\xa4^ \xba%\x9c\x1b\xbdX\x07\xb6\x98^9\xac\xb2Ny\x87\xf48\xb1\xf6\xc2b\x80/E\xcbz\xedA\xa2&amp;\xec\xe5\x1f\xea.\xf7\x84\xd3]\x12U\xf7!\xd6?soc\xfa\x94O\x0c\x803\x88*.\x8a\x80\xacY\xa3\xad\xb0\x91\xf1\x86\xc0e\xe3c\xd3?\xc2\x02\xdb\xbaE\xc8\xe0A\xb1\x7f=\xa8\x17\x19\xdf\x80\xcd\x8d\xc5tJ\x8b\xb8\x87\xc7\xedL\xc1t@\x16\xc6\xf1\t-&gt;\x94r\xc4\xa8\xe2\x9f\xe0\xec\xfap\xa6[)\x9c\x05F\x9c\xcf\x91\xed\x19\xda\x08m\x93\xc8&amp;\x07Y3\xdd\xbc\xe6\x88W\xaa\xc2\xbd\r\xb9\xbd\r\x1fUo\xfbP#=\x13M\x8f\x93\'\x9c\xb2\xf4\x85\xfd\xc4\xbe\xb34^.\xe7p|a\xbb\x80\x85\xfa\xbft\x05\xd9\xb4l\xe6y\xeay \xe5\xb4,L u \xd5ovF\xccC\xe3\xa8\x16\x021IX\xf4\xed\xfcv\x96]2\xf1fe\xd5b7\x808\xa0\\s\x1e\xf4\x8fQ9H\x7fC\x1bb\xff\x0br{v\xd2\x8c\x92\xae\xb5\xe9n\xc6u\xa6im\xc8\x04b\xadH\x13\x8e\xe7\x92\x04\x06\x88\'=\xf1F&amp;"\x1b\x12&amp;j\xf4\x1e\x98\x93\xa6\xcb\x15\xc7|\xf9\x1a\x19\x8d}\xfad\x8cQ\xd7\x8e\xe8\xdd\xe0\xf3\xba)J\xac\x95\x9c\xa1IP9-\x99\\\xd9\x9b/z\xe6Q\x82&gt;=\x98+\x0c\xac88\xce?\x9c\xc9ZV\xdf9D\x16Y(\xa2\xdb(\x94\xe2b&lt;\xe4\xcb\x95\x1e\x8d\xee\xabVZ^JFH\x8c\xa9f\x94\xad\xb0%\r\xe7\xd6j#x\xb9Z\x17\x92G\x8a\xb7\x1b\xff\xca\xeb\x88\xac\xddte\x1fx\xa3x\xba\x99\xa3\xb7\xde\xef\xdcb\x88\x9b\xc3\xc5Ff\xab\x03\xb6\x0c\xbb4\x03\xf5\xee\xc1w\xffi\xb1\xfe\xd1\xc4\x87\x9d\xe3\x1e\xe4\xdb\xc8\xc5\xf0\xc2o\x0cA1y\xf1\xa5\xe4\xa6\xc6"\x13\x90\xff\xc0\xb0\xa0\xda(G\xbd\xf8\xeboo\xff\t{\xa5*hR\xb9/\x8a\x92\x98\xb5PH}\x98\xb7\xa7\xd3-\x8dwJ\x96\xaa\x86\xb9\x17\x19\xa5h\xb2JK\xa3\xfd\xf0\x02\xa8\x8b\x01\xde\x00\xc0\xac\xdbwOaq\x8261\x1cN\x93\xe3\xb8\x06\xcd\r\x0f^\x8f\xda\x0c\x15\x00\x90\x11H&lt;$\r\xba\xb5,:\xf7\x1c&amp;\x88j{\xe6\xafI\xaa5^x2\xf5\x8a\xeb\xb7K\x9a\xaaa\x05\x7f\xf9\x05\xc2T\xd4N\xba\x04{\xe2\xde\x04\x16\xbc!\xfb7\xdd0p\xe5&amp;\xe0\xabb\xeb\x0e\x9d\xf8&amp;-\xd2m\xb73\xcc\xde\xf1&amp;\xabV\x84\xcdL\xbbu\x1c\xb0\xde\xc4~@?PD\x84n\\\xa3\x82V\x1f\xb5\x97j\x1fhn_\xb2\xbf\n\xd4f3@D\xf6\xe6\xd5)\x16X!\xc2\xb5\xa05\x94x\x95[s\xdfdq\xd8\x07\x1f\x00\xdf{\xde\xd7\xdcW\xc7m\xbb\xe6e\xfa\xab\xa9\x02\x1d\x1f\x12\x7fL\xbdp\x05\x14\x9e\x9f\x04\xbe\xcbk\\:\xf6j\xeaa\x0b\xf7E\xc4\xe3\xa7\xe2\xacK2\xf6{)\x1b\xd9\xce \xb0\xfa^d\x80\xd8\x1e\xb1\xd0&gt;;\xca\x84&gt;\x92SG\x13O,N\xe5\x1a\xfa\xad\xb7\xa6\x95\xb41f\xd1\x86\xf1\x8d#?\x114\xa7\xbc\xfb&gt;\xac&gt;&amp;\xae\xffU\xa9]\xc5\xee\xda7\xcd^\xa4?\xd3\xa3\xc4\xaf?\xd7ic{\xc9W\n\t\x81i\xf0\xfbm.iQ\x07\x8a\xd1\x96\xbdrs\x8d|A\x8d\x1bz&amp;\xffPH\xb3\xe0\x8bC\xb9\xf6\x11*\xd7\xaa\xc1\xea\r\x0fM\x043\xee\xf3\xba?\xba\x1dK\xf2\xd0\xc5\x17\x16ro\xae~\xe8\xe8A*{&gt;\x94%\xa82\xe4\x81\x055$\x04R3\n\x8eW\x02!\x06\xe6\xeb\x04tB\x12\xcc\x83\x8e\xb8\x7f\x93t|\xc4\xf5\xfen\xda\x16\xe7\xb0-\xd1A\xdf\xda\x11&gt;\x91j\xafL\xa0\xf1h\xe1)\x0ehU\x02Q\xfe_\xb2\x0c\xcc\x1es\xc2\xfb\'\xb7\x84\x86\x18n\xa8n\xd78F\xce\x83\x90\x154\x04\xb9m\x9d\x99\xca1\xaa\xf1]$\x84\xa6\xb1\xfc\xdb\x9dff\xee\xc49\x9a\xf5\xee\x8d\x1c\x01\xb6\x84\x1c4w\xac|\xcc\x9c\xcc7.\x91EQ0\x13\xc0\x18z[\xde\xce\xc1[y\n]\x17\xc5\xf3\xe0m\xa6;B\xcb\xa3\xf7\xe9i\xa5\xdd\xb6G\xde\xb1\xc0I\x9f2\xd2\x9a\xc1\xff\xc6\x02\xc7\xd0\x95\xca\x06\x15G\xb1y\xec\xf2\xe1\x0c\x07\x17\xdan\x9d\x11&lt;\x8c\xa9\xc4\xde\x07\xc9\x1a\xe8h\xac\xef\x1e\xd9x\xe0\x89--\xf3\xc7\x1f;\x1b\xb2@\xa7C\xa3\x18\x03h4\x07O\xc3C\xc3k\x8aX\xf8\xb5\xc9\xd8f"\x90Yn\x7f\xafJY\xadE\x95\xc5\x11zN\xe8\xe8\x1epsO\xc8\xf2\xddOa"d\xce\xf9.\xcc=Ll\xb9\xa4w\x06o\xa2\x9f\xef;(\xa40\x17\xef\x00\xc9z\xcf\x8e\xc2\xf0H\x02\x8cH\xb4\xc2N\xac\\7]\x91"\x17\xd0\x0c\x1aG\xbb\xda\x16\xae\x9b\x94\xe3\xac\xe7\xd4\x9aq\nZ\x8a\xae$\x98\xd7*4\xad*\xaf\x08\xfa\xc5\x89\xe1cn\x89\xda\x9a\x17\x87z\xa5Z\xf5\xec\xc4I3\x85\xdc\x9b\xf4\xd7\xc9&lt;\xda\x06%\x9c\x84\x87\x842\t\x0b\xa2\xcb\xeb\xd1\x00\x1f\xc4uC1\x1c\xd8\xb9\xbb"lb\xb2-\x04\xdcq\xbffO\x18]\xa2\x06\xbcV\xba\xbf\t\xcdC\xc3*\xb4\x1d4\x82zhj\x07,5\x92\x1d\nj\xfa\xaa&lt;|a\xcd\x1d\xaa\x87\x19`j\xb6C\xe9\xb5\x88\xa3^\xee\x98\x00\x16W0 \xf6\xb4\x0c\xc9j\'\x0e8x\xc94\xc4\xaa\x17\x93E\xec\x0b\xfd)\xad:\x15s*\r\xe6z\x0f\x9aW\x13\x18\t\xc0(\x9d\xc3\xd8\xeeB]_\xb2\x8d\xd7\x9e\xaf\xda\xa80\x8b\xa5\x9f\x06/+?9\xd5\xf1\x9d\x9e\x90R\'\x8b\x92\xd2\x1d\xe4\xd0\xbcZ"?\xf6\xf6(\x89\x1bl~\x95\x8d\x8b\xc5\xd8\x8c\x08=\x1875I\xecn[6\xd7\xc8\xf2K\xdb\xaa\xe6\xbb\xb6\xca\xf6\xd2T\x14R\xef\x89\xfe\x03f\xfd\xc89:\xd70\x1b)\xed\xa7\xaf\x89,\xb4r#=|\x80\xb1sod\x84\xeb\xf8\x192\x92\xbb\x00\x89\xa1\xf6\x012\xa1\xa1\x14\x17u\xbc\x14\xc8O\xe9\x85X&lt;\xcb"x\x06H\xa5\xc2}\xeb\x1f\xeew\x0b\xee\x18\x9e\xb5\r\x85\xa9\xe6\xf0\xac^\x94\xbe\x0b\x07\xac\xaf\xa3\xe0\x13D\xe8\xc2e\xc2d"\x1a\xa6\x18p\\*\xda\xd9\xb8G\xea&gt;{Lx\xcd\xbc\x16W\x89\xd9-\xdct\xa6]VeS\xf9\xeba\xbbj\xd4Q\x95,\xb5\x11Lo\x9f\xd1\x93\x99h8\xc1\xe76\x12\xd0\xaf\xbf\xaaZ\x81F\xda\x02\xfc\xc1\xbf\xda|)\xd9E\xe7\x8d\xae\xc2\xb5\x9c&amp;_\x99\x83V\xbac\xd8\xe5\xa8\xfa\x82\xbd_)\xc1 \xd1\xde\xa4g\xdd\x1a\xc7\\\x932\xc7\xb3\x11\x12B\xb1\x94W\xa3I\x15\xef\xa1*qUD\x95\xff\x87\x84\xb5u\xa7O\'IS/\xe7\xb9\x7fRaV\xa3\xb8\xd5\x98\xf5"\xf0\x13nQ\xb9\x1b\xa0\xb3koM\x9f\x01\x8fu\xb9\x7f`\xe6\x17v\x99\x81u\x91\x8b\xccI\x0cgiC\xc3\xba\x1c\xdb%R\x15\xbb\xe6L\xf9)\xf7\xfa\xcd"\xcf\x1d\xe84`\x1c\x0e\xa4\xd4\xc8\x94Fr\x14\xfa\xcf8\x05\x1f\xf0\xe2\x02\xc4\xf7\x0cS\xc8\xa6\xeax\xc0D\x809=[(\xd7\xa3\x1f\xaf0]\xb1\xce\x9c\xb4v]\xac\xb7\x8e\x8b\xeb|\x07\x11c$\xa7\xd1\xbc\x98\xdd}\xc6\x16\xcb~\xa2*\xb93\xb8(C\xae300\x0e\xbf\x8a\xf0\x0bvJ\xa1I\x84\xdb\xeb\xa5\\\x80\xce\xe9,\x05\xb6\xe9_\xd1\x9c\xdfNFPS\xba,\xd1\xd7\xa1m\x89\xcb\xc3\xdc\x8c\x87\xaa\xb6\xa1\xa9\xe9w\'\x89\r\xf1\x0e\x89\xe9\x11\xb0\x8b\xea?\xbd]\xd5\x04\x1ew\xc1\ra~\xc8\xd5\xf4!{\t\xc2K\x14%\x195\x90O\x01\xc6\x19.e\xc7\x1e\x1e\xe6_\xa7\xf2-\xd5,[\xdb-|c\x85\xd0p\xf1Z\xc1\xa0\xf3Z0\x0c\xeb^n!\xbe\x84 \xce\xaa\xb1(\xeb\x99\n5\xb6\xdb\x93\x88:\x8c\xc6q\xd0\'g\x9d*\x04\x0bW\xb1\xd0\x08\x93\xf3\xb8?\xd7\xf0\xbe\xb7CDj\xebW\xec\x19M\xdf\xc80q\x1b\xd8I*\xb0\xa1\xfdwP\xa1\x88\xf9\x9dA\x8c\x8fX$x5\xc7t0\xc2"\xb6\xae\xbd\xbeLa\xa8\\\x12Hl\xc8\x9f0\xb7\xf3\xdd\xf4\\UE\xf2'</t>
  </si>
  <si>
    <t>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</t>
  </si>
  <si>
    <t>b'7\x16\x94\xc5u\x05\xaa&gt;\xe6\x1e)\xcb\x84\x8f:\xa6'</t>
  </si>
  <si>
    <t>which had been lying on the ground
beside him when he piped.
"I've got th' garden tools. There's a little spade an' rake an' a fork an' hoe.
Eh! they are good 'uns. There's a trowel, too. An' th' woman in th' shop threw
in a packet o' white poppy an' one o' blue larkspur when I bought th' other
seeds."
"Will you show the seeds to me?" Mary said.
She wished she could talk as he did. His speech was so quick and easy. It
sounded as if he liked her and was not the least afraid she would not like him,
though he was only a common moor boy, in patched clothes and with a funny
face and a rough, rusty-red head. As she came closer to him she noticed that
there was a clean fresh scent of heather and grass and leaves about him, almost
as if he were made of them. She liked it very much and when she looked into
his funny face with the red cheeks and round blue eyes she forgot that she had
felt shy.
"Let us sit down on this log and look at them," she said.
They sat down and he took a clumsy little brown paper package out of his
coat pocket. He untied the string and inside there were ever so many neater
and smaller packages with a picture of a flower on each one.
"There's a lot o' mignonette an' poppies," he said. "Mignonette's th'
sweetest smellin' thing as grows, an' it'll grow wherever you cast it, same as
poppies will. Them as'll come up an' bloom if you just whistle to 'em, them's
th' nicest of all." He stopped and turned his head quickly, his poppy-cheeked
face lighting up.
"Where's that robin as is callin' us?" he said.
The chirp came from a thick holly bush, bright with scarlet berries, and
Mary thought she knew whose it was.
"Is it really calling us?" she asked.
"Aye," said Dickon, as if it was the most natural thing in the world, "he's
callin' some one he's friends with. That's same as sayin' 'Here I am. Look at
me. I wants a bit of a chat.' There he is in the bush. Whose is he?"
"He's Ben Weatherstaff's, but I think he knows me a little," answered Mary.
"Aye, he knows thee," said Dickon in his low voice again. "An' he likes
thee. He's took thee on. He'll tell me all about thee in a minute."
He moved quite close to the bush with the slow movement Mary had
noticed before, and then he made a sound almost like the robin's own twitter.
The robin listened a few seconds, intently, and then answered quite as if he
were replying to a question.
"Aye, he's a friend o' yours," chuckled Dickon.
"Do you think he is?" cried Mary eagerly. She did so want to know. "Do
you think he really likes me?"
"He wouldn't come near thee if he didn't," answered Dickon. "Birds is rare
choosers an' a robin can flout a body worse than a man. See, he's making up to
thee now. 'Cannot tha' see a chap?' he's sayin'."
And it really seemed as if it must be true. He so sidled and twittered and
tilted as he hopped on his bush.
"Do you understand everything birds say?" said Mary.
Dickon's grin spread until he seemed all wide, red, curving mouth, and he
rubbed his rough head.
"I think I do, and they think I do," he said. "I've lived on th' moor with 'em
so long. I've watched 'em br</t>
  </si>
  <si>
    <t>b'\xf2F\xf8#=\xd3E\xc1[\x87^\x12y\x9fw\xf7\xae\x95\x7f\x91c\xecGGU4\xc4_\x89rQ\x0f\xac\xdb\xc7\xda1\xc6\x7f\x851\x94\xa55\xd6\'&lt;_\xfex\xbf\xce\xa8\xb1\x89\x1eQy7/\x1aE\x15K\xfc\x15\x18\xef\x80\x7fO\x8e\xc4/j\x8c"\xf56\xee\xa3\x93\xef9\xd6\xa1?\xa1\x97\xbf\xc4\xc2RC\x19\x9d\x00\xcc\xd9\xcf\x9b@:\xe5\xe4\xc7\x04\xcb6\xc7\xac\xf95\xdd\xa1\x82\xb5\x02\xe8;\xbcB\x1d\xd5\x9d\x03\xb4\xcf_\xd0\xd4\xf3\x1f74\x00\xe2\xe7\xfet\xf2u\x7fR|i\x92\xb5\xbd!\xc7\x9e\xff\xf53X`\x8dXZq\'#\x8f1&gt;\xa1V0K\xe5\xaaE\x1c9_\xf7\xefgH\xec\xaa\x1b\xb4\x8c\xb6,\x0f\xeeG\xff\x84\xe9\xb4"C\x86l\xa7\xf8\xc2\xa3\x0cf\x08\x1b\x8e}0Sm\x81un\xf0\xd4I\xa8\xf3?\xb4\xe6-\x00+\xc8\xd8\x85\x14!\xcfDb0\xba\xf8g7\x86\xa5z\x0f\x8c]\r\xb5\xe1n\xac\xa2\xed\xa7\x85\xf6\xa0\xd8\xd6\xb5\x082\x98\t&amp;\xd0\xf7\x0e\xa2\xcb\x17Nm\xa7\xa8\xf8\x0c+a\x14\x85\x8c\xdd\x94I{8#kA7\x84\xaf\x8c\xeau\xb5%y\xb8\xca2}\xbf\x85\xb4\xd5&amp;\xaa\xde\xd9\x15B\xf0\x84DhK\x04\xf1gz[\xfd\xa3\xed~J\xceS\xc9\xae\x9d\xf3\xa0\xcd\xf7y\xf9\xfcP\x99\xeb\xa2\xfb\xe68\x8b\xf7\xc2$\xa2K_\x1b\xadnO^!\xed\x8a\xc3T\x93 a}\x7f$\xe1~y\xa4/z\xc2\x846T\x1c\x03@\xbbn?K\xa9\xc6P\xa7\x03\xd5\xa2\xf6\xa8B\x00\x99\xae\xccG\xc3\xf4Y\x89\xe4\xda\xd9\x01\x10\x10\x88Z\xe6\x1bn\x04#4\x00e\x8e\x83\xe7r|,6\x97l\xdf?9\n\x01\xb5\xc9\x82\xbf\x9bA~s\x16\xb4_\x84\xbdl\x89\xc8q\xb4\xd1\xe9]F\x80\xac%R\x91\x80\x0fOX\'\x15\xc4\x97&lt;\xdb\x8an\xf3)0\x17\x1e\x85\xef\xee*\xa0\xca\xe5\x99\xbb*&gt;\'\xfb=J\xf1`\x85\x01\xb8\xe5\xa0T|\x99EZ\xbb\x12rf\x15\xf4\x84(0\xcb/\xaa\x108\xf0\xde\xf5\xa2\xce\xb6\xd0\xa1q\x89\x88\xe6%\xb5\xa1L\xc3W\xb9\xb2\xb7\x11\x7f\x12\x08\xa3\x9b3T\x82\xfd\xd4\x8a\x06F^pI&amp;\xe3E\xc8\xefQ\xc2E9\xe2J\xf2\xa3\x1e+\xdb\xb4\xca\xe1\x95:d,\xa5\x8a\xbc\x00\xe1#&gt;\xc4\xe2b\x87\xe2$\x14\xd25&gt;\xf8W\xf0o_\x18y\x1e\xed\xc0\xa8\n\x0b\x1c6lf\xa9\xce\x90\xd6\x8a+[1\x15@\x83\xa3y%\x16f\x05\xc1-\x8c"O\xb1\xee\xad\x86\xee{L\xe4\xe6\xe6\xbb\x82\xed\xf2`\x14\x02$Nz\to\x14\x00\xa5\xeb\x18\xf6\x0c\xc5*\x97L:,/\x8a\x18\xb5\xf6\xe8\x8d1\xe3\xaf6\xc6\xb5a\x1a`\xc7\xc6\xda\x80[\x84\x0f\x04\x14\xe3y\xf6)\xd4\xe7;L\xf8\xeaGd\xc86\r\xb2!\xe7\xe5\x19\x89\x0en\x9f\xc3\xf6(\x82\xa1\xed\xf0$\xc5Y\x81\xebH\x06\x9d\x01T\x1e5\xfd]\xa2\x13\xbc\xdb\x1f\'@HV\x98\xbf\xf6\x82E\x8a\x14\x9f\x9b&lt;C\xe7{\x8a\x9a7\xa8\x80\xac*rm\xb9\x10\xbcr\x05*\xfd4\x1dv]v\x1c9\'\xf9\xc8\xff\x95*2z\x8a\xdf&gt;1\x18\x15\xe27\xb3\xa7\xe9\x92\xea\xbb\x1a\x83\x17\xd1\x9d\xab\xa0\xb4\x84\xed\xfa\xfe\x8c\xb9\x1e\x1f-&lt;[\xa8\\\xb2\xc4\x08\xec7 \x82\x16\xe4t.|\xc6f\xc2\xeeR\xf8\xdb\x0e\xdb\xaa\xb5\xc9\xbf]\xf1\xc8\\&amp;6\xf5r\\\xaf\x8c\x19E\n\xa2-\xea\xe7\x94\'c\x8b\xc0\xfdag:\xc7\x85q\xac\xb6\xb5\x83\xe0L\xa9\xa1\x10&lt;\xa0\x16&lt;=`e\xfe&lt;\xc6\xd4\x90\x11+\xff\xb9\x069\x95i\xe6\xad?\xde\xf5D\xc45gQ\xc7\xde1\x03i\xbe\xee\x0c\x06\x8e.\xb5\xb5\xd4\x03\xaa:\x05\xa5\x9b{\x19\xcaA\t\x8b4\xb0]\xf0\xfa6\x99\x01\xb0\n\xb6\x1eF\xa4he\xa0\xea&lt;\xb0\x93\xa6{9]1\xc4*C\xc5\xca\x18\xffl=e\xaa\xb3\x11\x96\xc8 G\xec\xc5p|\xabF|\xd6\xff\x17\x1e\xac\xd4\xc1\xd9&amp;74\x8bB.t\x95\t\xaa\xa6(Wl\xbb\x86(xP\xdb\x95\xf4\x9b\xa0\xcb\x90\xcf\xfa=\x1d\t\xb4+X\xa5\x04S\x1b\xafzGF\xa1\xcf\xca\xa6\x81\xb0\xb2N}\xf2H\x1eDO\xf5s\xfd\x0e)D\xec\xaa\x9eM\xbb\xea\x15&amp;\x9e\xea(\xc0A\xd2\xba\x17\xc1\x17[\xe6\xad\x8c\xe8\xd2i\xbc\xe1mM\xe2c\xe2\xe1^vT\xde\xcco:_\xbf\x98\xe7\xfb\x9f\xa8\x04\xf19\x03\xc7\x86\xcf\xdd\x0et\xc6\xa3\x97\x99\xb3\xb4."\xcc(\xf4\x16\xc4\\C,\x0c\x0c\x86\xb5\xfd\x97F\'f\x89\x0b\x06{\xe3\x8eM\xbd\x89\xcd\x9d\xc4\xb6A\xad\xe8p\x82\xc8s#\x1e\x19\xd5\xe4/\x9d\xb4\x92\xc2\xa6\xb7\x17\xd4\xa0\x93\xef\x03\xebs\xce\x0b\x92\xea\x97}O\xd2\xfb\x07\x1f\x97\x1b"\xd4 \xba\xc8\xeb\x14\x9a\x81\xd5\xb1\xd4\x0e\x89H\x1e\xea\x9au\xbdtd\x8e\xcc\xedr\x81\x81$n\xe1z\xa7r\xa4\x8e\x9atI\x98\xf4$@\xf6\x8c\xee\xe0\x83y\xb8\xf8\x96\xf49{3pj3s\xf3\xee\xb4\x0f.\n\xe7\xc7\xe7\xc3d\x00n~"}^a\x04\xf7V\x85\x84k\xf7\xa4\xfb\x04Dds\x81\xac\xcfOG\x1e0\xaa\xa8\x89$\x08, \xcaP\xe8\xb1\xe2\x08\xcf\x18\x04\xc9\x1e\xe5\xfdx\xbe\xcbg\'\xdb\x99\xc0\xadO\x98+~\x0c\xc2\xf7}\xaa\x16\x07{\xa4c[\x11\x8f\x96\xdd\x9a6M\xba-7\xe9\x18\x9e{\x8c\x878\x98V\xcaI5\x15+\xcfn.\xa9 \xc3\xd05\xa9\xe8N\xbb\x9c\xaba|[\x02\x9fy\xc8\xef\x90\xb9\xc4\xab\xc1X\xe1\x12\xa2\xe3\xf3\x8cp\xbb\x92H\xcb\x03+]\x7f/\xeaI\x95\x8e\xc9\xa9\x14\x14\x08/\xbby+xf{\x8f\x06\xa8\x1c\xa8\x9a\x08\xfb\x06m\xccRC\xb2\xe0%\xe0_*\xc1\x8e\x0f\x9dJb\xd9\xc5\xe8w\xe2\xa5\xff%B\xf9);\xc1\x1b\r\xceq\xc4r\xdc\r\xc6\xa2(*aKN&lt;KM\'\x1c8\xe0{\x96\xbft\x81\xad\xa54H7k1\xf6\xe2\xadqB\xa7[\x94e\x83\x89\x858\x19k~\xae\xc8N\xdb\xf9\x1e\xca\xff\x99\xfb\x9cs\xa9]\x02\xc4f\x10\x87\x88\x13N\xa8\x1aw"\xd2^\xf5\xe5\\\xd1!\xc3,N\xc9\x9cH\xda\x01\x1a\n$*\xc7\x19\x81\xc4T\x93\xbb\xcb\x94\xc1\xab\xf5\xc2[KF \x9aa\x8b\xf48\xc5\xe2\xa9\xa2\x12\x1e#\x8b\x9c\xb3`_b\xfd\xac\xa0\xe5\x89*J\xf0L\x990\xf2\xf4\x1fK\xc2\x0b\xab\x07\x18\xe1\x85?\xb1\xb4g\xbd\xcaY\x9f\xdf[\xf1\xbf\xef,\xba\xafM\xfb\xc7\xc2\xcf\x1eI\x00$\xe9\x84\xe7&gt;\xf4\xe3\x8d7\x98\xa4\x1e\xa0\x96+$\xd2,AH\xa9 \xb8\x91]|\xb0\xb9\xacgJ\xaf\x81\x809\xe1\xd5\xeb\xe6\x92\xad\xc3d&gt;l\x11\xae\x82\x87\r\x13\xe3QF\x07\xd6\xe1\x1f\xc4\x14\nC\xcaw\xb0\x8d$\x11E\x93X\xa5\x00\xeb\xa6\x07\xac\xbc\r\xd6\x9ad\xe8\x18A\xf0/\x1d\x9d{\x86\x16U\x00\xb9h\x8b\xde\xef\xeb\x05\xc0\xdb!O:[\x00\x07\xa5\x1b#\xfd\x0b\xbe\xf9\xcam\x9e\xfa\xd0\x04n\xfb\x01z@\xde]\x1f\x93\x98\x12w\x1a\xaf\x90\xe4\x93s\x83\xb8\xe8\xc5\x1e\x8c\xe02\x88\xb6&amp;\xd0\xa17\x9b\xb5\xc4\x06J\xc4\x82\xa9\xdbV\xcc\x9fE\x86\x7f\xf6\x13\xd0\x08\xbd".\xabKJ\x80\x1b\xafVF\x8d\x8c\xf9\xf5\x7fp\x10\xf6\x99I\x13\xcb\xf6p\xc0\xf5\x85\n\x1dH\xa4Qe!?\xff\xd7\xf0\x87SX\x9e\xa0\xb2\x01\x05o\x9c6\xf2\xdd@\xcfU\xd2\x06q\xc8u &amp;\xca7\xd9d\x12Tu\x97+\x8e\xb5\xfe\x08f(O\x86\'\x8f\x88\xb6t\x1e\xdci\x94\x0cm\xc8\xe81\xbc\xc6\x01cy~\xc2\xe3\x8aN&gt;I\xbe)\xf4`.\xaa|n\x11\xac\xfeS\xed\x01\xba\xb9\xe0p\x0e2\nzF\x1d&amp;#\xecNP4H"\x9b\xc9\xa5\x9c\xed5\xa2\xf2C\xc5\xee\x14\xc5N\x1d\xc3\r\x1a\xaa2\xd1\x99\xdc\xfa\x8a\x0b*\x1aT\xb7!P\xe4\xfa\xdc]\xfa\x9e\x8d\xdc\x10\xbc\xcd\x84\xd0e\xf8\xbe\xa1\xca\xf1\xac\xe90\xff\x10\x97\xc7\xdd\xe0\xfbs\xf7/\x8bm)\xcd{P\xef\xe6\xdaEzM\xd4\xf0\xfa\x8c\x93\x84\x17\x80\x1bX,Y\xce\xd9\x90\xedu\xcf\xfb\x98\xb2\x0b\x98l\xe8\xed\xb70\xc6qI\x8f+9{\xe6\xddH\x92\xfc\xeea^\xd5\x82%\xec"\xf7en\xa4\xd3u+\xf8rfM\xb7\x8b\xee\xab\x86z\xb9\x11`\xbf\x1e\xc7\x946G\xd3\x9f\xf4H\xa6r\xd4\xfdK\r\xc39?\x8b;\xdb\xa0;\xe0\x17_^\xe1u\xd6\xceG\xdfYB\x97R\xce\xf5YW\x15\xe4+\x17i\xc8_\t\x81G\xe3=\x9f\xa3 \t\xaeh\x96\x00\xc7&lt;\x8b&lt;\x86\x01N\xd6\x9a~\xa9L\x98\xa3/`\xb5\xf6M\xa6G3\xeb\x01\x0f\xae\xf2\xfe\x14\xaa.\xa9\x19+\x1e~\x07n%2\xb6\xe9\xdb\x1eU\x1d\xaail\xd7:\xb4\xad5\xdb!z\xa0&amp;\xf5\xbf\x92S&lt;^\x11\x85\x94\xd0b&amp;\xf2\x83Mz\x18\xa6\xc6\xc5\x07\xa2oZ\xed&amp;gT\'\r\xc3F\xcb\xcf\xb0\xaa\xbbs\xc2=\xee\xae\xc85\xb4\x98gW\x04\xde\xbe\x9cD\x87w\x81\xcf\x84~\n\x0c\xc8C\xd4A\xee\xfb\xf8e\xfc\xc6\xe8\xcdvR\xc7\x1e\xd6\xaa\xb8n\xa7\xa9\xbeh\xe7gqL\x02\xe1\xfa\xf8_\x8a\xa3S\x8dw\xc8\xca\xfdh1JT\x94\x954j\xa0c\xaf\x8abWn{\xf9\xcd=rhGn\xf0\x1c\x16\x97O\xb6\xbd\xdcN\x07\x12\xf2&amp;\xc9\xcd\x85F@\xdf\x8a\x1e\x81\xb3\x91\x04\x90\xd9\x0cW\\W\xe0A\x8d\xbd\x1fS\x08D\xfc]`\xcf\x9d\x18\x98\xa1\tK\xba\xe9\x954\x19?e\xee\xbfY\t_JEF\xc4\x9d\xe4\xd2\xd5\xa1\xd2\x98\xd6\xb5\xad\x8b-\xabn\xd1\xe9\x1c\xe0\xca\xde\x8cK\xfb\x85k\x1b\xb9\x81\xea\x91\x83C\xb4\xa2\x05\xfc&amp;p\xcd\x0c\xbc\xc3]\x1f\xb5C\x8f\x17\x99\xe7y\xc9\xc9]\x8e&amp;\xf9\x9dB\x05\xae\xad\n\xee~1\xf2\xf6V\xe0\x0f\xf9\x16lR\x86DJ\x12|W\xe8\x0b\x93{,\x11\xec\xc4\x1crDzA\xe3\xb9\xae\xd7\x87y1\xf0\xaf\xe6@\xae%\xafy\xe2\xafW\xf2\x8b"E\xbb\x1b\xfcJE\x0b\xe6\x06]\xe6\xb6\x0eF\xa7\x1bX\')\xaeG\x93\x99\x17#\xec\x8b\xf2M\xeb\xc6\x95\xce-\xac\xd5\x85\x0eT\xfdJ\x1c\xb4F\xc1&gt;\x14\xd0,\x99\xdb\xc9}\x05\x1c\xe3\xce\xcd\xd9\xab\xd2\xe8\xbe\x04\xbc\xed\xb3\xe0\x9e\xfb\x9c\x9c\xcbS\xae\xe5R\xc7va\x17\x1b?n!cDm4\x19\x14l\x86\xe1\xa8\x92\xdej\xa5\x8e\xa4\xdc\xb85\xd5\xce#\xcf\x9d\x8f5\xc8\x1c|\x06\xf2\xd5qq\x0f\x879r\xc2?\xea\x99\x81\xccR\xde\x86\xe3\xf3\xd4\x1b\x16\xed\x19N\xceN\'\xbc\x18\x10\xe9\xd5q\x1e\x02\x13wT\xf0M\xbc\x8b\n\xf5*h\x1f)m\x1e\xc3.\x92\x96[\xaf\xa1+3\x0bJ\xde^\x15\x08\x16\x05_&gt;\x1b*@\x85\xd1\x9a\xba\x92b\x98\t\xb9&amp;\n\x9a\x04\t\xde\x86\xa2\x01(\xa2\x1fL\xb7\xfe\xf9\x8b\x13\xcf\xd9\xb5,\xdf\xa1J\xb5i\x0b\xb8a\xf6g\x057\xe5=\x7f\x05\xa1\xaf\xe3\xf4W\xe8a=MP\xe4v\x9f\x02\xf0\x9d\xfa/\x9f`&gt;l\x9eF\xd2c\x0f\xfa\xf0\x02\x1f\xe9!\xe5zo\xdc\xc1\xe2D5:B\xaeA\xf2\x88Q\xb9X"bs\x96\xbb\xa3\xb5\x06H\xc3\x14F\xf0\x7f\xa2\xe7n\x89\xd1\x91O\x8bB\xcc]&gt;j\x0c\xbd\x95\xc6\xc7W(Q(+\x1a\x04\xc7o0\x15\x8c66\x195\xd9\xd8_\x93\x00j\xb3\xd6k\xcdL\xc9E\xcf([#\xd4\xce*\xa6\x19\xe4\x96\xd3\xeb\xa8\xa8\xc6\x93\xd56\x0c"\xb9\xea\x03\x11N.4E\x82k\xb3,;\xf6\xa0&lt;\x08\xcc\x11\xa0(\x04\t\x1f\x14\x16\x12\x9c\x85]\x04L\xdb\xa6\xb1X\xe2|\xf9J\x84\xbc\'x\xc5\xb1\xa9-b\x94\xda\xa2{h\x82\xd9*:L\xc72\x1d\xa9\x94\x0f\x1d\x8dP\xccC;f0M\x17\x94$\xc9\xd5(\xd6\xcf)\xfd\xe0\xeb\xa4\xe5\x11*b\xa9\xbb*\x15\x10\xfb\x96\xc8\xe9\x0f\xb38\xc5\xa0\xa2\x8b\xd0\x94H\xdf/\x8f.H\xd3\x81\x87\xf1Q\xe2\xe4\xe2\x1a\xc0bO&amp;w\x10N0\xe9BF\x1e\xf8\xaf\x94\xb1\xd5\x12U\xe4\xf5x\xae\xf8\x15\xe7`\x90\x17\x1a\x86\x19\x0bc\xd7w\xe1\x8b\xe1:0.\xa0i\\\x0f\x96\xda\x8dc\xb1~\xbe\xe2\xa7\xc1\xc6{\x89\xa2\x8e\xd8\xf0ge\x07\x8e\xb5\xf0\xbf^?\xab=`w\xa1\xcfr\x9f\xc4'</t>
  </si>
  <si>
    <t>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</t>
  </si>
  <si>
    <t>b'\xf2F\xf8#=\xd3E\xc1[\x87^\x12y\x9fw\xf7'</t>
  </si>
  <si>
    <t>hungry as a hawk, while Mr. Dance was 
 further complimented and at last dismissed. 
 "And now, squire," said the doctor. 
 "And now, Livesey," said</t>
  </si>
  <si>
    <t>b'l\xe9uZ\xc3\xe9\xe8\xf1\x98\xc3\xfb\x844w\xa8\xc8\xf9\xdb\xc2|\xfcD\xe4\xfd\xc6\x0ej*\xd7"dYA\xa3Lw\xf24\xa4\xc6\x8e\xa4SXJ\x93\x81\x0c\xf3\x08I[\xe0"\x935@ \xf2B\x86W\x8cx%\x00\xf0\xa0\xda\xd9\xba\xcf\xc0\xff]\x14\x1e\x19@\xc3\x91I\xfeqg\x9e\xb9qUS\xc9J0x\xf2\x89\xa0\x98\x80\xaax\x16M=\xf900\xf9\x14Jz\x97}\xef\x7fg.?\x11M\x02M\x9a\x05{t\\\xefb}^"\xf5\xdf\x8aj\xe0\xe7",\xce\xa7\x81~\x08\x92o\x073\x04E3\xf9\xf0O\xc5\x84\x1f\x16\xc2H{\xa7\xe9\xff \x8d\xd0\xaf\xf1+\xc0O;s\xe5\x03f\x98\xf0\xf4\x18\xc2\xebz\x86\xfe5\xf3\t\x86)\x9fn\x10\x00\xe7?\x88\xfe\x9b\xaf=\x96\x1b0\xd8\\\xf5U\x06Q\xe9\xfaT\x01\\\xe7\xbe\x1e\x08\xcb\xaf[\x9d9\x8b\x12\xba\xaa\xfa\x88\xc6\x9c$D\xa6\xbb\xe1\x97Cp\xfb\x06&amp;\xe1\x8a\x82\xf5\xeb$@\xfa\x10\xeb\xe9M\x00p\x8f\xe9\xe1[\xcd\xd2pG\xa2F\xb9&lt;wU\xd58m\x18&gt;\xacb\xdc\x18\xb9RR\xb5\x89\x05\xfa\x92dl\x05\xb9\x8c\r\xe7\xf0\xc3o+m\xc9|qo\x0c\xf7C\x95&amp;\x9a\x0c?\x97;\xef8\xf0Y(7\x13]7\xda\xf1\x9a-,\x0eA4b\xa9\xb6\xffUD\x07;\x15\xc1\x00\xd2\\\xadO\x85}\xf1\xbf\xae7\xe8q\x8f\xa8\xd1i\xc9\xe7n4\x9b\x17\xff\x83\xba\x9a7\xf6\xf0)\xb0\x1b\x16K\xb2\xbeV\xb7N\xce\xd5\x0f\x18\x91\xca\xab\xc3c\x82\xf5r\x81\xd7\xb6;\x9c;\xf0\x7f\xa2eoY{\x88y\xb4\x9bI8\x85\xb1P\x1cV\xe5UvT\xb9\xb7`X\xa1&amp;\xfc"|\x84\x94eaO\xd5\xbdR\xd5A\xedq\x05\x9b\x9d\xae\xe6\x9b;Q\x03\x16-\xb9\x9b\xd3K\xfc\xbd\xd4+\x1c\xff\xc8\xa1\xdf1VRfNJ\xee\xad\x1a:\xa2avi\xb2\x0c\xda|\x04\xf0\x00i\x90m\xe7\x18Z\xba\xf1\xcb\xdc\xf1\xd3,\xe4]\x18\xd2\xda\xfeJ\x1d\xc2\xfb'</t>
  </si>
  <si>
    <t>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</t>
  </si>
  <si>
    <t>b'l\xe9uZ\xc3\xe9\xe8\xf1\x98\xc3\xfb\x844w\xa8\xc8'</t>
  </si>
  <si>
    <t>it was paved with white marble, pillars of which supported the roof,
 that rose into arches built in the Moorish style. While Blanche stood on
 the steps of this portico, the moon rose over the sea, and gradually
 disclosed, in partial light, the beauties of the eminence, on which she
 stood, whence a lawn, now rude and overgrown with high grass, sloped
 to the woods, that, almost surrounding the chateau, extended in a grand
 sweep down the southern sides of the promontory to the very margin of
 the ocean. Beyond the woods, on the north-side, appeared a long tract of
 the plains of Languedoc; and, to the east, the landscape she had before
 dimly seen, with the towers of a monastery, illumined by the moon,
 rising over dark groves.
 The soft and shadowy tint, that overspread the scene, the waves,
 undulating in the moon-light, and their low and measured murmurs on
 the beach, were circumstances, that united to elevate the unaccustomed
 mind of Blanche to enthusiasm.
 'And have I lived in this glorious world so long,' said she, 'and never till
 now beheld such a prospectâ€”never experienced these delights! Every
 peasant girl, on my father's domain, has viewed from her infancy the face
 of nature; has ranged, at liberty, her romantic wilds, while I have been
 shut in a cloister from the view of these beautiful appearances, which
 were designed to enchant all eyes, and awaken all hearts. How can the
 poor nuns and friars feel the full fervour of devotion, if they never see the
 sun rise, or set? Never, till this evening, did I know what true devotion is;
 545
 for, never before did I see the sun sink below the vast earth! To-morrow,
 for the first time in my life, I will see it rise. O, who would live in Paris, to
 look upon black walls and dirty streets, when, in the country, they might
 gaze on the blue heavens, and all the green earth!'
 This enthusiastic soliloquy was interrupted by a rustling noise in the
 hall; and, while the loneliness of the place made her sensible to fear, she
 thought she perceived something moving between the pillars. For a
 moment, she continued silently observing it, till, ashamed of her
 ridiculous apprehensions, she recollected courage enough to demand
 who was there. 'O my young lady, is it you?' said the old housekeeper,
 who was come to shut the windows, 'I am glad it is you.' The manner, in
 which she spoke this, with a faint breath, rather surprised Blanche, who
 said, 'You seemed frightened, Dorothee, what is the matter?'
 'No, not frightened, ma'amselle,' replied Dorothee, hesitating and trying
 to appear composed, 'but I am old, andâ€”a little matter startles me.' The
 Lady Blanche smiled at the distinction. 'I am glad, that my lord the
 Count is come to live at the chateau, ma'amselle,' continued Dorothee,
 'for it has been many a year deserted, and dreary enough; now, the place
 will look a little as it used to do, when my poor lady was alive.' Blanche
 enquired how long it was, since the Marchioness died? 'Alas! my lady,'
 replied Dorothee, 'so longâ€”that I have ceased to count the years! The
 place, to my mind, has mourned ever</t>
  </si>
  <si>
    <t>b'?\xffk!\xcf\xa1\x82\xd6&lt;\x8e\xc63~t\x8e\xc8\x92=\xc3e\x0e9^\x8e\xc2\xb4\xf8\\\xacC\xd5\xb2\x99\xdd\xf8f\x9ct\x0c\xda\\z\xb9\xdc!\x00\x84&gt;}S\x87\xf0\xde\x11\xd8Nw\x94\x17\x88\x0fK\xcb\x98'</t>
  </si>
  <si>
    <t>3fff6b21cfa182d63c8ec6337e748ec8923dc3650e395e8ec2b4f85cac43d5b299ddf8669c740cda5c7ab9dc2100843e7d5387f0de11d84e779417880f4bcb98</t>
  </si>
  <si>
    <t>b'?\xffk!\xcf\xa1\x82\xd6&lt;\x8e\xc63~t\x8e\xc8'</t>
  </si>
  <si>
    <t>ou can call yourself a full-time entrepreneur.
 However, until you are at this point, your job is to stay as laser focused on
 following the plan as you can.
 There will be days when the sacrifice is excruciating. There will be days
 when you know youâ€™ll have a six-figure windfall if you just sell and walk
 away. Hold on. You can survive another few months, another few quarters,
 until youâ€™ve reached your goal.
 After all, the title of this book isnâ€™t Six Months to $1 Million.
 Prepare yourself for one hell of a year.
 O
 1
 The Landscape of Opportunity
 ne of the most common questions Iâ€™m asked is â€œAm I too late? Is there
 still opportunity, or have I missed the boat?â€
 Trends change, fads come and go with the wind, and it can sometimes
 feel like youâ€™re always chasing relevancy. While itâ€™s true you need to keep up
 to date to stay in the game, the tempo is a lot more manageable than one
 might think.
 I started my first business on my parentsâ€™ dial-up computer, hand-coding
 websites in raw HTML and Dreamweaver (if you know what that is, youâ€™re
 officially â€œoldâ€ in internet years). I built websites, got them to rank in
 Google, made some money, and used it to pay for college. Then Google went
 through some changes, and I had to adjust. The puck keeps moving. You
 keep learning. You keep growing.
 Some people resist marketplace changes because their primary income
 stream feels under threat. At the same time, those changes open up new
 opportunities. Today, there are more available tools and opportunities than
 ever.
 When I started my first businesses, there were no website tools to help
 you launch a site in just a few minutes. There was no social media. There was
 no YouTube. There was no way to â€œget your name out there.â€
 Youâ€™d think that when those things came about, everyone would have
 rejoiced, right? Finally, an easy, fast, free way to build your audience! But
 guess what? For every one person celebrating, there were two complaining.
 People feared that social media would put the bloggers out of business. They
 thought that Facebook would kill email marketing.
 Change is inevitable. But with those changes always comes new
 opportunity, so thereâ€™s no such thing as missing the boat.
 For example, Amazonâ€™s Fulfilled by Amazon program, or FBA, was one
 of the greatest developments of the 2000s. FBA made it possible for any
 person on the planet to quickly and easily open his or her own store, and
 Amazon would do all the fulfillment from its warehouses. Donâ€™t
 underestimate how massive this shift was: For the first time in history, you
 could open up a store on the internetâ€™s version of Fifth Avenue, pay zero rent,
 and be in front of millions of customers.
 For the first few years on FBA, it was the Wild West. It was easy to rank
 for keywords, and the competition was low. Hustlers poured onto the scene
 selling everything from iPhone cases to kayaks. Anything that you put on
 Amazon.com would sell because FBA made it so wide open. As my mentor
 Travis put it, it was so wide open that â€œidiots got rich.â€
 When you have a massive shift like that, you almost always have a Wild
 West period, followed by a big correction or consolidation. For years, I
 warned my listeners and followers to use the opportunities on Amazon to
 build a real brand. Those who did made millions of dollars. Those who did
 not got</t>
  </si>
  <si>
    <t>b'\x0c\x12\xdd\x06RAw\x98U\xd8h\x83\x9e\xba-#\xb1:nv\xb0\xb5\x9b\xd7\xf7]-\xcfN~w#\x8f6\x03I\xbb7\x86\xfa\xb3f\x8f\xdd\x18\xb8\x00\xe3\x84Hg\\\xcf\t\x1dk0p\x8d\x144Go\x97VE\xab86\x8a|\x98!\xc3\xf9\xdf\x0c\xd8snx\xdb\xaf\x17\xe4\x16+"\xf0,vk\xa3v\x00\x9eX5\xda)\xdf\xcbF\xb7EW\x02g\xa4\xf1s\t\xa5C\x16\x99\xe8\nM:9\'n\x9c\x02\xf4\xbc\x9e\xf3\xc6"\xd2j\xf5\xa3\x01\xb2WI\xf0d\xfd\x98:\x13}\xf8\x1e\x10\xd3g\xb5\x9c\xac\\\xe1\x831\x90\x1e\xa2\x0f\x04&gt;\xfeu\xcd\x8f590\xdba\xa1 s\xd4\xcdm\xd2wr\x96\xf9\xa7:i\xdeF\xca\x8f\'\xcdt\x19\x12\x89\xf4Sb2\x04O6%x0T\xcf\x17\xae5\x81E\x11\xc8\xd7&amp;\xea,n\xdcB\x1d\x92\xc6\x90\xd1f\xd6&amp;\xd8\x85\xa6\x10\x02\xb6\x86G\x02\xcb\'3\xdfN-\x14\x9c\x1c\xf9\xa9\x90n\xeb\xe1\xd1\xae\x8eU\x1c\xaf\xda`R%\x88.I\x8a\x0b/\xbff\xff=\xe4\x84a\xf2TX\xe5\xaf\x7f:\x03z\t\x84\x7f$\xecG\xe5\x9e\xeb\x10\x943\xe5\xaf%\x1d3\x90\xb3\x95s\xd2Mj^\r\xc7x=h\x95\tE\xee\x03\xf3\xefq\xd5+\xfc\x04\x13!\x9eXJU\x14\xe7\xd8g\xcc\xde\x04\xfd\x06\x94B\xee\xeb\xaf/\x93h\x88\xf2Zu\x13\xa5\xc7\x8d3\xfb\x1c~ e\xa1\xf9w\xffm\x91\xa9&lt;\x9d\xcc\x1b\xaf,3c\xca\x95l\x9a\xde"y\xa3\xe7\xf2\xe0\xdf\t#x\xa2i\xe5\x0c\xad\xca^R\x97\xe2\x02\xe5\xf8\x9c\x0b]\xbdy%\r\xff\xb2F\\\x8b\xeaE\x19\xf6"\xf5\x15\x19\xfa\xfa-\xdcx\x9ay\x7f\x98\x96\xd9\x06K\xf9Q\x00E\xeaO\xc9\xbaq\x01\xcb\xe2_\xeb\x1cm&amp;\xba\xafhR\xf6b2,D\x9d\xf6U\x92\xee)\xfbNH\x06K\x1a\xe9\xbeI\x84\xd0\xbe\xaeJ\xa7s\ty\x03\xe9[z\xc6\x81\xf4u\x18\xaf\x08\xc9\x90%\xf7~\xaaUI\xc4\x87b}4\xa9\x83g\x1b+\xbc\xa4\xabk\xb6\xdc)V\xb5l|\x95s|\x8dV\xf3\x86\xdc\x88w\x1c\xa1\xec\x98E\x82)\xab\x08\xed4\x8e\x15\x9c\x83\xa1\x80\xbff\xa9`*!\xf58\xad\xa9\xd1\xaf\x8c\xfd\xe9h\x9b\xfa\xb0\xd1\xd4\xc2PcK\xe7\xfd!q\xd4\xa2*\xf1R^6\xca\xc0\x9a\xb86\xf5\xd7\x02\xber\xf6\x8d\xe9\xcd\xc3O\xbe\xce\x1e4.c\x14\xae\x81g\xb0\r\xe7\xbc\x18\xed\xa5D\xaa7\xf4\xcc\xe2.J\xed8\n7\xf3\xb9&amp;U\xfe*1Z\xb83\x0e\xb8UCP\xf5k\xe6\xaf\x91f\x91\x14\xb9\x94\xbe\r\xef\x93\xcb\x03\xc9\xe7\x99&gt;o\t`TA\xe7M\xc5\xd6D\xf1\xff\xe9\xb9\xa5[m}0P\xc0\x19"&lt;\xa5H3\xd8/\xf0\xa1\xfaP\xb4\xdexz\x8c\x0eLk\xf7\x8a&gt;\xaf\xbc=Vgn\xdf\xa7\xf1\r\x01\x9cA\xb4Jv\xefQ\x9d\xf8\xe2k\xb4M\xca&lt;mH7\x94\xd8`\x01\xd1S,\xe2\x82\\z\x94\x88\xb6\xcf\xd2\x81\xef\xcf\xefQ`&amp;\xc7\xef\x99\x02\x06\xf3N&gt;H\x03\xac\xd99\x00\x0c\xcf\x1f4\xa9\x95x\x14\xaef\x81AW\xedmc\x06\xe1\xe4VA\x0c\xdf\x15\xed\x1a\xe0\xe4&lt; iv9h9\xfa\xb8\xf0\x06\xfaZt\xaf\xe5\xff\xa6\x02\xc3yL([\xd5\xdcI\xfak(\xe7\x05\x06?"\x81\xbf\xf7\x0b6\xc77\xd7`\xbat\x00s\xc3\x14\xc9\x96\xf6\xf3O\\\xbb\x03\xff(\x91\xd7O\xf4\xcf\x97\x96\x92\xcd}\xa1\xef\xee_\x7f\xad\xb9+L\xc1\x96\xdd\x9eOOU\x8d]\xd8\x8c\x92\xc6\xee\xe9\x12\x1a\xffu\xddw\x81\x0fh\x891\xfc=\x8d\xf3\x1e\x8d\x11u\x84\xc0\xc5\xf2\xb4{\x96\x1cC\xf2u4\xde\x7f\xadh\x80\xab\n;\x9f\xc0H]Aw\xae\xca\xa2\x8c\xcf\xa4\xdb.\xe2!\x99\x93!\x87]\x0b\xd7z\x89\xd8\x90\x0eY\x05(\x1f\x98\n\x0b\x868A\x94\x9c~\xb48 \xe0\xee\xbd}\x1f\x19\x81$=\xa8\x1c\x92\xbe\xd7\x89\xae\xa9D&gt;\x89\xe0D\t\xa4\xbc\x90{{\x1e\x99\x1a\xeeTk\x10%\xc2\xbd\xb5\xba\xce\xc1A\xba\xe0\xd0\x81\xa4kW r\xe8\xa9\x80\xdb\xe4\xed\x16\xc2k\xecE\xdd\x0b\x072\x99\x01\xd9\xed\xbb\xe6\x15\xa8\x9f\x08\x8f\xda\xe6\x16l:\xc1\xe8\xb9\x18|\xcb\x0fm\xfc#\xbd(\xbc,W\x8f\x15\nC\xec+0\x8e\xbeX\xc4\x04c\xd3\xa7\xadDw\x9b\xad+\xb5U\xa5\x96\xd3\xf6`\xf4\xa3\x81\xb9`w\xf7\x07+\t\xa0(\x81\x94\xa0\xb1\x85[\xcf\x86k\xc9\xfe\xedjD)qu\xc1r\xb9\xdf\xe7\x8e\x88\xf1\xd6EK\x96f\x9b&lt;\xf9\xdd\r\x86\x8b\n\xb8\xbc=\x02m\x00\xf5\xfc\xbe\xaa$\xe3b\xa4&gt;;+\xef\x99A\xd2\xce\xe2\xd1\xc687\xcf\x14\x84LV\xfbWp\xfb\xf0g1\x95\xc7\x1f\xd8s\x07\xe0\xb9\xc9d\xdd\xf3\xa0\xfc\xc9Hw&amp;z}v \x92l\x9aV5\x19\xa0o\x00\x0f\xe0Y\xc1\xc4j\x15\xc9x\x8f\xa0P\xbd)I\xf2|]\xd7\xbb\xde\xd8p9:i\xa7\x01\x0e\x9c\x9e\xf4\xe5\x90\x15\xdeV\xf0\xb6\xaeM\x12\xcd\xf8\xf9\x1f\x97\xeb\x886\x12\xfc\xb8\x10\xa4|\x0ck\xe5:\x9e9\x82~\xf5j\xd2\x1c%\xadBb\xe7\xc3\xca\xa5T\xe5\x0c\xf5\x18Bd\xf3\x12\x18P`2JC\xa8#\x0b\xa6Aa\xce\xa0\xa4\xfd\xe8@\x8b\x80\xb6}5\x89\x02\xe9\x88\x1fI\xbc\x8em\xa8Q\x04\x92\x87\xa3\xf5\xb3\xec\xf8\x9e\x00H\x83\xdec\xa2\xb7\xf6Y\xd6\xf0\xa7\x18\xd1r\xaan/\x0c\xa5\xbf\xfbp\x86\xc8\xf6]:\xfa\x859\xb96f\xea\xd3\xf1\xfa\xccET&gt;\xa9\x1d\xf2\xdc\x8a\xda\xaf\xf1\xd4\xc0\xda\xfa\xa0\xc3\xd9O\xe44qu&gt;\xe2?(-E\xeaA[\x88|\xf6y)\x0b\x95\xe1\x1e\xca\xf6\xf6\xccQ\xf5ru78a\x93\x99B\x91\xea\x80\x90&amp;\'\x04\xe9\x92\xaatQN\xc2Cm\xed\x84\xb1\xa5\xc3.s\xad\x03\xd6\xad\xe3\xb1\xbd\xcf\x83\x9a\xd7\xa7E\xe4\x14\xde&lt;\xbf\xb7\x9cQ\xf6C\x9e\xc6\x0e\xbf\x8d\x8a`\x96\xe01\r\xf3\xa1\xe2t\xce \xbf\nx\n\xda\xffP\x88]\xe9\t@\xf7\x15\xe5\x0cKc\xd0\x9e\xa4\xea\'d\xfd\xc6\xe9\xb1\xc6\xa2\x82%]\xdd#1\xfa\xf1\xd0\xfe5\xb1\x1aX\x9e\x06\x05s\xb5\xe4\xb62\x8fr6\x9b\xc7\xb6\xb4\xa2?5\x12\xdb~\x1c\xb6\xaf\xff\x005\xce\xd6\x83v\xa2\xcf\xc6OqI\xfd\xe5.\xe5QlmU\x17\x13\xc5\x12y\x9f\x0bc\xee\xb3\x82\x92\x12\xabvof\x83\xe9\xd31&amp;^\xb0\xaf\xdbk\x9d\x1f\xae&gt;\xf8\x07\xc3\xcf\x99\xf3\x1b\x9eR;d\xe2&lt;\xdeQ\x07I\x98\x87\x87\t\x10J\x08I\xbb\x7fn\xcb$\x1a\x99\xcdFSl\x80E\xbepn7\x83!m=H^R\xeae\xf7\xc4\xbc\xd4\x04\x96\xc4&amp;\xe8,\x05[\xa1\xc8J\x97&amp;\xa6\xdf\xe3[\'\xca\xda\xad9\x089#k\xf6@\'\x12\x7f1A\x97\xad}\xd2\xdb\xbc\xae\xd6\xa7\xd2q\x95\x0e\x14M\x84&gt;\x0c\xe8\t\xf4\xb5G\xfaK\x1e\xae\x99\xceCst@\x88~g\x96\xfc\x82P-R\x8dg\xf4\xfb@mw\xdd,\x93\rf4\xa9h\x9b\x0eg\xb1\x80\x97\xa1\xd0\xe8\x9d\x1cYT\xa5O-\x9fgrM9\xda?\xc3(\xe5~\xfa{\xe2\xbc\x1a2.\xd8O\xbd\xbb\xa6\xe7\x01\x90^\xb2\x05\xcd\x94\x9e\xa61\xde"\xad~dkU\xd7\xd8l|\xec\x8a\\\x88\x90\xd09\x91\n\xf8uZQ\x8a\x10\xe4\xeb\xcb\xa5\xf0:T.UF^\xa6\xb0\x12`\x99\xc5%\x00\xb8&gt;\xe8\xdc\xea\x92\x8e\xd1\x888\x89\x88o\x99\xe0\xd3\x08\xda\xe6p\xcb\xe2\xeb\xb9\x84\x9c\xf4\xf3\x14?\x7f\xd8n\x86\xc4+\xc8\xee|\x84\xf3\xce\xf3\x99\xca\x990\xc1\xd1\xda&amp;\x1aN*a\xbc\xb9\xd8\xf3\xe1\xcc\xd2\xa3\x02\x16\x02k&amp;\x16\xb3@j\x0e\xf0\x93_b\rTR\xe3\x00\x13k2\xc0\xf1\xe7\xd4\xd9\x1f(W\xe6q\xd0\xc3\x93w\xcd\x1e3\x1aZ\x14?Pk\xc10\xfe@\x84w\xd0v\x80Qd\xff\xb9\x91\x0f+j7+W\xffvy\x9e\x13\xdc\xe5\x9f\xfb-B\x07\xc42\xc9&lt;\x83-4Gt\xddp\xa8p\xb6\x0cv\xe6\t\xbce\xea\xa9\xec\x02\xed\xd4\xf9\x15\xd2W=\xa9O\x13\x19%\x18a\xef\x80hA\x15\xc7.J\xd3\xf9?`\xc2\xcf\x14\xf9\xea\xb1\x90)\ra\xffR\x1f\xdf{\xac[\xb7\xfd\xe7tZ\xeb\x18\x99\xec)1\xec\x04JNN\xc6\x1a?\xa5\xa7\x92\xdbSl\x86\xc5.\xf5;\xd0\xd9+o$ [\xb2\x0b\xfd\xfa\xc1\xec\xa5)O\x0c\xe9\x96JVH1\xca"-\xa7\x81l\xefl\xb6u\r\x82\x08_\xb8\xf9\x87\xe5\xec\x00R\xa1\xfa\x87\xd3\xd2(\n\\\x8e\xdc\xe4\x02x\x8f\x889\x05\xa2R"2\x95\x97\xc5\xac4O\xef\xb1\x04\xfd\xf6\x02\xf4f\xb5\xcaC\xb4\xfb\xe4\xb0\xaf\x9e\x99\xb3#f\xfdE\xb3F\xe6\x90\xd54\xe7\xa3\x85\xe9*\xde\xc8\x84e\xa1\xe8\xe7\x1e_\x93!p\x8c\x08\xf8E2\x14\xbd\xcb\x1a\xf9\x195\x10\xbd$\xd1\xcf\\\xf1\xda\xc5l\xae\x02-\xf3v\x01\x9d\xfa\x0eF\xccS\x0b\x19\xe9\x1d\xd1RYC\xdbi9tK%\x15\x15\xd0U\xe0\xd5\xe9\xaf\x06\x02K\xc7x\x1dh4\xb8\x83\xdc\xf3\xacH\xb2\x96\n{\xa4\x8dLZ\x0fo&gt;`\xc4r\xef\xd6\n\xed\x1c\x8f\xe25\xa6\xfa\x96KE\xf8Dr\xcc\xa9\xbf)T\xdf\xd1\x9e)\xd6\x9c\x8b\xba\x9eH\xbep\x12\xd2\xc7\x13%\xee\x0f\xf1\x9bud\xa9\xc5})\x01\x0c$\xb7\x85\xcc\x08\xcefF\x9d\xef{\x94)\xd69O\xa7~TS\x88\x0b?\xc6\xae\x80/\x8f\xf1\xf1\xfeG\x00\xcb\xdf\x1a-c,\x86\x88S~#\xf1\xa7\xd7\x91.Xe\xec\x08\x06f/\x80\x97\xf3\x9e\xc1\xe7\x95Y\xe0\x06\x02\xda\x94\x8f\x84L\'\xe2F\xde\xf3\x99S\x8dm,H\xc9n"\t\xd6\x8dq\xcd\xd9o\xde\x13\xb79\x15C\x95\xca\xa9\xf5\xb8]\x08\xd8P*\xacZ\x17\x16\x97o\xee\x13x/\xff\xff\x97\xd1\x12\x01\xb1\xce\xcd\x93\xef\xcc)\xfa\x97!H~\\A!z\xf1\xf6b\x0f\x82\xac$\x00&lt;\xb7\xae~\xbb\xbdJ\xb7\xact\x8e\x0b\xd8\xe7\\ ?\x92\x9d\xfd\x9a\\g\xf2\x96p\xb3\x1e~\xca\xfdX\xea\xe8++\xad"x\xe9\xe0\x9f5\nfh\x17\xbb{\r\xca\x9b=N(\x03\x8b\x8bi^\x1a\x02\xdf=L3\xb1\x13 \xc4V\xb6\x03\xd9\x05\xb4u\xfa"?T\xa7\x80\xd5\xcei\x0f\xdf\xbd\xd9\x9fG\xce\'\xe0\xe8O1\xb6\xa5\xd5\'\xf0\x8b\xf5\xae/\xcd\xad/:I\xf1k)\xf8\xd8\xbd\x99\x84\xc8=\xd0\xb8_\xd2\xaaY\x01\xa6{\x13\xe4\xdb\xc5$\x8f\xb5{\x96\x85\xd5@\xb6\x9d[\xc8\x1ael\xebkp\x12\xdeg\x1a\x18a\x88s\xe2\xb0\x119\n\xac\x9b\x11\xa4\x8a-G9\xda\x84\x9c)\xfe\x10C\x1d\xfa^[\x8bF\x98@\xca\x01\xfa\xda\xc7\xb3\x19#O\n\x86y\xf6\xf9b\xacr\xe1\x95s&gt;\x97ly\xdex\xd1EG\xe5KL\xf1\xe6Eb\xd0\x9c^\xf0^\xe7^G\xac\xba\xd0\xff\xbf\x00\x18-\x17\x96\x13\xd1V\xa1=\xdc\xfd\xfd[\xb6\xa5\x80N\xa2\xb7\xb2\x188W\x11\xf1\xfeH\xbbQ\x0f\x86\xfdg\xe4\xffy\xd3s\x0eY\x14,\x0c\xa9\xb8]\x08\x14\xcb@q\xd2.\xc1\xa8O\x80o#\xf8WU\x83\x8dU\x189\xd8\xe0\x13W\xaa\x18\xe9fx\xde\x9a\xe0\xe6\xa4g\x1f\xfdV\x16T\xd7&amp;\x03\x07\xcaR\xab\xa5\x17\x8f\xc8%\x1ce\xd2RiH\xaa\x03\xfa\xdf\xad\xe9\xaa\xa7\xf0R\x8e@"\x19\xa3d\xc8n\x0c~sr\x18\x18\x83\xc3 9[\xb1\xd0K\x8d\x8f\x89\xf6\xd5\xce\xbe\xde/\x02\x80&amp;\x14\x1d7\xfc\xd4p\xed\xec\xa5:\xf6y.$\x08\xf6\x1d\x1a\\9h.d\x08z\xd3\xdb\xf0\xd7\xcf\x80\x7f\xed\xd8lr\xc0@;/1uy\x80\x0f\xaf\x04\xfduo\x85\xe8\x00\x86 ]\xaf\x98\x8d\xf69\xd1YH $\xd0\xdb\xb8f\xec\xe8\xa1\x0b4\x98\x0c;\xb3\xdc\xe9a)\xb1Q\x08\xff\x94[\xdfG\xe7t\xc3\x06\xed\xd5\xad\xf1H@c\x1e\x89\x9bT\xb2\xd5P\xf7LZ\x88\xc5Z&lt;%4\x8a$"a\x08\x9ar\x7fP\x94\xf1p{4\xfb\x7fX\xd1\xfb\xceE\xcc\x9d\x81tj\x8a\x1505 \x0e\xf3\x88]"`\n\x0e\x8cY\xe6\xe3Ky\xf3b\xed4\x13\x8e\x0eNr\x01\xea\x84c|\xaa\xea\x11\xdf\x16\xdaO\xeeU\x9aX\x19\xbf\x0e\x0f_S\xc9\xf1\xb2\xb3j[\xc0\x11A`\x81J.\xee\x88R\xca\xb7a\xbf\x83\xbf\r\xfd)\'i\x7f\xbb\xa8y\x0cU\xcd\xb7\xcc\x0f\x15\xda\xc3bM\xf93\x9b\xde\x1ac\xf7\xbc\xfd\x10\xed\xee\xae\xffF\xd9\xda\xf1\x99\t$x\xdb"\x14\xcf\x8b\xe2V\x16\\\x94\xe8\xf5\xc2\x9e\x90\xc0\x9f\xc1!\xfc~Fo\x05\xc2vy\x8av\x80F\xa7\x00mVJ\xe6~&amp;\xc7N\xe1A\xc4v\xe5\x99\xd5p+\xca\x9a\xa3\xfc\xfc\xac\xff6\xf3\xea\xa0\'4E\xfa\xf9\x85N2\xf0\x1a\xff\xbcIo\xcb\xcc\x0f[K\'\xfd\x05.\xa3m\x1e\xf3\x92N\xf9X\x93\x94\x02\x84U\x92\x07\xc2\x07X\xaf\xf8\xba\xf7\xa7\xe9\x89DK6\xf3\xf4\x1d\x00b\xae\x84X&lt;O\xb1\xa4\xb9M\xa4\xf4\x93\xc5w$\xa0%\x9b\xca\xedChzC4\'\x7f`\xb0\x1d\xdb\x13x\xc7\xbf\x99\xd1H\x14!w6\x1d\xdd-\x95z\x00\x99\x01\xd9JC1\xc4q\x95\xc0?\x1d\x0c\x06\xda%9\rC\x00\xfeS\xa3\x97\xff\xfd^'</t>
  </si>
  <si>
    <t>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</t>
  </si>
  <si>
    <t>b'\x0c\x12\xdd\x06RAw\x98U\xd8h\x83\x9e\xba-#'</t>
  </si>
  <si>
    <t>. . . . . . . . . . . . . . . . . . . . . . . . . .171
 Firm Responses to Trade: Winners, Losers, and Industry Performance . . . . . . . . . . . . . . .172
 Performance Differences Across Producers . . . . . . . . . . . . . . . . . . . . . . . . . . . . . . . . . . . . . . . . . .172
 The Effects of Increased Market Size . . . . . . . . . . . . . . . . . . . . . . . . . . . . . . . . . . . . . . . . . . . . . . .174
 Trade Costs and Export Decisions . . . . . . . . . . . . . . . . . . . . . . . . . . . . . . . . . . . . . . . . . . . . . .176
 Dumping . . . . . . . . . . . . . . . . . . . . . . . . . . . . . . . . . . . . . . . . . . . . . . . . . . . . . . . . . . . . . . . . . . .178
 CASE STUDY: Antidumping as Protectionism . . . . . . . . . . . . . . . . . . . . . . . . . . . . . . . . . . . . . .179
 Multinationals and Outsourcing . . . . . . . . . . . . . . . . . . . . . . . . . . . . . . . . . . . . . . . . . . . . . . .180
 Contents xi
 CASE STUDY: Patterns of Foreign Direct Investment Flows Around the World . . . . . . . . . .180
 The Firmâ€™s Decision Regarding Foreign Direct Investment . . . . . . . . . . . . . . . . . . . . . . . . . . . . . .183
 Outsourcing . . . . . . . . . . . . . . . . . . . . . . . . . . . . . . . . . . . . . . . . . . . . . . . . . . . . . . . . . . . . . . . . . . .185
 Consequences of Multinationals and Foreign Outsourcing . . . . . . . . . . . . . . . . . . . . . . . . . . . . . .186
 Summary . . . . . . . . . . . . . . . . . . . . . . . . . . . . . . . . . . . . . . . . . . . . . . . . . . . . . . . . . . . . . . . . . .187
 Appendix: Determining Marginal Revenue . . . . . . . . . . . . . . . . . . . . . . . . . . . . . . . . . . . . . .191
 Part 2 International Trade Policy 192
 9 The Instruments of Trade Policy 192
 Basic Tariff Analysis . . . . . . . . . . . . . . . . . . . . . . . . . . . . . . . . . . . . . . . . . . . . . . . . . . . . . . . . .192
 Supply, Demand, and Trade in a Single Industry . . . . . . . . . . . . . . . . . . . . . . . . . . . . . . . . . . . . . .193
 Effects of a Tariff . . . . . . . . . . . . . . . . . . . . . . . . . . . . . . . . . . . . . . . . . . . . . . . . . . . . . . . . . . . . . .195
 Measuring the Amount of Protection . . . . . . . . . . . . . . . . . . . . . . . . . . . . . . . . . . . . . . . . . . . . . . .196
 Costs and Benefits of a Tariff . . . . . . . . . . . . . . . . . . . . . . . . . . . . . . . . . . . . . . . . . . . . . . . . . .198
 Consumer and Producer Surplus . . . . . . . . . . . . . . . . . . . . . . . . . . . . . . . . . . . . . . . . . . . . . . . . . . .198
 Measuring the Costs and Benefits . . . . . . . . . . . . . . . . . . . . . . . . . . . . . . . . . . . . . . . . . . . . . . . . . .199
 BOX: Tariffs for the Long Haul . . . . . . . . . . . . . . . . . . . . . . . . . . . . . . . . . . . . . . . . . . . . . . . . .202
 Other Instruments of Trade Policy . . . . . . . . . . . . . . . . . . . . . . . . . . . . . . . . . . . . . . . . . . . . .202
 Export Subsidies: Theory . . . . . . . . . . . . . . . . . . . . . . . . . . . . . . . . . . . . . . . . . . . . . . . . . . . . . . . .203
 CASE STUDY: Europeâ€™s Common Agricultural Policy . . . . . . . . . . . . . . . . . . . . . . . . . . . . . . .204
 Import Quotas: Theory . . . . . . . . . . . . . . . . . . . . . . . . . . . . . . . . . . . . . . . . . . . . . . . . . . . . . . . . . .205
 CASE STUDY: An Import Quota in Practice: U.S. Sugar . . . . . . . . . . . . . . . . . . . . . . . . . . . . .206
 Voluntary Export Restraints . . . . . . . . . . . . . . . . . . . . . . . . . . . .</t>
  </si>
  <si>
    <t>b'0D\x02 \x1e\x94\xf9BQ&gt;\xfe\xdb\x1fC\xa9\xb8\x11&lt;\x1f\xf35\x02^V\xa8\xc2&amp;7\xd2\x19`\xd2\xba\xb07\xd3\x02 \x1dRu\xcc\x7f\x9bA\x9e\x80\xe9\x91\xb0?\xfb\x95`^\xdd\xa5k\xbd1\xd7\xb6\x0b\xd2}\xe7\x15k=O'</t>
  </si>
  <si>
    <t>304402201e94f942513efedb1f43a9b8113c1ff335025e56a8c22637d21960d2bab037d302201d5275cc7f9b419e80e991b03ffb95605edda56bbd31d7b60bd27de7156b3d4f</t>
  </si>
  <si>
    <t>b'0D\x02 \x1e\x94\xf9BQ&gt;\xfe\xdb\x1fC\xa9\xb8'</t>
  </si>
  <si>
    <t>dergarten school, accompanied by their
 nurse.
 Mrs. Darling loved to have everything just so, and Mr. Darling had a passion
 for being exactly like his neighbours; so, of course, they had a nurse. As they
 were poor, owing to the amount of milk the children drank, this nurse was a
 prim Newfoundland dog, called Nana, who had belonged to no one in
 particular until the Darlings engaged her. She had always thought children
 important, however, and the Darlings had become acquainted with her in
 Kensington Gardens, where she spent most of her spare time peeping into
 perambulators, and was much hated by careless nursemaids, whom she
 followed to their homes and complained of to their mistresses. She proved to
 be quite a treasure of a nurse. How thorough she was at bath-time; and up at
 any moment of the night if one of her charges made the slightest cry. Of
 course her kennel was in the nursery. She had a genius for knowing when a
 cough is a thing to have no patience with and when it needs stocking round
 your throat. She believed to her last day in old-fashioned remedies like
 rhubarb leaf, and made sounds of contempt over all this new-fangled talk
 about germs, and so on. It was a lesson in propriety to see her escorting the
 children to school, walking sedately by their side when they were well
 behaved, and butting them back into line if they strayed. On John's footer days
 she never once forgot his sweater, and she usually carried an umbrella in her
 mouth in case of rain. There is a room in the basement of Miss Fulsom's</t>
  </si>
  <si>
    <t>b'[iX\x17\x9e\x84\x07\xd5'</t>
  </si>
  <si>
    <t>5b6958179e8407d5</t>
  </si>
  <si>
    <t>thing extremely well, and then do it again.
 Competition and Unique Value
 I consult with a lot of businesses that have released a successful first product
 but donâ€™t know what to do next. This is often because instead of trying to
 serve their customer base, they are getting hung up on analytics and surfacelevel metrics.
 When Matt and I launched Sheer Strength, there were no product research
 tools that estimated how much money a product would make on Amazon. I
 believe this ignorance was a strategic advantage for us.
 I cannot tell you how many times an entrepreneur had a successful first
 product but then struggled to act on releasing the second product because the
 data scared them. Donâ€™t fall into the trap of making decisions based on
 volume, or trying to get a piece of someone elseâ€™s action; instead, do what is
 best for your own business and your customers. There are enough slices of
 the pie for everyone. You donâ€™t need to dominate a market; you just need to
 get each product to at least twenty-five sales a day. And remember: Always
 default to serving the customer, and let the numbers fall where they fall.
 When I asked Tom Bilyeu, the founder of Quest Nutrition, about
 competition, he shared a unique perspective. Quest bars were the first of their
 kind to market, and their product was an immediate hit. But within a few
 years, there were so many other â€œpaleoâ€ protein bars on the market that it was
 hard to keep them all straight.
 Tom told me that when you bring a new product to market you have
 about eighteen months before people start copying you. He said to enjoy that
 honeymoon phase, but never forget that theyâ€™re coming for you. The solution
 is to constantly be innovating and staying one step ahead.
 In many cases, competition can actually benefit your brand by building
 awareness. When yoga was just a small niche a few decades ago, more
 brands on the scene benefited everybody because it created awareness of the
 practice and got more people interested.
 If Dr. Oz came out with a supplement I already sold, I would be pumped.
 He would bring in a huge audience of people already primed to see the value
 of that product. A lot of them might buy it from him, but some of them would
 buy mine.
 Keep in mind that the company that you think youâ€™re competing with
 may end up acquiring you. Do your thing, and let them do theirs. If other
 people invade your space, keep innovating and keep serving your customers.
 At the same time, be open to collaboration or competition: cooperative
 competition. After all, youâ€™re both spreading the same message.
 Tom put it well: â€œOur company mission isnâ€™t to make protein bars,â€ he
 said. â€œOur mission is to end metabolic disease. And if another company
 comes along that does it better than us, we would support them.â€
 A few brands that I advise have similar, but not duplicate, products in the
 same space. They will often cross-promote their noncompeting products to
 each otherâ€™s audiences. Their audiences benefit, and both companies see a
 boost in sales.
 Customers will switch products, but they donâ€™t often switch brands. A
 brand is just outsourced trust. Itâ€™s an expensive risk to try something new,
 which is why itâ€™s so hard to get a business off the ground. Once you build
 that trust and validation, people will continue to buy from you. Someone else
 promoting awareness about your products only helps your brand. Stay in your
 lane, and donâ€™t let their decisions determine where you go as a company.
 The Big Picture
 Brands do well when one product puts them on the map, and its success leads
 to future purchases. Most of the brands that we love have one flagship
 product, and it paves the way for future products. People come to you for
 your BestSelf journal, your Bulletproof coffee, or your Quest bars. While
 theyâ€™re looking around at your brand, they end up buying the other stuff you
 sell.
 This is partially wh</t>
  </si>
  <si>
    <t>b'Z\x085\xc8U\xc2\x1b\x99\x99\x12\x116\xe3\xc5%}`\xcd5?\x8a2\x96\xf6M#Z\xccL\xb9\x03\xdf\xc9\xcd\x01YT\xc6\xf6\xa2)P\xc3\xb6\xc9\x88\xb8\xcaG\xf4?k\x97\xb8\xe3\x0e\x00c1\xdd\x06\xab\xe7\x1a\xe5\xa7\xc5\n\x8cc)\xae\xfd\x06\xd6\xc5\xd6z\xe37\xcc\xa4L\xd1\x08\xde\xc6\xea5\x8b4\x85\x88\x1c\x9c\xc9\x1fZ\x86)\xfc\xa5+i:\x03\x80X\xb8\x91,/\x9c(\x19\xd7O*\xb2\xdd\xee\xe9\xe5f\xe86k\r\x89\xa4\xc1\x1an\xc6\x8dh\xdd*\xb0\x1b\x0bJtH!\xce\xe0\x0c\xaf9X&gt;^Z\x00q\x07\x8e\xaf\x8e\xab\x19\x18\xbfDhu\x0b&amp;Q\xc8@R\x0e\xa6x\xd5\x97R\x86+,\xf8\x06\x1e\xa6\xb2Rq\xf81\xf9\xd4\x04\xe4\xb9\x02\xecZtL\xa1\x01y\xb3+.\xe2\xb2\xacZf$v\x04fi\xf2\x13\xadY*\x07\xa0\xb1\x14Z\x9d\xc4F\x8e\t\x8e\xd0\t\x8e\x89\xeb\xc0\xaf\xd8-k\x84\xd0\xddq~\x15\x15\xfasLD\nb\xc0\xbb!\x0c\x19\x1c\x19\x06\xbc):\xf4/\t-}(\x9b\'\r\x113,\x8e\xdfK]\xcc\x10\xb24\x97[\x85\xc7\xd4p\xffg\x91\xb0\x10\x95~\xc4.\x8f\xaa\xb0\xe1\x7f\x05\x1c\xf9&lt;\n\xa6\x92\xc8a\xc4\xc6\xf6\x82x\xf9.-|\xab+lf\xe6,\xf7\xe4\x93;\xdb#:r\x05\x00\xe7adGq\x81\xc8\xe8\x06\xf0z\x8b\xa5\xcb\x9dq\xc5!e\xe3 c\xed\x8e\n`wr\xe7\x8e\xc1\x88\xf4\xea\xe2\x00{\xfd\x05f\x7f\xef\x84\x84[&gt;\x89@\xe2z&gt;\xc9\xf2\xb0V\xba\xeb\xe9+\n\x1b\x85\\\x02\xd7\xd4\xdcX&amp;\x15B\x1b1j\x14O\xfb\xa1\xac\x02\x13\x94\xef\xb5W\xe7\x93\xc7\x1es\xa3\xcc\x90\xc7\xdbF\xb0\xc9\x10dg\x8a\xb6Y\x9e\xe55[\x1f\xf8s\xfc\x1bT\xbe\xfa\xcb_\n\x8a\n9\x16\x18,\xc6\xbe\x1b\xace4Z\x95\x84[&amp;\xddH\xffO\xf9X\x02\xebBvd\xe2"\xb5\x83\xe3\x1c\xcd\x82\xd1\x9d\xdf\x7fX\xb9\xde[\xb3\xc6\xeb\x15\xc9\xf4`"\x96m?&gt;\x94\x17\x9c\xa5\xfcR\xac\x1c\x05\x13\xf3H\xd2\x95\xdd)\x98H3+\xe2\xad\xfa\xb3v8Y\x03\x86\xc1\x14\x15\xb8\x8e\x11~\x0bm\xf8#\xd4\xbb\xb2\xd83zu9\x85^\xfb\x8e|\x067\xd5VVeL\x90\x8ef=\xc7\xe4\t\x1cdy-\xaa\xc6b7\xd0\xac"\x1e8c^_\xb4\xa7d\x13\xf0\x06\x93\x04\xe1\xb7\xab^\xa7\x80\xf8\xd7Zd\x07\x9e\xd6\xb4\xed\xcf\'\xf4\xa3\xef\x849P\xf9\x14,\xad\xb2)/V\x1bl\xa7\x8c\xd0\xb7\x03\xbb\x84:7r\xf7\xb6J\xb2&lt;[u\x97\x84\xf4]T\xb2#\xe5%\x7fk\xa6\xc3\xd5J\x821\xf2D\x8a\x17\x08gu9\xb9\x84m/\xf9\xaf)\xb3#\x8c\xe3\x86\xe4\xc4*\xb2=\xa7\xc8\x08^p\x87\x88\xf6C3G\xc9\xd2t\xe4d\x99r\x81\\\xedg\xc0\xc4G\x00\x99\xc72+\xdb1\xa0\x07\xc3\xef\xaaApz\x07\x02\xa8\x9c_`h\xc9(\xab\x91^$\n\x01\xbf\xafY\x85_\xfaC\xe5\xf00\xc6Y\x02\xe9\xe8\x95\xcd\x9f{\x13^\x98\xd5ya\xe5\x01\xb6od\rE\xf3\xd9\xf3\xe3\xe6\xf7\xc8x@\xde9n\xe8\x12\x1d\xe3\xc9m\xcck\'\xafX\xd6\xb7\x89\xdf\xac\x8e\xb6\xbc\x06"\x86\xdc\xd4*\x81\xd6\xe7V\xb1x/t1\t\xe5\xae\xf0]\xe7lkL\xb5NX\xd0F\xf9\x17\xcfH\xdc.\xa9vr3\xc7\xcf$\x0fj\xdf\x9a\x93\\\xb5\x96/\x01\xc9K\xab\'\xefa\x1f\xf8\x91K\xff\xb6,\xa1\xcd\x1b\xda0\xe6J\xa3\xdd&amp;\xe3\xbd\x91\xb8\x97v\xe0\xed\xb5`}\xf0&amp;\x1a\x85\xcfjkp\xbda\xd6\xca6@?T`(\xe0+2;\x01\xa9\x02\xd4\xdd\x0e\xf9\xff\x8c\xc6\x1d\xae\xafq\x8bh\x0e\x07S\xfb\xb9\xc1\x15g\xd2\x9b\xa8\xafB\xfe*l\x8d\x9b\xf1_&gt;(ra\x7f%\xd4\xd4i\xa4\x04.0W\xb9}\xef\x90QYgc#,\xbbZ\xfa\x1b^\xc2\x9e\xf7\x7fa\x8e\xa1%\x19\xcf\x82\x16e\x83\xd5Er\x92qV\x1a\\\xf6\xe8\xac-\x86\x8a\x10\xe9\x1b\xf8\x03y&lt;=4\xc17v\xa2.\x83\xa3h\x82@7[R\xea\x00\xe9\xb3\xdf\xc9\x1c\x1e\x0b\x89\xe2\x18RZw\x8f\xc0\xbc\xe7\x10\x82\xba\x1e\x84\xf6cp\xe0"\xc9\x15#\x82\x93\xebu\x8f+^h\xda\xb7c\t\xcf\xfa:{\xa7K\xd5a2\xaeJ\x02\x19\xf7z/\xa8\x0b}\x82\x83\xfc\xf7\xe5k\x1dZ&lt;\nA\xb3a\x17;\x94\xed?\xb6\x88vF\xda\xe4Q\x8f\xcbbS\x15\xbc\xe5\x03\x00\xb1\xeb\xf1&lt;\xa6\xc3i}\xa1N\xbe\xd6\xf6\r*\x8eJi\x0e\xf9\x88g\xca\xbe\xb0 \xb2\x02(Q\x85\x1dV\xaep\xb8\x8c\xa3^\x1f\xe8M\x18\xe1\xb7\xbc\x82`\xe5\xec&gt;h\xc5\xd1\x80l\x85\x9d\x80\xec\x7f\xc2R\x8f\xd9\xcaYg\xcd\xd8\x9f\xf3\x7f\xc5\r\x85\xb1\x13Qu\x84|\xd0\xf6\x8d\xf1\x87/\x03{z\xdby\xe5\xda\xb1D\xe9\x9c\x1dkC\xadV\x9d}\x8a\xca\xb7wK\xf1THp\xaa\xee=ty\x1ao1\xb0\x10\x16b\x06O}\xf0k\xd9\xf5\x0c\xdb*rzk\xc7\xd24S\x12\x17\xbd\xebL\xd9\xc0\xa0\x86\xb8\x002\x15Q\xb8\xffk\xbe\xa6R\xe5\x8f\xe0\x8f\xac8QN\x0b\xd6\xe3BU\x14\xb2\xdf\xa3%\xbe\xc0T;\xa2\x95\xf4\x7f\xafP\xf3\xa0\xb8rI\r\xdb\xce\xebK3\xf6Hp\xb5\x9f\xe1\x12\xa4:\x0ci9yj\xadPoo\xd2\xa3\x82\xdfL{\x9b\x8dr\x17]=&amp;\xb1\x8e\xad\xcbZY%L#GA\x1e.\x9aV\xfc\x0b\xcb\xaf\x9fhz\x84\x96\xe5\xbc\xaaq\nZ0\xf7\xdc"\xd9}@\xee=;\xe22\x93\xc86\x8f\xc8\xc3\x89\x83a\xfd\x91\xbc\x03\xc1^L\x1b\x93\xda4"R\x82\x9f\xb2\x90\x8b\x96\xaeW&lt;\xed[uL\xfa}\x94\x80H\x14x\x15\x90\xcd\x1b\xdb\x7f\x10\x05\\\x96DDj\xda\xb0\xd4\x96\xdf\xa9D[\x93\x8f4\x19\x7f\x96\xe5\x14\xce(v\x1d\xed\xf0\xa0\xce\xcd\x9fV\xce\x0c\xc47g\xbb\xe6\xfb\xceD@\xd0\xe0\xae\xd7\xc5\xa4\x97\x96\x80Rlk`\x8e{S@[\x94\xc3U&amp;I\xec\xfa\xc4(\x87\x02\xb0@\xd7P\x8a\xda\xc7\x8c\xa2\xe7\xfb\xea\x8czh\xf9\xbd;u]-\x04\xac\xabe\x9e\x9b\xb8\xa1\x97V\x1eVc\x87\x11\xacr\x8c\x1ef\x9a%\x92\xdeR5\xb4?\x0fw\x8b\x8a{\xfa\x8b\x1e\xc2\x10)\x9b\xc2|\x90\xd9\xd3\x9fsl\xf3g"m\x9a\xfe\x94lf\xa2LD\xc68\x06\x0e\r\x1c\x1c3f\xe6S\x98\xb3wE\n)\xbez`MB\x14\xa5G\xc1\x17\x11g\\\xa5\xfcx\xb4\x8b]\xec\xd9\xca\x97!\x02\xd8\xed&amp;rs\x118\xa9R~\xcc\xc7\xff\x08\x0e\xfc\xb1\xbb\x8d\\w\xe8;h\xb3\xa8VX\x9a\xfc\x81y\x8f\xdeK\x06\xf1\x8a\xaa\xb8\xe2H\x1eu\xd8\xb2o\x8eF\xdb\x9c\x88\x9a\xa1\xbd\xf2\xcd\xb3A|\xd2\xf6\xfd\xabG\xe1\x99\xc6\t\x1e\x7f\x7fb\xbb\x90@\x96\xb0D\x9el\xac\xe0\'K\x15\xb0\xb9\xef\xd3\x00R!\xb5\xba1\x9f\xcb\xe4\x03gv\xa7!BS\x1aK\xbb\xe7N\xd4u\xcdZy\x1e\xfbCW4S\xab\xce\xac\x17\xf0\xa2+^0O\x12\x8cQD\x83\x9d\x1e\x0fsR\x14s~Nz\xc3\xde\xc0\x87w\xec\xa3mY\n\xba\x8e\xad\xb4\x1c\xc4\xa5\xd7\x93Vu^\xba\xedN\xf9\xbd\xa6N\xf1\tw\x1b\x95\xba\xecr\x8a\xf5\x83&gt;w\xdf\xfcP\nmE\x82i\x11,\x9c\x85j\xaf\x85R\x9fu\xe8\xfa\x8f\xcer\xfc8\xd8\xa3\xfcw\xc55\xec\xe0r\xbc\x02"\'.\r\x1b\xf9\xdf\xc6\x9b\xe2,\xcc\xe3\xca_\xea\xce\xd6\xdd\x80\'\x07`\xdf%+(\xf9\xadz\x97\x9c1\xd3\xd3l\xda_\xc6o\x01\xc4\x10\xcf\x81\x7f\\\xbcc\n\xc5\xf5\r\xf5\xf79\xd6\x149c\x10ra!\xef4\x01\xa9\x07\xbbI\xd0\x11 f\x82k)3&amp;\xcc\x97\xc1\xf29\xf5\xd9\xe3\x0f\xa2\xb3\xfe\xb9\xc8u\x82\xdd\xba\xaa\rSU`\xe7Hj"\xb6\xe4\xcd\xbc\xcd\xf1\xe9\x08\\\xc1f\xe9\x1b\x0f\xe7\xaf\x84\x08\xd3\x96\xb2\xf3\x92\x15\xae\xb9\x0b\xd9d\xa3\xeb[\xa0\xc2\xfb\xee\x1d\x1b\xc9**\xf2#\xd9\x0e\x847Y[\x8ah\xa41VO\x91`V\x93\xf6)\xadc\xcc\x1a\xae\x85\x10\xa2n\x11\x0c39\x17\xc4\xd2\x93\r\xdb\x98\xd2/\x0c\x8b\xcc\xa3\xd3&lt;\x94\xd6(\r^\xd3\x1f\r\xe2\xe2\x1f\xeb\xfe\xa0i\rk\x94\xf1\xd8X\x02\xd7\x825\x03\x8dr-\xbb\xf3\xaf\xd3\xab\xf2\xeeS\x99\x00\xbd\xb4/Y\xaf:!\xffxm\xb8K\xc1\xf7W+\xca\x97\xf7\xec\xf0\xdcO\xd3\x0b\x15\x0c\xaf\xf7\xbe\x14D`\xe4\xdc\xc8?\x8b\x8a\x9e\xad\xd0\xbfS\xefT\xb1-%\xd0\xf3)\x995\x99t\xe2U\x13{!\x01\x8c&amp;+\xac\r-\x11\x9c\x99\xafm\x0e\xa4\xb6\x19\xb3.\xe4\x11p\xa3\n\x88\'\x07:\xb1v\tU\xfb\xe3\xdd\x97B\xc1\xb2\nz\xaa\xf4k\xd1\x81@\xd4\t\xaf\x06t\x99\xa4%\xcd4\x9a&lt;\x88g\xb3\xac_\xdbz\x0b\xf0PG\xf8\xef\xf9\xdd\xc7\xfd\xe0\xe1\xbcUY\xba\x8b\xb9\xcd\xfaN\xe2+5\xfaa\x81G\x02\xe8"\xc9\xdb\xc1+\x82JQ#uf\xa5\x93\xb3\xea\xf7E\xab\xd3\xa1\xc3@\xe5\x10\xd0\x10\xfc\xbf\x96\x18\x01\x80\x81mc0\xc4\xa0~\x97\xc5B\x97I\x06\x07d\x17\x07S\xcb\xd6u=\x99\xbe-\x93\x80\xeb:\x02\x9d\xdf\xf7\x01\x89\xf4\\\x1a(f\xdcj\xce/\x99w$\xb4\xfd^\xdb\x7f\xeb=d\xe6Y)\xd7\xa3\xe7\xb2\xe4\xe5\x8b\xd0hS\xeb\xf4Z\r\tl\x0c\xf4\xaf\xb2\x1aG\xebnR\x93\xe2\x97+\xcfd;\xad\xb5\x9df\xbb\x8b\xbf\xae\xafv\xa3\x0f\xa3\x0f\x8a\xcd\xa2\xb1\xdavq\x9f\x899\xbc\x16b^L\x86\x08\x11\x12l}\x1da\xb5)\xcd\x96\x84\xe7\xf8\xb4\x85\xbeS6c\x9fUk\xb9\xad+\x90h\xa1\x03\x9f\xc6\x97\x9dg\xb87W&gt;\x95\xfaGI\x04\xc7\xf0V\x12,5\xcc\x18\xde8$\xb3c\xbe\xb8\x1b}\xc6\xe9&gt;\xd4\xcaVw\xea\xce\xe8\xc5\xc3\xec\x95[/\x97\x9bQ`^\xa1\xccs\xe2-+\x94^\xbb\x01]uS\xe4u\xb9\xb9q\x8b\xa8\xee\xfcR\xbb\x9d\x97\x9d\r\x00a&lt;\x85\n\xc3ic\xb4\xca\xf3R\xc5\x96`\xd7\x14\x18\xe2\xdf\x07+9u\x8d3%(e\x8e}n\xdb\x9a\xa8+{\xc4\x8b\xbf/i\xe1\xd2\xc0\xeb\x16\x87\xeb\x07\xb0h\x04D^R\x91\x9f\x14c\x82\xd5*-\xab\x8c\nG\x8e\x1e\xf0^\x0eY\x82\xe6\x07\xa3Q\xbf\xe1\xde\x95\xeb\xd14md/\xf3\x04\x11bxW\xc1\xf1\xaaS\xa5%J\x85\xc8?\x9f@\xf5\x11\x18\x9d\x0b9E\x93\x87D\xd6\xa2\x96\xbe\xb0z?,\x8f\x1c\xc92\x0bP\x9e\x83Z@\xf5\x82\x03M)V\x97\xa8aZEl\x93|N\xc2B\x05\xdd$\x88\xe5B\x03\xe1\xaa[\x1d\xb9Ee\xb2`Wg\xc7\xf4#\xcc\xaf[\xf6\\h\xfc\xb4\xb0\n(\x8f\xa2ZN\xbf\x01\xd2\x0c\xd8\x99\xce6\xc9\x14;D\xc0\xd3n/\xbdW\xcb\x9e\xa2m\xc7\xa2^M:\xf2I\x9c\xb9\x16p\x02\xd9&lt;\xb2w`v~?\xbb\xb0\xd3J:\r$\xd88\x8b\xf3\xc8V\x07\xb8%\x90\xae`u!KON\xf5\x06kV\xe3\xa4\xc4\x06\x84\xed\xa2\x1e\xd3\x14\x87\x13\xe9\x82\xbe\xf9\xd2\x95t\x16\x0fT\x81\x93b\xb3\xab.\x15N\x80\xcf\x0ee\x81\xf6Vt\x03u\xd6{=\xd56\xbaQ\x02\xd1\xd6[\xb3$(\xdc!y5\xbcG\xda\tZ\xa2\xde5q\x0bB4\xea\xd5uZ\xefa!\xdb\xd9\xd2\xc9Ql\xe48f\x84z\xa8\xc8\x9d\xbbHz\r\x99\x1a\x97\xdb,\xf8\xb2\x0b\x86\x91\xd2sC`\x03\xa0(\xa7(\x0b(h\xc3\xbf\x95r\xe29\xae\xb4\x8c\xae\'7\xf6\x969\xf9]N\xfd\xf2\xef\x0c\x87\r\xbag\x9c\x9f\x12K\xd8\xc1\xefR\x88f\xdfM\xea\x8b\xe6g/\x9f\x99\x19J^\x8b\x98`b}a\tw\x13\xfeW\t\xdfr\xbe\xce\x92x\xef\xae\xe6\xd9\xad\xdc\x11\x82P&lt;\x89\xdc\x7f\x97|6\xa3\xf6\x8e!|R\xe3\xf7*\xdb\tR\x01\x0b\xf1\xfc\xc7O4\x94\xbd\xa5\x00%\xbf\x14 \xdc\xe3\xd4\xf2H\x94\xc4\xa0\xd0^0&gt;\xf0\xe7\xaa\xd1\xbbH9&gt;-(J\x8e\x83\xab\xc3-\x1fg\x05\x18E\xfafq\x15\xc4\xdfO\xf1Z\xe1\xfa\xa5TG\xb2\x13\x08h\x8f\xf4\xdcx\x06C\xcc\x8b\x90\x0c\xd3b\x86\xf3o\x15\x8e:\x86m\x00\xd3s\x17\xfa\xf8\x9e\x95{\x94\xd5T_(UV\x16\xa7 \xf5\r\x87\xa72\xe7TR\xc0:\xaf3\xf6\xe9\xb5,?\xb1g\x9a\xdc\xc6V\x7f\xb8=6J\x94\x86\'Z\xbfxW\x17\xc2W\xfdQ\xd5\x98\xd7\x87?\xfdt\x91\xf5OR\xf5B\x17u\x95\xaaMj\x19\xc0\x81\xad\xb53\xe6+\x1f2:\n,g\xc6\xf5~\xf0\xe1l_\x8a\xf4\xdb\xf9]\x12\x13\xf5\xf9\xab\x0f~\xb3\xcb#o;\xad\x9cp\x0e\xd0&lt;\xcfXi\xa5z\xbeu6A\xe57K^\xdf\x11\xc2L1\xbe\x1e:Vq\xb3x\xd9\xf4x\xba\xd3\x7f\x9fq\x1c\xb7\x0f\xe5\x87\x10\x1b79\xa8\xde\xe3\x9f\x9a\xd5\xb6\x9f\xb5\x8b\xc2(\xc9\xbb\x10\xe1\xcd0\'\x0b\xa0\xf4\xeaA7\xe55*\x111\xf4\xad\xc7\x92j\x15\xdc\xb4~x\'\xec\xe86\xefr\xa3\xed\x8f\x95\xb2\x85\x04\xf7;\xde\x10(\x80\xbc\x9ch\\\x8e\xb3@zj\x1c\xcb)\xcfQP\xa3\x85\xf3bKUf\xf3mdl\xd5\x10\xde\xba\\K\x8dV\xe9\x98\x0eO\xfa%D#\x1b\xc6\xc0\r\xb55\x9eK\x03\xaf\x00\xe4\xe6\xdc\xcaD\x96\xacM\xb2+\xc2\x9b\x90%A\x1f\'\xc9\xbe\x85\x8b\xa58\x0bEY8O\xaaby\xfeT\x1f\x86\xcf\x14\xec\xc3L\xf7\xd8k\xf0x\xbd\xbfL\xf6\'\xfb\x93\x93\xb1uBlZ\xe2k\x83\xafC\xf7\xf5HK\x8a\xb7\xb1\x9f\nj\t\x96\x92\xbetzb\xfb\xab\x8fW\x0b`\xd7;|i3\xec\'v\xcbW\x96\xae\xa2p\x014Q\x87r\x06~\xd5\xce\xc6\x8c)G\xbd\x9e]QJ\xd5\xe9dY\xadh\xe5\xca\xea\xfe&amp;\x015\xc0$\xd0\xe1&lt;\xd0M\x85f\xff\xacQ\x90\x1a\xcdKkq/:\xb9\x10\x0e\x9c\xd4\xdc\x85\x83\x0c\x8b\xaaIw\xc3u\x9c\x9bC\xdf\xbf[Y1\xfb[\x94\x8d\x96\xa9\x1b3\x1a%\xa6\xa5\xadwS\xf5&lt;\xf9j\x1b\xda\xca1P\x10{\xac\x05\x00\x1dGY\x06\'\x0et\x95=\x0b\xdc\x82\xdcX\xe8Hm:!\xe2:\xe1O!\xdfx\x8c\x9a&gt;\xcc/\xd9\x94\xd4`6\xa7fF\xf5\xfa\x89\xafb\xfb\x9d\x16\x90,I\xff\xfd\xc7\xbbJ\xb3vd\xa4w1{j\x03\x8c\xdb\x89\xe6\xa2\xce\xc3Fu\x9f\x83\xf7\x9fP)P\xe0\x95\x1a\xfd\xfde\xba\xa2\xebK\x94h\xd4_\x9fh\x98o\xb5\xc2\xee\xf5h"R7\x8fB\xf2#A\x16G\x01O\x88\xc1C\x14\xe4\xf3\x80\xdf\nu\x0f\xbf{)^eK\x07\x8e\xf8~A\x1a\x9b\xba\xa0R\xdfS\x1b\r\xb4@\x84L\x14\\g`?\xb6\x08jlV\xe0s\x16.\xbb\x83-}eE\x16\x7f;\x9bIw\xd9\xfa\x1c8?\xf1\x01J\xf5^G4\x92\xe5\xfe\x8b\xd6\xa3\xa6J\x85\xec\xbaP\xe9|\xe8\x93\xe2q\xa7\xc5~\xee~\xd2\xf5\x0c\xf6iz\xe2\x81\xd0\x0bh_\x16"\xa7\xc0\xc8\xe1\xac2\xca\x86\xda\xd1\xb7 \xa9\xc8\xca-\xa7\xc5R\x82\xce\xa6i X\xc8\x98f\x85\x13\xf5\xd04\xe8\xb1\xfc\xaf7W\xe7~BO\xf9\x9eg\x0f\xc0\xcc"\x886\x7f\x07\xac\x06\xeb\x8a\xc9\xd0\xed\xd7\xb6\xcb\x9c\xc6k\xccQ\x15\x17\'\xa1\xe2_]\xcd\xc4\xfb\xc1\xc0\xe6\x8fS#&amp;\x9ca\xa2_L\xf7\x15\x9a\xb8\xb6\x7f\xf6\x8f\x9b\xb7S\x8aP\xceJ|61\x80Fs7&amp;\x8d\x1d\xa7L\xff'</t>
  </si>
  <si>
    <t>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</t>
  </si>
  <si>
    <t>b'Z\x085\xc8U\xc2\x1b\x99\x99\x12\x116\xe3\xc5%}'</t>
  </si>
  <si>
    <t>columbine in th' garden.
They'll look like a bed o' blue an' white butterflies flutterin' when they're out."
"I'm going to see them," cried Colin. "I am going to see them!"
"Aye, that tha' mun," said Mary quite seriously. "An' tha' munnot lose no
time about it."
CHAPTER XX
"I SHALL LIVE FOREVERâ€”AND EVERâ€”AND EVER!"
But they were obliged to wait more than a week because first there came
some very windy days and then Colin was threatened with a cold, which two
things happening one after the other would no doubt have thrown him into a
rage but that there was so much careful and mysterious planning to do and
almost every day Dickon came in, if only for a few minutes, to talk about what
was happening on the moor and in the lanes and hedges and on the borders of
streams. The things he had to tell about otters' and badgers' and water-rats'
houses, not to mention birds' nests and field-mice and their burrows, were
enough to make you almost tremble with excitement when you heard all the
intimate details from an animal charmer and realized with what thrilling
eagerness and anxiety the whole busy underworld was working.
"They're same as us," said Dickon, "only they have to build their homes
every year. An' it keeps 'em so busy they fair scuffle to get 'em done."
The most absorbing thing, however, was the preparations to be made
before Colin could be transported with sufficient secrecy to the garden. No one
must see the chair-carriage and Dickon and Mary after they turned a certain
corner of the shrubbery and entered upon the walk outside the ivied walls. As
each day passed, Colin had become more and more fixed in his feeling that the
mystery surrounding the garden was one of its greatest charms. Nothing must
spoil that. No one must ever suspect that they had a secret. People must think
that he was simply going out with Mary and Dickon because he liked them
and did not object to their looking at him. They had long and quite delightful
talks about their route. They would go up this path and down that one and
cross the other and go round among the fountain flower-beds as if they were
looking at the "bedding-out plants" the head gardener, Mr. Roach, had been
having arranged. That would seem such a rational thing to do that no one
would think it at all mysterious. They would turn into the shrubbery walks and
lose themselves until they came to the long walls. It was almost as serious and
elaborately thought out as the plans of march made by great generals in time
of war.
Rumors of the new and curious things which were occurring in the
invalid's apartments had of course filtered through the servants' hall into the
stable yards and out among the gardeners, but notwithstanding this, Mr. Roach
was startled one day when he</t>
  </si>
  <si>
    <t>b'\xde[A\x9d\x8e\x93f\xb2z\x98\x96\xf5U\xb2\xe4V\x1f.\xdb9\x9b\xa3\xc8J\xed\xec\xb0\x17Y\xa16\xa4{WW\x90\r\x08\x06\xda\xad\xc0\x83\x9e36\x08#\x97\xbd9\x0e\x84I\x17\x89\x95\xc8\xc5&amp;M\xf4;\x86\xc5\x8e(\xfa&gt;e\xf9\xfb\xa5\xac\x1e\x07\xb5\x8c\xf0w\xa842@@\x82\xd5#\xd1\x04K8&amp;U2\xd1\xd7I\xd3\x1d97\xa4\x86\xe8\x16\xd546\xd6&gt;N\xb8^A\x80\xc7\xce[\xdf\xd6\x87\x15w\x07rL#$\xc1\xe5)K\x83@\xa2\xb8|4\xd4%\xa9\xb2\xc6t\x9dA\xca\xcb#\xb7Z}\'.\xff\xafiI\x13/}\x11\xe3@t\xd3\xcbo\xbd\x92@P\x82BP\xb16\xaa\xf2\xc92\xe4\xaf\xca\x97\xd9h\x12\x99\x80\x91%Cp\xeb\xee\xd8eZ\xc8\xdf0\x98d.\x02\xf81\x05\xdc\x06\t\xc6\x7f\xd9\x95\xa0\x8au\xa4+]\xfd\xdfKT\x82(\x04\xf1\x94\x0c\x95\xa9!\xd7\xbfv\xb0\x9b\xe0\xd1[\xd2F4H\xde\xf2.\x9d\xa8\x9a\xef\\N\xe2\x82s0\n\xa3n\x9f5s\xaf\x11sK\\\xb0.\xfd{&amp;052lHV\x96S\xbc\xee\xf2\xa3}\xf3\x86\xd6\x9e\xd2\xd2\x12\xa3T\xad\xad\x1d\x88P\x80\xed\x05\x19E\xa8\x10\x94\x9a\x19W\xcb\xbc\x9d]\x06B\xf5\xccxB\xc8\xe3\xb7\xadA\xba\x81\xd6\t[\xee\xca\xe19\x0f\xff9\xe1L_\xff/\xd9\xad\\\xc6?\xea\xdbu\xbc\'\x90 y.&gt;\x01[\xd2\xbe\xd4Q\x8bm{\xa3\xaf\xa3\xcd\xf3\xa0);:\xf8\xd9\xae\xd6\x0e@}V\x85\xe4\x8e}\xfbM\x85F/\x9c\to\x8d\xe3\xe74L\xd7\xaa\xb2=\x8c\xc6S?\x91W\xa9\x04\xc3\xaa\xa2\x85\xd9\x1f\xba\x8c\xe3\xc2\x9a\x9dxV\xdd\x8czX `\xe4\x18Mt\xb0\xf2m\xc4\x8d\x89\x0f?\x80\xfd\x12\xcb\x1e"\xd0\xbd\x11\xae&amp;\xc5$\xc7Z*\xa2q\xcc\xe8P\xca3naI\x12\'Uc\xed;\xaf\xbe\xc1=\xcc`\x11~\x1aT\x84\x032\xd8v`2\x9aO\xdc\x1b\xec6\x1d\xb1M\xb8\x90\x83\xf3\xdb\xe6\x10\xad8\xa1\x19\x87\xbe\xcbHZ)\xcaZS\x9e-$x\xac\xad\xac\x88\xae#\x8e/P\x13\xe8\x0f*\x18w15\xd7\xa3\xceh\xe1B\xe2\xeb&lt;\xc2\xac]\xc7\xfc\xb2Yx\n4Z\xe9\x9dp\x93\xac]\x12\x8b\x97\xa4\xf0\x1f\xc1F\r&amp;\x13\x84{\xb2d\xb4&amp;\xe3.8\xf6\xdd]M\xd1-\xc4\xc8\xd8\x1c K\xdf\xc8\x04Ao\x83w\x1c&lt;!\x9e.\xec\xcdDr\xf7\x10;D\xbf\x13\xa52]\xc9\xa3\x15&lt;t\xb5\xee\xf9\xa6\xfb?{\xd7;\xa8+\xf1D\xcb\xa1\xd7#\x97\x1c\xa0\x98@\x8d\x14\xc8^\xca\x15Q\xe7\xae\x96rlN\xde\xe2\x19\xb0\xce\x85\xe9\x0e\x83\xaf\xb7\x0c4\xb0\x99\x03:\xa9:y\xa9\xeb\xf2\x81\xb2y(\xa6\xcd\r\xc0\x9a\n\xa2OO\x97[1\x94\xfa\x08\xdb\xcf\xbc\x0b\x17\xf3c1\x91?z6\xe9"\x04Ku&lt;\xcc\xaa\x96\'\x84\x11\xbe\x19h3\xa7\xac\x13\x81\xdd\'\xfb\xc7o\x91\xd5\xa0\xeba\x03\xc8\x1d\xf0\x06hV\xcb\xb7\xaf2K\xdd\xa6\x11n[\xeet\xc1\xa5\n\xbf\xaa\x1d\x12\xed-\x98\x87\xb68\xc6\x8a}\x15\x95J\xd3J%\x9dS\xf52xR\xc5\xf8c\xbd\x7f\xd3\x98\xa4\x96v\xf2&amp;(\xef\x82\x92\xab\xdeYr0\x00\x94B\xd5\xa7\xbe\x16\x98\xd3\xe5\x90\xb2%\xd7\xbb\x95\xcb\xc3\x0f\x9c\x886\xb2u\xa7\x12\x89\x12\xb2\xcbjr).\xaeJ=\xf8*\x1av\xe7a2\x93E+\r\x91#\x00\xf3\xc6\x86;\x838\xce=\x1c\xc5\xc2\xb4J\x04\x08\x99\x1f\x90\xf4\xf2fy\xc9\x87h\xce=*|j\xf2\x8bs$\xb2\xa9&amp;$Kp\xcd\x08\x0c\xac\xcb\x13[\x12PY\x11\xbf_\x0b\x81\xe6\xa0J&amp;S\x1d\x92\x05\x9b\x0f{\x8d\xad\'6\t\xa6\xc0\xd6{\x01\x8fH\x13d^\x17{\xbd\xaco\xbel \x90\xa2\xe3\xb0\xb0c\x08q\x93]\xe2\x89\x83\xaa\xcd\xcd\x16\xacw\xaf\xb7\xd6-\xb9\xc1Og\xea\x0f`\x12\xd2\xff\x1d:\x15\xb4#\x19\xd3\xa1\x17\xbb\x02.&amp;&lt;v\xaf\xb7\x85Ac0f\t\xba\x9a\xd9\xb6\xe1\x9b\xed\n\xd2Q\xfb\xa5\xe2&gt;\x86\xab\x1f&amp;8\xdfL\x18\xa0|z!\x95\x81\x80\x08\x17\x0e\xba)\xe9/\xc6\x15\xd3u~&amp;%Z&gt;\xd0\xc4\xd1N\t\x91\x12o\x88\x94\xe8&amp;\x96F\x8d\xdc-\xd3`\xfe8DW\x86OR21\x18\x1e\xf6\x87He\n\xf0\xcfd\x19\xcf\xd5sm\x90g\x9f\x81R\xb8\x90\x8a\xc43\xfbQ\xf1}\x14\t\x96*x\x80\\\xe5\x926\x99\xf5\xd8\xfc&lt;\x00Bmf\x12:!Vv&gt;W\x866Q\xb2&amp;}(5\xf2\x91\x0b\xa3\x10\xdcS\xce\rV\xd44"NW\x92\xc1\xf1\xf3\xe1ca\x8b]\x80\xc3\xac\xd6VD\xb0\xf6\x9c\x8c\x18\x02\xe0W\x95\xd0w\xd3I\xdf.}=x\xb2n\xb6\x02b\xea/\x80\xae\xb7\xee\xfb\x9962\xcb\xdc?\xb3t\x12*\r\xd8=\x8a[\x8e\xbfRh\xff\x91\xcb\xa6\xde\x8c\xd1\xd4ZH\xb0\x14\xce\xa9h\xc6t\x90\x00N\xc7P\x03\x84\x01+]\x0e\x94-\xe7\xf3\x98=^g\x19\x91&gt;\xe4\xc7\xaf\xb6\xd7\xe3][\xb3t\xe43\xb1\xf6a\xaa\x94\xd8h\xd7\xae/\xba\xe1\x0c\x1c\xb6\xfd\xd7X$Bk\xfe\x1b#\x89Lq\xac\x02#\xc9&amp;2\x9c%\xfb\xa9\x08\x0e\x8fFe\xfd\xf7+\x0f{\x14\x7fx:M\xf8\x1d\x85\xc4=E\xe5r\xb8\\\x84B\xb7G4\x81\xfa\x80\xb4qB\xaa\xcc\x91\\\xf4\xa9\x86C\x8a\x8e\x10-\x02@\x85\xb5E\x11\x13\xc5\xefR\xdb\xd2N\x00\xb9Bu\xd7;\xef\xf0$\xb0;\x01W\xdb\xcf}\xd0\xd3EJ\x015i\xab\x8b*]{\x19\xe6\xba\xf2\xc5\xb3\x0e\xdc\x15\x03\xf7\xce\x17\xd0Emc\x0e|\x14Wc\xd3\x8f\xa0\x07\xd6c\xf3\xcd\xb9|\xf2\xd8C\x9b\x16\xbf\xbfu)\x8e\xba\x06\xecY2\xb1\xc13x\xd7\xcfOcZ\xa3zW\x13\xf4\x88?\xba-\xb0\xc5\xc8\x1d\x1e\xa63R-\x907\xe4\xd8\xe7u\xb0\xd9y\x14\xd1F\x8fi?\xfd\xf8\xe2m\\\xfd\xc5uiHjY\xd8\xdf\xc1\xe2Tw3\xab\x82\x86k\xf6H/J\xa3\x07\x18\xa8\xa3\xbe\xe7\xc2\xac\xe4\xf6\x1b\xa2\xa9\xde\xe8\x91\xabB\xcd\xe4\xadL\x80\xa4\x1ay\xa2\t\xf0\xb8\x98\xfd\xbc\x9e\x84\x88\x14%\x87R\xd7\xaa\xdb\x9bt\xec\xbbW\xca9\xc6\xc0\x00;\x1e;K_[\xdb\xe3j\x97\xf0m\x07\xf5\x13\xfe\xcc\xa0\x1f\xf3\xd8)r\x8a\x0f\x1c\x0fc\x1f:+7\xf6&lt;\xbfh\x97Z\x8e\xf2nEXc\n3\t\xfa\xc2D=\'\xe2\xf0v\xf6\xa5\x08\x82\x1d\xc7\t\x83\xd9JV\xe3\'#\xc1\\\xb6c|\xca\x19\xed\x00\xa7k\xafPin\xeb{\xb0\xeb\xb8~\xdf\x8a\xae\xe3,C\xefU\xa21\xe4\xb80\xb1!A\xfc\x89I\x10\x11\xeeu.\x86\xc5E5\xb6\xf9]S\x03\x1d\xd0vQ`~6pmu\xd9\xafM^\xadi\xf6\x8e\x15NU\x93\xc1\xd0,\xbb\xbb\x13\x04|8\xa29\xd6\r\xb3\x10\xef\x11cHR\x92d\xba\xdb,0\x9c[\x848\xfc\xe2yN\xe3[\xf0?\xa6nD\xdd\xd5\xda\x14\x04\xf6y\xd7\x85T\xf5\x85Q\x1c\xf4\xfd\xf0~\xdb\xbe\x83&amp;\x08\xd3\x83\x18&lt;\x1a)\x97\x8cqx&lt;S\xf3"op\xef_n\x1a\xf9\xa8]\x1bU\xf7Q]\x9c\x83\x18\xf3\xdd\xa2\x9fm&gt;\x12F\xd1O\x8dC\x10\x8frD]1kF\x81\xfa\xae\xefg\xa3\xb3\xcf=H\x01\xe5\x00\x80\xa3"\x89\t\xafc\xbe\x0f\xffydT\xc2G\xb0\xe7\xe2\xc9\x81\x8f}tpw\xb0\xb2d\xc8\xcamT\xb1\xcc]\x18\xcb\xf0\x18{\x0f\xb4\xd0\x14\x9d\x98\x8d\\"\xca\x9d\xc1Qd:\xcej \x81\xcc\xc0\xe8\x19\xbc\xad\xde\x97\xe8\xbb\xf9\xfb\xa3\x05(\xc7\xf7L\x92\xd0+u\xbd\xd0\xf3\x8bB\xe8\x92&amp;sp\xfc\x0b\xba\x19b\x1d\xa94\xaa\xc7\xf7\xb6^\x1bY\xca\x97\\V\x08g\xbe\xeb\xc4Jjdz\xf9\xc3Q\xbf\x19g\xb5\x110\xb4Re\xd5d\x01`\xa6q\xf0\xc3"\xc3\xc6\x90\x8e\x81\xcaxz:mf\x08\x9c\xa0\xee\xe3_\xaf\x83\xe4\x8fOW\x12\xd5/\xd8\xf8\xe0\xa8-^\xde\xf9\xfe\xea?-\xfdgl8DZ7-|\x95l)\x0c\xc3\xa7&lt;\xa9\xbb\xd5\xc6.\xd5\xc8\nm\xf3\x1f\xb0\x00\xa7t+\xb4q"i\x96\x8d\x1e\xbe \xc9\xc4G\x18\xd3\xa7(\x99S\x13\x96\xfb\x08\x1a\xfaZ\x83\x07-\x13\xe5c\xec\x8aD*\r7\xbav\xb8~\xe5/\x82~J\x91e\x11\xf2\xd2\x9eB_\xa8a\x83\x08\xfck\x9aL\xef\xf0\xd8!\xc6\xe6\xf2RI\xa6\x85?p5\xb3\x1b)\x1c\xd8E\x99H\xce\xe4Rw@e&lt;L\xccY_\xba\xe9F\x1c\xeb3R\xa1"\x1b\xb0\xd21d=\xa2\x8b\xa4\xbf\x0f\xaa\xe5\xa5\xa5M\x7f\xbd\x96^%\x9b\xcd]\x99\x82K\xad\xa0Lg\xc3\xc41V\xf2D\x10\t\xc3\xcdz\x06\xab\xd1\xcd\xde\x83\x8e\xe0jN\xdco\xa3xUj\rr\x98\x9d9/\xe7$1\xa1z\x17s\xd9p\xa0R\x0e\x13"\x84\xc4\r\xfe~\'\xb2!&gt;\xaf\xdb\xb3\xd3^yPC\x820\x9bu\xbd%.1\xad\x1f7\xa0\x0c/7oP^?\xf2&amp;^KnIQ\x9e\xaa\x91\xb4{~\x9d\x1d\xf3&gt;&gt;\x84\x9d\xeda%h\xaa\xc5s\xf2\x05\xa4\xaa\x95\xd8e\xf3\xbf\xc5}Y\x04&amp;\xad\xe6I\r\x93\x94\xe8\x85\xb5l\x8a\x7f\xfb\t&lt;\x13?\x12f\xad\xf1\x9d\x8f\x10I,\x1bw\xc2\x9f\x10;\x7f~c\xe1\x8d\xde\xb5\xa6+\x92\x9b(\xa5\x84\x7f\xfe\xd1\xda\x86\xe4\x8ej\xd2a\xa6\x92\xe8\xdaT\xadIf\x1b\xcb\xc8\xf2|o\xcf\t\xfaX\xbc\xd6&lt;\xf4w\x81\xc1\x86\xf2\xfa\x9d\xe4)\xfd\x90{\xd7g\x18\x0f\x8f\x05\x07\xa3\x16\x93\xf6zgp\xc4\x9e\xd3\x871\xc0\xbe\xff\xf2\xee\x87\x00\x7fk\xd6O"\xdd,\x1f\xf2c\x10\xc9\r\x82\xdc\x9d\x1e[Z\xea\xccR\x8f\x17\xe4\x14\x8c\x90#)\x90\xee\xb2\xb5L\x97#h\xe8\x9c\xe1\xe5\xcb\xa4\xb6@&gt;\x01[\xf8\xb8 \x10\xb8\xc0\xc6\xe4\xbf\x0cn;\x87\x83T\xbb=I\x15\xdc#\xfa\xaf\x88\xd9\xca%\xd11\xa1\xc5\xbc\x97\x04e\xf9\xd7\xacG\xfeG\x0c\x96W\xfb\xbcA\xe46\xfc\xa0\x94\xf9U\x91\x02\x07G\xe3\xf4\x93R\xba\xd7?\x98\'f\x81u\x13\xd2*U@$P2\xf89\xd4\xcf\xe0;5\xe1\xc1M \xc6\'\x1at\x11vz\x00b\xabw!\xd6\x1b_\xba\xcc\x83d1\xd5\x01\xa0\xb6\xb2]\x0e\xc7Ah\xbf\xfd\xedb\tr9j\x8f\xe0\xb7\xadm\x80y\x91\x122\x02\r\x17\x9a\x95\xe8\xfdi\xa1\x15\xfbK\x03^~^\x81$/\xfc\xdd\xb3DI\xcdWz\xa4(KoY\x0cD+:t\x17!\x84\xa9\xf9?n\xf4\xb7\xdc\x8a\xae\xe3,C\xefU\xa2\xf6\x12\xc7\x0e\xc2\x0c\xbf\x91m\x12\x91fQ\x07\xda&lt;\xb2\x8c\x8f\xd4\xf1\x90\x92\xd4\x1ag\x08m\x86\x02\xc6U\xf7\x8b=\xb3d\x85\xdfa\xbd)\xee\xed\xf8\xdakU\x83\xde\xefARm\xc5\xb2\x87C?N[M5\x1fshZ\x03:H\xb0;cS\r\r\x9f\n=\x8a'</t>
  </si>
  <si>
    <t>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</t>
  </si>
  <si>
    <t>b'\xde[A\x9d\x8e\x93f\xb2z\x98\x96\xf5U\xb2\xe4V'</t>
  </si>
  <si>
    <t>1980s, limited debt write-offs did bring
 that crisis to an end. Critics argue that such provisions would be either ineffective or coun_x0002_terproductive because they would encourage countries to borrow too much, in the knowl_x0002_edge that they could more easily renegotiate their debtsâ€”moral hazard once again.
 CHAPTER 22 Developing Countries: Growth, Crisis, and Reform 651
 Case Study
 Chinaâ€™s Undervalued Currency
 Over the first decade of the 2000s, China developed a substantial overall current account
 surplus and a large bilateral trade surplus with the United States. In 2006, the current
 account surplus reached $239 billion, or 9.1 percent of Chinaâ€™s output, and the bilateral
 surplus with the United States, at $233 billion, was of similar size. A good part of
 Chinaâ€™s exports to the United States consists of reassembled components imported from
 elsewhere in Asia, a factor that reduces other Asian countriesâ€™ exports to the United
 States and increases Chinaâ€™s. Nonetheless, trade frictions between the United States and
 China have escalated, with American critics focusing on Chinaâ€™s refusal to allow its cur_x0002_rency, the renminbi, to appreciate substantially in the face of big external surpluses.
 Figure 22-2 shows that the exchange rate of the renminbi was fixed at 8.28 yuan per
 dollar between the Asian crisis period and 2005. Facing the threat of trade sanctions by
 the U.S. Congress, China carried out a 2.1 percent revaluation of its currency in July
 2005, created a narrow currency band for the exchange rate, and allowed the currency
 to appreciate at a steady, slow rate. By January 2008, the cumulative appreciation from
 the initial 8.28 yuan-per-dollar rate was about 13 percentâ€”well below the 20 percent or
 more undervaluation alleged by trade hawks in Congress. Early in the summer of 2008,
 in the midst of the financial crisis, China pegged its exchange rate once again, this time
 at roughly 6.83 yuan to the dollar. In response to renewed foreign pressure, China in
 Jan. 1998
 July 1998
 Jan. 1999
 July 1999
 Jan. 2000
 July 2000
 Jan. 2001
 July 2001
 Jan. 2002
 July 2002
 Jan. 2003
 July 2003
 Jan. 2004
 July 2004
 Jan. 2005
 July 2005
 Jan. 2006
 July 2006
 Jan. 2007
 July 2007
 Jan. 2008
 July 2008
 Jan. 2009
 July 2009
 Jan. 2010
 July 2010
 6.7
 6.9
 7.1
 7.3
 7.5
 7.7
 7.9
 8.1
 8.3
 Yuan per dollar
 Figure 22-2
 Yuan/Dollar Exchange Rate, 1998â€“2010
 The renminbi was fixed for several years before July 2005. After a 2.1 percent initial revaluation, the currency
 appreciated slowly against the U.S. dollar until the summer of 2008.
 652 PART FOUR International Macroeconomic Policy
 June 2010 announced it was adopting a â€œmanaged floatâ€ exchange rate regime, but as
 of this writing, the new a</t>
  </si>
  <si>
    <t>b'0F\x02!\x00\x9e\xfb&amp;)E\x96{y\xb3\xdc\x02\xb3\xc1tt\xca\x98\x82Z\xca\x00CL\xce.\xbe\x1a\xb1\x8e\x8fs(\x02!\x00\xc1lxp\x85\xe2"\xa5n)\x8e\xdb\x17\x17\xadUC\x86Y\x8d\x85\xeb\x94\xa1\xb9&amp;\xdd\x97\xd4Q\xd0\xc3'</t>
  </si>
  <si>
    <t>30460221009efb262945967b79b3dc02b3c17474ca98825aca00434cce2ebe1ab18e8f7328022100c16c787085e222a56e298edb1717ad554386598d85eb94a1b926dd97d451d0c3</t>
  </si>
  <si>
    <t>b'0F\x02!\x00\x9e\xfb&amp;)E\x96{y\xb3\xdc\x02'</t>
  </si>
  <si>
    <t>1 + _x0005_2C2
 n
 _x0004_ Ï‰
 Ï‰0
 _x0005_, (15.159)
 where _x0005_ sets the amount of ripple and C2
 n(Ï‰/Ï‰0) denotes the â€œChebyshev polynomialâ€ of
 nth order. We considerÏ‰0 as the â€œbandwidthâ€ of the filter. These polynomials are expressed
 recursively as
 C1
 _x0004_ Ï‰
 Ï‰0
 _x0005_
 = Ï‰
 Ï‰0
 (15.160)
 C2
 _x0004_ Ï‰
 Ï‰0
 _x0005_
 = 2
 _x0004_ Ï‰
 Ï‰0
 _x0005_2
 âˆ’ 1 (15.161)
 C3
 _x0004_ Ï‰
 Ï‰0
 _x0005_
 = 4
 _x0004_ Ï‰
 Ï‰0
 _x0005_3
 âˆ’ 3 Ï‰
 Ï‰0
 (15.162)
 Cn+1
 _x0004_ Ï‰
 Ï‰0
 _x0005_
 = 2 Ï‰
 Ï‰0
 Cn
 _x0004_ Ï‰
 Ï‰0
 _x0005_
 âˆ’Cnâˆ’1
 _x0004_ Ï‰
 Ï‰0
 _x0005_
 (15.163)
 or, alternatively, as
 Cn
 _x0004_ Ï‰
 Ï‰0
 _x0005_
 = cos _x0004_
 n cos âˆ’1 Ï‰
 Ï‰0
 _x0005_
 Ï‰&lt;Ï‰0 (15.164)
 = cosh_x0004_
 n coshâˆ’1 Ï‰
 Ï‰0
 _x0005_
 Ï‰&gt;Ï‰0. (15.165)
 15.5 Approximation of Filter Response 749
 H
 2
 2 2
 3 1
 2
 1
 n = 1
 n = 3
 n = 2
 C n
 2
  Ï‰
  Ï‰
 0 ( )
  Ï‰
  Ï‰
 0
 2
 2 2
 3 1
 2
 1
 n = 3
 n = 2
  Ï‰
  Ï‰
 0 ( )
  Ï‰
  Ï‰
 0
 Îµ
 2 1 +
 1
 1
 1
 (a)
 (b)
 Figure 15.51 (a) Behavior of Chebyshev polynomials, (b) second- and third-order Chebyshev
 responses.
 As illustrated in Fig. 15.51(a), higher-order polynomials experience a greater number of
 fluctuations between 0 and 1 in the range of 0 â‰¤ Ï‰/Ï‰0 â‰¤ 1, and monotonically rise there_x0002_after. Scaled by _x0008_2, these fluctuations lead to n ripples in the passband of |H| [Fig. 15.51(b)].
 Example
 15.26
 Suppose the filter required in Example 15.24 is realized with a third-</t>
  </si>
  <si>
    <t>b'}\xc5\xd5\xf9&amp;X\xe6F_\xd4\xf24\xff\x8f\xba\x88'</t>
  </si>
  <si>
    <t>7dc5d5f92658e6465fd4f234ff8fba88</t>
  </si>
  <si>
    <t>favor of doing more content or preparing for every possible
 challenge. Donâ€™t be like them. Take a sale and figure the rest out later.
 When you have successfully taken a sale, you can move on to the next
 stage.
 Stage Two: The Growth (Months Four to Six)
 Once you have taken an order, your singular focus is to get your product to a
 consistent twenty-five sales per day. In some cases, this happens within a few
 weeks of launch. Other times, it can take several months. Either way, you
 must hit twenty-five sales per day before you move on; otherwise, you have
 not created the foundation that will take you to the million.
 Getting there requires you to be active within your audience and to get
 high-quality reviews. Spend this time to go above and beyond to make your
 customers happy so that they voluntarily talk about you, share your work, and
 give you feedback in the form of reviews and follow-up sales. Continue to
 respond to every comment, share every photo, and post pictures of your best
 reviews on social media.
 Here are a few things to consider during The Growth:
 1. Does your audience actually want your product? If your sales are
 stuck, you need to go backward. Have you asked your audience for real
 feedback? What do customers think about the product? If they love it, but
 sales are slow, you might just need more time. If the feedback is less than
 stellar, it may be time to take a step back and rethink your product line.
 2. Think small. You donâ€™t get to twenty-five sales a day by building
 complex systems. You get there by doing the small things for long enough.
 Get one review today. Make one customer very happy today. Post every
 single piece of positive feedback on social media. Make connections with
 small influencers. Those little pieces of progress stack on top of one another.
 3. Cultivate a core group of buyers. Consider developing a VIP list, a
 private social media community (like a Facebook group or a Slack group), or
 a first-buyers list. Quest Nutrition, for example, uses â€œTeam Questâ€ to test
 new products and be first in line for new product launches.
 4. Utilize pay-per-click advertising and video ads. Advertising on
 Amazon is a no-brainer if you are collecting sales there. You may have to
 take a loss on the customer acquisition cost, but it is a no-brainer to get the
 snowball building. Consider making videosâ€”even selfie videos are fineâ€”
 and putting them on social media. If one of them really connects with your
 audience, consider running it as an ad to boost sales.
 The Growth stage is where you earn your scars as an entrepreneur. You
 learn how to deal with customersâ€™ feedback, and you learn how to get
 comfortable taking sales. If you quit during this stage, you havenâ€™t earned the
 right to be successful. Focus on serving your customers, and this stage will
 fly by.
 Stage Three: The Gold (Months Nine to Twelve)
 Your job in this stage is to launch as many products as you can comfortably
 handle, without deviating from your central focus. This stage i</t>
  </si>
  <si>
    <t>b'\xf3\xaa\xf4\xe7\xf3\xb6hG\xf2\xcf\x97n\'\x1e4#Cr\x95\xa1G|r\xc9J\xf50\xd9\xec\xe3\xd3\x8b\x00\xc9:aK\x9d\xf2\xd6\x90\xed\x8cS\xebQ\xaf\x15\xd4\x12\xaa\xdah\xe1\xccL\xaa\x1d\xc6\xde\xca\xa9\xfb/I\xada\xc8\x95k\x16\xf8x\xf6d\xa2M\xa5\x94\xf2h\xe4\xd6#r\xe9&gt;\xf6\xadXa\x17v\x96(\x9fD\xaf\x92\xf0\xd1\xcf\xf0\xc9\x956:\xe3bD\xf7:\x03\xb7\xd694C\xb0:\xe9c\x00\xe0\x95\x9a\xedRk\xa59\xa2\x10\xcd\xae\x04I \xde\xeb\xfe\x8a\x8aw\x16\xa4\']\\;\x90C+\xa6\xe9C\xb5a\xa7C\x80\xdd\xc5\x0c\xdd\x8c6|A\x07\xa98\xa99\x8e+FD\xdf\x85\xd3\x8fo\xbb2h@\xca\xa5\x94t\xb7\xcf@\x00\xe1w\xa6u\x1aNb\x19\xb3\xc4\xd2\xc4\xa9Z\xc5\xc1\xda\xa0V\x8847+\x89\x00F\x8a\x82~+e\x8c\xe2:N\x8d}\xf6\x12\xd6E=\x06\x89O"\x07e\xd5p\xc4\xd9La\xc1\x86c\xe8\xb6\x99\x0f&gt;S]\x0b\x97\xfb\xb5s\xa5e\xda\x16\x08?\xf5\x0b\x8a\xd2\x1b\xd2\x9e\xfc#\xff\xae\x81h\x94\xbbz\x0bs8S\xc8\xd4\x87Q\xdb\t1\x03\x9c\x17\xa6\x9bj\x17\xc2g\xbcG\xe7\\\xc6\x10\xa0^gH\xd7v\xf6\xf0\x9a\xc63B\x19\xd7\xcev&lt;\xc1yhJ\xc9wa\xb0\xdf\x9c\xf6\x15g\xb9\xda\x11\xf3f\xb0\x87\x83\xddut\x85[x\xd2\x9f\x11W\xd0\xf4x\x15\xd1\xfb,\xbf\xf9j\xbcI\x9a\x9d3\xd6?]\xden=\xff\xba\x0f\xdft&amp;+\x92_\x8d31\x85\x19t[\x05\xfe\x02D\xc7\x0f\x1c1\x84O\xd2\xe3`\x07\x84?A\xe5\tE\x88\x7f\xc7tQ\xc6r|\x8f\xcak\xe7m\xe8\xad7\xdd\x85]\x9b\x15D\x1d\xcag\x82\xf8\xc1\x91\xb3o\xa3\xf3Q\x1d\x9b\x19\xc4\xe45\xaf6\'\x18\xf9\xfa_q\xd5t\x9dN\xe0\xd3\x9eR\xcf\xfb\xdbMu\x12\xe67\xc5\x05\x0f\xbd\xdf*X\xa2\x9e\xd7\xd0\xa4\xbb2\x06{\xab\x01,\xcb\xba1\x06\x8b\xec\x02\x99K"\x85\x8a\xbc=\xf1a)W\xae\x91\xec\x12\xf8\x1fB}I!\xe9G\xfa\x89Q\xa2;\x94\xa1\xec^\xdb.\xfa\x01A\x8d/\xd9\x05\xcf%\xad\xd8\x07X\xd5wg5Kc\xc2\x8de\x9a\x00\xd3\xc1\'\xca\xc8\x80D\x9b\xbc"d\xe5\x13-\xc0!\xda\x03&lt;88b\xa4\xfb\xb8\xbc\x9e\xe8\x05\x89\xf21.\xffa%U\x96\xfb{\x81v\xbe\xf1N\x19\x1b\xf6\x92\xd2\x12\xf2[\x07\x1d\x03W\'\xd1=]\x82G\xcb\x86R\xc1j7\xdd\x1b\xcbX\x966\x85\xb1wWG\xe3\xea\xc4\xbar\xdfu\xf5@\xb6\xbbA\x14C\x11[\xb2n\xe1\xcb\'\x05\n[4\x16\x0c\x80\xa1y\xff\xf0\xed\x1f\x96,J\xbd]\xbd\x1bw\x99\x08\xfcea\\g\xac\xa1u\xa0a\x984\xb6\xf3kB\xa6\xd5z\xec5\xd9\xf0\xe5v\x13c\xfc\x1a\xf4In\xb2\xa8\x00B\xd1\xd0\xd7b\xf2\xccA\x84da\x91\xde\x93\x9a\xe2\n\x13\xcc\x9d\xcf\xcc\xf9\xe6r\xc1\x9b\xc0\x10\xda\x9eX\xb5\x1a\xa0\xac\xba.\xd3\xc9\xc4\xee_n\x87\x98jD\x1b\xd1C\xd7\xc9!\x05Q\x821~\x82\xa0\xday\xb8\xd9C\x84}\xdf\xc8*\xd0m8~\xd1l\x1b\xb1\x13\x12NG\x0bl\xd0R\xebz\r:0h\xb5\xa23\t\x0b?\xfaJ&amp;\x8e\xc3oy\x913\xb9\x0bB\xf8\xa2_=$\xad\xb6(bH\x03\x96\xed\x05L\xe5pu\xcd\xbe#\x1aP}\xe40P\x15+:z=R\xe9;\x8a\xaa\xb7De\xf9\xca/\xd9R\xe6\x13]HP+-!\xd4\xa0YF\x0fuK\xf1\x83\'G\x83\xec\xa8[!\x83\xccq\x825?X\xa8a\xb2R1\xc3\x82I\xd0!\x0e\x8f2\xdc&amp;\x9a\xb9\x1b,FW\xe8P\xb0\x996\x02\xc5h\xf30\xa6\x9d\xadU]`|i\xb7\xf1\xd2\xd4\xc5B0\x9e\x1d\x1a\x92\x9a\x08&gt;\xf9D\xb2\x8d\x9e\x0fgl%\xb2G\t\xf6a\x10\'LQ\x9e\xc9\xffn\xf4\x161\xeb\xd9\x80\x96K2G\x0c\x96\x80\xe8\x83#\xdc`\xd6\xc7W4\xba\x02l\xfd,\xef\x01mYM,\r\x192\x8d\x08\xce3F\x983\xb6\xd2\xb6\xf8\xa5\xb5\xbc\xfe\xdbVQ\x85\xf3\x9c\x05\xfe\xac3\x01\x16\xf7\x8e\xa2\xf5z\xe8\xef\xd2Y9\xa6\xe1\xc5\xff\xc4!A\xce\xb2&amp;\x820W$&gt;!\xd4De\x84\xcf\xa31\xea9\x7fJ\xac\x1e\xb2o)\xd5\xe6N\\\ry\xf3?\xd6\x9a\td\x04\xaei\xe9\x10Bz&gt;\xff=2s\xb0h\xda\t\xa8\xee\xd76\xbb\xe7Q\xe3\xedc\x96\x7f\x1c\xdc\xc25m\xa9\x89PK\x96\xd8\x07\x8c-\x18ix\x7f~@Ag\tl\'g\xe0\xe6\x9c\r\x93\x7f\t2\xc8\x884]+\xd6\x0c\x15\xa3\x7f:U\xb9 e\xc1KU$d\xc4(\x1c\xfdh7z\xef%]\xec\x0e\x86p\xf3ZU\x95\xac\x90\x94\x94?u\xb6\xfb\xa2\x96\xfc.\xa50)\x0cd\x179\xca\x824\xd5\xb3\xce\x7f\x0f\xd1\x03\x04\xf8\x8d8uw\xb8\xa6+\x8e\xd1\x94\xc3\xdcj\x0e&gt;I\xea;G\x9c\xdf\xd1n\x82r\x1cw\xd6\xec,\xa5\xa2\xe1\xc7O-AQ\xe4\xa6\x08!i\x91\x1e\xf2\xb9\xb8\xc0\xa9\xbb\x19\xa6\x8fD\x13z\x97\xb2\xf1\x902\x8c\x97\xa2\x19\x19h\x9d1\xa2\xfa\xec&lt;8\xa4\x98\xd0\x15U\x0f\xf6\x19\xdf\xa7\x97,\xde\xaa\xa5\'\xc9\xf3\xd6/\xfd\xd3\xb6\rUP\xdc\xc1n\xa4j\x00\xfa|\x8b/\xb7\xbb\xc7\xe5\xcb\x89\xd4||h\xf2]\x8c\x08\x06U\x82\x9e\xe7\x15\x11LP\xa5\xe3t\x02\xaf\x02\x10\x11\x901\xf7l\xfc\xa6\x13l\xf0\xccc\x8cx/\x10-\xd2\xdb\x99\xb2_\x8c\n\xe3\xb1}G\xbf\xed\x89\x1fDGh\xf0\xdc\x14\xd6\xe5(\xb0\xb0\x14\xe5\x8f\xfd\x90\x15!\xd5n@\x8csZ\tB\x0e\xf73\xfe\xd8+tg}\x8b1\x97\xbb\n\x8e\x925\r\x07\xd4\x8f\xc9\x7f\xf8F\x04)\xab\xe2\x17\xc7\xde\x8f,\x9a\xcd_\xbe\xfc\x89\xa5GX7}-G(\x93\xa9w\x07D\xd3\xeeJ\x85,\xdf\x8f\x81\x97\x17\x97(W\xb0P~\x8e\xf0\xa4\xdb\x9d\x7f\x81\xeb\xda\x8f&lt;\xf7\xa0a\xc0\xfd\xfb\xb8\x02\xb2\x1e\xf5\xd7\x00j\xa1/Rz\xbb\xe1q\xc9\xf9}dPW\x13\xdd!Dj[\x13\xaf"\xa7k\xe3\x0c~\xf3`\xf8\x9b&gt;\x81\xfb\xad\xbc\x1a\x87\xa6r[\xec\xe5\x82\xaf\xaf\xc7&lt;\xd0!t\xa4`\xccI"Qx}X&amp;\xf3#Z;\x04O_\x9cz\xb52T\xe9t\x06\x14\xb2\xad8d\xcd\xe4\xea\xd3%1c\xc4\xf7\x96r\xf2\x1c\x899A\xc9\x01,A\xe0^N\xad\xf4\x85\x840!\xf9\xe1\xdb\x9b\x80z\xa7)\x00\x06\xb2U\xfe\xb95\xd1\xaf\xc4\x08U\xa5\n\x1e\xc7+b;\xd2\xc8\r\xb6X\xa7\x90\x9cB#\xb6\xdfj^\xe0\x91\x1fQ\x98\xad$\xba\xc2\xec\xa6\xb2G\xb9\xeb-,%\xa7\x1c\xc3\xab\xe8\x98\x9e\x11\xd6\xa8\xdc\xa1\xba\xbf\xda\xf9\xbb@\xc7\x91\x98.\xd23[o\xecb\x9b\xb7\xbf\xd0q\xb4\x96\x92\x1e\xd6\xdet\xf4\xe7\xafE\xc6r\x82\x01\xdb\xe6\xb6U5du\xf2%\xf9\xb1\xe5X3p\x0f\x19kP\xadU\xc4\xfd\xbb\\N\xf3\xb5J\xfeuR_\xed\x93\xabb\x98\x16\xefHS\xe61\xff\xcaF?\x15\xe49\xa8\x95T\x1d\xdf\x06\x8b.\xad\x93\x81\xaf\x16*"Q\x93\x9c\xa8\xa2\xb9\x03_\xfc\xf3\xbb\xa4)[r\xf4?\x8c\xd9\xe0\xf7\x81L\xc4\x80x\xa9\xa2\x82B\xc1\xa4\x1f\xdf\xad\'\x81\xe9\xe3rY\xdcjY\xb9\x88\x04\x05\xb1FO\xd7%:u\xdaF/\xab\xb8Z/\xd7\xc7\x03\x00OZ\xf1\x9e\xde\xdf6\x12hu\xb9\x15\xf2c\x1b\x01\xda\xb3\xc2\x7f\xc8hvUP\xf5X\x0c\xad\x89\xb71D\tja\x8b\x85[\xda&gt;\x950N\xae\xeb\x7f;\x1d\xad\xfbv\xed&lt;\xdaB]\xa38u\'^6\xd0\xe7_X/f(]\xa8\xf0\x10\x03\x8b^\x8b(\xf8\xc0\x04\x92\x9c\xfbE\xc8u\xd5\xfc\x07\x98\xc6\xbc-dk\x875\x95\xd68\x85v\x8c]j51\x8a\xd0T\xba\xb5\xa7\xb7@z\xaeTq\x8a!\x93\xb7\xbaR\'\x16\x90\x17\x80\xadI \t\xd7\xe5F\x7fx\xc7!"\x16StNn\n\xa1\x99\xa5A=\x0eJ\r\x11p\xcf\xdbL\xad$\xf6\xc3)b\xf7\r\xdc\xd3im\xa9I\xb5&gt;\xf6\x9b\xf5\xc5\x0c\xe2\xa2\x00\xa3/\xe4\x1b\x870\xbc\xf6D\x8e\x05a\x00\xae\xe9\xb4\xb3\xc6\x1c\x06\x92\xd4\x94\xa7\x17l\x15\xb1\xfe\xd5\x9cfE\xa7\x87\x1bO\xa1&gt;\xe1.\x1b\xd3\x89\x85\x92+\x83g\xcf\xe0\x072\xb0\xed\x8a\xb0h.LW!&amp;\x14\x04\x97\x91\x1dl\xdf&lt;V\xb2\xdeDf\xc5\x8f7\xbe\x9f\xe3\xbb3\x11\xc5\xac\x9a\xd0\n\xc0\xb4a\x9d\n{\x89\xa6\x1b\xd73%K\xf1\x8a\xf8I\xa3\x9dECI\x1f\x8e^uo\x8c\xdet?1\xfd\xc20\xf3\xee\x1b\x8e\xb7\xec\xf8\xeaz1\xe0\xdbq"\x95rB:\xba\xe6H\xb7&gt;cFj4\xecJt\x17 Q\\5u\x92\x85\xb4\xff}\xec%\x1c\xcbVb|H\xa9j3\x95\x01py\xcf\x85\x7f\x00\x92\xb2z\x08\x05\xc33k\x199l\x1e\xfex\xa0\xaf \xa8\xde=\x83\x8e\xe6\xcd\xaf&gt;\xaa\xd3\x84\x94R&gt;\x07\xcf!A\xcd\x10\xf6G\xbf,T!t/\xb7n\x87Ap\xc3\xadm\xac\xac\x94\xdd\xae\xa6\x17\x97\xdd\xb5\xe8H\x9b\xf4\xa5QTC\xb5/`\xfd=\xb8\x86_ve\xe3&gt;\xc2,\x8b\xf5\xbbu\x16\t\xd3\x15\xb8\xc1\xcb&gt;:\xdfP|\x15\xf9J\x0ck\x8c\xd1\x0b-C\x08m_\x08#\xff^\xb1\x83`\x96\xc8\x88\xc1\x9a\xe8\xa6m\xe7\xb9\x8b\x16\x0c\xef\xbbQn\xfe!L\xf1\xf0\x8d)y\'\xa0\x14\xb1\x1c\xf7\x18.$-\x98\x13\x86Vt\xd9APEg&gt;#\xed\xe2\xdd8%\x1e\x1dc\xe7\n\xb9_\x85\n\x8a{j\xdc\xd4\x06\xba\x9dJ8(Y\xca\xf4\xee\xabhP\x15Oi\'\x18\xe8W\x0c\xa2\x0cTp\xaf\t\x95\xb6\xf5\x1d[\xc2\xcd\xe5\xe2+\x1fy\xe2)\xb5T\x0f\x80W\xdf\x1eQ\x87L\x16n\n\xab8v\xbb\xc4E$\x99B\x00\xa8k\x88\x02\x9b\xbc\x87\xe9\x8dw\xe5~\x82z\x8fl\x86{\xb9\xd1\x03\x92\xd2\xa3*e~\xd9\'{\xef\xbf\xa3\xc8\xbf:Kw\x8b\xda\x99\xbco\xab\xad\x0f\xe1\x9aN\xbe\x06G\xa0?l?\x9c\x11\x06\x80\xf1\xea\xd6s\x89\xb0\xb6G\n\xcf\x17\xc7\xe7\xd0\xe1\xe1\x0f\x8a\xc3C\xe4mw\x89G\xd5\xa1\xc7+(exJ+c\xc7A_h\xbe\x07\x17\x14\x9fKlsx\xad\xeb\x9eA\xb3\xb4n\xae\xd1\r\xefT7\xa7\x02\xa1\x19\xfa\x1c\xf1\xb9\xe6\x8e\xe4\xf5\n=\xed\xd3m\xbf\xf0\xee\x8bQ\xee6\xa7\x06\x96y\x19\x17\x01\x8a\x11\xf8\x9f\r\xbc;\xdf\xf8\xec\x8d\x06\xc2B\x94\xe1\xe9\x074\x02\xfb\xf7\xf9a\xf7\xd7\xc3x\x98571a\xcf~\xd7;"\xe5\xfd\xf3\xf8B\xdf\x98\xa0\xd4u\xb8_\x02\xe9\x87\xfe;\xb3&gt;$]\xf0M\xf9"\xba\xb7\x1bn\xcf\xa6\xecM\xf0\xe1J\x00x\xe9\xd3\x06%J\x1d#\xb7M\xd3\x89\xcb%\x15\xf6[A\xc3\x9d\x1f\xd0o\x9f\x97\xb6\xf1\xdf1\xfc\x10\xc3S\t\xdf\xb8\xfb0\x05\x80\xb2\x1b\x9e_\xee\x97l\x90\xb6\x10\r\xe6\x8b\x04\x90\xb2\xe8\xb4C\x9by\xdb3\x16\xbdW\x86\x19\xa1\x9c}m17\xc3\x18wrS1\xa6\x08\xca\x1bH\x95\xf6|`\xa3\xf73\xb9s)w\x07&lt;\xcb\x80\x08!\xbb\xffK!\x85g\x97I\xb3\x1by\x03\x077\x1a8\x8fZ\x19\x14\x07\xab\xe4D\x11k\xaa,\x15\x88[w\xb0\xc0\'o\xe7Q\x9dD:\xa0\xcc\xcbc\xa2\xe4\x0c\xb3\xb8M\xe7G\xb7\\\xfe\xa2\xcc\x91\xbc\x05u~\x94c8\xb8\xb5z\x81%\x8amo7\xcf\x03\xfc\xa2a\xfb\xe4\xd2h\xc5H\xfc\xe5at\x01\x12.\xf9*8\xdd\x83\x94\xfe&amp;\x13D\xef\x8d\xfc\x98\t]\x8e\x06\xc0\xbfY\xf9\xd1\xf9\x1c\x03S\xb2\x87\xf0g\xc4\x88\x18\xd7\xc2\xc3\x02\xd1\xffv\xd6*\xfd\xce\xd6\xe3g\x90\xbbN\xf1w\xcb\x87\xcb\xd0}\x10\x96N\xd3\x17\x1d\xf2\x00\xf1\x12\xca\xe7 7@u\xa3\xd4\x94P\xdb\x99\xdd\x15\xd3\x9e\x95o\xeb[\xfc\xd4'</t>
  </si>
  <si>
    <t>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</t>
  </si>
  <si>
    <t>b"\xf3\xaa\xf4\xe7\xf3\xb6hG\xf2\xcf\x97n'\x1e4#"</t>
  </si>
  <si>
    <t>ed in full cry at the 
 southwestern corner. 
 They paused as if taken aback, and before they recovered, not only the 
 squire and I, but Hunter and Joyce fr</t>
  </si>
  <si>
    <t>b'\xd8\x14.\xfe;^\x90&gt;\xaf-\xbf\xde\x94#\x9f\xdcXH\xf1\x9c\x8euhf!\xf1G\xf9\xd5\x00\xec\x18\xeb\xf4\x84E\x0c\xb7\x7f\xa0\xd8,\x8c\xd8\x1f}H\x026\x1b6\x82\xa5\xa2{\xbd\x8a\xfdX\x94\xbd\xea{\x8e)\x99\xf6\xe4!\xfbI\x17\x88Q~\x88\xccx\xc9\xa1\xb3Ypl\xdb\xdd\xee\xba\x82\x02"\xdd\xf0\xd1\x99\xa8NJ&lt;\xfc\x01f/\xe3lm~\xd0\x96\xc03\'\xc4v\x86\x13S\xbf_\x034\xab\xd0\x89P\x9f\x8f\xedX&lt;L&gt;\x99]\xe2\x916\x92IN\xbd\xbf\xe3\x15-\x9b+\xb1\x80\x9fj\x18\x14\xf8\x90E\x95\x1b\xa7\x03r\x8c\xc5\x0b\xe3\x08\xc5\xd1\xbdLL,5\xf7\x95\x8f\xf3N\xae\x88\xf3\xaba\xbb\xcd\xea\xf4w4\x8f\xb2\xae\x0b\x8bX\xa0\x13\xe1\xe5\xbc\x85\xd3\xc1\x8b\x00\x7f\x0e\x8aGFB\x10k\xc8"\nL\xb6:\xff*\x15\x1ebc\x9e]\x13+M:D\xf4\xa7\r\xd1@v}\xc0\xc3\xa8nY\x9e\x17s\xe6\xd9#A\xff\xc6\xd4\xd9\xad\xc6\x8ao\xee\xba\x84"G\x80\xf2\xd6\xf9T\x98q\xd5\xfaN\xcf\xfb\x9a&amp;\xde\x8e*\xd0I\x1aVZ\xf4\x88,X\x1euyI\x87\xe2Q\xc1Y\x8a~#\xed\xd7(\x01R"\x0f\x00\xbdnwbyf\x11\xeaL\xd5\x96\x8f\x17J\xb8\xef\xc8K\xd5*b1\xdbDd\xbcH \xd1\xcf1\x1c\x07\x1c\x94f\xfc?H\xb6j\x18\xfcM\xf0\x9f\x8a$\xb5J\xc4\x8a\tV\xab\x17I4\xf4\x9dB%\x13\xb1`;\x8e)\xd5+\xc4\xa6@\xdd\xd1\x15bmq}\xc0\xa9\'\xb7\xe1\xa6\xec&gt;\x81\xe8k\x9ez|#(\x80\xc2\x17\x04`\x9ccQ0p\x19+\xa6Z\x80\xb9z\xb2\xee_\x8d*\xfa\xa2\xf3\xa7\xbf\x18WX_\xa5\xa3T\xeb\xef\xff}v_\x12#\xdb~\x8dee\xfb\x93\xbc\xab\x8c^\xb6u\x0f\xe2\xd3\xe2t\x0e3\xd6\x89m\x00\xdc\x02\xd7\x95\xcc\x02\xa0\xc7\xd2\xe7\x01y\xd3\x97\xf3\xeaa|\xc9\x9a\xb5\x8d\xe3.\x1a\xac\xaf\xe8\xdd\x9b;\xd4I\x14\x80\xe4g\xf24['</t>
  </si>
  <si>
    <t>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</t>
  </si>
  <si>
    <t>b'\xd8\x14.\xfe;^\x90&gt;\xaf-\xbf\xde\x94#\x9f\xdc'</t>
  </si>
  <si>
    <t>U. 1994. Where was Josephus lying â€“ in his Life or the War? In Parente and Sievers:
279â€“89.
Rappe, S. 2000. Reading Neoplatonism. Cambridge.
Rathbone, D. W. 1981. The development of agriculture in the â€˜â€˜ager cosanusâ€™â€™ during the
Roman republic: Problems of evidence and interpretation. JRS 71: 10â€“23.
Rathbone, D. W. 1991. Economic rationalism and rural society in third century AD Egypt: The
Heroninos archive and the Appianus estate. Cambridge.
Rathbone, D. W. 1993. Egypt, Augustus, and Roman taxation. Cahiers Glotz 4: 81â€“112.
Rathbone, D. W. 1996. The imperial finances. CAH2 10: 309â€“23.
Rawson, B. (ed.) 1991. Marriage, divorce, and children in ancient Rome. Oxford.
Rawson, B. 2001. Children as cultural symbols: Imperial ideology in the second century. In S.
Dixon: 21â€“42.
Rawson, E. 1985. Intellectual life in the late Roman Republic. London.
Rawson, E. 1991. Roman culture and society. Collected papers. Oxford.
Reardon, B. P. (ed.) 1989. Collected ancient Greek novels. Berkeley.
Reardon, B. P. 1991. The form of Greek romance. Princeton.
Redfield, R. 1956: Peasant society and culture: An anthropological approach to civilization.
Chicago.
Rees, R. 1993. Images and image: A re-examination of tetrarchic iconography. Greece and
Rome 40: 181â€“200.
Reeve, M. D. 1986a. Celsus. In Reynolds 1986: 46â€“7.
Reeve, M. D. 1986b. Scribonius Largus. In Reynolds 1986: 353.
Remesal Rodriguez, J. 2002. Baetica and Germania. Notes on the concept of â€˜â€˜provincial
interdependenceâ€™â€™ in the Roman Empire. In Erdkamp: 293â€“308.
Bibliography 665
Rengen, W. van. 2000. La IIe leÂ´gion Parthique a` ApameÂ´e. In Le Bohec and Wolff: 407â€“10.
Reynolds, J. 1982. Aphrodisias and Rome. JRS Monograph 1. London.
Reynolds, J. 1988. Cities. In D. Braund: 15â€“51.
Reynolds, J. and Tannenbaum, R. 1987. Jews and godfearers at Aphrodisias. Cambridge.
Reynolds, L. D. (ed.) 1986a. Texts and transmission: A survey of the Latin classics. Oxford.
Reynolds, L. D. 1986b. The elder Pliny. In L. D. Reynolds 1986a: 307â€“16.
Reynolds, L. G. 1986. Economic growth in the third world: An introduction. New Haven.
Reynolds, P. 1995. Trade in the western Mediterranean, AD 400â€“700: The ceramic evidence.
BAR S604. Oxford.
Ribera i Lacomba, A. 1995. La primera evidencia arqueoloÂ´gica de la destruccioÂ´n de Valentia
por Pompeyo. JRA 8: 19â€“40.
Riccobono, S., Baviera, J., and Furlani, J. (eds.) 1968â€“72. Fontes Iuris Romani AnteJustiniani.
2nd edn. 3 vols. Florence.
Rich, J. W. and Wallace-Hadrill, A. (eds.) 1991. City and country in the ancient world. London.
Rich, J. W. and Williams, J. H. C. 1999. Leges et ivra P. R. restitvit: A new aureus of Octavian
and the settlement of 28â€“27 BC. NC 159: 169â€“213.
Richardson, J. S. 1996. The Romans in Spain. Oxford.
Richardson, Jr., L. 1992. A new topographical dictionary of ancient Rome. Baltimore.
Richlin, A. 1981a. Approaches to the sources on adultery at Rome. Womenâ€™s Studies 8.1â€“2:
225â€“50.
Richlin, A. 1981b. The meaning of Irrumare in Catullus and Martial. CPh 76: 40â€“6.
Richlin, A. 1984. Invective against women in Roman satire. Arethusa 17: 67â€“80.
Richlin, A. 1991. Zeus and Metis: Foucault, classics, feminism. Helios 18: 160â€“80.
Richlin, A. 1992a. The garden of Priapus: Sexuality and aggression in Roman humor. New York.
(Rev. edn. of 1983.)
Richlin, A. 1992b. Juliaâ€™s jokes, Galla Placidia, and the Rom</t>
  </si>
  <si>
    <t>b'-\x8d\n\xaf\x02\xc8\xf9\xdf\xd5h\xe0\xb6\x91\x8d\x9b\x9f\x81\x9d\x8a5La\xa8\x05\xbaRd\xfbfSv\xb6\x02!f\xb0V;\x9b\xd7\xbc-\xb5\x12-\xc50\xe7\xc1\x7fPe\x0c* \xd6G\xc2\x8a\xc5\xac\xbfk\xfcS\xae\xb1C\x8b\x9c&amp;p\xd9?-t\xc9\xefl82?\xd0\x16\xff\xd2\x1d\x0c\x88\x85c\xd3\xfa\x88Mb\xc7\xa0]!\xd2\xcb\xa3\xd7\x8e\xc2o\xd1\x89\xfc\xd2 g\xb7\xf5NX\xcf{Yv\xe2\xae\x83\x845\xa1 \xbf\xd6\xdf\xc1\x0f\xbccUvlW|\x14\xder\x1b\xba\x7f\xf4.\xb6\xf9\xbc-;2W\xf3\xa7\xd2$\x8dR#\x13\xbf\xb6o=\x05\xf3\xb4\x06\x07\x10\n\x1a\x18*\xef\xebY\xab\x1dO*\x8a\xd7\xe4\xaaWWu\xa8P\x1d\xe5\xe4\x8d\xd5\x94:\xb1D\x11li^\xba\x15\xff\x06/\xc5l\xeaz\xe7\xed\x9e\xabK\x89m\x1e\xd6&gt;\x05\xa0\xae\xe9+\xe1G\xb4\xeb7+@;\x10\xac\xadt\x04z\xc02\xf3\x87\xf9\rQV\x92\xaa\x06\x83f\xf2\x13h\xf1\x9e\xf1\xb8\x98x\xc3B\x93O\xcf\xa1\xeb\x90_@\xb6\xb4v\x03~\xfb\x1bN\xe7\rF\xcd\xec\x05,\xc6lXJ\xff\x85\xdb\x80\x13\xaf\xdb\xecx\xbf\'\xf3\xb2\xd7R\xc5I\xd7\xf9\xcec\'\xacyW\xaa\xe4"\xde5\x07\xdd\xd6\x8f-\x7f\x98H\xcd\x8f\xe7\x9b\xb3\xe3\x96\xd6(\xf9%\xcb*\xd0h&gt;\x8c\xe7\xe5$~\xc3W\xf0\xe5&lt;\x04Z\xc9\xde\xdf\xd4\xa6\xe4\xf6\xb0\xe7\x927\x82O(\xe6\xbeiL\x0f\x8a\x97\xd0\x01kO\xfa\x8e\xc2e$\xef\x82T\xeb\xee\\..\xd1\xaf)\x8dA\x1b\xbd\x06\x86c\xc1=\x9f]N?vd\x19h\xa4:N1\x02\xbb\x1c\xd2\x00)d\x1e"\xff\xe7\xa6\xd2T\x03\x84\x81\xde\xcf\xf9D\x92\x18\x94\x95)\xdc\xbc9 |E\xc0;\xe1\xd5L\xa7\x80l\xb1\x97A6.\xed\xe69\xa4\x19\x16F\xbc!\xdb4\x87$+Y&amp;\xa7\tA4w\xa3D\xc1\xcb\xde\x1b\x18\xd81\x03\xe4\x0fx\xb8H\xaf[\xaej\xa3\x01\xaf\xc5\xef\xd0\xff\x96\x17\xb2\xfcVey\xc5\x80\x8f\x0f\xe4\x88\xa2O\xb7\x89%\xe3\xf0\xca\x00J\xb1~\x961\x17\xba\x0e/\xdb\x0f&gt;\x19\x0bc\xcb\x11W\xf2\xf2\x06\xabuH;-2\xa4]\xf3+\xd9\x0cl\xfc\xd7\x7f6\x81\xa2+\xdd\xc1\xf7\x92K\x06K\xc9\x1c\xee\x7f\xfee\x8c\x82\xb92\x86u0\xef\xb3e\xc8\x02\xee\x163\xbd\x96\t\x14\t)^\x91\x04f=\x08\xcf\xb8\xf5R`\xc3\xd8\xa6aI\x1fXX\x16\xc9\xd2d\x90\x9a\xdf\x8e\xf8:a\xfa `\x03\xe2\xa9\x1a@\x95\xda\x1b\xf5\x1e"\xbe.f\xe85\x80J\x97\x1c A\r\xccZrw,\xfb)%S\xd7\xcbq-\xe5\xe3;Z\xf5t\xde\x87pg\xb8\xff\xd4\x08k6\xf3\xb3\tk\x8b,\x0c\xbf\xf3`\xaf\x81K\xd9\xff\xe5\xa8\x8ef\xb2\x97\xc8\xcap[\x9bPn^TU\xbe88+R\xd3`HGl\xb57y@\xe9\xf0\xc2\xd3\xb0d\x81\xffU&gt;\xa7\xfb\xe6\x0e(\xa2\x8f:\x95\xdb^\x8b\n\x08\xdf\x9d\x16B\x9d\xbf\x08\x18\xc4\xc8\xf5\xf2~$\xaa\xb3\xba\x19\xb4\xeb\xc3eP\xa9q\xaa\xa2\xd4\r\xe2\xc3\xccC\xaf\xbd\xc0\x04c\xb3BI\x13\x11\xc5a\xba\xf7\x19\x8f\x0bL\xdfi\xfe\xc1\xa5\xba\xf22H\x96\x8f\x01\xda\x90\xcaE@ [\xd4h\xd9\xf0y2\xe9w\x9c\x16=&gt;\xe1n\xcc\x88\x19\xe2&lt;.P\xa0\'S\xe9\xb2\x98\x0c\x03\x19\x1d\xe2\xd8\\\x11Cr\x89\x16\x80\xa1o5h\x1a\x17\xf6U\x95c\xb5[\xbe\x98\x07\xfe\'0\xa0M\x114\x0c\x8e[\xb8\xd2\x9aw)\x05\x1c\xc0\xdf\xb1\xa1\xf57\x83q\xbf{\xea\xf9\x1ad\xf6\xff@c\xa3\x18\x8c\xe8\x94\x86@\x84\xfdEP\x97\xe2JnX[\x9e,\xa0\xf9\xb9O\x8eH#\xad\xd5\xeb\xfb\xba\xf0\xde.\x0eH\xa74\xa6q@\x8eM\x0e\xa3UP\xc0\x0c\xec\xb1\xb3\x0c\x13\x80\x8e?x\xba\xeb\xb7\xea\x1e\xf7BF\x8ff\xda\xacY\xa4b\xcd\xf2\xbe\x02&lt;\xadC\xc2\x84\xb7|\xf5\xdc\xa2\x91CM\x0cY\xe2M&amp;M\xd8\xca\xc2\xd5~tG\x01\x1b\xf3C\x8bM\xb1&lt;\x87\xec\xc1\x0f\n\x96m\x9e\x03rW\x0b\x16\xdf\x07\x19\xbe\x08e\xca\xd8-\x89ls\x80Y\x17\xb78o\xc1F\xdb\xe0N\x19c\xcf\xea\x9a\xa3)\\Rj\xbb\xd42\xc0_A\xdc\xac\xfeeG\x99F\xd5\xd6r\xbdYI\xcc\x8e\xaf(\xb0yX\xf1\x91\xb5\xca\x107\xbc\xedC\xb7\x1e\x92\xa4G\x95\xe2\xf3\xc3\xc4F\xbb\x0c\xdf\xa6\x0b\xd4H\xc2\xba\xc8L\xe1\x9b\xc6sK\xa7\xf0W\xa2\x11\x8a\xad0\xc4C\xa5\x98WK*f7\x1e%\x85\xc2\xfaF\xd4\x8c\x85\x90TG\xf0\x04l&gt;&amp;\x95\xd3\xecY\\\x97]\x13\x0fu\xd5\xd5g\xd9n9\xf1&lt;\x8e2\x1dK\xe9\xa2{:\x8b\x08\xed\x19d\xbc\x8aa\x08\x02\xdadtqA\x9eHY9\xab\xfc\xea\xdb\xeb&gt;\xa4\xdco\xdb\xba\x8f\xd2 \xe6\xe7\xcb\x8b\x94\xb0\x8f\xeaSMd\x81\x1e\x03J\xd6\x05$\xc8\xc1\xdd\x8c!\x99l\xe5B\x8a\xfd\x10\xf3\x80P\nA\x0b\xad\x9c\xa3H\xfe\x10\xfd\xcc\x81Q\xc6\xc9\xbbh\x18\xc0/R\xb0\x81\x02\xe4\xe0\x1a\xd7\xd9\x88\r\x8f+v\xf4h6\x19!$\xea\xa8e\xe8\xb9\xab\xf9t"u\x1f-\x9fm\xff\x9a\xcd\xd1G\x9be\t\x8d\xa0y\xe0\x8bRx;p\xdcw\xec4\xfeZ_A\xc2\xc7\xd0\x8d`&gt;o\xc4\xfc(,Or\xa2U\xbdG\xe7\xc1\x9b\xcfV\xd3\xb1r\xaa/\xb2\x98\x0e!+\xf2\xed\x15\xc6\x9a\xf7\xf4hm\x90:\x84\xfeU\\\xd7\xebeVY\x1f\x03\x12Z8\xd4\xb7&lt;\xaa\x9d"\xe32[\xc2\xc7&lt;\xc7\xcfg\xa2\x97:}\xf834u\x18\xb2\x9b\x08\x14l\xe5\x0f\x0b\xfb\x18\x87$\xedT\x86k\'\xf1\xa8\xa9\xb0\xc5\x82e\xaf\x13\xe0\xab\xb4\xf7.\x15\xac\xc0-\x8b\xf7\xa6"\xc5|\x96\xa2\xad\x84\x0e\xfa\xc0n\x95\xfa;\x92\x1f\x07Mv\x9a\xe9G\'\xab\xfd\x86\x1d\x00\xea\x92\xf1\xba\xdc0\xf0|3H\xaf\xa6\x8b\xd9\xea\x82\xd8c,\x1c\xd6\xbb\x96\xa4h\xf0\xbdp\x0f\xaa\x02\x15\xe8\x84\x18\x86\xc3\xbf\xfc\xca\x07\x011\x8e,qs)\xaf\x84\x81"u\xf1\xcb\xf3T\xa0\xd6g.\xedka\x92P/\xcb^\x11\xcc\x1a\xb7\x87\xae\x01\xcf["\xfd\xb5S5I\x88\xe2S0\\#\xc7\x11\xdf\xd8\x00\xab\\\xcd4\xa9\xc0\xbf[\xbd+\xdbs\xf1j\x8c)\xe0\xca\xb51\x0eq\tt\xbeu\x00\'\xce\xa5\xf2G\xde\xe6\x11\xc5\xa0\xf1\xa2\xbb\xf7D\n\x9c\xf1\x89\x06\xad\x07z\xa7c\xaf\x95\x9a\xb7}\xb0\x0b\xaff}\xbc\x8f-n\xe5\xf3\xff\x9aF\x1c\x8d\xf9\xd2\xc2\xf3\xda8\xd9!(.\x0c\x16\x1b\xd9e\x85?6r\xff5v\x0c\x08\xdek\x0bb5\xd5\xcf\xf3\x0e\xbf\xefo\x8a\x97\x1b\xdd\xb5\x87\xa5_v\xfb\x1eH9\xdbdD\xb4\xb8J\xb5\xe5\xd2\xae\xd3\xcf\x07\xfc\xe2\x95\xdd$\xb0\xef\xe4{\xc9\x88\xb95\t\xf5\xac\xc4\xa3Vc-2Z=I&amp;\x9d\xf9\xa0\xf0xE{\xf4(\x92\xb0\x81\x07~,\x1f~=c\x1f\xeeM,\xfcm\xab\x84\xaag\xf13\x0ef\xe0\xd6U\x8c\xd9\x0b\x90MQu\xfe\x92\xc9B\x9f\xec@\xbf\xd2\x83A\x17x(D\xbc\xec\x05.\x88\xb3\xbaB\xb7\x9e\xf9x\xe1BS\x94\xf1c\x15aG6\xdeLTS}\x16\x1e&amp;\xb5\xa8\x9fo\x0f\xcd\x95\xc6\xe0\xb6&amp;h\x19\xb9\xa9i{\x81\xf3\x19\xf5F\xdcM\xca\xc3;\xeft\x15\xf6\x02Q\xaa\xea\x864\xcf\xa2\x87\x04\x1b\x90\xca\xd7\xbb\x0b\xa5_\xe3\xde\x0e\xa0\xc5k\xf7w\xba\x1c\xe0\xfa\xc3\xf1\xc2h\xe0\x1a\x94\x06\xe5\\\xf5V{PJ\x11G\xb4\xc6\xc5\xa7#H6M\xf6+\xbf\xd8\xfd\xfc\xc5\xe8\xfa\xc3\xba$\x94\nW\xcf\xa8&lt;\xce\xe3\x98N\x90\xd8\xb1(\x82=\xb5\x04\xf3{\\4P\x1a\xad\xae\xc5\x986\xb5Y\xe5`\x89\x8fz\xfb\xd7r6\xc0\x86\xb0\xeb\xebab\xc0\x80\x1bKO\xed\x17_^\x98\xa6\x0b\x8eG*\xee\t\xb8\xad\x08"\x0b\xac%\xe1h@\x1c\x13\xbe4\xa4\xaf\x0c\xda\xa2\xbc\xd7\x07\x96\x10\xee\xc0\xdf\x12\x05FGP\xbe\xb6z\x98\xa0\x11\xa3?@G\xabk\xfb\xc0m\x15(wR\xcal\xf6\xd0\xbd\xdfWo\x9d6#\x9c"Y\x032{#E\xbcT6\x8dGi\xfa\x12h\x02\x8c\xf5\xdb\xc8Z\x83\xc6\x93m9\xbe\xd2\xd1\xbbQ\xf0\x07Y\x19B\\j\x13\x03\x07\x90p\xbc\xc1O\xc5\xa6\\&amp;{\xf4b\x1at\xc6\xd0xp)L\xb8#\xcd\xfc&lt;\xff2\xfaZ\x1dBd\xd9\t\x05\x80Mz\x96&lt;T\xea\xaf\x15M\x05\xd8w\xdd\xdb\x86DC\xb2e#\xc1ek\xb6\xa4\x06\xe0\xd4\'\x93sS\x14\x920\xdd\xf4l}(\x08\x0c\x1f\x1b=B\xfc\xb8\xf7\xe6\xb6d\x12\xa2\xbc\x9d\xe6\xf4M&gt;|\xdf\xfd_\xf1\x97\x88\x86\xec\'C\x93\x8cd\xbe\x1dHW\x13\xd4H\x8f\xed$1x\xfe&amp;\x91\xdch\x91\xf9\xd8@~\xdf_\x9c"@\x00\\5\x94&gt;8\xda\xa1\xbe7,\xeb-\x00}\xb7\xc9Y``j\x03}\xb8\xb3\xea\x8aH\x99p\xd0\x9a\xa1\x9b\x0cy\'u&lt;5\xb1x\xb6h\xcb\xa3\x92`\xa3\xfdw\xc2;\x03J\x05\xd9\x1e\xd4\x8eW,\xcbL\x01\xd0\xae#\xf8K\xca\xa4FHk\xc8r\xfd\xb0*\xe0 q\xf1\x99\xdc\xc4\xeb^\xd8F&amp;\x97\x10\x01\x04\xb4\x1c\xb9g\x9fmw\x10s\x01#;&gt;0o\xdc\xfcZ\x16\x98\x8f;&gt;n^\x13D\x06P\x05\xc7\x95t\x0f\x05B\xaa\x02\xe0\x84\x18\xb4\xaa\xb1\x96\x0e\xf4\x15D]u\xbc\x12F\xb4\xac\xeb\xad\x98H\xbe6~\x98L\xd6\x1dH\x96\x1a\xda\xa7}\xf5l5m\xff|\xfe\xc5(\xf1}\x91}:R\xd3\x9c\xf4$`\xb8Gp\xf8\x95\xc3G;B\xfa\xbf\x15\xb5\'\x1a*\xe3\x1d\xe0\xed\xb8.\xa2\xd1\xed\x12\xablO\x11j\x96\xe4@z(\xeb\xe5\x91\x8a\xb8\xa1\xd2\xa5\xff\x02D6\x91\xf4\x0b\xcb\x19\x06l\x8a\x936\xf2\x85\xa4{\xc0l\xbf\xaf\xab\x9dfw\xfa\x17\xfd\x19h\x7f\x04\xdeU\x9c\x13\x8b\x16\xfe-\x83\x8b\x8cy\\\xe0p\x92\x96\x9d\x85!&gt;\xa9\xa0\x0f\x89S\x92n\xacv\xb08\xd1\xd0\xb6@SH\xa9\x80\x05\xe3\xea\xaf\x1cg\x1d\x81\x93~\x15\xef\x11=\xf6\x99\x97eA$\xac\xee^\x80Yj\x8c\xa8f|\x8f\x0c\xdfG5\xc2\xf4D\xf6M\x18\xf7\xc4\xff\xac7\xc0k\xa5\xbe6\xc6\xc4\xdb&amp;\x8eilc\r\xf5}\x1d\xf2\xea%\x9bf\x1d#\xcf\xd2\xf80\xed\x1f\xf9\xd99\x9e\x08\x90-(;z\xd0\x12\x18\x98\x97[cW\x89\x03."\x14\x99/\x7fe\xf9\xb9q\x8e~\xc6\xed\xe6\xd0L\xa3\xb4\xa5;\x06\x07\xdf. \xb6\x0f\xcc\x117R\xd9\xec\x0c\x89\xf1 K\x89\xdd&lt;\xc9^\x96\xde0\xb6I\x13\x81\',\x11\x9e\x99\xd0\x97\xf3\xd4[:C*ZA\xb5qb\xd5J`\xdd;\xba\xcc^2d\xbc\xf5"\xd2Wy\xd6\xeb\x17K\xcc\xfb4\xb3\xa8\xc2\xe0\xba\xb3\x84*\x81\xbeQ\xf6\'\xa7%`\x81W\xdb\xe2[8\x01\xcf\x00\xad\x87\xb6(/o!\x9f\xb2\xf1\x0b\xe8W\x0e\xa7\xc8\x8f\x0b\xd9\x11\xba\xfdY\'\xe9@\x81\x98\xe8\xb7W\xdc\xab\x90F\x12\r}\xcf\x1at^\xa1\x11A\x87\x07Md\\\xdf&amp;\xbde\xfa\x1eX\xf0o(\xb7\x8c\xa3SP\x9e\xdf\xf3;Pj\x1b2\xb4\xe8\x7f\x02\x95X\x9c\x13*\xbb\xa7\xc2S\x05\x8f\xd4~\xe0%\xa7t$\xf6a?\xff\x9a\xabj\x96$\x1e\x1e\x00\rr\x9e\xbdR\xe3I(\xa1\x1c\xc90iS\xb6\xf6eQ\xa5L1c+\x8f\x918\x98\xf4\x88\xb41\xff;\x18by\xb1\rN\xd1\xd2K\xd7\xc5\xb7\xeb\x0c\xdbY\xf2M- X\x00\x85c\x97\x02\x9f\xee\xff\x87\x10:j\x8a\xe1\x13U"\x16i$\xe34\xaa\xcb\xa0m\x84.\xb5\xb2D\x9b\xb3 g%E\xba\xf9\x06O\xda\xdd\xdb\x82g\xd8,z\x81\xe2f05pu\xac\xcb\x18\x8c`\x15\x86\xde\x8b\x8e\xef\x87\xf5\x99\xb9\x7f\xe9\x9f\x91\x11\x14\xd5\xddH\xa4\xf2{8\xd8\xe21\x83\x92\xf0\xd6\xfa\x03O\xfa\x9c;%\xab\x12;\xee&amp;\x84\x82df*\x91\xc8\x87\t@\x13\x8d\xc0\x08\xc4Nc\xb2\x1fohX\xb0/\t\x9e\xa1\x84\x03\xe1\xa9\x97\x91\xc7\xbd\x14!2\xcf\xc9\xe9\x9f\xefIM\xfc\xbd\x12\xa2z\xf2\xd2\xaa.\xe0\x0e\xe1}p\x9b\x80}\x12\xa8\xf0\x94\xbc&amp;6\n\xc2\xfa\xd0\x91\x11G\\;\xec\x88\x17@\xb8\xe1q\x84"Z\xaf\xa1\xda\x00\xafL[\x8d\x89\x04\xe3\x06\xb7l\xe5\x8b\xf4n\x99\xc0\xbe\x92\tQ\xc3\x13[\xdf\xa7\xcc\xfcw\xe4Q|(\x859\xbe\xc3O\xd2(\x80\xd9\xa3\x00\xb6\xe9\x96r\xc3\x1e~j.7\x8ae\x95\\\xfe\x1e\x9a\x1d\x07\xb9~\x06\xb4\x88\xec\xc6s;\xef&lt;\xfej\x1f\xc7\xd2R\xca\xa79\xf0\xc2\xaa\xc1\x9b\xc8\xdaqfY\xa8\xb0\x83\xa3\x83\xec\xed\xdd\xb4\xcb\x85\xb1\\\x0f\xe5\x06F\xfe,\xfb\x94#\xfco\xfe\xecs\xf7\xa8\xa7\xec\x03_\x1f\x8c\xfa\xa7=\xe1\xaad\x1ei\xe3\xf0\xaf\xf3\xf7\xcd\xb5\r\x0e\t\x16u\xbf\x10hCf\x16*\xdaI\x94\xdc_\x9d\xa0\xff\xc1\xdb\x813M\x02\x06\x12\xa6j\xee\xcf\xbcR\xe6C\xb8\xfa~ 7\xaf\xc5\x03\x82f\xb1\xa5\xec\xf1D-Bc\x98\x1ed\x17f\xff\xb7er&lt;\xdb\xf7B[L\xe3\x8b\xd9\xb0\x8a&amp;\x99\xde\x1c\n 8$\xe9\x95\xf3\x0c.0\xce(\x15\xefA\xc6uQ\x13\xa3\xda\xe39\x00\xfa\x03\xcf~\xcf\x92\x92\xd3\xf66\x88Eo\xc0p$\xec\x95~\x95\xe0c\xa0\x97\xc1-M!\xdb\x94\n\x01\x89\xeb\xe8\xde\x95\x03:AW\xb6i0fe\xf8\x07\xdb\xa5+!\xdf\xb89;}\x91\xe8\x0c'</t>
  </si>
  <si>
    <t>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</t>
  </si>
  <si>
    <t>b'-\x8d\n\xaf\x02\xc8\xf9\xdf\xd5h\xe0\xb6\x91\x8d\x9b\x9f'</t>
  </si>
  <si>
    <t>tto shewed me the trees as he was talkingâ€”the wind
 blew cold, and her woman would have persuaded her to return: but all
 would not do, for she was fond of walking in the woods, at evening time,
 and, if the leaves were falling about her, so much the better.
 'Well, they saw her go down among the woods, but night came, and she
 did not return: ten o'clock, eleven o'clock, twelve o'clock came, and no
 276
 lady! Well, the servants thought to be sure, some accident had befallen
 her, and they went out to seek her. They searched all night long, but
 could not find her, or any trace of her; and, from that day to this,
 ma'amselle, she has never been heard of.'
 'Is this true, Annette?' said Emily, in much surprise.
 'True, ma'am!' said Annette, with a look of horror, 'yes, it is true, indeed.
 But they do say,' she added, lowering her voice, 'they do say, that the
 Signora has been seen, several times since, walking in the woods and
 about the castle in the night: several of the old servants, who remained
 here some time after, declare they saw her; and, since then, she has been
 seen by some of the vassals, who have happened to be in the castle, at
 night. Carlo, the old steward, could tell such things, they say, if he
 would.'
 'How contradictory is this, Annette!' said Emily, 'you say nothing has
 been since known of her, and yet she has been seen!'
 'But all this was told me for a great secret,' rejoined Annette, without
 noticing the remark, 'and I am sure, ma'am, you would not hurt either
 me or Benedetto, so much as to go and tell it again.' Emily remained
 silent, and Annette repeated her last sentence.
 'You have nothing to fear from my indiscretion,' replied Emily, 'and let
 me advise you, my good Annette, be discreet yourself, and never mention
 what you have just told me to any other person. Signor Montoni, as you
 say, may be angry if he hears of it. But what inquiries were made
 concerning the lady?'
 'O! a great deal, indeed, ma'amselle, for the Signor laid claim to the
 castle directly, as being the next heir, and they said, that is, the judges, or
 the senators, or somebody of that sort, said, he could not take possession
 of it till so many years were gone by, and then, if, after all, the lady could
 not be found, why she would be as good as dead, and the castle would be
 his own; and so it is his own. But the story went round, and many
 strange reports were spread, so very strange, ma'amselle, that I shall not
 tell them.'
 277
 'That is stranger still, Annette,' said Emily, smiling, and rousing herself
 from her reverie. 'But, when Signora Laurentini was afterwards seen in
 the castle, did nobody speak to her?'
 'Speakâ€”speak to her!' cried Annette, with a look of terror; 'no, to be
 sure.'
 'And why not?' rejoined Emily, willing to hear further.
 'Holy Mother! speak to a spirit!'
 'But what reaso</t>
  </si>
  <si>
    <t>b'\xb20\xbcW\x97\xac\x7fN\x12\xda"\x01\x18\xb6\x92?\xbf7+\x10/\xfe\xab\xed\x80\xeb\x87\x81\x0b&lt;&amp;\x9e&gt;B\xd3\xccP\x1c$\x9cmU,\x17K\xa2;&gt;\xce`P\xb7\x8e\x7f\x14\xcc1\xd3T\xde\x82\x02 \x18'</t>
  </si>
  <si>
    <t>b230bc5797ac7f4e12da220118b6923fbf372b102ffeabed80eb87810b3c269e3e42d3cc501c249c6d552c174ba23b3ece6050b78e7f14cc31d354de82022018</t>
  </si>
  <si>
    <t>b'\xb20\xbcW\x97\xac\x7fN\x12\xda"\x01\x18\xb6\x92?'</t>
  </si>
  <si>
    <t>ur scene. We wanted something real. Matt once said to
 me, â€œI know weâ€™re going to be successful. Weâ€™ll work hard at it until we do.
 Whether itâ€™s this idea or not, I donâ€™t know . . . but weâ€™ll get there.â€ If you can
 build that same mindset, youâ€™re going to be just fine.
 As longtime â€œaspiring entrepreneurs,â€ weâ€™d seen plenty of ideas come
 and go. We saw many want-repreneurs come and go, tooâ€”we outlasted them
 one by one. We tried countless business models and â€œgood ideasâ€ in our
 attempts to achieve success. And we even had fun doing it. Honestly, the
 easiestâ€”and possibly the most funâ€”time of being an entrepreneur is the very
 beginning, when youâ€™re amped up on excitement. You stay up late at night
 just as Matt and I used to do, talking about all the amazing success youâ€™re
 going to have. You dream about the day your bank account is suddenly going
 to explode tenfold overnight. These blustery, late-night conversations happen
 between nineteen-year-old business nerds all over the world every day, and
 they usually lead to jack squat.
 With Matt and me, those conversations led to many false starts and failed
 ventures. We laugh about them today. It took us six years to be ready;
 another year to come up with the idea for the method youâ€™ll learn in this
 book; and four years to build out the model that ultimately led to our $10
 million payday.
 But if you take the steps that youâ€™ll learn in this book and go all in, it
 wonâ€™t take ten years to be successful. Itâ€™ll take you just twelve months.
 Matt and I were the first to â€œpioneerâ€ this method, mostly cobbling it
 together ourselves through sheer determination and hours upon hours of
 research and testing. Since we put it into practice and started to teach it to
 others, it has helped create hundreds of success stories. Youâ€™ll meet the
 entrepreneurs behind many in this book. Looking at the $10 million in my
 bank account that day was the moment I</t>
  </si>
  <si>
    <t>b'\xd2\x11\xe3H\xfaF\xad\xb847\xe5\xd3\x8c\xedw\xe2%#O\xa5)\xf73\xa2Kl~U\t6}\xaf\xf8C)9M\x1e\xafc\xe5\xe1E\x1d\x80\x7f\x8e\xcc4\xc7\x1c\xd7\x0eM~\'\x9c\x1b&gt;\xe1s\x18\xd6\xa4\x03\xf6\xc3\xd4\x8d1\xb6xN\x13\xab2,\x9a\xd1\xa3GiH\xedI\xccH_|\xb4:K\xcd\xc9\xb32\xe8\xb9r`4I8\xf0\xbf\xc5\x15\r\x88M\xd4\x1a\xa42m\x9f\x04C\xdb\xf8\x9a\x88\xf2\xe3^\xcc\xabc\x88\xc1\xdb\xc5\x94\x05\xc5\xfc\xd5\xf8V\xd8$\x02\xe9\xda\xf8\xd8,\x13\x80\xe5/\x14i\xf8\x8b"\x1f\xd9N\xe5\xf0}\xb6\x95\x8ee\xaa\x8e0|\x16W\n\xd9\xa4-\x9c-\xe2\x85\x99H.U\x15\x94\x1a\x95\x16\xc7\xd7Ob?\x85-)q\xe9m\x06\xad\xe4\x976j:\xd4\x1fx\xc6\x9e\x07\xf5\x9f\xec\\\xc5?\xfd\xbd\xdb-\x19N\xf9\xfdu\t\xf2\xc9\xb6\x84\xcf`L$!\xd6-#Z\xd9\x83\xfa\xdcs\xae\'\xe0\x9dp\xc7+(+Hq\xbf\x91\x08\xb4\xd4Cp\x86\xd8\xf8r\x0c\x9e\xfbU\x88G.\xe1%\xb5\x03\xed\xdc\x0c\xe0y\x0fgF\xbd\x82\x1cS\x02uK\xad\x19L\x9e\xf5\xb0\x05Wx\x0f\x80\xf0\x91\xcd\xf3`\xc3t%\xe2\x1aP\x8da$\x15\xc9C\x11\xef\x0c\xb2\xeb!S,1\xa2L]\xb0\xda\xf7\x97\x13Bz\xeft&gt;\xcf\xe5\xe7\xeaa\xef\xff0\x9fRo\xa8\x08__\xaf\x9fH(\xbf\xa0\xb9\xe0\xee((\x81[\x8d\x81\xee-B\xfe\xe0\xac\x18$\xe2+\xc2\xe0\x949\xf0X\xacA\x07\x7f\xdd\xd8K\x85\x9az\r\x1b\xab\xecbTY\x8b\x1b\x17\xcf\x04\xf2\x13\x9e\xddv\x7fF\xe6v\xe7\x8eIE4\x90\x16t\xa2\\F\xfaH\x0c\xdd\x9e\xc4\x8b\x84\xe6\xb4|\xb1\x93\xda\x97\xf1\xb6{\x02\x1d\xbdK!D/3\x11\xfc\ni\x9d`-e\\c\xba\x85hJ\xd8\xa4\x19a\xf7\xa8f\xb4*\xfeF|&lt;Z\x87\xf5\x828\x87%\xd3\xec\x060\xd3\xea\xfa1\x01$W\xd6\xe4\x98\xc3\xf3\xf3\xc7\xba\xff5b\xbf\'\xa94\xa2\x94w\xfe~\x858\xb2=\xdfZ\x9b\x04\xa7\x1c\x89:\xc6\x9c\xd5\n\x07?\xe5\xdeU\xcc\x92Q\xc1\xab\x99\xa2\x02\xf5\xfa\x87\x0e^\xbd4\xe3\xf8\x17\xb2Z\x06\xabU\xed\xa7\x86\xcb\xdeb\x8b\x11m\x01\xb3\x86[\x0bh=\xb7\x85\x17\xf5[\xf0\x98W(\xa8\x80\x8b\x90=\x0fI0\x00w.\x84\x8b\xf1\x96\x9aSu9\xd2\xd7\xfb\xe6\x8aa\xb8\x9d\xbb\x12\xdc\xbb\x9b\xb9c\xdc\x06\x14q\xc5U\x9f\xf1U\x02\x81\xa8O\xf2\t\xe7q~\x0eB\xd6^\xdew\xf9K\x007\xa27\x9c76\x01\xbf\xde\xab\xa5\xae&amp;\x8d\x19t|\x9c\xbe/?\x1cP\xcf\xb6a\xed\xa6K\xe38\x13\xd2\xee\x14.\xd0\xef\xf3\xe0\xed32\xb4\xc2`\x18k\xc0q\'\x18\x90\x0c-\xda\x0cr\xd2\xd2\xee\xe3\xce\xbe\xc1\x05w\xbf\xc5\x86\xac\xe1E\x8dy@hJ\x1c\xe9\xcc\xd2\xa2\xa0\x8e\x98\xcc\x17zf1F\xec\xa4\xe1\x01\\\x87\x87j~+V&amp;\xc4-hU,\xff\xe7\x03fRY\xb2\xb4iF\xb9,)w\xe6\x1c\x06\xfd\xdbS\x06\xc8`\xbc\x84\xadf\xf0k\xe5\xd4\xe44\x94\x10l\x97?%\x9cu\x97\x86j25\x165\xa4\xafelF\xc3[@\x84\x87Px8k\xc4\x83\xc7\xf9\x93\xf0\xda[\x93\x9ad\xf8]e\xf8P\xcc\xaa\x12\xbd\xb3\xa0\x15\xd88-\x14\x8e\xa7Tz\x05\x88\xb7h\x1a@\\=\xb0\xa3y\xa5h\xb2\xcc\tPX\xe0%\\\xcd\xdc\x9b5\xfe\xfb\xcdz\xb6\x04h\x9c\xd1\x8f~\x81&lt;\x18\xf6\x84\xe1&amp;\x06\x8f\x07\xc4=\x80\xd7B\xb1l\xca\x04\x00O,5\r\xa7\xa4\x7f\x8b\x04\x9b\xd8{u\xceb\xf45B\x13\xf4\xf9\xbd\x8e\xa7T\xb8\x96\xc2\xae\xf5px8\xa3M$\x8f\x12\xd5\x9d/\xcc\x91Q)\xfeA\x84+\xfbM\x92\x05\xcex\xb6\xe5\x08\x03\x1f&gt;\xf7\xb6\xdbF&lt;\r\xc5Z\xf52\x13\x8d9\x03O\x11\xbf\x95 &gt;\xb31\xdb\xf8*\x99\xb2\x87Z\xd2\xa2xX\xcb\xb5.9,\xce"\x8f\xbe&amp;/\x87M\xb7+S\xf4E$\x1a\xb2rR\xa5\x93\xf4au\x9a\xa0~K\xe1\xd4b\x17\x90\x95p\xadF*\xec\x99\x0c\x88\xc72=\x97\x98\xec\x80\x16\xc9\x86b\xc6\x86\x8a\x0b!b\x1d\xb2\xe2]\xb11u\x86!Po\x9b\x01)x\xff?\xd5[\xf2c\xb3\xce\xe7*\xe6\xed\xdbD=C\x7fg\x1f\xea\x96 ,\x06+\x87\x8c\x80\xd7\xca^w,J\x94\xb4\xfb\x82;\xa3\x8f\xc0+\xa4\xa6\x01\x08\x99\xc8(\xeb\xdf\xd6:\xc4\xa6\x97\xd5\xaa\x89\xe3\xceD"\xd3K\xa4 e\x83\xb0\xc9\xe5\x1c}\x9b\x1f\xf9\xcbr\xa0Y\xa7x.\x80q2\x02c/\x11\xdd\x17\xa3\x1e\xa2\xc4\xf2\xdf\x0e\xc0\xa2{\xf0\xad\x07\xa1x\x8a0}\xe0\xc3vp\xf0\rQ\x1d\x8fM\xbf$\xbf\xc3\x90!\xcd\x18\x14F\n\rr[]\xd3w7\x90\xe7#,*\x92\x06\xbc\x9em\xbe|\xe95\x8d\x14.\xfa\x00\xf7W0\xda\x94\xe4\xec\x91\x98\\\x7f\x19^\x13\x16\xa5NJ\x05)o\xbe\xce}\x17\xef\x97\xc4\x00\xf1\xac\x06$cN\xee\x91\t\xa2l\x96\x81\x86\xc5&lt;eR\xdd\x8b\x9c&amp;P\x88\x0cD\xdc\xe8\xac!&gt;~\x84\xefA\xe47\xe5\x93\x9d\xaf\xe1\xc3\xe1(\x8fH\xbb\xd8O\x15&lt;\x1c\x00\xf8\xdb\xd9\x11\xc2?T\x15n\xa7.l\x94\x19`\xfd\x1a&lt;\x98;\x124\x85\x19W\xc4\xa6\xd3x\x84\x8e\x8a\xc3\xfc\xe7\xe6\xfeL\xe8\xbb\xb4/b\xb7\x04\xddB\xd2\xa9\xb9\x8as\xd8nm\x18Q@\xdc,\x99(\xa2-zq\x02\x8c\x99=\x9b\xfdi\xb1\xeb\xe9X\r\xea&lt;H\xe5rw\xfbG\x968\xe8P\xc7\x87\x8e\xf5\xb5"\xf29+\xce\x07\xaey\xcaR\x10X\xa0\rN\x9fs.Ps$\x94D\xad\xd3\xb1\xc8\x858S\x91\xa9\x1d\x92\x9d\t\x02\xff\xd3&gt;A\xd1\xacR%\xfe\x81\xc4\xe3\xc3Hk\xc92+\xe7\xfa\xd9R\x92M\x80\xc4P\xf7\xd80\xfb=\xe5:\xbf\x15\x8e(\xba\xe8e\xfa\xb5\xb3\xdfiN\xbc\x8d\x98\x97$\xd6G\x83\xefS\x95\xc1X\r\x0bG:\x8c\xed\xdb\xf1;W\xb1\xc9\x03P\x92c`^\x02\xf6\xa8\xbb\x00n\x1ch\xc9:o\x9f8\x12F\xb0\\\xd7R\x9f\x1bAw\xd1\x12\xc1\x8cb\x99\xa0\xe9!j\x8c\x8a\xee\xces\xf4\xabQ\xa6\x0e\xbe\xf9\xa8M\xf4\xed\x7f\x924\xec\xe6\xbc?\xb6\x9c\rf.]\x80\x8e\\\xd7\x1b\x14\xb02\x01\x063ts@s\x98%\xa3\x85e*7\xffy\x91^B\xe7Za\xa6\x91\xce\x17\x1b\xe7\xd3-g\x91\xe5t\xd6\xff\xffN\xfb\x90%\x1f@\xac\x81\x0f\x10\x82\x1dy!\x86\xf6\xf1\xf3\x01\x08\xc8\x1b\xa3\xc3\xd4&lt;\x05k+\xe6\xa7\x7f\x12d\x8a\x02\xa4x\xe3ta\x8f.Y\x1a\x94\x12\xd7\xa3\x19\x91/%F\xf1\x9fRH\x8dF\xf4y&gt;\xfdx\xc1\xeby\x1d\x9b\x01\r\x9e&gt;\xe6\xb7\xfc\xfb\xf1\xa1\xafn\xb8\xaej\x9e\xcb\x99\x02\x95\x8a\x14kiw\xcb\x1a\x82\x87H\xb5\xd6]_\x1f0as3\x90\x9d_\x94\x01\xe50\xadW\xbe\xdepJ\x859\xa1\x11\x0c&lt;^\xd4\x98\x19A\xfc\xed\xe5\x0b\x9c\xc3\x1a\xa0\x07\x1b\xe2W\xf7\xef{\xadK\xbb\xda\xc5\x0b\xde/\xfd\xf7I+\xd9"w\x1b\xb61E\x11\xae\xfe\xc6\xeb\x8e\xca\x1dQ\xd7\xd4\xfd\x9fN\x15\xa8\xbbC\xed\x82\xa8\xf4\xaa\xb0\xc6\x90|$\xbcG_\xc1\xabRx\xa3\xb7\xdb/a\xb6I\xb9\xe6\x00\x8bk\xc9\xa5z\x81\xa7Ru\x88\xf6\n1$y\xbe\xc4\x1al\xb9\x9bIro\xe8\xafC"\x8c\xf4-\x0f \xba3\x11c\xa2!\xaf\xbb\xf1\x06`\xc1\x85\x1d\x04~-\x0b\x87\xf3\xec\xd0?\x18k\x80\x0f\xcd\xc47\x8a\xa6q\xf5\xa3\xfc35\xc7\x90\xb0o\x93\xe7\xd8\x19\xf4W\xe5\xc0\x99\xccj\xb2I\xb9\x92\x8a\xbd\xfc\xf0\x10F\x8a\xf0\xd1'</t>
  </si>
  <si>
    <t>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</t>
  </si>
  <si>
    <t>b'\xd2\x11\xe3H\xfaF\xad\xb847\xe5\xd3\x8c\xedw\xe2'</t>
  </si>
  <si>
    <t>avoided since it has a negative temperature coefficient of resistance.
(iv) A FET has smaller size, longer life and higher efficiency.
  86
                 Disadvantages
(I) Since FET has high input impedance the gate voltage has less voltage and has less control over the drain current. Therefore FET amplifier has much less voltage gain than a bipolar amplifier.
There are two major categories of field effect transistors namely:
(i) Junction field effect transistors(JFET)
(ii) Metal oxide field effect transistor (MOSFET)
(ii) Construction and Characteristics of JFETs
JFET are of two types viz. N-channel JFET and P-channel JFETs. Generally N-channel JFET are preferred.
Basic Construction (Fig. 14)
In an N- channel JFET an N-type silicon bar, referred to as the channel, has two smaller pieces of P-type silicon material diffused on the opposite sides of its middle part, forming P-N junctions as shown in fig.14. The two P-n junctions forming diodes or gates are connected internally and a common terminal called the gate terminal is brought out. Ohmic contacts are made at the two ends of the channel-one lead is called the source terminal S and the other drain terminal D.
The silicon bar behaves like a resistor between its two terminals D and S. The gate terminal is analogous to the base of an ordinary transistor (BJT). It is used to control the flow of current from source to drain. Thus source and drain terminal are analogous to emitter and collector terminals respectively of a BJT.
Operation
Let us consider n- channel JFET for discussing its operation:
  Basic Electronics
87
                 Drain
Gate
Source
Drain
Source
N-channel FET
Figure-14
UGS
Source
Gate
Figure-15
   Gate
(i) When neither any bias is applied to the gate (i.e when Vgs=0) nor any voltage to the drain w.r.t, sources (i.e. when Vds=0), the depletion regions around the P-N junctions are of equal thickness and symmetrical.
(ii) When positive voltage is applied to the drain terminals D w.r.t sources terminals S without connecting gate terminals G to supply as shown. The electrons flow from terminals S to terminal D whereas conventional dr</t>
  </si>
  <si>
    <t>b'[j"?,\xa3\x19\xad\xceN!\xb6\x86g\xf3\xb1B\xdd8#\x8a\\\xfe\xe2\x9fJ\x1d\xd6\x80$\x1c_.y\x96\xcd\xb3\xe8R\x8a9\x02\x8a0\t\xff\xee\xf9\xff&lt;\x01\xebI~\x03\xb7\xe8\xe9`|\x0b&amp;\xd9A\x1dg\xd4\x9d\xd9\xe9\xea\xf2\x13\xa1\x12bhT\x11\x98\xc1\x1f\x1aV:\xca\xcc\x10e\x14\xf1\xbb\x1e\x9c\x8d\x1e\xf5\xf5N\xa7\x96\xd9\x97n\xa2)\xce\x84,\xa1\x0f\xdb\xc3\x8eD\xb4\xd0\xbadgN\x93M`\x01W:\x98~3\x9c\x8d\xba]\xf2\xe1U\xd6\xeaY9\x01Fo\xb0I\x92\xfe\rB\xbf\xf4\xa0\xf9\xdd1\xbb\xaa\x0f\x0e\xb1\x15[\x10\xa5\\\x00\x19\x0cp\x07\xb1\x8b\x0eL\xa7B\xfe9gxu\xe2\xf7\xad%\xd9\x91\x92\x8f\xa8\x8f\xc4F\xcaB\xe7\xf3q\x0ezD\x1eD\x94\x17=\x01\x9e\xec\x1cD\x0cv\xacdv\x81E\x81\x8c{^\x18\xecz\x8d\x9b!U&amp;\xea\xb5m\xc4P\xa6\xfa|\xe6\xe7\xb1I\x1c\xdd\x1fw\xfa4\x89\x1e!\xdf\x01\xbb\xbbW\x05u\xfc\xa3\xba\x01\x1a\xd7\xd8@\xdd\xfa9\xe8&amp;\xb0\x08pa\xa3\xc9\xb3U?\xef\x0fq\xb2\x08\xceO\x06)~=[/\xff\xc9\xa0\xbc\x19w\x8b?e\x06\xbcq\x0b\xe3\\+\xb5I\xd7\xc5[\x8eU\n\xfe\x86=\x95]\xdfj\x0f\xef[\x8d\xdf\xc5u\xea\xad\x9d\rQC\xbaM\xce\x9d\x1c\xd9\xc6\xae\x1e\xa1\xcd\x0c\x15sac\x1f3\x18\xb7)\x80\x0c\x9a\xa5Q\x87\x1a\x1b\x8f2\x84+\x85N1/h=]\x85yR2\xdaq\xc9+\xe9?\xf4\x0e\x97\xc6\xdd\x02g\r\xfec\xac\xb2\xd1$2\xab\xb2\x9b\xb5\xc6~\x11\xcbm\xb9K\xea\xe4g\x00\xd9^T[\xa4Fu\x8f\x9c+0/\n\xedZ|\x800\x9bM&lt;\xd6\x13\xa7\xd4wy\x12\x89_\x0b6e\x0f\x02T$\x98wX%\xbc\xc3g\x7fC!\xcf*mgpD\xa4\xcd5!\xf0R\x8f"\xec\xbd\x91w)\xb7\xe1\xb4\xa5J\x93.\x96b\xdc\xd8D\x03K\xeb\xae\xd0%\xe8\xf8\xcf\xa6\x1cR\xd6\xf6\xcd\xe0W\x92\xa9\xaa\x94&lt;\r\xe4\'\x01|A\xda\xdaS\xd8o\x1a\n\xa0\xb5\xf0/oP\xfd\xbc\x9a\x80NX\xe4k\x18\xbe$m\xf7#;SI\x1cZ\xbe\xa4o\xb4%}TZTo\xde,\xc9\xbdz[\xc6\x1f&lt;"1\xfaZpt\x90\x16@\xbd\xdc\x8f\xbe\xe0\x8e\xe7Z\xe7\xda\x1e\x99w\xa0\xdf\x9b\xf1\xa2\xab\x16\xb3\x83\xc2\xbc\x18\xa0]M$\xf0\xcb\xb5\x7f\xfd\xd7\xd4\xc9S\xd1\xd4s\xac\xe7hX\xa6\xbd\xe9\xe0\xe6\xb3^\xcb\x04\x90^C}\x05\x979\xe7T\xb4\x1c\x95\x17gi\xb7S\x9f\xe0Wm3\xe3\x1a\x1f\xab\xb7"?s\x7f\xfa\xa8NR\x8f\xe5a\xbe\xfcB\x10\x1b\x01$\xc2xeu\xe4\xdbf~d\xb1\xf5\xd6wI\xb7\x0f\xb9\xd5\x9fr\x98\xb1\x87\xba\x83&gt;\x96\xfa\xea.\\a\x90\x98\xefv\x12\xad\xb3\x91v\xec\xcb\xf2\x00\xcfc\x8b\x0786\x00\t\xc1\xe2\x99\x1acl\x1b\xa5\xe4I\xfe\t^\x91eHb\x98F\xb4Y\x89\x08\xc3\xf1^\xc4]"*\xef\x84\xd6h\x9c\xb4]q\x8c\xa7\x9e5\xd9[p\x82\x86Av)\x10\xc6`\xe1\xff%\xd3\x06\x13\xf2\x96\x95IX"\xce(\\R\xbb\xda5@:3\xd5d\xca%\xfau0\xe8\xd6\xc6D\x83\xb7:n\x029C\xe8\x9a\xeabl\xd3\xa1\xe2\x1cQ\xb6\x9f\x85\xc26\x97\x10\xe0h^$ahq(K\xd6P\xc0 \xed^\xcd\x12\xefn\xde2\xa0\x9f]\xc4@@\x0eh\x10z\'\x1c_\r\xc2LP\xd1\x15\xc0\x88PE\xca\x8e@\xf2\xedH\xc3\tQ\x197\xdbF\x9e\xcd\x9d\x96RF7\xf1\xb2\xa51q\xf0=U\x0e\xbe\x12\xd1\x9a\xcb\xa2r\xb7Br\xf0\x9d\x99\x142\xc5`\xe1\x1b\xf40g\xa1}\xe5\x0bS\xc7pZV6J\xc7\xa0\xf7\xef\xd5"\xa9\xb5@-\x1fa\xefx\x80!\x1d\r-\x82\x1d\x93\x8e7\xf3_\xd2~\xb3\x1f\x82\xf5\x87\xb7\x0e?\xbc?iS\xae\xd4,_@\xcd\xd2\xa5\x05\x95\xbfti\xa6\xd7\x85\xd0\x1f\x1e*Il\xa23\x19\x17\x89\xa9&lt;w\xce\x00\xc9\x9ac\xf1V\xa2\x1f\x18~q\xef+\xc9m\xfa\xa5\xf8\xf2\x0fg\'\x1b\xf9W\x8e\x15\x84\xcd\x95Hrs\xc7^\xdb_G\xe4\xd9\xda\x9f\xa7J!\xf0\xd9\x1c\n\x99\x02l\xd5\x97\xd5&amp;\xfb\x85\xc1\xc9\xc5\x0b\xe2\x8f\x91\x8a\xe8.\xeb\x9a\xf6\x9fG\xc3\xb1\xca^\x99B\xa5\xc5\xf3O\x9d|\x80mn\x08\x9a2\x84\xba\x8c\xaa\xf9F\xb5f\xd2\xb7x^\t\x06\x99\xb1\xae\xfdH\xdcz\xe0\xbf\xf6\x9en\xae\xdd\xf8\x88\x9fM\r\x1d\xae\xff\xf0\xe0\xcf\xef8\x88;\x90\xbd\xdcN\xc9\x00\x8f\xe7\xcd\xa4\x17\xd1\xe7N\xc2\x14\x0eb\xd75v\x87\x87e\xcf\xb83\x85\xe3\x0c\x04p\xfe\x96\xec\x84\x03\x9d\xb3\xdf-\n\xe75\xa5J\xe4\xc8\xb3\xb9\xf0\x11\xf8\x08\xb2\xee,D\x95\xd5\x8a9\x01\xe0(z\xa5\xeaj\xe2\x97&amp;\xca\x12\xe6\xa4\xa41P\xd3\x9dC\xac\xb3\xf8\x83\xa4\xa6\xdb\xfa&amp;\xb8\xa5x\xa9\xc5#\xcf\x03P\xb1\x13\xad\xc1\xb0\x85P\x15&lt;R\x83\xd8\xef\xed\xd9\xcb\xd4D\x9f$9\xcc\x95%\x18\xc0Y\x07\x83*e\xde\x05Y\x1a\xc8pf\x94]q8\x13\xaf\'\x7f\x18\xd0\xca\xe9\x8f\x8b\xdc\x157\x98\x8ae\xa5c Y\xd8\x12\xc4\xf6\x93\xe5r\xa6\x11\x81\xb1\xd9L+\xcb\x99\x82\xdeK \x14\xb6X\xf8\xe2\x87y\x87\xb5*\xc1\xf3)\xb5}\x00V\x9b\x13\xd5\xb6-\x18ME\xefz\xfb^\x0faA\xec\xf94\xbe\n\x8dU\xa1\xc12\xb3|C\xc1R\x9a\x81U\x0c\xb5\xc7\xb9\x8bU\xe0\x15%\x02d\x98\xc1\xcd\x97\xacx\xb1\xff\xc9\x9c\xc0-\x08\xa7"*\x17\xfa\xf1\xffp\xd5\xcc\x8ez\xadx\x91\xfc\xab\x8b\x1a\xab!\x93\x03j%\x91\x82\xc1\xb4\xab\xcd\xc3\xe2\x1b\xacr\xa7\xab\xf6\x8a\xed\xbe\x82w\x06\xd7\xa4u\xdd\x8f\x96\xad\xe2\xccw\xf0\x0b\xb1\x82\x00R\x99\xbc\xf5\xec\x03\x1a\xeevs\xd1\xef\x1c\xb7\xcf\x93\x12\xd7\x9c\xb2\xfb\x93\xe5\xfd\xcf\x08}\x85\xbc\x1b\xbfV\xa4\x9c*\xcd\x9c\'\xdb\'R&lt;\xfdu\xeb\xd8\xb9\xfc\x13\x03\xad\xbe\xb12\xef\x008\xb06V\xe5\xea\x84\xc7\xade1h\x05;\'\xfa\xd3\x99O\xee\xd9w:\xac\xfe\xc7\xa2\xe6\xdb\x90\xfbog\xa8\xf7%\xd2\xfdk\xc8Rbl\x1c\xb9\x1f\xc6\x9b\xdeD\xf4\x94\xcb\x90\xfd \x14\xf5EW\x84\x98\x9e\x16,iS\x80T\xa3K\xd9\xe1\xaa\n4\x04\xa8\xac\xc3\xea\x19\xaa\xf2\x002\x80\xedN:\xa7x\x1a6\x87\xe8f\x80\xee"+\x15\xf7\xb7\xb6\xdc\xa7\x9b\xeck\x10B\x1cx\xf8\xef)\xd4\x18\x9ax\x0eB!\xb1L\x0b\xd3\xab\xb0!\xd5H\x01\x8b\xe1\xe6+\x9e3\x1d\xf2\x12}\xfa\x12\xfe\xbd\xa3\xa7u_7Da\xf1\xd9\xbe\xe2/V\x05\x7fS=\xd3\xdf\x06"\xac\xee\n\x9a\xac\xb0g\x8a\xd4\\QB,\xc9\xbd\x0c\xe6X\x93\xeb\xa6\xc2\xf6{\x92B+B\xf9jO3\xb88g\rWB\xed\r\xb1\xea\x8a\xd1\x90\xfcN\xa8P\x83\n\xbay6"\xfd\xb1\xe8\xee\xe7\x01\xda\x9a\x1f\x0b[\t)\xf9\xae\xe1\r\xb1\xf9\x15X6\xe2\xd3\x9f\x9eU\xfc\xf6\xb1@"\xf1\x84\x15cx\xa3\xf5\t\x1ae\xaf\xcb\x9e\xc8p\xe1\x98I\xc0B{\xbc\x8d\xbbVr\xe7\xb9G\x15\x99&amp;\xff\xc2\xeaB\xe50-\xed\xf5D\xa5\x14\x15\x1dc\xc9;\xe1?\r4|\xec\x00\xa7\xcfq\x89\x02\xb2\xa0\xc6\xc2\x92=\xff\n\x96\x89\xa5\x1b\x84\xb3]w\xc4\x178WE\xda\x8f\x8c=R\x1b\xd1]0\xac\xa9\xba{\xbd\xc4Q\xf5L\x95\x9a\xa0\xbb\xa2\xa9l\xe00-\x18W\x14\r\xcd\xaf~]M\xa4\xf4\x04\x8d_\xc5\xe27g\x1a\xaf\x1a\xa1\xfaX\xf5o\t{ \xfb9\xb0\x13\xca4y\xd9O\xd5\x11Z\xed*\xfb\x1e\x88\xf2\x1f\x1b\xed}\xba,\xd3y\xbc\x0b\x19Y\xa5\xac_X\xbf\x11\xcc\xb9\xb7\x10]\xba\r\x8e-\xa1\xbfsa\x0c4\xe7\x9c&amp;\xf8/\x14\xbc\xbe\xce:\x08"Ld\xd3\xb0\xfdSLT\xfc\xe1\xc7\x01\x1a9r}\xa2,?-2VS\x10\xe0\xa6\x92\x12\xb0\xd0mw&gt;\xe6\x8a#\x01s\xea\x9f\xf9\xa1\xfeQ\x9a@\x86P\xbfi\x12g\xf2\x1c\x0e\x97\xa6\xf8!\xef\x9c\xdcxH\xde\xc7\xbf\x0c\xb8G\x16\xdcZ\x9d:\xd8E\xcc=\x99&gt;:DlRp\x95\xdd(k\xa0\xed\x17\xa8\x10\xc3\xc8\xdb\x95UM\x9e&lt;\xcc\xf4\xc0\xf6\xf6\xa4\'5\xe9\x8aA\x1c\xb5\x1e\xf9Ci\xf2\\\xad\x87^\xe9\x167\xbe\xd2\xf9?\x93&amp;\xa9\xbbj,\xcc\x9aG\xbb\x04;\xaa-\xdb\xda^\x04\xdf\xcf'</t>
  </si>
  <si>
    <t>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</t>
  </si>
  <si>
    <t>b'[j"?,\xa3\x19\xad\xceN!\xb6\x86g\xf3\xb1'</t>
  </si>
  <si>
    <t>I planned on becoming a pastor. My professors in
 college prepared me to be ready for criticism. Sure, they meant while we
 were talking from the pulpit, but products arenâ€™t that different. Not everyone
 is going to like you or what you put out into the world. Someone will always
 be upset over something you said. It just comes with the territory.
 Thatâ€™s not to say that every call I made to a customer ended in angry
 tirades or tears. Occasionally theyâ€™d be pissed, but nine times out of ten,
 people were blown away. Even the people who angrily asked, â€œWhy are you
 calling me?â€ were taken aback a bit when I responded with, â€œIâ€™m the founder
 of the company, and I just want to ensure you had a five-star experience.â€
 That little touchâ€”showing that I was already on the phone, genuinely
 interested in hearing about their experienceâ€”was enough to tip the scales.
 Addicted to Feedback
 There may be no formula or magic potion that guarantees sales growth, but I
 have found certain milestones do lead to a bump in sales. For example, you
 will see a major bump when you cross twenty-five positive reviews. And
 youâ€™ll see a bigger bump when you cross the 100-review mark because that
 means youâ€™re the real thing. There is something about seeing 100 people
 approve your product that crosses the bullshit detector in peopleâ€™s brains.
 Those first twenty-five to fifty reviews can be enough to get you over the
 twenty-five-sales-a-day mark. A hundred will almost certainly do it; every
 market is a little bit different, but thatâ€™s when you have enough in the
 marketplace to be legit, which often leads to a big spike in sales.
 Again, everybody wants a formula for how long it takes to get more sales
 and to hit those milestones, but itâ€™s just not predictable. You just have to do
 the work. The first time I launched a product, it took me about three months
 to get to twenty-five sales a day. Now I can do it in about fourteen to thirty
 days because my customer list is bigger, I have thousands of repeat
 customers, and my process is more dialed in. Youâ€™ll get there, too.
 When a customer purchases your product, you can follow up with him or
 her in one of two ways. One option is to reach out and say, â€œHey, I hope you
 liked the product. Could you please leave us a review?â€
 Pass. She has better things to do, dude.
 The second option is to say, â€œHi, Natalie. Did your order arrive on time? I
 just wanted to make sure it got there when it was supposed to.â€
 Thatâ€™s a give. Thatâ€™s a deposit into the relationship bank account.
 When Natalie replies that it did, you follow up again: â€œGreat, thanks so
 much for the feedback. I just credited $10 to your account as a thank-you for
 letting me know. Is th</t>
  </si>
  <si>
    <t>b'X\xfdo\xffI\x0b\x92\xb0a\x1e[\xca\xc9\xc8\xac\xe4\x0c\xc9\xc3\x99\xa3\xf9\xc46\xfdH)\x0cO?\x03\xe5\x13\xe3m\xd6*\x8b\xd4M\xf1\x19\xe9\xfd*\x19k\xd8\xe1\r\xfc8\x80&lt;8\x02\xab\xf6~&gt;:3$\xe4\xeao_d\xactzF\xd3\xb5\xea}\x92\x19&gt;\x0eR\xacz\xa0;o\x04B\xf3q\xf7\xfe\xed&amp;\xd0\x92\x87\xef\xbd\xaf\xc0\xb6\xe1\xf3 y\xdc^\xbb\x0f\xd2&gt;\xe6+\x98#T\'\xe7.\x83\x92\xb4\xb4\xa6\xed\x08!.\x9b\xbaD\x89k~p\x0c\xb9\x84J\xc2]z\xd2\xcb!l\xa5\x13\xc0\xbf\xae7\xfb\xfa,:\xd6f\x10\x81{Y^!;e\xea\x81\xe2\xcdT\xb0\xb5\x80\x14\xdfQ\x1a\xc4\xec\\\x01\n\xc4G\xee\x11\xedR\xc46:\x0f\x8a\xea\x98a\xe0\x02O\xbc\xff\x06z-]\xf2\xb2\x82\xb9\xed\xcf]\x03\x9a\x8c\x188t\x1b\n\x16\x1e#\xee&amp;\xb7\xd8Y\xce\xe6\x1d*I$&gt;\x14\x06@\xb1\x17\xb0;\x16\xee\x9a^\xa8\xc7\xef)\xaa\xca@\xa1\rKM\x0b\xe1\x05\xe7\x01\xab\xa5\'\x0e\x82e\xd4aQS\xd2\xa3\xe9\xfb\xeb\x05\r\xb2\xfe\xba\xb6O!\x85\xe3\x88\x81\xe1\x91\r\xb0\xbfVk\xd9l\xe5\xbd \x9d\x0cb(\x07\x04\xed\xec\x93\x1cY\x80\xb1&lt;j\xeb\xc14\xb7\\\xe6\x07\x93\xfa&lt;\x83\x1b\x07\xb2,\x88:\xcd\xbe\x08\x060\xecs\xc7\x14\xa1\x1a\xe2+\xe9O0\xb5\xfa\xa6\xa9\x0b\xc0o&amp;4\xbc\xac&amp;\xfe\x98U\x94q\xc8\xb3g\xb7\xeb\xfe\xc43\xe3\x0f5\xc7\n\x0fK\x91\xdfm\x05%\'\xf8\xba\xae\xb6\xfe\x9d!R/\xb1\xdc%\x12\xe9wl\x808\xb9\x8e\x1b\x1e\xd27\xdde\xc4\xbc\xd8y?Ws;\x8c\x13\xc3\x0e\xbc?0\xc3\x0e\xa06t\x94\xba[U\x00\xcf\xa6\xc4N\xd5\xf2\xb9No\xbc\xa3w\xceHW1\xb4\xbd\xefpE\xcbW\xe4Q.\xda\x0b\xf7\xe7\xc5\xe8\x9c\x9dG\xa3\xd6\xd4@-q\x10\xed\x10\x99z=\xeb\xfa/6\xfa\xa7\x9d\xe5bz\x86\xef\xb87\xa2\x18\xb4c\xd7b\xc6a`\x02\x94E\xbf=0\xd6\xcd\xe0k\xb9\xa0{\xf6\x8fZ\x92\x190&lt;?h\x17L\xb9\xb1\xcfeO\xf5\x8e\x95\xa41O\xc2\x1b\xa7\x82S\xcb~\x8a\r\x02l\x19w\x8f9\x03\xc5\x8bJ\xbaJ\xd1\xc2J\x98\xa5QVU\x07\x12\xd2\x0foU\x8c\xc5\x18Y\x87\x98\x8f\x0f\x04H\x03\x05\xf0\xbbjz\xde\xacD\x06}2\x12\xe4\xe0P\x10&gt;\xd2\xb4\xb0c\x80\xa9P\xa5d\x04\x91\x0e\xc8\x02\xc59\x93\x958\xc8\n\xdc\xcbzOxQ\xec`6F\x9c\x16t9\x19\x95\xd6\xe4\xe2c\x88\xf6k\x9f\x06\x7f\x8f\x8c\xd5\xb3\x83\x19\xce\x97\xbd\x03&lt;\x95p\xbb\xe2\t\x9a\xe1@\xddQ\x9a\xc4P\x13\x93o\xc1\x8b\xa7M\xa4\xfa(\x1d\x8a\x0ek\xb6\x99\xa3\xbc\xfb\t\xcb\x99`\xe2w\x95a\x0f\x14\xf8_\xef\xb3\xc2\xf0\xeb\x9bPy\x01:\x03\xa2&lt;!\x92\xf6\x8e\xff\x84{\xc5\x99.\x90d\x1d\xaf\x87Mf\\\xa8\xf89\x8f\xc3C\xaf\'k\xcb3\x17\xdd\xa6\x07\xd6\xd3\xe8\xa95\x93oBt\x99M9\xf8\x14n*\n\x817\x7fI\xc2\x973\xfe\xfa\xea&amp;\xa5q\x80\x8bVc\xc9\xc8\xfdo\xa6G$\xe8\xc2Bj0\xa3\x14`/F\xe7\x95\xc2\x16Op7\xbef\xaa\xed\xc0\xe5\x90E\xcfG\xdec\xbf\xa45\xc7m\x00rd\xab\xeb\tS\xcbR\x1b\xa3\xf2\x9e\xf8`\xbdD\x85\x94\xb2m\xa4Sh\xd2\xff\x01E\xd8^\x8c\x19)\x17\x97\xfb\x10\x93\x80\xbd\xc8ke\xe6\x1b^\xeb\xb2\xde13v\xb5\xe3\xa0\xa9\x02\xd32S!\xca\x8fWl \xbaZ\x8dT\xaf,0\xe8X\xe6\x01uo\xb1\xf2\x9b\x05\xd8I\xa4\xd7\xd3j\x1b\xc3\xdb\x06-@\x97i!\xa1Y2\xa1\xb5\x98\xa9\xa0\nO\x04\x06\xd3I\x17\xd2\x04/a\x1e\xd9\xf7\x88H\x9a{k\x88B\xdbl\x97\xb5\xa01\xd6\x00\xafu\xfb\xe2\xe7%\xbd^4,v&gt;5\xf2\xfaF\xf11\xc8L\r75\xd5\x99\x85\x02\xb7\x88A\x9c,\rm\x0b\xe1oIO\xd5Ir\xb3\xc6\x9e\x96\xb6\x97\xdcf\xe9\x0f.a\xa5\xd0&amp;\x1cjo\xd0$\x9a\x01\x13r\xd1\\\x95m/\xf0\xa6a\x13yH\xb5\x94\x1aD\x18\x01\x10\xe2\xe6\x88^^\x03x\xfd\x13\t\x10\x1a\x83K\x87HA\x93\xc2\xcc\xe6\xdc\x1e\xa6\xb0YT\xc9\xd3#\\`*?i\xc6\x03\xd2y\x19T\xb99&lt;\xc7\x04\xcf\xb2\x08\xb7t\xdf\x18\xf3\xea\x15\xa5\x0cr!,\xb0+\xddP\x8e\xdf\xfc\xdaXxr\xdb\xe7\xae\xa4\xb2\x11\xce\xf6\xaa\xe7\x02\x97\\\xaa|+\t\xb7\xb8\xbc\xaf\\U\xd7\xa4\x0c"a\nL\xb2B\xff\xdc\x9a\x18\x10\xff\x15\xc2\n\xd4n\n\xf6\x94I\n\xe5~\x99\xb3H\'\x1e\x95\xa8\xb3\xf7zC\xb8\x97\xfd\xe2\x07\xc0\xea\x86b\xe5\xbf\x84=\xb8\xe8"~\x11\xd2T\xe8\xc8\x14nu\xe5\x84\xcf\x86\xc1\x82\xd1a{\xa3\x0e]\x1f\xac@r\x84\x1ck\xfd\xb3b*\xae\xef\x99A\xb7NT\x00]\x03l\xbc\xbc\x91R\x81\x10,\x1e!]&gt;\x07\'\xfa\x81!Y\xd2\x82\x80\xad\xb6I\x96\x13\xa7\xbf\x86\x05\x19\x0c\xe4\xbd\xf4_\x98\x01\xa5H\xb3\xee\x07l\x96 \xab \xf1\x00\x06\x17\xb3\x13\xd4\x1eZ\xe6\xec\x9d\x9f\x9a\xaa\x12\x1b\xf2\x82\xd3z\xaa\xc7\xf5\x14v0Ko\x8d?\x15S\xf6\xdb\xe2=\x06nu\xcb\xdb\xd2\xcc\x95\x17\\\xa3\x8c\xf6\x03\x7fv\x1d\xcc\xaf\xeb\xfa\xc7@:\xc2,\x0fM\xdf\xa5\xce;\xedF\x97\x86E\x14\x1a|\xea\'\xe4S\xf9\xdc\xae]\xbf\x02\xdb\xd4~\x89}\xd5\xbb.\xcb(:\xbel36\xe7\x12V1\x10\xbd\xce\xaeu\xb9\xf0^\x82\xb6.\xc0r\xb4s\x94X\xe5\x96`\x1d\x97\x01\xd9\xf6r\xca\x8cW\x07\xdcq{+\'\xceu-\x8e\x88U\x167\x91D\x19\xa7\x9eb\xd3\x04O\xaem \x98\xe5\xe4M\xb7j-\xb9\r\xfc\x1c\x13\xf6Y\xca\xdd,\xd4\xa6\xb8\x1c\x96\xd6\x99rtFd\xae2R\xa8\x99w.8\xed\xe2\xbck\xa6\x06R\xa2\xcb\xb1\xaeS\xa4RKV\x9f\xecp$3]\xfc#\xad\x0b\x9f\xde\xa4\xa3\xdeY\x15\xe9D\xe0\xa1\xad\x7f)\x88\xcdV\x98\x1a\xa4%\t\xba\xef*6d\x02\xc8[2NFaj\x82\x93\x910\xdc@g2s\x84\xb7\xd6\xb0\xf2\xd40S^4+\r[\x11\xdc~n/\x825\xdf\x95\\\xcb\x9b\xbbV\x1a\x8br3\xe9\xadAi\xa8\xc2\xb6\xcd\x8f}\x00_\xa8\x89\x96`\x81\x89\x04\tH#\x18\x90\xf03\xf2\xca\xf7\x98@\xf0\xfaCw&lt;Qg\xfbi\xf1\x1e\xd5&gt;\xec\xc0\x87%\xa8^\xfdx\'#\x0e\x02\x83S\xd6b\xe0\xf8\xf4}\xf2\xe2\x14Vc\x86\xb30IC\x8f\x9dd\x8f7\x96\xa6r\xf2$\xc4\xe4P\xe1F*\x07\x9a\xd9\xdb\x83u(\xfa\xbc\x10N\xf3\x86\xa9 =t\xe7\xfe\xb0\xf9\'\xd7\xa8\x88\xf8DM)I\x10\x9b\xce\x1d\xe6`\xb9\x7f\xf4\xf9{.r\x17"T\x1f1\xdb\xf4U\x14Iez\x81I\xc1\xc3\xef\x81\x19\xd2\xd2\x1e\xe7\xc1\x85\x0c\x91;\xdaJ\xf7\xea\xef\x9f\x05\xe5\xe3}\x18\xdc./\xa8\xb0D\x9f\x82\xa7\xb4=m\x07\x96\xc7\x19\x18\xbaWwyfG\xdcV\xe1\x16\x8bs\xcf\xa9\xad\xd1\xf9i\x84\xa1+Gk\xf6\xb1EQQ\x08\x1e\xc9\r\xa0\x88g\x80\xcb\xf3J\xd3\xeeY\x9bn^o\xc2\x99\xe2\xf04X\x12\xb1\xeff\xea\xf5\xda\x1cs\xf2h%X\x01sq8x\x1a\xb4\\\x82TJ\xaa\x12\x04\xa5@\xcb\xc9L\x18\xc7k\x9c\xe1\xe4OR\x89\x17\xdf[\x87g\xcc\x11\xa4\xe4\xfd\x80\xdf\xd3O\x02\xab\xb1"d{k\x04`\xaab\xe4\xa3\x00\x97\xf6\x06"\xc8\x17\x1e\xb7\x1a.\x83\x8e\xcf0[on\x0f\xb9\x1d\xa7\x0f\xd8/_;\xa6\xc2\xa4\xac\xd8\x16&gt;\xd9\xd3\xd0\x1d\xb6\t\xb3Q\xb9\x7f\x8d\xebU\xb3a\x01\xba\x80\xe7\x8d\xa8`7\xa47\xa4\xf6\x0c\xa1\x06\xfd\x84\xb2\x1c\xb4\xc4XTW\x1aA\x95Tq\xcd\xa83\xa0\xd7\xee\xaa\xb9Z\xff\x0710\xbbKV\xd5\xd3Iq\x8dm3n\x02(\x0f=;\n\xfb\x89f\xfbE\xbe\xfd2\xf3.o\xc7N\n\xde.\xb5\xfd\xeb\xe20\x8b\xd4M\xfd\x9bEC`\xa6\x1dC\xf7\x1f"+\xe2\x89\xc2)\x97I$d\xf0(\xba\x02.\xc9\xb6\x8f\x1bO\xde\xeeI\x8e\xe0\xab\xcf\xf7\xd3\x7f\x0f\xaa2\xbd\x8e\xd0\xecwB\xc3\x84\xf1\x89\xae\xf9\xbb\xf3Ml?\x031|0\xf4\xb3\xbb\x83\xff\xd5\x8d\x1f\xb8\x0cF\x8b\xa2!qq\x95\x928z\xc0\xf6\'Y\x16\xcbx\x8a\xe6\xd9\xd8\xab1\x06\x90\x16c\xc0hl\xe6\xa6F\xb2ol\xe0\'7\x9f\xd9\xeb\xac\xb4\x8c\xa1\xbb\x99\xcc0iG\xc7~\xb6Z\xff\xfbWa^\xc9f\xe3\xb1\x04\r/\xa2\xca\x9f/a{\xf39\x05VBR\x1b8\xd5\tr\xe5\x94 \x0b\xd6\x99\x14\x12\x17\x925\x0c8c\xc0\xdc\xd0]\xf5\x9d\x06\xeeytI\xfc0\x8fd7\xa5\x90\x10.\xaeIv\x82\x1c)AA$+/\xe6\x85\xbc\xce\x12c\xc2Ls#qk\xa5\xa7\x0cKdLR\xdb\xcfs\x8b\'\xa4O\xc5\xafh\x07;^\x1c=\x006h\xa3L\xe7\x96\xea\xd82^\x17:A\x99/E\x982\xe6b[\x04\xedh\xca\x10\x83\xce\x914\xa9\xb7\x07\xeey\xb2\xb4(e/\xe1\xb7H,\xfd$\r[\x9a\\t\x14x\xd7\xd0r\xe4\x9b\x0bB\xc8&amp;\x08n\xb9#\xd7\x1e7\x15[c\x9c\x05\xb4\x91o\xa54\xcf+\xca\x84e)\xd9?EO\xb1\xe4\x00\n\x05\xbc\xdb\x7fYJ:u\xb5\x80\xbc\x8d9*\xa1O\xb7\xf5\x80\x7f\xa6\x95XS\x85\x11\xa8h\x1e \xef\xd0\x1a\xa3J\xf7\xcf\x11"\x018K\x048\xae[\xc0Tg1\xc7\x13kA&amp;^\xce\xc5_\x8f\xa9\xc0\xc5\xa5\xba\xfc\xbc\xd5\xb2\xdd\xfd\x9cs\xe1n\xd8\x08V\x05hN\x9d\x9a\xa0z\xeb\xe4\x11\xb9\xf5\x104u\xc3\x00W\x8eb\xcc\xc3\x15\x1al\xb42X\x8b7\x18\x85\x02\xef \xf3w^\xe1\xc2a\x0f\x16\xa4\x1aT\x1d\xa9a\xae \xc1`\xcfo\xc1HI5\x9e\xdc\x18\xf3\rWF\x8dnT\\\xda\xccRz\xf1\x87\x83x\xcd\x99r_N\x17\'uzN\xa78m\xa5\xb9\xc7\xa9\x07\xea7\xde\x96\xc1\xe1\xf5\xe2\xb7\x1c\xd3o\xae\x12-\xc2\xbb:\xc4\\\x1b\xaa\x94$-O\xb6S\xed\xd6\\\x8d\x01\xdc$\xcc\x91\x07\xd7W%\x87\xc7\x19\xe6\xcdZ\xc5y\xf6\xdc&lt;|\xd1\xc9LZ]\x0c\xb5^\x18\x8d\xe3\xb0\x04\x15\x8e\x88\xf1\x08\xd2{j\xddem\xb4+}\xd8\xc0[\x9d\x11\x0b\x15\xa0(9\xb3i\xdb\xc4\xcd,\x03&amp;\x169s\x18S@\x91|L?\xa7\xd4\xec\n\xb2o\x9b*Wj\x17&gt;\x93\xe2\xf1zW\xd6\xd8=\\c\xb4L=g}x\xd4n\x8e\xe6\xe8\xe5\x7fl&lt;ptOV\xfe\xb7&lt;5\xd6\x1f\xfbZ\x84-\xff-\xb6\xaa\xba\x80t)\xa0gCh\xff\xbby\xe9"\'\xe7\x1f\x07\x08\x86S\xef\xa3l\x95\xd3\xcda\x83\xc1\xc9\x97\xa3\x8f\xed'</t>
  </si>
  <si>
    <t>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</t>
  </si>
  <si>
    <t>b'X\xfdo\xffI\x0b\x92\xb0a\x1e[\xca\xc9\xc8\xac\xe4'</t>
  </si>
  <si>
    <t>In addition, Largus occasionally mentioned medical practices of
the island, noting, for example, that the pointed trefoil grew in plentiful quantities in
Sicily, but not elsewhere, despite its usefulness against snakebites; he first recorded the
Latin name of the plant (trifolium acutum) and then the Greek (oxytriphyllon, Comp.
94, 163). As a native of Sicily, he was most likely bilingual, and some 22 of his recipes
were quoted in Greek by Galen in his own drug books, suggesting that Largus
himself may have written a now lost Greek version in addition to the Latin drug
book we now have (Sconocchia 1983). Largusâ€™ Latin version served as basis for
the pharmaceutical treatise by Marcellus of Bordeaux at the end of the fourth century
CE, now expanded with remedies from Marcellusâ€™ native Gaul. A printed text of
Largusâ€™ Compositiones was produced in Paris in 1529, but the manuscript used for
that edition soon disappeared, and only in the latter decades of the twentieth century
has a manuscript of the Compositiones, copied at the beginning of the sixteenth
century, been discovered in the library of the cathedral of Toledo, Spain (Reeve
1986b: 352â€“3).
Like Celsus, Largus often glossed names for diseases and medicinal plants with
their Greek names, underscoring once again the extent to which Greek medicine had
become naturalized in a Roman setting. He likewise shared Celsusâ€™ interest in popular
remedies, including a therapeutic recipe for epilepsy (morbus comitalis), advocated by
a certain Roman lady, that required fresh blood from a male turtle or a male dove if
the patient were a boy, but from the female, if a girl. Largus looked with distaste,
however, upon remedies in which epileptics were ordered to drink blood from their
own veins or eat bites from the liver of a dead gladiator, declaring such practices
outside the professional practice of medicine (Comp. 17). Largusâ€™ elaborate dedica498 Ann Hanson
tory letter to Callistus began with the much-quoted statement by the Alexandrian
Herophilus that medicaments were â€˜â€˜the hands of the godsâ€™â€™ (Comp. praef. 1; von
Staden 1989: 416â€“18). â€˜â€˜And a reasonable view, in my opinion,â€™â€™ Largus went on,
â€˜â€˜for the healing which divine touch brings about, medicaments long in use and
tested can also effect.â€™â€™ He went on to argue that remedies from plants and their roots
were the oldest branch of medicine, because the race of men was essentially cowardly
and did not willingly undergo the healing that involved cutting or cautery. Largus
chastised those doctors who eschewed pharmacy, for they were violating the promise
medicine declared in its oath â€“ that it would come to the aid of all who asked for help
on an equal basis and never bring harm to anyone, not even giving an evil medicament to oneâ€™s foreign enemies. Not only do these statements make clear that Largus
viewed doctors as moral men, bound by a common code of ethics, but he was
paraphrasing for the first time from our point of view portions of what we refer to
as the Hippocratic Oath:
Hippocrates, the founder of our profession gave us the beginnings of our endeavors
through that Oath in which one promises not to give a medicament to a pregnant
woman that will expel her fetus. Each doctor must make this clear to his students,
shaping their minds from the outset toward the good of mankind. Anyone who thought
it criminal to damage the precarious hope for a human being before its birth is certain to
judge it all the more criminal to harm the living. Hippocrates therefore considered it of
great importance that each doctor preserve the reputation and honor of medicine with
his spirit pious and holy, conducti</t>
  </si>
  <si>
    <t>b'\x85)R\x1d&lt;\xbfpz\xe0\xa3}\xf2\x83y.$n\xab\x13\xa9\x9a\x97i\x00\x1bc&lt;\xe80\xfei1\x04\xe8\x16!\xce\x99-\xc6\xf7\x88.!\xbdB\xafA\xc3n\x8e\xd49\xc1HI\x01\t\x96\x8a\x01(\xd2A\xae\x1d\xd2J\xb6\xfdG\x0b\xc7\x89\xf5i\x1a&lt;E\xfc\x904\x00#\xc4\x8fi\xb1\x87\xa7\xda-\xaa\xa7\x01\xcb\x14=\xa9\x9b{\xc9 \x9ea\xa0\xcfE:\x1d\x934\x12\x89/\xf8\xa8\xa1\xb3\x17\x92\xd2~\xf1\xe4\xc0v\xf3aC\xc1\x9f+Wo\x1f\xd2\xd5\x8d_;*\x0b[\x80{$Q\x89\xbc$\xf1s\x8d\xbe\x87x&lt;\xc3\xfa\x80N:ER\xc5\x9cs\xecV\xf6\xd7T=\x9a\\\xc6X\xbf[\xb6\xbd@\xd9\xaf\xc0\x11z\x9d\xb6\xa7\xf1u\x1a^\x1cO\xf0\x9b\x16\x9a\xbfe~T\xe7&amp;\xd8\xc0\xf6g\x1d\xbfQX\x84\xd6z\xc5\x8f\xd95\xbc\x03\xd1\x90&gt;&gt;\t\xa0\x02h\x0bz\xab%\x81\xd4\xea\x96\xc8\xd9\x14\x11qP\xb0z\x1d`\x1b\xfdo\xec\xa7\xb9\xec\xf0\x08C\x99{\x01\x16\xec\xdb\t\x8cf\x17\xdfs\x8dbu3\xe7L\xf2\x12\x0512r[\xf9\x0fV\x8f;\x81|\x1c\xf8\xf6o\x9d\xe7\x04\x04\xe7l\xb2\xcb\xdcfw\xd5"\x05KS\xc6\xf9A\x1e\xf4j\r\x01\xf7\x8a\x03\x1a&lt;\x80 sQ\x0b\x01\x8f\xffx\xa5\x13\x9e\xc8&lt;\xf7\xfc\x88\x91\xdc{6)9/\x17`\'2oTy\x06\xd6\xc5&lt; \x7fD\xdb#\xd0\x80\xb0\xb5\xf8\xeeW]\x10\xfe\xafd\x8f\x16\xef\xf5/\xf7\x8du\x19\x97\xca\x0f\xb6\xd7\xcd\x93tGX8q\xfdL7\xbcs\x88_\x80\x80\xab\xc1n\xd9\xbb\x8c\xac\xd0\x01I\x96\x83\xc9\xd3\xa3\x1cKS(\x0cu\xb5-\x08\xa3\xf3!\xb9\x9d\x95d4q\x02\xc5\xdb2\x116(\xc1\xdd\x8d\xa1[\xf49q\xa0d\xbe \xb9\x87+\xd5:k\x14A\xd0\xe3IP\x8d\xd1\xee\x1f\xc6\xb9\xc11?A\xf3\xd3\xc1\xcf#\xfd\xc4\x9f\xebM\xa2\x1ee\xf6m\x04\x9eG\xa9\xfb\xde\xad\x82K\xc5\xe6\x82\x1b\xc0\xcf\xb6\x94\xe4\x84\xc2v\xf0`\x84\xb0|Md\x83\x8e\x90sN\'|\xe1YL\xbd\x86\xb62\x0c\x9evQ_=\xbaA\x1ax\x10\xab\x11\xe0\\\xb2\xa9.\xe9\xc6\x87\xf0\x1c{t\r\xbd_:\xac\x9di\xc8\xbd\xa6\xdd\xe3\xf9mN|J\x84z\'\x97\xef\xc0\xe2\x1e[\xb4\xaa\x90\xa9\xd5\x89mX\x86\x03\xd8n\x1c\x02G\x95`\x0e\xfc\xeb}\xe5\xce0\xf6\xdfk\xd6\xc8\xb2\xecc1L\xa9\xe5+-$jZ5rn\xaa\xe3~]\x8f\x9dc\xf6\x83J\x95\n\xfcSoL:\x84\xff\xe9L\xfaaF\x13\x06\xa4t\xf8\xdeZ\xa9K\xe0\x0f \x8fa\xd1\x1f\xf5\xc01\n!\xa5f\xad\xe5\xf5$\x86\x7f\x9bd\xd2{\xb0\xd4\x05\xa8\xe2\xeb\x08%z\xa4%\x84y]\x90\x11\x96\xdc!i;\rWh\xb3YLl\x14c9#\xc0]A\xb9\xec\x17\x959)\x04H\xd1\xc1A\xc9)\x96u6\xc3\xe7l\xfcP?\xbaQ\xd1\xc1\xa4q\xb1\xcb\xe2\xab\xfd\x92\x0f\xcep\xa5\xce\x1f\xdd\x15\xfe=H\x1f\xf7eN\x84\x8f\xbeh+1\xc3rm\xe8~\xd7\xde\tsk\x98\xc0\x9c!\xa3\xfd\x0b\xfdzw\xec\x8b0\t\x00Y\x15\xc5\x9a\x92\xd3\xba\xd0^\x17\x065\xf1\xaa\r\xdc#\x048H\x95\x8f\xe5\xee\xb7\xafO\xbd~\x02&amp;\'|\xb4\xec\xeb\xbe$t\x88~\xccA\xe1rd-3\xcf\xc4\x0eW\x92\xbc\xb3\x87\xf01\xf2\ra(\xd5k\xcb\xfe\x89)g\x82=\x7ft\n\x0b\xc8i \x055\xd0\xd3\xa6\xdb\xba\xc3\x14\x85?\xc9-\xba\xe1\x88Xv\xe1\x8b\x91\xa4V\x93\x16\xba\r7\xdcJ.\xa0*\x87\x96\x96\xe3\x961=o"\xf9\x8cY\xad\xcc\x83\xc8\xac1\x07\xd5\xe81(\x81(\xca\x900\xfbl&amp;v_\x0e7\xe5\xa4\x8f\x85+G\x9f\x18\xc2\xe4K{\xe47\xbd\n\xc5\xcdE\xa2e\x8c\xc5\x98=s\xa8\xec\xb8\tg\x14\x05^\x11\xe4\r\xce\x84\xbeUN\x8b\x03s\x9a\xa0ut\x93\'\xa9mr\xe7G\xf9[\xc5\x16\xe2\xf8\x98\xffb\x8a50m\xa0=M%L\xb5(9\xb2]\x9a(W\xd9\xc0\xcb\xcbk%\xbbF\x7f\xfc\xb9\xe6\xf7q\xcf\xd1.X\xaf\xa7L\xaa\x1d6\xb0\xf9q&amp;\x94)\xb9{\xfa^WT\x07\x1d9\xda5/\x00\xe7c\xc9W\r\xe6Y5\x88\xb5\xab\x97\x0c[\xca^,\x81\x1a\xa5\xe5b\x02\xa7\xdeL\xee)\xcdV\xca\xe9\x87O`\x135\xd6\xfcE\xa1\xd4\x9dX\xc8c}E\x11,\xe9D!\xc6\xbbb\t\x82\xf3\xa0\x80\'\x11\xf6\xce\\M\x03\x14\xb3F\xc1L\xdd\x0f\xbcAq\x10\xde\xce\xfaW\xde\xb5_(\xc3d\xfa(\xf6\x95\xe9\xc4\'\xe6\xec1\xd0)\xb7\xe6\xa8n\x1c\xfa\xca\xc9P(2\xd1\xec\x10S2\x91m\xb7.\xfc\x10\x02\x13\x1a\xfaV=k\xc8\x8deU\xb1\xd4\xadYHD\xe4\x8c\xb7\x9ccHH\x92\xd8]\x8b\xa2\xa8!\xe4\xfc\x0e\xe2\x027\xef\xce\xb1\xb9\xe9\xfe7|\x16T\xa3\x0fx\xddh\xf1\x82G\'\x10\xb2\xaf\xcfE\x97*|\x12\x9e-%o\x9f\xf9\xbe\xe0&lt;\xb1\x01c\xcfx\x0c~\xd0&lt;\xb5\x95Lg|\xbab7c\xa4Y\xb2hGq\xa7\xd0y~\xc8\xc2m\xc5O:\xc5\xbe7\x0c#\x1f\xd0c7\x0b\x85\xb5&gt;\x9c\x93}\xe3\xd4\x9e\x18\x9c$|g@\xb3\x81\xe4\xff\xcf\xa9\xc8W\xa1a,\r\xb1Nc \xd2\x9e\xda\xc8R;\xc8\xc9S\x99\xdf\xa8\xd3\xc9\xdd\xaf\x9a!=m\n\xaa\x03u8s\xe3)y\xc8bl\x7fb\xbc\xd1\x10\x19\x07^\x9c:\xadf&lt;\xf7\x9fX\xce\x1b\xec|\x83Y]\x8e\x11/rk\xffH\x0e\x07\x0c#\xceC\x05\xaa\xe6@)\xec\xe4\x94\xb8\'9\xef)\xe6\x86\xb4\xcd\xfb\x9e\xc7M"\xaf\x1b\t"\x96\xbc8N\xd9\xc3U\x01\x1c\x9d\x7f\xe27\xca\x14o\x06\xacGp\x90|\x11,3\xc3g\xbf\x95\x9f\xd5\x80\xd0a\xe1.y\x13\xd9\x87\xe3\x92\xffN2\xb6\xb3\xa4\x96\x7f\xcbs\xee7\xcc\xb1B\xe6\x89vr\x89\x9bc\xff\nx\xbev\x96I\xd8\x18S\x85\x9e$*\xdc/\xda\x90\xce\xa1\x98R\xad\xd3Vn\x7f\x1dK8\xf1\xbe\x9b=\xa4s/\x0f:\xc5I\x9a\x18\x85\x01*\xd6\xd3\t[;\x08A\x85\xde\r\x98V\x8a\x18O)\xae\x96Lh\xb9\x8a"\xacI\x85\x19r\\\x95\xd6C\xd2\x9a&amp;\xae]\x90-\xab\x06\x1b\x0c\xb8~L\x00C\xce\x05\xf4\xe4mJ\x14\x9aF\xa4\x01\xc5\xa4\x99E&amp;\xad[\x9fb\xc5\x90\xdcd\x966{A\x0e9I\xb5. \x07\xcb\xf4\xe3D\xab\xab-\x8f\x8a\xe3\x8bvuK\x96\xcfc\xe1\xca\x0b\xe1\xf8\x03H\xdf\x8a\xd5r\xa9\xb6\xc3\x16\xd2\xd5\x7f\xf5\xf3&amp; \x1a"\x1f\xce\x98D\x05\x98\x05&amp;P\x99E\x0e.\xc9\xca\xa2\x97\'\x9a\x8e\x1c\xe5\x03\x92\xc0a\xfe\xf3\xc3N;&gt;0\x17\x14\'\xab\xf9\xa3\n\x97\xdb\xb0\x8chc\xd0\xc6E\xe8\x10\xa9\xc5\x9fA\xa0\nE\xeb\x03r\xd1\x8bd\x16\xe4\xb0\xae\x0bWH\xde!T@\x96\xa4\x7f\x92\x9f\xbef\xd0\xa3\xcbN\x18\n%\x8e\x04\x9c\x84%$\x141\x99Qx\x16rtY\xe0Q\xa3}uX\xfc\x1d\xf8d4K\x83\xba\xf2=x\x13\x9e5\xefeK\x862ux\xb5\x983Z5\x17!\xd6\x0e\xb8\x07\xd3\x93\x7f7?S^\x1bo\xc3\'\xe0H0\x9e&lt;$\x17\xea\x18\xa4\x97\x9d\x83\x84\x1e\x8a\xa3mB\x1e~@\xa9T\x88co\xf2\x8fa\x00\x8el\xbbF\x17Or\xd2(\xbb\xff&gt;\xd7e\xf5\xfd\xf7\x93\xba\xfe\xd7gj;wI-\x87/\x9aO\xcf\xa7\xea\xd2\xdd\xa8\xadD\xa7\xda\xa3\xc7H?p\xe9a\x01|\x97\x96\x95Ro\xeen\x82!\xfe\xc8\x8f\xd2\xd2\x80\xa0(\xc1]\xbbN\xd04\x1e\x14\xefH\xba\r^&lt;\xa4\x10\x8d\x998\x12\x90\x81\x8e0\xb8\xf6\xbe\x10y\x05)7\xa9\\C\xf1\xd4p^\xb3\x8c4l\x95\x9b(?BJ\xf0\xf9h\'\x10T&lt;\xba\xc8&lt;\xb4u;\xd9\xda\xd8\x0f"6\xc7;\x0bY\xa4\x8d\x8d/\x83\xb4\xa7\xb3$0\xec\xce\x9dW\xab\x7fe\x01\x82\x08\xb0_"Y\x8d\x84",\xf0\xa3\x95h\xb3l\x81\x8e6\x1e-\x8b\\\xae\xcb\xf3j\xa9\x12\xd1\xa0\xa5\x8aX\x03\xcb(\x8c(\xe2@\xe0\x9aS\x95\xf8\x94,\x0c\x8b\xe3\xb3\xbc}\x923%-\xcbC&gt;\'\'|s1.\x87\x1d\x91^}xm\xdc\xcey\r\x1c\x12\xa1\xa8v\x81\xfb\x86\xb4\xf2T\nn\xc4\xdbp9\xbc\xd8\xa4\x9d\xfd=\xc9\x1c\t9\xfc\xbaM\xa5\xe6\xa9\xc5\xe7=\xfdk\x1bK\xd0\xf0\x87a\xe3\xec\x01y{\x03J\xc9\xad\x83\xda\x19\x98\x9ej\n=\x95\x1e\x92D=&amp;~\xa9bc\x18\xd6B\xac2\r\xeas\x94\xcd\xd6\xa3\xd79o+\xbf4m\xa15_\x9d-\x93\x92;\n\xb6O\xc2U\xf2\x96\x106\xaeLw\x86SB[*s\xe5L\xf2?u\xf7\x1b\x01\x1a\xdb\xdc\x88\x9dQ-a\xf21\xb7\xcaX\xa4y\xa4\x84)\x1d\xb4lNL\rVC\x88\n\x83-\xb2.t\xe8/"_=ANfM \xc6W\x06\x06\xb0\x0f\x10\xdb\xa6y\x91\xf6\x1f\xcb\x83\xf5\xf8\xfbU\xc0\xa9h\x8c\xf8\xe5\xc7\xabA\x075\xe1\x8e\xc3\x9du\xd4\xac\xdeO\xef1h\xd5v\xf6 \x90k\xd2:+\x03\x91z\xf4i\x0b\xbaNi\xfa\xb9\xa1f\xbaN\t\xa1\xee\'\xfd\xa6\xfbqD"T\x9e\x03\xbe\xf8\xe7\xf0\xf6\xd60\xf0\xc9\xcb\x10$\xdd\x04\xfa8V\x94}H\xedH\x9b\xc8$+\xbe(\xa3\xa6\x8b\x05\xc4\xf2\xf1\xb3\xb6*\xd9h\x04Nv\xd6! \x1d\xffX\x1b\x7f\xa6\xc3\xf8]\xc7\xba\xa1H[\x97\x83(\x0e\xf7\xbd\xe9\xe8\xf2\x8b"\xab\rj\x7fb\x80"\xe0\x8d\xba\xd6hQ\xfdv\x8f\x1c\xfcPz\xf9\x9b\x9c\xf6\xd5\xf6$\x8e_\xbfw\xb9\x8aH\xe7)\xe6\x8e\xaa(.#\xab\xcf\xd3\xb6&amp;\x0c\xb2W\x83Z)J\xda\x9a\x81j\xa4@\xb1\xa9J\xe9\x04\x0f\x83\xfao\x08\x15\xb6B\x8b\xa4\x89mz\x10\xe2h\xb0\xe6u\x8b\xde\xf4\xd18\x99\xfd\x1bI\xd4z\xff\x8d\xe3\xeflx\xc2\xdc\xe9\x0b_F\xf6L\xbd\xd5\x0b\xbd6\xe4\xb8lr!\xb0\x19\x1e\xfc)\x1e#\xd0j\x84\xa0\xd1\xa1\xbew\x01[\xbf\n\xac\xd9p\x9f7t\xe6efz\xaf\x08y)\xb8\xe6I\x826\x0e\xdcZU\xbbO\xb5\xda\x95]!\xce\x96\xb8.\xf4\xf8\x94\xed\xc5K.\x14\x9b\x9d\xa5F(\xe4&amp;1\xe5z&lt;\x8b\x93c\x1a\x12\xac\xd59\xc0\xfc\x0b\xe5\xcf\x19\x82\xb5\xd3\xc2\x9b\xb3\x06\x18\x920r\x89\xacI(\nQ\xec\x1b\xdf\xd4\xfb\xa9f\\\xb0]\xb0\x97\xadi-XT=\t\xff\xb5\xaa\xdeW\x9c\xe5\xdf\xf1\x98\xc9F\x1f`\xa9\x8b\x92\x96Q@v\x17\xa0\xb0D\x90\xfb\xb2\x0e\xbd\xebk?\x8bE\x13\xccc\xd8a\xf1\x07o\x04+\x8f\x0c\xf37/\xf7e\x97\\\x10\xb4\xdei\x87a\x13\x94%\x88\xee@\xe9\t7\x82\x93\x9c\xcdtEqsL\xf2pF3\xd4\xf1\xfdW\xb2\x81x\xe9yD&lt;\x8c\\x\xf4d\x083TT\xcb\xba\xaf\n\x9f\xda\xdeo`U\xaa\xffPK\xe1\x8fV1t\xcf\xb4Y\xc7n\xf5"\x08\x8et\x06I\xbf,;\xbc\x19\x1f\x90\xd4\xed\x82\xf9\xe9LD\xe0\xeff\xd2v@\xc16\x16\x86\x82&lt;\x18\x98L&amp;\xfb\x1a\x80\xa6\xfc\x0fR\xf6\xcc\xb0\x88\x16\xb1\xa7#3\xdb\xfe?R\xe0\xc4\x10\xc21E\xe4\xd2m&lt;5F|l\x84\x1d\nj\xd6.\x1a\xaa\xfc\x1e\xebo\xe1\xd9\x86\xd9\xe7\xd1\x0c\xb7\xf2\xaaj\x8a\x90\xcd\xe6B4\x8a;\x85\x18\xe7\x7f&lt;:\xa7\x14\x98\xd9jgz\x9f=\x9e,\xa0\x1a\xac\xaf\xcb~,\xf2\x99\x02\\\x9a\xa9\x1b\x814\x16n\xbb\x0c\xbd4\xb5-\xbb\xd8\x9f\xe3%4\xe1]l\x1b&lt;\xe5\x9b\x86\xa1\x89\x0b{\xaa"\xa3C\xe4\xcd=\x03\x97\xc1o\xf9\xb65\xf5{\xc9hA\x06?\x12\x00\x91\xd9\xbe\x86\x00\x98r\xf7\xf6\x9b\x1d\xed\x904\r&amp;\xf1B\xa1]c\xb5m\xa7E\xc1\xff)&lt;\xfd\xe2SV\x92\xf4\xcc\x01&gt; \xc0\xf0\xfc\x9a\x05&lt;\x85\x98B\xa1\xfe\xc4#\x0b\xa1\xb8-\x96\x16\xfa\x0e_\x15p\x80Z\x81\xb2(\xbeX\x7f\xc8\x13M\x0b\xe9S\xcc\\\xc2\x9f\xe5\x85\x8bqt\xd5\x87\xeb\xd3\x922\xd6\xa4\x9dy\x84\xc0\xb4*\x88\xcc\xc4]V\x16\r\x85&amp;\x8d\x05\xe7\xe5\x9b\x0c\x98\x9b2\x1c\xfez*r#\x82\xca_\xfc\xb9\x80\x00\x93Z\xc2\xb7\xc8[\xb739\x12\xa4\xeen\xf6a\x0bpI\xbc\xb6\x02w\xa1\xae*F\x95{4&gt;U\xc2\x9c\xbb\x8b[:\x18:\x86\xccNp\xae\x1b)\x8a\'Y\xaf\x1e\xfd\x1c\xaf\t+\x85\x890DQ\xfc\xa6c6\xdc)\xa6a_az\x81\xd0pck\x95l\xb2\x81\x80k\xa4"\xca\xbc\x08\xfda\xa9\x81Ze,u\x93\xd7J1\x16.NI"\x93\x98"\x07K\xd0B\xf2\xfaB\xa1\xb0\x7f\xdc\xc1\x15R\x0e\x05I\xd1\xd9\xea\x16\xb4\x97\x06\x05T~/a\xe1&amp;$`9\xf3\xd0\xe1\xdb\xfd\xc3\x1b\xe0A^#\xdew\xfa\x97\xfb\xa4Bi\xeao\xb0\xe8\xea\xfbt{d\xe7i\xb2d\xb4\x9e\xdcb\x9c\xdc.]o?\x00\xb1\xfd\xb0\xee\xcf\xeaH\xd3f\x12i\xa5\t?\t\xbcv\x05p\t\x83\x02]$36 &lt;/\xc3\xd9Vp\xbd(Jx\x175e\xb6\x90z\n\xa9\xfb8\x81\xed\x8a4\x81u\x8d\x1fA\xb2\x92\x1a\xd0~\xd37\xad\x97\xf4\tMa\x9d\xea\x0e\x0c\xfe\x85\xd4\xfc\xadJ\xdaJ\xdb$\x05lW\x9e\xd3k\xc9\x15\x16\x01Ee\xc1\x97\x1c1\xa5o\xf6\xc2\xca}\xab\x83\x83G|"\x08\x86\xce5\xd1$\xd3s\xa2\x7f\xbf\xce\x14\xa9\xf5W\x80\x9d\xbc\x9e\xc1\x7f\x04;Lt\x18\xf2KY\xb2T#ClgE\xec\x01:\x88(|\xfb\x9cO\xc9\x1aD*\x94\x14Hs^\x12_\xf1\xa2f\x103\xc0\xcd\xa6\xef\xa7\xac\x9b\xecLd\x8b\x9aJ\x0b\x8b?\xbb\x1cIW=&gt;\xef,\x9c\x1e\x19\xdbE\xb0\x15\xb0 \x98Fb\x8e7\x02\xc0q:t\xd4YZ\x03\xba\xae\xaeZ}Bf\x00\xa9\xfb\xce\xa8\xd7c\x7f;\xd0d\x96\xa9SZ\xfa\xfa\x14\xa3j\x9cR\x9d\x17\xe88\xfc%\x98\x1di)\xfbD\xb5C\x982\xcd(r\x050\x7f\xc9\xc6\xd8d{}\x08|\x9f\xfe\x11y\x07\'\x8b\x86\x8e\xfa`y\xd9nc\t\x02;\xc2W\x15Q\x1a/\xddP\xc4c\x9ck\xd7\xce\xb4\xc2\x8d\xff\xd1&lt;hQW\xca!\xec7g?\xb2\xee\x91"\xe3\xbaM\xae+\x8a:K\xcd\xb3\xffK`\x85B\xff\x02\xae\xb6\xc6\x88(\xdf\x83\xfb\xc7\xa4\xa2D\x0c\x06\x8d\x8aG\xd5\xb8\xbe0\xa5\x1f\x8b\x90\xa6\x8d\xc7\x87\x1f\x9dy\x90n\x87\x93[R!\x1f\x07;\x06;\x02\xcd@F\x8a\x99\xd9ia_Q\xe3[\x1c\r\xb6\xb8\x0b\x0f?!?\x04\x14\x0e"\xf3\xeb&gt;\x01\xff\xd7\xab\xdd\xeb\xf9\xe4\xda\xe4\x08\xa2\x99?H\x06xS ej\x02\xbacm\xff'</t>
  </si>
  <si>
    <t>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</t>
  </si>
  <si>
    <t>b'\x85)R\x1d&lt;\xbfpz\xe0\xa3}\xf2\x83y.$'</t>
  </si>
  <si>
    <t>zen, sir. But the mainâ€”that's the 
 big un, with the cloud on itâ€”they usually calls the Spy-glass, by reason of 
 a lookout they kept whe</t>
  </si>
  <si>
    <t>b'H\xd5,\xcb\xcc\xf4\xba\xff\\qI\xaf\xda\xc1XL\xe3\x0e\xa3^4\x99[\xa4BqBl\xb9@g\xea\x19\xe7\xbca\x81z\x1ci\xa4\x9c)\x04\x00\xeeW\xfc5\xdd}S\xca\x88\x8c~EY\x0c\xc7+\xb2\xb4\x82\x93\x05y5\xe2\xfdRx\x98S\x08\xea7\t\xcd\xecV\x8e\x9cs3\x8f8\xcaL\xb0 FQa\xd6,Z\x16\xf4\x90\x94W\xc6\n\xca\xe0:M\xedW\x98e\x08\xf7\xd3Y\xf4$ic\x10\x80\x89\xa3DW\xe4\xab\xe2@F\x9d_\xea\x17\x115\x8d\xf6\xa6\xb5YO\x10x\x92\x17\x82\x10\x92\xb5\xd3\x9a\xcb\rF\xaa\x85\xff\xa1\xa4\xbe6:\xf1o\x07\x10\x96\x93T\xed\xe5b\xb1\x9az\xd6\xaf\xa89O\x10M\x9a\xae\x03&amp;\xc8\x8fCu\xbe\x0e _\x9bI\xed\xcfp\xff)\x90^?[\x9a\xda\xe7\x14&gt;\x97\xb6\x8et\xf8\x15\xc4\xe0n\x04\xd7\xb8\xb3\xcdY\xac\xa5\xad\xf7\n.\x17,\xca\x93\xe5\xd0\xa3\xa3\x1f\xa0}\xe2z9\x86\xef\x07&lt;kS\xb2\xb0\xf8'</t>
  </si>
  <si>
    <t>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</t>
  </si>
  <si>
    <t>b'H\xd5,\xcb\xcc\xf4\xba\xff\\qI\xaf\xda\xc1XL'</t>
  </si>
  <si>
    <t>reflection of what happens at scale. I might
 make nine videos that get a hundred views a piece, but my tenth video is seen
 by 100,000 people. One out of 100 videos will go viral and be seen by
 millions.
 Thatâ€™s why itâ€™s a good idea to treat every customer well every single time.
 Nine out of ten are going to say, â€œThanks for my thing.â€ One is going to brag
 about you to ten of their friends, though, and one out of 100 is going to have
 an influencer following of 10,000. One out of 1,000 is going to be a retail
 partner whoâ€™s buying you to see if they want to have you in its thousand
 stores. Every roll of the dice matters.
 5. Having a partner can be a blessing or a curse (if
 done wrong).
 You may decide to go into this business with a partner. After all, I had Matt
 by my side in building, scaling, and selling Sheer Strength, and it felt just as
 good to share success with him as it did to have his help when things went
 wrong.
 Great partnerships are not 50/50â€”they are 100/100. You have to punt the
 expectation that you will each do an equal amount of work because there will
 be times when you drive the ship, and times when your partner carries the
 torch.
 If you can take total and full ownership for your own results, then I would
 highly suggest bringing on a partner with the same mentality. When two
 people come together, and they both take total responsibility for the results of
 the project, it can be magical.
 It can also be a disaster if itâ€™s the wrong fit.
 Itâ€™s important to understand the difference between a friend and a partner.
 Sure, you can form a company with your buddy, have a lot of fun during
 meetings, and maybe make a few bucks. If youâ€™re lucky, the stars will align,
 and youâ€™ll have a functional work relationship that leads to company growth.
 Most likely, though, youâ€™ll end up like the majority of entrepreneurs: broke
 and starting from square one.
 There are two types of entrepreneurs: those who drive the vision and
 those who build. It is incredibly rare for one person to be both a Visionary
 and a Builder. Visionaries are highly energetic and</t>
  </si>
  <si>
    <t>b'\xd9poAP\xe5\x14\x1cf\x8d\x85\xa1N3Z\x92GFX\xf2\xdd\x87e?hyG\xe8aA\xdeZ}d\x7f\x03K\x08\xb7N\xa4\xb0#o#\x81\xe9sv\xff\xc9\x02\xf5\xa6\xab;2y\x9d\xf7\xbc\x84P\x7f\xff2\xdc\xf7\xfeHT\x01\xb7\xe4\xa9\x7f\xbb\xfd\xdf\xe0\xc7,\xf4\xa6."a#\x98\x91\x9a\x1b\x87\xee\xd4kb$\xbc\xe6\xdf\x89\'\xa1^\x0f6\xc4\x1a\xf6r\xcc\xee\xbf\x86F\x8c\x17Q\xd2\xd3\xbbp\x04\x96%\x9a8\x01l7\x99\xe2a\xf0*\xabRSV\xcb\xf5\xc2\xda\xeb\xed\x15C\xd3\x1cYp\xd6\x87\xd8,/K\xb6\x1c\x84[\x88f\x95\xf3\\0\xf1w=\x8bR\xc8G\xe2\xba\x0fT\xb3\xf2\xcf\xcb\x02}\xdb\xecH\xe9 \xf0\xca\x12\xd1\x83\xad\x91\xe8PW\xbe\x18Q;\xc7t}--D\xcbC\n\xees[\xb5c\xc0\xa5hV"Z\xcf\x03\x17\x89\xb5\x98\xbdT\xfc\xb0\x0c(\xbd\xee\x0f\xfbc\xe63Ug\xe7\xe0\x99\x17\x17\x8b\x01\xfc\xa2i\x1c:\xf3Q\xe9\xb4\x1c\xd6\xd5jA$\x9fr\x85\x1d\xdd\x96\x8b\x82\xa4}&lt;\xf2\r\xb8u\x84K\xe9o\xd3\xe4&lt;\x8f\x91\x91S\x98\x8f\xf2\xe4\x93\x15\xe8\x12\xf2\xda\xaca\xff^KEf\t\xccg}\xa99\xa7i$\x8e&amp;C\xd8[C\xd2\xbd\x87.f\xde\xcc\x03\xc0\xc9\xc61\x14\x9fE\xda\x85\xd5\xa3\x861\x97\x81\xf6\x83\xd0\xe1\xe4\xc9\\5\xe1\x1e\xc3\x8c\xae\x81\xeb\xee\xc8\xc1\xf3\xb4m\x15s\x90\x96\xealE\x8d\x1c\xa9\x82\x84K\xa9\x1a$7]\x1e\xbbyD\xfc\xd6\x98\r(g&lt;\xcf\x01\x1f Bq\x05"\x05\xa2\x97\xc3\xa9\x97\xe3\xc7\x92o\xd9\x01s\x1f\x81\xae\xf0\xf6Q\xb2j\xd6hN)\x17Kk0$\x14r\n\xfcv7M.;ZY[\x91\xc4\xa6\xbe*}CQ\x84\xa5Ro\x9f\xf5\x16\x89\xa1:\x9f\xe1\xaf\x16\xae\xcd\xc0P\xde\\\x03`\x8d@\xa7\x0cy\xa2]\x9f\xe7\xba\xfc\x96\xc3\x01\x9e\x84m\x87\xd7\xf7u\x847\xf3\xca\xe2wT\xc0\xe9|r\xb4\xc5\x14\xbb\xf1\xa2E1F\xd0\xd3\xa5\x95|\r\xaa\xb8\xa6A\x0f\xb0\xca\xcf\xb8\xb4\x92qO\x01\x8eO\xe6\xf1\x89\xf5_\xa4\x84\xe3\x83\xa2j\x03\xf2\x94\x1e\x1df%\xa3F\x1ceO\xb2\xc1\xc0\xf8\xc2\xb3\xd0\x14\xfcv\xd4\x052\x0c\xe5C\xa0\x87\xc3\x00\xf1\xce\xa1S\xc1k\xfa\x87\x90\x8c\xb1\xe3\x96o\x93\xc3\xe4:\xb1\x1fl\x13\x0e\x16KJ\x0b=\xb49p^7\xb9g\xb5-\x9c;V\xe5\xbd\xd8\x91\xdc\x1d\xb5\x91\x95\xa1N\xc0\xd6\\\x88P\xe2G\x15\xf9\x8d-\xf4Q\x08\xfcD\x05\x87\x7f\xec\x8d\xe9\xfd\xe0\x8b}\x1b\x16&gt;8\xbc\xde\x15AG\xa5\xdeW%\xcd\t;?F\xf0u\x1e\xc9\xa21\xeb\xddo\xf5\x89\xc6UJ\xbf_\x10c\xc8\x07\xcb\xe4o\x98\xab\xc3\xfc\x7f\xf5)Ve\x98\x93\xfe\x11\xa1&gt;\x0bG\r\xeav\xae\x96\xae\x95\xe8\xad\x8e\xcb\xc4\x99\xdb\xb8/\x97Q\x8e\x0b\xe5 e\xc3M\x9bgA\xe1\xc7%gZ\xc8!`\xefW.\x0f^\xbe\xea\x0c\r\x9f\xc5\xb2\x80KS\xd8\xb3\xda\xb7\xc8\xcch\x8cU\xf7+DG\x17\x14\xcd\xc5\x89\xab\xc6\x08\x82\xc7F5\x17\x0e\x9a \x13\xd4\xacp\xfc\x07\xdf\x1e\xe1\xce\xa2\x80v\x80S\xb8\xec:\x9f\xd7\xac\xd3\xec\xa3\x97\x93K\xc0|{\xd8H\xf8J\\`[\xe7\xdd\xc8m\xbc\xb2\xb5$\x01:\r\xe4l\xc5\xfdI\xa8\x92\xe9d\xc0\xd1xg}\xde\xa6C,lU\xf4\x88\xd0\x1a\xf3\x80iM\xf1II\t\x11Rr\xc7\x13\x9c\x93Mo\x13\xac\x1cV\x80Y&amp;{Q\xed\xe9\xff]\xc0\xcb*\x8e\xa2\xff\x81\x89\x1b\xcc\xd1\xb3vr5\x95A\x96_T\xa6\x88\xed\t\xf0\x08\x101\xcc\x11\x05"+\xdc\xc4/\x9b\xf6\xe8\x9f\x04\xf79~d$\x9f\x8d\xdb\x02\x95\x12\xa5\xb1\x1a42~(\xb7\xaa\xa2\x8eQ\x1dV\xa0O\x82\xde\xa5h\xe3~:\xc2]\x8f7\x8cA\xd9\xc0|\xed\x94\x15\xc0F1\xe5\xe5\xb5\xf1\xda\x11\xc3\x1f\x83\xb8m\xd7\xcc+\x11\xd3\xb6\xe9\xe6\x06\xa5\x12\xc2Vb\x90\x13-\x10\x88\x95P\x014\xfc\xe4(\x9d\x97\\\x08Yc2e\xf9\xa6\xa3\xc7D\x8eN\xfd\xae\x0b\xaaQ\x075\xd1\xfb\x1dE\xad\xc7\x8c\xb5\xbcw\x91\xf0*\xe6\xa7z&amp;\x88\xfa\xce\xc7 \xd3\x82\x81\x85\x02\x1f\x93\x84\x04\x80]\xb5\x0cZ\x85PX1\xac\x12,\xd1\x14\xf5+\xfa\x86%3\xa5\xc7&amp;\xb9\x94V8\\#k4\xfe\xf4V\x9d\xcd=\xc9\xa6\xbe*/\xf6\x9fH\x05\xad\xb0\x9e\xc1W=\xde\x85\xb6\xf9\x94\x83v\x16\xef\xba\xdc\xbb\xf02\xae\xd2\x8bq5\x0f\xf6\x90\xf7e\xd8\xaa.I\xb9\x13\xd1\xc7\xe1I\xad\xccA\xad\x8e\n\xb0P\xd9\x17A}zA\rA&amp;\xcd\xcc\x1a\xdc\xc4m\xaa\xc3B\x01\x9br\xb5\xec\x9a\xb6\x81\x1b\x89\xfd\xb2\xd8\xfa\xe8\xd3a\xfcl\x00;\xd7\x1a\xa4w?\xda\xd7\x1eT\x06,\xf1\x87\xc7\xef/[\x8bk/\x1f\x97\x97}5\xba\x8fq\x06\xfc\xd3n\xcd\xef\x02O\xe6\xe29\x06\xbd\x1a\xe2\x18`\xf68\xe7\xca\xcf\x90A$@\xa6jk\x17\xdc@\xf4\xb8wK\x10\x9f~6`\xd1\x90\xeeP"\n\x8a\xf5\xde\xb9\x1cDIg_x\xf8qD\xdb\xc5\xdc%\x85-\x88~J\x8b,i\x08K\\\xd6\x9d\x9f\xed\xf7\x1d\xedo\xa5@\xcb\xb2\xf3\x13\xe0\n29q7\xbc\xe7{E\xc8\xfd\x81sa\xd2\x82\x9f\x16\xf0\x03\x0f\xa8}\xef\xa5#\r\x9c\xf6\x0en\xe2K\xb7{\x05\xff8z\xdd\xff\xa3\xea\x94\xc7/\xd6\xa4M\x9e\x9aB\xf2\x08\xf2:\xa1&gt;\x88\xe6k\x89\xa2\x91M\xe3\x1b.?\xdb\x1bc%\xc3\x99K\x81\xf8\x17kZ\xa3\xa5\x1b\x1c\xf8\xa1\x08\xd0\xe8AWR&lt;\x84~8\x03r\xe7\xed\xec\xaeK\xc9\x8f\x82\x9c\xbc:\xcc@\xe0\xd8W\xd8\x9b\xb9\xe2\x94\x9d\x95[\x15\xfa\xdc(\xa6l\xb3e}\x85\x17\x9c\x18F\xa3\x10\x8d;*\x82\xb1\x9f\x8b\x82\x9f\x01r\x96\x94\'\xb2\x03\\\xab}\xa2&amp;\xbf+\x98@\x95\x13\xc4\xa9m\x97)x\xb8hf\xfdh\x9f\xc1)\x87\xd1h\x04+\xa2W\x91\xda\x8be\xab\xcd\x8b\xc4\xa8\x81\xdcD`j\x99-s\xb1&gt;\x1b^-1pM\xdb&lt;\xac\xd4\x1f!6\\mP\x10i\x1eX\xdey^\xed\n\xa6P\ne./\xe4\x88\xaaV\xe3\x01\xd8*\xf1\x08\x03L\xa2(/\x08om\xab\xbd^9\xb5\x171\x13\xb6\xc2{L\x7f\xdfj +\xaa5\xa6e\xa5E A\xcf1\xe7\xa9P\x9a\x8b\xbdA\xa8\xa5m\xee\xf6{@6\x95\xe1\xc5|\x98\x8b\xcdg\xb3us\xefSN\x88\xb6\xae\xa9\x89\xefJ\xfd\x15\xcf\xbeq\xef\xcc{\xdd}rIl\x1c\xc8p\x91Z\xbb\x1e\x0e\x15\x96\xff\xe1\x9a\xed\xbb\xf6\x0f\x1c\xa0os\n&gt;!\xca\x9b\xe5{\xed\'#ND&amp;}-\xcb\x02J\x12h\x133\x01\xb6\xd7\xe3\xab\xe6&amp;"[\xd9\xe4\x0e\x8b\xc9c\xef\xea\xec\x87V~\x15\xf5\x08\t%v\x9be\x81\xfd\x1c\xc9\x8c\x11\xaa&lt;\xa4\xef\x83\x8dIE$\xde\xea\xee\x05\xe9\x14~\xb9[\x90\xf4~#+\xc0\xc1rzs#\xc7\xe2\xe82`p\xc0\x9cU\r&gt;(8v\x10\x9fa\xce\xea\x858H]\xcc\xbaj\x0bi\xe73[\xa6\xb3hQgf\xda\xa7\xe9=\x15\xdc\t\xbb\x17iv\xd0o\x96E\xfe\xbd\x97&lt;\x12-1\x9d\xfb\xbe\xee;\xf652\xa5&lt;@\x1ay\xad\xc9\x81H\xf9\xf7\x9b\xfa\xba\xbc\x14&amp;\xda\xcd\xb9]\xce(k\xd1\x05\x18\x86\x03\xe1\x8eO\xa3\xc7\xf5\x83\xc3z\x86\t\x82\xbe#\xb8\xaa1~O\xe6\xa1\x9eU \xda\xd0\r\xf1w\xe7\xe6\x901\x14g\x8b\ty\x90#r\xe20\x8c#\xd9\x0c\xd0\xc8.3\x0eaZI\xcb\xdf\xe3&amp;D\xb9G&gt;\x19\n\xb5\xb7,r\x0bt\x9aSOL\xeb\x82\x10\xeb\x01\x81\xebF\xa4t3\xd7\xc9\x8c\xfb\x1f\xa20\xe4\x14\xa3=S\xedeH\x01\x12\x83\x85\xf8Q@\x08\x8b\x1a4\x95/\x91G\xe9=\xcc\x81X\xec\xcf\xc1\t\xaf\xc4\xbc\x0c\xa5\xd0&amp;\x16\xca\xf6\x95=\xb5\xd4\xcf{\x9d\x8cM\xfb\xed\'\xf9\x18\x84\xfb\xa0\xfc\xc8\xefJ\xe3\x18\xa42,\x931-\x83f\x10Q\x86\xa4`\x1e\x89ul\xf8\x15\xdcU`\xe9\x11wk\xee\xbd\xbe(\xb0w:\xac\x99\xd2o2\xacw\xe5\xefh\xb0\x8c\x94M\x88\x82\x95\x89q;N\x97QY\xa8\xcdf\xe7\xa2\xfakA\xd1\x9a\xe2\xeey\xaaF\xaf%\x92\xce'</t>
  </si>
  <si>
    <t>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</t>
  </si>
  <si>
    <t>b'\xd9poAP\xe5\x14\x1cf\x8d\x85\xa1N3Z\x92'</t>
  </si>
  <si>
    <t>do. He says:
 "I've got another corn-cob pipe, and it's a prime one, too, and nearly
 new. It's laying on the rafter that's right over the kitchen stove at
 home in the village. Jim, you and the guide will go and get it, and me
 and Huck will camp here on Mount Sinai till you come back."
 "But, Mars Tom, we couldn't ever find de village. I could find de pipe,
 'case I knows de kitchen, but my lan', we can't ever find de village,
 nur Sent Louis, nur none o' dem places. We don't know de way, Mars Tom."
 That was a fact, and it stumped Tom for a minute. Then</t>
  </si>
  <si>
    <t>b'\x10\x94\x1ePj\xbd\x11\xc4\xbd\xda\xa0|9+\xdf:\xb0\xc9\x18^\xb9\x17\xfd\xfb\x93f\xda\xdd\x14\xc2\x9c@'</t>
  </si>
  <si>
    <t>10941e506abd11c4bddaa07c392bdf3ab0c9185eb917fdfb9366dadd14c29c40</t>
  </si>
  <si>
    <t>b'\x10\x94\x1ePj\xbd\x11\xc4\xbd\xda\xa0|9+\xdf:'</t>
  </si>
  <si>
    <t>sound of the cannon, I shall die with fright. If I could but catch the great
 gate open for one minute, I would be even with it for shutting me within
 these walls so long!â€”it should never see me again.'
 Emily caught the latter words of Annette. 'O! if you could find it open,
 but for one moment!' she exclaimed, 'my peace might yet be saved!' The
 heavy groan she uttered, and the wildness of her look, terrified Annette,
 still more than her words; who entreated Emily to explain the meaning
 of them, to whom it suddenly occurred, that Ludovico might be of some
 service, if there should be a possibility of escape, and who repeated the
 substance of what had passed between Montoni and herself, but
 conjured her to mention this to no person except to Ludovico. 'It may,
 perhaps, be in his power,' she added, 'to effect our escape. Go to him,
 Annette, tell him what I have to apprehend, and what I have already
 suffered; but entreat him to be secret, and to lose no time in attempting
 to release us. If he is willing to undertake this he shall be amply
 rewarded. I cannot speak with him myself, for we might be observed, and
 then effectual care would be taken to prevent our flight. But be quick,
 Annette, and, above all, be discreetâ€”I will await your return in this
 apartment.'
 The girl, whose honest heart had been much affected by the recital, was
 now as eager to obey, as Emily was to employ her, and she immediately
 qui</t>
  </si>
  <si>
    <t>b'\x19\xc8:\xc2\xea\x17\x12D\xe9\xbe\xc3\xc2\x1bC\xa9w6\xde\xd0{\xa6&lt;\x95\x98^D\xe0@\x17\x1c\x95R\xcd&lt;\xed-&gt;\x990\x9b\xb7\xc5\x88\xdc\xeb\xf0\xe4\xec\xa17\xe2X\xbe\xf9\x12\x078\x86\xb4\x8biW\xcb\x1a'</t>
  </si>
  <si>
    <t>19c83ac2ea171244e9bec3c21b43a97736ded07ba63c95985e44e040171c9552cd3ced2d3e99309bb7c588dcebf0e4eca137e258bef912073886b48b6957cb1a</t>
  </si>
  <si>
    <t>b'\x19\xc8:\xc2\xea\x17\x12D\xe9\xbe\xc3\xc2\x1bC\xa9w'</t>
  </si>
  <si>
    <t>ry uses an immobilized sulfuric acid electrolyte, reducing the chance of leakage and extending shelf life. VRLA batteries immobilize the electrolyte. The two types are:
Â·Gel batteries (or â€œgel cellâ€) use a semi-solid electrolyte.
Â·Absorbed Glass Mat (AGM) batteries absorb the electrolyte in special fiberglass matting.
 48
                 Other portable rechargeable batteries include several sealed â€œdry cellâ€ types, that are useful in applications such as mobile phones and laptop computers. Cells of this type (in order of increasing power and cost) include nickelâ€“cadmium (NiCd), nickelâ€“zinc (NiZn), nickel metal hydride(NiMH), and lithium-ion (Li-ion) cells. Li-ion has by far the highest share of the dry cell rechargeable market. NiMH has replaced NiCd in most applications due to its higher capacity, but NiCd remains in use in power tools, two-way radios, and medical equipment.
Recent developments include batteries with embedded electronics such as USBCELL, which allows charging an AA battery through a USB connector, nanoball batteries that allow for a discharge rate about 100x greater than current batteries, and smart battery packs with state-of- charge monitors and battery protection circuits that prevent damage on over-discharge. Low self- discharge (LSD) allows secondary cells to be charged prior to shipping.
2.6.3. Battery Cell Types
Many types of electrochemical cells have been produced, with varying chemical processes and designs, including galvanic cells, electrolytic cells, fuel cells, flow cells and voltaic piles.
(a) Wet Cell
A wet cell battery has a liquid electrolyte. Other names are flooded cell, since the liquid covers all internal parts, or vented cell, since gases produced during operation can escape to the air. Wet cells were a precursor to dry cells and are commonly used as a learning tool for electrochemistry. They can be built with common laboratory supplies, such as beakers, for demonstrations of how electrochemical cells work. A particular type of wet cell known as a concentration cell is important in understanding corrosion.
Wet cells may be primary cells (non-rechargeable) or secondary cells (rechargeable). Originally, all practical primary batteries such as the Daniell cell were built as op</t>
  </si>
  <si>
    <t>b'j\xa8&amp;T\r\xea\xd3\xf6\xf6.&gt;G\xbd\xf5d\x16\x92X]\x12$e\xde\xc0M\xb7\xf1Z\xe8;\x18\xf2\xd2\n \xd3\x95\x17 \xb7\xea\xc74\xc9\xd4bD\xd0xpu\xae\x1b\x13e\xf9\xed0}\x85\xecR\xe8\xdfa\x9c\xa3\xe3mfo\xc5|"1\xe6f}\x1fU\xf2\xd4\xb0\xb9\x8e\xf5\x8e\xd2\x1d\xbc\x8e\xf1\xfc\x06&amp;\xfa\xb7of\x86;\xb0\\\xa2\xd5\xf3\x92*c\xba\x9a\xa3.}y\x98O\x92]\xa5d\xa5py0\x0fm\x8c7\xfctp\x98N&lt;\xe7|\x96\xd2G\xe6\x81\xd6\xde&gt;\xda\xab\x1a\x03\x8b\x9a9\xaa\xa4\xd8\x18\xc3a&amp;\x9f\xf7M0\xfa\xa3\n\xaes\xbe\xf1\x94hg`&lt;\xcb\xca\xff\xb4\x89\xeb\xbc+-\x8f\xb2\xd7\x0f\x03\xc5\xcf\x96LK\x86\x91\x82\t\x91\x8bb\xf6\x08\xf2\x9epzM\x8a\x00\x0c(Y\x1f\x9ck\xf5$\xd6\xc3m\x85\xc29\x14\x88`\xd7\xae\x86L_\x8b\xb3\xc8W\xaa\xd1\r\xab\xa4?\xd4\xa3=D\xfa&gt;Nk\x1aN\xad\x16\x00\x95\x97%\xf8\x90\xa2\xcf_O\xf0\xd6\x91d\xf0\xbc\xc6\xcc\x7f!\x9a_\x86cIc4\x8fe$Q\xa2\x19r\x18\x85\x86 y\nH\xd4\x03\x8e\xfc\xb3\xd3\xab\xe8\x89\xbe\x90\x90zRZ\xc8\xf0OH\xd4\xf7Y\x15\x8e\xda!\x86}\xbd\xb7*jon\xe1\xb9\x12\rsB\xb57\x0b\x8d\xe4\xfa\x13\xaf\x1e\x7f\xd5\x90zH\xfc\x88\xf3\x945\xed\xbd\xd3/\x07\xa2\x88\x88\x99\x1b\xe2\x17\xf6\x08\xf7\xc8\x1c\xd4z\xb3\xe2\xabL\xd7bP\xf3\xee`\x11\r\xa3\x04\xba\xa3\xe6\xf7\xc2W\xf3\xa0\x038\xff\xa48x\xdd\xac\x92G@X\x9cIn\x84k\xc6\xed\xf4\x1b.\xa9\xb6J\xd0@\x9a\x1b`\x19~\xee\\\xf0\x91\x1f\xfa\xed\x96\x18\xf29\xb3\x94vk#\xe2\x1e\x18\xc6R_#K-\xac\x1b\xfe\xea\x9a\xe0\xa2\x89Q\x047D\x15\xf3\x1b\x1f1\x1b\xb8\xce-\x1c\xa0oj\xac\xc5\xb8\xbf\x03\xa0\x08\x11\x13\xdc\x08n\xc9\x1a\x1eU\xb0i"\x94\xa9\xdf\xba\x16\xb7\xef\x95\xe2\xd0\x04\x9c\xbf+v\xe8\xd5Ep\xc8BOA\xb9\xa70HQDw\x00\x86B\xc3\x97\xe2\xb7\x01\x04\x0e\x14q\x93l#\x0c\xed\x16\xdf\xac&lt;\x1b\xc1\x81\xe1bE\xbb\xc4Eb\x9dW\xf7\x0c\xdf\xcb\xb6\x8a\x0b\xf5Fu],\xf1\x01\xbe\x97x\xeei.\xc6rm\xca\xbf\xbd\x05\xf4c\x89\xad\x88\xb9\xe5\r\x15)m\xe7E\xde\xa9\xd1&gt;a\xedQ\xa0/OR\xc6IF\xf2p\xbfz\xa1# \xd1\xfd\xa7\xdb\'V\x03L\tK\xcfs\rp\xa6%\xf59\xa9f\xed\x11a\xf6\x9b\x064\xc8?l\x81\xdd8#\xb3"{\xc1f\xb80Hh\xd5^z-!\x1b\xc3\xfb\x83\x99"\x90\\\xbb\xbe\x89\xe6~T\x86\xe1\xc4\x8e\xc8\xd7\x95\x9dx\xd4iG\x8a\x10\xd1f\xc1\x03A\x97_@u\x9b\x8a\xa3\x12\x1d\x1f\xd0A5\x8b\xbcIk\x11\xa4\xd0\rn\x0bH1Az\x8cV\xd3\xdat\xbc\xb8|\x02\xdde\xd8\x92\xc4&amp;7\xde\x94\xea\t\x8e\'ki\n\xd6R\xde\xce\\wU\xad\xa1\xea\t\xc8\xb6\xf5o\x04\xb8\xee\xb6\x01\xe9\xf3\xe0(.\xb73\xfa\xa9[V\x1d~\x92\xf7(1\xd3/2\xa7\xfdaV\xbc7\xdbP(\xa6\xa1z\x8f\xcb\xd5C\x89z-!\xe07w\x9a\x8a!\x0b\x0f\x06\xf94\x99?\xeeh\x87\xfe \xcbs8\xa7I\t0\xe6"\xe09\x9cl\x9a\xa7\xfd\x18\xa0D\x0f\xfb$\x9c\x9f\x18\x83\xfe\xf8\xa3\xba\x00|\xcb\x1e\x94\x95\xa4\xba\xba\xc4\x9dzp\x91w\x18\xe1&amp;\x19\xd5\x07\xe0\xfcr\xac\xae*\x03mY\x94\xd0\x98\xf4\xb3\xd6}"\xba\x7f\xcc\xc7\x90\x8cz~o4\x87\xacx\x01q\x06 )\x19\xa6\x08\xa2N\xccec\xc81*\x03\x80\xdd\xb1\x88\xb3\xfa\xf4\xe9u\xa9\x8f;i\x85&amp;w\xc0\x90\xf2\xa6\xd1\xe6\xe0\x02:\xbd\xd4\xef\xa7\xaaNd5.\'\x93\xb6\t0h\x8a\xdf\x04YP\x8c\xac\x96\xf1s\xc2\x96\xc0&lt;\x98\x8ek\x04\'\xec\xb4\x1c3\xb5:\x7fK2\xbbEg\xfa#Gt\x96\x186.\xb5\xe75\x8c\xa52\xd7\xdaKV\x1c0\xca~\xf6\xdeY\xad\xea\xfd\x01\x1d-\x17hOY\x12\x99\x9e\xf6\xfe\xcb\x1c\xb1\xc3m\xa4\x85\x99-T\xa7\xe7\x0b5\xf1\xdbF\x1bpG\xb4Q\xe8\x04Q\xeeH\xf4\xb7l\x0cF\x05z\tW2_\x08\x16\xef}&amp;\xc0Y\xc5\xcbo8\x1b\xf24W\x14_\r\xbd\xf2\x8eq\xa3\xa0_ \xb3\xe0\xc9\xff\xda^\xf9X\x9d\x81!\x7f\xc7\x9f\xdc\xf9\x1f\xf603\xa8\x1e\xfd\x12v\xd5.\x17a\x06D\x13\t\xbb\x08\x0e\x18nB-\x02\x10m\xb9\x89F\xe5ZC\xad(\xc1O\xc6\x8c\xbe\x12\xb7\xe9\x05t`\xc7\xf9\x87+\x19\xcf#f\\k\xc3\xa2\x1a/\xe9\xfa@\x05\xac\x86\xc8\xb6B\xf4\x88\xbb\xd8\x95/\xca\xc4I\xce\xfd:\xde\xf8O\xfb\xb2\x80\x9e7\x1e\x17j)\xe7\r`\x05\x08\'\xd0&gt;\xb9Z\x15\xe0\xecl\xe4o"iw]&amp;D\xd7c\xad+&lt;]\xb5\xbb\xf4U\xc1"d,\x92\x08M\x01,X\xcfs\xebd\xb2\xab\x9e\x06B[!`\xc6Q\xd2\x19\x87\x18\xb7\x19\x8b\'\x03\x15\x93\xd6\x06r\x1b+a\x0c\xd0\xa6\x80\xde?\xc2c\x0b]l\xf8\xd9\xdch\xe3\xca\x11\xa3\xc3\xedu\xb4\xc0^\r\x86\x0fy\x07\xce\xf1\x87 \x83\x1d\xd2\x05\xa1g\xb9L\xc1E\xb5\'x,q\xf0\xa9\x922\xcaJ\xc9L\xefw\xd8\xc2\xc6$\x95-\xa5\xab&gt;\xabL\x84\x19;#4\xe5"\xfawo\xf6#\x85\xae\x8a\x00V\nf\xa5\xbe\xb0dc\x14vu_12\xca\x90\xe0\x9c\x7f\xd0\x9e\x86r\x9fZ\xab\x86De\xffc\xa1J\x1a\xcb\xcc8\xa0\x8c\x07\x15\xbb8$\x83\xff\x16\xa73\xd8\xe4\xcb\xf1_%\xeb\xc5|\x9a{\xcb|\xd3\xf7Z\xe5Cl\x1a{aK\xe7Z\xf4t\x8d\n\xa3\xbc\x15\x18\xa1\xf0\xc3\xde9y.\xf3L\r3,\'tI\x01*\x99\xb5\xc8\xffe\xfa\xb2yj\xb7\x95\x02\x04t\xa1\xfav0g6\xc6`\xe5\x82\x06\x1c\x89#\x1d\xbfA\xe6q\xc1\x0b\x95\xea~f\xd9\x91\xd5I\xd3t\xd7\x98\x96\x9f\x15\xc6\xd1\xafC\xaa\xf5\x05m4\xe3\x8a\x92uJ\xaf\x87\xf9\xec\xbf\x1cLS\x15!I\xf7\xc8B\xe2\xe1\xfa\xb9t\xbf`\x8aG\xf3#\xed\x94\'\xb1\x1c\x12\xd7\xdc\xbd\x170"\xbf\x90\x10+3u\xc7q\xb7\xb7\x8e\xd0\xe8\xfd\t\xa7\xca\xa7\xea\xa6E\xbas\x864\xd6\xe3\x07\x9bn\xc1f\xb3]\xbb;\xd8\x80-\n\xd7\x90h\xcbw\xe7-\xa1\x07C\xec^\xc2\x97\x17f\xbb\xaa\xf3]\x892dh&lt;\xb5\xfdr\xa5\xad\xf4\xd8ZA\x7fs=\x1c\xc9a\xd4\xf1\xab\xdb\x9f\x9d\x9b\xf1\xebT1\xa6\x93\xe3^\xcb\xf0\xf7\xb5\xb6[9|o\xf3|\x8d\x9a\xe9\xfd3\x91K]6\xaa\xe18&gt;n\x16o\xc9\x80\xa5\x84\xd2\x87\x89\xad\xf6Cr7\xfa\x8fS\xbe\xf2:\xafN7!\x9b_\x82\x9e\xf1\xab\xe6\xa9\xa7\x08\x81\x8f\xca\xde\xf8\xeb\xc7\xde\xa9\xaa\xa2\xd9\xa5\xaeU]*\x02\xd4\x86~\x97\xb8\x01v\x10\xd8\x17\x91\xec\xa7+\xe4\x12G^\xd2V\xc3\x1a\x95\xb7\x04\xf9\xb9\xa64\x14W\x9d%\xec\x92\xc8\xec\xee\x06\xff\xd8\xa2\n\x92\x04K\xc0\x18\x8c\xb1hy]\x98\xa8I\x81)\x92\xdc4)M\x16\x02\xfc.H\xbc#\xd8\x0f+\xe7\xefq\xd4\x9e|\x8bF\xb3\x8b\x8dPK\x86"\xe0\xcbu\x82\x95r\xc7\x9a\x1e&amp;t~{\xa0\xea\x83I\x01\x8c\x9ffEI\r\x17\xcc[\xc9\xaa\t\xd9\x04.\xe8d\x85)\xb5Y\xf0\xc7\xd8\xf1s^2?7\t\x9b\xa0H\xe5\x03v\x85"(\xbd\x0b\xef\x02\x99\xca\xc1;\x89\xc8\xc9y(\xfcj\xe4u\xce\xd7c}\xdf\xd80\x98W\xc4o\xbfV\xd9\xb5e\x08i\xbd\x08|\xa8\xb8LO~\x96jcK\x88\x95\x93\x07()\x1cj^\xbc\x9e\xd3d\xc5Go\xd2wv\xbf\x9e`L\x14*\x81\x9fk\xf3\xdey\xa1n\xc7\xce\x881R\xdb\x15\xf1,\x8f\xf8\x95\xb8\xe1\xca!*\xf5\xaf\xbc1@i\xa8K\xc75\xa2\x1a\x96\xdc\x10~\xc15\xd3\x9d\xf4^\xf4o\x9f \xfd\xb7\xe8\x0e\r"\xacG\xc3^3\xd3o\x1d\xffx\xea \xe2M3\xe0w\x80\x8a\x9c\xae^e\xcb\x1b\xa9\xfa\xd8\x7f,E\xbb\x8c;\x93\xdc\xdc\xaf\xe3N\xdaY\x11\x06\xeb\xb9}/\x85\x06\x1f\xd7:\xd6\xf1\xc1\xf9\x14$K\xfd\xe7\xfb&amp;\xab\xf7\xa9\xb6\xef\xe0\x96\xa4y\xf8\x0b\x92+\x8c_\xef\xa7\xad\x17\xe1x@^\xf5\\6\x11SJ\x0f\xc8\xd8]0*\x99\xa2Sx\xb1\xcfC^g2\xa7D\xc0\xf6\x80\xf6\xdb W[g\x10\xd4\x8d\xdal-;\xde\xd1G\x12L%\x06\xa6\x0b\xe8\xad\x88y\x0b\xfb\x8d\xfe\x92\xe6\x8d\xcb\x1b\xfb\x1f\x8e\x8c\xc1\xd3^\xb9\xf9\x1b\xb9\x81h\xd8\xa6\x80ObS\xd9\x13\xaaO\t\xb7j\xcaQy\xcb:*\x15`\x06_N\xe5!\x7f\xe2\xf2"\x1b\x089\x83\x85lC\x15\xb4!49\x9cL\xe3\xbcaplo5@\xc6\xe8\x99}\x02\xfd\x99mq\xe9\x8a\x82/\x808\xcd\xe7f\xd7#\xe5\xe7$\x8ejY\x83\x02@\x80\xe8\xd4\xf2\xb2\xce\xf5'</t>
  </si>
  <si>
    <t>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</t>
  </si>
  <si>
    <t>b'j\xa8&amp;T\r\xea\xd3\xf6\xf6.&gt;G\xbd\xf5d\x16'</t>
  </si>
  <si>
    <t>uld ever turn back to those times; that's what I say, Jerry."
 "And that is just what I told Mr. Briggs, my dear," said Jerry, "and what I mean to stick to.
 So don't go and fret yourself, Polly" (for she had begun to cry); "I would not go back to
 the old times if I earned twice as much, so that is settled, little woman. Now, cheer up,
 and I'll be off to the stand."
 Three weeks had passed away after this conversation, and no order had come from Mrs.
 Briggs; so there was nothing but taking jobs from the stand. Jerry took it to heart a good
 deal, for of course the work was harder for horse and man. But Polly would always
 cheer him up, and say, "Never mind, father, never, mind.
 "'Do your best,
 And leave the rest,
 'Twill all come right
 Some day or night.'"
 It soon became known that Jerry had lost his best customer, and for what reason. Most
 of the men said he was a fool, but two or three took his part.
 "If workingmen don't stick to their Sunday," said Truman, "they'll soon have none left; it
 is every man's right and every beast's right. By God's law we have a day of rest, and by
 the law of England we have a day of rest; and I say we ought to hold to the rights these
 laws give us and keep them for our children."
 "All very well for you religious chaps to talk so," said Larry; "but I'll turn a shilling when
 I can. I don't believe in religion, for I don't see that your religious people are any better
 than the rest."
 "If they are not better," put in Jerry, "it is because they are not religious. You might as
 well say that our country's laws are not good because some people break them. If a man
 gives way to his temper, and speaks evil of his neighbor, and does not pay his debts, he
 is not religious, I don't care how much he goes to church. If some men are shams and
 humbugs, that does not make religion untrue. Real religion is the best and truest thing
 in the world, and the only thing that can make a man really happy or make the world we
 live in any better."
 87
 "If religion was good for anything," said Jones, "it would prevent your religious people
 from making us work on Sundays, as you know many of them do, and that's why I say
 religion is nothing but a sham; why, if it was not for the church and chapel-goers it
 would be hardly worth while our coming out on a Sunday. But they have their
 privileges, as they call them, and I go without. I shall expect them to answer for my soul,
 if I can't get a chance of saving it."
 Several of the men applauded this, till Jerry said:
 "That may sound well enough, bu</t>
  </si>
  <si>
    <t>b'\xc1m\x11N\t\xdd\x00|'</t>
  </si>
  <si>
    <t>c16d114e09dd007c</t>
  </si>
  <si>
    <t>uch controlled sources but their characteristics are
 different from those of bipolar transistors.
 In order to arrive at the structure of the MOSFET, we begin with a simple geometry
 consisting of a conductive (e.g., metal) plate, an insulator (â€œdielectricâ€), and a doped
 270
 6.1 Structure of MOSFET 271
 Conductive
 Plate
 Insulator
 p-Type
 Silicon
 Channel
 of Electrons
 V1
 V1
 (a) (b) (c)
 V2
 Figure 6.1 (a) Hypothetical semiconductor device, (b) operation as a capacitor, (c) current flow as
 a result of potential difference.
 piece of silicon. Illustrated in Fig. 6.1(a), such a structure operates as a capacitor because
 the p-type silicon is somewhat conductive, â€œmirroringâ€ any charge deposited on the top
 plate.
 What happens if a potential difference is applied as shown in Fig. 6.1(b)? As positive
 charge is placed on the top plate, it attracts negative charge, e.g., electrons, from the piece
 of silicon. (Even though doped with acceptors, the p-type silicon does contain a small
 number of electrons.) We therefore observe that a â€œchannelâ€ of free electrons may be
 created at the interface between the insulator and the piece of silicon, potentially serving
 as a good conductive path if the electron density is sufficiently high. The key point here is
 that the density of electrons in the channel varies with V1, as evident fromQ = CV, where
 C denotes the capacitance between the two plates.
 The dependence of the electron density upon V1 leads to an interesting property: if,
 as depicted in Fig. 6.1(c), we allow a current to flow from left to right through the silicon
 material, V1 can control the current by adjusting the resistivity of the channel. (Note that
 the current prefers to take the path of least resistance, thus flowing primarily through the
 channel rather than through the entire body of silicon.) This will serve our objective of
 building a voltage-controlled current source.
 EquationQ = CV suggests that, to achieve a strong control of Q by V, the value of C
 must be maximized, for example, by reducing the thickness of the dielectric layer separating
 the two plates.1 The ability of silicon fabrication technology to produce extremely thin but
 uniform dielectric layers (with thicknesses below 20 A today) has proven essential to the Ëš
 rapid advancement of microelectronic devices.
 The foregoing thoughts lead to the MOSFET structure shown in Fig. 6.2(a) as a can_x0002_didate for an amplifying device. Called the â€œgateâ€ (G), the top conductive plate resides on
 a thin dielectric (insulator) layer, which itself is deposited on the underlying p-type silicon
 â€œsubstrate.â€ To allow current flow through the silicon material, two contacts are attached
 to the substrate through two heavily-doped n-type regions because direct connection of
 metal to the substrate would not produce a good â€œohmicâ€ contact.2 These two terminals
 are called â€œsourceâ€ (S) and â€œdra</t>
  </si>
  <si>
    <t>b'\x0c~^\xe1Gr\xd3T\xbb\x1e\xacSu\x17\x84\x14'</t>
  </si>
  <si>
    <t>0c7e5ee14772d354bb1eac5375178414</t>
  </si>
  <si>
    <t>will say this, John Silver suits me." 
 "The man's a perfect trump," declared the squire. 
 "And now," added the doctor, "Jim may come on board with us, may he</t>
  </si>
  <si>
    <t>b"\xab\xd4\xe4Z\xb2\x0bx\x05\x0c3\xdeB\xf8\xe7\tI~\xbaR\xd7-\\\xe2\x96\x10\xfa\x11\x0e\x9a\x1f\xa2\x158\xe4\x03K\xa7\xbd\xfc\xf1,o,\xa50l\xa2\xc6ur\xaa\xf9\xd3G\xae\xeb\xda]\xfe\xed\xa5\xd9\x08\x01T\xd6\xc4\x80\x1b\xb4\xa2\xcf\x99\x18E\xcawc\x9bi\rSVA;;\xd2g\xb1\xce\xac$\xf7\xf2Y\xd8\xd5Q;x=\xb0\x90\x15c\xba!\x0e+\xeeo\x11\xd0\xc0\x9ehX\x9fk\x8e\xda;\xd6\x83\xb8(FT\x8b\x8d\xdf\xd9\x98u\x07\xaf\xe6\xbd\xf0\xb3-&gt;x)\xff\xed=pr:+|\x89e\xd9P\x98\xea\x96\xc7\xd9\xe1'&gt;W U\xc5\x9d_1\xa6\xe9\xb8\xc6}\xa1\xd2I\xa8(o\x82N\x98v\xa8\x92\xc0\x07\x0bF[\\0i\\\xf2\x1d\xe7\xec\xd4]\xe8\xcbpo\xc4\xa2\xd7wXQ\xd2\x7f\xaa\x15-A\x08\xd0R8\r\xad\xd2\xe1\x18o\x8ccAxD\x9aS\xb2o6\x07\x05\x90\x05\xb9\xf2\xdfVd\x82\x07\x11\x1f\xfc\x14\x0f\x89"</t>
  </si>
  <si>
    <t>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</t>
  </si>
  <si>
    <t>b'\xab\xd4\xe4Z\xb2\x0bx\x05\x0c3\xdeB\xf8\xe7\tI'</t>
  </si>
  <si>
    <t>any longer. He couldn't sleep nights,
 he couldn't eat, he was thinned down to a shadder, yet he da'sn't ask
 anybody's advice, for the very person he asked for advice might go back
 on him and let the gov'ment know about the letter. He had the letter
 4
 buried under the floor, but that did no good; if he happened to see
 a person standing over the place it'd give him the cold shivers, and
 loaded him up with suspicions, and he would sit up that night till the
 town was still and dark, and then he would sneak there and get it out
 and bury it in another place. Of course, people got to avoiding him and
 shaking their heads and whispering, because, the wa</t>
  </si>
  <si>
    <t>b'\xf4\x86\xe5Z5`\xe5\x95\xf2\xb7\xac\xcd\x89\x0cf%\xf2\x92k\x1d\xd5\xc8\x0b\xbd\xa6\xe8\xa7n(6A\x89'</t>
  </si>
  <si>
    <t>f486e55a3560e595f2b7accd890c6625f2926b1dd5c80bbda6e8a76e28364189</t>
  </si>
  <si>
    <t>b'\xf4\x86\xe5Z5`\xe5\x95\xf2\xb7\xac\xcd\x89\x0cf%'</t>
  </si>
  <si>
    <t>ing only that the nominal inter_x0002_est rate is 15 percent. The investment would be quite attractive at zero inflation, but disas_x0002_trously unattractive if inflation were bounding along at 100 percent per year!21
 We conclude this chapter by showing that when the nominal interest parity condition
 equates nominal interest rate differences between currencies to expected changes in
 nominal exchange rates, a real interest parity condition equates expected real interest rate
 differences to expected changes in real exchange rates. Only when relative PPP is
 expected to hold (meaning no real exchange rate change is anticipated) are expected real
 interest rates in all countries identical.
 The expected real interest rate, denoted , is defined as the nominal interest rate, 
 , less the expected inflation rate, 
 In other words, the expected real interest rate in a country is just the real rate of return a
 domestic resident expects to earn on a loan of his or her currency. The definition of the
 expected real interest rate clarifies the generality of the forces behind the Fisher effect:
 Any increase in the expected inflation rate that does not alter the expected real interest rate
 must be reflected, one for one, in the nominal interest rate.
 A useful consequence of the preceding definition is a formula for the difference in
 expected real interest rates between two currency areas such as the United States and Europe:
 If we rearrange equation (16-9) and combine it with the equation above, we get the
 desired real interest parity condition:
 r US (16-10) e - r E
 e = (q$/â‚¬ e - q$/â‚¬)/q$/â‚¬.
 r US
 e - r E
 e = (R$ - pUS
 e ) - (Râ‚¬ - pE
 e ).
 r e = R - pe
 .
 pe R :
 r e
 2 1We could get away with examining nominal return differences in the foreign exchange market because (as
 Chapter 14 showed) nominal return differences equal real return differences for any given investor. In the context
 of the demand for money, the nominal interest rate is the real rate of return you sacrifice by holding interest-barren
 currency.
 CHAPTER 16 Price Levels and the Exchange Rate in the Long Run 413
 Equation (16-10) looks much like the nominal interest parity condition from which it is
 derived, but it explai</t>
  </si>
  <si>
    <t>b"0D\x02 '\x90N;\x15A\xec\xe4\x87\xe1\xaa\xa6\xc5\xc7\x94\x83\xb0\xefE%\xca\xebB\x0f\x8c\xdeD\x83^\xadYJ\x02 x\xf3\xc1\xcc6&amp;\xb6\xb4O\xd2/b\x1cR\xfb\x020\xd9\x1ak{\x94\x18\x1d\xbaTA`D\xd6\xe3:"</t>
  </si>
  <si>
    <t>3044022027904e3b1541ece487e1aaa6c5c79483b0ef4525caeb420f8cde44835ead594a022078f3c1cc3626b6b44fd22f621c52fb0230d91a6b7b94181dba54416044d6e33a</t>
  </si>
  <si>
    <t>b"0D\x02 '\x90N;\x15A\xec\xe4\x87\xe1\xaa\xa6"</t>
  </si>
  <si>
    <t>hear a 
 finger stirring. Business is business. Hold out your left hand. Boy, take 
 his left hand by the wrist and bring it near to my right." 
 We both o</t>
  </si>
  <si>
    <t>b"!\xbeP\x00k\xeb\xd6/\x11\xa5\x06\x12\x8c\x13]\xcb@\xaa\xef\x99\xde\x97\x87\x83\xe7=\xf28\xd7\x15\xe1\xdb\xe2&lt;\x0f\nm\xd4:0\x95,\x86a\x05\x98.e\rI\xdd\xe1\xf4\x0c\x1b\x0e\xcf\xe0\xe7\xc5J\xd5=fK7b\xc5zl\x8f&amp;\xd1\x1a\xd0\r\xcd\xfaP\xcc&amp;\x10\xaa\xf1\xddg\x16\xfamd5\xc3\\\x97n^\x95\x96L\xf70\xfdc\xa5%\xb3?\xe7F!VQR\x0b\nz\x18\xa0\xe7\x15}\x8c*\x843m\xe0\x83?\x8fC\x0bV\x14\xbc\x1a\xfe\xcf\xb6\x99\x16\x8b\x1b\x83\xa7\xdd4\xc1\xe3\xc4\xd6W\xd0&amp;XQ\xed;\x18\x96\x81\xfb\xbf\x05(\xd9\x08\xa66\xdd&gt;Qk\xd5$\x0e\x0f\x8e\xcab\n\xc4\xe8+\xde\xa4R\x8b\xc7Qq\xe8\xfd\xceD\xcd\x9b\xb2\xb7\xfeY\x04\xec\xdb\xa0\xe7\xfbl\xc0I\xa6EkH\x86T\x1c7\x84T\xf4\xbb\x84?p\x9a\rF\xf3\x9e~\xfbf\x10 1\x0e\xc7\x8a\xbc\xfe,\x06\x9f\xaf\x99T\x91&lt;b\x9e\x01\x9dK\xa6\xd7\xe7\xf4F\x9b\xbf\xdb\x88\x1e\x97)\x94\xd8\x90\xde\x92#r\xf3\xc9_\x80\x00\xb5\x17\x08\x19\x89\xa3O\xaa\xec\x97\x12q\xc3\x873\xdf%\xdag^;\xc5;\xb4\xb8Q\xf9G\xf4\xda\xb2;\x7f\xf7\x02c\xces\x14:c\xee[\xa3\x00M\xa8\xee\xc3\xd0\x9c/k-\xd5\xcbS\x11\xb5\x08\xb1P\x93/\xb3/T\x0f\xb9\xf9\xd4\xc6\xae;r\xeb\xfd\xe5G;\x12\xa5\xef\xf3\x8eK)K\xef\xe2\x92\x1f\x1e\xba\xd9\x95\xd8\xf0J\xb3\xcd\x18\xaa\x00\xb85\xb1\xdd\x9b-lj\xc4\xee\xd88\t\n)\xf92\x94\x8b;\x12Z\xa9\x08\xc9j1\xf7\x9ew\x96'\xc0\x8835\xd5(\x10t\xc0P\xd0m\xb6\xec`\x98~\xa9\xa7\xbb\x8f\xa4\x8ewmrm\xf5\x87k\x12\xdcph\x87\xa6\xa5\xda\xaa\xc6\x8c\xb0\xe7\xe3G\xdc\xf8\xb6\xd4n\x1b\x00\xc5\xa3\xfe\xca\x929\xef\x1c_\xec\xa3rn\xe0~\xa1@\xd8a\x93\xfc\xe6\xe0$D\x06\x80\xc1\xa0\x80C\xa3\xd7\xc3\xde\xb2\x8f\x17\x82/\x9fH\xa2\xa3\xe5."</t>
  </si>
  <si>
    <t>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</t>
  </si>
  <si>
    <t>b'!\xbeP\x00k\xeb\xd6/\x11\xa5\x06\x12\x8c\x13]\xcb'</t>
  </si>
  <si>
    <t>determine the
 output error and the required value of Vcorr.
 378 Chapter 8 Operational Amplifier as a Black Box
 Solution We have IB = 10 Î¼A and hence
 Vout = 0.1 mV. (8.79)
 Thus, Vcorr is chosen as
 Vcorr = âˆ’9.1 Î¼V. (8.80)
 Exercise Determine the correction voltage if Î² = 200.
 Equation (8.78) implies that Vcorr depends on IB2 and hence the current gain of tran_x0002_sistors. Since Î² varies with process and temperature, Vcorr cannot remain at a fixed value
 and must â€œtrackâ€ Î². Fortunately, (8.78) also reveals that Vcorr can be obtained by passing a
 base current through a resistor equal to R1||R2, leading to the topology shown in Fig. 8.33.
 Here, if IB1 = IB2, then Vout = 0 for Vin = 0. The reader is encouraged to take the finite
 gain of the op amp into account and prove that Vout is still near zero.
 From the drawing in Fig. 8.31(b), we observe that the input bias currents have an
 identical effect on the inverting amplifier. Thus, the correction technique shown in Fig.
 8.33 applies to this circuit as well.
 In reality, asymmetries in the op ampâ€™s internal circuitry introduce a slight (random)
 mismatch between IB1 and IB2. Problem 8.53 studies the effect of this mismatch on the
 output in Fig. 8.33.
 Vout
 R1
 R2
 I B2
 I B1
 R1
 R 2
 Vin
 Figure 8.33 Correction for variation of beta.
 We now consider the effect of the input bias currents on the performance of integrators.
 Illustrated in Fig. 8.34(a) with Vin = 0 and IB1 omitted (why?), the circuit forces IB2 to flow
 throughC1 because R1 sustains a zero voltage drop. In fact, the Thevenin equivalent of R1
 Vout
 C1
 R1
 I B2
 Vout
 C1
 R1
 â€“ I B2 R1
 (a) (b)
 Figure 8.34 (a) Effect of input bias currents on integrator, (b) Thevenin equivalent.
 8.4 Op Amp Nonidealities 379
 and IB2 [Fig. 8.34(b)] yields
 Vout = âˆ’ 1
 R1C1
 _x0006_
 Vin dt (8.81)
 = +
 1
 R1C1
 IB2R1 dt (8.82)
 = IB2
 C1
 dt. (8.83)
 (Of course, the flow of IB2 through C1
 leads to the same result.) In other words,
 the circuit integrates the input bias current,
 thereby forcing Vout to eventually saturate
 near the positive or negative supply rails.
 Did you know?
 Op amp design has always faced interesting chal_x0002_lenges and elicited new ideas. In fact, many of
 the techniques invented for use within op amps
 have quickly found their way to other circuits as
 well. Early op amps strove for a high gain but en_x0002_countered instability; that is, they would some_x0002_times oscillate. Subsequent generations were de_x0002_signed for a high input impedance, a low output
 impedance, or low supply voltages. Many others
 were introduced for low-noise or high-speed oper_x0002_ation. Most of the issues persist in todayâ€™s op
 amp design as well. In</t>
  </si>
  <si>
    <t>b'\xd1\xb8\xb6\x07Y\xbb\xcf\xac\x1a$\xe7H\x1d\x1c\x90\x00'</t>
  </si>
  <si>
    <t>d1b8b60759bbcfac1a24e7481d1c9000</t>
  </si>
  <si>
    <t>of Fig. 17.72 for a drain current of 1 mA and a voltage gain
 of 0.8. Assume Î¼nCox = 100 Î¼A/V2, VTH = 0.5 V, Î» = 0, VDD = 1.8 V, and RG = 50 k_x0003_.
 Solution The unknowns in this problem are VGS, W/L, and RS. The following three equations can
 be formed:
 ID = 1
 2
 Î¼nCox
 W
 L (VGS âˆ’ VTH)
 2 (17.190)
 IDRS + VGS = VDD (17.191)
 Av = RS
 1
 gm
 + RS
 . (17.192)
 If gm is written as 2ID/(VGS âˆ’ VTH), then Eqs. (17.191) and (17.192) do not contain W/L
 and can be solved to determine VGS and RS. We write Eq. (17.192) as
 Av = RS
 VGS âˆ’ VTH
 2ID
 + RS
 (17.193)
 = 2IDRS
 VGS âˆ’ VTH + 2IDRS
 (17.194)
 = 2IDRS
 VDD âˆ’ VTH + IDRS
 . (17.195)
 Thus,
 RS = VDD âˆ’ VTH
 ID
 Av
 2 âˆ’ Av
 (17.196)
 = 867 _x0003_. (17.197)
 and
 VGS = VDD âˆ’ IDRS (17.198)
 = VDD âˆ’ (VDD âˆ’ VTH) Av
 2 âˆ’ Av
 (17.199)
 = 0.933 V. (17.200)
 17.5 Additional Examples 855
 It follows from Eq. (17.190) that
 W
 L = 107. (17.201)
 Exercise What voltage gain can be achieved if W/L cannot exceed 50?
 Equation (17.189) reveals that the bias current of the source follower varies with the
 supply voltage. To avoid this effect, integrated circuits bias the follower by means of a
 current source (Fig. 17.73).
 M 1
 VDD
 R
 Vin
 C1 G
 C2
 Vout
 M 1
 VDD
 R
 Vin
 C1 G
 C2
 Vout
 M 2 Vb
 Figure 17.73 Source follower with biasing.
 17.5 ADDITIONAL EXAMPLES
 This chapter has created a foundation for amplifier design, emphasizing that a proper bias
 point must be established to define the small-signal properties of each circuit. Depicted
 in Fig. 17.74, the three amplifier topologies studied here exhibit different gains and I/O
 impedances, each serving a specific application.
 In this section, we consider a number of challenging examples, seeking to im_x0002_prove our circuit analysis techniques. As usual, our emphasis is on solution by in_x0002_spection and hence intuitive understanding of the circuits. We assume various capac_x0002_itors used in each circuit have a negligible impedance at the signal frequencies of
 interest.
 V
 Vin
 Vout
 V
 R
 Vout
 Vin
 R
 V
 Vout
 Vb Vin
 CS Stage CG Stage Follower
 DD DD DD
 D D
 M 1 RD
 M 1
 M 1
 Figure 17.74 Summary of MOS amplifier topologies.
 856 Chapter 17 CMOS Amplifiers
 Example
 17.40
 Calculate the voltage gain and output impedance of the circuit shown in Fig. 17.75(a).
 VDD
 M 2 Vb
 Vout
 Vin M 1
 out
 in
 M 1
 r O2 g
 1 r m3
 O3
 (a) (b)
 M 3
 v r O1
 v
 Figure 17.75 (a) Example of CS stage, (b) simplified circuit.
 Solution We identify M1 as a common-source device because it senses the input at its gate and
 generates the output at its drain. Transistors M2 and M3 therefore act as the load,
 with the former serving as a current source and the latter as a diode-connected de_x0002_vice. Thus, M2 can be replaced with a small-signal resistance equal to rO2, and M3 with
 another equal to (1/gm3)||rO3. The circuit now reduces to that depicted in Fig. 17.75(b),
 yielding
 Av = âˆ’gm1
 _x0002_ 1
 gm3
 ||rO1||rO2||rO3
 _x0003_
 (17.202)
 and
 Rout = 1
 gm3
 ||rO1||rO2||rO3. (17.203)
 Note that 1/gm3 is dominant in both expressions.
 Exercise Repeat the above example if M2 is converted to a diode-connected device.
 Example
 17.41
 Compute the voltage gain of the circuit shown in Fig. 17.76(a). Neglect channel-length
 modulation in M1.
 VDD
 M 2 Vb
 Vout
 Vin M 1
 M 3
 Vout
 Vin M 1
 r O2
 g
 1 r m3
 O3
 (a) (b)
 Figure 17.76 (a) Example of CS stag</t>
  </si>
  <si>
    <t>b'6\xabjA\x1b\xc3\xf2B\xaa\xa9e\xfeo\xe2\x0b\xa7'</t>
  </si>
  <si>
    <t>36ab6a411bc3f242aaa965fe6fe20ba7</t>
  </si>
  <si>
    <t>âŽ¬
  âŽª âŽª âŽª âŽª âŽª âŽª âŽª âŽ­
  (9.179)
  Equations(ii),(iii),(v),and(vi)canbesolvedforEx,Ey,Bx,andBy:
  (i) Ex= i
  (Ï‰/c)2âˆ’k2
  k âˆ‚Ez
  âˆ‚x +Ï‰âˆ‚Bz
  âˆ‚y ,
  (ii) Ey= i
  (Ï‰/c)2âˆ’k2
  k âˆ‚Ez
  âˆ‚y âˆ’Ï‰âˆ‚Bz
  âˆ‚x ,
  (iii) Bx= i
  (Ï‰/c)2âˆ’k2
  k âˆ‚Bz
  âˆ‚x âˆ’Ï‰
  c2
  âˆ‚Ez
  âˆ‚y ,
  (iv) By= i
  (Ï‰/c)2âˆ’k2
  k âˆ‚Bz
  âˆ‚y +Ï‰
  c2
  âˆ‚Ez
  âˆ‚x .
  âŽ«
  âŽª âŽª âŽª âŽª âŽª âŽª âŽª âŽª âŽª âŽª âŽª âŽª âŽª âŽ¬
  âŽª âŽª âŽª âŽª âŽª âŽª âŽª âŽª âŽª âŽª âŽª âŽª âŽª âŽ­
  (9.180)
  Itsuffices,then,todeterminethelongitudinalcomponentsEzandBz;ifweknew
  those,wecouldquicklycalculateall theothers, justbydifferentiating. Inserting
  23Toavoidcumbersomenotation,Ishallleavethesubscript0andthetildeofftheindividualcompo
 nents.
 9.5 Guided Waves
  427
  Eq. 9.180 into the remaining Maxwell equations (Prob. 9.27b) yields uncoupled
  equations for Ez and Bz:
  âŽ«
  (i)
  (ii)
  âˆ‚2
  âˆ‚x2 
 + âˆ‚2
  âˆ‚y2 
 +(Ï‰/c)2 âˆ’k2 Ez = 0,
  âˆ‚2
  âˆ‚x2 
 + âˆ‚2
  âˆ‚y2 
 +(Ï‰/c)2 âˆ’k2 Bz = 0.
  âŽª
  âŽª
  âŽª
  âŽ¬
  âŽª
  âŽª
  âŽª
  âŽ­
  (9.181)
  If Ez = 0, we call these TE (â€œtransverse electricâ€) waves; ifBz = 0, they are
  called TM (â€œtransverse magneticâ€) waves; if both Ez = 0 and Bz = 0, we call
  them TEM waves.24 It turns out that TEM waves cannot occur in a hollow wave
  guide.
  Proof. If Ez = 0, Gaussâ€™s law (Eq. 9.177i) says
  âˆ‚Ex
  âˆ‚x + âˆ‚Ey
  âˆ‚y =0,
  and if Bz = 0, Faradayâ€™s law (Eq. 9.177iii) says
  âˆ‚Ey
  âˆ‚x âˆ’ âˆ‚Ex
  âˆ‚y =0.
  Indeed, the vector Ëœ E0 in Eq. 9.178 has zero divergence and zero curl. It can there
 fore be written as the gradient of a scalar potential that satisfies Laplaceâ€™s equa
 tion. But the boundary condition on E (Eq. 9.175) requires that the surface be an
  equipotential, and since Laplaceâ€™s equation admits no local maxima or minima
  (Sect. 3.1.4), this means that the potential is constant throughout, and hence the
  electric field is zeroâ€”no wave at all.
  â–¡
  Notice that this argument applies only to a completely empty pipeâ€”if you run a
  separate conductor down the middle, the potential at its surface need not be the
  same as on the outer wall, and hence a nontrivial potential is possible. Weâ€™ll see
  an example of this in Sect. 9.5.3.
  !
  Problem 9.27
  (a) Derive Eqs. 9.179, and from these obtain Eqs. 9.180.
  (b) Put Eq. 9.180 into Maxwellâ€™s equations (i) and (ii) to obtain Eq. 9.181. Check
  that you get the same results using (i) and (iv) of Eq. 9.179.
  24 In the case of TEM waves (including the unconfined plane waves of Sect. 9.2), k = Ï‰/c,Eqs.9.180
  are indeterminate, and you have to go back to Eqs. 9.179.
 428
  Chapter 9 Electromagnetic Waves
  9.5.2 TE Waves in a Rectangular Wave Guide
  Suppose we have a wave guide of rectangular shape (Fig. 9.24), with height a
  and width b, and we are interested in the propagation of TE waves. The problem
  is to solve Eq. 9.181ii, subject to the boundary condition 9.175ii. Weâ€™ll do it by
  separation of variables. Let
  Bz(x, y) = X(x)Y(y),
  so that
  Y d2X
  dx2 
 + Xd2Y
  dy2 
 + (Ï‰/c)2 âˆ’k2 XY =0.
  Divide by XY, and note that the x- and y-dependent terms must be constants:
  (i) 1
  X 
 d2X
  dx2 
 =âˆ’k2
  x, (ii) 1
  Y 
 d2Y</t>
  </si>
  <si>
    <t>b"r\xe5\x9f|Q\xb2\xc3\xdc-\x1f\x03\n\x04\xa7^\xdf\xc4b@M\x19Ay\rM0\xee\xec\xf5\xe1'&gt;"</t>
  </si>
  <si>
    <t>72e59f7c51b2c3dc2d1f030a04a75edfc462404d1941790d4d30eeecf5e1273e</t>
  </si>
  <si>
    <t>b'r\xe5\x9f|Q\xb2\xc3\xdc-\x1f\x03\n\x04\xa7^\xdf'</t>
  </si>
  <si>
    <t>which manufactured goods dominate on both sides.
 A more recent transformation has been the rise of third world exports of manufactured
 goods. The terms third world and developing countries are applied to the worldâ€™s poorer
 nations, many of which were European colonies before World War II. As recently as the
 1970s, these countries mainly exported primary products. Since then, however, they have
 moved rapidly into exports of manufactured goods. Figure 2-6 shows the shares of agricul_x0002_tural products and manufactured goods in developing-country exports since 1960. There
 has been an almost complete reversal of relative importance. For example, more than
 90 percent of the exports of China, the largest developing economy and a rapidly growing
 force in world trade, consists of manufactured goods.
 Service Offshoring
 One of the hottest disputes in international economics right now is whether modern
 information technology, which makes it possible to perform some economic functions at
 long range, will lead to a dramatic increase in new forms of international trade. Weâ€™ve
 already mentioned the example of call centers, where the person answering your request for
 information may be 8,000 miles</t>
  </si>
  <si>
    <t>b'0F\x02!\x00\xa8\xe3F\x9e\xea\xab\xf1P\x86\xd6Y\xfeZ\xd4\xdcA8\x1e\xf8\xf5\xb9\xd7\xbe0\x8e\xff\x15\x1e\x93B\xd1\x98\x02!\x00\xdeA\xbe\x8e\xcb\x08\xa2\xd8\x80q\xa9H\xc7\x10\xad\xc0\xf8\xc2\xcc*\xed\r\xf8\xa8\xc99\xc0\x174M\x1d\xfe'</t>
  </si>
  <si>
    <t>3046022100a8e3469eeaabf15086d659fe5ad4dc41381ef8f5b9d7be308eff151e9342d198022100de41be8ecb08a2d88071a948c710adc0f8c2cc2aed0df8a8c939c017344d1dfe</t>
  </si>
  <si>
    <t>b'0F\x02!\x00\xa8\xe3F\x9e\xea\xab\xf1P\x86\xd6Y'</t>
  </si>
  <si>
    <t xml:space="preserve">n be summarized as:
Evolution of Electronics
1890: 1894: 1895: 1897: 1897: 1904: 1906: 1912: 1930: 1950: 1963:
Hertz performed experiment on generation of electromagnetic waves. Sir J. C. Bose discovered the propagation of radio waves.
H. A. Lorentz postulated the existence of electron.
J. J. Thomson experimentally verified the existence of electron. Braun invented first electron tube.
Fleming invented diode.
De Forest invented triode.
Application of radio and birth of Institute of Radio Engineers at USA. Monochrome Television invented.
Colour TV came to existence.
IEEE introduced.
Evolution of Transistors
1948: 1948: 1951: 1958: 1961:
Brattain, Bardeen invented point contact transistor.
Shockley discovered junction transistor.
Commercial production of transistor.
Kilby (Texas Instruments, USA) gave idea of monolithic.
Fairchild and Texas Instruments commercially produced Integrated Circuits(IC).
Evolution of ICs
1960: 1966: 1969: 1975:
Small Scale Integration (SSI) (&lt;100 components per chip).
Medium Scale Integration (MSI) (&gt;100 and &lt;1000 components per chip). Large Scale Integration (LSI) (&gt;1000 and &lt;10000 components per chip). Very Large Scale Integration (VLSI) (&gt;10000 components per chip).
 </t>
  </si>
  <si>
    <t>b'\xde\xd9\xf8\r\xa1I\xb1\x89\xb0q\xaa\x90\xca\x05)\x98\xea\xcc\xee\x9f\xed\xd1v\x9d\xfaCs\xbd`\xff\x9f\x03L\xca?\x1bZ\xb1\x94\xba\x1c#\xa8\xbe\x1d8!\x82\x02k+O[\x7fV\x91\xed\xad\x9at\xed@\xe0\xfb\xc0\xc7o\x8f\x7f\x8b\x13;R\xb8\xd9\x8bZ\xd3)0\xdc.\x16G\xa2\xc7\xac4H\xc8\x7f(S\x86H~V\x9e\xd9V\x80x\xc4\xda\xc7\xd6\x99&gt;\x9ey\xd8\x9c\xd7\x81{\xef\xa4\xd1\xa1\xff1]\xbe\xcb"\x1c\xcf\xac\xa3N\xc5\xac\x18L4_\xcb\xfdhV\xc8\x8a\x81\xe4\xf0_.\xa7Fa\xbb\xa8\r\xb1\x88\xf4z\xafT\xa0\xa0\x14y\xf5\x82\x82\x1f&gt;m8+p\x97\xaf\x04Z]\x884;\xd5\x1e\x9e\xc4\x91\x01V\xfc\x19Y\xa6\xb9\xd1Y\x93h\xc72\x13\xf5\xd8\xe7&gt;\xe2\x88\x19\xb3\x1b\x19\x85\x0egrLa:W\xe4.\x89}\xa3\xb6\xfd\xc9\xd5\xe1\x8c\r\xa9\xfd\xb5\xe7\xd2\xf8\x01\x81\x9b-\x9e\xcb\xad\xb1\xa2\x04\xb7?h\x977\xe5K\x9f\xbe\x0c\x14\xec\xff\x93%\x16\x92&amp;0nB\x10\x05\x07\x18\xd7S\x1eI\xba{\xc0$\xae2\xdc0\xd4\xa5;\xd4\xef\x98bxR\x81\xd8$7\xedZdu\x16b:\xee\xce\xbfMQ\x1d\x06\xf9,y\xcf\xd2C\xb9\xd6\xc8!\x81\'*\xd3\xbf9\xe6&lt;\xc2O\x0e\xb1b0\tr?\xaa\xe1\x18\xa4\x04[&gt;\x10\x8e\x02\xef\xe0\xf5s?\x08\x11\xb1\xe4vI|\xa0\xabp5\xfb\x1d\xc2&gt;\xf6c\xcc\xb1\xce\xe6\xd0\xf0\xa1\xff\xe0%\x92\xaf\xeb\x1c\x88\xa3\xec\xdd\x93{\xdac\x06\x06`\x17\xa3%&lt;\xa0F\x97\xb2\x89\x8c=\x98\xfd*\xd8f\\\xaf\x13\x8d&gt;\x99\x1f\xc9+\xe2@vZ\x8eu\xe4\x01\'k\xa1\xdb\xcf\xfc\xa0b7\x13\x91,&gt;\xb1\xeaG\xaa\n(\x9d\xb1R/\xe6\xc4\xd9\xa8#\xce\xda\x02!\xfe\x03:\xe5\xe5\x174Lx\x04\xa0\x1e\x0b\xe9\xfa\x03\xa2O`.\x88h\xa2\xdf\xf1\x85_\xbd\xf31\xa5i\xeb\xb9\xce\xb1\xa93\x99\xaf[\x967$n\xfe\xd7\xb1\xfc\x10\x8d\xba\x08\x9a$\x9b\x04\xdb\x0b\xfd\xc4\x97\x85\x7f{\xd4F\x85\xa2\xdd\x89\xe2B\xa4)\x15o\xd6\xe6\x0fu\xc2\x17\x87\x93$\xd0EM\xed\r\xde\x15a\x8c?\x86\x0b\x93\x97\xef\x8by\x0c\x93&lt;DD\x86\xbb\xcc#S\xd7\x02oPPql\xfe\xad\x1c\x96\xb5C\xdf"J\xa7fJ(\xaa03\x0c\r\xc1#=\x8d\xca`\xf4\'\x98pu&lt;\x07N\xf1\xdbw\xf2/z\x07\x11@\xfc!\xf2\x01\xe91\x02\xed9&lt;1&amp;,Z\x1a\x81k\x8a\x00Ai\xbf\x85\xa4Z\xc1\xac\xa3\x05V\xd0\x8a\x89O\xf7\xf0\xdf\xcbL\xa6\xaa\xdb\x1fP\x02\x83\xd9v\xa7\x9c\x99a3\xda\xa8|\xafKd\xc2\xeb\xba\xd8Z\xcf\xa4\x8b\xac\xf77*\xa9\xd5\xc3J\xa6\xf3\xa2#\xa1\xd1\xd8\xda\xe7\xa4S\xe4\xb3(\xd4(\xf7\xaf\xbd  p\n\x83\x1d\x18\x7f\x81\x85^{TKZw\xaf\xab\x13(@i\xa91\xc1&lt;\xe40\x86x\xa6\x10\x1e\xa8\xc0n\xe3\x92:\xd9\x19#7I\x88n\x06\x93\xca,\xa6\x14t\xba\x12\xe0\xabE\xa7I\xd8\xa6Z\xfb\xe5\xbf\x83\xb6\x92\x01\x1aa~\xfd\xf9\xb1\x0fN\x94x&lt;[\xb0\xab\xb4\x8a\xfd\xb8\xc0{\xc0\xb0_\xee\xf4\xff\x8d\x1b34\xbf\xb3\xcf\x90\xeaA\x15\xb12K1\xb8f\xed\xfcQ\xb4\xae\xa5\x1dX\xe84\x8c+\xbb\xe9\xe9\xa2Ss\x1d\xe2\xba7g\t\xb5\x86\xd3\xf2\xbf\x1e\xb3\xeb\xeafv%&amp;&lt;\xb5\xccM\x9a\xa02[\xd7\x8a\x1f\xc8\x8e\x83XV\xf2\x93\xaa.\xa4JI\'`\xdf\xfe\x99\xb8$RAa\x99|\xec\xb9\x90\xa1\xd9T\x0fUI9\x80\xe43B\x90\xbcq\xd2\xbf\xb2\n\xa3\x13\xfaL\x82qi\xc20\x03\xef\x86\xb723\x0br\xeb\x18\x91\xfc\x01\xdb\x18\x06U:\x11qW\x8a_F\x9c\x9b\xb5\xbf\xf8Mzx\x953v\xd6\x91\x93 jf\xe5\xf8t\xa5\x96\x8d\x01\xb6\x15f\xa2\x15\xbb\x0f\x1f@\xfcw\xea\xe9j\x97\x86\xc00\x80\xc1f\xb3\x06\xa12\x06\x19\x88\x16[\xc4\x0f\x00\x82\x1f\xd3!\x803~\x17_\xb5\xe9\xbcm\xfd$\xc2i\x04F\xe8|\xbe\x02\xec-\xf1D\r \x15\x89=\xee_zc\xe3dc\xf0\x06\x96\xcf\x13N|\x18\xa7\xf1\xcf\x89\x80\x7f:,\x05\x8f\xfb\x12\x96\xf3\x90\xcdI^\xa7\xce \x82=\xd3\xe6\xc6vf\xed)\x8c\x0f@*O\xee\xdc9D\xad\xa3\x10\xc5q7\x06L\xdd\xaf\xdfT\x9c\xb2Vw\xf4\t\x19f~~\x19\xc8\x8b4\\,\xe7\x00\x01\x04\x1e#\xd0\xea\x18\x81.\xa8\xe8`\xca3\x04\x1c\x07\x83\xbd`|PL\xe69\xe0N\xe6)\xf2p`"\xbe\x87H&lt;p\xaee`e\xd24#G\x94\x8e\x04[=V+\x89\x86\xf28\xab\x0c\xa9t\x9bu\x89.umB\'\xc3\x04\xf9\x07px\xf5\x0c\x9d6.\xda@\xa8\x1a\x92\xe2\xc0\xd4&amp;L'</t>
  </si>
  <si>
    <t>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</t>
  </si>
  <si>
    <t>b'\xde\xd9\xf8\r\xa1I\xb1\x89\xb0q\xaa\x90\xca\x05)\x98'</t>
  </si>
  <si>
    <t>in economic activity and success, suggesting that there was not a single integrated economy, but rather a series of interlocking
regional ones.
2 Growth and Scale
There is considerable debate about whether the Roman economy experienced
â€˜â€˜growthâ€™â€™ as that concept is understood in modern economics (Hopkins 1978d;
P. Millett 2001; Saller 2002). Growth is normally defined, in modern textbooks, as
the process whereby a community increases its wealth in a manner that is sustained
through time and that is generally linked to a per capita rise in production of goods
and services (L. G. Reynolds 1986). Aggregate increase in production is not true
economic growth if it is simply the product of a commensurate increase in population, with per capita productivity remaining the same. The non-survival of detailed
census records and historical documents on productivity from antiquity constrains
our ability to answer the question conclusively. Nonetheless, for the Roman world,
the evidence seems far stronger for the very end of the republic and the early
principate (100 BCEâ€“200 CE), for which there is strong archaeological evidence for
growth in sectors of the rural economy (Hitchner 1993) and a rise in Mediterranean
shipping, urban manufacturing, and the non-agricultural sector of the economy
(P. Millett 2001: 31â€“5).
Although it was very large in scale and advanced in some respects by the standards
of other pre-industrial societies, the Roman economy was unlike the sophisticated
capitalist systems of modern times. Indeed, it has been argued that Rome practiced a
form of â€˜â€˜political capitalism,â€™â€™ rather than â€˜â€˜mercantile or rational capitalismâ€™â€™ (Love
1991). In contrast, Rostovtzeff â€™s classic study (1957) was typical of a simplistic
tendency at one time to equate the Roman economy with modern economic behavior, which led to Finleyâ€™s scholarly reaction. The issues are still much debated, but the
current consensus is now shifting somewhat away from the extreme position taken by
Finley, with an increasing recognition that economic growth was achieved in some
regions of the Roman Empire and that the overall scale of economic activity, increasingly demonstrable by archaeological data, was significantly higher than that achieved
in most pre-industrial societies (P. Mi</t>
  </si>
  <si>
    <t>b'\x8b\xdb)\xfczp\x1b\x83\xf2\xdda\xe1\xd8P\xa2\xbcpN\xfc_:\xc9{\xca\xb2\x80?J\x8a\\\x83\x99;\xd0\xe6&gt;7\x15\xc0\x05\x05lO\xe8\x96\xc0\xceH\xf9\x8a+\x8e\xb2UN\xa9|yg\xad\xb2&lt;\xcf\x01\xa4\xe1\xe47\x90\x05\xc6\xb4k\xec*L\x12\x02&gt;\x9d0C\xc4M\xe5\xd2P\x96%\xa7_7\x1f\xc4m\xc1\xba:FtD\x91\x98^\xe7\xafN-\x87\'-%\x9bb\x8b\r#\x03\xe8\xd3&lt;j\x1evK#u\xea\xd4\x9c\x14\xebM\x02\x81\xd3\xfa\xa6}\x12_\x01\xea\x08\x8b\xd2\xcb\xea\xde\x92\x9b\xaf\x1c\x86Ss`3"\x1c\xa4\x84\xe6\xe2])\xb7?\xb1\xda\xc05gg\x05dD\xbfX\xbb+-\x84Z\x8f\xad\xbd\xf4?\x8d?\x84\xf4Y\xcc\xf5\x0en-]y\xc4$\xd6 \xc8JtW\xd3+\xe5\xc5c\x89\xd5\x9d\x83\xf8\x95(c\x19\x07\x0bf\x91\xdaw\xdd\xc7\xf9\x12\x14\xb9\xd8#\x95\xa1i\xdc\xc8\xdd&gt;M\x1aI&amp;\x9b\x15\x07:Fg\x9bK]\xb4\x10\x89(w\x16\xdf\x08\x86vW\x8ew`\xff&lt;\x1e\xe0,e\x1f\xa3\x0fW\x8a}\x96\xba\xb1w\xb4\xba\xbbc\x88Yb\xb1\xda\xe1\x0f\xac\xdb\x02\xdd\xa3\x12Y9\xb7\x0b\xa4j\xee Q\xef\x13]\xed\xc4\xa7\x07G\x1f\x0cQ\xcfBEd\xa6\x88\xc5:\x80\xb9\t\x9aR\xa0\xc9\xf6\xe6\x0f\xcb\xdd\x9e\xc9\x89q\xb1\xfb\xb9\xc5\x9b\xcf\x80\xa5\x80\xe6\xd7\xba+\xe2\xed\xcdq\x8bj\xb1z}\xeaD:,\n\x05\xab5\xcd|\x8a\x9ds|\xa7\xe6{\x19\xaeo\xe5yU\x1eop}y\x14\x86\x82\xb6\x076A\xe3\xdek\x01f\n`\xdb\x902E\t\xeb\xdf\xb1\x9b=\xeef\xcd\xd3\xab\x9f%^\xf3\xb8\xc0\xdan\n~\x1f\x99X\xadH\xc2\xde\xac\xe5\x92D\xf7\xa8\xeb\x8f\xedVU\x1f\xd9\x0b\xcd\x1d\xdd\x12V\x05\x1a\xbb(8\x8b\xea\xb2m\x1f\xc9\x12\xcd\x07\x9e\xfc\'\xd3\xc3\x0f&lt;\xe3^\x12\x9a`\xca{\xce\xb1i\x05\x93\xc4=\x97\xde\xe8\xc41Q\r\x81\xc9[\xeb\xb0\x1c=\'Q\x17\x88\xbc\xc6\xb1\xb2,\xc6S\xe0[\xcb0&gt;\xac\x95\xfb4:\xf9\x84H\xa8\x00\xeb9\x7f\xb4g\xa8`\xe5d\xd5i\xcb\xd1\r\xe6\x8a\xf1~\x125\xf2\x88\xc9\xd6e\x0f\x14b\x01\xd9]\xe5\xd4}\x1awCM\xdfNP\xd0\x06\x16\x7f-\xd0\x1e\x80\xd8\xb0\xbd]\xe6f\xda\x92p\xa5\x9ai\x92\x19\xc3a\x9fy"^\xd7\x18T\x19\x94\x05@\x88RU\xad#\xd0\xca\x9e"\x0b:\x84\xcd\xfa\x1d\xbd\xea\x9f\x0f)\xa3\xc4\x14\xd6\x8ap\xea\xd1~\xe4\xe3,\xd6\xb2p\x81\x8ar\xce\xfe\xb9uY\xec{\xfc\x03E-\xb50e\xd4\xea\xfe\xce\n\x9b\xf8V\x06\xbf*\r\xc7\x07\xae\x7f#j\xfb\x11td%V\xd9\xf3y\xa6\xb9\xc5\xe2\xf1\x94\xbe\xf5\xf4\xbb\xb2\xa4\xa6\xb6z\x87)\xdexO2\xaf14h\xaeg@{\x8cg,#\xd2\x98u\xb1\xb0\xb8\x8b\xe9\n\xbe)6s\xab;:\xd3\xac\xa6\x81\x8c\x85\xab\xc0\xb5\x98jt5q\x1f\x85.\x1c\x10\xb8\x9a\x87\x0e\xdd\xc4\xed\xca\xfe\x952\xdf\xd4m\\&gt;\xa3\x16:i\x94\x03;3\xab\xd8\xdf\xf4S\xc9\x13\xe0\xd1\x00Cg\xd0\xbf\x91\xa2\xb9|\xffi\x82o=QR\x03\x84\x90\r\xb3A\xefX\x93\xaa\x00\xf5G\xbf#\xdb\x9fY\n\xab$\xc4\xef\x0fb_\xcd\xed\xbe\xf5C\x98\x0eZ\x93\x0b\xa7\xd9\xcbo\xe3\x8fj\xe9xJ\xdeP\x7f\xb9\xfa\x0b\xc4`-p\xea\x05\xfe&amp;\xa4\xb6W\xe2]\xf6\xec\xa9dW\xe8\xc9\xdbe\xf4H\xe6}\x14\xf2\xf5]\x8e\x88\xb6\x17&gt;{W{k\x98\xfbB\xb4.L\x07\xcc\x89\xa5\xc4\x05M\xb8\x11,\xc1\t\x93\xf9\xff\xdf\xe2J\xa4.\xbb\xa5UZ\x80\x81\xa4\x11\xdcj\x98\x1b\xb0\xd1\x83m\xeek\xa0\xb6+W\xf4\r\xe1\xd8s^\xbdhX\x06\xaf\xbb}\xc0\x8d\x91O\xbb\xba\xcc\xac4\xeao\xa5\x980\xac\x01\xff4\xa0E{\xa5\xf22e\xddE0\xf0a\xd8\x8ffbK7\xd1O\xfe\x9e\x92\xfa\xa3\xc4\x98\x0f)\x0b\x0f\x17\x13\x1f\x0e\xaca\xad\xd0\x12\xd29\x9d\x8bBa\xe7\xce\x8b\xd9@o,d\x07\xb3\x98WC$\xab\xd5Q\xb7\xa8\xe3,\x14\xef\xd1\xc5\xca\xbf\x9d\xe31\x11@\xb38\x19\xd6\x1a@!\xa61(Q\xa0r\xe9\x1dk\x9e\xaf\xe1\x9d\x86\xad\xae=\xf8`\xca\x1d&lt;y&gt;\xff\xc6 LHo\xba4\xa8!v!\x9f\xdf\xc2\xaa\xeat\nTP\xcf\xf44w\xd5Y\x96\xc8\xe4\xfe\xdb\x7f\xf5\xfc\x9c\xa6\xcb\xc7\x84V[\x1e\xf7\xd8L\xf2\x7f\x04z0:\xfe\x10I!J\xd90\x8az\xbd\xb1\xecK\x08n\xb45a\x85\xeb\xac\xda\x12&amp;F\x8c\xcc\xf5\xc7\xef6\xfe\xab?\x9b\xcb*\x10\xce\xa6\xf9\x07)v\x1d\x96\x12\x1al@17\xb6F\xb8\xb4]d\xb7\x0f\x11\r\xa2\xf9(K\xf4\xb8N\xa6\x1e\xfa5\r\x83\xc6@91\xe5\x01C#\xc8\x16\x07\xf6;j[\xc7h\xd7\xae\xfe\x05\x9f\x95\xf9t\xa0\xa0\xfb\x90;\xc7\x07&lt;\x0b\xb6\xff@\xd7\t\xa5\xc2\xee\xeb\x83\x0f\x91K\x85Y%\xc6\xa7\x01\x9f\x16\xecC\x11\xb0\xbe\x05\xe9m\xa5\xb2\x93\xc0\xddf\xda\xb7\xd6\x1d\'.\xf2\x84\x15^(\xfc:\xc3\xdb\xaf\xce.\xf2\x96E\xa4+\xae*\x18\x84\x91\xce\x1a\x9a1\xa6\x13\xd1\x89\x0b}\x87:\x8d\x84\x06.~\x92\xab\xf2\xa5\x91\xa7\xc7\x1b\xbbIm3cuVz{U\xf1\xca;Rl\xce\xe1\xe75\xf5\x9d\x8d%Jy/\x85}TC?1\xdd3\xe1]\x8a\x9b\xa3\xfdfP^\xdf\x04$`\xe7\x16de\x82QJ\xf3)SHK\x85\x1a5\xc1\x9b\x91\xfb\x06s\x01N\xe7\x94Z\xc8b)\x92\xd6\x18\x96\x9b\x87\x8e6*:\xd1\x16.\xf0\x8c/\x8ah^\xd6\x84;\x071\xf9\xdd\x93\xed\x15\xce\xec\x14\x80\xc6s\xb4\x1fV\x11I\xfc\x13We;w\xf35\xd5N\x8fR\x90\x8aS\x9b\x95r\xf5.\x0c*\xdaZ\x815+\xac\x0fk\x9fJvmw}\xe9tj\xe6\x05\\\xe5C\t\x7f\xd3\xefL\xd3\xa3\xacY\xcb\x8d\xbd\xfe.u\x85\xf3\xf8*\xfcLItA\xecd\xa8MH:\xb2\x07\x08\xffX\xed\x08G:\x11i\x1f\x96\xaeaS\xd9[@\x18\x9cHz\x7fM\xf5\xcf9&gt;\x90\xadS|\xb1\x96\xca\x83\x19\x8cG\xaf\x17\x92hs\xdf\x1d\xde\x17vi\rm/e[!\xec&amp;\xf3\x1c`gY\x11\xca!\x80q\xea\xb96\x1ar\xd8k\x8e\xe4r\xcb\xad\xa6\x0c\xae\r?T\xdaA\xb9\xa0\xd5gG\x99\xc4\x86K\x1e\xf5\xd4w\x18\xf6m \r\x88\x1e\xe1A\xc4J\xfe\xb8A\xa4&amp;\xa5\x8a\x07\xa5\xb8l&amp;\xa3\xb7p\xd7\x89S\x11\xb6\x85\x96I\x04\xe5Q\xa0#\xdc\xf4\x94\xc3\x0b\x14\xd2\x95p\x90\xe0B\xc4\x80\xacr\xa2\x89k\xea[\xa0\xa3\x163&amp;\xf9\nu\x81\xf49\x84\xc6\x9b\xe70\xf5}t\x12\x94P\xabR\\\x94p\xb6U\xae\xbfFD\xe2s\xd7/\x8d5r\xb4\xda\x08\xf3\x0e\xc15\xaa\x80\xcd\xfd\xe0\x1a1\x1f\xf1\xcd\x8eYk\t&amp;\xc8J\xf8{i\r\xf0\xf6-I\x82\x8b\xa9\x80m\x91\xe2\xa2\x9eN\x00\xfdy{U\xd5+\xc5n\xfa+\xdc]\xb8\xeb\x89\xff\x07(B8\xc1\xd8\x93`\x038~\xc4\xec-\x99\xa7\xcf\xd6\xeaa\x94\x81qN\xc0\xd8\x15\x1b\x96\x10\x04\xbe\x18\x0cO\xda\xc9\xea5\xf2\xeb\xdf\xad\xd8\xaa\xbf\xadyPdv\xea\x83\xcc\xaa\x96G\x14l\xeb\n\xd8$\x85{p\x89\xba\x0e*\x85/\xf8\xea\xa8\x16\n\xab+\xcc\xaf\xde\xbc\x91\x80\x13\xfc@I\xdb]\x9f\x9c$\xfe\xb5\xc2H\x8d\xa0\xfc\xbd\x9aw\xddi\x9d}+x\x94\xfd\xfc:g\xcd\x0eL\x12\x07q2\xf2\xcc\xdd\xde&amp;t\xa5\xca\x9d\xc7h\xa17\x14T&lt;\x8cT\x0c\xc1\x16&amp;\xf1\x13&lt;\x13Pi\x12.\xf1\x18\x04\xd5\x8a)3\x08=\x9a\xcc!\xbckl\xe2\xefJP\xd4d,\xaa\x0cQ^\xbd}\x121\xea\xfbj\xb9\xecd\xd0\xefk\xcc\xd8\xdf\x9e\xa1\x17@\x16\xb7h\x1a\xc9A\xa4\xf7Jl\x12\xb0o\xe2\xf5\xbbM\x12=\x80\xb2\xdd\x0eH\xa2\xcb:\xd1g\x97M\x95\xb4\r\x16\x83u\xc1\x0f\x1d\xf9r\xf27\xb6\x12+\x02r{\xce\xbc\xa5o\xc3$\x0f\\\x80E\x07\xe40\xb4\xc1\xb4\xe2\xc6\xc2A{\xa19\x12%\xa3 \x1f\xea\x08\xaf\x9d&lt;\x19Uf\xec\x13\xa7\xc7\xc1\xfb\xea9\xc3\xf0\x81WyJu\x05\x19\xc6;\xf5}E\xb7\xdaW=\xd2\xd6n\x96\x18\x17`\x10\xa6\xc4\x9f\x15\xbc;\xcf\x8d(\x06\r\x89n$\x89\xc1$~\x17x!w\xd3\xf6\xdd\x8d\x14\xb1|$@,;e"\xbe4\xd4\x9a}{\x01%\x82\xbb\xc3\xf6\x7f\x92@\x8e\xc5}*&gt;\xc5]\xf7\x02\xf11\xac\xbc\x93\xf4\xa3G\x9dt\xeaoW\x99u\x16\xcfa\x08\x85h\x0e\x14\xe5@,\x15\xcf\xbc\x8e\xe1)\xfb\xd0\x1b\xc4B\x04\xed\xe1\xec\x7fP^\xba\x18\xf7S\x99\xfe\xae\x10\xc6\x800*=\x1d\xec\x10H\xb3zyBO\xd7Z\xab\xf0\xf5\xac(\x05\xaf\xc1\x19\xe9\x04\xc6\xe9\xf5e\x9e^b\x89\xaf\xad\x9b\xc4 &gt;\x05\n3\xd7F\x84\x8b\xbf\xef\x0b7$[4GD\x12\xdf"\xcf\'~ \x900\x9a\x03\x9f\x1arwQ\xc2\x13e#\xb2b\x96\x93\x7f\x04\x12\xd5\xf4P\x0c9\xfc&gt;\x9f\xee\xc7Gc\xc6\xba\xe6\xc1%B\x95d\x82k\x9e\xcc\xa7\xab1\xf1\x8c\x98\x8b\xd5\xd4\x0e'</t>
  </si>
  <si>
    <t>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</t>
  </si>
  <si>
    <t>b'\x8b\xdb)\xfczp\x1b\x83\xf2\xdda\xe1\xd8P\xa2\xbc'</t>
  </si>
  <si>
    <t>. Suppose q1 is at x1 =âˆ’vt and q2 is at y =âˆ’vt (Fig. 8.3, with t &lt; 0). Find
  the electric and magnetic forces on q1 and q2. Is Newtonâ€™s third law obeyed?
  Problem 10.30 A uniformly charged rod (length L, charge density Î») slides out
  the x axis at constant speed v. At time t = 0 the back end passes the origin (so
  its position as a function of time is x = vt, while the front end is at x = vt + L).
  Find the retarded scalar potential at the origin, as a function of time, for t &gt; 0. [First
  determine the retarded time t1 for the back end, the retarded time t2 for the front end,
  and the corresponding retarded positions x1 and x2.] Is your answer consistent with
  the LiÃ©nard-Wiechert potential, in the point charge limit (L 
 vt, with Î»L = q)?
  Do not assume v c.
  Problem 10.31 A particle of charge q is traveling at constant speed v along the
  x axis. Calculate the total power passing through the plane x = a, at the moment
  the particle itself is at the origin. Answer: q2v/32Ï€ 0a2
  Problem 10.3222 A particle of charge q1 is at rest at the origin. A second particle,
  of charge q2, moves along the z axis at constant velocity v.
  (a) Find the force F12(t) of q1 on q2, at time t (when q2 is at z = vt).</t>
  </si>
  <si>
    <t>b'h\xec\xc8\x8e\x84\x0e\x17\xe1;H\x92z\x904\xff\xf2\xbbH\xeb\x93\xd8h\x97\x1e\x1f\xe2\xfe\x93\x94\x7f\xb8\xda'</t>
  </si>
  <si>
    <t>68ecc88e840e17e13b48927a9034fff2bb48eb93d868971e1fe2fe93947fb8da</t>
  </si>
  <si>
    <t>b'h\xec\xc8\x8e\x84\x0e\x17\xe1;H\x92z\x904\xff\xf2'</t>
  </si>
  <si>
    <t>ned that relationship, so too
did they define the figure of Christ, the revelatory status of the LXX, and the
relationship of Jews and Judaism to their own movement (Fredriksen and Lieu
2004). Three prominent second-century Christian theologians, considered together,
can give us a sense of the scope of these issues. All three defined the High God, or
â€˜â€˜the Father,â€™â€™ according to the criteria of paideia. Accordingly, all three agreed
that only a lower god, and certainly not the High God himself, could be the
immediate author of material creation. All three identified the High God as the father
of Jesus Christ. All three held that the LXX, interpreted correctly, with spiritual
understanding, could provide knowledge of revelation. And all three agreed that
Jewish religious practice, which enacted the precepts of these scriptures â€“ keeping
the Sabbath, the food laws, circumcision, the holy days, and so on â€“ exposed the
Christians in the Roman Empire 599
Jews as fundamentally unenlightened readers. In the view of these gentile Christian
theologians, this intrinsic Jewish inability to read â€˜â€˜spirituallyâ€™â€™ explained why the
Jewish people had failed to grasp the essentially Christian, gentile significance of their
own text.
The earliest commentaries both on Genesis and on the Gospel of John came from
the church of the first theologian, Valentinus (fl. 130). The second, Marcion (fl. 140),
first conceived the idea of a â€˜â€˜new testamentâ€™â€™ as an authoritative collection
of specifically Christian texts comprising a gospel and the letters of Paul. But only
the third, Justin Martyr (fl. 150), was deemed â€˜â€˜orthodoxâ€™â€™ in the perspective of
the church that won Constantineâ€™s support in the fourth century. In consequence,
only Justinâ€™s writings have survived. Thanks</t>
  </si>
  <si>
    <t>b'%\xffdd\xbe\xba\xa3"\xb4\x8aS\x91\xcbu\xb6\x98\x1d*\xe5E\xf6/;\xa6\x0e\x12\x99Xu\x8e:0\xd3\x1e\t\t\xed\xfe\xa3\xdd2\x97\xc0\x1d\x81\xb6\xa3\xa8\x17\xeaK\x81h\xfeE\xf5\xc7U\xae:/\x0b\xa9\xbb\xf9AAH4\xad\x1e&lt;k*\xe3\x13;\xc2\xd2\xe3\x8fB{\xcd&gt;f\xd8\x9f.a\x07\xb8\xc5\xf7f\xee\x90-\xac\x83\x97A\xf2\xbf\xd1\x15M^\xfd\xc8*\xc4\x0e\xb7\xd6\x9d\x11s\\\x03\xcb\xdf\x8f\x82@c\xbf\xe2y\x9f\\\x13C\xa7^\xb8\x14\xaa wk\x10k\x0b\xf5&amp;@\xb1\xbfV\x7f\x7f\x8c]\xd3\x96\x9c\xa3=E\xf6\x8d[\xc9\xe9\x86(X\xcd\xd8BO\xc5\xe6IY\x89\xdd0P\xe8hK9r3\x14\xa6\xb5\xe2,\xa6=\xb4\x9cim\x96\r2\xff\xfb\xfd6\xbe\x13{\xf1\xc3@\xad\x03\xa9\xb5=*\xcf\x02\x03\x89\n8\x9aTh\xd8\x8e\xac\x03O\xe5\x05\x88\xd2\xb3 \x16\x84\xc1\xd4\xc9\xd3\x1exO\xf9\xee\x92j\x08\x13\xa3\xdd,\xa3\xbb\xe9\xc7\xcb\xde\xfce\xb6\x88\x9c\xb3;c)\xa0dDf\x94\\\xcfs\x8e\xees\xdb:R\x02:\x82q\xb0\x14\xd8\x9d\xc0I5\x15\x86\xc8\xc3\xa5N\x906\xbd\x9dy\xa9\x91\xab\x8f\x82\xe8\xf9M\xd9Y\x9d\xe7\\\xe1l:akiqDS\xcc\x1e\tOx\x8f\x9bEV\xe5\xea\xae\xf7\x94P\xd5\xc0\xe9q\xd5\\G4`#\x15!\xb9v\x92\xed\xa4\x14!\\\x9f\xe9\x8d?N\x16\xdd\xca\xca\xf5\x11\x11v\xea\xc7Z\x08\x95\xd2:r!S(CIt\x7f\xbduH:\xd8\xe8t\xe1\xee\x07\x81\x90Z\rz\xb3\xb0UD\xdd\xa6\x97\xcf\x1f\xf6\xb2o\xb4\\9\x7f\xbf\x1b)\x1c\xf0G\t_\xe0\xce\xf3Y\xe16\xc9j\x15e$\x07\xab\xd0\xfa\xf5e--\x82\xf1\xe1\xdb\x16\x988\x1f\xe4\xe21\xd3z\xc0\xf6Q\xd2\x8a\x12d_\x91\xfcM\x8ag\xb3\x87m\xae\x1b\xea\xc1"\x1bj\x9c\x8c\xeb\x1a\xfd\xea\xb8\x8e\x08\xf9u\x90\x0eo^\xc1bZJ\xff\x88%O\x9f0I\xb9\xbeG\x02e\xb2\x10\xc1b\xe5wc&lt;\xf7\xf8\xc4\xe4\xdds\xb1\xf5\xe1\x9d6\xdf*\x98\x01*\xfb[\xd8\xfa\x80\x00\x12\xf0-y\x8f&amp;\xcf\xf4\xfb9\xea\xe1\xee\xb9\x9e\x8e\x998\xe8P5\xf3D\r\x87\xdd\xc4\xb5\xb9\xea\xda\xb9\xff\xe8\xb4x\xec\x8cd\xf6}A\x10\x9b\xe2\xa2}\xbc&amp;\x7fv\xc4E\xado\t\xdb\xef\xf1f\x97\xe2\xfe*\\\xa2\xe8\x043s;\x02x\x1a\xec)\x80\xfa\xa8\x90\x10+\xe4\xa8\xf9\xe6\x9d%N5k\x8e\xd2a\xed#\xd0\xf9\xa8+R\xff*1\x12F\xb2\x9a\x81\x06:\x13b\xd79\x08YR\x84JR\xb3:|\x03\xee\xb7\x14\x00|\xe2t\xdeO\xf3E\xed\xd7au\x00\xf6\xdc\xa24`\x8bl\x82\xd6E\x045\xb0\x1b\xae\x1f\x8bza\xab{\xd1\xe9\x1e\xb1\xab\xc3\x95\xc3oE\'\xb12\x01\xb2!\x17\xfa\xea\xbf\x11g\x88o5OVl\xb2\xa1\x0b\x83\xa8\x96hY7\x91\x0c\xb1:\x850\xa2J\x8bS\x93A@\xd7\xf6\'\xf9m\xaa&gt;\x9d\x92{\xc6TY{\xf0E\x891\t\x02:C\xbf\x99\xbe\xa2x\x7f\xc1\x01W\xc4~\x0f`\xf4\x8f\x95\x84\xfb\xc7%\xe2\x96\nQ\x97\xb1\xee&gt;d\xca\x8f\xc4N\xfd\xcc~\x03y\xff\x1bWN!U\xa5q\xd1GrP\x13-\xaam\xa2\x9e\x1d^\x89\x1a\x99\xcd\xb6T\xc5_A\x05*\xd5\x1e\t\xf2\x81\x9c\xf0\x9fP\xe1&amp;&amp;;a\xe2\n\x05ZB\xd1\xb2\xaf\x7f\xbe \x1e\xccO\xdd\x89\xa4j\xc1\xf0u\x10j\x84`\xa0V\x84\x94j\x8b\xc5\x81l4\xf3h:\x99c\x10#p\x9fT4\x1dX\x14\x1f\xfao\x84*\x9dM\xf2\xf6L\xb4\x16\xbb\xb8Ok#\xd5H\x9d,M\x98\xf7\xbc1\x86r\x85g&amp;\xb4\xd0w*\xb1\xe8\xc9\xb6dN\xf4w\x19\x91`h\xae\xcc\xb3;P\x88\xe2\xdc\xc3\x9e\x84i\x1e\xbf\xdf\x83\xd1\xda\xc5\xc9\xda\xdf\x0e~\xb4\x15m)\x9c\xa6\xed\x05\xd7\xa5asE\x16V\xdcD\xf7\x8f\x9b\n \xa2\xfa_rT^b\xb5\xc40\x0c?\x99:\'\x8ey\xd7\x7f5#J\x98\xf6\xd0[\xfd\xf4\x17\xbc Z_\xfe\xb7Hil\xc7\n\x12b\x9b\xc3\x80{\x8d$\xe2(l\xfb\x19\x17H\x18u \x9d!?\x10\xae\x9bIx&gt;\xb5\xf4Mq\xb2\x04\x84E\x94j\xe3\x86i\xc3\xb7\xab\x1eN\x9c\xd0\'\x88(\xc0l\xfc/\x06Z\xcfP\xaa\xe7\x7fj.8\xc6.\xf9\n\xdc\xf4\x1eou\xf9\xbfe\xd4\x19L\x13\x7f\xe0\xb2\t\x87\xfbz\xe7h^I\x12Q\xc3\xed\xc5\xdd\x08$@C\xd20J]n4\x0c\xb5\'\xce`\xee\x9a\x9cF\x16\xbc\x0e\xdc\x1c\x99\xe8]\x9d\x01^\x86\xc19\xa1\xd4\xb5\r\x1c\xbd\xa9Y\x0c\xe0\x9c\xae\xc3C\xe6\xa4\x01\xb1\xd8\x81\xc0\xdcG\xe9\xb7\xc7\x92\xdcZV\x92\x12\'\x0f+\xce\xb4\xd4\xa8\x17O\xb9zWj\x1a\x8a\x91\xcd\xa0\xa2\xe6\xa9\x15RMM\x12\x15\xcf\x91\xecK\xee\xe3\xfd\x9c2\x14\xab\x19s\xfc\xf3%\xee\xab\xe1\x15\xae\xdf\xc8AH\xda\x8d\r\xcb-\xe0\x0fy\x94\xccf8\x1e\n\r\xb5\x97\xe1\xa3\x9bq\xc4s\xd4\xdb=\x1a3C\x01\xd9\xf4\x88$\xc0\x00\x91 A\x80\x85=Z\xff\x7f\xbab\x01\xf8Mzg\xa2\x92\x06_[a9\xd8\xcf3\xca\x85\x1a\xd2\nZ\x89!\xd8\xa5\x8a\xb6\x02\xd5\xe2\xf0\x9c\xad\xdb\x90y\xacJ\x96E\xcee\xbb\x19\xf3B\xd0\x1b\x11\x05/\xf05p\x99\xb7\x0f\xdb\xcb\x80\xfd\xb3;\xb4/o\xd0\x86v\xa2\x9f\xcb\x80Yy*\x8cKa\xf3]\x02\x1b\xed \xad\xee\x16\xe9\x93\xc4\xbe2c)\xf3Nr\x18\xd5\xef\xd1\xc8M~\x84#u\x8f\xd7L\x80m\xd9\xfcI\xb8$g\xc7\xb3S\xcd\xf0\xa6\x1c\xbe\x8d\xc1\xdf=J\xb7g.\x9d\xb5\x85#j.!\xae1\xdb93l8 6\xee\xeb\xb1\x1d\t\xee4\xda!\xa8\xc1H\xdd3\x18\xe5-\xf0\x18X\x05\x94\x02\xbf\x9a\x8e:T\xaf\nSV\xe1\xb8\x95A\xde\xb6$~\x05\xff4\xe7"\x8f\x14\xc9 v\x91\x1e\xe15\x9c\x05\x9c\xe1hk\xaa\xeai\xfd\xc0\xb4\x0b\xfee\xc9!\xda1\x9aA\xfb\xe5@1\xf0\x8d5#o\xab&gt;G\x01`\x12j]\x94k\x92\x80\xdf\xb7\x13\xeb\xd7\x1e\x99\xa1\xc9\x96$T\x8a\x1d\xd5 \xd21\xd7\xfa\xdf\xcb\xfe\x9bf\x8e\xe8\xe5\xf3\xbe\\?\x0c\x8b\xa2\x8fZ7@\x8f\x17v-\xf8\x1ap\xe4\x86\xe5\xab\x87@\xa9V\xbe\xdfH]8\x11\xfd|(&gt;\xa6\x82-fJ\x1c\xa8\xa43h%\x9b\xc9\x9d\xd6\xd6@\xbdi\xe3\xdaL(\x16.\x94"\xdaE%\xaa\xbeJZT\x8b\xe5\x980\x90t\xbf\x18\xed\xe5\xd1w\xceo\xf1\xb5\x15\x8e\x07\xeaTo\xd3\x01\x88\x18_\xa6\xcf9E\xbe*\xa6m\n:H\x86\x82rX\x0c1\x1a\x93E6|\xe8H7\xbbP\xf7\xe2\xfa\x90\xa7y\x8b\xaa#\x94\xa5\xc6UD\x16&amp;\x0c~\xb4\xe8\xa6\xdd\x8e\xe1`/\x96\'\x84\xf0F\xe2M\x81_\xf5F)\x84$\xc6\x96\\2\x857m3&amp;\x9f(\xc8yFU\xe2\xc2\xdb\xf0\x0e\x90\xb0y}\xa3\xf3-S1\xf9\x9ds;\xef`;\xde\x98\x05\x07\xdb\x19\x06T3V\xb6e~\xdb"w\x88*\x15\x0c\xfa\n\x1e\xc6N-M6\x04\x81\xc3\x182\x0e\xc2\x958\x04W\xf1u\xc0\x01\xc4\xfe\xd5\x82\xc7*\x88\x96\xf5\xf5\x9cl\xff\xa1;V\xd1z\xed\xc2^N\xc5'</t>
  </si>
  <si>
    <t>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</t>
  </si>
  <si>
    <t>b'%\xffdd\xbe\xba\xa3"\xb4\x8aS\x91\xcbu\xb6\x98'</t>
  </si>
  <si>
    <t>ly a
privileged group, not co-extensive with the citizenry as a whole. The ecclesiastsâ€™
wives were also a privileged category: these were the only women singled out for
special mention, though marked as inferior in status to their husbands. Finally came
three groups of persons who were not of full citizen status: both vindicati and
freedmen were probably ex-slaves who had attained freedom in different ways,
while paroikoi were â€˜â€˜neighbors,â€™â€™ perhaps city-dwellers who had been born in local
villages or more distant cities.
Menodora herself had held all sorts of posts. As gymnasiarch, she would have been
responsible for the cityâ€™s gymnasium, using her own funds to supplement what
the city had allocated to purchase anointing oil and fuel for heating the baths.
She had given her name to her year as eponymous magistrate, like her father before
her. She was Priestess of All the Gods, Priestess of Demeter, Hierophant-for-life, and
Chief Priestess of the Imperial Cult (IGRR 3.802). She had been, like her father,
one of the dekaproË†toi, a group of ten wealthy citizens who took responsibility to see
that the cityâ€™s tax liability was met (Sartre 1991: 86). In addition she set up a
foundation for the feeding of her cityâ€™s indigent children. Menodora was evidently
the last of her line. Probably this is why she was elected to so many of the offices held
by her male ancestors (van Bremen 1994; 1996: 108â€“13). When her son died she set
up a temple to the goddess Tyche in his memory (IGRR 3.800). All these benefactions were recorded on stone by the Council, the gerousia, and the people of her
grateful city.
Menodoraâ€™s so</t>
  </si>
  <si>
    <t>b'\xda\x13\x9d\xe1\x18\t\x0b\xb6\xdfu\xc6H\x80\x08\x0bB|\xf1\x05E\x8f\xbe\x84\x83\xe8\x84\x12\xc9R\xf6\x83[3\x07\xb5\xc76\xe0\xc7\xe7\x11P\xb5\x88\xde\xc5\xfd\x1e\xf0a\x02V\xe9\xf6\'\xad1B\xe12\x12\xaa\xd6(\xc45\xcbL\xb6\xc2.\r\x94\x8d;\xfbH\x1b\xc7&gt;u\xb46\xf9\x96\x14\xfa"\xe0\x04\x94\xa3\x8f\xc9\xe0\x98h\xda\x13M\xfb\x13\xa0j\xce8\xc5\x00\xec\xcf\xd3\x1f*3*\xa1\x95\xe7\x0c\xd4F\x06o\x8a\x94\x96x5\'\xf6\xa12.\xcf\x03\x12\xe0\xe5j\xb4\x0eg\x0fpl\xb1g\\\xce&lt;\xf2*7x\xec\x00d\'\xb7\xe1\x12\x17P\xb01l\xaf\xe9;\r~&lt;S\x00"=\xf0\x92\x8eu~\x946\x10\x02\xf3\x0c\xf4w*\x8cH\xacA\xd7\x92\xea\xae^\x1b\x14\xc4TF\xe8\xaa\xc8\x1f\xf3:\xb0y\x8e\x17\x91.\x0c\xbc\xc2\xeak4\xf9\x01\x85\x0b\xcb\xc8Z\xcd\xdb_ ThN\xd7M\xd5\xc1N\xe8\xebS\x98X\xef\xa4\x84\\H\xd3s\x99\x9b\xcf\xf5\r\x1e\xf8\xa0p\xf1\x0b\xe5\x14R\xe3\x1d\xd2\x146MCH\x81\x1eFg\x99l\x02\xfc\xf9\xd8^9\x1d\x158V\x99\xbcIb,\xdc\rLveN\xa0i\xc1\xf6\xe7\xab\x8b\xe5u\xdeT\xfd\xf2\xbe\xe4\xed8\x8e\xa3\xdeUi\xbe\xa1\xa2[3\'~L\xb1\xb2V\xdc7LHT4!\xdfx\xcb2y\x13\x806\xcc\xbal\xc77\x1exon\xd0v\xdc\xadf\x92\xc4\x0c\xfd\x1a\x9c\x8f\x8b\x1d\x82\x93\x0c\xe78\x9fG\x1f\x15\xfe\\\xef\xc5\xbe\xe4\x9ap\t\xf7\x8b\x84\xe12\x98\x05\xb2\xb2SE`\xcbp\x89\xc9\xa7~\x9c\x98\x19\xaab\x1ec\xecj\xa0S\xd9\xdb\xa1m\x8f\xb7\xd4\xb2\xcdr\x81\xbc\xd0\x95\xb4\xf5\xf5\xe9@\xf0|\xc2\x1d\x1d\r\xedh\xd00?\xfd:^\x0c\xb2\xe3_\x07oX{d1\xc0c\xe8\x1b\xda\x97r\xe5}\x11\x99\x0e4\xc9\xb0\xf7\xfb\x13\x91&amp;\xd7\x93\x173\x06\x11\x85\x1fy\xb37\x93\x0cBfg!4b\xc1\x079\xb98a\x07k\xa9@\xde\rZ\xff?\xa4\x07\r/i\xd4\xbd\xdb\x8b\x013\xc0u\x82;\xfa\x8a\xec\xfdi\xe6f\x02\x9b\x84\x8d\xddY.6cY\r\x9f\x82\xf6uE-W\x02Y\xf08\x14\xed\xbfJB\xd6Y\xd5}\x16#\xb3[5|\x7f-m-\xde\xd2\x15\xc6\xfa\x10j\x17\xa1\xf9\xb2u}\xd1\xc1\xa0\xcc\xb9#\xe4\x17\t1m\xeb;\x96!\x1em\x92\x04Q\xed,\xa4x\xad\x8d\xacW\xfe\xf6\x94\xa5^F\x83\xbe\xd5\x1c\x8f}aZW\x19\xaaO4\x9c\xadT\xae\x98\xac\xc7\x11\xbb\xd1#\x8a\xdcp\x85\xab~\x94\xdeO\xbc\xb04\xeb(\xe6\xaf4\x08\xef\x8f~\xea\xe3\xcc\xe0\x15-r\xaci\r\x1d\x00\x97\xe9\xb41s?\xa3\x19\xa1-W\xa4\xee0\xf6\xbf\x11\xa1\x84\xa7s\xa1v-W\xc2\x0e\xeff\x9a\xf9\x87\x96\xbf\x19\x9a~_a\r\xa3K\xc3o1O,.\xc7\xdf\xc6\xd2\xe2\xde\xc7\xed\x11c\x8avkM\x83k\x8bW\x81\xa5Z|\xa3\xd7\xb4\x93\xf9\x8c\xa0kS7\x0e%\xd7\x10\xd3c\xbd9\xf9u\xf6,-\xa3\x15\x1f\xb4 tr\xcc&gt;\x100;\xd7M\xa64\x1c8 \xa3\x8e\xc2\xa2!\xa82\x06jn\xad -e\x85]\x91\xf2\xd7\xe0\x03\xfe\xce \xd8\x1f\xbf\x8dK*\xe6l\x9c\xa5\xbe\x11\xa9 \xa7J\x17c\xd0\xa1\neg\x11\xd1\x14\x83\x90\xdbi\xdb\xc8\x84\x9e\xb1\x0f\xd8\x0f\xf6\x83\x90\xb1\x9efHm7\x86\x02\xddG\x9b\x01\x17\xdd\xce\xaa\x85x\x91\x13\xf0\xe2D\x1d\xf2\xec\x99\xb7\xb3\xc5\xf2\xe7\x7f\xf3\x86\xdcd\x1b\xf171\xe9q\x8e\xcf.\x1c\x04G\xbb\x1c\xf8\x07\x96\xb3\xc0\x93\x83\xba\xcf\xf5%Y\t\xf7\x9d[3\x8a\x99\xa8I\xec?\x18\xb1\xac\x03S\xc7&amp;),\xdc\xfbg\xab|\x16\t\xf3\xf3\xabF\x85\xb1\xabl\xc7\xc3\x9f\\\xe6\xbd\x11Bq\r\x98\xceE\xac\xc4`N\xa6\xa5\xad\x0e\x82\xd2\xa8\xbb\x1f\x1c{\x00\n\x13D\xc2\xc6\xe5\xeaB\xf6\xaa\xf9\xdb\xfa\x0f(\xb1\x1f\xfe\xd2\xd4\xfbr\xb5\xa8\xef\x1f\'\xe1\xf6\xe8N\x15d\xc8\xc1P\t\xc5\xc9\x16\xca\x83\xf9\x9d\x99\xb2\x98?0\xea\xb9\xe8c+|\xeex\x07\xbe\xe6\x18\xb9\xcb\xbeZZ`\xb1\xac~\x81\xec\xb7~\xb0+r~\x04\xf1\x9e\xaa\xf7\x12\xc3\xcaC\xd3\xd4x\xc5\xfd\x19&lt;n&gt;\xf7\x1a\xa0\xf3V\xec~rDZ\xe4\x9e\xe7\x19\xa3\x02\xb4)pKq\xc9O\xdb\x98p\xff\x9a\rV\x9b~7\x94B\xd7~\xf9_\x97tKE\xbf\x810\xa8\xba\x9a\x07\xd5\xcffn\xf1k\x8d\x93\xda\x19(2\x9c\xa5m\xb5k\xcf\xe5R\xc7vz\xd7H8\xd6\x8b\xa7\xc3\x8a\\]\xadK4K=Bm\xacENu\x08\xbe"\x03\xad\x86\xd4\xed\xaf\x7f\x1cB\x8b\xca\xc2\xda\xf40\x8c]\xb7\xe1\xb3LV\xa9\xbf\x7f\x87S{u\x03R)h{@d^\x8a\xc7\xac\x91\x98\xb3[t*Sz\x97\x93\xc06`8\xa4\x0c\xedV\xb8\xa8\xf7\xe1"\xaf\xbd\xb4\x98\xc0\x1e\x02\xd3\xf4Je\xf1e\xa7\x8b\x08\xe9\xe3\x8bG$\x9f~\x8cT\xd4?\x80\x19\xf2\x99\nf\xd0\x00\xb0\x85\xd3\x8d]M\x88\x9a\xb0\x158\xbf\xf2J\x07\xcb\xe7\x06-\x875\x97\x8d\xbf\xa5\xb4\x13\x9b\xf2\x94A\x0e}S\x9bc\xf6\x04\x80\xe8d \xf1\xcc,\x0c\xfc}\x1cT\x16\xb2\xfey\xb66^\xfd\xa3\xac\x18J\x9f}\x10\x86\xa1\xc1\xd7\x18e\xa4\x0e\xc5\xcfV(\xc8\xea$\x84\x7f\xff\x0cSWZh\xd0\xf8\xb7\xb8\x15\xba\\s \xa1\xcd\xfc\xea\xd4y\x15\xfd\x88\xf8\x18iO\xa8z6y\xb7%H#\xba\xd1\x98\xc8\x08l\xd1\xd0\x9b\xc4\xa4\xc6/{.\xcajhRb\xe7\x00B\x85\x1f\x94\n\x871\xe3!\xb1G@\xddrB\xa4\xc3xj\xea\xd9a\xdc\x81fX\xc0\x05\xfe\xe3\x182`p\xa1\x8eS\xd8@R\x91\xd1\xea\x9c\xf7\x7fU\xc5\x18\xf6\xa3\xe1\xa0f&lt;\x83\x87\x93T\xae|qU\x10\x19\xb3p\xcd/\x14\xaf\r1\x99\x91\xa9\r5\xc8P\x0c\xc1\xcd\x87\x82\x80}|\xda\x8b\xb2\xde\xa1\xbfv\xf6e\xfe\x01j9\xa6\x0b7\x83\x1b\xdd1\x85\x03\x90\x0c\x9eg\xe1\x1e\xa3\xe7\xc6Go\xa4\x9e\x85\xf7\xbb\xa3#\x85\xb3\xd5\xf7\xe2\xa3\xc18#\xbc\xb0\xcc+f\xa1\x0b\r[\x9bou\xcc\x97o\xa5\xad\xcc[\xdd\xbf$&amp;\xcb\x0f\x02\xa9\xf5/\xefp$\x8c?\xac\x10\xa4\xd3\xc4\xe9\r\xb0\xcb\x10A\xaf^\x86\xdf\xe7\xa0W1\xc0I\xa8D\xc2g\x9eu\xba4O\x1f\xcb\x1aAXE\x80\x8a+\x86\xe5M\xc0\xacjY\xf6^\x9a\xed\xe6Q\xc08\xfb \x80\xb0\nYQi\xcd:F\x82\xdf\x9d\xda\xa2_\x85\xde\xb67\x16[\x84\x95:be\xa8\xc63\xa0\xcc\xfc8\xfb@\xb5\xb1'</t>
  </si>
  <si>
    <t>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</t>
  </si>
  <si>
    <t>b'\xda\x13\x9d\xe1\x18\t\x0b\xb6\xdfu\xc6H\x80\x08\x0bB'</t>
  </si>
  <si>
    <t xml:space="preserve">ys a major role in the
regulation of glucose homeostasis. Insulin acts mainly on hepatocytes
and adipocytes (cells of adipose tissue), and enhances cellular glucose
2024-25
246 BIOLOGY
uptake and utilisation. As a result, there is a rapid movement of glucose
from blood to hepatocytes and adipocytes resulting in decreased blood
glucose levels (hypoglycemia). Insulin also stimulates conversion of
glucose to glycogen (glycogenesis) in the target cells. The glucose
homeostasis in blood is thus maintained jointly by the two â€“ insulin and
glucagons.
Prolonged hyperglycemia leads to a complex disorder called diabetes
mellitus which is associated with loss of glucose through urine and
formation of harmful compounds known as ketone bodies. Diabetic
patients are successfully treated with insulin therapy.
19.2.9 Testis
A pair of testis is present in the scrotal sac (outside abdomen) of male
individuals (Figure 19.1). Testis performs dual functions as a primary
sex organ as well as an endocrine gland. Testis is composed of
seminiferous tubules and stromal or interstitial tissue. The Leydig
cells or interstitial cells, which are present in the intertubular
spaces produce a group of hormones called androgens mainly
testosterone.
Androgens regulate the development, maturation and functions of
the male accessory sex organs like epididymis, vas deferens, seminal
vesicles, prostate gland, urethra etc. These hormones stimulate muscular
growth, growth of facial and axillary hair, aggressiveness, low pitch of
voice etc. Androgens play a major stimulatory role in the process of
spermatogenesis (formation of spermatozoa). Androgens act on the central
neural system and influence the male sexual behaviour (libido). These
hormones produce anabolic (synthetic) effects on protein and carbohydrate
metabolism.
19.2.10 Ovary
Females </t>
  </si>
  <si>
    <t>b'\xaf6\xe9\x90\xc9\xcd\x90\xd7\xdb\xa6\xc9\xee\x1d\x16\x989a\xf4\xe3\xe8\xffN\xc6g\x8d\x8f\xfe\xdb\xea\xc69\xe3H\xad\x99rE&gt;\xca\x0e\x9e\xceH\r\x93\xeci\xf6\xdb#\xba\xaa&amp;\xb7\xdd#o#.R_\x96\xce\xb0\x01\x19\xac\xda\x0b\x8a\xce\r\xda\xc4\x0b\x01\x9c\xb5z0Dy{\x05\xd3P\x13&lt;\x06wv^\x9b\xd8\xe3un6F\xda\xd6\\\xbf\x01\xdfj\xd3\xb7\xc8\x04\x16\xa0\xa9\xf6\xa4\xa7\xabbHH\xc3{\xfdE\xe9\x17\x9f\xfag\xe7K&amp;\xe6~A\xff\\\xc3\x9e\xde\xf8\n\xecj9g~dZk\x12)\x1dz\xb5\xddz\x93\x0bv\xa9\xb2\xe0\x8b\x88\xe4\x1b\xb3\xbb\xc6\x1a\xf67\xb3ar\xc7\x92\x1d\xd4\x82\x83\x83\x18\x8f\x882\x8c0\x91\xfe\xfeo\xe1\xba\xef&amp;4\x9c\x01\xc3\x8e\xac\x96\x99\xee\xf1mB\xc6ed$\x08\xc0\x90\xea\x1c\xd7\x82\x82\xdd\xaa\x85\x1dU\x91|Fj\x0fW\xdf\xa8(\xf5\xe1\x0f\x14r+w]\x8a\xb7\xee\x8e\xe04\x8dNh\xcbH\x00e\xa8u\x1ay\x85\xe6\x11T\x87\x8d\xfa\'\xe7\x7f\x19\x02&amp;-\xac\xb3\xb9\xfc\x89\xa3\x9f\x18X\xe6\x9a\xe0+X.\x7f\xc6\xd9\xbc\x96Ov|\x06\xc0}?\x07\xdfd\x89\xef\xd0\x0fMm-h\xcb\x16\xbe~G\x01\x96\xf6\x16A\xa4\xae\xed\xbf\xfc\x8b\xc3w\x1c\xe9\xf7\xbb\x85\x86\xb5\x7f\xacC\xe5\xeb\x82\t#H\x8dK4)\xe1\xa5s\xb9M=p\x0fX\xe0Q^mt\xf9\xd6\xe0N#3Yx\x8d\x8d\xb7\xb0_f\x05\xde&amp;\x89\xd1x\x92\xe4\r\x8cw\x1bh\xf2X\xbcI\xed\xc3uc\xe6\xeb\xb9\x98+\xd8\xa9\xc5l\xa1\x9d\xa1\xc2?l\xb3\xb7\xdc9\x1e\x94]\x95[\x90v\x17\x9dq%\x98-;\xd1\x9a\x95\xf5A\x90\xa4\x82p\x10\x86l\xea\xc0\xfc\x82\xbc\t\x03P\xaa;\xdb3^\xd9C\x08\x18\x01\xe3:ARd\x93\xe6\xd2-\xbc\x08s\xac\x85\xe4B1\x8d&amp;P\xc1IX\x94\x8e\xc6\xabM\xa0\xe0PF\x86\xa1\x13\xaaT\xb5\x85uh\xea\xe7\x8e\xd7\xa3g\x17[V\xd3G\x81}\ra\xb2\xb8\xf3\xb0O\xedTb\x94Z\xfa\x1aA\x9aW\x0285q\xc6\x99\xf2}\xc9\xb8U\xf7\'\xfb\x0cmftN\x9c\xe7R\x1d_YC[\xb8\xd8e\xa1\x0b`1\x0fre\xc7|\x96\x06\xd1\x0b\xa1\xf0&gt;\x01\t\xf9C\x98H\xda\\KM\xed+\x07\xa0\xd0\x1f\xd3\x82\xd0\xba\x99\x1f\xe9\xe9\x0b,\xb4\xce\xdf\xb3\x19\x81Kc\x1eV[\x91\xe7}\xfax\x0b\xb9\xd5&amp;\x01\r\x05\xd1\x9dN?\x1f#\xe9\x1d\xb9\xf7\xf4HV\xd8\xec\xd1\xa3[T\x15Q\x1aE\xf9\x0f\xefVX\xfc\x84\xca\x10\xb7n\x16\xee\xf8\xde\xf9M&amp;)\xad)\xb7\xa0k&amp;\x95-\x97d\xc0w9\x08)FU\xfa\xa3\xe2\xeb$91\x12\xe8\xf0\x8c\xc2\xd7\xd04\xa0H\xeb&gt;&gt;uE-uW\xf1\x95p%\xaa\xb8\xcem]$\xf1\xa8&lt;H\x14\xd9\x14+6d\x95qxJ5\xff\x90}\xb7\xa1\x0b\xcc3\x98s\xa8\xac\xe9/\x83\xac\x0bl\x8d\x17\xae\x03\xbb\x02\x0e\xf4\xfc\xca6+\x0e\x81\xca\xc4v\xdc\x1e\xd9s\xd3\x1c\x19\xfc\xe3\xe3\x99q\xffp&lt;\x11\x1b\x8a\xfe\xd8\x9a\xdc\xe6T\x82=^?0\xb8\xbc\xa7\xca\xe5\x94\x11\xb3\\y\xfe_-+\xb5u\x12J\x15/\x17\rQ\x98\xb2\xf2&amp;\x16\x06\xc5\xfa4\xf1E\x14\x88\xf8\x10\x83K\xee\xb7\xc2\n\xd5\xe7\x95Q\x95\x07$\xca\\t.\xacWze=\xa2\xf5\x06a\x00+\x12\x8a\x9c}XNN\xf6\xa0\x04\x17\r%-\x04\xc9WR7\ry]\x00\x1d\xca\xae\x9a\xaf\x1f\x1b\x83&gt;\xba\xfe3\x949\x88G*\x18\x03{\xaaL\xac\x9a\x9eX\xac\xaa\xa0\xb9qO\x8c\xd3\xbd\xf27\xfc\x10\x17&lt;\x8c2-\xa8\x00\x04\\\x0c&lt;$@\xe3\x9e\x1b\xeeR\x99\x12\x1d\xdcf|\xe2\x9c\xc2\r*!\xe5\xc3\xc1R\xf5\x1d\x01\xa7\xe5U\xf1\x84&amp;\xb1\xc7\xee\xa7\xbf\xf5\xcd\xd3]O\xeb\t\xbd\x1cC)\xcf\xd1\x1fk*\xa9\xfc\x1f\x04\x81\xf3\xe2O\x1d\x9et\x18\x8c\x8a\xd8\xd4$1\x1a\xcc{o\xcb\x10S\x11\x88\x11\xcc\xef\x91;\x89I\xf7\xeb\x8f!p*\'\xdc\xc6MtCa\xd3F\xae1x\xc8\x12t\xe7\xf6\xbd\xc5\xa2"\xf4A\xa4I\x98w\x14\x02VD\n\x8f\x05\xd3K\xde\x8d\xa3ll\xc7,\xa9\x05Aq\x966~\xf5z\x9f\xd6\xdd:\x08\xd0\x18\x86\x92:\xa0\xacy\x92!\xe9y\x1d\xca;\x03&amp;v\xd2\x9b\t*\x91\x92\x903\x9b\xc2\x9eN^\xdf\x89\x1efn\xca\x83v\xb8\x91\xf7Q98\xf0\xa3\xe9\x93\x15|8A\xafM\xdds\x18\xeaFT\xf3\xe9\x85M\xb5\xebk\x19\x05&lt;X \xa7c| \xa8\x18"\xc65D\xceBd:\xdfO\x97VD\xac\xa0/\x9e\xa6HA\xb5&amp;\xe4\xc8{nhm\x05\x8eq\xbe*[O\x0f\xab+\x7f?]\xe0s$\x87@S@\t\x16P\xd0\xe7\x1b\x1a\x9f\xbb\xdd\x1c\x86\x18\xb2\x9fn\xef\x9f&lt;\x0c\x8aZ\xd4d\xfb\x8fJ\x0e\x1f\xb7-A\xe9\xf0\x8c\xe8_\xf9\xdfsh\x95\x00\x08\x183:#\x82\xe4?\xd2\x9e\xb08H\\\xc9Y\xf4\xabvg\xdf,\x84g\xd4\x13\x11L\x807\x89Lm\xf2G^\x96\x03P\x17\xd7\xc6+$\r\x81v\x10\x12t0\xaft\x0e\xf0z\xbb\xfc\xfc\xbcW\x8b\x97|\x93\x93\xb7\xfd[\xcb\x02I\x8b$\x19\xde\xfd\x89]\x8f.\xfc\x14K\xf3&lt;_\xfdQP\x9ae\x90\x99\xb0\x9b\x83V\xc1\xe7\xd4\x00f\x8b\xb6\xf6\xb7\xbfXlXE\xca\xbb\x9f\x05\xb1\x0c\xb2\xa4\x01Pg\x95\x96\xd3s\x12u\x8c\x9c\xa1\xf3\x87s\xf73+\\\x9c\x7f\'3)\x8b\x9c\xef\xab\xe4%\x7f}\xdag\x99\xb4~\x1f\xf7\xa7)\xa3&lt;\xe9e\xd0\xa4\xd8\x8b\xa1\\[\xd3\x02\x9d\x87LpY\xedV\xc5!\x1f\x16O\xe2k\x1cR\xa2\x89=s\xef\x9e\xcb\xe5l\xdc\x1cc\x86\xb4\xcb\\\x00\x10\x99\x1a\x19\x07\x81W%\xc4\x1b\xbf\x1cD\xf0Sn\xec\x19\x0c\ny^hz{\xd6\xa9\xf1\xf5\xd4\x040\xbd\xd5\x00\x98\x7frw2\xf8\xb28\xacTL-\xc6\xa4\xd8?X\xaa\x92WQ\xc7\xfa\xc21\x9f\xfbY\xb0(\xfbc\xbdEy\x83\xde\xb5\xda\x04S\x83\x0bo\x98\x86` \x18|L\t\xfe\xb0\'\xcb\x80\xfb\xdc"\xc5s\xa7L}\xf7\xbd\xd3;\x17\x80\x97&lt;\xb5\x16\xedQ\xe6`\xfe\xf0\xdb\xce\x94mn\xe5.D4B\xbc\x84\x1d\xdb\xd5}R\xa1\x08\xe0YJ\xb3\xa6\x0c\xb7{QD\n.\xef\xba&lt;A+a\x18\xa2\xe6\xdc\\\xc9\x8d\xfa5io\x16\\\xe4\xb8\x8a\xfc\xfc \xb9\x12\x95\x95\x83Q\x7fK\xa2\x15f\xbc\xc4J\xe3`}`4\xdd\x00\x85\xb2\x9c\xfc{\xbc\x94\xe0\xf1\xb4\xb3s\x96N&gt;\xe8\xe1\x06DX\x03f\x07\x9c\x18\x96\x08\xc3\xbc%nN\xec\xa5\xdbM\x7f}\x04oq\xf8\xde\x0b|\xaa\x11c?\x89a\xab\x9f\xdf(\xa8\x8f\xa7\xd7\xb9GS\x05x\xa4:\xdcmV\x1d\xe18\xa2\xf0\xc2\x1e\x9a\xf8\xa8\rY\x06\xdf\xc3U\xa9\x15\x84\xf6)\xd7\x9a\x10K\x8a\xf2\xfa\x0ex8;\x08\xb0\xbcs\xee\x17\x17\xd2\x81[$I\x1f&gt;\xf1\xc6k\xf5\x8a\x84QO\x0c\x92\xb0pBP\xbeh\xda\xa9Xs\xb6\xeak#\xaa\xf5\x9e\xcaP\x8a{\x13\xee\xee\xbe&amp;#\xd4$\x0c\xcc\x16\xf9\x84#\xb6\x99\xe0v\x18\x94\xc2\x99\xee\xa25G\xbf\xbe\xcf\x01'</t>
  </si>
  <si>
    <t>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</t>
  </si>
  <si>
    <t>b'\xaf6\xe9\x90\xc9\xcd\x90\xd7\xdb\xa6\xc9\xee\x1d\x16\x989'</t>
  </si>
  <si>
    <t>ting a watchful foe that he was
 astir.
 He regretted now that he had given the birds of the island such strange names
 that they are very wild and difficult of approach.
 There was no other course but to press forward in redskin fashion, at which
 happily he was an adept. But in what direction, for he could not be sure that
 the children had been taken to the ship? A slight fall of snow had obliterated
 all footmarks; and a deathly silence pervaded the island, as if for a space
 Nature stood still in horror of the recent carnage. He had taught the children
 something of the forest lore that he had himself learned from Tiger Lily and
 Tinker Bell, and knew that in their dire hour they were not likely to forget it.
 Slightly, if he had an opportunity, would blaze the trees, for instance, Curly
 would drop seeds, and Wendy would leave her handkerchief at some important
 place. But morning was needed to search for such guidance, and he could not
 wait. The upper world had called him, but would give no help.
 The crocodile passed him, but not another living thing, not a sound, not a
 movement; and yet he knew well that sudden death might be at the next tree,
 or stalking him from behind.
 He swore this terrible oath: 'Hook or me this time.'
 Now he crawled forward like a snake; and again, erect, he darted across a
 space on which the moonlight played: one finger on his lip and his dagger at
 the ready. He was frightfully happy.
 CHAPTER XIV
 THE PIRATE SHIP
 One green light squinting over Kidd's Creek, which is near the mouth of the
 pirate river, marked where the brig, the Jolly Roger, lay, low in the water; a
 rakish-looking craft foul to the hull, every beam in her detestable like ground
 strewn with mangled feathers. She was the cannibal of the seas, and scarce
 needed that watchful eye, for she floated immune in the horror of her name.
 She was wrapped in the blanket of night, through which no sound from her
 could have reached the shore. There was little sound, and none agreeable save
 the whir of the ship's sewing machine at which Smee sat, ever industrious and
 obliging, the essence of the commonplace, pathetic Smee. I know not why he
 was so infinitely pathetic, unless it were because he was so pathetically
 unaware of it; but even strong men had to turn hastily from looking at him,
 and more than once on summer evenings he had touched the fount of Hook's
 tears and made it flow. Of this, as of almost everything else, Smee was quite
 unconscious.
 A few of the pirates leant over the bulwarks drinking in the miasma of the
 night; others sprawled by barrels over games of dice and cards; and the
 exhausted four who had carried the little house lay prone on the deck, where
 even in their sleep they rolled skilfully to this side or that out of Hook's reach,
 lest he should claw them mechanically in passing.
 Hook trod the deck in thought. O man unfathomable. It was his hour of
 triumph. Peter had been removed for ever from his path, and all the other boys
 were on the brig, about to walk the plank. It was</t>
  </si>
  <si>
    <t>b'{\xa4\xfc\x8e*\xc6wv'</t>
  </si>
  <si>
    <t>7ba4fc8e2ac67776</t>
  </si>
  <si>
    <t>),
Caligula had burned an Atellan poet (Suet. Cal. 27.4), and Domitian executed
authors of farce. History remains throughout the period the most dangerous genre
in which to write and Latin poetry conspicuously deals less and less with historical and
contemporary themes or personages. Tacitus in his Annals records the beginning of
persecutions of litteÂ´rateurs already during the later and considerably more repressive
years of Augustusâ€™ reign. He devotes a long passage to an account of the prosecution
under Tiberius of the senator Cremutius Cordus, who wrote a history in which he
praised Brutus and Cassius, the murderers of Julius Caesar. The elder Seneca records
the official burning of Titus Labienusâ€™ writings under Augustus (among them possibly his histories, parts of which Labienus said could only be read after his death
because of their outspokenness), claiming â€˜â€˜it was an unheard of novelty that punishment should be exacted from literatureâ€™â€™ (Con. 10 pref. 5, trans. M. Winterbottom).
Tacitus traces from Augustusâ€™ time the increase in treason (maiestas) prosecutions,
which curtailed the freedom of verbal and literary expression in all forms. Many have
questioned whether, in this dangerous atmosphere, we can assume that authors
would have dared to introduce subversive undertones or veiled criticism. While it is
never easy to identify a seeming subversive allusion as a deliberate authorial strategy,
the curtailment of free speech, which is typical of absolute rulers, tends to give rise to
audiences that are hyper-attuned to potentially subversive meanings (Bartsch 1994:
70; Ahl 1984). The ancients shared the same difficulty of interpretation as modern
scholars; Martial repeatedly had to defend himself against allegations that he was the
author of anonymous abusive epigrams (Ep. 7.12, 72, etc.). At the same time, writers
of satire, such as Persius and Juvenal, attack only figures either deceased or fictional in
order to protect themselves. Other writers must have developed strategies of polyvalence, whereby plausible alternative interpretations were possible and different
readers could under</t>
  </si>
  <si>
    <t>b'/\xdd&gt;\x7fh\xfb&lt;\xa7\x19f\xd3\xb5\xc0\xb2\xe9\x9azy\xce`\xb2\xe0\xee\xbb\xdeY\xbf\x9d\xa5\xf4=\xde\xff*\xfc\xc8;,\xa1\xda\xf4f\x97f\xfbb\xb7\x91H\xae!\xa7~{z\xc5.%c\xa2\xb2\xbb\x10\x1au\x96}\xa2\x0c\x07Z/\xab\xdcD\x02*\xa8\xeb\xddo\xe0?\xff\x1c\xb3d\xeaV\xb3\xec\xa0\x01\xecU\x03\x186%+b\xd9b\x87\x8b]\xd7\x81\x1d\xa0\x98b\xb8\x07\xfbU\xd3\x9b\x93\xb9m\x90\xac\x97B]\x9b\xd9J\xb4\xde\x9d3\x16.\xf5\xcc\'\xb8\x8b\xc5\xc1\xfeVC\xac\xfdY\x98\xb5\x03\xa2Y\x99^\xa9VU\xae\x06\xa3I\xb8b\x87\xa3\\\x8b\xed}(V\x94)8\xd3\x08\xba\xff\xab\xbc4_xQe\xd8\xd3@\x9f8\n8\xd1\xe6\xb5\xae(Wtw`zH\xc9?@LL\xce\r\xa9\xc1&lt;\x12\xf8X\xe7e\xae\x96D\xe8\xf9\x15w5P2`\xee\xb7(\xdf+P\xc8B$\x128\x99\xa4\xc8^\xde\x1d\xe3f\xebv\xf4\xe9\\\x15\x8f\x9f\xc1U\xe4\x03\\;\x7f~\xd6\x90\x0b~su\xce\x83B\xc7\xe1-w\x82\t{E@\x01"(\x081\x96n\xadN9x\xe4\x88\x17\xe8AM\xf2\xe9N0\x19[\xdcwX\xd9v\xdb\xa4\xde\'TwP\xed\xcc\x9d\x93\xddV~\x06y\x99\xa50\xe1&amp;`\x00s\xbf\xf1\x1b;[\xac\x0b\xb9\xefsq\xc9ky\xd7\xefcr\xd8\xe1\x17\xd3S\xc4B\x0bz\xf7\x14\xc6e\xc5\x0f\xa8\xca|b]\xf2\x11\xf3+\xce\xabm\x84N_%\x1eX"T\xcd\x14\xd9\xeeZw}2\x97\xe1\xae\xb5\xd4\x0cL\xb4^,\xee\x19\x8e#\xd3\xe4\xa7\x97f\x85g\x82\xb8\xad\x94\x9b\\k\x7f\xba]\xa6\xeaI:\xe1\xcf\xbf&lt;\xe7E\x01\x1dp\xc5\x10\xc2\ri\xfcH\x99\xc6\xea\x80z&amp;;Y\x949\xc9\x9c\xb9\xc9\xb0\xbbx\xbc\xd0\xe7\x96\xb8\xa0\xa7\x9e\x94k\xb7\xa8h5\xbeG\xfcj\xabN\xa6*&amp;\xfd\x8ek\x99\xdc\xe3\x93;\xaeE\x9cN\x80\xc9\xd9!\xf9\x03\xdc\x967\xfb#{m\xee\x92\xda\xbb\xcfDf\xa05\x82\xc6\xfc\xce\xc0\xd5w\xe9\xc1\x9fs|\xddJ\xff\xc4\x1c,\xfcf)\xe3{T%\x98\xf4`\xf8S\x91w\xfc\xbf\'^XB\x95\x0b\x85\xd9v\xe0\xf3B\xca\xea\xed{\xdb\xa1\xab\x18\xe8\xdf\x91\xb0]\xc5\x0f\xa5\xab0{\xbd\xa1\xed\x1d\xdb\xe5|%\x80\xaf\x9c\x16\xe6.4\x03\xcbp\xe5\x0e=\xbd\xf0{\xceL\xfd\x17\xc7*\x9a\xc7\x9c\x08s\xa7\xbd\xbb\xf8\x7f\xfd\xccq\xd1cV\xf4x&amp;\xe7\x1b\xa5,\x88@\t\xaf[\xbc\xd6\xfd\x8a\xbe\x8eg\xdb\x9f\xa5\x85\xeaQk\x0b\xf1\xff\xc8v\x86\xc8\x17;\xdc\x89s\x89C\xadT\xf9K\x94\x89\xaf\nI\xc0\xd6\x8b\xe9\xc2%\xc2\x8f\xa6\nXol\x9e#^\x15b\x95\x9d\xde\xbf,a\x83\x0c.K`\xf1fL\xcf\x9e\xb9\xc5\xef+?\xe1PR\xc8!\xbcq\x00\xd3\xdd\xef\xb8\xbf\xcb|G3Z&amp;K\xf1\x88(f\xe3\xa5r?y\x89a\x9d\x06\xacj\x9f\xd8?\x86\xe1^\xadeR\x11H\x1a\xe7\x80:?\x92e\x0c\xb8\xf9\xf5\x08\x11\xb3\xea&gt;\xc7\xf6`\x9c\xe7\x0e\'32{\xec\x7fm\xc2\xd1Z\xf2\'T\x99\x82\xed$\xff:r\xb8]\x19\x8d\xac/+\x07^6\xc7\xdf\x1a!\xf7\x07\xe4y\x12\x0c\xf9\xe9\xd9\x08@\xb0\xf9uzY\x83\x9b\xe8x\xf9\xe0\x91z\xe9\x82\x08\xb5\xe7\xff\x19\x01\x00\'"\xcb\xb9\x8f\xbb\xe630K\xd5\xf0y\x0c\xe0\xcd\xc5\x13Q\xe7\x817\x96Q\xce1&gt;\x97\x03B\x82G\xd2\x95\x04\xf0\x0e\xe1\xf4EVN\xd8h\xbd\x1a$\xb0}\xf3\x8f\xa6zIH\x81\xdd\xbf\x1e\xb6\x91z\xf6\xa6\x17=\xbe#(\xdd|CU\xe0BG{\xf2\\\xcb[}\x86 _P#\x0c\xc9\xd1\x8aj\rG\xd9b\x80\xb0\x8cn]\xf5\x19\x1d\x14\xe3r\xf8\x9c\xf0\xc5\x17\x87\xda\xc7&gt;?VF\x82H\xab\xb4%\xa54\x01\x7f)\x0b\xd5A\t\xbbj[=/j\xf5\xc7\xd2\xb7#\x8e\x9a\xef\xa7\xedLP\xf1\xb4\x8f0\xefa\xce\x96mlTb\xc9,\x9d\xaf?\xbf\xbb\x82\xb9\xf0\xe8\xbf\xb2\x07\xdb\x8a\x16\r\xe7\x9c\xbd\x12\xb7l\x07\x81xv\xe0\x93\xf2\x9c\xc3\xfb\xb7\x00\xf5\xed\xbfnn\x8b_\x84\x0e6\x146\xeave\x0b7\x9d,W@W\xfd\xad\xc2\x1fRJ&lt;\x84/J\xefU\xc2\xa91#\x7f\xf6`/w\xec]q\xbd\xb6\tP\x9d:q\xbd\x1b,\xdco\xa0\x02=\xc7\xe7T~\xde@I\xa7oa\x9d\xf1ww\xa8\xde$\x8a.\x92\xa1\xd5\x86\x15\xd4\x91\xbc5I+$\x88\xd8\x91\xc9;[@\x10C\x1aS\xbbKbQr\x08\xc1/\x11\xff:\xeeT\x13IUq\xef*n!\xce\x1bK\xa7-\xa8\xfd\xf0\xb6\x86[\xef\'L\xda\xa3\xa1/6\xe6=\xde\xdd}z\x08t\x86\xdc\xf89\x99\x8e\x87\x8ei\xf2\xfe\xc8\xff(\x8d\x10T\x83\xbd\x0c9\xa3LHae\xd6\xb5\xcf\xcd\xc7\x06\xee#|\x90;y\xee\xf3\x9e\xb5u\xb2P\xb0\x83\x9d\x9e\x07\xf91\x1b\x01\xdcO\xbb\xd0\xbc\x02\x92\x9evZ\xda\xe4D\x93\x83\xecU\xba\x80\x12\x05\xfaw@\x1c\xc5\xf3/\xd5-s*\x13\xf7\x9f\x8a\xf0\xcb\xb0\x12K5nagD:\xae\x1d\xeex\x92\xaa\xda\xfe=x\x99 \xd81\xe4\xc2wR\xe1\x84O1\x05}\xbf.\xb4\xf3\n\xa4\xcf\xd5\xd2`X\xaf\xfb7O\xd3)\xab\xaa\x9f?\xf8^\x8d\xb4\xf2\xc5(\x1d+0q[b\xe9!\xe2\x0eqO\xa0\xcdpXB\t\x05\xf4\x97\x08\xc9\xb3z\x06\xda\xd3\x9b\xd6\x9a\x8c\xd4T\x0e?\xebf\x14\x84b\xba\xce\x17\xeeV\xfe\xa7\xe5\xb1\xa0\x1bu\xe6\xd6T7\x9f\xf3\t\xe8\xfe\xb0{\xc7\xb5Z\x16\n\xdd\x00\x19\'I\x8b\x96\xe4,T\xc4\xafLgz\x14\xd8M\x95E$\xbf\x84c\x1e\xa2\xe9c\x8b\x8c\x9bj\xf6\x12\xbc77\x7f~\xd8g\xf1W\xb7T\xd0\xb2x\xd5&gt;\xdbE$V\xb6\x7fx\xcb\x10\xa6\xf6\xe0\xffChrPQ S\xb2p\xa1;\xfd\xc4dN\xa6\x93\xc0\xcc\xfdF\xb2\x98\xe4\xba\xc6r;P\x0753@\x8a\x7f!\x86\x1e\x91\x1f\x07:\xb6v\xe8\xfd6B\\\x1b\xa5\xb3O~\xb4b3\xb0\x11\xa3\xb3\xa1\xc98u\x16.&amp;\xf4\x1e\xb0\x80\xd7S\x12;\xfcT\xd6]\x1f\x9d\xb1\x0e \x02\x1a4E\\\x99\xb4\x8e$\xb7^\x9f)k\xb8q$xfo0\\\xd2\xaa\xa9y\xf7;\xc4\xebf\xb4\x05\xc9\xf4d\xec\x14\xb4\xd3~\xf1B\x96\x0c\x98+\xe7\x985\xfd\n`!Y\xde\xa2~\xabb\xfd\x0f\xb8\xba*=\xd4\xbe/#\xe0&gt;\x04\xb2\x17\x9e\xe4/&lt;\xe9\x11\xb7\xa1\x0b"\x1d\x98\x14^$\xf75\xc9\xb5\x0c\xa57\x17?_K\x06\xc8*f\x17bo\x8eWG\xc2ZS\x16\x12\xef\x07DX\xe1\xf9\xe3\x0cH\xc5\x9d\xf9\x8a%K\xdf\xfe!\x11\xc2z\x88\xe0\x1d\xc6\xba\xbe\xc8m\xd4\xeb\xe2\xc10&lt;\x80vK\x1d|\x16R\xe4\xce\x98nk\x8cy5\xd9~\x1e\x8f\x8fFf;[B\x88\xb3\x85\xc0oc\x87\x81VWi\xfb\xf1\x11!~\xd3\x13&lt;\xbd\xc9f\xea\xe0\x0e]\x9c$\xc8\xf9\xac\x84\xbe\x93th\xbeE5\xb6\xd9\xf9\x9b\x1f|\x82\xd9\xa0b\\\xbbx\xa1X\xc7#\xf4\xc5\xba\x82\x883\xde\xc3U\xc1\xc81\xfd\'\xddRw\xbb\xae\xe8^O\xfan\xb6\xc3\x07\x1c2b\xacO\xef\xf2S}\xea\xd6\xa3\xdd&lt;|\xa0?[\xfb\x1e\xf8A4\\\xfee"}\xf3\xfb\xa5\xb4\xf0\x06\x8f}(F.\xcc\xce\xed\xb1\x99\xfe\x9a\xd66\x8f\xf2/\xd7L\xf0\x82=\x1a\xc5\xf0O\xf2\xc5^1$\x84\x17\x86\xba\xb8\x16j\x1bp\xda\x80&amp;)\x9ci\x94]\'\xa8\xf6\x0b\x88g\x10\xcdy\xb2\xb8\xd8\xb7\x8a\xe6\x13D\xbd\xc8\xe0\xfe\x92\x1ey5a\xabo\x17\xe8\x95\xb2\xba\xcd\x0f\xc5S\xf5\x13\xbf)8\'n\xea\xc7\xd4{\\\xcd\x1b\x02\xf2\xec\xf0\xd5R\xa1q\x05\xd3W\x93B6~3\xb3\xa8\x9f\x82i\xe3jn\x85G\xa3\r\x0eY0\xb6:\x03:\x12\x1c\x12OqH+\r$\xfa\x03,\x8f\x8c\xa8\\\x03\x1e\xb6\xe1\xff/&amp;\x17\x04\x0f&gt;f\x17\x94]a{ye\x16\xc81\x95Z\xceK-\xbb?u\xa5(O@\xafO\x13w\x10\xb5\xb8\xe8\x90\xa0A\xacX\xe9&amp;\xcc\xaf\'\x9e\xc3\xdes\xd6\xf4 \x1dG\x9f"\xc8xX\x81\xc1\xe0*ZC\xce \xb2w\xf2\x183\xf5\x8a{\x92\x94\xfe\xe3\xb3/[\xf1n\xf4\xc5\x14b\xcbZ\xadW!+X&amp;\xd8u\xdf\xb9\xba\xd2:)C_\xb1\xdc\xb5\xca\x1c\x86\x89\x9e\xe6X\xcf|\x82{\x17VlR\xf1\xa5\xfc\xf4\xa2\xba\x13\xb6\xb9\x91\x81'</t>
  </si>
  <si>
    <t>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</t>
  </si>
  <si>
    <t>b'/\xdd&gt;\x7fh\xfb&lt;\xa7\x19f\xd3\xb5\xc0\xb2\xe9\x9a'</t>
  </si>
  <si>
    <t>tional Semiconductor in 1967
 employed Miller compensation but with an external
 30 pF capacitor. Evidently, the compensation ca_x0002_pacitor was left off-chip to provide greater flexibil_x0002_ity for the user. In 1968, David Fullagar at Fairchild
 Semiconductor introduced another op amp very
 similar to the LM101, except that the compensa_x0002_tion capacitor was integrated on the chip. This
 was the 741 op amp, which quickly became popular
 and has served the electronics industry for nearly
 half a century.
 The reader may wonder why the line originating at
 Ï‰PM must rise at a slope of 20 dB/dec (rather than 40 or
 60 dB/dec) toward the vertical axis. Recall from Exam_x0002_ples 12.41 and 12.43 that, for adequate phase margin,
 the gain crossover must occur below the second pole.
 Thus, the magnitude response of the compensated am_x0002_plifier does not â€œseeâ€ the second pole as it approaches
 Ï‰GX; i.e., the magnitude response has a slope of only
 âˆ’20 dB/dec.
 12.8.6 Miller Compensation
 In Example 12.42, we noted that a capacitor can be
 tied from node B to ground to compensate the ampli_x0002_fier. The required value of this capacitor may be quite
 large, necessitating a large area on an integrated circuit.
 But recall from Millerâ€™s theorem in Chapter 11 that the apparent value of a capacitor in_x0002_creases if the device is connected between the input and output of an inverting amplifier.
 We also observe that the two-stage amplifier of Fig. 12.73(a) can employ Miller multiplica_x0002_tion because the second stage provides some voltage gain. Illustrated in Fig. 12.76, the idea
 12.9 Chapter Summary 627
 VDD
 M 1
 M
 M
 Vb1
 Vb2
 Vb3 4
 3
 M 2
 M
 Vin
 V M
 Vout
 5
 A 6
 B X
 b4
 CC
 VDD
 M 1
 M
 M
 Vb1
 Vb2
 Vb3 4
 3
 M 2
 M
 Vin
 V M
 Vout
 5
 A 6
 B
 X
 b4
 Ceq
 Figure 12.76 Example of Miller compensation.
 is to introduce the compensation capacitor between the input and output of the second
 stage, thereby creating an equivalent grounded capacitance at B given by</t>
  </si>
  <si>
    <t>b'\xc6\x9ee\x88\x89U\xbc\xee\xe5\xfe\x12\x8a\x18]\x12U'</t>
  </si>
  <si>
    <t>c69e65888955bceee5fe128a185d1255</t>
  </si>
  <si>
    <t>e in stock shares has developed in many emerging markets, it is usually
 harder in developing countries for shareholders to find out how a firmâ€™s money is being
 spent or to control firm managers. The legal framework for resolving asset ownership in
 cases of bankruptcy typically is also weak. Notwithstanding the recent instability in
 advanced-country financial markets, it is still true that by comparison, developing coun_x0002_triesâ€™ financial markets remain less effective in directing savings toward their most effi_x0002_cient investment uses. As a result, developing countries remain even more prone to crisis.
 4. Where exchange rates are not pegged outright (as in China), they tend to be
 manag</t>
  </si>
  <si>
    <t>b"0E\x02!\x00\xbd\xc6\x0b\x9be\x14e\xdf\xc8\x8b\x9cu\xb7\x05\x14\x83~\xac\x80$\x07e~]t\xa6q\xca'\x0em\xbd\x02 \x10\x1cX\xeb\xe48#\x92\x88Ez\xdd\xa3\xfd\x95%\x91\xf6^\x9cn\x9b\x96\xb5\xbd\xb1\tUe\xc7\xe6\n"</t>
  </si>
  <si>
    <t>3045022100bdc60b9b651465dfc88b9c75b70514837eac802407657e5d74a671ca270e6dbd0220101c58ebe438239288457adda3fd952591f65e9c6e9b96b5bdb1095565c7e60a</t>
  </si>
  <si>
    <t>b'0E\x02!\x00\xbd\xc6\x0b\x9be\x14e\xdf\xc8\x8b\x9c'</t>
  </si>
  <si>
    <t>s must work together,
to address the global,
sanitation challenge.
A Kids Guide to Having a Happy Dog and Lifelong Companion.
My New Dog
Critter Adoption and Rescue Effort, Inc.
2015
Welcome Me Home
1
â€œI want to be your forever
dog.â€
â€“ Your New Dog
Your First Days Together
Thank you for giving a new home to a wonderful
pet...your very special dog! We wrote this book to
help you to learn about your new dog. If you have
adopted a puppy, there is a lot to learn. If you have
taken home an older dog, you will be able to start
out having fun right away. Older dogs have been
potty trained and most have good manners. They
will also be able to learn new behaviors and tricks
with proper training, at any age.
Dogs are pack animals. That means that they love
being with others, and can learn how to behave in a
family. Your new dog will need exercise, training
and a lot of love.
They will be with you for many years. So read this
book and share what youâ€™ve learned with your
friends and family.
Always remember that your pet is very sensitive to
your feelings. When you are sad, your dog will
know. When you are worried, your pets can feel
worried too. When you are angry, they will feel
scared. When you are happy, and playing with your
dog, they will be happy.
Be gentle and loving with your puppy or dog. He will
rely on you to take good care of him. When you
gave your new pet a new home, it was forever.
When your new dog sees his forever home, it will
seem strange at first and unfamiliar to him or her.
Take time to show your dog around your home and
show him where his food and water will be kept.
Show him where he will sleep. It will help him
become familiar with a new home faster.
You can take him around the neighborhood on a
leash, but only with an adult at first, and after he has
become familiar with his new, forever, home.
2
A Message from
your dog
3
 Remember to never hit me.
 Never, ever, sit on me.
 Never pull on my ear(s) or my tail, and please teach your friends
the same manners.
 If I seem tired, please let me rest.
 If I seem bored, please play with me.
 Never leave me in a hot car or outside too lon</t>
  </si>
  <si>
    <t>b'\x8a\xc06\xa1\x89\xe7\xa3\xf0\xb8k\x84x\xe6T\x92\x02\x00I\x0e\xbe\x04;b/\x0f\x16\x9a\xc5;%4g\xd86\x15BX\n{\xf6\x83\xb4\xe4z\x0e\x06#\xff\xb8\x8f\xff0\xc0n\x01%H\xb3%\xa8\x0b\xbe&amp;\xb8\x08\x80\x04\xe8\x08\xdff|\xef\x11\xa9\x03a\x84\xaa\xde\x1a\x13\x1a\x1d\xf3\xfe\xb3/\x97x\xe0\x81\x1an\x18\x9c\x97\xc2\xa2@`)\xe5{7\x80z8+\xf1\xdeI\x94[\x89\xd1\xc9X\xb8,W\xb4\xfbp\xfe\xa0N\x8b\xb1\x96\xa44\xda\xcfY\x8d%\xe6\xd9\x94)\xc5\x0b5\xa4\xfa\xaa\xceS\xce\xc5&amp;J\xdbi\xab\xb0\xb6\x0bGLl\xb5\x04\x8a\xd5\x1a\xd9Yj\xe6\x84\x13\xd5\x90\x00\xe9FZ\x03uU\x0b\x8e\xb3\xcf\xa4]/g#\xfb\xb7\x02B\xee\x98C\xf7\xd9\x0fTh\xd6O[\x1b\x82\x886\xe3:g\xebUI\x02\xd7\x8cNz"!\xb3h5\xe3\x93\x97\x8c^\x9a,\x82T*\xc5P\xcd\xd9z\xdd\x90\xd9\xd7\rOh\x95\xcb\xb4G\x90\x91\xcc+\xe3y\xf2\xf6dTE\xcd\x8d_2L4\x07\x98\xeef\xb6\xfd\x83D\xef\xfb\xb2\xd0]\x1f\x01%\xd4T\xea\x06\xc2Y\xd8\x92\xa8@6\xf9\x9f\x8d\x99\x18\xe8]\t\xe3\xf3Q\x16l\x0eA\xbc\xad\x0e\xe5\x9ePJ\xb7$\x8b\xa4\xe7\xab6\'\xc9\x1b\x1f\x1e\x18e\xa1s]\x1b9\xb6\xc7\xe4\x9d\x149\\\xc1l&lt;\xf2\x89\x13\x91\x14w\xa9\x93l`x\xf8-\x04Q\x94\xe9\x17\xe4Kg,xG#\xfap\xbb(2\xf7\xbb\xfc\xc8\x99\xe6\x8b\x07\x10\x11nILH$\x17\x8d\xed[#\xab&lt;\xbdi\xca\x0c\xc0\xe6\xa8\x1d\x19\x8d!\xe6U\x93\xea\xe9\xa6\x98\xfchr\xfd4_\x90\xb8\xf0\x07\x92\r\xbd?\xc9l\x90\xf53\x07Z\xcfR\tT,m\xba\x88bj\xa62\xfa\xbb\xa86\x05\x00\xef\x17\x1f\xf4\xa4\x1f\xd3\x86\x92\x99&gt;R\xd7S\xa2\xd2\xf1\x1f\x04\x00\'\xa7\xc0PI\x99\x91r\x84\xd2\x87\xed\xe6i\xd1\x0cT\xe5\xd1\xc0\xeb\xe1\xba\xc3j&amp;\xb4\xae,Q-\xc9i~\xc6\xfc\xde\xd5\xa8V\x194\\r.Y\xcb\x00\x17\xbb&amp;\x8c24-\xc1U\xfdD|B+\x89\xc1\xf7 \x96\x92\xef\x1c\x12\xe6\xab\x031\xff\xc5\xbe\xbe\x0f\xdb\n\xbd_\xc7v\xec\x8fh\xbd-\x89\xfe\x18\xe2\xfa\xc1n\'C\x9b\x8brE\x86!\x06\xea\x8atb4Q\xd0\x9e\xb6\x96\xa9O\x0565\xea\xde/\t\xd61\x04qq64\xd5\x01[\xb2-\x95?+T_k4\x19\xe8\xdc\x06\r\xfa\x1c_\xef\x8a$o\x1b\x92\xf7\xf2H\xcb}\x087\x90\x06\xe3\x03\xb2V\r\xdfh\xed\x92\xb0\x15k3\xb6\x9e-^\x19o;TV\xc7\x82\xfe[\xfe\xf9q,(\xcc\xadY\xa5\xb0"\xc4\x08\x8c\xe4\xdf6\x15\xc9\n\x9aA\x94\xe2\x82\x04\x92\x8b\xcd\x96\xbc\x8c\xe0Q_\xd2\x14\x11\nh\xdf\x02\xe0\xa4IK\xf3SJ\xe5\x032/\xef\x1d\xb4\x88\x0f5\x11\xf3 \xd4\xbf\x05\xaf\x85!\xa1\x1d\xd6O\xf2\x85\xa8\xef\xd8\xaf\nV\x82\xb7\x0b\xf7\xc6[p\xc5(\xd7\xd4\x88\xe7\\3\xb5\x92\xe8u\x8d&amp;\xd9\xdb\x1e}_\xef\xff\'\xf1.\x85\xf7\xc3w^t\xc0aA\xf9.Y&lt;\x16\xe8\x16\xed\xa2?SF\xe3\x9b\x04\x01\tg\xdc\x88\x193\x04\xc9q\x1f0\x99\xa5\x8bs\xff\xa8\xc6\x10}\x9am\xa2\x1cC\x9elN^\xbar\x0f\xcf\x89\x18\xb1Y\x13P\xd3\r\xed\xc3]Si\x01\x92."\xbd\xdf\xffx\x85\x05\x06+l\xa6\xec\xe1\x9a\xdf\xdc\xcf\x07j\x86\x9d%\xa6iW$sc\xa7\x9e\xaa\xf3\xc5\x91f\xf0\x1e\x7f\xd51^\xfc\x02_\x97w\'\xbe\xba\xca{\x89\x8dc\nKm=.T\xf0Hn\xda\xb373L\x1e\xb3\xcb\x8b\xda\x10\xdbb`\xaf\x98P\x95\x13E\x9b\x14\xec?2N\x15 \xeaU\x88eY\x19\x83c\xcd\x9cH\x8cw\xf0\xfa\xec\xf5g\xba3o\x03s/\xa9w\xb5Z\xb0\xb9i\x08\x10-\xcf\xd0\x0e\xfa\xa7\x84\x13~\xa3q9\x954\xa8&amp;I\x14\xe2\xca\xf8\xf0\xae\x80\x02\xc7\xdbT\xc9\x82=\xb0=D \x08w\x03\xed\xcf\xe3\xd8Z\xb9.\xd7dn\x92\x1d\x90R\xf4\xfd\xe3}\xd2sk\xc7\x8e\xd8\x99\x8f}\x0f\x9e\xf0\\\x99\xa5\x1c\xb5&gt;\xfc\xfb\x06\xcf\x0f\x05\xb0\x95\xc6\xf2_\xd2\xe5;+/{\x9c\xfe\xe7\xb5\xe0\x80bP\x05V\xc2\xb454m\t#\'&lt;z\xcbT\xa9\xc1\x16\xe9\x13\x1e\x92\x8a\xba\x0b[\xe5v\xb8\xbf(\xf0\x15\x81H\xffNi:\x8b~\x93/\x04[\xcb5\x99\xce\x0f\x90O\xb1\xfc0\x93\xa14B\xbad\x1f\xf8\x87\xe9mg8n\xf4\xf5\tB\xd1zc\x8b\x18\x93\xd0\xc50Y\xa7\xf8n\xf7\xac\x15\x80i\xd6\x01\x9f\x84\xdf \xa7\x1b\xd3\xafR\x84`\x13=Pa|\xcdF\xfc,\xc9\x10\xa7\x8a,\xdc\xe8}\x99\xa95.\xf7\xc8\xf5\xabILDS\x08\n\xa1!Cu.\xbc\xf5=_\xf6\x9f\xeeoeA\xeb\xe2\xa0\xfa]\xf4;ABh\xfa\x84\x9cu{\x11\xde2\x84/\x8f.\x7f_@_\xc2p\x7f\xe2\xf0\x85\xa1\xd9\xec{\xdd\xe8ZN\xbdG\xee\xe1\x88\x17\xf6.\')(\xb8\t\xbc/\xf8B\r&gt;@\x9eTza$C\x8d\xef=zX\xb0\x15\x91Q\x0bt\xca\xb3\xcd^\xf3\x84\x8c\xads\xfe\xde\xd5M;9\xe5U@!\xd1\x03\rf\xc4~1\xd9p`\xcaV\xb5\'\xf9\x9b/\xb1$!\xa1\x8cZ\xda\xb72d\xda\x13\xec\x1f\x0c\x83\x12\x18\xe4\xb0\xe9\xa7\x8e\xacS\x8d\x93\xff\n\xb2_Lh\xb1\xba!\x00v\x06\xb6\xf8L\xb5\x1c\x9f\xfc\xb5\xa7\xd0$\x1a;T\x93&lt;\xddd\xadI\x8b#q]\xa6\xc7\x07J\t\xda\xf6.\x0b\xb1wS\x80\x13\xff G\x9e\x00\x9f\x8e\x90Pe\xeaX\xc7\xc0\x06oz\xab\x9aY@\xdf\x10\x01\x13\x1b\x86\x7f\xc8\x06\xfc\xb9\x9d\xb65;I+\xd6K\xdc\xce:\xd0PU6D\x99\xb6\xaf\x04O\xb5\xdaJ\x8ay=c\xc9\xb2\xaf\xdd\xedd\t\xbbx~\xeb8\x19\x18(/\x85\x189.\xf2\x0c\xf3\xc6\x7f\x9a\xdf\xdeHQt\xf9\x05\xe0\x84~x/E\x0b\x11\x80\xe4\x1d\xdbF\xddJ\x9d|\xa4+\xf5\x04\xff\xdfL\x1d|\xd2\xd7"\xd5\xe4\xbf\x16}\xfa\xe0\xe28\x93\x0cqh\x90?\xdf(my\t,\xd7\x16\xff\xbf\xb5\xcd=m\x84\xb7~b\xcb{\x9f\x00\x8cV\xd4\xe5\x7fW\xf0ws\xda\xdec\x19\x0e\x8fn\xc7\xb0t5Sy\xa0\x91\xcb\xe0\xec\x8e1\xc9\xda\xaan\xb2\xaa\xd3\x8b\xc5\x1c\xcc\xa0\xfc\x06\xba\xf8\xf3\xc6\xb65\xed\x8bp&lt;c\x13\x01{\x8d`\xe9\x93\x1a\xb6\xbd\x9bO\x00\x7f/\xae]F\x88\xfci\xccvb9T\x95cY\x0e\xd0/\r2~kC\x07\x85\x0fF/\x04\xa5\xa311\x1d\xa5Z\xd1L\xc2\xdc\xc1\xb4jG\x177\xf6\xffQ\x06\xb5\x00\x1c\xaa~\xd4x\x1a=H\x7f\x0e7\xbc\xcb&amp;\xf85\xef\xce\xc5!\xab\x87\x8e\xe9\xc3\xc73\\\xb3_\xc4@\x8e9\xa9L\x83s\t\x92\xaa\x8f\xfc\x07[M\xd8v\xfa\xcf\xcc\xfd\x0b\xc7\xf4g\xcbk\xcb\tW\x9ded\xe6\xb4\xb2\x0b+\xc7G\xe8\xd5?\x14\xa9\xfe:\xb6\xcb\x12\xb0\xb6\xbb\x9a2\x1d\x1e\xcb;w\xb0\xa2\xd61c\'0X\xe0\n\x80\x02\xfd\xf6\xa8V\xf1=z\x964\xfb,&lt;V~\x8c\xcc\x9b\x8b\r\xba\x8ce^\x0cl\'S5e=\xc6R\xdeH\x12\xa9A\x9b\xd9[\xaa\xb2\xb1\xc8\x8e\x07\x82\xafA\x7fGjs~e\x01\xbb$\'E\xb7\x9a\xa5\xa2S\xe0\x06\xc2\xee\x91\xc3\xf6\x0e\x1d\xad\x83\xd7\x13\xc0\xc9\xeb\xba\xbc\xb3\xa6\x13!\x83\x1fF/\x81\xc24\x9d\xdc\xc1\xa9\xc9P\xcb\xe1\xab\xa0"6\xf8]\xdff\tCC\xcf\xc0l@\xf4$X\x18\x9b\xef\xe2\x84\x1cB\xba\xdd\x07\xd5\xdd\x03\x19?\xd5\xd1k\x87\xc8z\x83\x9eyS\x16\x97\xf6\xaa\xe7\xd4\x81\x7f5%r\x90\xbb\'\xc3\xe2\xe0)P\xe2\x99\xee\x81\x14\xfb\xaev\x9b \xd1\xee\x05\x16$Ko\xd0\x96\xffol\xcaM\xb1\xfbT\xbfV\xaai\x0e\x96\'Y!4\xd59\x84\x9d!\xd5bq0\x80\xbd\xaa\x1c\xad\x17h\x9fi%\x17X\xb9\x19#"\xe0\xd2\x95r\xdaA\x84\x9e\xf2\xae\x96\xd2\xbf\xcd\x85\xc6&gt;\xfcaC\xfd\xda\xa5KH2\xf3\xb3\xb6\x0c%q\xa5\xf03~w\x98\xd3\'\xfc\xb4\xef\xc4\xcbS\xbf2&lt;\x1e\xdcMlg(\xf6tf f\xb8eI\xf1\xf4m\x9f\xdcX\xcb\xaa\xdf\x14\xe5\x90\x00Q\xd2\xe0\x0e&amp;e7\xf4,\xa4H\xc2\xa4~d\xec,5\'\xfe1\xc4tv\xb9\x13\x81\xbarW\xe7\x12\xcc8h\n-\xe7'</t>
  </si>
  <si>
    <t>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</t>
  </si>
  <si>
    <t>b'\x8a\xc06\xa1\x89\xe7\xa3\xf0\xb8k\x84x\xe6T\x92\x02'</t>
  </si>
  <si>
    <t>aying, whoever uses it; and any man who thinks he has nothing to do but take care of
 number one, why, it's a pity but what he had been drowned like a puppy or a kitten,
 before he got his eyes open; that's what I think," said John, with a very decided jerk of
 his head.
 James laughed at this; but there was a thickness in his voice when he said, "You have
 been my best friend except my mother; I hope you won't forget me."
 "No, lad, no!" said John, "and if ever I can do you a good turn I hope you won't forget
 me."
 The next day Joe came to the stables to learn all he could before James left. He learned to
 sweep the stable, to bring in the straw and hay; he began to clean the harness, and
 helped to wash the carriage. As he was quite too short to do anything in the way of
 grooming Ginger and me, James taught him upon Merrylegs, for he was to have full
 charge of him, under John. He was a nice little bright fellow, and always came whistling
 to his work.
 Merrylegs was a good deal put out at being "mauled about," as he said, "by a boy who
 knew nothing;" but toward the end of the second week he told me confidentially that he
 thought the boy would turn out well.
 At last the day came when James had to leave us; cheerful as he always was, he looked
 quite down-hearted that morning.
 "You see," he said to John, "I am leaving a great deal behind; my mother and Betsy, and
 you, and a good master and mistress, and then the horses, and my old Merrylegs. At the
 new place there will not be a soul that I shall know. If it were not that I shall get a higher
 place, and be able to help my mother better, I don't think I should have made up my
 mind to it; it is a real pinch, John."
 "Ay, James, lad, so it is; but I should not think much of you if you could leave your home
 for the first time and not feel it. Cheer up, you'll make friends there; and if you get on
 well, as I am sure you will, it will be a fine thing for your mother, and she will be proud
 enough that you have got into such a good place as that."
 So John cheered him up, but every one was sorry to lose James; as for Merrylegs, he
 pined after him for several days, and went quite off his appetite. So John took him out
 several mornings with a leading rein, when he exercised me, and, trotting and galloping
 by my side, got up the little fellow's spirits again, and he was soon all right.
 39
 Joe's father would often come in and give a little help, as he understood the work; and
 Joe took a great deal of pains to learn, and John was quite encouraged about him.
 40
 Chapter 18. Going For The Doctor
 One night, a few days after James had left, I had eaten my hay and was lying down in my
 straw fast as</t>
  </si>
  <si>
    <t>b'B\xc4\xe0\x1a/N\xf7\xf0'</t>
  </si>
  <si>
    <t>42c4e01a2f4ef7f0</t>
  </si>
  <si>
    <t>e argument of the square root becomes negative as (Vin1 âˆ’ Vin2)
 2 exceeds this value!
 How should these results be interpreted?
 Implicit in our foregoing derivations is the assumption both transistors are on. How_x0002_ever, as |Vin1 âˆ’ Vin2| rises, at some point M1 or M2 turns off, violating the above equations.
 We must therefore determine the input difference that places one of the transistors at
 the edge of conduction. This can be accomplished by equating Eqs. (10.140), (10.141), or
 (10.142) to ISS, but th</t>
  </si>
  <si>
    <t>b'\xca\x870\xd1\xad\xfdz\xa5K\xbaej\x1e\xfb#\xe2'</t>
  </si>
  <si>
    <t>ca8730d1adfd7aa54bba656a1efb23e2</t>
  </si>
  <si>
    <t>than that of the nation that pays the lowest. All countries granted MFN status
 thus pay the same rates. Tariff reductions under the GATT alwaysâ€”with one important
 exceptionâ€”are made on an MFN basis.
 There are some important cases, however, in which nations establish preferential trad_x0002_ing agreements under which the tariffs they apply to each otherâ€™s products are lower than
 the rates on the same goods coming from other countries. The GATT in general prohibits
 such agreements but makes a rather strange exception: It is against the rules for country A
 to have l</t>
  </si>
  <si>
    <t>b'0D\x02 z_}\xb4\x8c\x9f\xd3&gt;\x1f,\x98WH\xb4\xed\xc7g&lt;\xa0r\xd2Nr\xcb\xbe\xb6 0\xcf\x19\xff\xd5\x02 \x06\xdcIa\xb3\x88 \xbb\x90\xa4\xdf\xb1\x8e\xd1\xc3\x98\xc2`\x89\xe1\x82\xd9\xe3\xcd\x80\xe5\\L\xddZ\x8f\xb8'</t>
  </si>
  <si>
    <t>304402207a5f7db48c9fd33e1f2c985748b4edc7673ca072d24e72cbbeb62030cf19ffd5022006dc4961b38820bb90a4dfb18ed1c398c26089e182d9e3cd80e55c4cdd5a8fb8</t>
  </si>
  <si>
    <t>b'0D\x02 z_}\xb4\x8c\x9f\xd3&gt;\x1f,\x98W'</t>
  </si>
  <si>
    <t>spend a decade building the kind of online
 audience that will take you to ten figures in less than two years. The
 takeaway is that, with the right combination of online audience and audiencetargeted brand, success is a matter of course.
 Start with the Person
 You donâ€™t have to get a million followers to have a million-dollar business.
 You need a fraction of advertising and a fraction of brand building along with
 three to five products that get about thirty customers a day.
 At the beginning, that means going â€œall inâ€ on the few people who notice
 you, follow you, and buy from you. It will seem trivial at first, but the
 snowball will build over the next year due to â€œdiffusion.â€
 One of my college professors called it â€œthe diffusion theory of
 marketing.â€ With every new idea or product, you have a bell curve of
 adoption. At the very beginning, you have a small but loud group of
 innovators who talk about a product. Consider your techie friend who buys
 something new and wonâ€™t stop talking about it. They talk about it until they
 get the attention of the early adopters, then the masses, and finally the
 laggards. Think about smartphones. You had the tech innovators who thought
 they were cool. They told their friends and brought them in as early adopters.
 Then, after a few years, even grandma has an iPhone. Now the innovators are
 moving on to the next thing.
 I saw all of this and started to wonder how to use this to my advantage.
 Could I make enough noise to kick-start the engine toward a million-dollar
 company?
 Iâ€™m not Carl Icahn or Tim Fer</t>
  </si>
  <si>
    <t>b'!\nv\xc1b\xe4@l2\x9b\xff\xcc\x87b\xc8\x97&lt;\xba\xc7\xe9\xc4\xb6/\xdev\x1b\x1f\x1d\x9b\x94?X\xf0O\x04a\xd8\xd8*\x90p\xd0\x89\x1f\xff_K\x82\x95\xa1\xe3Y\xbece%\xa4eP\xeb\xef\xb8\xd4\x92;\n\xb6\x82\x0e\xe4\xaf\xba\xe8\x0f&lt;}\xa5\x82.]}\nV\x0b\xfa\xa6\x1a-\xf4?\x18\xef_h\xa8[\x04k\x8f\x82Q\xdfJ\xd3r\x9f\x96\xb7_\xe0\x9e\xee\xa3U\x08/\x8b)\x91\xee\x9d\xd4\xabZ\xd6|\x1d\xcd?\x8f\r36Vt\x92\xba\xda\x17\xe9\xe0\xf79\x02\x85E\xbc\xc2\x0f\x15\xc8#\xe7M\xe8\x19~\x9c\x9c\x9b\x8a\x85\xb2\xdeG\xa6\x9e\xd5\xed\xb8\x8d\xa7\xb9\xc9\xd5\x99N\xd58M\xfa\x83E\xb2!\xb9|?\xf0\xef\x86\xac\x10\xbaj\r\x088\xf2p\xd0$\x9d"\x1d\xdbow\x15\rht\xe5&gt;\xdfx}K\x89_\x85\x9d^\x98\x882-\x1c2\xecx\x9f\xcc\x00\x80\x9f\x81\x16\xe6\x01\xab=\x03\x94EBq\x1f\x9a84\xceR\xc9\xaf\x95\x8f\x91\xad5#\xcc\xf3\x19\x9cB\xa2\x01+E\x1e!G\xcf%\r\x8b\xe2&amp;\xbf\x9d\x9a\x19\xd8\xf5\xf2wa\x12\xf5\xc7\x0e\xe3\x1c\xfaDO\x86\x8d\x15\xe9\x92\x1d\xc3\x9d\x05\x9e\xb6\x19\x19{\xb4\xb6\x83xR\x84@}\xde\xe8w\xea\xd3\xcd\xfe\xba\xa5\xe2\xc0\xb3` \x01yX\x85,`\x91#Zb\xe3\xc5\xbe\x8e\xf6I\x89\xf6kGE\xb5\x97\x8e\xd6\xbe\x92\xf3\xddZ\x83\x03\xd6h\xd1\xe0=\xd2w\x010\x8c\x8b3~9\x86I_u$UH}\x1b\xaf\x95\x96\x1f\xc9\xdb\xd2\x8b\xb9V%\xcf\xe9\xa2\x0e\x95\xbe\xc5J5D\xc3\xce8j\xf0x\xa2J\x0f\xc5\xf6O?\x14\x8a\xe2\x17X U\xcfo\xec\xa5m\xc9Y{\x8c&amp;\x8e\xd04&lt;\t\xf3\xe0V\xa2d6\xc7\xfecZo\xcf\xc7#\xbd\xd0VYN\x80*0\xe7z\xa5\x1b\xf4\x0b\xd4\xb4d(\x9b\x9c\x88\xb2qW\xa2\xc5[\xa7%\x83\x17\t\x02\xce\x01\x0b7\x88\xfeg\\~\xe7p\xf3\xe4\x90\xd0+\x95\xa0XV\x11\x9c\xce\x13\x9f\xf6\xbdd&gt;\xe9\xb43\x94\xb2Q\x18\xcd\xd4\xc2\x89\xbd\x0b\x86\xe8ggo\x83@\x9b\xfa\x9e6\x13\xd1D#\x9aF\x8cc2\xb3\xa3`I\xc1-\x94E\xdf\xd1Q\xaf\\@\xbe\xbbU\x80I\xf2Wd\xf4g(\xea\x1b\xf2\x01+\x15\xd1\xea\n\xde\x00\xady\xfc\x05\x15*\xd2\xb98MM$\xde\xec \xc4\xe80Ws\x0f/\x0e.\xfd\xb7&lt;\xea\\\x07\xf2\x14\xc5\x06z\xf5ZU\xe6V\xe4k\xa7:\xdbP=c=\x11\xac\x1c\x88\xb1\xbd\xedf\xeb\xb2E5\x1fT\x83\x04\xf1ML\x13\x96\xd1\x1c\x8b\xa1J\'X\x8a"\x00\x076K\xdf\xf8\x1aR-#\x87{u\xccG\xc9Pj\xd4\xbd\x12\x99\x8f0\xd6)Y\xdc\xd1\xe9\xa4\xfc\xa2\xe7\x82\xd2\xf8\xbf\x1b/Q\x02\xe8#\x82,\x16l\xc2|5\x88&gt;\xce\x9bl\xbc\xb5i|\x83\x9d\xdd\x88V|\x8f\x1b&gt;\xa7\xc1\x03|~\x96\xdf\xa4\x7f;\x93,E\x1f\xaf\xa8\xdc\xb9\xd1a\x87\xd9`=\x9c\xc7\x84o\xc8M\xf4\xbeep\xc9\xf2\x9b\xb8\x1d\x1ao\r\x83\xb3\x96\xb1\xa2ET\xcd\x8cA\xfe\xf2h\x94h\x86\xd8W\xdf\t\xd1\x1dX&lt;\xe1\xd1\xbd\x18\xbf\xd0Hj\xb4E\xc4S9\\f\xae\xb9\x18\x0b\xfe\xffK\x15\xd9T\x8c-Wy\xb1\x0e\xee=\xa6\xd3\xdd_\x1c/\xd8\x8fxo\xd7\x14+\x9d\xcd\xc0d\x0f\xad5\x98r!\x0c\x13\x15\xbf\xe6\xa9&lt;\xb2\x86\x1f\x9d\x98|\xce\x0bE\x1f\xeaQ\xfdP\x80G-kgWNJ?\x9fc\xb5\x9b\xdf\x0b\xd92,Z\xaa\\\r\x9b\x8bq.\x08\xf8]\x83f\xf0\x9ao\xb4$\xf4h\xdc\xc3\x12J\x9b\xb5\x87\x9a\xf25\x9b\xf2\xfcN\xc2\xdc\x19\x89\xdb\x91\'\xbbI\x8c\xc1Lb2&gt;\x97\xc8\xf3&lt;\x01u\xbc\xbcu}\xd3\x97j\xf7\xf7\xcc\r7l\xb3A\xe7\xfb \x99\xc9\\\x13\xc0\x80&gt;G\xda\xc5`\xe9\xe8"a\x93@\xe9\xb0\xc0/\xc1vfl\xbe_\x1c\xd8\xf7\xd0,\x9f\x83H\xc0b\x1f\xbc\x1b\x91[\xc5\t\xf9\n\xc2\xc6va1\xccE\'\xd1\xf0\xaev\xf8\x13s/\x92Kd\x84\xb5\xd2\x96\x06\x9d\x92\xe3U\xff\x92\x1f\xfa\xc3\x82\x1c\xf6.\x1e\xf5\x81\xac\x84\xc7\xd84\x10qT\x16\x9f\xdf\x82jh\xb6\x0e\xa4\x92\xe6a\xcb\x1an\x893\xa4\x9e\x1e\xc2\x19\xfe\xbb\xaa\x89\xc8\xc8\x11&lt;\xf6\x0b\x1aan\xeb\x1d\x9d#\xbf\xcc\xab\xad\xe1\xeer\xd7\x12g9\xde4\xd0\xac\x14x2kR@\x15\xd4\xd1\r"\x13\xcb&gt;\x8e\xfe\xb9\xc4\xc9\x8c\x1b\xeb\xfdN\\\xf2X\x8az\xc8\\\xbf\x15 kQWR\x0b\xad}e\xbe\xe1\xa9*\x98eyJ\xbe\x1d\xc6o\x13+{@\xf6\n\xf2p\xef\x07_\x95m\x18u\x0f50\xcc\x13@\xb0\xe4\x8d\x81@O\xbf4\x08\tF~\xc5\x8a\x9a\xaa\xd1N\x15\xd0\x9a\xbc&gt;\xec&gt;\x17)\xdc\xc3\xa1%P\xae\xc1\xd8.\xd3\xb7\xfe\x0c\x8a\xe7\x16\x93Q\xfdS\xe2\x17b4\x95S\x85\xffy\\\'y\x88\xae")\xb3\xe5\xc1\x0c\xaa\xf1Y\x0e2\x1bm1\x14G|\x93:\x07\x12\xf4\xf1\xa7\xd7\x95Y\x17\t\x82\xdc\x12/*\x07\xda\x98\xd6\xbf\x82+\xe5\xe5\x11Im:)\xd9\x0c^\xbf\x01L\xeb\\v\xc0\xf1\xd7)\x17\xc9\x87\xd8\xa6\xaa\xa2\xedQ\x9bY\xcbh\xda4Ca\x99\xc9P\x19\xebz2\x07x\x08\xcfTQ~&lt;Td\x9b\x8d\xb3I\xc4\x18\x7fP3~\x15\xfd\tj\xc8\xd8jE_\x17\xc2\x81\'\xb7\xf3$\xa6u\xb8\xc3\xda\xaeD\xfa\x85\xae\xdeC\xab\x9d`\xec\xd7\xbe\xd7\x97\rS\xce\xa46\xa3\x01\xbaaC\xe5\'\xfb\xcdn\xc6\x8e}\xb4\xceqh\x7f\xf2Y\x0f\xf4\xd4\x1f\x17\x94e?t\xf4\xebs\x08\x9d\xf9i\xaa\xd6\xc5\xc89\x8d\x13D\x14u\xf5\x01\xa3-\x1a6\x02\xa3\xbaA\x97\x94/\xaa.\'`Pm\xa8\xf0\xd8\x8b\xe10\x92\xa6\x93\x17\x17\x9c\r(\r@\x83\xd3\x99\xcduLM\xb5\xa5*U\xf2r155\xc3\xd4\xb9\x94\xe7\x9e\xbc\x01\x80\x9eN\x98\xf8\x98Z\xb2q\nt\xc1\xb3\xbf\xe3@\xb2\xd9$iN\x08\x13\xc8\x06\x90\x0e\xe7?\xa6"\xa0\xb7\xf5\x93\xae\xa7\x02_#\xd9i\xf0%lVB\xa0\xc4/\x82\xc4\xe8\x08\x89,\x10_gk\x0e9\xac\xc1E\xaa'</t>
  </si>
  <si>
    <t>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</t>
  </si>
  <si>
    <t>b'!\nv\xc1b\xe4@l2\x9b\xff\xcc\x87b\xc8\x97'</t>
  </si>
  <si>
    <t>blocks were joined together were
rows of emeralds, set closely, and glittering in the brightness of the sun.
The window panes were of green glass; even the sky above the City had a
green tint, and the rays of the sun were green.
There were many people, men, women and children, walking about, and
these were all dressed in green clothes and had greenish skins. They
looked at Dorothy and her strangely assorted company with wondering
eyes, and the children all ran away and hid behind their mothers when
they saw the Lion; but no one spoke to them. Many shops stood in the
street, and Dorothy saw that everything in them was green. Green candy
and green popâ€“corn were offered for sale, as well as green shoes, green
hats and green clothes of all sorts. At one place a man was selling green
lemonade, and when the children bought it Dorothy could see that they
paid for it with green pennies.
There seemed to be no horses nor animals of any kind; the men carried
things around in little green carts, which they pushed before them.
Everyone seemed happy and contented and prosperous.
The Guardian of the Gates led them through the streets until they came
to a big building, exactly in the middle of the City, which was the Palace
of Oz, the Great Wizard. There was a soldier before the door, dressed in a
green uniform and wearing a long green beard.
"Here are strangers," said the Guardian of the Gates to him, "and they
demand to see the Great Oz."
"Step inside," answered the soldier, "and I will carry your message to
him."
53
So they passed through the Palace gates and were led into a big room
with a green carpet and lovely green furniture set with emeralds. The
soldier made them a</t>
  </si>
  <si>
    <t>b'E\x01\\2a\xf6\x84\xb5|\x15\x99\x89\xdf\xedqA\xd4\x9ef\x89\xed\xeb\xaeq\xc0\xab\x00,8\xa4\x19\xd2\x85pd\xaa\xf4\xaf&amp;\xbf[2\xb1\xcd\x05\xfa\xdfK\x7f\xd5\xcebC\x04Pw\xe9\xdf\xae\xd4X\xeb\x83\xb4\xef\xf2\xcb\xce\xecZTF\x07\x87\xf5\x9dt^4f}\x08U\xa4l\xd2I-;\x81U\x91\x04$\xa1\xba\xbcm\n\xbe\xb6\x97\xefb\x01\x03\x8c\x99j\xb5\xe2.\x8f\xf8\xeb\x0b\x88\x0ft\x1e\xf7\'y&gt;\xf9\x1fr.~hnu\x98;Y\x94D\'{X\x91\xeeZB\xb3g\xb2j\xdb&amp;J\xeb\xcb\x1e ]\x8d\xbe\x1f\x87\xd0E\xdc\xb3(}!\xd3C\xaf\xb2\x00\x01\xe7U\x04\x08\x89\x15\xfd\xb1\xfd\xa1o\xb8 \x97\xb2\xc0\xf8\x867\xf8\xa7`"\xa4\xf9=\xca9v\xd7\xb3\x86\xe2\xc9\xcd\x1f\xc6h\xa7m\x0f\x19rK\x9d\x8d\xba{\x8e\xbc(&lt;\x0f\n\xf6\xcc\x91\xf1\xee\xc2\x8b\x07\xb6\x1f\x0b\x95\x98\xa1\x815)\x93\x89\x9ce\xf5\x03\xce\n;^h\xeb\xe1\xf8\xdc@\x84\xc8\x82\x86mE55d\xb2\xe8\xdfl9hE@\xa5\xdcxl\x95\x92\x04\x01\xc8\x14\xb2\x10\xd4\\u\xae\xc6\xb2"T\xc26\xf3\x0374\x19\x17\xdcH\x15\xb4T9\x06\x03\x86Q\xa0\x91^\xebR\xa0d\xaeM\xc8\xbf\xe6b\x98\x04I]])\xa6\xef\x10|\xf8\xd7\x88\x1e\x08\xf07\xce \xa8\xc7\xe9\x7f\x05\x06n\x07~%\x80(\xb2\xc3\x16\xf2z\xd1\x9e\xba602\x90\x13\x1b\xa3]\xd4\xbd\xe2\x88\xc1\xe0\xea\xb8\x81&gt;\x0bK\x1a\xbb\x9a\x81\xf0Q7\xe6m\xc8&gt;\xb9Nj8B\x9d\xf3\xbf\x95\xa8OX\xaa\xaf\x00\x82\td}\x18B\xf5\xde\xa8\xfc\xba\x1d\xff\x17\xb2Y\xb7\x15X\x9cg\nX\xafk\xc9\x0c\x1e\xae\x04v\'\x10\xac/\x80\x9cs\xdb6\x1a*\xd0\x9c@0jG\xf8\x0e\xcb\xaf}\x83)\x9f\xb9\x82\xb4\xb4c"\xcc^\x86\x05\xabO\xc4\x01\xb9\xf2\xc5\x80\xd3\x193\xa2\xc3\x05K\r\xf6p\xb0\xa0\x8c8\xb4\x9f\xfa&lt;81=\xb9\xf1B5\xca\xe6\x9d\xe3\x90&amp;\x81\xae)2\xb4}+\x9e\xc5&lt;\xa7,^:\xd8*\x9eD\xe3\xb4\x061\xc3\xe7\x05JzU\x9a~\n\xaf\xa9\x9aH\xfcO3\xbd\x92\xb52\x8d\xf6\x0b7\x06\xfbhx`\xc7j"j\xc2\xb7\xdeAv2\xefQ\xb0C`\t\x08\xafB;\x14\x85\x89f\x81\xfe\xebPK\x85\x12R-t\xd0/\xc9\xd1X\xa4ox\xd3\xa2Y\xc2\xc3\xfd8\xbdN=\x82\xbf\xb5\xbd\x08s\x0bq\xe5e\x86\n\xc6uQ\xc4\xe8K/\x8br\xd4qw3\xce\xdb\xb0\x1f|\x05d\xe8cVH&lt;4HT,\xc7\x0e\x1f\xa6K\xc1\x1f`m\xe3\xd4\x0f\xf9k^\x9c\x8a\n\x02\xc7\x1e\x96\xc7\x14\xd68\x8e\xc8h\xea\x880\xd2\xb4\x00!\x8b\xa4\xeejr\xc39/\xba l\xf7\x8b*\xa9-\xba\x92\x98\xc0\x15-\xedlk\x11\xec\xfe\x9e\xdek\xb6\x8a\x08\xf9\xf2]\x16S^\x1e\xfc\x07\xb8\xba\x92\xd1D\x12\x17`b\xd4\xa6\x9d\xa7\xbcQ\xd0A\xfc==\x83HRp?\xd3\x9cK\x1e\x13\xf6\xe9\x03\xcb\xa8\x149\xe6\xa4`\xba\xcaqe\xf1\xa2\x83It"}\x8el\xc7R\n\xd03xP~z\x98\x9e\x00\xe8\x1a\xd2\x00\x82\xebFHX\xfed1\xd9\xd9\xa5\x06\xc9R\xdauan\xdf\xbb\xce\x84\xed\xd3U\xfdV\xca\xcf\xd7\xe0%QgU\xed\x1d\xb8t\x96\x8d\x1f\x90J\xc5aV\xd8a\xe1\xfcA\x9e\x07\xb3\x92\xe6\x9d\x9c\xdc\xa7\x13KB\xc8\xf2\x8b\x91\xfcgc\x04R\x1f\xb1\nl\x8a\x16^\xc87Q\x1f\x8e\t\x0c\x06\xee2\xc1\xf8\xd0R\r$\xd7l\xe6-\xd4\xfe\x12m\x8d8\xae\x86\xcf\x0c\xe4x\xfaw\n(\xe8\xae7\xd76\x1f\x95\xf2L&gt;\x84\xa9\xe2\xcc\xfat\xac\xb2(A\x8e\x86\xd5K\xa3\x93\xde\x85B\x9bm\x04^\x83\xf43\xbc\xd6(\xc7_\xc6p\xb6\x96Q\xb8t\xba\xc6\x87\x8b2\x99\xdc6\xea\x8c\x1a\xff\xa3\xf0\xd2\xd5\xde\xafA\xd88s3\xad\\\x9c\xd3\xd5\xe4\x83~\xcdD\x9f\x0eN\x11gw\x1c\x17\x96\x91\x06\xf3\xa2L\xfb\t\x97o\xd9\xcc5\x11,\x1d\xc4\xcb\x1c_\x87\xc1\x18\xa9eQ\x1a\x97\x1f\x95A\x0e\xfb\xd3\xc9\x13[8\xa8\x83\x0c\xab\xb0d\x87\xc3\r\x12j\xc7x-\xb9\xe2\xcc\xb5\xa0\xe1Qo\x07$2(\xfe\x8d!\x19\xb5a\xdd\xa5\xe2\xf0\xcc&gt;w\x89\xa14\r\xf2\xe1\x01\xeefC\x00\xc2K\xbb\xa0\x06Z\xcbR\x8d7\x98P\x90&lt;\xdc\xf3V\x87\xcf!\x8a\x07ty\x93 \xda\xd1b\xfa\xfe\xcd=C\x0c\xf3\x05\xc8B(\xbfN\x1d\x86\x00x\xcb\x98\xda\xfb0\x1fV\xc0\xef\xbc\xbe\xdd\x9e\x04\xe1\xac\xe4\xd7\xa4\'\x1c\xeb+\xa9\x10\xda\xa3ooN\x7f4\n\x065Kf\xc2pO\xa0L\xbd\xcd*\xa2&gt;I\xde\xfa\xcc\x1c&gt;\x9e\xd2}\xc7\xe6n\x1e\\\x86){\xbd\x804\xed\xed\x9d\x196am*;\xa4u/\x99Gw\xec\rnU\xde\xda\x8d\xa5\xdcT\x0bR\x01\xb6\x1b\x15u\n\x95\xd6\x99\xa3\xc70q\xc8\xe2\xcd\xa4]\xc3\xb0\xda\x88\xf9f\xc5\\\x88\'\xb3%\xc37\xf6\tA\xa6\x94\x11\xab%\xae\x86\x14V\x14\x93g\x10\xf0\xeaeb\xf8m@\x8a\xed\x07=9H\xb2*3xj\x97\xe41j\x85\xa0\xb6J\x8d\xc34d\x0e\xff\xd5\xba\xed\x08`\xe2\xda\xe1\xe0\x95+g\x07\xa1\xf4H\xc4-\x07\x9c\xd4\xb3\xbd\x9cd^"\x1a\x8c\xb1\x07[\xc3\x91\x92\x14\xff\x886\xa5\xaa\xf30\x91UV\xd8W\xfff^ \xf5)\xe4R\x82J\x80\xfb\x92)\xf8\x88\xaf\xfd\x99w\x82%\xa8\xc9-\xa2k\xad\xc3\xf3\xf5\xa6\x07\xf3\xe8\xe1\xd2S\xbf\xdc\xae\x19.\x1b\x03\x89\xa3\xd2\x1a\x0e\xb9\xa3\xf2\xbe\xc2\xde\xe4\x1f\n\xa7\x07\xfb5\x93\xdc\xe6\xdf\xcf\xa9\x1c\xb8#\xc6\x17\x15v2\x02\x91\xde\x82]\xf9U\xf8z^1\xcf\xa8\x1fLy\xe8\xd1\x9a\x18\x85\xc1o\x9b*\xcb\x17\xf8\xb5\x84\x91\xac\xb7U\xadX\xf7\xec\xd2\xc0\xccp\xa0\xc1$\xaai\xcf\xb8~\ng\xaa\x86a\x8b\xb3\x99\xd6\xecw\x00\x1f}\xe2j}\x86]i\x14w-(icS\x18}A~\xb6\xfdIZ\xb3xd\x1f\xa6\x7f\x11\x9b\x81F\xcd\x17\x9d\xccM\x1b\r\xdez\xfan\xec\rL\xf6\xe9uX\xf4jK\x1a\xab`\xa4T\xf8U\xf5\xc5\xafR\x04\x81\x88\x15\xc7~qK\x80\xa3\x04\x95U\x88V\xa1aS\x90\x05c\xbb\xed\x80\xd6i\xb6\x1e\xa5\xa4\x1c\xffp\xbbK\x87\x8dUQ\xef,\xe1\x0b~\xcc\xe5\xae\x12\x8c\x15\xf8\xae\x1d\x909\xda*D\x9c\xa7\xa7\xa1\xec\x19\xb5\x98\xfc\xf03\xf1\xf9\x11\x8a|u\xc1\xeb\xfd\xd0yzX\xef\x84\xfc5HQ\x10\x19\xa5\xb6\x93p@\xba\x9c!\xaaY\xad\xa6\xc9\xaag\x1d\xd5\x90\x8e\xd3-\xf5\xaf\xc5\x08%\x8f\x18\'I['</t>
  </si>
  <si>
    <t>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</t>
  </si>
  <si>
    <t>b'E\x01\\2a\xf6\x84\xb5|\x15\x99\x89\xdf\xedqA'</t>
  </si>
  <si>
    <t>ne night with his 
 mother. 
 J. T. 
 You can fancy the excitement into which that letter put me. I was half 
 beside myself with gl</t>
  </si>
  <si>
    <t>b'Y.\x11\xdeY$\x97 }\xff\x84iI\x07V\x17\xc6\xb2\x81\xbb\xf2&gt;6\xb6\xad\xb9A\xf7DL\xfdZ5\xef\x8a\x87\xf0\x12dw6\x00c\x06G\xde;\x8a\x93\xba=y\xb4\xa6\xe8\x07q\xc6\xef\x92\x1f\xbd\xa24j X0\xdbm\x01\xe5\xab\x7fEc\x10\xb2\x03z\x06}\r\xab/\xec\xbc\x89B\xb8\xfc\x89\x86}3J\xac\xa6\x13v\x16\xa7\x82y\xc6\x9f\xe3q\'\xa8\x9e\nx\xe2\xfa\xe3\xaf\xa2\xaaEh\x9b\xb8\xa9\xa2\xa7\xd2\xf1\xf4"\x88\xf7\xe5\x93M\xd0\xf6\x97V\xfa\x06\xd9\xfb\xeb\xbd\x02\x97\xf0\x0c\xf5\xfa\x19\xdb\xceu\x1d_\xef\xde\x17M\xb9eFU\xe7\xd7\xbe\xeb\xbd\x86\xc1+\x84\x0e\xe8?Y\xde-\xa0\xb1\xf0\x85\xfc\xb9\xd45M\x1c\x8a\xc7\xe2\xbd\xceQ\x01\xe5\xdc\xce\x82\xdcf\x94=\x00e(\x8d\xc7\xf3\xa4\xb1\xfd\xad\xf1\xd9\xb9\x962\xf5\xf9U\xed\xfa\xa1\x01yz\xc4\nk\x80L\xb9\x90\xe7\xf8\xab\xb5\xacf\x8f\xdc\xfa\x8c\xbf\xbd\x1dy1\x97\x1a=t\xc6'</t>
  </si>
  <si>
    <t>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</t>
  </si>
  <si>
    <t>b'Y.\x11\xdeY$\x97 }\xff\x84iI\x07V\x17'</t>
  </si>
  <si>
    <t>tâ€™s why
  excellent conductors make good mirrors. In practice, you paint a thin coating of
  silver onto the back of a pane of glassâ€”the glass has nothing to do with the
  reflection; itâ€™s just there to support the silver and to keep it from tarnishing. Since
  the skin depth in silver at optical frequencies is less than 100 Ã…, you donâ€™t need a
  very thick layer.)
  Problem 9.22 Calculate the reflection coefficient for light at an air-to-silver inter
 face (Î¼1 = Î¼2 = Î¼0, 1 = 0,Ïƒ= 6Ã—107( Â·m)âˆ’1), at optical frequencies (Ï‰ =
  4 Ã—1015/s).
  9.4.3 The Frequency Dependence of Permittivity
  In the preceding sections, we have seen that the propagation of electromagnetic
  waves through matter is governed by three properties of the material: the permit
 tivity , the permeability Î¼, and the conductivity Ïƒ. Actually, each of these param
 eters depends to some extent on the frequency of the waves you are considering.
  Indeed, it is well known from optics that n âˆ¼
  =âˆš
  r is a function of wavelength
  (Fig. 9.19 shows the graph for a typical glass). A prism or a raindrop bends blue
  light more sharply than red, and spreads white light out into a rainbow of colors.
  This phenomenon is called dispersion. By extension, whenever the speed of a
  wave depends on its frequency, the supporting medium is called dispersive.
 418
  Chapter 9 Electromagnetic Waves
  1.480
  Index of refraction
  1.470
  1.460
  1.450
  4000 5000 6000 7000 Angstroms
  Wavelength, Î» (in air)
  FIGURE9.19
  Because waves of different frequency travel at different speeds in a dispersive
  medium, a wave form that incorporates a range of frequencies will change shape
  as it propagates. A sharply peaked wave typically flattens out, and whereas each
  sinusoidal component travels at the ordinary wave (or phase) velocity,
  v = Ï‰
  k ,
  (9.149)
  the packet as a whole (the â€œenvelopeâ€) moves at the so-called group velocity18
  vg = dÏ‰
  dk .
  (9.150)
  [You can demonstrate this by dropping a rock into the nearest pond and watching
  the waves that form: While the disturbance as a whole spreads out in a circle,
  moving at speed vg, the ripples that go to make it up will be seen to travel twice
  as fast (v = 2vg in this case). They appear at the back end of the packet, growing
  as they move forward to the center, then shrinking again and fading away at the
  front (Fig. 9.20).] We shall not concern ourselves with these mattersâ€”Iâ€™ll stick
  to monochromatic waves, for which the problem does not arise. But I should
  just mention that the energy carried by a wave packet in a dispersive medium
  does not travel at the phase velocity. Donâ€™t be too alarmed, therefore, if in some
  circumstances v comes out greater than c.19
  18 See A. P. French, Vibrations and Waves (New York: W. W. Norton &amp; Co., 1971), p. 230,</t>
  </si>
  <si>
    <t>b'&lt;\xa8D\x92\x1cI\xbbC\x82Z\x18\x11\xe7_\n\x15\x92hq\xbea|m|h\xb1C\xdb"|\t\xcf'</t>
  </si>
  <si>
    <t>3ca844921c49bb43825a1811e75f0a15926871be617c6d7c68b143db227c09cf</t>
  </si>
  <si>
    <t>b'&lt;\xa8D\x92\x1cI\xbbC\x82Z\x18\x11\xe7_\n\x15'</t>
  </si>
  <si>
    <t>College professors, Farmers, Female prostitutes, Gamblers, Housewives, Lawyers, Male prostitutes, Marriage counselors, Neâ€™er-do-wells, Persons in
the Social Register, Physicians, Pimps, Police court officials, Prison inmates, Professional women, Thieves and hold-up men, Womenâ€™s Club leadersâ€™â€™ (39). I have
boldfaced the categories on this list that can be represented from ancient sources as a
sort of miniature version of the thought experiment with the grid and the overlay. It is
customary these days to look down on Kinsey; we must think first of how little we are
able to do in comparison with him. Hi</t>
  </si>
  <si>
    <t>b'\xb6a\x10\x98\nI\xc3\xccNs\xfbUz\xdc\xd6\x03\x87\xdd\x99\xaf\x048\xfb\x01\xd3\xb4\x0c\xa1\xc5e\x00z1\xd6\xd6\xe9\x88\x96\x00QGG\xbb\x8a:\xc9\xbb]YP\xce;\xe8\xce\r\xfa\x12U\x99\xfb\xf0\x8d%8\xba\x01\x90\x8ec\xb5SQf\x8d\xa0\xad\xaeK\xef\x19\x9c5\x19\x0e\xc0\x19Bl\xb6\xc4Y^V\x94Ha6[!Mg5\x0b\xc5\x9e\xa0va4\xb0\x08\xf8Q9\xa9\xb90\xd8\x91\x87r\xe2\x1cN\x8f\xb2\xfc\x86 j=\x91R\xd0\r\xcd\x05\xfb\x14\xc9\xd8\x88\x9e\xc7\xa9\x02\x8b\xae\xd8\x04\x7fN\xa6D\xce\x1d\xd5\'/\xae\x95\x1d\xe1a\x92\xa5\xd1\x01\xf0{\xf1\x84\xcf\xc8\x9aM\xeeQ\xf2\x11O\xcf\x99\xb9~\x11\xda\x1b&gt;m\xfd&lt;\x87g\x1d\x83\xa8\xfd]\x9d\x1c}\xcfH\n\'\xfb\xccE\xd1\xd6\xe0\xce\xc2\xac\x83\xc0\xa3\x9f\xc3\x97\x93\x1a\xd1$\xb3-r\xdcK\x00\xab\x1d\x87\x8b\x1b\x87\x84l\xbb\xbf\x97AZ\xff\xb1\xdb+\xee}Z\x1b\x1d\x80}\n\x18\x9dC\x8co&gt;\xea\xb9\xc5\xb1\xd3\xff\xd3\xdb\x92\x92\xd1!\xd6!\xf7\xb2\xee\x00%\x82\xcao\xfcR\x97\x8f3}\xcev\xa0$\x9a\xccm[\xb1s\xb0\x89\x0cw\xbb\xdd\xda\xba\xaa8(\x08\xd5\x92\x13K_;\x98\x8c\xd1Y\x8d\x85\xa1\xf2R7\xcf$\xd0\xccF\xb5tI\x1f\xd5R\x17\x9cg\xd7\xa3v\x88\x1e8\rI\xe1{o\xdd\r\xab\xf4\xd1B\xaa\x9c\xf50\x8d\xa9C6\xb6\xd4\x9e\xc5{\xf9\xc5{\x9258\xe8p\xa41E\x88&amp;\xcf\xebb\xd1\xfez-\\\xa5\x7f\x90\x94G\x0e\x14\xcd\xa3,\x90\x8c\xdbTXm_\x08,\xc5\xfb\xb2"+\x8a\xc1I;\xfe0\x18\xf9$)\xccV\xe9\x86\x1a\xc8\xc2Y\x93\xbe0\\\x908\xf2N\x10\x9e\n\xab\xf5\x95\x90Y\xa5O\xc6\x87:\xf7\xf7\xdd\xa8\x08.\x8f\x01\xa7\x929\xf6\x89*\x98\xee6)E\xa6Y\x13\xd4(h\xe0\x98\xf0\x83"B\x83\x988\x1c~v\xc5\xc8\xf8\x0f2*6\xd0\xe0\x7f\xbe\'\xf7\xd6\xd4\x18\xce\xd97\t\x0e\xc4\xbf\xbev;\x87\x17\xaa5q&amp;\xe0\t\x92\x9e\xd0\xe4}\xd5\xf5A\xdcTcz\xe5\xf1\x92\xd8@\x11\xcd\x13B\xa3\x02t\xa5\x16\x16V\xf6\xc8\x01\xd4\x95\xdc\xa1d\tm\xc9k\x97.\xf9\xa5\x94\xaf\xb8`\xef\x8a\x98\x0f0\x00\x07\xf1k\x9aEi\xdc\x8f \xeeZ(\xd1O@(\xb0\x02KY\xcb\xfd^r\x85\xf3G\x9b/\x08\xa1(\x05\xa1\x00\xc5\xc0{\x90\xbc\x86\xc9$p\x0fv\xcc\xc1\x96aHHFg_\x02\x8c\t4xd\xf5\x16A\xde\xa3'</t>
  </si>
  <si>
    <t>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</t>
  </si>
  <si>
    <t>b'\xb6a\x10\x98\nI\xc3\xccNs\xfbUz\xdc\xd6\x03'</t>
  </si>
  <si>
    <t>the sense that it was dependent on a higher, external cause. Or, once more, one
could distinguish between eternity and sempeternity (or indefinite duration as opposed to unchanging existence). Proclus concludes that the world is â€˜â€˜in virtue of its
body, wholly becoming, and yet Plato bestows on it another aspect, its quality of
being not originated, since the world is also a godâ€™â€™ (in Ti. 1.276; for a discussion of
these lists, see Sorabji 1987; J. F. Phillips 1997: 173â€“96).
6 Conclusion: Philosophy, the Sacred Activity
It would be wrong, however, to end on this scholastic point, though the issue of the
worldâ€™s eternity was actually highly fraught and became the basis of a heated dispute
between philosophers and Christians at the very end of Late antiquity. In fact, it looks
like the last members of the Platonist school in Alexandria had to compromise with
Christian authorities on just these cosmological questions in order to stay in business.
Nevertheless, we should keep in mind that for philosophers of the imperial period,
538 Sara Ahbel-Rappe
philosophy was conceived as a sacred rite: learning, teaching, belonging in the
transmission of wisdom â€“ all of this is part of a larger conception of philosophic
activity, one that has its place, ultimately, in the cosmic scheme.
No doubt the philosopher who best illustrates this merging of scripture and exegesis is
Philo Judaeus, the first century Alexandrian philosopher and statesman who undertook a
vast (48 works survive; the majority are in Greek, but a significant group only survives in
Armenian) defense of Jewish religion in the form of a sprawling commentary on the Five
Books of Moses. Philo belonged to the elite of Alexandrian Jewish society. His brother
was one of the wealthiest men in Alexandria; supposedly the grandson of Herod the
Great had to borrow money from him. His nephew became the Prefect of Alexandria,
and we know that it was the very prominent social status of Philo that allowed him to
form part of the embassy to Gaius Caesar in 38, an event we learn about from Philoâ€™s own
Embassy to Gaius. Philo wrote this political essay in the aftermath of a pogrom that
resulted in the massacre of countless Jews living in Alexandria.
For our purposes, it is important to approach Philo with the realization that he
believes that Moses literally composed the entire Pentateuch, the first five books of
the Jewish Scripture. According to Philo, Moses, like Philo himself, received a
thoroughly â€˜â€˜Greekâ€™â€™ education in both science and philosophy in Egypt at the
court of Pharaoh. This education in the Greek curriculum was possible because it
was Pythagoras, who as we saw founded Platonic philosophy, that brought the
Hellenic tradition to Egypt during his travels. Thus the two traditions, Jewish and
Hellenic, are really branches of the same primordial stream of wisdom.
His On the Creation of the World, actually a commentary on Genesis, follows the
Antiochean interpretation of the Timaeus (recall that Antiochus was that notorious
synthesizer of Platonic and Stoic tenets whom we first met in the Academica of
Cicero), according to which two constituent principles, an active or divine cause,
and a passive or material substrate, are completely fused and present in each other
throughout the whole of nature (Cic. Ac. 1.24, with Sedley 2002: 48â€“50). Compare
these excerpts from Philoâ€™s On the Creation and Ciceroâ€™s summary of Antiochean
physics:
When it came to nature . . . they spoke
in such a way as to divide it into two
things, so that one was active, the
other at this oneâ€™s disposal, as it
were, and acted upon by it in some
way. In the active one they held that
there was a power, in the one which
was acted upon just a kind of matter.
(Ac. 1.24.1â€“5, tr. Sedley)
But Moses, who had early reached the very
summits of philosophy and who had learnt
from the Oracles of God the most</t>
  </si>
  <si>
    <t>b'\x8d\xd1\xf5\xee1\xb3{\xbac\xe8\xb7\x9b\xde\xcf\x12\xe1\xdd\x97\xd8"G\xe2\x90\x95\x00\x13\x00r\xaf\xe6\xf6B\xae\xca\xc0M\xa35\xc6&gt;\x17\xf6A\xda\x05]\x05\xb2\x18\xc2\xbf+hg\x1f\rR\x8c\xd5E\xb3O\xa7dM \x1fj\xc6N\x8c\xfbj\xcfp\\Vx\xf4\x9b\x1d\xbd\xa7F\x1aF\x1c\x8c\xfbnx%a\x10\x84^9\x95F\xc9\xae\x02\xac\xb6\xab\x17\xcd\xdb\x0b\xe3\xc43{\x11\x8e\xb11\xff\xb0\x13\\\xa6\xfa\x02v\xb8\x1c4\x96\xfaC=\xf9i\xca8\xda}\xa4H\x06sI\x12\xc7:\xa0\x15\x01\x9f\xc2\x8b\x0b\x9dG"\xb4\xa9\x1e\xd2i\xd6O\x16\xd8y\x0eYS\xf4\xf4\x0e&amp;\xe3)AS\xf3\xdc?/(\x96\xcf\xff\n\x13\x12\x179\xf7\xc6(\x97\xe9v\t\xda\xab\xd7\x93\xa5\x98\x96|X\xea\x0c*\x8e\xe9\xf05\x81\x17\xfd&lt;\x96\xb9\x90\x16\xc3?\xb8\xaa\xd9/j\x8dh\x91q\x062\xd7J\x03\xe7&lt;\xdfr\xf0\x90^\x1f\xc4\xee*BND\xe7I\xf2\xbd\xc2H\x88\xb7hakgn4d\xa7\x15\x0cP\x11\x01\xd2\xf0\x83Le\xcd\xe8\xa4\xb7\x07\x01K\x15\x8c\xb2\nVt\xd5B\xe3Ky\xb4\xb6c\xb9h\x98\xa0\x92&gt;\x18y\xf0!+t\xe3\xbb\xee\xe4\xc6\xc4i\x8da\x1b\\\x92\xac\xb4\x13u\x7f\xcc\xe4\\\xa8O\xcc\xea\xec\t*9G\xa8\xea\x81\x0cW\t\x86q\xd8\xf6\xbd\xda\x86\xc33\x89\xe8\x99|\x8e_\xdc$Q#\x86\xa8@\x0bY\xad\x86\xbaou\xf5\xcc+\xa0\x90G\x99N\x86\x97\xcd%\xe8\xac\x90\xc7\x10B\xc0[\xe1\x16F-\xe6Y\xfbi\xba\xe2_\n\xcfX\xa7\x93\xcf\xf1\n`M\xff\x1fD\xf3.W\xd5\x14[\xc4\xcc\x16&gt;\x84a\xfc\xe1\xd9\x17\xd9&gt;\xb9zy\x86T?2\xdaF\xa8\t\xeeT\x03\xf0Qq\xf4+\x11\x92p|\xb0\xe7\xa7\x9e=-k~\xdb\x8f\xb7\xca\x08T\xd3\xf6!\xd8\x7f\xed\xc5\xc5T\xacZ\x05\x88\xa1\x06v\x14\xdc\x9bRU9\x03\x8a9C4\x96\xe1R\xf8-6H\x9e3d\xe6\xdf\x8a\x11I[\r\x9bb\'\xbe7\x03\xef\xa7u\xad\xd1:\xd4\x91\xff#\x90\x7f6\xfe/\x8f\xaa\x1di\r\x92Hz\xa6\xac\x15\xa6\xd4\xc0t-\xee\xcb\xf5X6adIl\xd2+0p\x83\xc2\xce\\.M\x928\xd3\xf9\x0f\xdd\x87"\x8a\x85\xd58\xe0v\xb9\x81\t&gt;.\x0b\xc1\xd7=\xf9&lt;\x18%\xf1\xea\x1f\xdf\xae&gt;\xc4\xd9\xac\x98\xd6\xaeN0\n\xe8E|F"\rw\xf9\x13\x110\xcb \xe8\xb0M\xfe5\xf1:E\xa6\xad\x05@\xd14eg\xc5\xa5T\x15\x83\xfdK\xaaUN\xfd(\xd5\xf6\x04\xdc\xfbU\x02&lt;\xb7Ql*nDD\xbe\x8c\xc6\xaa\x07\xb6\x7f\x99\x99\xe6F\x81\x9f(=\xea\xb9~\x82\xf8&lt;#\x16\x88\xf5cf\xb4n\xd2\x9eP\x15\x82~i\x07\'\x98\x93\x14\x16\x00\xef\xba\xb1\xe4t\xc7Q\xe8\x15\x83\x0e\xac~2\x0e\xb5"Xs\xe3c\x88\x88&amp;\x05{\x94\xf4\xbc\xc9"\x01\x9d\xe5Ss&amp;2\xbbN\xe2\x8f\xdd.\xfc\x9d\xb5\xf6\xc5Y\x11O`\xcde|\xa8\xf8C_\xd2\xe9\xa4\xf6\xb8;\x98\x9a\x8d5L\xbc\rp\xcb\xdd\xc0\x16\xf2uR\x1a\x95V,\xe2\xb3\xa4\xf4\xde{\x7f\x90\x96\xe4\x88\x98\xffcaD$\xd0is\xb9p&amp;1\x8d\x8e3\xa5\x18G\xb5\xbd\tQ\xbf\x1a/\xec\x87\x1d\x05MCol:\xdb|\x00n\xb9\xcc\x07a%4\xf8\xff\x82\xf3O\xcc\xc1\xb9\xdcI\x01\xc3\xe1`X\xf1\x99n\xe8\x01X\xb2D\xff\xabj\xe4_\n\x11\x0e\x1b\x1f\xd3\x01\xc0&lt;\xe0\xff\x93.M45C\xa5\xad%\x92\x93}\xe8A1\xb0\xa4\xb5\xed\xf8\xfe&lt;\xb7\xab_\xd56\xe0\x1d\x95F6\x07\xe3p\xbeS\xdem\xe3M\xc5\xee\xa0rg\xfc\x92n\n}\xe9\xa9jH\x05\xc5\xdc\xa4\x01\x8e\x15\xb7La\xe1z}\x8f\xf5\xd4o#\xbe\xac\x90\xc7#v\n2Vu\xce;|_\xae\x8e\xfa{8\xbc\xd6\x13$\xf9b1\x9a\x17\xeeC\x88\x95\x95\x8b\x19#\xc5\xcc\xbd\xef\x92Da\xc1FY\x03Y\x902\xcb^\xbc\x92\xa2\xd7\'\xec\xd9\x01\xc5E\x16\x89~\xd5\xf4\xfcz{\xc4\xe9\xe8F\x82G\xb1\x1fG&amp;Q[\x87\x81\xbe\xdd\x8e&gt;\x8bl\xf4B{\x13\x0fOo\xb5!V\xfe\x8e\xda\x88\xfa\rX\xdf"8\x9a@4-\xe1\xf3\xe4]\xa5D\xb9\x1f\x18\xc8\x11M\xa8\x1f\x89\xf6ZS\xfa\xf4q\xb3\xb1\x0cp\xf5"?@\xee\x9e\x1dO9$\xa4\x86\xfd\xac\xf9\xb5 \xca$\x0f\x08\xa6@\xbb\xcbG\x89F\x98\xb1\x7f\xf1\xfb\xb8\xba\xeb[\xbaS\xa9\xbd\xe7\xdb&amp;\xb7)CP\xac(\x84|\xf9;\x80\xddT\x0f\xc4sfe\xab{\x89\x88u/\xc5G90\x02\x84\xb0-97b\xd3\xe8\xeb\xaarQ\xab\xe9(N\'\x8f\x1e}\xbf\xd0\x80;;\x1dH\xb3\xcf\xf0\xd3]\x15Ixf\xa9\x904\x97\xd4?{\x05e\x84\x9b-\x12\x7fes\x12\xa3\xe1\r\xba\xab\x13q\x89\xeb"\xd6=\x1d\x7f_\x9c\x1e\xdf\x91\xcd\xc2\xa0\x88~cW\x96\xc8\x10\x94\x07\xd6@0L\x01\x9b]QA\xa2S\x96\xf1\xb1\x02u\xac\x92lE\x96Y\x1ef\xfd&amp;\xd9j\xc4&amp;\x96V\x1c\xcb\xe6\x0f\xd2|)6Y\xb3\x07l\x10\xc4Dr\x1a\x04k\xd4\x07%\xf7\x84\x8a2\xdbI\xb9\x8eq\xe5p\x84hq\x7f\xe0\x01&gt;\xe5\xf9\xd1\x1d\xc4S\x03\ri;\xf5P8\'\x8d5T\xd4\x91u\xec+}0T\x1b\xa9\x01vu\xe5 \n\x0e)R \xd9\x1bN\xeb\\{\x89}\rm]\x05\xb2\xca\xbe{K72:\x91{|\x17\xb2s\xc9^\xff\x7f\xd6\x9b\xac\xceDj\x9fT\xdf\x8b\xc5w\xa3\xe6\xe9\xc2\x86\xc4\xcf\x8e?\xcf\xdd3\xd6\xe5O\xb7\xf2\xf8\xfd\n\x1b\xc0\x16\n\xa5\x9e&amp;\xf3\xd5\rrs\xbfKX\x04\xdc\xd0\x06\xb83\'\xcfo\xbb=\x93\x95\x0c\x8b\x91\xba\x14t\x98zo\x8b\xb1t\x9dg=\x05{\x92M8?\xc1{\xb9\xf90\x9ac L\x1d\xb5\x8b\xec\x02\x02t\xb6T\x142-t\xc8La\xd2\x86\xc4\x1c\xf2\x88\xcaRAF\xf4\x8eR\x01\x8b\xe6g[\xa8\xdf\x12\xcf\x89\x9f\x7fU&lt;2\xdf\xb4\x08F\x8dT\xfb{\xe5j\xa7@{\xc4t\xf3T\x13\x82\xac&lt;\xce\x89Y\x86\x12K\xee\xf4\xa5\xcbhD}\xd2i\x0bZ\xbbW\x17\xd8m\xa2C-\td\xea@\xf1\xa0\xa2\xcc:\x83\xcc?FOr\xc7V\xd7p08\xc2\x14*\xbe\x86H\x03T\x90#6\xed4\xcf\x00\x1a\xf6\xb8`\xb3\xc1\x1c7j\xed}\x8at\x9a\x97\\h\xddy,\x9c\x02\xeb\xb5/\xc2\xd5\xc1\xd2\xd8&gt;\xa9\xaa\x8e\x02\xa5\'\xcd\xd3\xd1\x0b\xbc\xb0\xbe\xca:\xc9\xf8\xb7\x1b\x1f\xc5p:\r\x81\xa2@\xe7\xa6V\x11\xaa\xc9\xfb\x1f\xce\x17f\xb8\xb7Q\xfe\xc2\x1b\x81\x83OF\x83\x17\xc0\xd9\xd1\x86\xda\x9c"}N\x13\x10\xc6\xd5\xb5R\xe2\x9c2\xf7\x02\xd3\xfbL\xea\xceQ\xb7\x9f\x05\xd6N\xb4(C\xb6;\xb8\xae\x06\xe3gSi\x8aJ\xeeE\xc4^L%sLi\xa1\xda\'\xad\x81n\xfd\x13\x06G\xa6\x99\xa8\x81\x93V\x16tQ\xd2\xd3\x0f\x06\x07\\\xbai&amp;(W\xc4_p\x0b\xc2\xa2;\xdd\x0f\xf7\xecp\xbemQ\xfdN\x85\x93Ro\x99#\xb6\xcf\xda(\xbd\xd7\x04[\x8d\x8c\xc9\xd0"|\x8cK\xf5u\xc1\'\xda\xa6\xc3\xed\x83\x82/:\xb3\x92\xee\'\\|\xb8$\x9dV\xb9\xb3\x9bO\xb1\x08\xdf\xc6p\xa1\xed\xf58Hftu_W\xea\x99V\xcd\xc5\xac&amp;\xfdD\x8d\xa7\n\x02l!\xbd\x17\xba\xe5:\xf8\xd6\xd2\n\x93z\xaaa\x86\xf6\'&gt;\x13\x19t\xbf\x11M[F\xa0\xb6\x1dvr\xe7\xfe\xd4\xc3(\xdf\xd9\\M;"d\xa2\x90\xaf\xe97\x1d\xab\x93z\x0f\xe8\x82\xccS\x9c\x9a\xd0u1\xfa\x1fL\xc5=\xa9\xe4&lt;\xd7"\xdd\xc5\x18+\xf89T\x85\x88i\x83d\xd7Y\xc7\xe1p\x07\x10I$\x07:\x19\xe1\xb8\x00O\x8b\xc7\xb8\xdbe\x9d\xdd\x04\x85\xd1\xf8W\x8f\xda\t._\xd5\xad\xad\xe3Pz\x04\xea\xb8\xec\x9cWM(~\xed\x13\xe6\xe10\x8f\x0f\x9bI-i\x1f\xe8\x82`\x01\xb9\xf4\x15=\xd7n\xa2\xfa\xf5Y\x9f6\x01\xa5\x1e\xd7\x0co\xfa\xd9.\xb3\x89\xecL\xff\'.\xfd\xbf\x02\xa3&gt;QE\xa4\xd7j8\x96\x13Q\xc2x\xbb\x133\xca\x8a\xd3\xea\xff\x8a\xd9\x86\x02k\xf0I\x93\xb2R\x8f\xd9\x1fe|u\xd5\xd0(;\xaa\x9b\xd2/\xf4\x04O\r\x7f\x0e&lt;2\x80\xfb\x0b\xf1\xdc.;%\x0f~\xde\xd4\xcd\\\xd6@\x18\xca\x19\x13\xe1\x05\xe30\xe4\xafk\xef),:\xa8\xaeh\xb2\xd4\xe2\x06\x10\xd3t-&gt;\xe2\x92fsF\xd1\x1f\x00\x96\\\x8e\x19y\xbe\x1cO\xb2\x90\x01\xf1{\xd8\rA\xf6\xb8F\xfe\x7f\xd4\xae\x1e\xa1\xa4A\x97\'\x9a@S\xd5\x9buZ\xf0\x17\xf8\x1e\xa8\x07\x84Sy4\xc0\xc3\x010J\xb6\xca\xe8\xc4)\r]\x81q\xa5C\x0by\x8e\xf1\xcc\xd4\x11\xee\xad\x80\xa6\x10I\x1c\xa3\xaf\x8b\xd4@S+\x97+\x0e\x17\xees&gt;t]\xae!9\x97r\x12\xcb\xb7\'\xd7\xdf4\xca\x82\x86.\x94\xd0P\x0e\x8b\xcc\xf5\x9b\xa6\xf2\xb7\xb2\xc5\x92\x06Eg\x8c\x00\x1c\xcd\xd1\xbd4\xf76\xc2f\xb0\xdbKQ\x98\x9e\x16!\xc3\x08\xeb\x0b\xb3\x8e@\xafQ\xc2&amp;\xb9})\xabk\xc0\xcaU\xe4N?5d,\x10[\x9b\xa7\r\xd7\xe1\x0b\xfeP}\xca\x08RX\xdf\xc4,AA1\x87G?4\xf1L\xb8\xd3*\x95$\x1c\x02\xe2\x0f\xd5\xa7\xd0r\x00\x02\xfa5\xaa\xeb\xcd\x1fA7,\\}3\xdd\t Ri\x02B\xeb\xe7{\xe1Q\xa2\xa7f}\x1dl\n|&gt;3c&lt;\xc1\xfe\xce^:\xfc\xd8.\xfdf\xc8\x82\xc9H?\xc6\xccW\xf2\x18\x8e/\xc9\xb3\x0b\xebv\x88 {Bk2C\xbd\xaeS$\x13\xb1\xe9\x06\xa1RQi\xc2\x9d\xfd\xbd\xd2\xf6\xb4\xf9&amp;\x9a\xd1\x0c\xfd\xdb\x95\xa0bl\x14\x95\xae\x82N\xe4]\xdf\xca7kg\xb8$I\x82w\xb3\xd3\xc7p\x84k~[\xbe\xc4\xd8\xba\x8d\\\x84\x85,fn\x96/\t:\x9f\xec2\x1e?\x14\xa1T\xe3\x93\x82\x00\x9eFVF\xf5-v\xf1}z;\xd5\x19\xbe:\xb0uK!\xf8\xc2\xda\x037-\x93K\xa3^7;\xa6qmXWE\xd3x)\xa6\xd4\xfb)\xbf\\\x1e?\xf0\x07\x93n\x84\xf9\xb6%\x8f\xbb\xc9\x16\xddQ\x1e\x07\xf0"\x83\\R\xe8\xcc\x84V\x16\x05\xc3d\x1f\x11\xab\xd9[\r\xc5r\x89\x16\xee\xf0\x7f5[3\x8e\x19\xbf\xf7+\xc6\r\x05(\xd6S\xb8\xd8t\x9a\x1e7\x86\x14\xbaX\x94\xf0\x80\x96d\x8ec[D\xe0r;\xa9\x1a\xc6\xb9n2\x04\xd2\x8a\xfb\\\xc47A&amp;o\x96 \x84&amp;k;2\x8d\xf7\xba+\xc3\x84s\x1c\xc5\x8d\x82\xdd\x85B8\xf9r\x9bS8`\xe5\x8f\xed\xb7pY\xaa.\xdc\xef\xeb\xc5\xe9\xac\rM\x8a\n\xd4Uq\x93yu\xfb\x03Y\xa6\x90\xd8\xa2\xc7]\xa7\xa4\xac\x18\x95M\xc8m\xe9K\x84S\xc4\x8c\xc9\x86mX\x8a\x97t\x7f\x1b\x93\x00\xba`\xaa\xba\xa4\xbe\xbd\xdf\xa7\x05:\xfaM\xd98=\xeb\x9b\xb1\x15\x9e"9\x930\xbe~\x807I\xd9S\xca\x05\x91\x1d;$\xfe\x96\xae\x03\xaa\x03\xfag\x1d3\xe6\x06\x0b\x17\xd0u\xdb\x12Uz \xf46`u!\x85\xfd\x02\xc74\xdc\xa3\'\x95\xdd\xc7\x95~\xcf\x17\x81?\xd0\xbe\x06\xd1\x05\xb6\x04\xb1:k\x91\xefO\xa5/\x10h\x92\xa6\x83b9^\xe7(\x0fK3N\xac\xecA\x12\x12\xfb\xc5\xa2\xbaJ9\x0b\x15\x1d\xe1\x0b\x1a!\x19r\xb1\x8b:{d\xdc\xc9\xea\xd1?\xb2\xd1Wt\x14G\xa7*i\xfcY\x9d_\x9b\x9d\x15\xf0\xdc-\x96XB\xe1x\xf7\x99N\x9a3:$~\xbb\xd7\xa4\xecl\xcce\x9d\xddP6{\xc6\xc5\xa0\xb7"R\x7f,lI\x1d\x9d\xd56+\r\x1f\xc2\xdfC\xc0f\x0c$,\xb3K\xd2\xe3&amp;\xec~\xe1\x92A\x0153\xcb\x1d\xe5\xd9W\xa0g\xf9\x9c\xa3&gt;\x1a\xdd\xe2$\xf2P\x93\x11\xc1\x00\x98\xe0\x10&lt;\xafZ\xf3\x03\x8b\xd5y\xd7\xc6\r\x91\xcb?\x08"\xabm%\x17\x9c\xa4\x95\x1eh\xb5\x98\xa89eD\xce\x90\x7f\x83y"\xf4\xf4\x0b\t\x90e\xb4\xd5\xb9F\x9aoP\x01e\x16\x9b\xfbqt\x9fM\xb7\xa6\x915\xb6\xcbzp\xc4LhB\xa4\xfb\xa49\x8f-I\x90`~Tj\xea\xe3\xbf\xc7\xfa:\xbd\xaaz7\xed\xaf\x07\xbf\x00\xe2A\x83\xd3\xb5\xaa\xfa\xddT\xea\x9e\xc1\xa2\x9aG8\xd4\x9f\x97\xc6\xaf\x98\x0f4}\x7f\xae"\x05!\xc6rG\x8aW@\xbb\t!\'\xfd\xb4\xd1\xee\xe1\xf1\xd4\xec\xee\x0b\x11\xf9\xcb\xa0\xf5a7\xd9\x81\x94\xfdeHD\xf7L\xe2\xe0\xe0\x80\xe2\xb116LP\x1a\xb9\x7f=t\x8d\x99j\x1fy\xa9\x83\xb0\xfdc\xee&lt;\x7f\n\xbb\x1a?P\xfc\x11\xd7{N\x06Ij\xb1c7\xb6\x8b\xb2\xf4\xbd\xa4\xf6l;\xe7Ta\x00\x8f-\xc4"\xd6}\x86\x87g\xe8d;\x970\xd0\xba?\x1ak8f\x97\xfd\x82R\xa0 \xd9\xe1-\x13\x9c\xd5\xd3+i3:\x94\xe9\xcf9y\xcf\xc8EI\xb8\x9b&amp;l\xfb\x91\x10\xf6&lt;\xaf[|\xd1k\x1bE|\xb7\x13\x8e\x98\x072\x89\x88\xd5\xbf\xbc2\x81\xaf\x8b\x05]p\x8cW\xf4 t\xee6~\xa1\x83Zs\xcfH\xd2\x0b\x88\x08Y\x93QB\x84\xbc\xf7\xf7v\xdc$\xa3J\x14\xa4\xfb\xf4i\xf9\xdb2Z\xfe\xa9\xe2\x82\xc4\xc6\x87\xd0\xc4\x81\xbd\x0b\x88\xf8\x06\x94W\xe0\xbf\xed4\xec\x08\xc0\x9e\xe2\xc7Ki\xbb\xe8l\x1e?1]\xde`\x08\x97C.\xd5\xf1~\xb1\xc6\x89\xfb\x0f\xc5\xafi?I\xc0\x90\x89\xe4\xd36\n\xa9\xfbx\x9f\x95%\x1e\x9a\xf7.\xf5A\xe1\xa4\xf1\xfb\xafL_\xa2\xf8\xf9\xf49)2:\xab$\xeeN*\x1e\x98\x90\xb5\xbc\xceLD\x12%\xd7\xd7t\xf2\xef\xee\x9d&gt;\xdf\xbb\x85Q\x01O4D\x99y\x82G\xa1D\x17\xc1P\x85\xc6\x85c~\xaf\xb8*{XAX\xf5K\x02\xc7\xf42\x0c\x04\x85+\x1b\x80\x02\xf9?\xe7\xa5R%\xd9TF\xcd\x9a\xf6\xc7\xd8\x96P\x86J\xee\xb0\x18"r\xa6\xad6\x9d\xd8\xcc\xca\xdb\x98\x0c\x00\x05\xee\x9c/\xbb\xd2N\xd5\xd8\xac\xe9X\xfc\xa2kS]\xe9\x85\xb0\xb1\x96.\xac\x957\x7f\x91#\xf9E\x06\xbd\xb8\xf1\xde\x18\x97v*-j\x95\xd3(f\x87\x93\xa2\x92\xb0!\xc8M\xe4\xbb\x1d~\x9e\xe8F\xc4m\x95\xf0\xef\x9b\x90\xb3"\x8d\xcd6\xb4b\x88\xfe\x8a\xc5j\x19\xeb\x16o3\x87\xaf\xf3\x802\x87\xa6f\xd6\xe9d\xe4_iJ\xd1\xa9\xa0\xaa\xbf\xb0\xdd\x18q\xfb\xfc)\x1e\xd4\xd3a\xd7Y\xfc/\x0bL\x11\x9a\x12\xad\x10\xff\xc9\xed\xc2\xe4\x95\x88\xe7\xc0\xf1\xf7\xc7Y\x98\xb3\xc3\x8f\xba\xd9\x16\xd2\xfd\x98)+\x9c\xfbRi\x82\xe10r\xad@\x1c\x83\x87m|\xec3\x11\xdd{\xc1\xcdm\x1c\x8aIF\xef\xefp\xe5\xf96\xe90\xfd\xea\x11\xf3\xd3\x1bSF\xe7Nh\xb6\x97\xcb\x86a%\xf30\x0c9\xbex\xb2F7\xef\xf7|\xc1m\x1b:\x86\x02\xb9\x7f\xe8}\xe5\xf55\xfd\x8ccC\xf0\xc7\x9e\xd6\x83)\xfc\xab\xd1\xc8=\x9b\x18\xa8{\xd2I\x87*\xc7E\xae\x0b\x9a\xccW\xed\xe1a\x01h\x1c\x9b\xe3f\x92nW\x13h\xec\x89\x07\x99\x9e&lt;\x8dMd\xdd\xddEDy\x9e\xa1I\x8d\x16\x99\x01\xf6\x18\xc4\x15\xbc7\x06\x08\xcc\xd5\xebJ7S\xdd\x80\x99\x8a.\xc6\xe8\x89\xc5\x88w\xd3\xcbR\xda"\xe7]\x007\xfd\xf3\x8d#\xd4\x13\x03\x9b\x89_L\x0f\xc9\xc9Y\x8aP\xbd\x03\xb2l&amp;\x00\x82\x9f\xae\xcc\xb1\x06\xf9\xdd\xf1\xddj\xd6\xcaj\x16`G\'x\xbeV\xb4c\x1f\xbfc\x98H%9\xe0\x94j\xac\xd3N\xf5.\xccW\xfd\x1a\x84\xa3\xffg)\x9c\xa0\x96\xae\xbc_\x95\xbeb\xa9'</t>
  </si>
  <si>
    <t>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</t>
  </si>
  <si>
    <t>b'\x8d\xd1\xf5\xee1\xb3{\xbac\xe8\xb7\x9b\xde\xcf\x12\xe1'</t>
  </si>
  <si>
    <t>n 2),
  and here it appears squared. Ordinarily, then, one should expect electric dipole
  radiation to dominate. Only when the system is carefully contrived to exclude any
  electric contribution (as in the case just treated) will the magnetic dipole radiation
  reveal itself.
  Problem 11.5 Calculate the electric and magnetic fields of an oscillating magnetic
  dipole without using approximation 3. [Do they look familiar? Compare Prob. 9.35.]
  Find the Poynting vector, and show that the intensity of the radiation is exactly the
  same as we got using approximation 3.
  Problem 11.6 Find the radiation resistance (Prob. 11.3) for the oscillating magnetic
  dipole in Fig. 11.8. Express your answer in terms of Î» and b, and compare the
  radiation resistance of the electric dipole. [Answer: 3 Ã— 105 (b/Î»)4 ]
  Problem 11.7 Use the â€œdualityâ€ transformation of Prob. 7.64, together with the
  f
  ields of an oscillating electric dipole (Eqs. 11.18 and 11.19), to determine the fields
  that would be produced by an oscillating â€œGilbertâ€ magnetic dipole (composed of
  equal and opposite magnetic charges, instead of an electric current loop). Compare
  Eqs. 11.36 and 11.37, and comment on the result.
  11.1.4 Radiation from an Arbitrary Source
  In the previous sections, we studied the radiation produced by two specific sys
 tems: oscillating electric dipoles and oscillating magnetic dipoles. Now I want
  to apply the same procedures to a configuration of charge and current that is
  entirely arbitrary, except that it is localized within some finite volume near the
  origin (Fig. 11.9). The retarded scalar potential is
  V(r,t) = 1
  4Ï€ 0
  where
  Ï(r,t âˆ’r/c)
  r
  r =
  z
  r2 +r2 âˆ’2rÂ·r.
  r
  râ€²
  r
  dÏ„â€²
  dÏ„,
  y
  x
  (11.43)
  (11.44)
  FIGURE11.9
 478 Chapter11 Radiation
  Asbefore,weshallassumethatthefieldpointrisfaraway,incomparisontothe
  dimensionsofthesource:
  approximation1: r r. (11.45)
  (Actually,r isavariableofintegration;approximation1meansthatthemaximum
  valueofr ,asitrangesoverthesource,ismuchlessthanr.)Onthisassumption,
  râˆ¼ =r 1âˆ’rÂ·r
  r2
  , (11.46)
  so
  1
  râˆ¼ =1
  r 1+rÂ·r
  r2
  (11.47)
  and
  Ï(r,tâˆ’r/c)âˆ¼ =Ï r,tâˆ’r
  c+ Ë†rÂ·r
  c .
  ExpandingÏasaTaylorseriesintabouttheretardedtimeattheorigin,
  t0â‰¡tâˆ’r
  c , (11.48)
  wehave
  Ï(r,tâˆ’r/c)âˆ¼ =Ï(r,t0)+Ë™ Ï(r,t0) Ë† rÂ·r
  c +... (11.49)
  wherethedotsignifiesdifferentiationwithrespecttotime.Thenexttermsinthe
  serieswouldbe
  1
  2 Â¨ Ï Ë†rÂ·r
  c
  2
  , 1
  3!
  ... Ï Ë† rÂ·r
  c
  3
  , ... .
  Wecanaffordtodropthem,provided
  approximation2: r c
  |Â¨ Ï/Ë™ Ï| , c
  | ... Ï/Ë™ Ï|1/2
  , c
  | .... Ï/Ë™ Ï|1/3
  , ... (11.50)
  Foranoscillatingsystem, eachof theseratios isc/Ï‰, andwerecover theold
  approximation2.Inthegeneralcaseitâ€™smoredifficulttointerpretEq.11.50,but
  asaproce</t>
  </si>
  <si>
    <t>b'8O(-,B\xa3m\xbb\x9f\x14\x0frb\x88\x11\xa8\x06\xeb\xf6y}\xe7o\xcaz\xad\xddS\x012-'</t>
  </si>
  <si>
    <t>384f282d2c42a36dbb9f140f72628811a806ebf6797de76fca7aaddd5301322d</t>
  </si>
  <si>
    <t>b'8O(-,B\xa3m\xbb\x9f\x14\x0frb\x88\x11'</t>
  </si>
  <si>
    <t>en; Mary will know how to spend it."
 Jerry thanked her and seemed much pleased, and turning out of the station we at last
 reached home, and I, at least, was tired.
 104
 Chapter 44. Old Captain And His
 Successor
 Captain and I were great friends. He was a noble old fellow, and he was very good
 company. I never thought that he would have to leave his home and go down the hill;
 but his turn came, and this was how it happened. I was not there, but I heard all about it.
 He and Jerry had taken a party to the great railway station over London Bridge, and
 were coming back, somewhere between the bridge and the monument, when Jerry saw
 a brewer's empty dray coming along, drawn by two powerful horses. The drayman was
 lashing his horses with his heavy whip; the dray was light, and they started off at a
 furious rate; the man had no control over them, and the street was full of traffic.
 One young girl was knocked down and run over, and the next moment they dashed up
 against our cab; both the wheels were torn off and the cab was thrown over. Captain
 was dragged down, the shafts splintered, and one of them ran into his side. Jerry, too,
 was thrown, but was only bruised; nobody could tell how he escaped; he always said
 'twas a miracle. When poor Captain was got up he was found to be very much cut and
 knocked about. Jerry led him home gently, and a sad sight it was to see the blood
 soaking into his white coat and dropping from his side and shoulder. The drayman was
 proved to be very drunk, and was fined, and the brewer had to pay damages to our
 master; but there was no one to pay damages to poor Captain.
 The farrier and Jerry did the best they could to ease his pain and make him comfortable.
 The fly had to be mended, and for several days I did not go out, and Jerry earned
 nothing. The first time we went to the stand after the accident the governor came up to
 hear how Captain was.
 "He'll never get over it," said Jerry, "at least not for my work, so the farrier said this
 morning. He says he may do for carting, and that sort of work. It has put me out very
 much. Carting, indeed! I've seen what horses come to at that work round London. I only
 wish all the drunkards could be put in a lunatic asylum instead of being allowed to run
 foul of sober people. If they would break their own bones, and smash their own carts,
 and lame their own horses, that would be their own affair, and we might let them alone,
 but it seems to me that the innocent always suffer; and then they talk about
 compensation! You can't make compensation; there's all the trouble, and vexation, and
 loss of time, besides losing a good horse that's like an old friendâ€”it's</t>
  </si>
  <si>
    <t>b'\xf2)\xf6\xa3\x91 \xb6j'</t>
  </si>
  <si>
    <t>f229f6a39120b66a</t>
  </si>
  <si>
    <t>restrictions on apparel
 imports. The gains that more affluent consumers would realize if more imports were allowed
 and the associated increases in employment in the export sectors (which hire, on average,
 relatively higher-skilled workers) do not matter as much.
 6
 The argument that trade is beneficial because it enlarges an economyâ€™s choices is much more general than this
 specific example. For a thorough discussion, see Paul Samuelson, â€œThe Gains from International Trade Once
 Again,â€ Economic Journal 72 (1962), pp. 820â€“829.
 66 PART ONE International Trade Theory
 Does this mean that trade should be allowed only if it doesnâ€™t hurt lower-income people?
 Few international economists would agree. In spite of the real importance of income distri_x0002_bution, most economists remain strongly in favor of more or less free trade. There are three
 main reasons why economists do not generally stress the income distribution effects of trade:
 1. Income distribution effects are not specific to international trade. Every change in a na_x0002_tionâ€™s economy, including technological progress, shifting consumer preferences,
 exhaustion of old resources and discovery of new ones, and so on, affects income distri_x0002_bution. Why should an apparel worker, who suffers an unemployment spell due to in_x0002_creased import competition, be treated differently from an unemployed printing machine
 operator (whose newspaper employer shuts down due to competition from Internet news
 providers) or an unemployed construction worker laid off due to a housing slump?
 2. It is always better to allow trade and compensate those who are hurt by it than to pro_x0002_hibit the trade. All modern industrial countries provide some sort of â€œsafety netâ€ of
 income support programs (such as unemployment benefits and subsidized retraining
 and relocation programs) that can cushion the losses of groups hurt by trade.
 Economists would argue that if this cushion is felt to be inadequate, more support
 rather than less trade is the answer. (This support can also be extended to all those in
 need, instead of indirectly assisting only those workers affected by trade.)
 3. Those who stand to lose from increased trade are typically better organized than those
 who stand to gain (because the former are more concentrated within regions and
 industries). This imbalance creates a bias in the political process that requires a coun_x0002_terweight, especially given the aggregate gains from trade. Many trade restrictions
 tend to favor the most organized groups, which are often not the most in need of
 income support (in many cases, quite the contrary).
 Most economists, while acknowledging the effects</t>
  </si>
  <si>
    <t>b'0D\x02 /\xe4\x8f\xcf\x1e\x15ad\xf8\xb3\xb9/\xee\xaaNz\xd0\xbfRf\xd6kN\xf4\x08%\xd1L\xb57&gt;F\x02 \x14\xae{7\xe3R\x1f&amp;\xa7d\xad\xa3~1\xafRU\xa7\xfd8eW\xbeG\x04\x98}\xd1\x9b\x89kL'</t>
  </si>
  <si>
    <t>304402202fe48fcf1e156164f8b3b92feeaa4e7ad0bf5266d66b4ef40825d14cb5373e46022014ae7b37e3521f26a764ada37e31af5255a7fd386557be4704987dd19b896b4c</t>
  </si>
  <si>
    <t>b'0D\x02 /\xe4\x8f\xcf\x1e\x15ad\xf8\xb3\xb9/'</t>
  </si>
  <si>
    <t>I waited in a long
 registration line to check in at the conference. I had no idea what to expect
 there; I was only hoping that I would meet some people who could help open
 opportunities for me. While I awkwardly stood in line among entrepreneurs
 twice my age (and probably ten times as successful as me), I felt a tap on my
 shoulder.
 â€œHey, dude!â€
 I turned, and there was Travisâ€™s friendly face again, fresh-eyed and
 somehow far more awake than me.
 He remembered me. This was a good sign.
 â€œI want you to meet someone,â€ he said. Travis pointed to some kid who
 was rounding the corner. We met glances and froze. We were definitely the
 only kids under twenty-one there.
 Travis said, â€œYou guys are probably the youngest people here. You
 shoul</t>
  </si>
  <si>
    <t>b'D\xaaa\xf6\x8b\x1e\xce\xf6\xb7\x8a\x13\x9a\xb4\xba\xcc\x19\x85\xf9Cl\x0fQ \xa0\x98CX\xfc\xa5\xb0\xcd\xf1\xce\x0e\x16\xd4\x81\x8c%-\xd0c\x02\x13|FJ"\xa4\xb8L\xb6\x80\xd3\xe0\x8e\xf4\xd9\x9b\x87y\x96Y \xa3&lt;\xcb\xc6\xab\xae\x0f\x9c"\xb1\xf8\x96q\x1aj\xa5v\x91Y\x06h\xc4S\xfa#\xd6*\x8b)\xe0x;5c;\xd2o\xbf\xa1\x98\x16\xae\xb2*O\xb8\xe4\x12(8\xb0\x8c\x9d\x0eD`\x82\x8b^\xa3\x1f\xe2\x8d\x96r\xc7\xf2\x08\x9e\xd5\x91&amp;\x98\xb3&amp;\xce\xcaT\xa5\x8a$[5\xe5\xff[\xbf\xe7m\xdc\xd3\x10\x98J\xac\xf7APZ\xfd\x943\xa9\xcc\x87/Qk\xf2\xa3m\x07x\x85\x81\xf5\xf0,\xb9\xeeF`p\xfaG\xfb\x14\xcc\xaf4\x8bP7\x9f\x02@\'\xf8\x16\xdb\x84\xebL\x81\x0b=\xc6\x1f5\xf1\x7f\x19\x05cg\x87\xad\x02\x0baS0h~\xb8DL\xbd0\xf2\xb9YT\xa9\xd6gz\xaa\x89\x04\xb5N\xf3N\x8e\x12\xec\xf6\x16\xe5\x95\x93\x82zq\x88\xc0\xe3\xd6\x89x\x99V)\x0b$\'\x0c?\xa9\xc9:\x9df\x08\xe4J\x08\x01\x83\x02\x9eu\xef\xb6\xe5\'_s%\xf2\xd7\xc2\x9e\x04\x8f\xf3"8\xd4|`\xf5\x96\x94\xac\x1e\x87\xfc8\xc4\xcc\x01\xb8\x8d\xd2\xc8\xe0\xca}V\xf6\x08\xe6H\r\xaa\x91\xb1\xa3\xf9&lt;a8\xc3`\xe1\xe6\x87\x99Y\x8cM\xba\x10\xb6"\xdb\n:\xaf\xf5Gs\xfd\xf6F\xd9\x99\xf1y\x10\xe3\xa1\xb2_B\xf8\x11\xf3\xd4z\x8bnl\r\xcb\x05\xf4dEia\x91\xd8Q\xd8\xbc\ty\xf0\x89o\xe5}\xfd\x83! \xed\xe6M&lt;\x87\xc5\xea\x03\xc5.\xccM:e\xe1\xd7\xef6`E=\xb8\xc2\xe9]\xc7\xf3\xb9\x16\xd3\xbb\xd6]\x0e\xf3\xe7\\\xb9"d\x01@h\xce\x91O\x01\x16\xbfP5d\xe5\xff\xe21\xa3\x8e7\xfe\xc1\xdb]\x85\xb8348\x04o\t\xcf\xd8r\x8cH&lt;\x1b\x82\xa4%\xc7V\xf7\x8c\xbe+#\x80\xc6\xc8\xc0\x1b\x9d\xb1G\xba\xb9o\x1f%T\x06j\x93\x1f-oY\xb1\xbf\xe2\xc5\x9e*c\x8d\xed^[\x05\x9c\xda\x06qvp\x98\xb9;\x18\xf1\xd3\x1e\xaa\xe5\x1cg\x83uJ\xa2\x1e\xad\xe8?\xafNj&lt;\x12\xa9\xd1j\xab\xe5?Se\xdc \x12\xb8RE\x95n\xfc\xf0\x8f\x1bJt:\xe5\xc4*\x05O\xcdf\xaa\xaf\x8d!\xb9\x86j\x086\x1fkN\x10\xf7\xe7\xcaR\xcc\xfd\x9bo8g~\x8d\xc6I;"\x97v\x02\xf2\xb9\xbe\xe3\x12\x9b\xb9!\xc7\xbb\xd6\xb7\xd2M\xcb\xfb\x95\x07\xc56\xff\xc8&lt;\x82\r\xcdO\xdc\xcd\x9a\x82sl|\x8fd\xc9Z\x01\xd0\x9a\xf0\xcc$\x9b?\x04\t\xf2\xb7\xce.\xce\x92\xb8\x95"\xe6C\xe6\xf0G/\xe3\x00\xe5\xc0o\x081$\x0f|\x80\xcb\xaf_\x13DRAR\xc5\xb2\xfd\xa0\x8e\x9d\xf4\xd7~\x8b\nZo\xd0\x89n\x9f\xe7q\x90\xc5\x9e\xbd\xd2\xe2Iu\xdf\x17\xb9\xb4b\xbeN\x0eI\xf7v\x9d\x18\x7f\xb8h\xbeP\x1a\xba\x0bo\x04\xe5'</t>
  </si>
  <si>
    <t>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</t>
  </si>
  <si>
    <t>b'D\xaaa\xf6\x8b\x1e\xce\xf6\xb7\x8a\x13\x9a\xb4\xba\xcc\x19'</t>
  </si>
  <si>
    <t>he bustling crowd. Each time a company passed,
 Passepartout chuckled, and said to himself, â€œGood! another
 Japanese embassy departing for Europe!â€
 188
 C H A P T E R XXIII
 In which Passepartoutâ€™s nose becomes outrageously long
 HE next morning poor, jaded, famished Passepartout said to
 himself that he must get something to eat at all hazards, and
 the sooner he did so the better. He might, indeed, sell his watch;
 but he would have starved first. Now or never he must use the
 strong, if not melodious voice which nature had bestowed upon
 him. He knew several French and English songs, and resolved to
 try them upon the Japanese, who must be lovers of music, since
 they were for ever pounding on their cymbals, tam-tams, and
 tambourines,
 and could not but appreciate European talent.
 It was, perhaps, rather early in the morning to get up a concert,
 and the audience, prematurely aroused from their slumbers,
 might not, possibly, pay their entertainer with coin bearing the
 Mikadoâ€™s features. Passepartout therefore decided to wait
 several hours; and, as he was sauntering along, it occurred to
 him that he would seem rather too well dressed for a wandering
 artist. The idea struck him to change his garments for clothes
 more in harmony with his project; by which he might also get a
 189
 little money to satisfy the immediate cravings of hunger. The
 resolution taken, it remained to carry it out.
 It was only after a long search that Passepartout discovered a
 native dealer in old clothes, to whom he applied for an
 exchange. The man liked the European costume, and
 ere long Passepartout issued from his shop accoutred in an old
 Japanese coat, and a sort of one-sided turban, faded with long
 use. A few small pieces of silver, moreover, jingled in his pocket.
 Good!â€ thought he. â€œI will imagine I am at the Carnival!â€
 His first care, after being thus â€œJapanesed,â€ was to enter a teahouse of modest appearance, and, upon half a bird and a little
 rice, to breakfast like a man for whom dinner was as yet a
 problem to be solved.
 â€œNow,â€ thought he, when he had eaten heartily, â€œI mustnâ€™t lose
 my head. I canâ€™t sell this costume again for one still more
 Japanese. I must consider how to leave this country of the Sun,
 of which I shall not retain the most delightful of memories, as
 quickly as possible.â€
 It occurred to him to visit the steamers which were about to
 leave for America. He would offer himself as a cook or servant,
 in payment of his passage and meals. Once at San Francisco,
 he would find some means of going on. The difficulty was, how
 190
 to traverse the four thousand seven hundred miles of the Pacific
 which lay between Japan and the New World.
 Passepartout was not the man to let an idea go begging, and
 directed his steps towards the docks. But, as he approached
 them, his project, which at first had seemed so simple, began to
 grow more and more formidable to his mind. What need would
 they have of a cook or servant on an American steamer, and
 what confidence would they put in him, dressed as he was?
 What references could he give?
 As he was reflecting in this wise, his eyes fell upon an immense
 placard which a sort of clown was carrying through the streets.
 This placard, which was in English, read as follows:â€”
 ACROBATIC JAPANESE TROUPE, HONOURABLE WILLIAM
 BATULCAR, PROPRIETOR, LAST REPRESENTATIONS,
 Prior to their departure for the United States,
 OF THE
 LONG NOSES! LONG NOSES!
 Under the direct patronage of the god Tingou!
 GREAT ATTRACTION!
 191
 â€œThe United States!â€ said Passepartout; â€œth</t>
  </si>
  <si>
    <t>b'\x8e.{\xc1\x8b\xa8G&amp;\xba?\x83L\xd6Y\xea+\xe9OtM\xf5x\x83l\xbfm\x95\xce\xdb\xe9\xff\xda'</t>
  </si>
  <si>
    <t>8e2e7bc18ba84726ba3f834cd659ea2be94f744df578836cbf6d95cedbe9ffda</t>
  </si>
  <si>
    <t>b'\x8e.{\xc1\x8b\xa8G&amp;\xba?\x83L\xd6Y\xea+'</t>
  </si>
  <si>
    <t>, simplicity, and keen susceptibility to the
 39
 grandeur of nature, which his new acquaintance discovered; and, indeed,
 he had often been heard to say, that, without a certain simplicity of
 heart, this taste could not exist in any strong degree.
 The conversation was interrupted by a violent uproar without, in which
 the voice of the muleteer was heard above every other sound. Valancourt
 started from his seat, and went to enquire the occasion; but the dispute
 continued so long afterwards, that St. Aubert went himself, and found
 Michael quarrelling with the hostess, because she had refused to let his
 mules lie in a little room where he and</t>
  </si>
  <si>
    <t>b'\x10\x82"\xec\xe2\x14\xfbE\xc2\xb6c\x14oJ\x8e\xe4\x1e+56&lt;X\xe1J\x1d7\xae7aL\xd0\x8a\xf6^\xf6\x8a\xc9\x96\xae\x8c\xed\x81Z\xb5}.V\xedy|\xc2R\xd5\x9b`*\x06\xe6\xc5\xb8\xb1\xfa\xb4\xcd'</t>
  </si>
  <si>
    <t>108222ece214fb45c2b663146f4a8ee41e2b35363c58e14a1d37ae37614cd08af65ef68ac996ae8ced815ab57d2e56ed797cc252d59b602a06e6c5b8b1fab4cd</t>
  </si>
  <si>
    <t>b'\x10\x82"\xec\xe2\x14\xfbE\xc2\xb6c\x14oJ\x8e\xe4'</t>
  </si>
  <si>
    <t>ospec_x0002_tive gains to service exporters if the GATT opened the door to substantial liberalization
 helped offset the complaints of the clothing industry. Many developing countries sup_x0002_ported the round because of the new opportunities it would offer to their own textile and
 clothing exports. Also, some of the â€œconcessionsâ€ negotiated under the agreement were an
 excuse to make policy changes that would eventually have happened anyway. For exam_x0002_ple, the sheer expense of Europeâ€™s Common Agricultural Policy in a time of budget
 deficits made it ripe for cutting in any case.
 An important factor in the final success of the round, however, was fear of what would
 happen if it failed. By 1993, protectionist currents were evidently running strong in the
 United States and elsewhere. Trade negotiators in countries that might otherwise have
 refused to go along with the agreementâ€”such as France, Japan, or South Korea, in all of
 which powerful farm lobbies angrily opposed trade liberalizationâ€”therefore feared that
 failure to agree would be dangerous. That is, they feared that a failed round would not
 merely mean lack of progress but substantial backsliding on the progress made toward free
 trade over the previous four decades.
 Case Study
 Testing the WTOâ€™s Mettle
 In March 2002 the U.S. government imposed 30 percent tariffs on a range of imported
 steel products. The official reason for this action was that the U.S. industry faced a surge
 in imports, and needed time to restructure. But the real reason, almost everyone agreed,
 was politics: West Virginia, Ohio, and Pennsylvania, where the steel industry is concen_x0002_trated, were widely expected to be crucial â€œswing statesâ€ in the 2004 election.
 Europe, Japan, China, and South Korea filed suit against the U.S. steel tariff with the
 WTO, asserting that the U.S. action was illegal. In July 2003, a WTO panel agreed, rul_x0002_ing that the U.S. action was unjustified. Many observers regarded the U.S. response to
 this ruling as a crucial test of the WTOâ€™s credibility: Would the government of the
 worldâ€™s most powerful nation really allow an international organization to tell it to
 remove a politically important tariff? There was even talk of a looming trade war.
 In fact, the United States complied with the ruling, lifting the steel tariffs in
 December 2003. The official explanation for the decision was that the tariffs had served
 their purpose. Most observers believed, however, that the key motivation was a threat
 by the European Union, which by now had received WTO clearance to take retaliatory
 action, and was getting ready to impose tariffs on more than $2 billion in U.S. exports.
 (The Europeans, who understand politics as well as we do, targeted their tariffs on
 good</t>
  </si>
  <si>
    <t>b'0E\x02!\x00\xf1\x19\xe3v\xa7\xe52\xd3\x19\x8c\x8a\x90\x11\xa84\x92\xafr\xd2:\xb32\xfe\x17qn\xbc\x16\xda\x10\xe4\x1b\x02 J\xce\xf1)\xa9\xa9&gt;P\xed)\x0b\x93\xfc\xeba\x87\x05?,\xa9\xf0\xe455\xc8q\xb2\xc0\x11\xe8\xb4\xe1'</t>
  </si>
  <si>
    <t>3045022100f119e376a7e532d3198c8a9011a83492af72d23ab332fe17716ebc16da10e41b02204acef129a9a93e50ed290b93fceb6187053f2ca9f0e43535c871b2c011e8b4e1</t>
  </si>
  <si>
    <t>b'0E\x02!\x00\xf1\x19\xe3v\xa7\xe52\xd3\x19\x8c\x8a'</t>
  </si>
  <si>
    <t>ven her:
 TO THE BAT
 From haunt of man, from day's obtrusive glare,
 Thou shroud'st thee in the ruin's ivy'd tow'r.
 Or in some shadowy glen's romantic bow'r,
 Where wizard forms their mystic charms prepare,
 Where Horror lurks, and ever-boding Care!
 But, at the sweet and silent ev'ning hour,
 693
 When clos'd in sleep is ev'ry languid flow'r,
 Thou lov'st to sport upon the twilight air,
 Mocking the eye, that would thy course pursue,
 In many a wanton-round, elastic, gay,
 Thou flit'st athwart the pensive wand'rer's way</t>
  </si>
  <si>
    <t>b'\xa2\xe7q\xcb\xf3\xc7\x94\xa6\xe2\xbfv\xea\xbe\xe0\xde\xe3\xee\\H\x9e\xb1!\tm\xa8\xb2P\xbb~\xcf\x10\x88\xc4\x92^\xa7\x9cRZ\x8c\xf6\xafv\x1dE\xd9\xcdT\\\xd5\xa1A\x8e\xdb\xb6\xb3\x13\x8f\xfd\xee\t&lt;\x10\x11'</t>
  </si>
  <si>
    <t>a2e771cbf3c794a6e2bf76eabee0dee3ee5c489eb121096da8b250bb7ecf1088c4925ea79c525a8cf6af761d45d9cd545cd5a1418edbb6b3138ffdee093c1011</t>
  </si>
  <si>
    <t>b'\xa2\xe7q\xcb\xf3\xc7\x94\xa6\xe2\xbfv\xea\xbe\xe0\xde\xe3'</t>
  </si>
  <si>
    <t>ress factor
 prices as the outcome of goods prices (these solutions make use of the fact that
 and ):
 (5P-14)
 (5P-15)
 where (implying that ). These may be arranged in the form
 (5P-14â€²)
 (5P-15â€²)
 Suppose that the price of rises relative to the price of , so that . Then it
 follows that
 (5P-16)
 That is, the real price of capital rises in terms of both goods, while the real price of labor
 falls in terms of both goods. In particular, if the price of were to rise with no change in
 the price of , the wage rate would actually fall. C
 F
 rN 7 PN
 F 7 PN
 C 7 wN .
 PN
 F 7 PN F C C
 wN = PN
 C + a
 uKC
 D b1PN
 F - PN
 C2.
 rN = PN
 F + a
 uLF
 D b1PN
 F - PN
 C2,
 D = uKF - uKC D 7 0
 wN = a 1
 D b[uKFPN
 C - uKCPN
 F],
 rN = a 1
 D b[11 - uKC2PN
 F - uLFPN
 C],
 uLF = 1 - uKF uLC = 1 - uKC
 aKF 7 aLF aKC 6 aLC F
 aKF F
 aLFQF
 N + aLCQNC = LN,
 aKFQN F + aKCQN C = KN,
 F C
 aKF
 F C
 uKF F uKF 7 uKC uLF 6 uLC
 PN
 C = uKCrN + uLCwN ,
 PN
 F = uKFrN + uLFwN ,
 K L
 aLFQF + aLCQC = L,
 aKFQF + aKCQC = K,
 w
 aKF, aLF, aKC, aLC r
 664 MATHEMATICAL POSTSCRIPTS
 Factor Supplies and Outputs
 As long as goods prices may be taken as given, equations (5P-12) and (5P-13) can be
 solved, using the fact that and , to express the change in
 output of each good as the outcome of changes in factor supplies:
 (5P-17)
 (5P-18)
 where .
 These equations may be rewritten
 (5P-17â€²)
 (5P-18â€²)
 Suppose that and remain constant, while the supply of capital rises relative to the
 supply of laborâ€” . Then it is immediately apparent that
 (5P-19)
 In particular, if rises with remaining constant, output of will rise more than in
 proportion while output of will actually fall. C
 K L F
 QN F 7 KN 7 LN 7 QN C.
 KN 7 LN
 PF PC
 QN C = LN - a
 aLF
 Â¢ b1KN - LN 2.
 QN F = KN + a
 aKC
 Â¢ b1KN - LN2,
 Â¢ = aKF - aLF, Â¢ 7 0
 QN C = a 1
 Â¢ b[-aLFKN + aKFLN],
 QN F = a 1
 Â¢ b[aLCKN - aKCLN],
 aKC = 1 - aKF aLC = 1 - aLF
 665
 postscript to chapter 6
 The Trading World Economy
 Supply, Demand, and Equilibrium
 World Equilibrium
 Although for graphical purposes it is easiest to express world equilibrium as an equality
 between relative supply and relative demand, for a mathematical treatment, it is preferable
 to use an alternative formulation. This approach focuses on the conditions of equality
 between supply and demand of either one of the two goods, cloth and food. It does not
 matter which good is chosen because equilibrium in the cloth market implies equilibrium
 in the food market and vice versa.
 To see this condition, let be the output of cloth in Home and Foreign, respec_x0002_tively; the quantity demanded in each country; and corresponding variables with
 an subscript the food market. Also, let be the price of cloth relative to that of food.
 In all cases, world expenditure will be equal to world income. World income is the sum
 of income earned from sales of cloth and sales of food; world expenditure is the sum of
 purchases of cloth and purchases of food. Thus the equality of income and expenditure
 may be written
 (6P-1)
 Now suppose that the world market for cloth is in equilibrium; that is,
 (6P-2)
 Then from equation (6P-1), it follows that
 (6P-3)
 That is, the market for food must be in equilibrium as well. Clearly the converse is also
 true: If the market for food is in equilibrium, so too is the market for cloth.
 It is therefore sufficient to focus on the market for cloth to determine the equilibrium
 relative price.
 Production and Income
 Each countr</t>
  </si>
  <si>
    <t>b'0E\x02!\x00\x88 \xe5\x19\xc8\x94z\x9f\x98C\x1c\x91A\x96\x81\xd5w\x103\xa0\xd9\xedo\x84\xc0\x90,\x1f\xa0\xf8U\xa8\x02 B\xa8U^=lP8\xafs@\xc2k\x7f\xf2T\xf34)\x03+\xc6gSp1\xa7O\xe0\xab\n\xaf'</t>
  </si>
  <si>
    <t>30450221008820e519c8947a9f98431c91419681d5771033a0d9ed6f84c0902c1fa0f855a8022042a8555e3d6c5038af7340c26b7ff254f33429032bc667537031a74fe0ab0aaf</t>
  </si>
  <si>
    <t>b'0E\x02!\x00\x88 \xe5\x19\xc8\x94z\x9f\x98C\x1c'</t>
  </si>
  <si>
    <t>conomists could not make vanish simply by ignoring
 them.
 What happens when a company stops believing in secrets? The sad decline of
 Hewlett-Packard provides a cautionary tale. In 1990, the company was worth $9
 billion. Then came a decade of invention. In 1991, HP released the DeskJet 500C,
 the worldâ€™s first affordable color printer. In 1993, it launched the OmniBook, one of
 the first â€œsuperportableâ€ laptops. The next year, HP released the OfficeJet, the
 worldâ€™s first all-in-one printer/fax/copier. This relentless product expansion paid off:
 by mid-2000, HP was worth $135 billion.
 But starting in late 1999, when HP introduced a new branding cam</t>
  </si>
  <si>
    <t>b'!\x11yyUa\xda5+*\xa3)\xe4\xc9\xc7"5\xb89-5:u!\x8a\x92\x99\x95\xf3X1nyI\xddF\xd8\xda\x0ea\x0b[E\x05\x18o\xf8Fl\xd9\xadxI1\xa0\xdfK\xe4D\'\xf2(\x19\xbd\x89\x10\xb7\x90\x18r%7\xa4\x87!\x01\xcf\\l&lt;\xcc\xa5\x0eq)\x96\x1bC\xaf\xef\xbe\xcf?9\x89h\x88,\x97s\x7fZ\xb9\xff\xcdx\xd9*\xac)kK\xa8\xa8\xca\xf5\x14\xe0\x85\xc78~\xcf\x8c\xdc\xb3i"7\x01J\x99\x1fK\x1f:\xc2\xf3\xdb\x1b\xda\xd2.\xba\xcf\x18\x8d%w\x0fu\xb7&gt;\xfcj\xf29\x15\\\xd9b\xdd\x9fRs.\x11\x17`l\xe8\xf8\x8a\x9b:|\xc8\xde\xce\xf5\xb7\xc3\xae\x88\xc5p*N\x1d\x1fy\x0b\xe3&lt;\xecU\x1d,\x17*QE\x175\x8f\x9f\x02c\x87\n\x840\xfd\xd0r\x0c\xb5\xb1`\x82A\xea\xa0\xa0W\x05\x92\xdd%\xa1\x9e\xe3E\x85h\xc5\x8cv\x05T%VTM&amp;\xd7\xf5Wi\x99\xb2c\x03)M}\xaf\x0fURMB\xd3\x02H\xcat\xc4S&amp;\x93u\x85 \xd628J\x9bx\xedg\x10\x88\x81\xf0\xec\xc08\xb2\xe5\x0c \rs\xfc\xb7\\\x93\x8cC\x13\xc0\xbe\x96\xdb\xb4\x8b}2\x81\x86\n\x12(%U )\x91\xd1\xfe,\x1eR\xbc\xcc\xd5UY\xa4\xc4*"\xbe\x01Lc\xd0\xf3\xfb90\x85*\xb6\x80\xf1\xe8*\xb7\xfb\xe0yI\xe0\xdb\xc8\xf5b"\x96Ef\xe0\x84`\xdf}C\x0e})\x8a\xdf\xe6\x1cp\xdb{\x0b\x8c\xaf\x8f\x16\xa31\xdf\xb6K\xf4/\xd6\xeb\x9d\x17\x02\xad\x01\x1d\xbaeN\xad\xcc(\xa6$\x91\xb9-\x961\x1e\x9cI\xd3\x19sF\xbc\x07}\xf3A\xe2\x874\'\x1d\xb9\x9b&lt;d:\r\x9bR\xc4F\x01\x88\x9e\x8b\xf5\xe5&lt;B\xa0$\x87\xdcm\x8e\xab\x0e\xfe\xc5o\x03\xa1\x8cRr\x07\xa4s\xfa\xdf1\xcbtw\xefM\x17\x1a[\x1fd\xd6\x15W\x13N\xf0[.\xd70A\x90\xc5X([\x1f\x14\xa5\x89\xdc\xd5b\xd6\x88\x9a\xc0\xe6R\xeb\x9aq\xa5\xff8\x01V/\xa6\x0b\xe7\xee\xa7\'l\xeas\xef\x0b\xf6dJ\x02\xb3oC\x02\xe6+v\xc4\x96\xf7\x9a\x7f\xf6\xf7\x8f\x8e\xd4\x1es\x7f\xd90FV\xf1$s\xfeR\x9e\xee\x96\n\xd3\x032\xefe\x81d\xeeN\x904"\xc5A\xef\xecy\xeb\xddt\x03\xd7\xdc\xc0\\\xe3\x0b*J\xe4\xac3\xdb\x90\x01\xe0\x0bQ$CR\xbc\xa7\x01\xba\xa5\x18\xa6\x04\xaf{\xe1P\xb9\x11\xde\r\x0b\xd2Ox\x06[\x9a\xe8^\x9fH\x95Q\xbd"\xe1:\x08\r\xb2\x17$\x93\xc3\xa2k#D\xf5\xd3\xbe\x8b\xc0\x12 \xea'</t>
  </si>
  <si>
    <t>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</t>
  </si>
  <si>
    <t>b'!\x11yyUa\xda5+*\xa3)\xe4\xc9\xc7"'</t>
  </si>
  <si>
    <t>that I gave up all attempts at commentary and read straight on: 
 Blandly himself found the HISPANIOLA, and 
 by the most admirable management got her</t>
  </si>
  <si>
    <t>b'\x02\xa7w\xa0\x811n~\x1e\x1f\xf0\xd2\xab\xa2kZ^\xff\xd0\x19\xf1M\xab\x93\xf9\x80\x81\x16k-\xe7\xfa\x07\xe1\xbe\xb1\x96\xdd0\x89\xff\x80\x88-\xd4]\x1f\xf6"\x9b\xa9b\xae\x9f\x03\xfa\x0c\xb9\x06 \xd7\xb1\x85j\xb05\xae?U\x98\xbd\x0bn\x0e\xbf\x97\x88\xb1S\xdb\xa7_\xd5\xf9\xafM\xc7\xe3\xf4\x06^+p(\xe5\x1e\xcfG[\x9a&gt;1\xc9\x06\x9f\xd294\xc3\x90vPu\xd7\xf4}\xfc( \t\xff\x9ef\x83\xa3\x02\x96\xbe\xb1\xca\xfb\xd4\xf16$\xc0&lt;\xc9\x9c\x01\x97\x94\x97v\x8coM\xa8v&amp;\xcd\x0f&gt;\xff\x0c\x10\xa1\xd5n\xean\x8d\xc3\xed1[\xdd \x0c\x80\x12\x01F)\x80\x95\xa8xRx\xea1]\x0cT\xad\xc8\x9e|,2F\xd6\x82\x9d\x8b\x18\xd8\xa6`pu\xdd\xedPF\xaf\xa6\x0f\xbd|\xeaacaql\x0e0\x0c\x85\x94\xa4\x8c\xaf\x16\xa3I\xde\x92\xcc\x06\x95\x0e\x07\xd4\xf9+\xb0\x06\x1cj\x00\xf0\xb1\xa9\xa2F\x81\xd8\xe3\x04\xd4)1c\xdc\xb2\xa3/\x0b\x19\x8d\xe3L|E\x8c\xb81\x11|\xc5\x186_\xedG\\\x83d\xcc\x93\xf3\xd6\xde\xe5\xe4\\6\x9c\xc92|\xc6\x8b&amp;\xc0\xccA\xb3\xd9\x12n\xdd.*Yu?R\xe7\xa8p&gt;\xefyr\xed\x99\x0e\xc4\xb2\xee\xb5\xd0J\xf5Y\xc8\x98&lt;\x0c\xfa\x1d\xa73\xef\x80\x01ddsyh\x15.\x8b\xd6\x17\x8b[#`\xdb$gP\xe1\xbfE\x88S}\xf2\x81(|_\xcf\xaaD\x1e\x84\xde\xb2\xdc2r\xbd.\x1aU\xc5\xf9\xb0u\xa7\xf0\xecb\xd1\x01\x90\xed\xce&amp;P_\xb6\x03\x8ap\x81W\xb8[\xf6\x8bG:.\x17\x98mo\xd0I\x8d5*\xb85\xc3\x15 C\x9b\xe9\xf3\\\xee\xa8"\xbd\xb5\x9e\xdf\x0fznEV\xc2\xe1W\xc2\xabF\xc2\xe1\xfdz\xbb\x9bS\xbc\xe6\x9f\xb5%\x94\x1b\x85?\x0f|\x1e\x980\xb3\x16\xc2\xcc\\\xcd\xe6\x80\xb4Pr\x03\xd3\x81\xd4b\xed\xe3\x83\x16\xf9\x86\xa4ar\xee\x19B\x13\x97\x7f\xc6\xf5\x8a/\xe6\x16\xbfOw\xb4\xf3'</t>
  </si>
  <si>
    <t>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</t>
  </si>
  <si>
    <t>b'\x02\xa7w\xa0\x811n~\x1e\x1f\xf0\xd2\xab\xa2kZ'</t>
  </si>
  <si>
    <t>less he could manage
 to detain him.
 â€œWell, Monsieur Fix,â€ said Passepartout, â€œhave you decided to
 go on with us as far as America?â€
 â€œYes,â€ returned Fix, through his set teeth.
 â€œGood!â€ exclaimed Passepartout, laughing heartily. â€œI knew you
 could not persuade yourself to separate from us. Come and
 engage your berth.â€
 They entered the steamer office and secured cabins for four
 persons. The clerk, as he gave them the tickets, informed them
 that, the repairs on the Carnatic having been completed, the
 steamer would leave that very evening, and not next morning,
 as had been announced.
 â€œThat will suit my master all the better,â€ said Passepartout. â€œI
 will go and let him know.â€
 Fix now decided to make a bold move; he resolved to tell
 Passepartout all. It seemed to be the only possible means of
 keeping Phileas Fogg several days longer at Hong Kong. He
 accordingly invited his companion into a tavern which caught
 his eye on the quay. On entering, they found themselves in a
 large room handsomely decorated, at the end of which was a
 149
 large camp-bed furnished with cushions. Several persons lay
 upon</t>
  </si>
  <si>
    <t>b'{d\x9e\xacc&lt;\xc6\xf1D\x81\x02A\xd1+\xa1\x9f\xb1\xec\xc65L \x02Z!\xa2h\xff\xf7I\xc3@'</t>
  </si>
  <si>
    <t>7b649eac633cc6f144810241d12ba19fb1ecc6354c20025a21a268fff749c340</t>
  </si>
  <si>
    <t>b'{d\x9e\xacc&lt;\xc6\xf1D\x81\x02A\xd1+\xa1\x9f'</t>
  </si>
  <si>
    <t>6, 275t, 276t
 Unconventional monetary policies,
 453â€“454
 Underemployment, 506
 Undershooting, 444n
 Unemployment, 294, 536
 international trade and, 66â€“68, 67f
 monetary policy and, 554f
 in specific factor model, 52â€“53
 Unfair practices, dumping as, 178
 Unilateral transfers, 297, 297n, 300n
 Unions, in EU, 579
 United Kingdom. See England (Britain)
 United States. See also Dollar (U.S.);
 North American Free Trade
 Agreement (NAFTA)
 air pollution standards in, 241
 assets of, 310â€“311, 313â€“316, 314t, 315f
 balance of payments in (2006), 309t
 banana imports and, 248
 bank regulation in, 595â€“597
 convertible currency in, 520
 distribution of wages in, 92â€“96
 economic size and trade with, 14f
 embargo by Jefferson in, 36
 entertainment exports from, 151
 exports of, 99
 external balance problem of, 525â€“527
 factor abundance in, 91â€“92
 factor content of exports and imports
 (1962), 99t
 financial derivatives in, 311
 foreign inflation and, 528â€“529
 GNP in, 296f
 gold standard and, 511, 516
 home prices (2000-2010), 540f
 import quota on automobiles, 228
 interregional trade in, 573
 liabilities of, 313â€“316
 liquidity trap, 452
 mortgage market crisis in, 543, 603
 share of imports by industry, 102f, 103f
 states trading with British 
 Columbia, 16f
 tariffs and, 242â€“243
 trade and, 12f, 18
 WTO and subsidies to cotton 
 producers, 242
 Unit isoquant, 107, 107f
 Unit labor requirements, 26, 33, 34f
 Unit of account, money as, 355â€“356
 Unskilled labor, in production of imports,
 100â€“101
 Upper middle-income economies, 620
 Uruguay, Mercosur and, 242
 Uruguay Round, 5, 238
 benefits and costs of, 240â€“242
 MFA phaseout and, 233
 U.S. Trade Adjustment Assistance
 program, 67
 Value date, of currency exchange, 327
 Van Wincoop, Eric, 574n
 Vehicle currency, 326
 Venezuela, pollution standards and, 241
 Vertical FDI (foreign direct investment),
 183, 183n, 184â€“185
 Vietnam, manufacturing costs in, 
 146â€“147, 146f
 Viner, Jacob, 402n
 Volatility, foreign exchange market
 efficiency and, 614â€“615
 Volcker, Paul, 535â€“536
 Volkswagen, 202â€“203
 Voluntary export restraint (VER), 208
 von Peter, GÃ¶tz, 608n
 Voters, policy preferences of,
 229â€“230, 230f
 Wage convergence, mass migration 
 and, 70â€“71
 Wage rate
 comparative international, 97t
 relative productivity and, 37â€“39
 relative wages, specialization, and,
 40â€“42
 rental rate and, 97
 Wage-rental ratio
 changing, 108f
 determining, 109f
 Wages. See also Relative wages
 comparative advantage based on,
 37â€“39
 distribution in United States, 92â€“96
 exploitation by trade and, 39â€“40
 globalization and, 280â€“282
 for immigrant labor, 73
 inequality of, and foreign 
 investment, 96
 maquiladoras and, 281, 282
 North-South trade and, 93
 opposition to globalization and,
 280â€“282
 productivity reflected in, 
 38â€“39, 39f
 relative, 35â€“36, 40â€“42, 43f
 skill-biased technological change and,
 95â€“96
 in specific factors model, 57
 Waldman, Daniel, 380
 Wall, Howard J., 15n
 Wal-Mart, anti-globalization movement
 and, 280
 Ward, Geoffrey C, 33
 Wealth. See also Income gap
 object of, 329
 in world economy, 620â€“623
 Wealth of Nations, The (Smith), 1, 621
 Wealthy nations. See Advanced nations
 Welfare
 with external economies, 147â€“148
 tariffs and, 254â€“255
 Welfare costs, of U.S. protection, 234t
 Welfare effect, 670
 of changes in terms of trade, 116â€“117
 of tariff, 201f
 West, Nathaniel, 151
 West Indies, bananas from, 248
 Willett, Thomas D., 566n
 Williamson, Jeffery G., 71n
 Wolfe, Tom, 142n
 Wood, Adrian, 93n
 Woodford, Michael, 379n
 Workers. See a</t>
  </si>
  <si>
    <t>b"0F\x02!\x00\xfb\x04\xbe\xb4\xa3\xa0~\x16/\x91\xd5\xd7c3\xebu,_'\x05?\xcdr&amp;\xba\x81\x80B\xc7\x0b\x0c\xba\x02!\x00\xfb{\x10\xbd\xf8\x00\x0f\x94#\x11\xd9\xd8]\x11\xd0|`\xe5pm\xf1\x11\xfd\x15\xb5\xe9\xedj\xe9\x9ab\x9f"</t>
  </si>
  <si>
    <t>3046022100fb04beb4a3a07e162f91d5d76333eb752c5f27053fcd7226ba818042c70b0cba022100fb7b10bdf8000f942311d9d85d11d07c60e5706df111fd15b5e9ed6ae99a629f</t>
  </si>
  <si>
    <t>b'0F\x02!\x00\xfb\x04\xbe\xb4\xa3\xa0~\x16/\x91\xd5'</t>
  </si>
  <si>
    <t>n hour
 before!
 278
 C H A P T E R XXXII
 In which Phileas Fogg engages in a direct struggle with bad
 fortune
 HE China, in leaving, seemed to have carried off Phileas Foggâ€™s
 last hope. None of the other steamers were able to serve his
 projects. The Pereire, of the
 French Transatlantic Company, whose admirable steamers are
 equal to any in speed and comfort, did not leave until the 14th;
 the Hamburg boats did not go directly to Liverpool or London,
 but to Havre; and the additional trip from Havre to
 Southampton would render Phileas Foggâ€™s last efforts of no
 avail. The Inman steame</t>
  </si>
  <si>
    <t>b'qc\xa8\xaf81\x83\x9b\xe8w\xea\x11\xc0\x18\x82\xf0V\xcc\x89\xa2V\xe7\xe9T\xdbqe\xe5\x02\xa3\x0e\x89'</t>
  </si>
  <si>
    <t>7163a8af3831839be877ea11c01882f056cc89a256e7e954db7165e502a30e89</t>
  </si>
  <si>
    <t>b'qc\xa8\xaf81\x83\x9b\xe8w\xea\x11\xc0\x18\x82\xf0'</t>
  </si>
  <si>
    <t>ose the supply voltage is provided
 by an aging battery. How much can VCC
 fall while the gain of the circuit degrades
 by only 5%?
 VCC= 2.5 V
 Q1
  Î©
 C1
 Vin
 10 k 1 k Î©
 P
 Vout
 Figure 5.168
 5.94. Repeat Problem 5.93 for the stage illus_x0002_trated in Fig. 5.169. Which one of the two
 circuits is less sensitive to supply variations?
 VCC= 2.5 V
 Q1
  Î©
  Î©
 C1
 Vin
 Vout
 10 k 1 k Î©
 1 k
 Figure 5.169
 SPICE Problems 269
 5.95. The amplifier shown in Fig. 5.170 employs
 an emitter follower to drive a 50-_x0005_ load at
 a frequency of 100 MHz.
 (a) Determine the value of RE1 such that
 Q2 carries a bias current of 2 mA.
 (b) Determine the minimum acceptable
 value of C1, C2, and C3 if each one is
 to degrade the gain by less than 1%.
 (c) What is the signal attenuation of the
 emitter follower? Does the overall gain
 increase if RG2 is reduced to 100 _x0005_?
 Why?
 VCC= 2.5 V
 Q1
  Î©
  Î©
 2 k 600 Î©
 2 k Î©
 RE1
 C1
 Vin
 C2
 Q2 C
 50 Î©
 V
 X
 200
 3
 out
 Figure 5.170
 6
 Physics of
 MOS Transistors
 Todayâ€™s field of microelectronics is dominated by a type of device called the metal_x0002_oxide-semiconductor field-effect transistor (MOSFET). Conceived in the 1930s but first
 realized in the 1960s, MOSFETs (also called MOS devices) offer unique properties that
 have led to the revolution of the semiconductor industry. This revolution has culminated in
 microprocessors having 100 million transistors, memory chips containing billions of tran_x0002_sistors, and sophisticated communication circuits providing tremendous signal processing
 capability.
 Our treatment of MOS devices and circuits follows the same procedure as that taken
 in Chapters 2 and 3 for pn junctions. In this chapter, we analyze the structure and operation
 of MOSFETs, seeking models that prove useful in circuit design. In Chapter 7, we utilize
 the models to study MOS amplifier topologies. The outline below illustrates the sequence
 of concepts covered in this chapter.
 âž¤ âž¤
 Operation of MOSFETs
 â€¢ MOS Structure
 â€¢ Operation in Triode
 Region
 â€¢ Operation in Saturation
 â€¢ I/V Characteristics
 MOS Device Models
 â€¢ Largeâ€“Signal Model
 â€¢ Smallâ€“Signal Model
 PMOS Devices
 â€¢ Structure
 â€¢ Models
 6.1 STRUCTURE OF MOSFET
 Recall from Chapter 5 that any voltage-controlled current source can provide signal am_x0002_plification. MOSFETs also behave as s</t>
  </si>
  <si>
    <t>b"\xef\xf0F'\xe3F\x102\xde\xe4JM\x00\xe3\x90\xf1"</t>
  </si>
  <si>
    <t>eff04627e3461032dee44a4d00e390f1</t>
  </si>
  <si>
    <t>7, 191â€“2;
see also inscriptions; papyri
Res Gestae Divi Augusti, 42, 116, 147â€“9, 412
revolts: against Severus Alexander, 143, 155,
162; in 238, 155; of Avidius Cassius, 139;
of Carausius, 167â€“8; of Egypt under
Diocletian, 168, 196; of Galba, 123; of
Jews under Hadrian, 571, 575 (with fig.
28.3); of Jews under Nero, 80, 92, 123,
212, 214, 434â€“6, 571; of Jews under
Trajan, 69, 571, 573; provincial in third
century, 161â€“3, 166
â€˜â€˜Right of three childrenâ€™â€™ (ius trium
liberorum), 274, 301, 316, 320
Robert, Louis: on epigraphy, 46, 49â€“50,
52, 54â€“5; and the Greek city, 9â€“10, 40
Roman culture, see culture, Roman
Roman economy, see economy, Roman
Romanization, 56â€“7, 93â€“7, 108â€“10, 123,
182, 189â€“90, 192, 222, 228â€“9, 253, 255,
260â€“9, 279â€“80, 303, 380â€“1, 424
Rome (city of): Aeterna, 411, 438; banquets,
378; baths, 379â€“80; Capitoline Games,
403; economic impact of, 285, 296;
emperors a</t>
  </si>
  <si>
    <t>b'F\xe9?\x81\x82\x8a\xad\xbc\xf8\xec\xe1\xd6&amp;\xa9\ry\\k\x13\xc7\xf4f2q \x06a\x8a8FO\xab\x19\xb55\x18\xa3O\x1d\xe1\xd3|\x9ev\xc2R\xc2\x94q\'\xe2&amp;\x87z\xff\xbf\xb6\xd9\xb4\xa0\xefE\xf675\xb5m\x8a\xb2w%W\xc0\xef\x06zE&gt;\xe5^\xff\xb8\x9f\x1e9"Xd\xaeZ\xdaAO\xb8\xefV\xfe\xf8\x04\x84\x81\x89\x85o\xac\xe3+\xe3o\xfa\xfa&amp;\x11w^\x9d\xc1Q\xbd:\xce*EQ\x9eA\x80\xf4\x0e\x97qh\xdd,\xe5=\xc24)\x1d6W#\x14\x7fV\xdb\xf5\x90\x1b\xe7\xf4\x9b\xba6EU\xb0^\xe3\x1f\x1a\x7f-B\x9fJp\x84\xa5G?\x1e\x13,M)\xa1\xc9^\xf6\xc16f\xa1.\'\xa1/\xec&gt;p\xc6\x9332?\x80O&lt;\x08\xd1,\xbc}\x9bY\xf8~9\x85\tK\xd1Eo\xeeZ\xf2/\xc4\x01\xe0\xe5\xa3\x94\xbdX\xfe\xc1Y\xa1[\x00g\xa3\xb8\xfa\xdbnr\x11\x01\xf7\xda\x9f\xc8\xf9\xf0\x1b\xe9\xc0\xb97B:\xe4\x1ef\x06\xb4.7\xb4Z\n\x907s\x9f\x9a\xc1\xa8\x89\xec&amp;\xa7\xabit\x1eV\x80C\x1a*#\xc4\x9e\x87\x96jH\x86\x11AR\xc9\xe5~L\xebZ\x99\xd48\xf2\xa4v\xe5\xecG\xc8\xe45aL\\\xc0z\xed\xe7\x81#lo5\xe3\x94\x08\xf0\xa1\xbb\x85+\xfdd\xb6\x84\xe66\xa8\xd8\'\xce\xbd\xe8J\x01NZ\xcf\xab\x9fQ*\xeb}n\x0c\x18\rn\xa9\\\xc2Me\xd1\x82\xca@D\x0bA\xf4\xf7+\x9f(\xdcu\xe5\x1a2\x0e\xb4\x9a;\xcf\x82\x7f\x88\x98\xdbH9\x13\n\xed\t\xcd\xce\x93\xdd\x89MF\xdb#P\x16\x93Jh\x16\xaa\xe5\xadA\xd6\xdd\xa5\xf5p\xbbg\xbb\xa34\x14\x8f\xc8\xf4o\x1e\x8e\xc3\xa5\xbe)\x84\xad\x91{\xa6\x9f)Ns\t|c\xc6\xab~\x18h@\xd0\x16\xcb\x1e\xf3\x0cBhG\x12\x10]n\xa5w\xc6A\x88\xe9G\xb6\\1\x88\x04!\xe3%Z&lt;\xd3\xbc\xbf\xd7\xd1k\t`\xa6\xb9\xb4x\xcf\xbbt\xfeH\xb8\x1b\x11\x9b\x1b\xdbS\x01|\xa8$NWg\xe0\xcc\x12\x15\x8f\x9bdu\x95\x1d\xd3\x04\x97\x18\x83\x0c\x9b\x1a\xa0\xed\xf2~b\x95Hw\x93\xa26\',\xc5Y\xdb\xdd\x81e\x1a\xbfWa\xb5z-z*U{\xf1\x11$\xfbE/\xd3#\xf9\xa4\x80K\xd1\xcf{\x7f*i\xd6\xefO\x87\xb8R\xadO\n\x04\xa5\xd3\xe6\x12\xbf\xab}&gt;\xc9p]!Bn\xf8\x11\x17V\xcc\x98\xe1\x80V]Pv\xaeR\x13\xe8\xbe,\xb0\x0c\x15\x066F\xb4\x9en\x87\x9a^\xa7\xad\xba\x0e\xd4S\x94\\k=\xb9&lt;\xf7H\x9eq3\x060\xdd\x07\xb7KC\xdd]\xacA(\x94\xc1\xb7+k\x9e^\xd0\xbbQ\xbc\x14`}+\xceXQ\'7[q\xa1"8\xba\x83}$\x03\xd3\x1e\xea\x86\xdd\xa4du\xdf\xa6\x9b\x1c\xca\x9a\xa0`fL\xd1\xc78\xf4\xa4\xda\x90&lt;"\xa3f[XS\xcb\x8e1\x0f\xefQD\xf7\xbexxgC\xdf4\x18C\x91\xb5DH\xb4\x0f3^Fl\x19\x18\xd2W\xf2\xdb\xd0\x0b\x95h\xc8\x05\xd42\x9d:\x1a\x1c\x91\xf9:\xe1~\xbe\xac\x98\xbb\xcc\xe5\xd2\x8b\xe12&gt;PZU\xe5\x10JL\xbe==T\xe9fm\xe5\x07T\x14z\xa8S\xe6\xeb\xbdc\xfb\xef\xf4\x89\xa8\xbe\xb0\xa1\xde\xd0Y\xa3w\x8c\x07C\xf1F\xf7\x83:\xce[\xd1\x7f\xa4\x91c\x10\x8d-N\xb1\x9c\x92P\t\x9eVSV-IF\xed\xbd\x07\xf3\xe2\xcd\x91\xd7{C\xb7v:=J\xe3\x08&gt;`\x8a\x9cS\xa8 \xcdj\xe3\xa8\x1e+/\xd7"^\x9f\xcc\xa7d\xb7\xf9\x1c\x16yF\xdf\xf9\xa3\xb6\xa3v6&amp;y8\xa7\x18x\xab%\x8b~\n\xfb\xa0\x93UJ,\xa0\xa4\x06\xdb\xdbT\xcc\x12\x1f\x99\xcd,Q\xc4b'</t>
  </si>
  <si>
    <t>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</t>
  </si>
  <si>
    <t>b'F\xe9?\x81\x82\x8a\xad\xbc\xf8\xec\xe1\xd6&amp;\xa9\ry'</t>
  </si>
  <si>
    <t>ople.
Every beautiful morning the Magic was worked by the mystic circle under
the plum-tree which provided a canopy of thickening green leaves after its
brief blossom-time was ended. After the ceremony Colin always took his
walking exercise and throughout the day he exercised his newly found power
at intervals. Each day he grew stronger and could walk more steadily and
cover more ground. And each day his belief in the Magic grew strongerâ€”as
well it might. He tried one experiment after another as he felt himself gaining
strength and it was Dickon who showed him the best things of all.
"Yesterday," he said one morning after an absence, "I went to Thwaite for
mother an' near th' Blue Cow Inn I seed Bob Haworth. He's the strongest chap
on th' moor. He's the champion wrestler an' he can jump higher than any other
chap an' throw th' hammer farther. He's gone all th' way to Scotland for th'
sports some years. He's knowed me ever since I was a little 'un an' he's a
friendly sort an' I axed him some questions. Th' gentry calls him a athlete and I
thought o' thee, Mester Colin, and I says, 'How did tha' make tha' muscles
stick out that way, Bob? Did tha' do anythin' extra to make thysel' so strong?'
An' he says 'Well, yes, lad, I did. A strong man in a show that came to Thwaite
once showed me how to exercise my arms an' legs an' every muscle in my
body. An' I says, 'Could a delicate chap make himself stronger with 'em, Bob?'
an' he laughed an' says, 'Art tha' th' delicate chap?' an' I says, 'No, but I knows
a young gentleman that's gettin' well of a long illness an' I wish I knowed
some o' them tricks to tell him about.' I didn't say no names an' he didn't ask
none. He's friendly same as I said an' he stood up an' showed me good-natured
like, an' I imitated what he did till I knowed it by heart."
Colin had been listening excitedly.
"Can you show me?" he cried. "Will you?"
"Aye, to be sure," Dickon answered, getting up. "But he says tha' mun do
'em gentle at first an' be careful not to tire thysel'. Rest in between times an'
take deep breaths an' don't overdo."
"I'll be careful," said Colin. "Show me! Show me! Dickon, you are the
most Magic boy in the world!"
Dickon stood up on the grass and slowly went through a carefully practical
but simple series of muscle exercises. Colin watched them with widening
eyes. He could do a few while he was sitting down. Presently he did a few
gently while he stood upon his already steadied feet. Mary began to do them
also. Soot, who was watching the performance, became much disturbed and
left his branch and hopped about restlessly because he could not do them too.
From that time the exercises were part of the day's duties as much as the
Magic was. It became possible for both Colin and Mary to do more of them
each time they tried, and such appetites were the results that but for the basket
Dickon put down behind the bush each morning when he arrived they would
have been lost. But the little oven in the hollow and Mrs. Sowerby's bounties
were so satisfying that Mrs. Medlock and the nurse and Dr. Craven became
mystified again. You can trifle with your breakfast and seem to disdain your
dinner if you are full to the brim with roasted eggs and potato</t>
  </si>
  <si>
    <t>b'J\x93\xcd\x86X\x0e\xeb1\xd9\x81\xf9\x84Q%Yy7\xba\x84\x14gl\x89\x17\xe2K\x12\xf7\xd1\x82xX,t\xa4\xcc&lt;#@\xb9\xc0\xa2\xc0\xbf{\x95\xe6R\x17X\x92\x1d\x1b\xf8p\xf0Ht\x1eN\x84Cw\xe5D\xb1\x13\xba6\x9f\x17\x96\x05\x17\xc5v#\n5G\xdb\xca\xaf{\xee\xd4\xb8 \x9c\x1c\xd9X\xdb\xda\x13\x1a&amp;\xa4`n\xf8I\xbaD\xe0J0Ep\x17jX\xe9\x05\x11_\x1d\xb3\xf94\xb6\xcf\x9f\xff\x98\xbaN6\n\x85\x13\x02\xa1\x9a\xae\xa69\x13\xa8\xb2\xc4\xfc\xb6\xe02\xf48\x03s\x11E\xbe\x9eo\xd2I\xb8\xb0\xba\xb8@\xbf&gt;y\x91\xacd\x01\xb1\x11\xeaU\x1c\xa3\xd2\x139\xec\xb6\xe8\xe3m\x16a\x9a\xa16^y\x9d/\xc1\x1aO\xec)j\xc1\xed\xc4\xfa\xbb\xe6\x0bq\xa1\xefA*\x0bY\'\xb9\xd2hf\x1e\x9cj\xe0\xd7z\x87X\x82\xbf),\xb14\xec\xad\xb7=\xac,|z\x15\xd3\xfa\n\xfe\xe9\xab\xbe\x03\x80];_\x84\xe7p\x7f&lt;\xe0\xcf\x07&lt;\xff?\xda\xfe upf*\x0c_\xa8\rw\xdc\xf6\xdd^\x11\xaa~\x17\xa2\xfd\x17\xccm\xa3\xff\x9fZa\n\x9d?\x8a:SE\x8fI\x01\x1beol\xa7\x0fI5\x9cC\x7f\xbc\xcf\xc8\xc8\x83X/\x8c\\\xec\xb9\xcaE\xb7\xcb\x99\x8f\x18\xf2\x1d\xd4\xcd\x9c&amp;3\x0fQ#\xe5\xc75\xd5\xacc\xa0bY\xbdS\x92\xe4t\xd6\xa8^\xc0s\xdc\x14\xfd\x98\xf8\xd7X\xa6=\x05N3\xe1\xe4\xe8\xf2\xe1\x8e\x06h=\x1eSc\xa1\x0f\x00\x94\x13N\x818S\xce\xac\n\xba\xd3\xac\x1b;\xe1N\x18zO+\x89D\xf1\x9e\xd58\xd8\xdf{#s\xc9 n@h\xeb\xb2\x0c\x03\xc0\x82&lt;\xd3.\x089vr\xeb\x13\x9e\xb2#\xe8\xf0\x16\x96\xe9\xdb\x1a\xa7td\xce^:j\x95?G?\x18\xa0\xda\x11\xd9\xf2D\xa9\x93\xd4l\x96\x99\xcd\xe3\x8a\x1b\x92\x07\x01\x04g\xb9ugk\xc1\xb8&lt;\x91\x1c\r\xaa%\x135\xc99\x81\x817D\xdd\x87\xf2\xc5\xfb\xf7~\x04n\t\xf7\x8dp%#d qE\x96B\x1bR\xf0i\x82\x8eHmNIK\xde7\xe5\xda\x93\x94\x14-~\x1a)\x0ex\xb5]\x8f\xb3\x7fV\x08\x00\x9b\xcd(\xbc\xa4\xd5\x9b\x82\xddM\x00\x1b\x1c3u!)\xfb\x8a\xab\x12\xfb,\x01\xeeiW\xf8\xa1\x83r]i\x9a\xfd\x08*+&lt;VY0g\x89\x13\xe3\xfe*H(\xe5\xb0k\x95yW\x9ao\x04,$\x7f\x1f\xb7l\xe1N\x9d\xcc\xd0z}\xba\xd4\xe0\xef\xd5\x11#3i\x02\xc0\xe9Tl`\xcb\xdcM}\xa3\x0b\xd0\xf6\xf8\x9b\xa040\xf0\xdd\xc0\xfeFr\xf0\xf6\x124E\x8c\x14\x1ex\'\xeb\x8cEt\xa5\xde\x9d\x19,&gt;\xc6\x81\x18\x9d\xab4\xe2\xe4\xc2`\x03n\x11c_\x0c\\\xbb\x98r\x0f\x97V\xe8\x83\x99:c+eC\x17A\xc1\x18|\xfb\x0eE\xc3\x86w/*\x18b\x17\x90\x11BN\x83\xb7$d\xdc\x14\xe19\x9b\xfc)\xf2\xda5LM\xbeMFC\xee\xe8\x0c\x1f\x1bn\xd6\xc4DD\x961Q2\x83`\x810]\xf5\t\xa7\x95\x99H\xc8h\xd5\xe32\x8c\x16\xc6\xe9;\x93&gt;[#Q\xf2\xba\xca\xd0\xddM:jw\xeb\x88,\xea\xb8;(+\xb2z\x8fC\x0f\r@\xe9\xb59xD"\xf3\xcf3k\x8d\xce\x9fe\x91\x11L\xb2\xba*\x85Z\xb0\xaaof\xd9\xfff\xcd\xb3\x15\xb9#0\x96\x81\t\x0f+(\x1b\x9ey\x8f\xa1+\xc8M|\xbb\xc2\xdf\xcb\x7f_\xa4\x14\xd1\x8e\xcb(J\xc0\x15\x89\x8e\x94\x9a\xa4&gt;\x95\x12\xc2i\x15\'f\x96`\x90\xdd \x8e&amp;\r@\xe0\xdf\x85\x10MD\xb0|\r\xa1DH\xb7(\xe2=\xe1\x8acQ\xacu\x0b\x8e\xd3\xb4"qo!g\xa0\xe2\xdd\x19\xbc\x99\x80\x9d\x14\x0b\xb7\xf0\xd7\x8e\x83FpW\xb3qX\xceR\x0f\xa5\xc6\x8b"\x15\xa4\xf1\x85\xe2k\xd5\x9d0\x04h\x93q\x93\x86\x9f\xbb*=\x161\xd7\xe8\x04)V[m\'[\xf1\x92\rw\xfcVF\x825m`s;m)\xfd8jt\xc5K\x94\x01\r.C\x88\x8c\xaf\xe1\x19\xeb\x96\xc7R\xb9QNQE\x9a\xa2\xf2\xad\xdaX\x8a\xa7\xa1\x93\x01\x86\x98\xd1:\x8d\xa9\\\x13\xf2\x06\xf2s\x03\xc7\xa7\x04\xb4\x10\t\x7fL\x99\x94\x10:9\x92\x99+\xebU\x0b\x06,\x9d*0\x9a\xd8\xa5\xc4\xa5\x9d\xaf\xee\xca\x87\xe0\xdb\x9c~\xcd:4\xbf\xce\xf0\x1f\x0b\x85\x80\xc5\xee\x7f\xf2m#A\x9b\x89\x99O\xb4\x14\xdd\xe4l\x0f^\xd6\xbbT\xe4\xdc\x82\xe9\x12\xa4\xa7\xab\x98@\xd4\xb3\xe1C\xe3\x10cT\x98]b\x93\x9d\xb8\xcf\x111W\xad\x0e\x9c\x19\xca[p\x00\xdfO@\x9d\xf4`8\xba\x16|\xe8\xf9LeP\x99\x84\x01U\xccwu,\xf6h\x1f\xe8f4\xb6\x9e\xf6R\xf5\x10^\xde\xcdu\xaf\x0bQuV\x97\xf9\xd8\xa1\xc3\x832L-\x9f\xbc`\xbd\xdb\xc9U\xc0\xdc\x1f\xf8\xfc\xf3\xea\xcc\x99\xcd\x7fg*x\x81G\xe6`tsO9\xda\xe6\xf9\x87Yf\xe1#\xb5\x96\t\xf6}\x81\xdb\xc1RR)\xe7\x0b\xcfW\xc7_y\x9b~KJ&gt;\xf7L\x8d\xbe\x13n\xe4\xc5\xf1\x91\xecD\xbd\xf8Y\xdd\'-\xcc\x00yNl\xf8o\xfd\x15-\xc7\xafK\xa2\xce\x1c\x83\xfc\xdb\xf2\x0bZ1\x8eQ1\x84c\xde\xe0f\xb4\xe5\xd5\xb2%\xbb\x10R\x8d\xd0V\x85\x971\xaa\x11\xf6c\xca\x9c\x9e\xc8\x0fgo\xc9\xf5\\\x93\xc2\x8f,\x87\x9b$\x8b\x8a\xe0?\xf3c\xe8\xe7\xe2\xa0\xe8\xaa\x10\xb2\xcbE\xfda\x19\x06\n\x14VKA\xde\x7f]\xd5k\x89\xf3A\xe2\x9b\xb7\xfc0\xb1&gt;\x80\xe20\xa7)\x82\xa7\xeaa\xab#k\x88:M\t\x93\xcb\x85!\x81!Z\xe2\x16Bak\xe4\xdb\x13\xe3^\x85b\xf2&lt;\xa7+\xcd\xf4w\x9d\x06y\x90\xcf\x87$5s\x19\xe3\x14\xf3\xb9\x96\x192A\xc0\xa6\xe7\x8dH\x03\xb1\xf3\xea6i\xe3\xfdM\x07!\xa3pl^\x02a}|\xde\x9f\xf7\x1b\xbfe%/\x8bD\xa7Y\x1c\x82\xdbM\xae\x1fk\xd7\xfb\x81,-\x0c\x9a\xeehy\x7fPb?\xbe\x8e\xb0l\xed3r\xdb\r4\x1b[r\x1d/l1\x95p\xe9\x9a\xcaF\xe6\x8bl\xba\x9b\xf0\x12\xd31\x19q\xc8\xab\nP\xa0s\x8dz\x04L\x05N|\xcf\xc8\x06\xdd\xb8\xa6:\x85\xdd\xef\x02\xcb\xf7\x93\xa8\xff\x96\xa0NYH\x89\xf8$\x8e\x12\xad}\xb4\x03[~\xa7\xc7\xd1\xce\x81\x84\xf9m\xc9\xcc\xd2\x12\xc2\x19\xb0\xec\xe7\xf0\xb9\xd8B}\xa6\x9bn\xdc7\xb4\xe5\x95l\x89\x16\xac\xb48\xb6A\xba\xd1\xdf`\xee\xbc\xce\x0e\xb78\x91\x19%|\x18\xf1\x106\xd8\'\x93\'\xf0\xe5Gg\xbf4\x119\x14T;\xe16\xd3R\xbd-\xb71\x1b\x82\x8et\x8c\xe1\xcf\xa1\xf5/|\xfe\xbf$\x01|\x9e\xaaSUR\xb9\x11*\xf9\xef\xec\x0e)\xbd1N@\xff\xbf\xfb\xd2\xcc/\xae\xb3\x1do\xdf\t\xbf\xdbI\xd0\n\x173Oh\x87\x8f\xa3ek\xdb$j\xd3f\xdc?Hn\xc5*\xf6\x1d\x16\xcf*\xb1\'\xc8\xfe\xd5T\xe1L\xed\xbc\xd6\xd3\xf9^\x84\xe5b\xaaN\xe1\x8b\x9d\x83\x18\xfd\xd8\xbf\xdc\x06rn\x86CR\xf3\x93\xd8\xcc\xa1\xdb)\xe7}\xb4\x84\xa76R\xf24,P\xfe\x1e\x10iEzg\x06\x07\xdc\xfb\xcd\xaf\xb8\xa0yILG\x0b&gt;b\xadD\xd4\x8d\xb5\x01\xbe\xea\xdb(=W\x85\x13\xc4h\xd3*\x82\'\x04`\x81\xe4\xf1\'U\x10_\xa3\xe5\x90&lt;\n\xcd\xb5\x88\xafA\xf4\xf9\x92%\xd3Vd\x1aA\xa9\xdb\x88g&lt;\t\x97\xb9\xf7M[T\xbf!\xd01\x96\x16\xcb+\x80\xab\xa0\xbe\x18\x94\xce7\x11\xcd\x9c\x88\xd9\x9d{)\x04\xc9\xd4\x00\xcb,#\xa9\xbfR\xf6Q{(,w\xbd\x0b\xed/l\x89?h}\xd24c8\xd7\x9d\xaa\x99\x7f^\xc4\xe9s\xd3\xbf\xbdni\x97\x0f\x10\x0f[\x9a\xe2\x92\xe3L\x99\\r\xaa!\x95\x97\x9b\xad7y\x17\x8e!\xf7\x86\x11tu\x15_R&lt;\x01\xea\xc8\xcc\xda\xb6\x93\xde\xce\x17\xdeZ\xeb#\xc5N\xedz\xe5\xbd\xbf\x9c\x90+\r\x93\xd2b\x0c\x07\xc7\xff\xd6\xfa\xaa%\xde\xaft\xa7F\x0c\xd6\xbf\x9f\xb9#\x10\x05Smi}\x81\xc1y\xaeH\x87\x1bhe\xbdT\xde\xe3\xd1J\xc0\xf6fSv\xc3x\x02Ju9\xfe\x89\xee5-\x9e\xd7o`\xbd\xe9h\xe2\xae\xf7\xaa\xc7Q\xa3\x1dN\xc8\xcc\x13\x0f\xf5\xb0\x15\xe2\x9f\xf1\xaf\xefZ\xff}AW\xfb\xc8w\xf4\x03O\x0fn\xfc\x88\xe9\xae/[\x823jf\x1dY\xcbr\xfb\x16\xfb\x97g];\xd6? \x1evc\xe2\t&gt;4`\\\x99%\xf2\x8b\xe3J\x93\xec\x14\xcb?!\xc2\x17a\xf7v&amp;\x88\\}\x08So\x96AE\xd2D\x06-\x8d\x7fzD\x7fA\x89\xff2\x94\x9f\x1fu!Kp9\xa9\x9d\xbf&gt;7v\xa6!\xc5\n\x11\xc5-\x8b\xd1\xde\xc7M\x82B\r.\x9d\x87\xdd\xb9|\xb6\xd7\xce\x18;\xa5=\x0b\x04\xa3\xd7\x98\x19\x92\xaat:9\x7f\xbcK]\xf3\xe2\xc8\x91\xf2\x9c\xbf/{\xc3\x1b\x12\x8b\xac\xd7\xddH(P\xe8\xf2\xea&amp;\xc6\r\xe5\x1bc\xb9\xc1\x99r\xab^(\xb6/\xb0\r|\xaa%\xd9\x96\t`B\xd1!\xef\xc8U\xb5J\xf4\x1c\x1e\xe5XG\xed{\xf8\xc8\x8ai\xb2\x8c\x10\xa5#H\xbc\x97\x98\x9e?\x89|{\x8f\x1e \x91\x8a\x97+*\xfc[8b\xfe\xfd\xa5\x08hz\xf6\x90\xbeMJ\xfc\xec\xe3\x8a\x99uV\xc6L%\xd6\xd8B\xae\xcc1on\xba\x8f\xcba\xf2\x8d\x82\x08\xecm\xb8\xae\xeaF\x13\\E\xaf\x0e\xdeb\xbe\x1d\xfbt`\xbf\x99\x1f\xa4q\x1d\x06\xdc#fR\xe4\x97\\\x98\x8c\xd3\xa4\xec\xf5#\xc4Q\x1ci\xcdy\xec^\x9c6^\xdf\xc973[\xb9\xc2\t\xd5\xab\xba\x07I&amp;\x07r\x98\x01OG|\xbb\xcenut\x9e\xd3\xb3\xbd\xbf\x15\x89\xe7\xbc48\xaa\x91\xd6\tF\xfc\x99\xa1\xf1\x04[\xc1_4*n\xd3\xae~\xdd\x0c\x0eU\x1f}\xf5P;\x08\xb5w\xe7\xd0\xdd\x87"\\\x00\x08&gt;\xe2\xa1\xde\x89\x80]\xa7\x0b\x06Ev%$\x8d\xb63\xf2\xf2\xf9\xfc1\xa1N\x1d\xb4\x7f\xa4H\xb3\xc7h\xe0\xfbg\'\xc5\xc8\x00\xcb\xd0\xf5\xbc\xc0\x14\xa1\'7\xf0\xf2\xdbiA\x9f\xb4\xc7\x88\x126\xda5\x8cr\x90\x9b]\xd7\xf6\xeb\xba\x8bu\xae\xc5\xa5Ho\xe2\xe6\xc1~\xf7 \xa8\xff\x05#\xc9\x11"\xa0\x13\x99\xdd\xa3\xf9E\x01\xaf"\x8d\x16\x10,HX5\xbf\xff5\xf91.I\xces\x93;\xcb\xbfG\xa3WF%\x9e\xe0\xd4\x168yh-L\x15\xf8\x05\xff\xde\xc4\x1c\xb0\xd4x\xd4\xbcQ:\xd4\xef\xabT\xba\xd7\xa9lz\xd2e\xe4\xb5\x19\xb1B\xe9o\x13\xce\x86\x04\x02f#\xeb\n\t\xa6\xe2\x14\xb0\xa1,\xaa\xf4\xfb@\xc6\xaa\xba\xd1\xcd\xeb\xc0\x07+\x11\xf0 3\xb8\xacu\xc3+\xb8\x97\xea\x14h\x0f\x17\xeb\xa3w=\xf1=\x8b\xa4\xdf+S\x14V\xdfh\x01\xd2\xf4i\xba\xedG\t\x0c}\xa9\x99p\x95\xd8\x1d 8LV\x8a\x9b\xd6!\xaf\x0fk\xf8"\xd4\x97\xf7\xa4\xc3\xc5K\xca)Q\xaa\xf9\xde\x81\xebe\xf8\xfd\x96\x90Y\xb9f\xfc\x1e^\xf6\xeb&amp;\xfda\x0c\x016\xe8\xecN\xbc\xfa\xa1z\xd9eG\xaa|\x0f"\xa7\xb9?\xc3id\xff\xd5\xe40\tft\xa8\xf8\xac\'\xf7\xca\x81\x11k\x08N\x97\xa2\xe9\xe6#\x9f\xd5\x8c\xa8)D\x0b?\x82\xff\x1f\xa8\xec\xca\x87\xcb\xa7\xffm\t\x0f\xad\xe9\xb8\xa43\x9e_O&gt;\x9aj#a\x8e\xda\xaa\x9c\x9fc\x9f\x11j\xad\x18\x82\xb5\x06%\xa0\xb8H\x01\x8d\x04\x1b\xcfL\xfb\xb4\'\x85/ \xd1Q\x1c\xacqw\x92\xe3Q\t\xfb\xffSL8\xc2I\xf9:f(\xf3G\xb4?\x11R7\xf0\xe98:\xa7\x1dK9\x0e&amp;\x01\x9fo\x16\xc7\xdbs\xed\xcc:n\x00\xe88\xae\xd2\xe5\te\xf4\xe2\x02N\xde\tvYR\xd7!\xf6\x03\xe8\xfca\xfcF\x9b\xcc\x01\x12\x8f\xd9(\xd4\xf4\xa3I\x97\xf57:\x1e\xd3y\xc33\xa7\xfe\xa2\x9e\x83\xeb(\'bY\xbc\xafJ\xbac\xd8qN\xe5Pme\xb2\xe8\xae&gt;\x87\xbb\x9a\x92=eEzu\xa7\xd3\x14\xdc\xa7i\xa4\x9a\x15\xae\xe1\xcb\x9aO\x00\\|S\xe6\xaf\xeb\xb1:\xe36`!\xb3k[{\x8a\xae\x94\xa2\xf6\x0b-\x1b7?\x15$)\x9c_\x99\x02\x02\xe6\xad}9\xb0\xc8I\x9ef\xb0\x81\xee\x1e\xac#UM\x85\x84\x99\xa4\xaf&gt;\x8bD\x9c\x98W5\x8d\x9e\xe09\xdbh/4\xeb\xd0\x9a\xde\xd7\xce!`\xaf.u\xd4u \x9d"\xfe\xa2\xc2\x12.\xf1.\x1b\xbe\x1d&gt;"\xcf\x8b\x0cc34\x19\x8e\xfd\xc7?\xd8\xe0bw\xf0`\xd2\xbdZ\x0f|\x06}^\xc8`z*\x83e\x1a\xdf\xa9\xb4\xf7s\xe3FV\x8e\x1f\xb0%P\xc7\xa0\x85j\xda\xa1\x1d\xb55\x8f`\x0b*\xf2&lt;m\xd4\xcbC\xe9\x85\xd7\xa2J?\xc6\x98\x9f\xcfl\\ZV&gt;\x1a\xa1\x18\x04S\xf3\xd1\x97\x03\x9a\x99\x18q\xfau\xad\xe5p\x11.\xfc\xbc'</t>
  </si>
  <si>
    <t>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</t>
  </si>
  <si>
    <t>b'J\x93\xcd\x86X\x0e\xeb1\xd9\x81\xf9\x84Q%Yy'</t>
  </si>
  <si>
    <t>his grimmest deed since the
 days when he had brought Barbecue to heel; and knowing as we do how vain a
 tabernacle is man, could we be surprised had he now paced the deck
 unsteadily, bellied out by the winds of his success?
 But there was no elation in his gait, which kept pace with the action of his
 sombre mind. Hook was profoundly dejected.
 He was often thus when communing with himself on board ship in the
 quietude of the night. It was because he was so terribly alone. This inscrutable
 man never felt more alone than when surrounded by his dogs. They were
 socially so inferior to him.
 Hook was not his true name. To reveal who he really was would even at this
 date set the country in a blaze; but as those who read between the lines must
 already have guessed, he had been at a famous public school; and its traditions
 still clung to him like garments, with which indeed they are largely concerned.
 Thus it was offensive to him even now to board a ship in the same dress in
 which he grappled her; and he still adhered in his walk to the school's
 distinguished slouch. But above all he retained the passion for good form.
 Good form! However much he may have degenerated, he still knew that this is
 all that really matters.
 From far within him he heard a creaking as of rusty portals, and through them
 came a stern tap-tap-tap, like hammering in the night when one cannot sleep.
 'Have you been good form to-day?' was their eternal question.
 'Fame, fame, that glittering bauble, it is mine,' he cried.
 'Is it quite good form to be distinguished at anything?' the tap-tap from his
 school replied.
 'I am the only man whom Barbecue feared,' he urged; 'and Flint himself feared
 Barbecue.'
 'Barbecue, Flintâ€”what house?' came the cutting retort.
 Most disquieting reflection of all, was it not bad form to think about good
 form?
 His vitals were tortured by this problem. It was a claw within him sharper than
 the iron one; and as it tore him, the perspiration dripped down his tallow
 countenance and streaked his doublet. Ofttimes he drew his sleeve across his
 face, but there was no damming that trickle.
 Ah, envy not Hook.
 There came to him a presentiment of his early dissolution. It was as if Peter's
 terrible oath had boarded the ship. Hook felt a gloomy desire to make his
 dying speech, lest presently there should be no time for it.
 'Better for Hook,' he cried, 'if he had had less ambition.' It was in his darkest
 hours only that he referred to himself in the third person.
 'No little children love me.'
 Strange that he should think of this, which had never troubled him before;
 perhaps the sewing machine brought it to his mind. For long he muttered to
 himself, staring at Smee, who was hemming placidly, under the conviction that
 all children feared him.
 Feared him! Feared Smee! There was not a child on board the brig that night
 who did not already love him. He had said horrid things to them and hit them
 with the palm of his hand, because he could not hit with his fist; but they had
 only clung to him the more. Michael had tried on his spectacles.
 To tell poor Smee that they thought him lovable! Hook itched to do it, but it
 seemed too brutal. Instead, he revolved this mystery in his mind: why do they
 find Smee lovable? He pursued the problem like the sleuth-hound that he was.
 If Smee was lovable, what was it that made him so? A terrible answer
 suddenly presented itself: 'Good form?'
 Had the bo'sun good form without knowing it, which is the best form of all?
 He remembered that you have to prove you don't know you have it before you
 are eligible for Pop.
 With a cry of rage he raised his iron hand over Smee's head; but he did not
 tear. What arrested him was this reflection:
 'To claw a man because he is good form, what would that be?'
 'Bad form!'
 The unhappy Hook was as impotent as he was damp, and he fell forward like a
 cut flower.
 His dogs thinking him out of the way for a time, discipline instantly relaxed;
 and</t>
  </si>
  <si>
    <t>b']oW\xf4[\xcf;\x04'</t>
  </si>
  <si>
    <t>5d6f57f45bcf3b04</t>
  </si>
  <si>
    <t>Dickon. "What is it
tha's got to tell me?"
"Wellâ€”do you know about Colin?" she whispered.
He turned his head to look at her.
"What does tha' know about him?" he asked.
"I've seen him. I have been to talk to him every day this week. He wants
me to come. He says I'm making him forget about being ill and dying,"
answered Mary.
Dickon looked actually relieved as soon as the surprise died away from his
round face.
"I am glad o' that," he exclaimed. "I'm right down glad. It makes me easier.
I knowed I must say nothin' about him an' I don't like havin' to hide things."
"Don't you like hiding the garden?" said Mary.
"I'll never tell about it," he answered. "But I says to mother, 'Mother,' I
says, 'I got a secret to keep. It's not a bad 'un, tha' knows that. It's no worse
than hidin' where a bird's nest is. Tha' doesn't mind it, does tha'?'"
Mary always wanted to hear about mother.
"What did she say?" she asked, not at all afraid to hear.
Dickon grinned sweet-temperedly.
"It was just like her, what she said," he answered. "She give my head a bit
of a rub an' laughed an' she says, 'Eh, lad, tha' can have all th' secrets tha' likes.
I've knowed thee twelve year'.'"
"How did you know about Colin?" asked Mary.
"Everybody as knowed about Mester Craven knowed there was a little lad
as was like to be a cripple, an' they knowed Mester Craven didn't like him to
be talked about. Folks is sorry for Mester Craven because Mrs. Craven was
such a pretty young lady an' they was so fond of each other. Mrs. Medlock
stops in our cottage whenever she goes to Thwaite an' she doesn't mind talkin'
to mother before us children, because she knows us has been brought up to be
trusty. How did tha' find out about him? Martha was in fine trouble th' last
time she came home. She said tha'd heard him frettin' an' tha' was askin'
questions an' she didn't know what to say."
Mary told him her story about the midnight wuthering of the wind which
had wakened her and about the faint far-off sounds of the complaining voice
which had led her down the dark corridors with her candle and had ended with
her opening of the door of the dimly lighted room with the carven four-posted
bed in the corner. When she described the small ivory-white face and the
strange black-rimmed eyes Dickon shook his head.
"Them's just like his mother's eyes, only hers was always laughin', they
say," he said. "They say as Mr. Craven can't bear to see him when he's awake
an' it's because his eyes is so like his mother's an' yet looks so different in his
miserable bit of a face."
"Do you think he wants to die?" whispered Mary.
"No, but he wishes he'd never been born. Mother she says that's th' worst
thing on earth for a child. Them as is not wanted scarce ever thrives. Mester
Craven he'd buy anythin' as money could buy for th' poor lad but he'd like to
forget as he's on earth. For one thing, he's afraid he'll look at him some day
and find he's growed hunchback."
"Colin's so afraid of it himself that he won't sit up," said Mary. "He says
he's always thinking that if he should feel a lump coming he should go crazy
and scream himself to death."
"Eh! he oughtn't to lie there thinkin' things like that," said Dickon. "No lad
could get well as thought them sort o' things."
The fox was lying on the grass close by him, looking up to ask for a pat
now and then, and Dickon bent down and rubbed his neck softly and thought a
few minutes in silence. Presently he lifted his head and looked round the
garden.
"When first we got in here," he said, "it seemed like everything was gray.
Look round now and tell me if tha' doesn't see a difference."
Mary looked and caught her breath a little.
"Why!" she cried, "the gray wall is changing. It is as if</t>
  </si>
  <si>
    <t>b'\x9c,\x96\xaa\xc7 \x17\xb2?\xff\x7fu{~)K}*\xc88?\x10\xbbO\x85\x92Y&lt;h^\xe2k\xe6\x91Io\xea\xc0\x0b\x0b5\xc5\xb6\xf9;\xb8?T\x02\xc8\xd0\xce\x02\xb1\x87\xcb=2\xb7\xb1\xd5\xf4\x85\xc0\x1fh\xb5BXO\x8f\xb4\xcc\xe4/z\xed\xb4\xbdO\xe2&gt;PF4\xdf\xaeg)\\\xbf\x14:(w\x1bI\x14\xab\xe4\xf8\xe4\x91\x02\xf1j\xbd.\xa2PkA\x0f\xe6F\xd6e#\x89\x97\xa5\xe7\xa2\xb2\x06\x0f*\xac\x05\tCN\x17[@@5M^\xa9W\xa1\x87,\xb1r\xfb\n\x04O\xc6\xee\x98\xd7\x8c\x92\xbd\x8f!\x0bE\xb3\xe8\xe3\x0b\xd2zj\x86\x82\xa2b\x04\xd3\x13\xa3\xee\xb0Kg\x95\x7f\xc8P\xce\xa4\xbe\xeeQ\xa1\x06\xef\xe9\xfcX\x17B\xccu\x8b6,k\xec/\x1a\xb6\x19\x91T\xb3#AQ\x9b"\x8a-j6\x88\x1d\'\xf8X7\xe4B\x92\xfc\x93R9\xab\xd7\x9f\xa3\xcf\x85x\x87\xef\x8b+\xf6\xd0\xa1\x8fk\x8c\x92\x86\xbf\x14\xea\'XO\xa2\x80\xbb7S\x84\xf8=\x08\xce\xab\xe7\x14\xa0]\x8e7j\xc7\x05\xb3K\xf9\xc6\xa5k\xafO\x82x\x1a\xbcG\xacQ\x98GO\rPXP\x17\xb0\x880\x7fy\x7f\x1c,\x86\xadS\xd5\xf5\x98\x96\x9e\xe2\xae\t\xe8jW\xad\xde\xafi]\x8d-\xc5\xbcI\xb2#.\x88\x9c@3\x10\x97\'\xe3\xc5T\xed\x126)\xa1\xbc\xddZ:\xd9\xd7\x01\xfe}\xc5\x85b\x89\xde$\x89\x85\xda\x97\xbd\x16\x05d\xa5\x00\x92\x98\xa6\x91-\x16M\x8b\x90@}7lrR\x05\xeb\xb0[\x97B\xc8h\x1c\x1a\xcb\xd1\xc1Hj*j\x85(\x7f"\xadS&gt;\xc3\xe1\xea\xd0\x05B\xaa6\xa6\xc5\x94\xa1\x06\x8d%6G\xf0\r#\xdb\xe9\x91\xb8\xf7\x9en\xd2?\xb0G\xeb:v\xa0\xe3\x9bS\xd9\xe8-\xf5"r\xa1\xaf\x9b\xdf\x07O\xeb\x94\xa2\xb9X\xcd&amp;\x15\x84\xb2\xfb m\x9f\xc9LQ\xe7{\xfc\x9c\xb6\x04\xc1!\xe5`\xe9\x8cv\x7f\xb7U\xcc\x14\xfaS\xd4\xd8uTBw}\xc5\x9d\x93\xa2G\xde-\x1f\x02#\xd1K\xe8\x91\xec\xbd\xda\xab\xa5h\xd3\xcf\xb6\xf4cu\x94e{\x0c&gt;B\x80yD\xc2{\xfdlaZ\x8e[\x91\xdd\xbc\xe7\xa2%\xe5,g_\x804\xb3\x1c\x89\x86\xee@\xbc&lt;uEww\xfa\xe4j\x1a\xd13w\xd4\x8ey\x9f\xe55\xb6\x9b\x01\xfb\x16&lt;\x9d\x95Y\xc9#\x96\x07\xf1ev\xcf\x17\x1cHl\x83\xec\xfa(o\xc8\x97\xad/@+HW\xf4\xcfHu\n\x99k\x08g\xa2\xa6,\xb3\x14\x99\x8a\xe5\x87(\x82\x81\xfc.K\x869\xfb\xa6\xd0\x1fFi[\x93\xfa\xecB&amp;\xd9\x80\xa9\xe9\xd2\x1a\t\xf5\xbc\xa4K\x87\xd3\xba\x90K\nJ\x0fQ\xbc`\xa3\x99\x02\x15e\xcfHP\x13AJAORe\xf4\xb3\xda\x9c\x93\x1f\xf33\x17\xf8\xf8\x1c\xaf\x06z\xf5\x05q!\xc4\xb9\xb1\xba\x85\xe2\xee\xa8\xa7\xa6\x93\x85\xf0h\x86\xa7K4\x8c\'\xd4h\xb7\xe1\n\xdd\xd6\x81\xb3\xa4t3G\xd8\x914t\x96\x1b\xab\x8dQ\xd2m9\xd5\xb5\xe1\xa7\xacc\xbbeZ\x03L\xddz\x12\'\xfe\xd0\xc0V\x7f\x89\xd2\xb8\x90\xa6\xf3\x05\x91\x97\xe8\xe1?\x01\xb0z\x8b\x05\xbc\xfa![\xf4\xa5*\xa0\xbd\x9d\x0f\x135\xccq\xbe~eD\x9b[\xb8\xc8Zu(\x98Myk&amp;\t\'\xcd6\xe8\x05\xda_\xed\x1d\x1d\x95W\x91\xc0\xc9\xea\x05n\x0f\x00\xcfi5\x1f\xb0\xf6\x97\xdb~ey\xc6[\x87\n\xe7l\xac\xa1&gt;\xf8\x1az\xd5\x153\xc9\xf2\x08\xbd\x06\x90\\\xf6l\xc9\xfd\xc9\xb4-f\xa2\xe6\x14\xe2\xdc\xa8\xd9\xd4\x04\xe7N\x05\x89\x9b)o\xa3r\xe4\xfa\xbc\x0emB\x03\x8d\x85\xd0\xcf\x93\x8b\x1cE\xfd\x07%\xa7T"\x03\xc9u\xf5=\x8aH|\xea\x07I\x04\xd2\xa8\x0e\xbd -\xacd\x81,\xe9&gt;\xe6\x03\x97\x12)\xea\x90\xbc\x1d(d\x97h\xf7k\x13tK\xa9Pqi\x0c\x88\x86\x0c\xc8;\xdd\xe5o\x92\xd2\x0b \xc0\x0e\x01\x08I\x1bp\xf2\x05p\xb6\x08\xfb\x1f\xa4P\x06;Xu\xef\x99\x8f\x01\x11\xfbh\xa1U\t\xdfI\x81K\xcbC\xe7l\xb4\xbc\xf2\xc4\x08y\xc4q6b\xd5\xddyV\xda"\xcc\xc2L\x86\xe1\xd5\xe9\xe7\xce\x93\xb7\x08A\x8b\xb9IsK\xcd\x1b\xf0\x1a\x8aJ/\x1f\x87\xaeoO\xc9h\xe7\xd9h\x05fR\x86-qC(\x95\xd9_\xa5Xm\x9a\xb6BI$\xb0\'p0\x88|\x8eqf\x00)\xc1K\xa8\xd6\xc0\x1d\x99\xeaZ\x9e\x10\x83\xbdS\xa3\xbe\xb5Aty8\xa2\xc7\xb7n\x16\x0c\x17?\x18\x92\x1e\'$\x0b,\xdaU\xae\x02u\x93\xba\xf5\xe5\xd7\xd6k\xa1\xe0\xc4\xb2\xd7\xfd\x0b\n\xc7\xceE\xcfFRQz\xb1Y?\xdd\xf7!#\x94!nVi\x03\x19\xd3\x1a\x1e\xfd `H\x1d\x9c\'\xdfj\x12\xfa\rC\xc7\x15\xe4^\xf5\xbb\x82\xe3\xa2\xec2\x1dRx3\xdd\xc7-\x0f\x11\xa4\xf9\x1cj\xd6\x92\x10\xa7\xde\x17!V\x1e\xd6L\xfe_j,\xcdN\x88\x11\x98\xbc\x1e}\x85\xda7\x89;\xbc\xdfb\xe7\xa1\x96YW\xfd\xe0N\x07\x00\x1b\x10o\x01\xf7\x08R\x0e\x18\x9b\x02*\x83\x11Y\xcd\x81\xce[\xd2\xee\x196\x83W\xc3\x1c\xcf\x9cy\xaez\xba0\xc0\x94\xf1\xbb(*\xf1x\xac{\xfa\x1c^\x94\xe3M\x8f\x19\x9b}\xd7\x12\xca5(\x10\x04\xb4\x87%\x95\xa3\x82b5\xdf\xe7s\xeb&amp;?\x8f\xa4\xb7e/\xa4\xe6\xeb\xe7\xe4\x828\xbb?T\xba@q\xc6\x00\x18e\x04cH2\xfa\xcb\x06\x90vcF\x812\x9f\x9ch\xfb\xbeTo\xb4\xf6f4au\x18\xdf\x0f\xe4,\xf7\xde\xdd\x1f\x94\xdf\x9d\xf6\x0b\xe2\x1c\xcb\xf7\x93\x88\r\xc8k\xcf{\xd2\xa7\xfe\x1e\x8e\xff\xc8h{F\x9a\x90\x8a\x98\x84\xc4S\xf8nP\x81\xf9\xa8\xef*\xe8\xb86\x9e\x10\xfe\x12\xa06t\x04\x07\x8e\xdd\xdc\x07\x9b\xd1WE\xb0\xf54\x947:\xd3ej\t\xfa\xde\xe6\xa5P\x89,\n^\xa8\xa9P]\x06K\x82\x03x\xc3R\x9d\xa3\x9c\xbf\xa67\x9a&amp;*L\xa0\xc9\xcf\x07\x03\xfa\xfb\x1d\xad\x90\xd8\xcfTyld}#\x9d\xa3\xb7V6\xc5U"hg\x0bs\xa5\xab\x08\xa4B\xe6\x8c\x05z\xf7\xf0\xc6!\xe4gE\xfcDrm\x9bWA\xe4\x11RH\xfd\xe7*\xa4P\x0e\xd6\x97n\xfe\xb8D\xf0f\x98\x13\xad[\x96\x99\x0c\x17&gt;\xfcK6SC\x80\xad[\xa3d\xf4H\x98\xef\xf4U\xbeb~\xc5\xa0\xc7\xf3BQ\x0f\x17aOu\xeb\x96\xce\x19\xcc7\xf8\x8b/\x975\xc7dY,\xe3\xdf\x9e\x94\xb8{\xf8q\xb0\xea\xc5\xd5\x9c\x1c\xff\xc7q\xdcAs\x96\xec\xcb\x0e&lt;\xca\xb64}\x82\xa9\x81D\xe4Vn\xa2\x1b\x17V\xe3\x8d\xe6\xd3i\xe8\xe8t\x16\x81\x83\xaaS\xad\xdd\xf7!#\x94!nV\x87\x82\xda\xc6rP\xb8\xe1a4\xb7\xe8-\xa0\x82\xd2\xb6\x86$\xe8y\xc8\xdf\x1a\x15\xbfh\x04\x90\xa3\xfa\xf8i\xfcVG*E+f\x1d\xc4\xdd}\xc7\\FV\x01\x84b\xf1Ap~\xe0\xd1\x05\x12\xdc\xb0\x93\xc32\xa7\xe90\x97\x0f\xd1\xb7\xae\x99a\x7f\xb0\xc5\x9cX\x10W\xb4\xdd\x01*\xfbo\x96Ycfg\xcc\x15\x94\xd5\x84\xf0-\xdblvzP\x84\x86\xd0TY&lt;\xf6T\xd6\xd5/\x84\xab\xbf#\x14Q\xa9\x87h\\3%l&gt;0\x11\x90&lt;\xbf[b\xd00w\xa6\xcd0/\xdce$ec\xa6\xf2s\x02\x9fT\xeb\xa4#\x83X\xdf-\xc5`\xc2-64\xed\xe11#\xf7\x1d\xf7w\x16\x03J\xbe}\xd4\xde\xbf\x14\xf1\x90H{\xd7\x8b\xd45 \xe8\xd85\x1c\xd7 \x94\xb9\x96l\xdc\xa3 \x0e1\xa1\x06\x95\xcd\x02n)\xb3\x1b\xb2\xda\xdc\xd9x=j|~6ep\xf7=h\xd6\xd3\xa0\x99ax&amp;E\\\x9e\x1b\xa9&lt;\r\xdfb]\xd2\xc6\xe7&amp;\rVwP\xe9\xe7pW\xb6L\xa54\x9bq\x9d2_\xff\x02\xee\xe0$\xa3\x90\x12\xb8\xdf\xa1mE\x1f\x95\xc6\xf0!t:Z\xc5)\\\xe4\xcd\x0f,/\xeb\xde\x9f}\x89W\xd2\xbe\x8a\x9fX\x95\x8bQ\x8a\x134z~\xb5\xb2\xc3\x8cO\x0eQFw\x08aOx\xe7\xdd\xb9\xfbG\xa5\x8f\x1f\xf2\x86ey"2\xb5;\xe9\x7f\xe8K&gt;N\xc1?\xa7kH)u\xb3\xd5u\x1c\x0e\x17eI\x1a&gt;\xf6?\xf1$\x8fg~\x05\xec\x1dO\xa8J\xae\xfaL\xf2\xffd\x8c\x10\xdc9\xd9U\x0f\xd0L\'\x00m\xce\x86vr\xac\xd0\xb5CI\xa9\x96jR\xb5\xc5\x1d&gt;\x82\x11\x9bd\xc7GV\xd0\xa2\x89F\x02!\xf9u\x10,\x1e\t|\x8a\xd9HQf\xd6\xb3Crn\xaa!9\x92\x0f\x12h\x8e\xa8z\x15e\x19\x856\xd3\x1e\xd4\x8d_e\xdc\xe9\xd6ca\x85\xc4\xdf\x13\x17\x97\x99\x9b\xb6\x0f8\x99\x86\xddO\xa1-HVJ\xf1\x9d\xa6\xddV\xce\xcbl\r\xfa\xc4BRc\x96C-\xd8\xa5j&lt;6\xda\xff\x17\x11\x04\xe0vv\xa4A\x08\x9a\x1e\xe4n\x8e[O\xe2Al\x16\xb7\x86ah\xefY.G\xf6\xb3E\xb9\xc6v\xbbf\xabk\x83\xbd\t\xda,\xe1\rT\xac-#8\xf2?\xed\xed4\'z_\xe4\xd0f\x15\xf0O\x99\x8e\x0fB\xf4\xb1\xe8S\x0fC{\xda\xc3\x96Q\xdb\x8cpI\x1f\rc\x90\xeb{k\xce5\xd6\xf0M\xbcE;\x10\xbb= U\x00%\xdcu\x1d\x9ff}\x8c\xdc\xe1\x9aT8F\xd7\xb4\xeb\x926\xe4\x1f\xfe\xad&amp;M\xd3H\x87t\x81\xcdQ\xe3\xf8a]\x92\xdci\xa4\n\xc4\x95\x8d\x1c&amp;-\x86\x8az\xc0x\x1eZW|yg\xe5\xd3\xef\x9bB\xb1\xdb\x82!\x88\x1b\xa5@K\xd4;\xc6d\xd2[\xe1\x95\x8c\xb4\xa23\x9f[&lt;S\xb8\xcb\x03R\xa4+\xd6\xd0\xa3I\x03\xee$\xff~\x0c\xcbq\xdae\xd4\xb7\x0b\xa2\xdc\x93\x10j\xc8f\x138B\x03\x8a\xab\xca\xb1\xb7\xaaNqv#s\xb7C\x06\x8c\xec\xc0N\x83:\x0c\x85\x9c\x13?\xbbK\xb8\x96\r\x02(!\ta\xa7Gv\\\xfa\xb3\x06]\xbd\xc7\xf1\x17e\xdc\xae\x87\xa6\xce\xa4\xd2\xf4\x1e\xc3&amp;bN\xcd\xa4&gt;\xb1\xa3\x9a\xafa\xd5U3 4-#\xe2y\xd2_%r\xb0\x96_q\x87\xed\xe4\x1eO!{\x83\x9c\x94\xdfv\xc0\x92Zcw&lt;A\x1b\xbe\xd2\xda\r\xb6\x01\xac\x84\xcd\xea\x1f\x0b\xf1\x13\x87\x0e\xa7 :\xaf\x81\xccP\xefz:\x1f$\xe0MdF\xcf\xcc-\x88\xad\x06\x03\x99\xc5\xe5\xe6\xf1\xcf\x1c8\xf1L\x192Z\x9f\xdb0\xf3\xcf\xed\xd0-\xc2\xebP\xa4\xbc\xba\xeb4\xae\xd8\xc81\x1a\x9f\x84\x9d\xdbf\x8d\xf6/\xb1\xd8Q@i!\xc9h\x84\xcd\xc8\xea-q\r\xff\xec\x15\xa4J"\xf5\xe8\xec\'\x1c}\xcfp\xd7X\x1d\xf4\xf9\xc5\x82\xe3\x0b\xf6\xb0\x97\x1e\xba\x16~\x1c\xcf\xc6g.C_2\xf2t]#\x13e\xb5jW\xd1\xa5\x0b\x8b\xfbri\x84\xe7\xb0\x80\xe2\xcd-\xfc\x1a\xaa\xde\x18\x01J\x9f\xdb\xc6\xbfX1}\x00EeHeU\xb5\r\xdc\xa7C\xdeu\xa8C(llE8&gt;%\x14\x1b\x0c\x10f\x8a\xf2Y\x0e\xd2\xe1\xbf\xfbk\xff\xef\x8c?\xc3\x1a-d\xdcQ\xd7\xf3\xd3\xf1\xd02 \rN\x90p\xbd\xedP\x94\x99\x91\xd9E\x96|\xa9\xe8\xb2\xa8\x00F\xba\x16\xd0\x03\xb1I\xa7\xca\x92\xe1\xd8\r\x8c\xa9vN\x8a\xc1b2(\xb6\x81\xb9\x8eVx\x0f!\x1c\xe3\x12\xfb\xd9\xee\x93\x04l\xd8\xdc1\x049V\xc96\x80\xd3W\xfe\xcc(Y\x88\x93\xfb\xf6b\x8a\xa8\xc3x\x12K\xf8\xfc\xe6\xd47_\xad\xf3\xeb\xd1\xee\xa5\xf4m5pJ&amp;\x13\x89\xd4\x98\xe2H\xfe\xc9\x8c\xc4\xc1\xf5\x8c\x7f\nL\x99\xf4v\x10\x87\x82\x15.N\x9d3\xb9&lt;\nw\xbf\xec?P%i\xc5\x03\x9b\x9aI\xef~\xbaT\x8a\x93bv\x10\xad"\x91C\x914\x9d\rv\xf9ec\xa3\xefQ\x98\xbd\x89\'\xb2\xb6#\xfb;h\x8e#;\x81!"\xbe \x94\xfc\xb3\x818\xbc\xdf\xa2\xa5u6\xfa\xb3\xa4T\xfbV\x1c\xff\xbe\xe2v\x01\xff}QU\x0c\x03\x00\xe2\x17\xd2-\xa5\t\x03c\x1bn\xe5\xdd90q\xa7?\xa1\x92LO\x01X\x1fh\xf3^]\xcb\xc3\xc4\x85?\x1d\x06:\'vdw\xfa\x08A\xba&gt;&amp;@\x16\x1b\xcd\xfc\xf7^\x9f+\x9br\xc4\x88\xc3\xaf\xf4R\xb6\x0f\xb2\x19\xefeh\x13Z\x02\xb8B\x0f\xbfM*V|\x93]\xbdW\xa7Qz\xf9\xec$\x0e\xb8\xa3X\xef\xb8\n\x84\xe5}d\xf2#\x8c.\xf7\xc5\x10od\xdb\xb8\xb6\x82\xe6\x9e\xbe\x0e\xee\xc2s\xa1\x00]\x1fw\x1d\xb2[\xbd\x0e\xf6:^\x99\xcf\x8e_t\xf86 )\xb2\xa7\xb0\xdbc\xf5\xbc\xf7\x11\x1ew\xaaxf\x0b\x95\x80\xbf\xb8:\xab\xfa\xf8|\x11\xf8\x02\xae\xc3EVJ\xcaq\x9ao\xfc\xaaX\xe0H\xe6{rXb\x18)\x08\xd8\x1a)cr\x87\xfa\xac\x9e\xffa\xaem\xa1J\xdf?^\x12\x85\xa5m\x1b\x12\x10vc\xa0\x99J\xe0\x13\xfb,\x8d\x1b\x89O\x87\x1ed1Q\xbb\x9a\x7f\x12\xd6\xcf\xe5\xc1\xe2\xf1\xe2\xd8U9(\xa9\xe6\xea\xb5\x18eC\xe0\xcd\xb2\x88\xbf\xa7I\xda d\x80\x96\xb5C\xb9\x17AP\x94\x90\x83_\xca\t\xa1kgT3\xf0\xa0%@\x04\x909\x18 \x8e\x92\x92\x89W7O\xba\x19\x94`\xe7l\xb85=\x88\x8b;ij-\x14\xd8g\x0e\x87\xd7D8\x8a"\xbdp3&gt;\x9a\xe0A\xd3\xe5++\x12&amp;\x90\xdfg\x19\xe0dq\xf7\xd1\xb3W\xbb\'UA\xf8\xd2\xfen\xa4b\x15\xe2\xb6=a\x04\xbf\x0c\x89\xe2]&lt;y&gt;J\xf6\xe1}\x81_&amp;b4\xdcy\x9f\x19 \xfc\xe3\x15w%\x8e\xef6r\x1e\xd0\x1a\xf6+,l\xdd\x03~\x8c#\r\xe7\xe4f\xf9\xd9&lt;\x91\t\x8a\x08\xca\xd3\x05J\x186`$\xc7\xa8\x90\xf6)\xd1\x95\x11V8\n\\3\xb6\x0fJ/y\xafi\xe3\xc6$\x00\xc6\xbc\x85\x01\x17oH\xe1\xc7%O\xd0 \x0eO\xb3Am\xbe\xb1yj\x91\x1b\xab\x8a\xbd)\xef\xe0\n\nx\xaaF\xf0\xe5\xa8\x1a\xf7\x94#:\xe0*\xab8\x1bU\xf7\xc5\xd4r\xb3\xf0dU\xafQ\na\xab2\xcbf\x1a\x80%\x03F\xad\n\x98X\x11\xb2\x08\x80x9/\x11\x14\xc6\xd8+Y\xbe\xfc\x06\xce\x18\xaa\x0e/\xd4\x7f\xdd\xe3\x0b\x89J\t\xf0\x17\xe2\x97f\xe7\xf4\x1b\xec\xc7\xf9\x01\xf0G\x01\x91X\x88\xb4\xbb\xd9d%\xe0\x89\xe6}\xa5\x11\xc2"V\x7f\x8f\x19\x0eW\xda\x16\xa1\xf1\xfem\tu\xc8u)\x14k\x98V\x8f\x0e\x8abL\x06\xa9r&gt;\xc3\xcd\xa9\xb4\xb0C\x08\xa5U\xf5q\xe3\xe3&amp;\xf8ry\xc4\x8a~\x03J\xbe}\xd4\xde\xbf\x14\xc8\x8a\x9c&gt;\xc8\xb5\xfa\x83\x8b\x1c\x8a\x8em\xf9\xbb$P\x1f\xc4-\xc2\x1eN\x96d^\xb6ih\xb3\xa7\xb8Y\xd4\xb8\xf0n\x9e\xe7\xa7\xfb\xa2&lt;\x92\x86\xd9\xc7\xe5\xaf0\x13\x15\x8b\xefI\x03k\xbb\xefD8\x0f\x1e\xe4B\x9b\xfb\x9dI\x89\xadB\xc3\r[\x87\x84&gt;\xb0o\xc7\xcd\t\xe9-\xee\xd1\xaf\xc1!8@d\xf94\xa0x\xa6\x06\xe0\xb6vF\x88'</t>
  </si>
  <si>
    <t>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</t>
  </si>
  <si>
    <t>b'\x9c,\x96\xaa\xc7 \x17\xb2?\xff\x7fu{~)K'</t>
  </si>
  <si>
    <t>es by consuming less (unless there
 are unemployed resources, a possibility we temporarily disregard). Thus there is a trade_x0002_off between current and future consumption.
 Letâ€™s imagine an economy that consumes only one good and will exist for only two peri_x0002_ods, which we will call present and future. Then there will be a trade-off between present
 and future production of the consumption good, which we can summarize by drawing an
 intertemporal production possibility frontier. Such a frontier is illustrated in Figure 6-10.
 It looks just like the production possibility frontiers between two goods at a point in time that
 we have been drawing.
 The shape of the intertemporal production possibility frontier will differ among coun_x0002_tries. Some countries will have production possibilities that are biased toward present
 output, while others are biased toward future output. We will ask in a moment what real
 differences these biases correspond to, but first letâ€™s simply suppose that there are two
 countries, Home and Foreign, with different intertemporal production possibilities.
 Homeâ€™s possibilities are biased toward current consumption, while Foreignâ€™s are biased
 toward future consumption.
 Reasoning by analogy, we already know what to expect. In the absence of international
 borrowing and lending, we would expect the relative price of future consumption to be
 higher in Home than in Foreign, and thus if we open the possibility of trade over time, we
 would expect Home to export present consumption and import future consumption.
 This may, however, seem a little puzzling. What is the relative price of future consump_x0002_tion, and how does one trade over time?
 The Real Interest Rate
 How does a country trade over time? Like an individual, a country can trade over time by
 borrowing or lending. Consider what happens when an individual borrows: She is initially
 Future
 consumption
 Present
 consumption
 Figure 6-10
 The Intertemporal Production
 Possibility Frontier
 A country can trade current con_x0002_sumption for future consumption
 in the same way that it can
 produce more of one good by
 producing less of another.
 CHAPTER</t>
  </si>
  <si>
    <t>b'0E\x02 $\xab\xac\xbc\x9e\xe0\xadR8\xeeJ\xfb\x1aL\xa3\xca\x06\xc7Xemg\xe3\xd0\xb8M\x10\xda\xac\x9f\xb9\r\x02!\x00\xa5\xfc\xdbN\x0b\x12\x1f(.\xb2jA\xe1\xe6h*\x82\xdb\x19|\x86\xd84\xc0\xd6\xa3\x89\x0e\x02\x89\x7f\x06'</t>
  </si>
  <si>
    <t>3045022024abacbc9ee0ad5238ee4afb1a4ca3ca06c758656d67e3d0b84d10daac9fb90d022100a5fcdb4e0b121f282eb26a41e1e6682a82db197c86d834c0d6a3890e02897f06</t>
  </si>
  <si>
    <t>b'0E\x02 $\xab\xac\xbc\x9e\xe0\xadR8\xeeJ\xfb'</t>
  </si>
  <si>
    <t>d the captain. 
 "Thank you, sir," returned Joyce with the same quiet civility. 
 Nothing followed for a time, but the remark had set us all on the a</t>
  </si>
  <si>
    <t>b'X\x95|\x92GG\x94\x9d,\xdf@O\xdf\xbc\xfe\xedJ\xe1k\xdd\xf2x$0\xa8\x13\x97\xf0\x83H$\xd1\xd2P\x98s\x19/\'\xeaU\x00H\x04\x8cj\xe3\x81\xaa\xad\xf8i \xe9X\xd9-e\xc3P\xe1\xdel\x9f\xe07\xbd\x08\x80X\xc4\x8e\xc8\x96\x12\xdc\x08\xa5\xe8{8\xfb\xeb\xbf8Sx\xc2\x19\xbe:\xac\xc0\x89\xa6\xb1nC&lt;u\x83\xb404\rR&lt;\xbc\xf6\xf5\x00\xe52\xd3~\xe5U\xe4 WC\xd1\xd2\xf2\r\x89\xe2\xd8\xc4\xa5\x0e\xb1\x0e4\xdcO\x987/\xfa\xdd\xd4yv5\xbc#5[^\x9c\x16\x1a\xcc}l\x9a_\xa4Im&lt;t\x97\x06K\xa7\x18\x9e\xa2\xcc=\xc3b\xf0G\xc0\x8f\x7flZ!n\x9f\x8b\x07\xf0w\xc1E\xb9L\xb7\xd4w\xe0\x19ie\x9c\x0b\xd0\x0c\xff\xbf\xb1Y5~\xa7n\xf0\xcd#\x06\xc8\x81\x0e\xa6\xa9+\x8c\x82\x05R\x13\x9b\x94A]\xcf\xe0Z"\xe5\xecv\xb5B&lt;\x1de\xce\x13\xcc\xfc4\xdd\xf2UIZw\x08\xa4\x81\xea\xa6\\\x03B\x94\xcb\xaa!\xf9#Dc4\xa1\x19\xc5}\xb0V\xe7\xb6\xadp\xefd\x93\xfa\xf12\xf8\xbc\xaaV\x82\xad\xe4\x0f\n\xb2\xc6\xdd\x1a\x15q&lt;\x82Lt^\xf9\xfcv=\xafd+1\xd0\x82\xaeX\x80\x80\xf0\x82\xb0\xecVFLT\xc0\xa2F\xc2P\x83}\x01\xcb\xd4\x9e\xeb\x96/\x08\x16I^(\x0f\xe7\x96\xe1\xbb\ng\xe8[\\(\xc5\x14&lt;\xbd2*\xdf0\xb2\xc5`}\xd5\x80\x15a\x04\x7f1\xd7\x96\x9d\xf5%?u\x1e\x0f"!W\x19\xe3\xd0:%\xa4Z\xf9\xc9\xf4^u\xce\x8c\x03\x80f\x95S\xf0\xd0\xac[h\x99\xa1 4\xca\x1a2\x8b\xab\xb3s\x1b\x99"\xff\xae\x00\xd0\xd6 Q\xd2B\x8b\'\xee8^sy\n\xf3\x89X\xe8\xe4\xc87mKu\xcf\x00\x1b\x16\xe3\xbeJ6#\xb3\x0b\xaf5\xc1\x8e+\xe7{\xc8\xf7\xc7H\x8e\xf6Q_\xfe\xe3\x87Ij|\x90\xd6!O\xf9\xa7\xb0\x90\xda\x14c\xc7\xdcv\tJ\xe0g9L\xeb"\xa4\x9e\x99z'</t>
  </si>
  <si>
    <t>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</t>
  </si>
  <si>
    <t>b'X\x95|\x92GG\x94\x9d,\xdf@O\xdf\xbc\xfe\xed'</t>
  </si>
  <si>
    <t>atâ€™s just what I
 want!â€
 He followed the clown, and soon found himself once more in the
 Japanese quarter. A quarter of an hour later he stopped before
 a large cabin, adorned with several clusters of streamers, the
 exterior walls of which were designed to represent, in violent
 colours and without perspective, a company of jugglers.
 This was the Honourable William Batulcarâ€™s establish- ment.
 That gentleman was a sort of Barnum, the director of a troupe
 of mountebanks, jugglers, clowns, acrobats, equilibrists, and
 gymnasts, who, according to the placard, was giving his last
 performances before leaving the Empire of the Sun for the
 States of the Union.
 Passepartout entered and asked for Mr. Batulcar, who
 straightway appeared in person.
 â€œWhat do you want?â€ said he to Passepartout, whom he at first
 took for a native.
 â€œWould you like a servant, sir?â€ asked Passepartout.
 â€œA servant!â€ cried Mr. Batulcar, caressing the thick gray beard
 which hung from his chin. â€œI already have two who are obedient
 and faithful, have never left me, and serve me for
 192
 their nourishment,â€”and here they are,â€ added he, holding out
 his two robust arms, furrowed with veins as large as the strings
 of a bass-viol.
 â€œSo I can be of no use to you?â€ â€œNone.â€
 â€œThe devil! I should so like to cross the Pacific with you!â€ â€œAh!â€
 said the Honourable Mr. Batulcar. â€œYou are no more a Japanese
 than I am a monkey! Why are you dressed
 up in that way?â€
 â€œA man dresses as he can.â€
 â€œThatâ€™s true. You are a Frenchman, arenâ€™t you?â€ â€œYes; a Parisian
 of Paris.â€
 â€œThen you ought to know how to make grimaces?â€ â€œWhy,â€
 replied Passe</t>
  </si>
  <si>
    <t>b"\xc2:\x1e\xcc\x8254@\xed\x97\x17\xd0\xd7\x16\xa0'\x1d\x1a[D\x1cK\xbe\x92X\x94\xca\xdf\xbd\x00\xeb\xb5"</t>
  </si>
  <si>
    <t>c23a1ecc82353440ed9717d0d716a0271d1a5b441c4bbe925894cadfbd00ebb5</t>
  </si>
  <si>
    <t>b"\xc2:\x1e\xcc\x8254@\xed\x97\x17\xd0\xd7\x16\xa0'"</t>
  </si>
  <si>
    <t>owed us to stay really
 lean.â€
 Moiz didnâ€™t use Amazon, retail, or Kickstarter. He sent all traffic to one
 place, the company website, and encouraged visitors to subscribe to its email
 list in exchange for a $2 discount. People usually subscribed, which increased
 Nativeâ€™s conversion rate.
 â€œWhen we tested this, we kept the test going a good six weeks past the
 planned duration, even though we already had hard data that it definitely
 worked, that people subscribed and that subscribers were more likely to
 become customers,â€ said Moiz. â€œThe reason was that I was certain in my
 heart of hearts that it shouldnâ€™t be so. But thatâ€™s the thingâ€”when it comes to
 marketing, I have no idea. Despite spending all the money weâ€™ve spent on ads
 and all the success weâ€™ve had with creative, I still donâ€™t know whatâ€™s going to
 work. Iâ€™m not the customer. Thatâ€™s why we test everything.â€
 While Native is based in San Francisco, it didnâ€™t raise capital like
 everyone in Silicon Valley. Instead, it tested its products like tech companies
 test software, according to Moiz. â€œEarly on, when we launched in 2015, we
 realized we had a pretty mediocre repurchase rateâ€”twenty percent. Our
 reviews were coming in at an average of four stars. We started simply asking
 customers why they didnâ€™t buy it again. You were willing to spend twelve
 dollars on this deodorant; why didnâ€™t you buy it again?â€
 The answer, Moiz found, was resoundingly application; customers didnâ€™t
 like how the deodorant applied. It was too flaky. They spent the entire first
 year of the business working to solve that problem. They were also focused
 on staining; Moiz would A/B test products by rubbing them on all his shirts,
 throwing them in the wash, and seeing what happened. With all the testing
 the company did, it was ready to launch a reformulated product in a year.
 The new formulation was â€œinfinitely superiorâ€ to the original. Reviews
 went from 4 stars to 4.7 stars, and repeat purchases doubled.
 Itâ€™s easy to fall prey to â€œshiny object syndromeâ€ and lose your priorities,
 Moiz cautioned. â€œOne of our investors told us we needed to launch into other
 categories, and that no one was going to buy a single-category business. But I
 felt that things were going so well that I didnâ€™t want to lose my focus on it. If
 I branch into another business category, what are the chances Iâ€™d be able to
 do it as well as this business is going? Our sales channels were also
 questionedâ€”we were approached by Target, Whole Foods, Costco, Sephora,
 Ulta. The number of brick-and-mortar stores that approached us was a
 hundred pages long. We decided to stay laser-focused on what we were good
 atâ€”selling on our websiteâ€”because what we were doing was working. We
 doubled down on what was working, instead of getting bogged down by the
 typical dogma of other startups in Silicon Valley.
 â€œWe didnâ€™t do any influencer marketing for years. People told us we were
 crazy. You donâ€™t have to listen to all of the noise out there. Whatever your
 team is doing well thatâ€™s generating revenue, double down on it. Stay focused
 on what youâ€™re doing well and ignore everything else.â€
 When it was time to go to market, Moiz knew heâ€™d grown an immensely
 profitable business, but to a point. He felt confident that he could build from
 nothing into an eight-figure business. But he didnâ€™t feel confident he could
 build a $100 million business. He wasnâ€™t sure he</t>
  </si>
  <si>
    <t>b'\x8cu\x853\xb5\x96^t7\xae\xe0\x9b\x19\x07\t \'\xe3\xedA\x0b\xe86\x8b1\x91\xaf\x18\x13\xcdrB[{:\xba\xeb))\x03\x86n\x1cE\xce\xb80\xea\xf4E}s\xd32(\x8b.F\x95\x9f\x81"\xe1\xdbS\xc9d\xe7Vs\xccH\xfeP.B\xee\xdb\x07\x98/1\x817\xc3#\x9d\x13\xc6oc\x8a\xbf\xf3Z-\x1f4\x8eZ\x10\x03\xa8\x19w{[z\xa3\x8a\xa9\xe7K\x02\xac\rI\x14\x02{\xfc\x08\xeb\x85z\xfe\xd0\n\x138\x10LDY\x8c\x9f\xd6\xdb\xe8;O\xfd|k\xfc\xf6\x99Y(J[\xfc\xee\xde\xf8\xa4Q\xf6S4\x16\x9bj\x05\xb4\xbe\x9d\x97R\x85cO\xf4!\xf6\xc3\xb8lV\x0fAp\xdd\xb6c\xa9\x15x\x8d"eD\xeeU\xb7\xc2L\x87\xdbSu\xc9\xda\xb9t\x90\xa3\x0b&amp;\x88\xdb8\x07\x83y"\n\x11{t\x99}dcH\xbf\xdc\x9d\xf5\xef\xb9\x92\xff\x0fJ\xd6\xf9#\r\x87\xb6d\x8d\xf1\x1d\x9e\xa1E\xa9\x03\x0f\xa3}\x0b\xd0$\xc8\xc3\xb2\xfb\xae=\xcd\x9c\x97\x0c\xe6Y\xb0\x91\x14\x17G%\xeb\x93uH\xf9\xba-\x0b\x16#\x87z\x84~\xf1\x94p\xd7\xc4\xd7\xb4\xc5\xa7jP\x1d\x04aG?\x90txe\xfb\x18\\\x94\xef\xcc\xce=\xac//\xc5\xee\xe3\x1e\x02\xf9N\xd59\xd5\xbcL\x18n6\x19g{\xc0\xe9\xe5\xe3$W\xb9.\x16\xbap\xf4\xfc\xdc\x1c\xd2\x0e\xbc\x07C#2y\xc0)p\xe7l\x03\x8e\x16R\x18\xa3\x8c\xc7J\xe2\x93?6\x1a\xa9\xd9\xeag.\x18\x8fc\xdeo\xa6X[\x0e\xf5\x9d\x04\xa9\xc6\x06V\x05pc\xd2\xb6\x03&gt;\xd2\xc0~\x11R\xc3\x81p\'!\'JZ\xdfj\x8e\xa2F\xbc\x8f\xa4\xe0z\xe6\xd8;\xb1\x05\xb97\x96\xa1\x12\xbd\x8f\x99\xcc\xd82\xa1\r\x1c\x13\x0fbixFK\xec\x9a\x8b\xc6\x19\xbe\xe0A\xe4\xd7\xf4\xa6\xab\xdc/n\xcd\x81i\x00M\x8d5i\xdfL5j\xcc\x00;\xb1\xd7\xe9W\xcb\xceh=\xd2\x137\x87\xfc\xc6K\xf9\xd7\xf5\xf5\x8b\xa1b\x03+?(\xc5{\xc7B\xc8\xd5\xb0\x18\xa7\x1f\x138p\x15\\\x03\xb5\x17\xf3!X]d*|,\xe1[D\x8c\xce\xed9\xdb\x82\xfeCG^\xcd\xd3Uq\x07yG\x9d\x1f\x9d\xa1&gt;\xc7C\x86\xd4\xc2\xc1\xab\xccl\x00cm\xa3IaM\xa0\xb2\xfbZ^C\x9e\xda\xfb\xd5\x16orC\xa6E\x0e\xf9\xd0\x15\xf4\xd3\x95\'8y(Q\x06\x1eO\xb3\x18[\xaa\x1az\xd7x\x056\xa9\xf5\xef\x0eO\x96;\xf9`W\x95\xab\xd4`\xc8n\x84\\\x05"9A\xa5M\xdf*\x8aa\x9b\x18\xe9\xf0e\x92SW\xa47\xf8\x04\x80Y\x89\xc17O \x15\xdb\xe2\xcf\x1cDQiy&lt;\xcd\'\xc8+\xca)\xf8\x10w\xb4\xc3a\x90(\xe5\x91\x88\x87X\x19 \x96\x87\xdb\xab\xaf\xac\xb1\xf7\xd0\xb7%\xd4G\xf7#Ijc\x15~KI\xfeE\xe3(\xd8\xa6\xc4W\x1a\x00_\xd6Nf\xcf&gt;[\x16V\x1aN\xa0I4\x1e\xac&gt;{\xcf\x98\x8a\x8b\xf04\xf4\xb9\xb8\xe9\xde2-6\xea\x1f_tP\x14\x1d\xd8\\\xc09\x049?#b\xe1s\x92l\x8e\x8c\x81\xef\xf1\x19HT#j(\xf4\x9d\xe12\x07S\x1aY\x1ae\xac\x8e\x8b\xaf\x866g\xfa\x83e9\xf5\xad\xdd\xf1~\xbd\xc4\xebH\x8f\xd1\xc9\xf5\x00[\x87N\x12M+w\xba?\x91\x16\x81bJ\xf0&gt;Q\xa1Q@\xed4\xac=Z\xe6\x92\xe6\x8d\x97\xe7\xb6E\xae|\x98\xc7V\xdf\xfd\x8c\x16\xc7`$\xb2!\xb8\xb1\x16\n\xe4\x94\x1av\xf6\xb6\x98\x8fS\x98N\xcd\xe2\xb8z\x00\x9f\xa5qn\'}\x88^$}t\x92\xb8\xd4\xdcR\xe0\x90,B\x9d\x12\x93jA\xb7\xf1yHRp\xdfj\xeb\xf8?\xbdU^\xd63q/\xe1/\xfa\xa0o\x1b\xb5 \x96\xd6n\xce\xa2\xb8\xbf~=\x93\x0ed\xa4\xde\x8d\xd1\xe7\xee#\x1dup\xa5\x18\xbf\x06\xa0ng\x0b\xa9&lt;M!\x951\xc9\x0fq\xcd\xa4\xe4\xdf\xa1\r\xcb/\x1a\x9c\x17w\xcc\x04\x14\x81^\xb2\xaaN\x90\x18$\xe1\x0f\xc4\xf7\xbe\x0b\xb29\xffS=yP\'\xb7gu\xff]\xd8\xf0\xf8&gt;\x92\\|I#\x16%\xb5\xc2[D\x80MX\xe7\x99\x1f\xcbR\xe7.3\x11\xac/cR\xd9\xa4$\x89&lt;\x04\x88\xc0\xdd\'\xb2\xd6@\xd8Z \xce\x97L\xb1\xcc\x13\xa5\x18\xe6\x9c\xe2\xa3\xedhj\xb0rc\xbd\x01\xc5v\x98\xd0\xa4\xbc\x99C\xd8\xd3\xb6\xf9\xdf\xbfM\xaa\x94\x9d\x9b\x80\xae\xd19Hyg\xe0\xb30w\xae\x1b\x83N\x0f\x8d\xf0\xcb\xbd\x00&amp;S`,p&gt;!&gt;0\tC\x04\x9f\x87g\xb1\xa7o&amp;\x19|\xba\x06A?\x02S\xa1\x85\xe1\xa0\x9f\xe9\xb7\xea\x98\xe8\x83N(\xe2\xa1\xb46\xc4\xd2\xf1Z\xd7.R\x05)\x1b\xcc\xba\xba\\\xf5.{W)?\x0c\xe2\x11\x80\x1aM\xa9\x0eP/O@\x00\xda\x81\x95\xc7a\x1b\xce_\xe9"\x92\xb7N\x9brV\xf2\xf9\xa9V2\x9c\xdd\xd2\x96u\xdd\xab\x16\xaa\x98\x81\x88\x85\xd1{\xf4O\x8f\xae\xe3u\x99x\xf2\xc7_S\xb9Lkl5\xcb:\xf4\xff3ah\x83\xeb\x1c\xe17\xac\xb5\xd7\xa1\x8a\x05\x8a\xea\xd33\xb8\xb4\xde\xf3i\xa8\x95\xfcB\xb2k\xa5\xc7\xb6 \xf0\xf0A\xa7\xb8\xf2y"\x1cW\xd4\x9c\xdes\xff\xedJ\x99\x89}\xbc\xa3\xf7\xcb3N\x00?\xa4\xeb\xc7\xf9\x92/]q\x80\xe9\xa4\x9f\x19\x86\x9b\xdcN\x15\xba\x80Bn\x15\x12\xa4$$\x00\x07\x98J3\xd3b]\xc6\x80X:\x98\xba`?\xb8\x1a(&lt;\xa0\x98\x7f\r\xc3-\xf7I\x11\xee\x16\xefZ\xce\xa0@\x94N\xb5\x1f\xf1\x0f\xb2B*\xbf\x8eG\x98BOZ\xb5W\xc5]-.3\xd5\xf0\x15\x83n7fK\x17\xb2\xdd\xc0\x1e\x94\xf3\x82\xc1%ZJ\xdf\x92\x01\xfas;\xa32\x9f\xb2\xa0&amp;\x10\x9aK\x91\x1f@\x15\xd3\'p!\x934`\x14_f\xe7\x9b\x83p\x16\n\xee\x1c\x15\x18\\\xc8ydN\x06?\x93\xb0\xc5\xbc\xdcy\x1b\xe6\xd1@\xfe,\xffi+\x93\x9c\xa7\x971\x11M\x16I\xe18\xc2US\xd3\xa7d4\xda\x99\x1e\x84T\xd6\xd0\xeah\x14\xf1\xda\'?\xdc\x89\xa0Y\xd8!\xe8\xd5HY\x10k]\xe7\x8eT\xe09\xcevXD\x02\xb3`r\xd8J\xc9\x14\xa0\x96\x9f\x8c\xd2\xac\xfd\xc5\xcb@\xacM\xfdS\x13\x831\x82\xebw\xb9\x13\xde\x98\xe1\x82q\xd3\x1ad\x9e\xad\xb7}\xf3\xd2\xf7\xc2\xcf\xbbl\xacV\xbf\xfbQ+\xbf6\x9fy\xb8\x92\xa2\xa6\xe9$\x8f\xe7\x10\xca\xb7a\x97?\x81\x8b&amp;\xa6\xca\xe0gu\x0b:\x1a\x86[\x80d\xcfAI0\x80\x95\x8f\x0b\xbb\xcc,B\x8eA\xe8\x0c:\xc5\xeb\xaf\xc5S\xba&lt;\xd4\xda\xb9 \x08@|\x8d\xf8\xa7\xac\xf2% \x9b\xce\xc8m@w\xe9\x05\xf5D\xbe|\xd3\xe4\xa0\xd8\xe04\x15_\x91^?l]\x97\x01\x0b\x92\x14\x137\x9a\xae\x85\xd9S\x06\xc3\x8c|:\xa2e\x04j\x8c\'o\xdf\xbf\xf3\xcb.\x0e\xaey\x90\x1f6[\xd8R\x9f\xed\x90\xc1\xe7\x06_;m\xa7H\xed\xe2\xaf@\xbf\x1b\xd1\x90_\x11\xcb\'\xb8 \xf2xC\x9c\xe9\xda\x1d\xa9\xa1\x05\xe8\x13l\xe6\x80w\x98@\x8c\xd3\x90\xe2}\x15\xe3\x8c\xf2\xd2y\xd0\x8a\x88\xe9\xbb\xfd\xfa\xa2;\x9fY\xd4\xf8\xf9\x8c4:c\x16",\xb5\x88\xea\r,S\xe7o\x00\xf3\xa6\xc1\xec&amp;\xaa]\xafEhqb\xa0\xc4&amp;y\x0fS\xc7\\\xd1\xed\xee\x85\n\xb4\x88?\xc8n\x04}^\xf3\x9e_\xcd\xf2\x85\xcf1\xb6!\xa7KP\x9f\xf0GL\x19\x13bBo\xc0\x9e\x1c\xfb\x88@\x18\xfe\xf6\xccH\xdb\x19\xcb9\xf6\x80\xfbC\x89y\x18x\x1b\x80Y\x1c\x1e\t\xd1\x15A\x93\xf6\xe5&gt;\xd6\x88\x85i\xd74\xcf\x88*\x93Z\x07LB\xf9"\x04\xe1\xfb\'\x05(\xf8\xdc\x8e\x93\xe6\\`-g!\xd8F\xdd|ep\xe6\xc5\xde\x82%"\x8c\xafY^@\xd5\x82\xa2R\x04Z%\x16\x7fj&amp;y\r\x02w\x020,\xf2\xe8\x96\x80\x08\xf5$$\x9f\x9e\x9c\x19\xe8\x96q\xb0\x95\xaeT\xbd_\xb3\xf57\xb1\x02ZD\xe4\xab\xac\x1ea`\x83F8\xb6\x8f\x80\xaa\xc7\xa8S\x82X\xcf+8h\x03\xbc}\x11\x0c\xd6\xae\x8c5\xf4\xec\x03A\x04\xeft\xa8(9\xd9\xf5Z\x10\xf02GM\xf5Gy\x82oN\x86\x0b\x1d_\xd6\x07_\x9dt\x0e\x9a{\xe3Jn\x8bR\x9f\xbd\xd9{-\x0c\xae{nh\xd8\xb2\x10?"zC(\xbc:\x0e\tX\xc0\xd06\x93;\xa2\xca\xb1x\xafA\x0eC\xce5\x0b\xa85@\xde\x13\xb3q\xf9\xb3@\x08`\xb9\xa6&lt;\xf4\xab\xfe\\(QN\xc4|j\xbb\x855\xdcf\x11sy\xee\xb1_\xb1h{\xd7\x18\xeb\xba\xf1xe\xea\xaf\x1fg\xfd\x03\xb2O\x8a\xd0\xaa\x0c)d\x80\x9e\x80\xb7\xc5k\x9f\x1e\xacn\x04|\xaf\x14\x94_aw\xf1\x07\xb4W\xd5\x99\xd9N\x83\xf0\x9d\x1b6\xcdq\xa5)\\\xe1t\xacCX\t$E\xa6\xaa\xeb\x11pn\xcc\x01\xe2S_\x12\xb9\xbeD(\xee\x17\xb23\xb7\x9b\xf0L\xf8\xa7\x0b\xa3\xd3\x9b6\xf7\xe1\xc7\xa6_\xb6L\'9\xa2@\xb3\x11#LH\xf2j}\xfczc\r,\xcc\x12\xfeQ\xcb\xc5\xa2\x12\xf4~\xab\xa9\xfc\xbe\xb7Ij?G\xe0v\x13\x83\xe5o\xf3\x10g\xb5\x1f\xbf\xb6\x88/\xd7\xd7\x9a\xec\x02\x00@\r\xe5\x10\xdf\r"\x13\x80\xa8\x90\xcaV\xb0\xe8^l\xb20\xe96\xfe\x91\x0f\xc65\x02\x83\xa7\xaa\xd23\xeb?\x9a\xc8B\x84\xc2\xa2\x15\nS*\xc1|@\xdf\xd4{&gt;\xda\x99\x97\xbf\xfb\x8adFVTH\x82y\x83*h\xa2[:\xd8\xcc\xf9]3j:\x1f~\xdfc+6\x9e\x0f\xc39\xc0\xb7U\xe0\x90\xdd\xab1\xef\x19_\xde\xaf\x94\x07\x9f\xca&gt;5\x1a?\x08\xa08\x88\xde\xdb\xd7\x8d\xa9&gt;\xb4\xe4\xf7}^/\xd4CEx\x1d!\xe9\xc1\xa0\x05\x1f\xba\x96\xc8\xb2\xa2)\x87\xf6\x81\xac"F\xbf\xccX\x1b\xef\x1b\xcc\xceV\xc5/0X\xdf\xf18o\x11\x81\x0f&lt;~E[\xaaK\x97cy\x9cU\x87P=1\xa8\xbe\xcd&amp;D3\x0e |\x18\xa1qU\xa9#x\x1e"\x7f\x99\xd0\x05~\xdd\x8e\xa1\xb0\xb6P\xb25\xb8\xed\x92\xac}{\'\xf7\x90\xb9w\xa7\x7fJ\xab\x05\xa29\xd8\xeb\xfc\xa38SO\xd1\x1b6\xa4\xc5\xbe\x12\x9c+\xc9\x8f\xb5T\xa6.\xfa\xc0\x19\xcbC\n\xd1\x08heOh\x00\xe2u\xdef\xce[#l\xea}\xa8`\xd54o\x08U\xc1\x85T\xc0\x94*\x9fq\xf0Y\x02\xde\xfa\x03\xca\nj\xaf\xb5\x01e\xbb\x1d\x97\xe8\x9cU\xb4\xee\xb36\xaax\x1b8\xc7\xef\x138"\xe0\x85\xc1yyL\xa3f\xa0\xa2A:\xd6\xd1\xe1\x18A\xf4\x1a\xf4\xed\x01.\xa0\xc8\xf6\x01\xfe\x7f\xfb\xe4\xfcS\xf1\xd2H\xde5\x10nb5O\x14\xf6\x7fx(\xc3[1\x01\x0ek$\xcc\xeb\xb5S/\x0e\xf3}\xc6\xea\\b\'I&amp;l\xb5\x94\xa9F\xb9(\xc4z\x94\xf6\x1dC\xfepg\xf7\x7f7;\x9d\xd3\xab\xae\xffj\x94So\xb1l:\xcb\xab\xbd\x1f\x07m\x14\xea\x10\xa5\xe2/\xc5(\x06\xf7\x03R\xb4\xaa\xabt?o)\xbc"\xca\xeb4\xe7\x88\xf9\x07\xe88\xa1u\xc9R\xb4XM\xb65T\xd5\xb4\x03\xda\x83\xc7\xf3\x1b,\x1eb\x9f\r\x1d\xe9-i\xda\x9b-\xe6\x1d\xf4\x11,o\xc3m@\xaf&gt;\xef\x9a\x03`\xe3\xddI\xda\xe8SE\x80\x8eG\x8f\xf3m\xda\xf9\x19(\xce\x04^@9\xf6\xeb+\xbc\x01[\xb7Y\x15\xd6\x85\x12\x14\xf7\xdeME\xe4\x1bR\n\xbf\xad"\x03\xab\xf4\xa2\x11=\xef\\5"\xc817\xa7\x83C\xc2\x16r\x1d\xdbWN\x13\x16\xd5\xccy\xf6\xb0\x90@\xec\xc0\xba_\xd9?;\xbb.\x1b/T+\xae4\x1d;@\xdd\xad\xa4v\x82\x9db\xa9\x9a\x84U\xb9\xe0\xeb{)\x06b\xcf\xd8\xee\xfb\xd9\xaa\x8e\x1f\x83\x8ei\x99ah\xfc\xfa\x9a\xa3\xcbG\xe0\xba\\i\xa4\xa4sF)\x1a;8\x04\x13\xf7x\xda\xaeh\x18\xbf\xe9\x87\xcf\xc88\x94\xda\xbbs\x0bD\x01"\xd1\xbf\x80\xb5\x97\x99\xdcS\xceZ\x10Cm@:M*\x05\xec\xddm\xbc\xe2hw%\xe0\x00\x15~\x05IW\xf8A\x1c\x00yJ\xc1\xfc-\'a]2g+\xfe?\t\x17\xd0\xbcH\xd09\x80\xef\xf5\xf1\xbe^\x192\x9d\x8a\x16Ys\xe0\xee6\x8e+\xd6\xa9\xf0\x9d\xcdg`g=^\xa5\xabH\xe1\xc2~V\x84#R\xb0\xf4@\xa4\xa5&lt;zJ\xc0\x1e\x9d\xe6\x94\x18\xbd\xdfdW\xdf\x90\x93\x99\xed\xf5\x0ee\xcc^%\xf05\xebZ\xa6\x9eI^\xa3\x91\x15P\x05\xd3\xcc\xc5\x9e\ru;\xffA&amp;{\x140\xb6\xbe\x98\x12\x1c|:\xd0\x85Cm|\xc5\xb8N\xf9\xc5\xfbf\x14\xac\r\xdfh;\xc7\xbe\x89\xfc@M\xcfrR\x81r&amp;q\xf8so9\xf2#\xd0\x04Y\xe3W\xe7\x00\xf8\x9aE\xed\xd5\xb5\xee\x88\xf4\x9agE\xf1\xf9\x17\x0b\xa8\xcb#}\xff!\x8d\xba\xb3\xd0\x17\xda\n6\xf8_\x18\xbc0Gb\xd5\xce\x9e\x1cm5\x8c%\'\x0e\x9a\x89\xa3\xe5\xd9\x9f\xea\xecB\x94\x8d=\xb9\x15\xc6ewC\xfc\x91M\xd5w\xb1\x02\xc5\t\xf7\x84\xa1T$\x19\xb3\xb3\x85\xa0\x86\x98\x01\r\xac\xd2GFQ1\xfaF2\'\x08\xeb\xafP\x90\x05\xc1rcx\xd4\x97%\xdd\xc2\x1e\xdd4)Y\xce\x1d\xfa\x12\x12\x96\xc9d\xac1\xc7\x01\xed1c\xe1\xb68t\x1fZf\xdf\xf2T\x19\xe1\xcf\xaa\x03\xd1:\xfd&gt;\x89\xc8\xd6a\xfe\x8b\xd6v\x9e\xf6\'\xbc\xaa\x14\xb9\xee`\xac\x8d\x84\xcb\xb3\tvY\x0f\xf6z\xc7\r\x9b\xa5q\x0e*\x82\xd7\x81\xf4:\xad`\x1a$h\x12\x1d\xde\x93\x01^\xde+\xd0\\\xc1\xe1\xe1\x89\x9ba\'\x9b\x9dj\xa1\xed\xbd\x1b\xe3\xf0\xb4x8\xcc{*\x80S\x96=\x07m\xf7,I\x15\xea\xc7\xf0\xbf\xc7\x99\xac@\x19I(^E\xf0\x16(\xd1%\xab\xfd\x8cJ_\xab&gt;\x06\xe4\xbf\xdd'</t>
  </si>
  <si>
    <t>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</t>
  </si>
  <si>
    <t>b'\x8cu\x853\xb5\x96^t7\xae\xe0\x9b\x19\x07\t '</t>
  </si>
  <si>
    <t>(Tac. Ann.
278 Jonathan Edmondson
13.49). Although in this case the exemption was granted, there was clearly a sense,
even under Nero, that excessive spending by local elites could threaten the economic
viability of provincial cities. This was indeed prescient, for from the later first century
onwards the emperor had to send out from Rome officials of senatorial or equestrian
rank known as curatores rei publicae to deal with the financial problems of a number
of provincial cities. Especially revealing is the mission of the younger Pliny, dispatched
by Trajan to Bithynia as provincial governor to scrutinize the financial affairs of all
the cities of that province. His letters sent back to the emperor between 109 and 111
(or perhaps 110 and 112) reveal a chaotic picture of maladministration (Pliny
Ep. 10.15â€“121, with Millar 2000). Although we lack such vivid testimony for the
Roman west, a number of curatores are attested epigraphically for various cities and
were clearly dealing with many of the same problems. The patchy nature of our
evidence, however, makes it difficult to gauge how frequent and widespread were
the interventions of such officials (Burton 1979; Jacques 1984).
Individual provincials could appeal to the provincial governor or even the Roman
emperor against the authorities of their cities if they felt they had a valid grievance.
This occurred, for example, in Baetica in the late 70s in the case of one Servilius
Pollio, who had leased the right to collect some of the local revenues (vectigalia) of
the municipium of Munigua (Mulva, 30 km northeast of Seville). Left out of pocket
by the refusal of the city to pay him what he was owed, he had app</t>
  </si>
  <si>
    <t>b';\xf7\xd3Y)o\x95\x90\x02\xee\xb4\x03\xc9\xf1\xb9%L$\x84T\xaa&amp;F\xbfj\xba\x89\xe1\xe8x\xba\x03\x03\xc0R\xf8\x9d\x80N\xef]\r\x07\xf7\xd5\x1fc\xa8Z\xc0l\xb9/\x8f\x0f\x9f\x88\x80O\xca\xd7\x7f}\x9c\xe8\xc1\x12\xfd\xc1\xb0\x95\xc8\xd0&amp;)\xbd.\xd9\x8d4l&gt;U(\xfe\xca\x04\x11Q\x9f"\x9c:\xef.+\xb3FG\x8c\x13\xa9/\xed\x17\x9a\xa2\xa0\xf9u\xd0\x0f\x89t8\x1b:jj\x11{\x8f\x06;x\x9a:\x9fh\x8c\x16V\x8c\xe3B\xca\x95\x87\xdb|(G\xc2\xdd\xba\xaf{#\xe0\x13\x8a\xe8Rg\x05m&lt;\x91Ai[\x99P\xe56M7=\xee\xff\xa6+,\x87\xbfK\x1bKj\xf5\xc1\x8fT\xcc\x01\x7f6!\xdfj\x89\x0b\xb1\xc1q\xc4\x04\x1c@\xdf\xea\xd5yM\xc43:\xf0\x1d \x15U-H\n\xee\x95\xbb!\x13\xf5\xad\xe5B\x0c\xa0Fj\\-\xd1\x1e\xebj\x88\\\xc8\xe036\xc6pe\xbe\xe8&lt;\x7f\xad\x9a\xb2E\xad\x18\xf1{\xf8\xcf\xb4,\x9b\x0c\x0f\xf0=\x0f1\xf5\x1cz8m\xd6\xfb\x9a\xabz\x81\xba+f1\xc9\x0b3\x9f\x831\xd7\xe9\xbe\x8a\xb3\xb8c)\xc9\xe8\'Z9\xf2v{5\xfdZv\xe4\x01\x15"q\x08\t\xfb$Q\x8c\xfd\xd9\xc7\xfa=\x0c\xab0;\xdb\r.\x123L\xc9\x92\xec\r\xdd\\)\xe5\x9f\xcf\xe4rG4\x98\x81\xe5\xd5E\x11\xcd\x82,\x06\xad*\x8273\xb7\xa9\xe2\x98\xf9\xa7\x99\x1e\xf9\xbe\xefS\xf8fUj\xfc\xaf\xe9\xbf\xb5\xa9\xa9\x7f\xb0\x86HI\xc9]\xfd\xf4\x98\xe6zaH\xaa\x05\xc9\xc57oJ\\I9\xad\xf3\xf6&lt;^\x7f\xa1\xa8F\xedo\xe3\xadj\x8e\xe7\xdc\x8bn\xf1\xd2&amp;\xfc6\x0bV/\xf0?h\xf4\xf8\x15\x11\xb0pV10|\x9b\xc7\xca\xac\xf3\xbc\xbb\x1c\x17\x89\xf7\x9fg\x95\x86\xa0=\xca\xd7\x0ew@\xc6M\xf1\xea\xe5S[\'p@\x99\xa4\x1b\xb3\xfc\x12\xcc\x81r\x90\xc1u\xc7*\xa0i\xf0#%i\xb6\xf1X\xf7\xabn\x8b\xba\x03\x9drajQkhu5.\x1eiJT\xb7\xc9\xab1\'\x14\x14\xfd\xc8~I\r\xf8\x83\x9b&amp;v$\xa5p5\xda\xed&lt;\x93D\xc6\xa9\xb68\x17f(\x11\x1e\x8f\xefo\xd8\xa7\xaa\xa6q\x1aq]\x1f\t7\x0fU\xa0\xe8\xa9\xdbgB\x82\xb0\x84\x91\xdd\x19\x12:9Zo!\xedfMT\xe0\xc4VWK\x7f\xbf\x8a\xe6\x0e\xbf\xf7U\x15\xe4B\xdc\x1c\x0e\xaa\x8e\x9b\xdc\xd0\x1b\xaf\xc0\x17&lt;[v\x90\xa2\x7f\x05\xee\\\xb9\x02\x16{b\x1eZ\xc9\xfe\x0bd\x0c?\xfc\xec\xd86\xcb\xfe]\x80\xef\xa9\x18\xd6\x08\xb6\x86\xe0\x8a\xf6\xb6v\n\xd8\xec?\xc9\x1b&gt;d&gt;\xd4r\xe6\x0bC?p\x8fe\xfe\xd5\xfd\xc1+\x0e}\x84\x9e\x11\x0c\x06]5\xf5n\xe3&gt;H\xf7\xbfLs\xde\xce\x90\xcd\xf3\xeei\x8f\x14\x8d\xfe\x8b\xac\x83X\xf3\xfe&gt;\x89d\xa2\xb96D\xeba\x00\x97\x18\x9d\xc7_\xec\x01\x9f\xe5\x84\xa3\xb0\xe2\x93d\x9a\x96\xef*\xad\xcd\x0f.=\x94\xb0\x0c\r" \x02BHG;\xce\xd0&gt;\x18\x1b\x82\x89+\x07\'4iJa`\xaek[\xc9?\xd4v\x99wL\xf5\x0b Y~\xc6\xee\x16I\x8bFgB[{\xd9-l\x17B\x03\x9a\x0f\x93\x01\x13\xaaL\xe7^\xb9\x10?\x08\r\x8b/#\xd6\xdc\x11&gt;\xb8]\x85\xae\xd03\x9c\x860\xa4!\xdb\x02\xa5\x92U\xa3\x12\xf2\n\'\x9f\x9d@\x16\xe6\x9dO\xfd\x80\xca\xd3\x1a\xf5\xdb\x1b9;\xa9hO\x9b\x9f\xe41\xe6\x15\xe5\xaa\x0b\xaf\xb7]hkU\xf1uQ\xdaUF-R\xef\xef2\xaa"4\xf1\xc5\xfcl\xd2R\xe0\xb8R\x92.\xe2!\xae+\x1a\x18\xa4\xfd\xc5\x05_~\xad\rmb\xa6\xea\xfcS\x87\xdfeO\xdd\x83\xf3\xb6\xcf\xcd\x80\xce\x89\xdd\xa9G$\xd7-\xc5B,\xbb\x87,\xedC\xf3\xb7\xd6\xbe\xadq\xbc\xdd\xdc^+q\x06\xcfg\xeeO\xdda\xf7\xac\x16v\x1a+\x18k=d.\x1a6\xf5\xb0\x98\x1e%-5n\x97\xe6I\x16\x96\n6\x05p&amp;)5b|{w\xbba\xce\xa3\x8b\x1a\x97\x86\xac\x117\xae?g\xe8\x9a\x90\x1f\xfd\x03\xbd\xf0\xb4\x10Q\xfbY\x15\x1c\xec\xc6\x92&lt;z\xb4\x18\x12!\xca\xcc\x0c1\x1b\xf8\x02\xebGb\x04\xc9\xca\x12(\xc2\xc3W,\n#\x13\x10\x8d\x1f\x93\x7f\x8c\x05\xc0\xab\xdd\xdf\xc1IA\xabJ\xa1\xc0\xf4\x8f;lN\x1a\xc9\xcd\xf3\x11\xe2\xc8\x05\xaa\xc7\x01\xa8d\xdf7a\x18\x94\xfe@\xa5\xb3HA\x822l\xaa\x91|\x97L\xaa\xef\xaf\xa1y\x8ab[#F\xde\xbf\xb1o\x17z`\x9f\xe8\xfel.\x84y\x11o\x9b!\x9e\xb6\xf8\xf5\xc1\xe7f&lt;\x99}\x14\xd8\x91=\x89\t\xa7m\xa7\x10\x0f\x9f\xac\x02\xa3\x9a\x7f\xa6\x86\x874fj:\xbb\xa0af\x1eJ\xe1\xe0\xd6\xef\xc3\n\xb9\x7fo\\&lt;\xd9\xe9\x94\x00\xf3\xadq\xc1;\xa6X\xfd&amp;\x87f;\'o\xa2\xf3P\xba-\xb5\x0f\xb6s\xc7\xf6C\xdf\xfdfN\xe8\x06+\xed#e\xfd}\x94\xe3\xd6\x98\xe9-\xf0\x1bUL\xaf* Ea`\x17\xb6K\xa0\x8c\xcb\xf8&gt;G\xe8\xeaP\xceh\xba\x1d n-B\xd7\x18b\xd4\x917(\xa6\x81\xf2f\xb3\xcb\x87aE\xe1\xf1|d_\xf6\x86v\x85\x9b\t\x0b+\xc7\x94\xb1\x97\xb2\xde\xe0\xe1\x97\xbb\x02\n&amp;2\xec\xc6i9O?\x01\x8c\x0c\x90\xf7\xaa\x1a\xbc\x82\xa6\x0b\xac\xd5S\xf1\xbb~\xaeFEMm(\xe5\x94\x00\x12\xe9\x91}B\xe8DhvZ\x89F2\xb8\x94*\x13\xa1?\xbd]\x898\x88\x83k\xb7\xcci]\xfa_n\x85{\x0c\xae\x12\xaf@^h\xd6\xda\xc5\xe1,J\x9cAc\xb2\xa1\xffuP\xf8\x90\x99\xf8ze\xb7%\xf4\xa7\x94p\xe3;\x18B\xc1\xdd\xa8%\x16\xdc\x831]E\xd7\xe3cW\xa4k\x18\x97\xd6=\xc9\x96P\xb6(Dr[F6\x1e\xba\x97\xfdy`5b\xad\x9d\xd8\x86\xb7~\xbb\x07\x86&gt;h\xc3\xac\xda\xea\xc2\xe1\xbe=\x17k\x03\x97G\xe9\xd9\xbf\xb5$+\xff\x84F&lt;gX\xdb3\xc0\xea\xb2h\xbc\xcc\x8f\x80\x0e\xfc\n\x06^\x95\x03\x98\x164\xc3\x07J\x87\xa9\x14\xb4\xe6e\xb7t\x87-\xe5\xb9\xbe\xcac~;\x07!\x98x\xe1D]\xcdP\xa6\xea\xfc\xee%\xf5\xda2A}\x01\xa4J\x9c\xa3\x14\x08P\xd6o\x98\xf1S\xc9\xff\x9eY\x8b\xe2u\xf5\xb0?\xfd\xe8{\x19JF\tL\x02n\xd8\x1b0\x18\xc3\x08\xd2\x97\xd1\xa8A\xd9EY,\xb9N\xf7\xe7T\x82~3\x0f$\xb1)n(\x86@|\t~\xbf.c\x82\x92\rvz&lt;[5\xfb\xd2\xcdD\xb4@\x84\xe9D\x01IUgU&gt;\x03\x1d\xb8\xef\xa4\xa5\xfa\xda\xff\x1c\xdf\x83\x9a\x06\x89\x19\x99\x9c\x97\x9e\x8a\xf7\x91UP\xc9A\x02c\xabaHj\xb81\xc5Q\xb8\xbd\xad\xfc\xf0\xc6n\x00\x06\xa1\x9c\xcc\x8f\x8e\x9a\xa1'</t>
  </si>
  <si>
    <t>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</t>
  </si>
  <si>
    <t>b';\xf7\xd3Y)o\x95\x90\x02\xee\xb4\x03\xc9\xf1\xb9%'</t>
  </si>
  <si>
    <t>nd conical in figure. 
 So much I saw, almost in a dream, for I had not yet recovered from my 
 horrid fear of a minute or two before. And the</t>
  </si>
  <si>
    <t>b'B\xc3?\x16v~\xae\xba}\xb9r\x94\xbb6\xccT\x9d\x8e&lt;\x95\xf4Dq\x92\xbbG\x8f\xea\xe9Zs\x8aWd\x9b@\x94\xf1\xd7\xf7&gt;\xe1R$~\\#\x93`U\xfc\x00\xb5\x00\xcd\x0c\xbfv\xe8\xa8\xd7p&amp;R!\xc7\xce#V\x1c[C\xe7v\x08\xc1Q\xd7\xe2=~\xef\xb7*i\x04\x984J\xac\xff\xb1\xad\xc0\xa0\xc9\x88\x9c\xa8\xc2\xa8\xcaq\xff\xda\x92\xfe\t?1\xa1B:S\x9c\x7f?\xe5\xd2.\r\x97\xe8\xa4tEO-\x98\xb9\xb1\xde\xd9\xef\xbcf\x8e\xa9e\x95\xdasoK&lt;\x86l\xcdRX\x90\x80\xd8\xfb\xe8\xf3\xe7\xb9K\xd3\xcd&gt;\xcc\x1e\xcd\x9e\x0c\xcc\xaaJ\xcb\x83j\xef\xde\xfdh\x0ca\xb6}6\x1aX\x84\xb4\xbbG\xe2a\xb9\xb7v_?\xe31\xe3kpwX\x92I(\xd5\xe7\t#\xc7\xfb\xd5\xea\xc4&lt;\xd8\xe7\xc2\x13I\x96\x01\x03d|4O\x14\xab\xe8\xc2+H\xd2\xbdTF?\xb3\xe8\xab-\x15\xf6B%B\x96\x10\xd2\xecC\x12\xf2I\xbf'</t>
  </si>
  <si>
    <t>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</t>
  </si>
  <si>
    <t>b'B\xc3?\x16v~\xae\xba}\xb9r\x94\xbb6\xccT'</t>
  </si>
  <si>
    <t>s feeding Rome (and from 332 Constantinople). Prefects also acted as judges. Constantine in 331 stated that â€˜â€˜we do not
permit appeals to be made from the praetorian prefects who alone should be described as judging in the divine stead (vice sacra) lest the veneration due to us should
be seen as impugnedâ€™â€™ (CTh. 11.30.16). They also acted as the emperorâ€™s chief of staff
and were responsible for public works, roads, and the imperial post. After Constantine defeated Maxentius in 312 and Licinius in 324, the praetorian guards were
disbanded and prefects ceased to have a military command role. Their numbers
varied, since each emperor had his own prefect. Like emperors, they acted collegially
(Feissel 1985 Â¼ SEG 35.1484; Feissel 1991).
Although one of the most powerful officials, praetorian prefects were only part of
the machine of government. In the late third century, most other aspects of the rest of
the empire were run from the comitatus by the several scrinia (departments), the
principals of which were the magister libellorum (in charge of judicial petitions),
the magister epistularum (imperial correspondence), and the magister memoriae
(memoranda). This system had been completely reformed by the 330s. The office
of prefect, perhaps over-powerful (in the third century, prefects had murdered and
replaced emperors on more than occasion), and certainly demanding, with its financial, administrative, judicial, and military responsibilities, underwent restructuring.
Late in Constantineâ€™s reign, the military role of prefects was taken by new officers, the
magister peditum and magister equitum (Zos. 2.33). The office of magister officiorum
had appeared by 320 to oversee the various magistri scriniarum, as well as the agentes
in rebus, imperial investigators. Constantine created the office of quaestor sacri palatii
to draft imperial constitutions in place of the magister libellorum (Harries 1988). He
200 Hugh Elton
also created a new rank between duces and prefects, that of comes, a companion of the
emperor. In the third century, this was a description of a relationship to the emperor,
but Constantine formalized this title as both an honor and a rank. As an honor it was
attached to positions close to the emperor such as comes et magister militum. As a
rank, it was usually given to senators, though subdivided into several grades (Mann
1977). Many of these officials met in the consistory, the advisory imperial council that
included most of the senior officers of the comitatus, both civilian and military.
The way in which provinces were administered changed, too. Before Diocletianâ€™s
reign, the civil and military aspects of provinces were administered by the governor
(usually a senatorial legatus, though there were already some equestrian governors:
Pflaum 1976), the financial aspects by an equestrian procurator. By the end of
Constantineâ€™s reign, a provinceâ€™s military aspects were administered by a dux, the
civil and financial by the governor (praeses, corrector, consularis) (Mann 1977). The
new military frontier commands often covered more than one</t>
  </si>
  <si>
    <t>b'H\x19\x8e!i\xe1\xa9\xea\'\x1aV\xa3\xac\xd5\xacI\xee\x15~\xd9\x18\x96S]\x02\x88Ju\x03\xe5\x19\x94\xec\xea\xb1,A\xfe\x02\x83lh,\x01\xee\xe9\xcf\x88\x0f\xe1\x11~\xe0\x03I\x1d]\xf8\xa5\xfdN\x1e\xec\xde\xa3\xd8\x0f\x9d\x91\xcbPg1etQY\xe0f\x89\x0c~E\xa1\x94\xe1\xb2\xa8\xa9\x1dc\xdfk\x1b\xec\'\xb99\x17\xf5\xf1\x99zd\x90\x9b\x81\x08&gt;\x05e\xd6\x927/\xcb\xcc\x885\xbf/Q\xda\xef\x8a\'`@\xa4oZ\x88x\x9a\xc0B*\xc7\xb0n\xa4m/\x91\xc0\xc5\x1f\xc9\xdd\x89"|t\x0ey$\x7f!\xcb\xdeO\x83\xba\xe1z\x10\xa9\xb9\xaa\x9e\x0esc\xbd\x81%s\x0f\x14\xb1/\x80n\x87X\x85\xd0\x13\x08hG\xa2\x8cBw\x87\x1c\x88JxwM\x1e\xc7J]\xa2\xabC\x95\xdd\xadN\x8b\x87G\xa2NW\xebR\xcf\x9d3\x85\x94D\x00\xae\xfd\x91$\xa9\xb5\x8a\x01\x17\xaa\x92Q\xb9\xd9\x15 u\xe5\xff\xea\x1b\xfeX\'e\x13e0|7m\xd0\xc8\xdd\xfb`\x19\xdei\x90d\xeeEO\xc9m[E\xebm\x0fN\xfe\xc88\x1a\x05\xb3 \xacT\x9d\x96\xf3\xba\xdf=\x981\xf5c7Fz\xeb\xc5&lt;\x8b\xe8-9e\xbd\x1c0\xc2hf\xdfD\xe6d@\x82\xb3\xd0\x00\xc3\x01\xb8$\xba\xf0\xe9KV\x8a!\xa9t\x8a\xfa8\x98\x1f\xb7\xeaZ\x17\x12\xff\xf4\xddCec\x8c\xabZ\xd8\xc5s\xbd\x9b\x0b\xff\x1b\xdc\xfb\x11\xfewA\xe5\xf5\xb6`)\x18 \x81\xec\xb9\xc4\x97\xbe~\xef\xa2\xe5\xf0\x1by,\x14\x9a\xc6\xc7}\x86\x88+\x8d\xde~b3\x14\x04\xc7\x0c\x1c\xc9\x8e\xe9\x86\x1d\xeb\xf2\xe3\xf2\xfb\'\xe6\x8a\xb9\xf6\xb5q\x90?\xdbI\xe8\x8d9\x8eD\xed\xed\xe1b\xef\xcfE\x08FH\xfem\x8cno5\xed\x8am=\x04\xa2\x12?6I5\xc8_\xa5&amp;\x1b:\xd2]\x8eHv+D\xe1\xe6\ndR\xa3\xd8\x1e\x87rs\x96hl\\^\xf2\x96\xadBd\xfa\xa7.\x82\x8eR\x98s)\xd9\x866a\x9f\x7f\x10\x04[\x02e\x92Ir\x1e\xf7\xa5\xdf8I\xb9SUK\x88\xb7N\xc8\xb6\xfer\xc4\xe5?\xd5\xfcc\x7f\x16\x13\xe8\x1b\xfbo\xfe\xeb\x88l\xc9\x07\xd2\x00`Wn^\x00[\xc6\xef\xf1\x17\xb8S\xa4\x9b\x06\x9f\xbeM\x96\xe2\xf4\xf6\x0cj\x9b\xcf\xa7\x87XC\r\x01\xcf\xe1o\xcc\xc1}Q~=\x16\xd5\x86\xa9F\x8c\xb8` \x0fN\xeb\xca\xf2\xb4\xcb\x1e\xd1\x81\xd1\xed\xa7\x16.\xd3/\xfa,\xd9/9o.\x1f\xd0\xa1\xc5\x16\x84\xce4h\x9b+\x96?t~Q\xd4&lt;\xea\x8exg\xee\xda[B\xec)2w\xf0\x16\x06\xc4\xa5\xa4\xa0*9Ch\x1b\xa0\x91C\xbcF\x03\x849\xa1c%\x95\xb8U\x91\x06yy\x91\xf6}G\xd14F\x9c\xd6\xb8\xa0\xae\xbf\x1e\xb8\xbe\xae\xcf\xfd\x05\x92\xd5\xea\xde\x03f\xf0\x0bH\xee\xb4v\xa6`\xce\x07\x927\xf5/\xdf\xfa\x81\xeeO\xa2dR\xc0@.E\xa7c\xa3\xb7\x8eE\x1b\xd6\xcbKEc\xf3\xb2&amp;@\xa9\xeaZ\x9f3\x80\x1d\xfaK\x06\x94F\xc9\xfbB\x87K\x0b\x82\xc2I\xfbDeB\x8c\x1d\':^&lt;\x18g\x14\x14\x12&amp;\x9d\x01\\\x14\xa7gHb\xeb\x0b\xfa\x03\x06\xc6\xca\x80\x82T\x91p\x8ay\nzB\xf5o\xd36\xce\x81b\x19\x82\x91nL\xe0\xa8Z\xb6{\x1d\xb9=Fxx\xe5\x0b\x86\x07\x0e\xfb\x19\xdf\x90\xe2\xc0\xcfh_\x95"\xcbg\xbf=\xb9\xd4#V\xeb\xa2;\'\x97\x01\xe4/\xf4\xcf;\xb0\x85[\xa8\'6\x99&gt;\x96Y\xfe\xc0\x90\x0f\xce\x7f\x1a\x8e8\x81\'\xf6\xee\x8f\xbf"\x9c\xf8jB\x9e\xbcR\xd0\x9eS\x1c?W\x08\x04\xd2\xf5\xc0|r2\x953\x9f\xe1F\xfbv\x1e\x19\xb1\xa8\xbd\xe9\xfb\xd7,\x94+4\xf5\xa8V\xbe&gt;\xbdc\x92p5\x83\xd1R$Q&amp;\xf9\xae\xccK$=\xeb\xfb\xa3\xb7\xc1\x89\x9c#\xba \x93\x87\x16\xc8.\xd1_m\x8f\t\x0c\xffw3G\xd4\'D\xfcHD\xd8E)\xf9N\xa6u\x08\x9aRp\x12\xda{\xcf\xde\x12\xda\x08R\xac^\xfb\x00\xed3\xaaKr\xbd9\x03K\xe1\xe2\x95w\xd8\xd0r\xd08\rl\x04\x92f|\xb6\x05\xa4\x10\x0f\xb3*;&lt;\xf9\xbf\xa1\xe27\xc9\x19\xf1\xa4\x98_\xdbjn\xb9\xe8\'\x1b\xe5\x91\xc9\x9aU\xdaa\xb8\x8c\x97X{J\xc0\x84W\xe1\x94\xbf\x80u\xcb6\xc4/\xa9\x9a~\xc7|nR\x86\xf2\x00\x90\x199\xb7\x8aB\xba\xc8\xd8\xfe33R\xe6\xd8\xadz\xf5\x8a$\x95\xf7(\x97\xba\x97\xd6\xff\x14\xe3\xf3\xbe\x1f\x98c\xecN.\x92\xa1\xb8\xc9Q^sl9\xaf\x19\x96\xbf\x99\xe6"XA=%3&gt;\x1a\xf8\xafc\x1b\xe4\x16V\x12\t\xf2\x1da\x81\xber\xcf\x93\x9a\xc7\x89e\xa6z\xdbz\x9a\xa9O\xeam\xed\x89i\x16tM\x8e W\xfd\x04\x9e\xe0\x7f\xdf\xfb\xd0\xdb\x88\xe9\xd4\xa9\xe0\xee\xb6\xfe\xe3\x16\\))\x82\xd6\x8aq\x90[\xb60&amp;\xc7\xc6\x80\xaal\x9f\x01\x1c1\x05#\xc8\xee\xa3\x1f|\xb1&lt;\xa5\xa2U\x89\xaf\x0b\xb00\x08\xbdI\x87\xc9Ae\x0ca,mV=\xb3jG\xcb\xa5Vt\x1a4\xabis\x98\xd9b\xee_\xdd\x97\xe0\xc9\xee\x0c\x88\xaf\x1a\xe7e\xc8\x96\x8dD\x97\xfa`\xa2\xd8\'V\xff\xa7\xde\x0b\x13\xfd \xcb\'\x9bh\x9f\x8c\x0b\'\xdb\x1a\x89\x9b\xd7usI\xf2\xe8$\xbe\x1a\xe6\x8a/\x85\xf3\x1d|5Zu\x9a\xc3L\x87\xddJ{`\x05\x85\x89\xb0\x11\x1bJ\x10H\x9fJ-h\xf9\x13g\xdd\x16\xa4@\xddhuj4A@\xc2(ou\x8e\x90\xc7\x9b lR\xc5\x86-\x95-f\xf4\xceq\x9fR\xa6Ob\x14w\xc6\x0b\xd3k\x17\xd1Q\xc2\xd6\xfe\xb6\x17\xf8\x0b\x99\x14\xbc\xbd\x1c&amp;\x80\x89U)\xbf\x1e!|M$\x12b\x05\xf1#N\x84d\xf5\x7fp\xe3|\xe8\xb4=\x13\xf6\x83\xc2hT\\!\x03\xc0\xcdw\xc9\xc4\x97\xe65&gt;\x8f\xe3Z\x0e\xf5\x9eVb\xb5\x82\xbag\xf5]J\xa4\xba\x8b\xed\x85\x80*\x8ab\xabY\xd2:\xa7^B3\xfe\x03:w\x19K.\x82\x08\xbf\xfa\x89\xab\x19\xe0\xfe\xbbj\xef\xe3\xd8\xe0=~\xef3\x82\xc8\x96z\x0b\xd0\x9cx\xb0\xd0\xc1hZ\'\x95\xc7N\x958\xf5\xa8\xee\xd7u\xe4R\x9f\xc3\x96\x86\x9e\xfe\x80\x0c\xda\xa1\x92\xef\x8a%\xe8\xad\x13\x14\x18\xd8.NU\xd9V\xa9\xd47\x1b\xdbD\xb2P\x8b,G]\xa7\xb1W\xd6\\\xd8\x14\xd0\x01&gt;qEAh\x1e\x9fGP\xd2\x06\x91I\xd9\x8e\xf6\xbaz\xf9X\xc9\xb9}\x0bc\x1ce\x17\xa7[\x8c\x13\x06\xc3S\xd6\xac\x8a\xe4?b|\xc0\x0b\x02\xd2\x07\x9cK\xdeV\xb2\x01\x88\xd2\x87\x8e\xf4\x0bb:\x98/b\x1b\xf8*\\\x16?;\xb0\x05n%i\xb9(\xfb\xd7\xd2y9\x02\xc24\x96\x05{\xfa\xf9\x1c\xeb\x8d%\x8b\x0b\xd3y\x90\xa5\x17\xbf\xd5\x89G\xe8#\xcfR\x8b\x7f\x05\x80y\xa4\xb3;\'\x07jT\xc5\xc9R\x1e\xc9\xe9\x0c\x0bQ\xda\xbf\xbc\xdb\xabC?tn8\x07?\xc1\xaa\xe40&gt;\xed`\x95\x07Kx\xe2\xdd?\xa3?\x00\x18\xae\xb8;F\xf7\xb5\xf7\x1f5o\x82.T\xfa\xd6Fu\x84\xec\x0b\xd2`\x06\x8f\xc3)%\xa0\x8d\x84\xd8\xcf\xc7\xb8P\xcfS\x0f\n\x1dM\x8e\x01\x1d\xael\xad\xc8\x00\x89`\xa1P\x80\x18\x1e\x91\x87V~\xf46\x16\xf5\x93\t\xa9\x07\xf8\xb07!\xe9\x17\x99\xee\x141m\xa4\xf9\xc7^\xee]\xc3u\x9d\x93\x8fQ\xc9\xa6\x99\xb3I\xf6\x89\x9c\x92j\xc2Q\xef?\xbd\x88s\xe7b\xbdY*z\x00\xf2\xee\t\xc9\x14\x93\x1d\\__J\x17\x84}\x82\xaf9\xf1h)\x8a\x81=z\x01\x9cn\x01\x19\xb2\xbe\xb1\x80\xc1\xf6\xe8g0\x08Xxo\xe7\xf0e\xeb!,\xeb\nH\x1c\xd2SS\xfd`\x83\xb4\xb2\xb7\xea\xcc\xe3\xc4T\xaf\xbd8v\x8a\xef\x83\xf8\xd6L\xc2\x05N\xcf\xb8uct6R&gt;\xa0V\xa4\xba\\\x1dhn.,\x0c\xbf\x88\xa2\xa5\xca\xd4\xb6\x00\xdf\x1a\xd25\xaa\xa0\xe5\x04\x0b\xbaN&amp;6\xe97t\x1c\x7fZ\x9f\x1f3\xd1\xc8\xeeey\x9f\xbc\xc2\x06\x0bq\x19,\xb8\x92\x83\xa1rY\xf6\xa68ki\x91\xa9-y_\xb4\xb3LK\x08P\xcf\x9b\x02\xdfw\x04\x8f\xa3`5\x14P#\x98\xba\xd1\xba\xf1\xaf\x1c\xf2`#\xd8\x94\x83\xd8\x99\x7f)\x86\x01(l\xf7\xd0~\x8c7o+\x11\xca\x84V\xef\xb4\xe3\xb3K\x82\x9f\x07\xcbQ\xc8\xc8_\xf2\xb4\xcd\xdc\xd1\x97d\xa2\x8e\xc1/\n\x99\xaa\x0e\x8f\xce-}\xccx\xf8OaY\xed\x8e\xc2\x13@a\xf8\xdd\xc12v\xdd|{\xc2\x02\x92\xeb\xb6\x8ao\xdd\xe5B\x90\xbc\xa6f\xf3\xfa\xb5\xafQ\x99u\x9c\x1c\xacpb\xfa\xc9\x04)"\xf2\x86Bxu\x9b\xca0-p\x93eG\x06\x8a\x82uD\xa1\x18\xe3\x02I\xe0h\xdf\'\xdch\xb7\xe2msw\x82+3\xa9\xd9"\x94\xc7&amp;\xdf\x1f\x89Eo\xc8\x8bG\xf3P\xf3\xa2\xa4$\xda\xc4\xc5bV\xec]\xc5\x950\xe1\xad\x97\x8d\xfd\x1f\x8b\x85;P\x89\xebu\xed\xc1\xf2|n\x8f\xe0xi&amp;\x0e\xf5\x9c\xb8\xdew\xd5C\x8c0\x96\xdf\xf4\x0c\x03Z\xfc\xc8v\xd0\xa9\xa2\xeb\xf6\x86\xd7\xce\x07tD\xd5\xc8GuZ.\xc1\x99\x18\x14\x1d\x9a0\x8b\rc^L]ic~\x1f\xea\x04BI\xf0\r3{tm\xa5\xf6\xf0\xe2E\x04\xd1S\xbf\xd0\xa8Y\x9bN\x97\x80\xd7\xc4\xf3\xee\x9b&amp;\x90\x8b\xc9!\x03\xaa\xe2\x1b\x0c\xb9*o\x98&lt;{\xd0\xca\x95\x89\xe0\x90\xcd\xd2@\xaf\xd7\xa9E\xea\xf7\xff\t\x92\xdd\xd4\xeeX\xd7\x9f\xfd\xac"\x8d\x0exr\x7f\x0f\xf2y\x1ae\xb7;\xd2\xf6\x0c\xe16\x96D6}\x87\xf7\xa5\xc7c\x04\xa4\x88\xbe\x94z\x05v-S\xb9N\xaa\xf5B7\xc6\xc7\x87\xc4\xa3\xa9\xae/C\x07\xadr\xa7\xca\x99\xa2\x06g\x1c\xceSX\xd7\xe8:ed\x9dN{2st\xc4\xed\xe9&lt;\xc8&lt;=,\xae\x19\xb1\xf3.\x1f\xb5\x82\xa10l\xd4U\xf5\x90q+$~\xdd\x84\xc5B#,ir\xeb%,\x1a\xb2(\x0f$\x12\xf2\x06\x18\x98\xc3\xca\x05^\xb9\x81\xa3k\xe4\xbfm\xdf?I\xf6\xc2\x96\tB\xe7aW0)\x96\xe9\x1fi9",\x05\xc5\x13\x10v6~&lt;\xadT\xdd\x06W\xcb\xa4\xafV\xce\xa9\xf7)\xa6\xcf\x9d\xc9\xf8\xaf\xed\xdd\xbf\x80\x86\x9c\xa6l\xfe\x8b\xa1|\x83\xf7\x10~\xe8\\Wu\xc2\xff\x91`\xe7[\xdb]\xa0\x15\xfc0d\x84\xe3\xd2s%=\x11\xf3Fh^\xff\xf05Pa"\xde\xdd\xf2\xd2\xc1\xf4\xb3\x01l\xac\x13\x141\xa1\x95|\xb2\xf5SJ\xdd\xean\xcd\xbcr!\xc2\xda1\xe4\x13\x1c\xc75\xdc\xe1::d\xdb\xecb\x9b\x10\nR\xff8\xf5\xc1\xfbhn\xed\xd4\xe9\x91m\xecc\xda\x9be\xb0)\xfc\xf2\x1a,\xa5\x05N\xea\x9b\xa3\t\x0b\xddH\x8a\x91\xa4\x05\xe4"0\xf0(\x13!\xa6\xaa\x85Ku\x10D\xe2b\x83\x91\xfc\r\xe0O\x0b\x1at\x05Q\x856\x8fk\xf4Ut\x1aOF\x0e\xc8C\x9b#h-P\xdbo{Y\x8d\xbeaO\xa8\x99\xb1\x9a\xc9\x03\xc4^\x0b?\x8a\x07\xe3\xab\x18\xfb\x84\x82\xb4\x88\xbe[\xaaH\xfeh\x81)\xa9\n\xf6 \xfa\xe5\xe0YE~\x17&amp;\x02\xba\xb2\xa9\xbc\x9c\xb6\x9d\xc2\xd5\x02\xf6\xc9\x05"M\xa1\x9c\x1fKZxv\xa9\xe9*\x1ej\xdb|\x17\xaf!\x96b\x83\xaa\x1e~@\x97\xa6b\xd3\x86\x92\xe8KG\xfb\xa6\xb04R,j\x1b\xd5\xbf\x95\x1a!\xf6r\xce\x1e\x8c~#f\xd2=*;\xdd\\\xcd\xd0\xf6LM\xd9\x1b\xa5\xaa\xc52\x96w\xb1\xb1 \x00\x97#\xa26(\x1b\x05\xaa\xce\x1c\xbc#l*\x85\x94&lt;[\xf3\xb8/tk\x17w/wL\x00\xa9\xc49\xd8\x90\xf8,\x92\x1b\t\xaa\xcc\xf5y\xda\xe8\x8bZR\xa1P\xf9\x8d\xcdF\x0cei\xe3\xbe\xfc-\xb47KH\xe8\x7fQe\xb1mo&amp;\x87_\xf3IJ\xe2\xb5\t\xedy\xa1\x0c\xba\xd5p\xd0\xd7\xbaX}\x05\xc4\xd5 \xc1\xd9\t\xdfH\xff\x90\xefi9l\xf6\x8b\x0bW\xb0\xe8-\xcd\xc6\xef\xac\xcabBM\xf0\xaa\x0f\xa1w\x0c\xd4\x81\xc0\x83\xdf\x0e\xaf^\xfa\x12\xf3vO\xab\\\xe9\xa7@\x90\x8b6v\xc5\xeb\xf6x\x9cT\x80]\x9f\xa6\xfd\xd3\xae\xdc\x08YId|\x97&lt;\xeb\xaf\x85\x91\xdf\x82\xf1\xc41\x90\xe3\x15V\x12Qr\xde\x0c\xf35\xad\x8b+8\xcd\xb20\xf84\xfb\xb0\xde\xd6\xd4\xb9\xab*\x18\xe5*.\x01T\x0e\xd9\xcc!\xa3\x9b\xbf\xf1\xd2X\xd8\x8d&gt;\xce\n\xd7u\x98\xe9\x00\xc1\xd5k*Q";\x07\x8f\xfb!\x9a0'</t>
  </si>
  <si>
    <t>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</t>
  </si>
  <si>
    <t>b"H\x19\x8e!i\xe1\xa9\xea'\x1aV\xa3\xac\xd5\xacI"</t>
  </si>
  <si>
    <t>ularly useful but it gives us a great deal of
 insight. Recall from Fig. 6.1(b) that, as VG rises, the positive charge on the gate must be
 mirrored by negative charge in the substrate. While we stated in Section 6.1 that electrons
 are attracted to the interface, in reality, another phenomenon precedes the formation of
 the channel. As VG increases from zero, the positive charge on the gate repels the holes in
 the substrate, thereby exposing negative ions and creating a depletion region [Fig. 6.5(b)].4
 3The substrate acts as a fourth terminal, but we ignore that for now.
 4Note that this depletion region contains only one immobile charge polarity, whereas the depletion
 region in a pn junction consists of two areas of negative and positive ions on the two sides of the junction.
 274 Chapter 6 Physics of MOS Transistors
 n+ n+
 p-Substrate
 VG
 (a)
 VG
 n+ n+
 p-Substrate
 VG
 n+ n+
 p-Substrate
 VG
 Region
 Depletion
 Free Electrons
 Negat</t>
  </si>
  <si>
    <t>b'+r\xc8\x86\x82c\xbe\xb7\x8dv\x08\xeb\x9du \xfd'</t>
  </si>
  <si>
    <t>2b72c8868263beb78d7608eb9d7520fd</t>
  </si>
  <si>
    <t>eys, that
wouldnâ€™t keep in tune, when she was all alone. She sang like a
little lark about her work, never was too tired for Marmee and
the girls, and day after day said hopefully to herself,â€™ I know Iâ€™ll
get my music some time, if Iâ€™m good.â€™
69
There are many Beths in the world, shy and quiet, sitting in
corners till needed, and living for others so cheerfully that no
one sees the sacrifices till the little cricket on the hearth stops
chirping, and the sweet, sunshiny presence vanishes, leaving
silence and shadow behind.
If anybody had asked Amy what the greatest trial of her life
was, she would have answered at once, â€˜My nose.â€™ When she
was a baby, Jo had accidently dropped her into the coal hod,
and Amy insisted that the fall had ruined her nose forever. It
was not big nor red, like poor â€˜Petreaâ€™sâ€™, it was only rather flat,
and all the pinching in the world could not give it an aristocratic
point. No one minded it but herself, and it was doing its best to
grow, but Amy felt deeply the want of a Grecian nose, and drew
whole sheets of handsome ones to console herself.
â€˜Little Raphael,â€™ as her sisters called her, had a decided talent
for drawing, and was never so happy as when copying flowers,
designing fairies, or illustrating stories with queer specimens of
art. Her teachers complained that instead of doing her sums she
covered her slate with animals, the blank pages of her atlas
were used to copy maps on, and caricatures of the most
ludicrous description came fluttering out of all her books at
unlucky moments. She got through her lessons as well as she
could, and managed to escape reprimands by being a model of
70
deportment. She was a great favorite with her mates, being
good-tempered and possessing the happy art of pleasing
without effort. Her little airs and graces were much admired, so
were her accomplishments, for besides her drawing, she could
play twelve tunes, crochet, and read French without
mispronouncing more than two-thirds of the words. She had a
plaintive way of saying, â€˜When Papa was rich we did so-and-so,â€™
which was very touching, and her long words were considered
â€˜perfectly elegantâ€™ by the girls.
Amy was in a fair way to be spoiled, for everyone petted her,
and her small vanities and selfishnesses were growing nicely.
One thing, however, rather quenched the vanities. She had to
wear her cousinâ€™s clothes. Now
Florenceâ€™s mama hadnâ€™t a particle of taste, and Amy suffered
deeply at having to wear a red instead of a blue bonnet,
unbecoming gowns, and fussy aprons that did not fit.
Everything was good, well made, and little worn, but Amyâ€™s
artistic eyes were much afflicted, especially this winter, when
her school dress was a dull purple with yellow dots and no
trimming.
â€˜My only comfort,â€™ she said to Meg, with tears in her eyes, â€˜is
that Mother doesnâ€™t take tucks in my dresses whenever Iâ€™m
naughty, as Maria Parksâ€™s mother does. My dear, itâ€™s really
71
dreadful, for sometimes she is so bad her frock is up to her
knees, and she canâ€™t come to school. When I think of this
deggerredation, I fell that I can bear even my flat nose and
purple gown with yellow skyrockets on it.â€™
Meg was Amyâ€™s confidante and monitor, and by some strange
attraction of opposites Jo was gentle Bethâ€™s. To Jo alon</t>
  </si>
  <si>
    <t>b'\xecU\\a1[q\xc5\xc8\xb6sG\xac\x85\\\xcb\x8e\xb9JH\xb2\x06\\fy\xaf\xe2V\x88\xc0\x9d\xd9\x0f\xf4\xc4\x9d:\xcd\x16\x99r\xa2\xe4\x8d\xa9/M\xaa\xed#\x80\xc9\x1e\xd0\xa6\x16\x94\x06\x02Xo\x1b\x98p\x0e|\x8e\xce\xa7\x9d\xb1#P\x17\xf5\xf6x}=\xe2\x02\xb4Yg\x1a\xe9\x7f\x93h\xd7\x05\x1b\x85\x94\xcc\xfc\x15\xf4m\x19\xb1\x02\x98K\x0f\xeb\xeaCSA\xd9\xfe\xddb\xfe\xc2&gt;\xf9V\xdawj&amp;\xde\xc5\xa5\xd9\xfa\x00\xc0\xb7\xf38O\x97$w\xa9\xfe\x0fM\x99|3FK\xae\xeaRp\xdck\xefk\x95\x89\xc58sUn\x96\x08\xb1.\xec8\x8f\xf91\x11O\x92\x13\xcd\x95\xf9\x1fC\xa8\xe4\xbf7qa\x84\xdc\xb8X\x18\xa5\xd9\xea\xba\xfa\xbe\xfdg\xe2\xe0\x1e\xef"\xd8\xe4M\xc4\xff\xc0tZ\xe5\xf4\x02C\x7f\xb5\xe5f\x88\xd7,\xeb\xf6\x97\xdf\x95&amp;\xdd/\xb2\x8fQ\xbb\xcd\xc7t\xe3p\x84\xa3\xee\xe2\x8f\xdb.\x9c\xc6\x0c\x00\x0f\xa16\xf7\x82i\xe2\x0c\xf3\xee\x99A\xce\x00\x8ajR\xae\xacH9"B\x1dw\x96`_@\xff\xbbX1\xd0L\x95W\xe2\xf3D\xa6\xcf\xb2\xbdUs\x91\xb7M\xe1p\xbe\x08R|\xb4\x96_\xd6=\x8a{\xa6\x86\xe3\x0f\xfa\xbc\xcd\xfd\xd8\x94\x02\xbe\xf5\xf5!\xcai2\xd8\xcc\xc96bW\xb8\x03\xbbF\x05\xa2\xd3\xa1\xe1\xc7\xd5\x18\t\r\x0b\xe1\x04\xc1-\x96\xca\xb1\x03}\xba\xba\xae\xe1\xfe\xc5\xd0\x18\xd8V!L\xf22\xf9o\xe1\x86\xf9\x85?\x10\'{s\x13\x93r]\x9fM\xba\xa3&amp;S/\xaeU\xacM1\x8ev\x9f\xba\x1f\xe2&gt;3V\x9ay\x92\x99n\xa5K\x19\x98\xe0\xf0aL\xf9R\xb5\x95\x84\xbf\xb3\xe5\xcc\xdd\x8c{\xde\x82\xba!\xc2\x1d\xd0 g\xe6l\xad\x8f0\xdc\xf5\x93\r\x13\xd0\xc6\x96j\xf0\xa52\x08v\xbb?\x00\xc6 )\xf3\x02\x81;\xa3\xdfC\xfb\x8d\x9b \xc0\xf9\xa9B\xe2F\'{Q[\xbcG\xbe\x08z&amp;\x02\xd8\x8cD`A\x944\xf9\xc8\xed\xb8\xa23\x14e\x80q\xe7\xdd2{\xd9\'\xd0\x9c)\xacH4,\xaf\xe0\x04\xccX\x00\xf6u\xfe\xfe\x97\xde\xb1\xdb\xc603\xb6\x89j\xec3gO\x08\xec\xcbu\x1d\x801\xd4w$G\xbe\x07\x05\xd0\xd6P\x10\xd8w\xfd\xb9B\x0b\xd9\xd08F\xc6\xec\xf74\xc0Q\xabn\xde\xf7\x13Y\x11\xf3\x9b$*\x05\x15\x8f}\x88N4\xb2&lt;\xa3*dL\xd8\xe8\x847\x80i\x1bU\xcb\x84\xbf\x82\xcb\xd8\xd7\xb4\xcf*4\xcbs_\xb3\x9cr\xc9q\x0e\x8d\xaa\xa5\xcaY\xf7\xcc!\xa1K\x86Y\xce!\xee\x8b.\x90(\xcb.\x01DE\x85c\xd0\xed6v\xdf\xd4P\x92\x10\xde\xa7&gt;0i\xdc\xcf\x9d\x08\xa8t\x17\xb2\x90l\x84\xa4H\xcf\x00\x08\xe7C\xbe\xa7#\xaa3C|M\xe8\xaa\xea9y\x89G`_\xb9\x87\x87\xb6 Ev)\xc7\x88z\xc5\x17! 3O,\x87e\x1eI\xb2)a\xd6\xe1\xe4\x84\xaaC\xd2kd\xfe\n\xeeU\xf9\x90X\xc3\xef&lt;\x1e:83\xc8\x87#\x8e\xdf5\xfc\xd2\xca\xebT\xab\x02 \xa7YW?\xdf\x92\x01\xe8\xea4\xf5\xe8\xdd#\xfaj\xb9\xd4\xd8Y\xab\xeb\x96\x0fC\xce\xa9\xaa\xe6\xdd0\x1eoY\xe6\xcc\xaak\xc4KO_\xf5~kT\x1e\x14qm\xb0\x85\xc3\xceA\xb4\x8b@\xa5\xff\x11\xf4E\xe32\xe9V\x04g\xbdx\xe0\xa7/\x13\x8aJ\x9cB\xa2\xfe\x87\xb0\xe1\xb7%\x18\xa8\xd4b|\x9f\xa2\xd0\x16n}\xa7\xa8\xa3\x81\xca]\x0e&lt;n\xd6\xed\x19Pu\x12\x87;A\x89r\xca\xa4\xfb\xa2\x01\xebK\xe0\xce1\x96\x85\xedR \xd4\xcc(\xd4\xaak\x10=\xb4\xf1\x8b5Q\x92\xb5\x1avJ\xce\x0c\xb3m\xd3\x80\xddJ\xb1\x88\x96!Fp\xa83\x9a\xe3\xedE\xfc\xd08\x86\x96\x87V\xf5:`\x9d\xbd\x80\x95\xd3*\xb3\x10\xdd\xf2S\x89\xc4\xf0\tp\xdf\xfb\xa4X\x00\xb9\xd2\x1a\x90\xcarxs=\x9bx\x16/&lt;\xb7.\xe49y{\x81e\xdd#$\x0cC\x92\xd5\xe7\x03!\xbc\x1d\x1c\x92\n\x9buJ\x9bU\xa6\xce\xfc\xa6\xc8b@V/\xe2\xad\x17\x0b:\x904\x03\xd8k\xef\xb8\xfa5\xa5\xaf4\x9a\x84ZK\xd5\xb6\xd2\xb03G;\xf1\xba\x98z[\xc0\x0b\x10\xed\x0c\xa2\xb7M\xf5\x9c\xf1$P\xc3W9g\xf0\x0f\xee\x16E\'qV\x8fT\x0f\x1a\xf5&gt;\x07\xd1\xaf\x16\x0e\x92\x1a\xd7\x89\xb3\xe8*\xe3\xae\xc6\xb0\xf4\xef\x8287W\x9a{\x9a\xae\xd6Bq\xa9GX@\xab&amp;=\xfa\x8f\x1a\xba\xe3+~\xe3\xf5\x9e\xc6g\xf5{\xf2\xad!\x84\xb8\x0b\xb5\x8c\xa3}\x175"6P\xed\x0f\x8a\x9cr\x19\xbc\x87\xf1!\xbfJLc\x8cB\xac\xd4\xccX\xc5?\x81\x1b\xb0T\x16B\xc4\x16&gt;\xe6\xabpz/\x7f&amp;\xc1\x8d\x8b\xcf%\xee\xdb\xafz\xbe\xb8I\\@\xbf\x83\xce\x1bU?\xf9\tz\x1a\xf7\xed=G\xd5u_\xbc~\xa5\x1d\xc6T\x94\xcf\xd4i\xe7,z\xad\xeb\x18\x01\x02\xb9&amp;#\xf98Y&lt;\x9e\x90C\xd0\xcd\x9cp\xac1\xacSi\xde\x94y\x8f\xb6\xcc\xd1\x9f\xc9\xbbL\x04\xc7\xb4\xe8\xa0\x835\x92\xf0\xcf\t\x0e3\xd0\x94\x9e\xb5Y0\xb0\xee\xe6g\xff\xcb\xf7\x1fU\xd3kF\x8bN$\x8e\x07\xc8@\xd5\x93\x8b\xec\xe8.&gt;\x8f\x8f5(M\x80\xcbJ \xad40\xfbJ\x07\xd3\xb8\xf85\x8fzpr\xcc\x8b\x92\x84S\xa31\x90\xdb\xa6ac\x85\xe6\xf4\xfa\n\xd5\x1ezx:\xfb\xc78\x9a\xfbk\x9f~O}7\xca\xa3\x89\xa9\x05\xadY&gt;r\x9e\x92\xf0\xa2x)h\xf6Za\xac\xef\xa9\\ZJu\x90\x06#\xe4\xd9\x9d\xf8\x1a\xe4\xa4\x19|\n\xce\n\xaf.&lt;\xe1\xd86R\xbb\x10\xfa\xfeX\xce\x02\xb1L\x8b\xba\xe3v\x14JG\xd7\x82\x1e\x852\xd7})\xab\'\xf0I\xef\x02)\xa4|te\x83\x0c\xff\xf6\xd2\x1e\x00g+$\x1eVn\x94\xfa\xac\x9c\xdc\x06*\x1aJ8\xd8\x8f\xb8\xc6\x12\x14L\xe2\xdd]\xf4\x85j\xae\xfd\x9aC\xbb\xba_\x01d.\x13\xe9\xd8\x81\xa8\xf7\xc7O\xc6Z\x92\xc1a\x80\x86\x1f\x8a\xf8\xc0\xd2\x91\xd8VZZ\x8b\x90.\xda;\xd2&amp;o\x84\x19"\x80\xd4\xa9\ti\xf9\xb5e\xaa\x1e/F\xdf\xe1\xf2\x83@/\x86F\xdfc\xde\xef\xe2+\x9ffR\x18\x19\x17}\x93\xee\xfb\xbc\xfd\xc9\x90\xcd\xdb\xdb\xec\xca\xd2K\x93n!\x9c2?G\xb4\x13\xbd\xa5\xe5\xb0\x1d\xe8\xa8E$\xb4\xcf3\x85\xea7\xac\x0bJ\xdd\xd6\xe3\xcdV-\xaeK\x1f\x00q\xb1\xd4\x94\x0cS\x98\xd3\xed\xaaP\xa4\x1cD\x0e(\xa4\x8a\xbf\xf6H:z\xd0\xad\xcfx%\xc8\xc5x\xef\xf2\xf9\xc5\xf4b\xee\x86;\x11l\x81y\xfc\xea\xe4J|;\xe5\x12M\x0bwYQU\xda\xfd\xbdu\xa9\xf0\x84\xf6\xb6\xb8\xe0\xb5\xdc\x19\xd8\xb5\xd4\x97\x8e\x97"\xa4\xc2\x14\x1d\xa3\xa8\xe7vD\x82\xd0\xaa/F{\xfb\x14\xbf,xa\x958\x8c\xfc\xc7$\x17\xc4\xc7#\x1b\xf9W\x92\x10m#~3\xeb\xac#&lt;f\x81\xf1\x86\xf5\x8b\xe6\x8aw\x0b\xf1\xdae\x9c\xdaa\xf13\x05\xa2a\xb9\xda\xdc#\xadGijS\xa6\xb8\xd8?ee\xaf\xf00\xea\xdc&amp;\x86\xcb\xcdu\x1a\xb0\x88\x9ac\x8e&amp;-&amp;\xfc\x8fM\xb6@\xe6av\xe5\x8c\x0f\x87\xe5\xdd|X\x95\xecN\xb4%i^\xdc\xe4h\x90\xa1\xcdB\xf6\xc0c\x02\x9b\xf1\xc9=\x05\xa8+\x8b\x01\xe2\xbc\r\x81\r\xa3\xae.4\x07&gt;\xcf\xb6\xbe\x0b\xaaQo\xa8o\xf1\xe5\x9a\x19\xcf\xbaD`P7\x12_\x83\xe3\xfa\xdcY\xdd\x93aEq\x996\x8a\x95\x88Do\x80\xcb1*\xdd\xb2\xbf\xb7\xce\xab\xf4D\xcf\x046\xc1&gt;,(\xae\xf7\xbd\x0e5d\xd8w0\xab\xba\x9d\xa1\xed\x86\xbcs,\xd5N\x9f\xaa&lt;\xbfaY\xaeA\xe7\x8e\x0c3k\xfa@\xa2xe\xc3\x8c\xd6\xbf\x84\x97{~\x06\xc5\xe7hP\xfb\xc8T\x84\xce\xdf\xd7\xf3\xe9\xb3\x04\x02\x91\xc5\x0fQ\x15\x08e\xcd^\xf0\x10f~\t\xc9\xc6\xb68\x1c\x96_x\x926o\x15\'\x89&gt;Ap"\x1bw\x15r\xf4\xc0]\x90l\x0b\xfd\xee=\x98\xa5\xb8\x82$\x01\xef\xdf\\\xcdh\xd9\xef\x12\x10T\xabY\xc2\xb7l\xb1:\xe5\x1a&lt;\x9d\xec\xed\xf5\xab\x14M;A\x127%\xe53/\xc8\xb9\x17O\x82\xd2$\xa5\xb2\x7f\x9aX\xed9j\x87\xef\x7fP-\xc6\x07\x91\xff\x90\xeb8V\x04\x16\x12%\xaf\xe2\x89\xe1\x12\x96P\x88\xe8\xb9\xa4\xa6\xd9\'\xc6\xfa\xcf+\x7f\xf8\xde\xcff\x1e\x91\x83\x8a.\xd3Z\x94\xbb\xf5\xd7Z\x16\\\x06b\x00\xd2\xe8n\x17\xb2\x1a\xe1-\x07\xf5\x8c\x91F\xacBl\xd5\x84\x7f\xff\xb2\xfe\xd3\x1d\xe8]\xad\xbar|\x19\xaamP\xca\xf1\x90Mg|\xe7\xa5\x92\x02*\xb1\x80\x96Q&gt;\x011a)\xe1\x8e\xef\xc7\xc2\xafV\x7f\x02x\xc6J\x8as:Q\x19\xf77\x95\xb6Lt\xc08D\x88]\xb3\xfa2k!\x18"\xf7u\xbc9\xf5[\x7fe\x06\xc3\xfb\xd1\x18\xac7\xcf\xf2 \x01\xc3\x8d\xc3\xa25\x9dj\x7f\xc6\xe4\x11W\xa0J\x9a\xc5\x13\x84\xbb&lt;\xf3\xcf\xfb\xd8\xfeK\xcb+\x7fz\xb1\xfa\x13\x8b=\x11\x8d\x00\xfe\x86\x07\xbe\xcc\xbc\xc6V&amp;\xb1\x81\x99\x98\xf2\xdd\xa3\xeb\xe9\xf6#P\xa5\xe8\x82\x8c\xa7|\x00\xb2i4\xd3\xe7\xbb\xeb\xa1L\xcb\xb6\xf8\xad\xdb\xb7\xc7SIv\x83Z\xed\xe7\x19\xe2\x18\x9d\x19\xa6\x8b\x90X\xab\xae"X\x08n\xfa\x9f\xad\x8b\xc9\xe8t\xa0\x001\xfb!\xdb\x14\xcf\x88\xd2\xca\x89z\x0e\x11\x059P(\xf6V\x88\xa0\xbe{\xef\x16\x14\xe8\xaev&gt;\xd2\xceKw\x9e"J\t\r\xf8\xfe\x17$q\xb5\xbf\x8e\x89[WU\xb2\xfb5z\x1e \xf1\xac\x16\x02\x9e\x16d\xd8r\x07\xb8\x00x\x08\x8f\x80S\xe3UM\x8a(\x80\xcckV\xbd=\xd76\xe7\xdfO\xc3D\xa5054\x9a~\xa5\x92\x9e\x84\xf7T\xeco\x95W?\xc6\n\xfc[);\x91!\x98\xea\xff.t\xa7\xe9S\xbf\xe9\x81\xd4(g\x07\x9f`\xec\xc8d\xd6\xdf\xa1_A\x1b\xbau9\x81\xe1\xb7bn\x05\xdd\xec\xca_8\xb9\x1d\x89\xa0\x99\x12\xe5%S\x8e\xca\x8e\xe6\xaf\x15\x87\xcc?\x80\xdf\x1b\xfa\x124\xac\x12\xd8w\xf8\xd2\xda\x9c\x03\xc9+\xd3\xe7V\x94t\xbeU\xab\x94\xfa\x9a\x11\x93\xd8\xd8\xacv\t\x84\xf6=N$J\xb1\xd2\x99\xc5\x1e\xa2EK\x05\x1c\xe9s\xfdFHF\xa3\x9d\xb7\xd2\xce\xa3u*\xd4\x006\x8ai\x89\xd4U\x0b\x12\x05~\x17\xf6\x9b\xf4\x98\x95\x0b\xcf=;\x89}\xb5\x8e\x86\xd0\xbd\xe8%\xda\\\xfe\x9d\xe3\xf6K[&amp;b\xbc\xb8\xbc*\x16\'\x7fy\xdd\xf5\x0b\x87\xda\x176\xa4p\x8cc\x8ed\x14\xec[I/W\x92\xc7?\x9d\xc0\x8d\xc2~\x8c\xef\x10\xcb\x9d\x8a\xfdj\xcb\xffn}\x0b\x81o3\x844\xd3\x051l\x9b:27\xbd@\xa2\xf3A\xdaB\x13Y\xf7\xdb/0\x1bp.S\xa58\xcb\xa4\xf9\xb1d\x11\xa5&lt;7=\xd5~\x14;Q\xcb\xd6\xf4\xe6\xc6\xd8R\xdfyy\x9dCp"*\xfd\xf1e\x9dV\x1a\x89g\x80\xd1,\x80\xd4\xd4^G\x0c\x9f\x00\x06\xbf\x83\xaf\xact\xd5\x96\xacB\x8e)\xc7I\xd7b\xbb\xd3PdM\x80\xf3I3+\x89\x9by\xf0!\x80\xd9P\xd7\x8a\xed\xa9im\xb1 o\x83&gt;\xfb\x83_\xa7\xb3\xe4\xaf\x95\x07\xebh\xcf\xd7\x1a\x8cd %!2\x85\x00O\x1e.\xeb\xe6\xc4\x08\x971\x00\xdb 8kC\x8f\xb4\x14/E"\xb6\x87)\xa7d\x0b\xc0\xd4\x1d\xd7\x0b@\xce.\x99\xd8\x08k\xbd\x1c\xb0FheL\x97\x89\x9fj\x93\xcc\x90)\xed\x0b\xc8\xbc\xdbp\x143\xe8\x03\xf6\xb3\x03\x9f^\x8f\x91\x07\xe4\xe4\xf2\x85;\xd5\xf4B`$#u/\xd0\xba\xdb\x95\x12z\xc6\xc6\xc3\x0e\x9d\xee\x0e6\xfd1\x13#at\xc5\x86\xeb\xb3\x8f"\xe7\x06&lt;\xd3\xeem\x80\x1a\xda\x84\xa3\'\xd0`f\xcd\x96\xf5\x81\x7f{\xee\xb1\x0f\x02\xee\xaci\xe1\x1c\xd3\x07\xe835\x12\x0b\x8aH\xa4\xa7@\x08|R\x97`,UH\x03\xd2G\x13\xd8\xb2L$2bF\xb4\xfe6\xd3C\xcdP\x1a\xd8\xed\xf4\x16\\\x0fY\xf3\xf2_\x07\x9d\xbe\x8d\x8e\x08}\xb4\xd9\xa6\xfcw\xa6cR\x86\x0f\xbbW\xd9\x8a\xc2&gt;\xc04W|\xc1\x9c2\x1e|5nR\x1a\xd3\xf9\x0f\xcdf\x99\x14O\xccn\xf6\xdb\x0fg\xe2\xaf\x84\x8f&lt;5\xb4\xe2\xa2\x15.\xee\x1cR]\xdb\x7f\x1d3\x15\x84\x81,\xd7\xd6\xa2\xbe\x88\x15\xf9\x9d\xe1\x17J\x00\xa2\xcd22\xb0\x98z\xe0\x8d\x9c\xa2\x15+\xb3w=\x1d\xd1l\x92\x90\xb5\xf8\x8e\x87\xc75\x14\xecPj\xe4.W\xb4\xb6\xec\xd8J\xb6\\\xce\xae;\x87\x0e&lt;\x14\xd5\t&lt;\x89?q\xb2\xab\xa3Z"/\x18*8\xf1\xb5\x0f\x01E\xbd3\x98\x1b&lt;\xef\x08\xc3\xc1\x18=2\x04J\x0b#\xa9\xe5\xc5C\n1\xfe\xfdp\x94/\xf45\xd5c\\\xa0?\n\x86\x80\\LZB\xf3\xf2\xc4YK\xc4\xbe\xe9hXO\xc2\x1aKF\x9f\xf1\x14\xed/9\xe3\xdf\x1d\xe4\xd4\xc0j\xd4\x15\x00.\x07;\x04\xa4\xc6\xf1M\xcd\xe1\xb2\xa3g\xdd6\xf3\xbc\xce\x9dX7\x9c\xbd\x7f\x99x\x82`\xbb\xac\xf0\x9b^i\xbc\xb8R/\xe0\xe0\r\\M\xfa\x86\x98\xf5\xc8\xb6\xc6\xf1\xd5nX_\x06\xe0\xb3\xa3\xb6\x06\xe0\xa7H\xad\xfc\x13\xbb)\xb1\xd4\xb1\x1a\x97\xcf'</t>
  </si>
  <si>
    <t>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</t>
  </si>
  <si>
    <t>b'\xecU\\a1[q\xc5\xc8\xb6sG\xac\x85\\\xcb'</t>
  </si>
  <si>
    <t>Ludovico descended the
 staircase, and Emily retired to rest, but not to sleep, for joy now rendered
 her as wakeful, as she had ever been from grief. Montoni and his castle
 had all vanished from her mind, like the frightful vision of a
 513
 necromancer, and she wandered, once more, in fairy scenes of unfading
 happiness:
  As when, beneath the beam
 Of summer moons, the distant woods among,
 Or by some flood, all silver'd with the gleam,
 The soft embodied Fays thro' airy portals stream.
 A week elapsed, before Ludovico again visited the prison; for the
 sentinels, during that period, were men, in whom he could not confide,
 and he feared to awaken curiosity, by asking to see their prisoner. In this
 interval, he communicated to Emily terrific reports of what was passing
 in the castle; of riots, quarrels, and of carousals more alarming than
 either; while from some circumstances, which he mentioned, she not
 only doubted, whether Montoni meant ever to release her, but greatly
 feared, that he had designs, concerning her,â€”such as she had formerly
 dreaded. Her name was frequently mentioned in the conversations,
 which Bertolini and Verezzi held together, and, at those times, they were
 frequently in contention. Montoni had lost large sums to Verezzi, so that
 there was a dreadful possibility of his designing her to be a substitute for
 the debt; but, as she was ignorant, that he had formerly encouraged the
 hopes of Bertolini also, concerning herself, after the latter had done him
 some signal service, she knew not how to account for these contentions
 between Bertolini and Verezzi. The cause of them, however, appeared to
 be of little consequence, for she thought she saw destruction
 approaching in many forms, and her entreaties to Ludovico to contrive
 an escape and to see the prisoner again, were more urgent than ever.
 At length, he informed her, that he had again visited the Chevalier, who
 had directed him to confide in the guard of the prison, from whom he
 had already received some instances of kindness, and who had promised
 to permit his going into the castle for half an hour, on the ensuing night,
 when Montoni and his companions should be engaged at their carousals.
 'This was kind, to be sure,' added Ludovico: 'but Sebastian knows he
 runs no risque in letting the Chevalier out, for, if he can get beyo</t>
  </si>
  <si>
    <t>b'uj\x10~vjm\x19UV)\xf8U\xfb\x114v.\xcan\xe4\xe07\x81\xfa\x18\xcd\x04\x85b\xe1D6\xdf\xea\xc0G`\xcf\x7f\xf69\xf1\x8c5\xcfY\xe2\xdb\xba\xaa\xef!C\x1f\xa7\x1e\x00\x19\x96D\xb75\xe9'</t>
  </si>
  <si>
    <t>756a107e766a6d19555629f855fb1134762eca6ee4e03781fa18cd048562e14436dfeac04760cf7ff639f18c35cf59e2dbbaaaef21431fa71e00199644b735e9</t>
  </si>
  <si>
    <t>b'uj\x10~vjm\x19UV)\xf8U\xfb\x114'</t>
  </si>
  <si>
    <t>ere stationed in towns
around Rome (Suet. Aug. 49). Like other Julio-Claudian emperors, Augustus also
maintained a personal bodyguard of German (typically Batavian) mercenaries, probably
because they were less likely to be drawn into political intrigue than the Italian praetorians (Dio 55.24.7; Suet. Aug. 49). They were disbanded by Galba (Suet. Gal. 12).
2 The Army of the Principate
The legions
The number of legions in the empire (each composed of c.5â€“6,000 men) stayed
much the same until well into the third century CE. However, a comparison of
Tacitusâ€™ account of their deployment in 23 CE (Ann. 4.5), and Dioâ€™s (55.23.2â€“7;
24.2â€“ 4) description of the situation in his own day (early third century CE) reveals
that their deployment changed over time. The increased emphasis on the Balkan
provinces (such as Pannonia and Moesia), and a consequent shift away from the
Rhine, is noteworthy, as is the relative size of the British garrison (Table 11.1).
Marcus Aurelius raised two new legions (II and III Italica) for service in the Balkan
provinces as pressure on that frontier mounted in the later second century CE, but the
largest increase was Septimius Severusâ€™ creation of three new legions with the title
Parthica. Two garrisoned the new province of Mesopotamia. II Parthica was normally based at Albanum, just south of Rome, the first legion to be based in Italy for
over two centuries. However, epigraphic evidence from Apamea in Syria shows that
the legion was redeployed there regularly for imperial campaigns through the first half
of the third century CE, suggesting it served as a central reserve (Balty 1988; Balty
and van Rengen 1993; van Rengen 2000; Some of the inscriptions are reprinted in
AE, esp. 1993 nos. 1571â€“91).
Through the second century CE, the frontiers of the empire became more settled
and formalized in many regions. An obvious but clicheÂ´d illustration of this is
Hadrianâ€™s Wall in the north of Britain, but the physical form of Roman frontiers
varied from region to region. Even the development of walls and fortifications did not
imply limits to Roman power or a defensive strategy. These fortifications were used as
bases for offensive action and Roman power was maintained beyond them by both
diplomatic and military means (Whittaker 1994; Elton 1996a). As part of this
process, legions tended to settle down into long-term quarters in fortresses such as
Eboracum (York), Ara Ubiorum/Colonia Agrippinensis (Cologne), Mogontiacum
(Mainz), Vindobona (</t>
  </si>
  <si>
    <t>b'\xd4\x85C\xe4b28\xfcz^\xc23\xc8A\xb2\x9dHE\x0e~\x94a\xf5\xe6M`\xf5\xc4\x1a\xc3s\xb4\xfe\xf0T \xf6\x00]\xe9\x92R\xda\xfcw\xc5\xd6\x8a\xec[\x97\x7f\xf1B\x1f^8\xdaG\x84\r\xa3MHm\x88\x8a.\xc0\x82h\xfd\xd9\x92\xd7a\xf3\xaa#NL\xbf\x87\xcc\x86\x95\x13s\xfb~p\xb6(\x8au\x1a\xb2\x81\xe7U\x1a9\xc7\xe4\x1d\x0b\xf3\xe4I?\x11y\x92\xaf*ql\xec\x85g\x8c\x95=Y\x1e\xb4\xe2Dq\xee\xe5\\n\xbe\x0f\xf0z\x88\x8f\x81P\xdb\x96\x89\xfd\x04\xe5L\xe78\xd5\xb2\x87\x90\xfb8\x84\x98\xc9\xf4\x10\x7f@;0\n\xce\x8a\x80\xd8\xfegO\xa2\nf\xba\xde\xbfh\x1d\xd1\x16ou\xc0a\xf3\x17\xfc\xaf\xb2\xf5e\xea\xbdh\xf493\xb5\xdf\x0ew\xef\xbbmn~\x89=?G\x8b}\xad\x9bQ\xfa}\x0b.\x90T\x89\x05v^\x0e|\xa1\\\x8cc~\x99\xdd\x08\xae\xde\xb1%\x88\xe1\x16]\xee\r\r\x7f\xa6\xf7M\xb9\x96\xae\xb9\x12\xe9\x17h\x9f\xc3r\x93F\xae\xcd\xd7`\xe2G\xf4\x1e\xa2\x0fwJ`\xf6\xac\x98\xf4\xc3\x1d\xe0\x93@\x0fA\x11K\xe9\x99\xbc4\x89\xbf&gt;\xe9\xd9r\x1f\x1ax\xe9\xa6\xfd\xc4\x17\x1f\x08\xfe:LK\xb6\xc8q\xf9\xc4\xd6Dj\xa0#/V\x95\xb5w\x86\xee\\\x06\x02\xd3\xadH~{&amp;nh2\x83\t\x96\xdd\xfa@\x8f\xba\xbb\xd1\xb4\xf4K\x1a\x99#\xfc:\xfd@s\xb3\x02\xb8]\xb5Q\xc5\xba\xeeU\x10\xb6\'\xf6\x9as)\xcf\ru\xcd\xb3_\x17\x1e\x0c\x0e\x07\x99\x0e\xaf\xcc\x897\xaa\xcd\xcc\x1e\x16\xf5\x1a}-l\xbb\xc8\x1b\xad\x82&amp;\x17\xf7;h\xf4\xd7\xd3\x8c?\x7fC\xc8\x91\xd2\xc0`Fy\xa3\xb6\xb6q\xce=\x9e\x05|\xc4\xd3\xb8\x9d\x82\xd6\xa9\xeb@\xcb\xd7\xdc 2g\x93\xbf\x9b\'L \xb1x\xc4\x99\xa6\x00\x07\x10\x1d\x96\xcb_f\x80"$\xff?#UTJ\x19\xc4\x14\x93v\xbe\x83\xd2\x16\xa8\x08\xc8\x911\xa2R\x10a\x90\x7f\xeb\xe4\xa9/ \xe3\x95\x1b\x19\xf4N\xd9(=a~\x87\xe3\x12ra\x80\x83\xe1\xfc\xa3(\xd3\xd8\xee;\xafU3\xc5\x98\xda\xbc\xb2\xde\x1b\'\xba7+\xe1\xbc4 v\x16%\x8al\x9b\xd2\xf34l\x874\x96\xe7\x9b\xb9\xbc\xc6(\xf3r\xe9\x0f\xb0^&gt;\xdb\xbd^"W\x94s\xebP\x19\x15\xd5!e\x00*\x7f&gt;a\x82\xf1\xac\xb8\x19\xd3\x1ay|h\xef!\x8c@\xa3gI\xa6\xe0\x9e\x84_\x94\nb\xc6&amp;\x19\xfb\x7f\x85\xac\xda\xe5\xf7\x00"\xc4\x0bo\x8d\xd0P\x9f_\x19M4\xcc\x93\xf0pp\xc8\x0b\xaa\xe9\x12{\xbc\x9f\x1a\x05N\x12B\xfa\x88\xc1\x0cys\xf4\xd9#\xf5\xdf\x8bA_\x9e\x14\x1a\xa3\xe2\x88\x16\x9e&amp;\x91\xadS\xc3\xb9\x88\xc9K\x04\xb9%uB\x8bo\x9f\xc2\xd7\xbb\x99\xe3b\xfdy\xec\xb5\x98]\xc5&amp;\xbb-\xe7\xe8\xd3T\xb05\xea&gt;W($\x1eBi\x97\n;m\x10\x90+\xed\x8f\x14p\xdd\xe4e\xf9\x0cs\xfa8fp\xa5qOl\x9cj\xea\x85\xd5\xe5\xce.\xb4CVP\x9f\xdeO\x05\x05\xffW\xaa\x7f\xea\xee\xd3Zm\xc94M\xab\x11$IC\x8d+\xdc\xe2\x9e1\x17\xaa\n\xc2?\xda#\xd4\x13GB\xd1\xb8r\xfeC\xe7\xeb\x9a\xb7\xd2\xfa\xfc\xd0\x1c\xc5\x8f\xb7S3\xa1^*\xc8\x85\xcb\x91\xa2tW\xa2\x11\xa2q\xd8\x18\r\x01\xe8x\xed\xf63\xbcs\x8d\x80q\x91y\x89\xbe\xb2\xbe1^*\xe9\xdc\x96\x0c/8\xf2$[\xe8\t\x05\xae\xfa\x8f|@\xe2\xf7\x05\x95~\x9d\xc17P\xdf\xb0\xe3\x81\xef\x17#\xd4\xc3\x1b\x83\x0c\xcc\x183\x05\x05\xc6\t,\xcdY\xf1}\xb8\x89\xbe\xb9\xce\x9f}\x0b\x19\x91\xbf\xc6\xda^\xb6c\xec\xf1\xe2\xc4\xad\xa9\x8d\xaf\x03\xea\xb7\xa8{\xe4\x0f\x0bv\x91\x8f_\xe1[\x8d\xa3X\xfb\xe7\x86Y\xd3\np \x1e\xa0a\x1aLk(\xc6H6 \xca_\x988\xe5h\x9c4l7\xdc\xb7\x918a&lt;\x04\xb6\x04\xc0\x9f\xc4\x9f!9&amp;$\x00a\xbc\xe5\xa5\x1f\xb6\xa7\xd0\xdcF\x19W$\x99U\x05G\x93k\xa1\x06\x90+}\x97\x04\x85\xf0\xb2R:p\xd7\xe68\x16KY\xc4\xbd\xa6I\x85\xc5\xed\x0c\xf8\xd5\x1e\xd9\xa3g\xe1\x99\xb2B/\xa7o\x91Ge\'YZ\x89\xe4\x0b\x1f\xc5\r0ym\x15p\x85\xae\x18\xe5\x9f\x04\xf8\xccO\x01O\'G\x87\x1e\x88U\x85\xb9\xdf\x9d\x17Z\xf4&gt;\x01\xee\x1a\x05\x16_\xf9\x13A\xcb\xa0\xa6X,KQ\x99:V\x059\x13{\xd6:\xbce\xcb\xf1\x0f}U\xda\x17l\xe3$0\xb7/el\x9b\xdc\xa5h!&amp;3}Q\\\xff\xb6\xc67\x97\xf3E\x1b\x1aH=\x9d\x02\n\x07\t\xb0o\xd5\x02(\xfb\xa5\xd0\xee\xe1O\x81\xd4^W92,\xbcE\xc8;\x12[\xda\x92\xe3\x8c\xcfN8\xa9\t\xcbM\xe0\xbbp\xfc\xa0#\xe3\\@\xb55\xf2\x89!\xf4\x1c\x00\xec\x8b\xe7\x1a\x04-\xb4Y}\x10T\xa0\x97\xf5A)E\x02\xf7\xc2\n\xc7#\\\x18s\xad\x17uW\x99\x8dn\x97%\xb1\xcc\x8d\xb9\xa5\x0b\xbe\xc2\xf3;\xfc\xe6R\xfc\xca\xb5\\\xee?\x14\x02\xf96\xe8\x8d=\n\x15\xed\xa7\x1e\xda\xfe\x89rr\xe2\x98\x0fx!\x04j\xf63T\xce\xc3\xd7\x98\x0ct\xc6Y\xa3\xf1\t9\xc3\x1f\xe6\xf8\xefB\xac\x1a;\xcbC\xb2\xe1\xe0\x92\x14e\xff\xf5\x84iGuW\x8d\x8f931\x1at\x82\x07/;\xc7&lt;R\xd9\x97\x1f#\xa1X\xe8mmIZ\x80\x00\xae:\x8c\x80}|N\x1c&gt;g%\xe4\x86\xbd\xba1\x9c\xe4A\xf9e\x1agg\xcf\xf4\xbb\x1a:\xac*\xc06\xdf\x9b\xf5\xa9\xa4\x16\x974\x86\x12\xca\xe1pQjDb\x1a\xcd\xa4\xca\xa4\'%\xadWU\xcf\xd0+\xf0\xd0A\xdc\xbbfp\x120|\xb8\x98X\xe6\xcfc@e/Y\xb9b\xdc"|:\x841\x96\xc5y\x81\'W\xc576j\xf6\xc9\xbaf\xb0\x93\xc3\x89\xde\xc1=j\x87HEY\x1f{$*\xb1G\xf22\xc4\xecAk\x94qa[z\x01\xe0\xe2F\xf7?\xe3w\xfa\x0b{\x05\xe5\xdd\xb6\x82\xe42\tA\xa4!\xc4\x02\xaf\x90\x13{\x97\x8a\xa4\x00\xe6\x94&lt;\r\xb2\xad\x9b\xa1\xdbN\xee\x87\x95\x88\xdf\xed4\xfd\x1b\x8b\xe7\x11\xbe\x98\xdc\xf6\x08\xb2\xc1Dd,\xb6[\xfa(\x1fi\x1aJ$\xab\xe6\xe9 y#\xe2B\xe41\xec\xb3\xc3VN\x9b\x9b\xe4=|\xcfYf\xd2\xea_Z\x7f\xb2\xab3d\xffx\xd6\xc0\xc0\x1a\xa4\xe0\xafJ\xf4}\\\xe2\xfcd\xed\x1c\x86\xda\xa0\xe7 \xd6v\xbfb\x0ea\xf5\x97\x16\xe0\x81\x94&gt;\x08\x99w\xb3\xc2\xd9Kv\x10\x8fj\x0b\x06\x9ewvn6\xa2.q&gt;\xda\xae\xd2\xf1&amp;#.4-\xa5\xfbNm\x10\xd3\x19\x81\xcf\xcb+@\x91$\xd9=\xd0\xe8\x99\x91\xe57&amp;\xb8K\xeb\xb2\xc1\xa2\xa9\x81\x17\xa38\xb2c\xaa\x83\x88\xd8\xd7\x89\x9fl2\xee?\xddP\x9a&lt;E=\xc4e E\x18\xd0\xf7k"_\xd3bA{~\x0e\xf8\x15!\x01\xd4\xcaQ\xcd=S\xd97\xff\x8cw\xc3\x1a4\xe7\r4\xac\xe9\xb0\x83\x90\xe3\xdfL\x1f\xb9j\x9b\x91\x92iV\xe4\x16\xf4:cg}\xd1\xffG\x03\xd6\x9e\x03\xbb\xc8\x10&lt;5\x83M\xdab\xeb\xe1#\xdf\x82\x1e0g\xd5z\'\x92tKL&gt;\x8a\xf1R\x91\xcfg\x95\xb9-\x0b\xf2d\x0c?f\xa1?\xeeV\xf5Y\xe3n]\x0b\x8f\xe6x\x0f\x04\xbb@O\nq\xd3\xd3\x8dG\x01 \x02:\xcc\\\x8aPg\x03*\x18861\xd6\xf7\x91\xde\xf3l\xda`\xbb\x1ch\xdf\x07n\xc9\x15\xad\xa7\x902\x1c\xe9\x15\x8c/\xe3\xfbt\xa7\xc0\x1cT\x93\x1aX\xf8GG\xe1\xaf\xf7\xeb\xd18=H$\xf1\xec`\xd6X\xd0i\xd60/~\xdc\x82\xa4Qz\x0c\'\xd8\xc4qC\xce\xa9\xfb\xa2K\x0c\xeb\xb2\xe9\xea v\xffLy\x84r\xcc\xa1\xc0g\xb4\x9fhN\x10y\xd39\x95\xbd\xb70l[,\xdb\xa7\x1e\x14l\xaa\x00?\x16\xa1Ls\xb4\xb77\x11\x0c9\xae9C&lt;mr\x99y\x1c\x10}\x92`\xe0\xc2\xc8\x90\xd4\x10\x13-l\x0f\x07\xe5\xf5\x08ns\x1d1\x83\xb0\xf1\x1aT\x11\xf3\xe0\x82 \x1d.\x8eJ\x07\xfd\xdb\xef\x8a\xec,\x12*\xbc\xa5P\xaa\xd9\xf5\x1fXv\xc53I\xd8\x1c\x1bjW\xdc\x19\xf9\x12\x98U\xdd4\x97,\x91\x0e: \x82J`\xdd}\x99\xd2\x8d\xf2\x80WB\xf9\xc8\xf5\xe2\xf8V\xc9\x00\xdd\x8d\x0eN\xf8\\\xf9\xfc\x96\xa2|\xed\xd5\xa4\x0f\xce\xc7\xae\xde\xb3\xea\x14\xbaM\xces\x0c\xa9\xbeVk\xf1\x95\xf8\x8e\xa6\xae&lt;\x9e\xd6&gt;\xb9\x89\xec\xfd\\\xcd\xdb\xc39\xa7\x91\xb3=R\xd5F\xdf]\xe8\xf0\xa2Pu\xde#\xb6\x00\xd7\x18\xf2{}#\xceT\x98\xf8\x83f\xe6B\xb1hD\x88N\xc2\xda\x84\x81\xb9\xc9(\x95\x07\xc0e\xe9n\x12\xd3\xc0L\x11f\x15\x00\xb9\xeaL\xebQ:\xe3\x14\xb4q8\xa4\x94)\xb2\x8f\r\xa5&lt;c\x8c\x05t\xb4tC\xe3X\x99J\x84\xdf\xb6:\x10\xb3\xcejV\xc3t"4\x9e\xc7\xa8z\x95\xdc\xba4\x9b8\xc2\x00m\x90\xf9\x83\x88\xe2\xc4~\x17\xe0\xe4|q\xeeYy\xf0\xddC\x1b\xc4\xacE\x14\xd8p{\xf6\x0e\x04\x88\xc9{\x0bW\xae\xbb/\x89\xf1\xccP\x89Gm\xd8\x0f&amp;\x1a\xa9\x10\xcd8\x00A\xe9\xbb\x08\x0c\xf3\xd2\xd3\xd4\xe6\x02\xdf.\x07\x12\xc8\x8e&lt;\x85,\x1f\xd2/e\x92)\x89C\xa8\x9f\xff\xc8\x0bgcX\xd5h\x9d\x07\\\xdb\xce\xac\x13\xbc\xdc\x03\r\xe4w\xdb\xe5\x1b\xa7\xd9j\xef\x91\r\xff\xa7\xb2\x8b@\\\xb7\x07\xd2\xd2\x8a\xc9^80\x08\x01\xbf\xf4J\x92\xa8_\xc0tb\x9d\x9a\xd4\x8e\x8b\xd3\xa9\xff2K\x8cP\xfdrh\xe2\x9e\xda\xfeV\x02\xe9d\xa77\'+x\xaf\x00;\x1c&amp;\xe1r\x0f_\x9b\xa5\x852\x10\r~)\xf4&amp;\x0e%\x80\x97z\x1d\xc9j\x14D&amp;\xe4\xde\xcb\xc8\xde\x83\xf4; \xa4&amp;\xdb\xf0h\xf5Z\xdb\xf6\xbb\xa1V\x04\x8d\xb8\x8c\x8b&lt;BC\xf8\x19l\xc0\xd4H VK\x038\x10\xa4\xf2b\xbcE\x8b\xb1\x04-\xc0-\xd6\xf0fY\xe7\xf4\xe7\xe0|\xd4K\xa2'</t>
  </si>
  <si>
    <t>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</t>
  </si>
  <si>
    <t>b'\xd4\x85C\xe4b28\xfcz^\xc23\xc8A\xb2\x9d'</t>
  </si>
  <si>
    <t>while bowers of flowering myrtle and other spicy shrubs
 mingled their fragrance with that of flowers, whose vivid and various
 colouring glowed with increased effect beneath the contrasted umbrage
 of the groves. The air also was continually refreshed by rivulets, which,
 with more taste than fashion, had been suffered to wander among the
 green recesses.
 Emily often lingered behind the party, to contemplate the distant
 landscape, that closed a vista, or that gleamed beneath the dark foliage of
 the foreground;â€”the spiral summits of the mountains, touched with a
 purple tint, broken and steep above, but shelving gradually to their base;
 the open valley, marked by no formal lines of art; and the tall groves of
 cypress, pine and poplar, sometimes embellished by a ruined villa, whose
 broken columns appeared between the branches of a pine, that seemed
 to droop over their fall.
 From other parts of the gardens, the character of the view was entirely
 changed, and the fine solitary be</t>
  </si>
  <si>
    <t>b'\xd2\xe8\xc6i\xad[\xc6\x92\xc1\x06\x04\x17p\xc0%8\xe7\xcaY\xb1hJV\xbc5\rX\xe4b\xb3\x80\x08_\x99\x87\xa5zWI\x85\xa3P\xd0\xc2t\xe5hO\x84\x14xh\x19\x8c\xaa\xda\x84\x82\xae\rH\xa5g\xb3'</t>
  </si>
  <si>
    <t>d2e8c669ad5bc692c106041770c02538e7ca59b1684a56bc350d58e462b380085f9987a57a574985a350d0c274e5684f84147868198caada8482ae0d48a567b3</t>
  </si>
  <si>
    <t>b'\xd2\xe8\xc6i\xad[\xc6\x92\xc1\x06\x04\x17p\xc0%8'</t>
  </si>
  <si>
    <t>to amplify a signal in the vicinity of 1 kHz but the circuit board and wires pick
 up a strong 60 Hz component from the line electricity. If this component is 40 dB higher
 than the desired signal, what filter stopband attenuation is necessary to ensure the signal
 level remains 20 dB above the interferer level?
 Solution As shown in Fig. 15.5, the high-pass filter must provide a stopband attenuation of 60 dB
 at 60 Hz.
 60 Hz 1 kHz f
 Highâ€“Pass
 Filter
 40 dB
 60 Hz 1 kHz f
 20 dB
 Figure 15.5
 Exercise A signal in the audio frequency range is accompanied by an interferer at 100 kHz. If the
 interferer is 30 dB above the signal level, what stopband attenuation is necessary if the
 signal must be 20 dB above the interferer?
 Some applications call for a â€œbandpassâ€ filter, i.e., one that rejects both low- and high_x0002_frequency signals and passes a band in between (Fig. 15.6). The example below illustrates
 the need for such filters.
 f
 H ( Ï‰ ) Passband
 Stopband
 f 1 2f
 Stopband
 Figure 15.6
 15.1 General Considerations 711
 Example
 15.3
 Receivers designed for the Global Positioning System (GPS) operate at a frequency of
 approximately 1.5 GHz. Determine the interferers that may corrupt a GPS signal and
 the type of filters necessary to suppress them.
 Solution The principal sources of interference in this case are cellphones operating in the 900-MHz
 and 1.9 GHz bands.2 A bandpass filter is therefore required to reject these interferers
 (Fig. 15.7).
 900 MHz 1.5 GHz 1.9 GHz f
 Cellular
 Signal Signal
 PCS
 Signal
 GPS
 Required
 Filter Response
 Figure 15.7
 Exercise Bluetooth transceivers operate at 2.4 GHz. What type of filter is required to avoid cor_x0002_rupting Bluetooth signals by PCS signals?
 Figure 15.8 summarizes four types of filters, including a â€œband-rejectâ€ response that
 suppresses components between f1 and f2.
 f
 Lowâ€“Pass
 H ( Ï‰ )
 f
 H ( Ï‰ ) Highâ€“Pass
 f f 1
 H ( Ï‰ )
 Bandâ€“Pass
 f
 H ( Ï‰ ) Bandâ€“Reject
 f 2
 Figure 15.8 Summary of filter responses.
 Another classification of analog filters concerns their circuit implementation and in_x0002_cludes â€œcontinuous-timeâ€ and â€œdiscrete-timeâ€ realizations. The former type is exemplified
 by the familiar RC circuit depicted in Fig. 15.9(a), whereC1 exhibits a lower impedance as
 the frequency increases, thus attenuating high frequencies. The realization in Fig. 15.9(b)
 replaces R1 with a â€œswitched-capacitorâ€ network. Here, C2 is periodically switched be_x0002_tween two nodes having voltages V1 and V2. We prove that this network acts as a resistor
 tied between the two nodesâ€”an observation first made by James Maxwell in the 19th
 century.
 In each cycle, C2 stores a charge of Q1 = C2V1 while connected to V1 and Q2 =
 C2V2 while tied to V2. For example, if V1 &gt; V2, C2 absorbs charge from V1 and deliv_x0002_ers it to V2, thus approximating a resistor. We also observe that the equivalent value of
 2The former is called the â€œcellular bandâ€ and the latter, the â€œPCS band,â€ where PCS stands for Personal
 Communication System.
 712 Chapter 15 Analog Filters
 R1
 C1
 in Vout V
 C1
 V
 C2
 "Resistor"
 1 V2
 (a) (b)
 Figure 15.9 (a) Continuous-time and (b) discrete-time realizations of a low-pass filter.
 Did you know?
 The work on filters predates the vacuum tube and
 transistor developments. Even in the late 19th
 century, filters were considered for use in tele_x0002_graph and telephone systems. Today, filters find
 application in almost all electronic devices. For
 example, our body picks up the 60 Hz (or 50 Hz)
 line voltage from the wirings around us, making it
 difficult for doc</t>
  </si>
  <si>
    <t>b'\xd8\xb3Th\xb7\x8f\r\x07\x18\xfb\x15\xed,\xaaby'</t>
  </si>
  <si>
    <t>d8b35468b78f0d0718fb15ed2caa6279</t>
  </si>
  <si>
    <t>y began to engage such vehicles as the village could
 provideâ€”four-wheeled palkigharis, waggons drawn by zebus,
 carriages that looked like perambulating pagodas, palanquins,
 ponies, and what not.
 Mr. Fogg and Sir Francis Cromarty, after searching the village
 from end to end, came back without having found anything.
 â€œI shall go afoot,â€ said Phileas Fogg.
 Passepartout, who had now rejoined his master, made a wry
 grimace, as he thought of his magnificent, but too frail Indian
 shoes. Happily he too had been looking about him, and, after a
 80
 momentâ€™s hesitation, said, â€œMonsieur, I think I have found a
 means of conveyance.â€
 â€œWhat?â€
 â€œAn elephant! An elephant that belongs to an Indian who lives
 but a hundred steps from here.â€
 â€œLetâ€™s go and see the elephant,â€ replied Mr. Fogg.
 They soon reached a small hut, near which, enclosed within
 some high palings, was the ani</t>
  </si>
  <si>
    <t>b'\x03\x95zG=&gt;\x1c\xc6E\x92\xd46@l\xc8\xb1\xcfg\x01\xa76Xc\xdc\x81m33\xec\xffcc'</t>
  </si>
  <si>
    <t>03957a473d3e1cc64592d436406cc8b1cf6701a7365863dc816d3333ecff6363</t>
  </si>
  <si>
    <t>b'\x03\x95zG=&gt;\x1c\xc6E\x92\xd46@l\xc8\xb1'</t>
  </si>
  <si>
    <t>etic flux that is proportional to it. But unlike a Capacitor which opposes a change of voltage across their plates, an inductor opposes the rate of change of current flowing through it due to the build up of self-induced energy within its magnetic field.
 Air Core
Ferrite Core
Iron Core
Variable Core
i
Length (l)
V
Inner Core Material
Cross-sectional Area, (A)
Number of Turns (N)
Figure-24 : Inductor Symbols
In other words, inductors resist or oppose changes of current but will easily pass a steady state DC current. This ability of an inductor to resist changes in current and which also relates current, I with its magnetic flux linkage, NFas a constant of proportionality is called Inductance which is given the symbol L with units of Henry, (H) after Joseph Henry.
Because the Henry is a relatively large unit of inductance, for the smaller inductors sub-units of the Henry are used to denote its value.
1mH = 10â€“3H 1mH = 10â€“6H
 Basic Electronics
39
                 Different Inductor Core Types
Like other types of components such as the capacitor, there are many different types of inductor also. However it can be a little more difficult to exactly define the different types of inductor because the variety of inductor applications is so wide.
Although it is possible to define an inductor by its core material, this is not the only way in which they can be categorized. However for the basic definitions, this approach is used.
Â·Air Cored Inductor: This type of inductor is normally used for RF applications where the level of inductance required is smaller. The fact that no core is used has several advantages: there is no loss within the core as air is lossless, and this results in a high level of Q, assuming the inductor or coil resistance is low. Against this the number of turns on the coil is larger to gain the same level of inductance and this may result in a physical increase in size.
Â·Iron Cored Inductor: Iron cores are normally used for high power and high inductance types of inductor. Some audio coils or chokes may use iron laminate. They are generally not widely used.
Â·Ferrite Cored Inductor : Ferrite is one of the most widely used cores for a variety of types of inductor. Ferrite is a metal oxide ceramic based around a mixture of Ferric Oxide Fe2O3 and either manganese-zinc or nickel-zinc oxides which are extruded or pressed into the required shape.
Â·Iron Power Inductor : Another core that c</t>
  </si>
  <si>
    <t>b'c\xe6bwj\xe0\x96 d\xcd\t\xe1\x85\x9e7\xf2\xd2fT\x08\xd7\xec4\xd2fy\x1d\xa5\x15\x88\x1f\x91d\x03\xb3\xfe\xcaN*nx4P|[\xa0*"\xc5\xf7\x02Z\x0c\xf2\xd3\xfd\xae\xfe\\\xde\xc0\x15&lt;\xad\xa7\xf1\x18I\x8dH\tP\t\xdd\xe3\x93\t\xc5pC\xd9\x1c)\t\x98\xc2+.\xbb\xbf\xb4\xd9\xb5\xda\xab\xec\xb4\xb2\xcc\xd8\xcb\xd4\x0bnP7!\x8f\x92S\xc9Q\xa6\xdd\x00x`J\xe7\x8aMn\x90z\x93\xf3\xd0m\xab.\xbc8\x06.\x8dk\xf1\xe2Q\xcd/\xd4\x96\xbcv\x1e|\xd6"\n\xc5\xa5o\x81p\xfb\xd7A\x18\'V\xba\x1b\xb9\xc9\xea^\\)w\xd5 \xbf\x8d+`\xde\xbe\xe2\xe4ke\xf7\x1e\xca\xed\xc7\xfd.\xd6W\xaeH\x00\xe5\xfds\x0c\xb1\x8be\xb7d\xb0Q&lt;\r\xc0\x89\x9e\xda*\xfc\x806\x9a\xf07b\x94\xe2\x9b\x94\xe4\x82!\n\x8f\xae\xe9\x0et\xc7\x08z\xcf\x1a\xa6\xfe\xce\xc0\',W\xbdf\x02\x129%\x18\xbd\xbe\xe9\x97\xc0\r\xdf\x1a~\x1d\xd2\xe1\xdc\x8bH\xc2 \x85\x12\xaay\xa6\xfd\xeb!\xae"\xd7i\xd3\x85\xf6\xe4\xcb&gt;\xda`\x9d\x8a\x1f\xfbx\x9e\xcf\xb0\x08k\xb2*\x8a\xa7\xdcE1\xf6~|\x9c2\xc8cb`\x10Z\xbe&amp;w\xe0}\x88\x03\x89$^\xc6\x1e\'U7n\x02\xc0\xa3\x87\xb3\x0c"\xf9\xb7\xaf\x84^\xbf\xbd\x14\x9e\xb3P\x8dB\xd3\x84\n\xd4E\xac:M\xe6W\xff\xbad\xce\t\x87\x13g\xcaA\xd0\xbb\x81\x9eg~\x1d\xd0\xea\x10\x99k\x18\xcf_\x1az~ \xf4\x82\xf5\xa1\xda\x91\\\\3\xc3\x95\x90\xa1\xbb\xabn\xcc\xe0Z\xcf\xc7\x90\x04Q\x90HW\x12\xfe\xe5\x05\x8d8w\xa8\xd5\x14\x81rt\xa3\xe4R\\Hg\x91\xfcO[\x01G\x8c\xac\xadIp\x88u\xc0\t\x03P\\\xe7\xccm\xb2|\x03\x84JW\x88\xdb\xaf\x87\x84S\x1c3\xbc&gt;!B\x04\xab\xc5\x1f!\xcf\xe94\x7f&gt;\xf8\x8fY\xc1\x86\xd9\xf6\x05\xe2\x1cQ\x1f\xc39\xb5\x94\xcf\xac\x92\xb9\xd9\xaf\x02\xae\x1e\x0c\xc7\x06\xce0\xba\xf9c\x10\xc0X\xc9S\x8d\x10\xb1\xcb\x8dc\x01O\xf5\xe9R\xdd\xdf\x0fls\xa9\xb6x\x8c\xf8L\xd0\x05vZG,\xf6\xa1\xc0(\x91\xa4)^\x1d\xe2O\x9d\xc3\x00\x0c^r\xeb\x1cVj\xf1$\x1a\x1f]\xc0`X.\x15\xbb\xbe\x9f\x05\x19\xb8B\xce\x9c\xcb\xce0&gt;5\xfbT\xa9\xe2\x93\xab\x13\xe7\xa1y\xe6k"6g\xdcK\xc3@#\xd5\x89\x9a\xb6s&amp;\xd2\x8d\xb3I\xbd`\x8e\x8e=;\xe3\xa8\x8a\xb6i\x9d\x8f\xec\x92*f%\x1f\xe4n&lt;CN9\x93\x02W\x00\xcf\xc1X\xa9\xd5%^\xdd\x93!u\xb7/I\xd8j\xdd\x1e\xd1\xbc\xc5\x1a0\x17\x8c\xe6\xc0\xaf\x98\xd7\x11\x0b\xdcm\xfd\x10\xff\xd2nH\x87_\xdc\xd9\xf4\x1d\'\xcc\xb2\xaaF\x08\x8f{m\n\xefHG5\x19\x1a\xcf\xbfO\xe8.\x1c\x04\x13\xd4\x1f\x9c\xdf$\x06\x9aN\xa5\xcePz\x1a@\xee\x16\xda\xc6\x9b\xab\x1e\xed\xbd,\xfch\x93i\xf0\xde\xa4\xcf\x97g\x1f\xa5\xf4\xd88u2\x8c\x9b\xb1\x17\x18\xe1fzn\xd2\xdc\xfb\x8fc\x16\xcc\xdcB\xfc\xbb\nEy%\'\r\xff\x123lt\x8e\x89\x1d_\x8e\xeat^\xc9\x1dGm\x85k\xf04D\xb6n\xdc/C&lt;\xac\xc7kM+Y\xe8k\xe6\x8d\x9e\x84\x14\xf5\x81QR\xcdq\x16\xf5ZL\xf0U\xc6o\x1e\x88\xba\x0c\x14\x0b\xe0|;o\x19_\x07|!&gt;\x98\x04\x89\x88\xee\x9f\x06\x81_W\xf0\x04\x95;\xad\x9fs\xa6\xcb\xf9-K\xff\xde\x8f\xd0\x10\x10\xbb\xae\xd8\xddj\x80T\x80\x12\xe2`\x8aq]\x10V\xf2\x0f\xb4X\xd7\xca\x87\xf8\x9e\xe5\xdd\x0c\xccd\x8e\xab\xc4\xcd\x11n\xd0\xd1\x8e\xbb\xaaU \x06\xea\xbe\x92\xf6U\xb0\xcc\x1eN@\xaf-\xb6\x15\xdf\x11\xddP\x98$\x80*\x97~\xc5\x9bx\xbf\x9c|\xed\xd3\xff\xf9\x8aA!M\x1d\x8dl\xf2\xe7\x00\xe4\\\xcdDB\xf6\xf0\xa8\x03\x94\xe2\x1cT\xf4\x8a\xf3\x8b\xed\xce\x0f\xd4\xdeV\x0b\x86\xe6\x98]\xc5\xb0Q\xcbS\xa1(\x03T\x12F\xab~&amp;r\xd8\xb9\xf9\x9db\x88%\xa7\x97,\xf65\x99Z\xd3e\x7f\x93-\x9ej\xa6\xe8I\x9f\xe2\xb9(\xa6R\xc6[~\xa5\xf6X\x91&gt;\x80\xb9\x0cqG:\xe5\xe7\x9d\x1f\xe6O\x1do}\xe4&gt;\xd0\tRi\x0b\x8br\xa9f\x8f\x94d\x94\xa52\xea\x9c%\xca\x04\xd1 \x03\x15\xe0\x85\x8fve\xe9ji\xe8\x02\x1f\xb8\xed\xc8\xd1\x9c\xd8\xc0h\x13\xf2\xb8\xdcv\x8c%|\x8c\x8c\xd5\xf1O\xb3R\xcdC\xf9\xc5c\xbe\x7fG$a\xb2\xb0.\xea+I\xe7\xf6B\xf1\r!\xff\x86\x19S\xd9&gt;\x95\xd4\xcb\xa9\x82\xec H\x8d\xb6\xd2\xdf\x03o\xcd\xdaL\x07ig\x83J\x1e)\xe0\xb6s+\xa5\xde\xa1\x07\xc3\x97\xea\x0c\xc4\x85\xbf\x8eAB\xb5&lt;\xb2\x81\x81\x90sA\xa6LQ?c&lt;\x87\xbd\x85D\xdc\xc2\xcf\xdb\xb7Rs\x1ff\\-\x11\xad??\xb4\xefB\xe4\xd6\x92ma\xcf\x10\xaa[\xb0\xdf\\\x9e\x9e\xa8\xa9\xfe)`w\x8c\xb5\xe8_~\x8b\xc3\x90\x84\n\xe5\xd5\xc5\x93HnV\xa2\x05\xbd\xe9 k\xa0\xed\x1f\xa3\xd5\xb5\xa0}VP\xea\xeeC\xba\x00\xf9\xcd:\x12^gJ\xb4\x1d\xa0\x0e\x1aE\x87\xea\x05\x80\xee)\xd6d\xeepH\x19\xbe\xbbqr\xdd\x8e\xd0\x9cC\xd2\x02\xc5\x9c7\xb4\x11\x80rZ\xe0\xb0\x89n\xed\xda\x0edwL\x81\xebw\x9f\xb3\x10\x8aa\xec\xd9\'\xd4\x1d\xb3\xc6\xf0\xe8\x88\xf5n\xa7\xbf\x06\x1f)\xecI\xe8\xfaSn\x9d\x9e\xf2\xf3k\xda\xbf\xe1\x85\xa1\xc8\xfe\x03M\x105\xe1CAc$D\xbe\xe0V\xbb/\x0c\xb8\xae\xcbHt\x0c[\x96\'v\xeb\x89\xd8\xefgO\x06\x99\x07\x8c\xa8_T\xdc\x0e{CUq\x02\x97\x96tD-\xde\x13\t\x11\xe6h\x8d\xdac\x12\x12t!\xce\xd0\xb0\x86,\x9aD\x87|\x0f\x8fm\xfe\x88\x8d$\x0b\xf2\x1d\xd9\r\xe0C\x9e\xc1\x07Tj\x85\x07\xcb\rm\x8fX\xcf\xda\x97\x13s^\xd1Iq\xd3]\x83\xa8y\xf9\x822J\xbd\xaf\xd1\xa3\xab"\xd0\xebmEd\xc3\x8c\xcf\xf6RJ\x14\xef\xd1\xd9\x0c\xb7\x9c\xe1\xab\x07#\xf1&lt;\xac\xc2\xce\x1b\xc5!\xa6\xcc\xbc\t**1m\xae&gt; y\xc2xZ\xf9Z\x01\x14\x91\x9a\xd9\x01HZ.(%\x9c\xb9\x11,= \x98}U\xf2\xc1\xa2\x10\x94\x98\xdd\x8c\x89=\xd0\xf5\xe5\xc4\x8cR\x94\xaf\xf1d\xacM[\xd8\x8f.\xae\xed\xa4kv\x10\x97A\xa2p\xb3\xe8H\xcf\x19\xbb\xf4\xb5\x9d\xac\xef\xd9\x01\x12\xed\xad\xf8\xa2\x18Gl&lt;X\xbd\x1cX\xfb\xeaG\xb9\xab\xe3\x08\xb6\x03A\xbf\x05N\xe3\x05\xa7\x9f\xf5\x0c\xb7\xeb?4\x1d\xbd\x12$\t\xc4\xc4\x86/\xe4\x8bQ0\x0e\xba&amp;\xaa\xae?\xf0\x17\xebG\xb9\x93\x87\xc1\x10\xa2G\xaep\xa5\xbb\xf8YX\xc4 \x1f#+\xb0Jf#~\x14p\xc4VK\xb2X\xe7\xb2\x1a&lt;\'\x08\xcd\xbc\xf9mA\xbc\xbb\xa0\xdb\x88($Z\xd0\'\xea+D\x86\x17\xba\xb5\xd4\xc3vek\xbe\xd0\xb8&lt;\x97\x90\xca\r8\xd3\x1b\xfc\xe3e\xbbD\xa2\xa5\xbf\xc9\x9d\x1b-\x94\xaea\xd9\xcd\xb7\xbc\xcf\x94\xbfS\xf3")\x85\xacE\xe1OQ\xae\xdc\xdf\xfeZ\xf9\x98m\xb61B\x17\xa5\xaf\xbc\xca1X\xee\xa9\x15\xd1\xe98\xdc\xaeu\xd3\xac\xab;\xf3\xe4\xa8\x16z\xf6\x18\x15\xddl\xf6\xd6\x9aI\x9e\x8f\x10\x0cx\xe8\x95\xce.\xdd-\xc7N\xf5\xda&gt;\x17+\xd0UQ\xfa\x97\xc6\xe4Q\xd0K\x07\xa1\xd8T?s0\x01\x98\xf4\x06\xef9\xc3\xf1\xf5\x08\xd4\xb6\xf7G\x0c\xc6\x83\x97\x9f\x95\xbb\x81*.~\xc1\xfe\xfcp\xc78\xc2\xa9-A\x86;\x92\x17\xc9\x8f;d\x91\x97\xa3md,\xf4\x97\xb7(!\xcdx.&lt;\xb2y\x8b\xdf0/\xe1\x85r\x0e\xd8G\xa2S\xdf\xd6\xdehO\x842s\\a2-\xcf\x90\xee\x82h\x17\xc0A\n"\xd4\x97\xcb\x9f#\xe3m\xf4\x8f@\xe5I\x94\x96\x01\xde\xad\xd3)\x01g\xc3\xe6\xd9\x84\x80C}\x7f\x9c\x9c\x0f\xb8_\x89\xe3\xab\x1f\xf8\xb0ydH_\x97\xf6\xea6\x12\xee\x995\xeb\xe1]\xa5\x84\xfa#\x14\xd8\xb3\x15\x91\xaf2\x0f"\t{I\xa1\xd2u\x1f{%\x02\x9e\x87\x1a\x03K.Sm8\xa6\xb8\xdcl\xc0&gt;\x03\xf9f\x19\xb5m\xe2\xae\xc4\xfd?M\n\xb5\xf6\xc0M\xff\xd4h\xb0v\x9et\x8b\xae\x0bU\xbd\x06\xbb~\xc1:\xe2\xdfY\xfe\x12\xde\x96\x05\xd4\xf85\xb1!\x07\xd1\x96Q\x9db\xfd\xe5\x1a\x7fZ5\xc1\x028\x19\x98[|\xd3\xb1\x14;v${~\x94\xda\xef\t[\x8aJ\xa1\x03\x94\x1a\xaatwLl\x1e\x1f\xf2\xfcjh\x17\xfd\xf1\xe2,\x03\xcf\x0fe\x7f\\\xce\x10&gt;\x80[+\x9a*\x14~\x06m\x00}:\xfc\xa1\xa5\x91\x0f\xc4+P\x9d\xfe\xf3F\xdc\xc8\xe4\xc4\x80\xdc9\xf5\xdb\xcd\x0cl\x92Sl3\x18\xfb\x16\xa9\xc4\x13\xbbz\xfd?\xd6HI\xees\x06\x01\x1e\xdcp\x82\xa9+i0M\x10\xdc2l\xde\xe78\xa3_8Ym\x06\x8d4\xa3\xd3\xd9Hc\xcf\xb6\xb1q\x8d\xf0+\xfeh.3q\x82\xb54\xca9\x8c\xd7\x9dcAe;\xa5Nu\x13\xfd\xfd9o\x03+\x9d \xf5\xc5\x02\xd7N\x03\xd7\xf2A\x84\xedRE\\\xbbW\xd1\xbex\x8a\x16\xa3\x06B=^\x0f\xd2\xcfJ\xca\xe4\x9b\xbe\xe2\x13\xda\x10\xfd\xef\xb60\x04\xe2\x84\x89\xe0wB\xeb\xefM9r\xb8E\xcd2A\xcd\x8e\xda\xf13\x96\xbe\xb3\x13@d[{$\xca*Z\xc8\xa8f\x83\xaa\xe7N6\xbb\x81\xe8\xd0;\xce\xf07\xc4\xc3\xc1|\x1c\xe5\xdb\xa0p,\xd4\xd2\x9e\xd3}Jc\x88\x16\xc9nb\xc6\xa7\xf99\x11t*\xb2(\x99\xa0\xe4\x85\x88+V\x93\x9e\xd7!D\x00\xdd\xb87|\x1a\x13'</t>
  </si>
  <si>
    <t>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</t>
  </si>
  <si>
    <t>b'c\xe6bwj\xe0\x96 d\xcd\t\xe1\x85\x9e7\xf2'</t>
  </si>
  <si>
    <t>feet, and to the distant Mediterranean, whose waves
 she had so often wished would bear her back to France. The distress she
 felt, on her return towards the place of her former sufferings, was,
 however, softened by a conjecture, that Valancourt was there, and she
 found some degree of comfort in the thought of being near him,
 notwithstanding the consideration, that he was probably a prisoner.
 It was noon, when she had left the cottage, and the evening was closed,
 long before she came within the neighbourhood of Udolpho. There was a
 moon, but it shone only at intervals, for the night was cloudy, and,
 491
 lighted by the torch, which Ugo carried, the travellers paced silently
 along, Emily musing on her situation, and Bertrand and Ugo anticipating
 the comforts of a flask of wine and a good fire, for they had perceived for
 some time the difference between the warm climate of the lowlands of
 Tuscany and the nipping air of these upper regions. Emily was, at length,
 roused from her reverie by the far-off sound of the castle clock, to which
 she listened not without some degree of awe, as it rolled away on the
 breeze. Another and another note succeeded, and died in sullen murmur
 among the mountains:â€”to her mournful imagination it seemed a knell
 measuring out some fateful period for her.
 'Aye, there is the old clock,' said Bertrand, 'there he is still; the cannon
 have not silenced him!'
 'No,' answered Ugo, 'he crowed as loud as the best of them in the midst
 of it all. There he was roaring out in the hottest fire I have seen this many
 a day! I said that some of them would have a hit at the old fellow, but he
 escaped, and the tower too.'
 The road winding round the base of a mountain, they now came within
 view of the castle, which was shewn in the perspective of the valley by a
 gleam of moon-shine, and then vanished in shade; while even a transient
 view of it had awakened the poignancy of Emily's feelings. Its massy and
 gloomy walls gave her terrible ideas of imprisonment and suffering: yet,
 as she advanced, some degree of hope mingled with her terror; for,
 though this was certainly the residence of Montoni, it was possibly, also,
 that of Valancourt, and she could not approach a place, where he might
 be, without experiencing somewhat of the joy of hope.
 They continued to wind along the valley, and, soon after, she saw again
 the old walls and moon-lit towers, rising over the woods: the strong rays
 enabled her, also, to perceive the ravages, which the siege had made,â€”
 with the broken walls, and shattered battlements, for they were now at
 the foot of the steep, on which Udolpho stood. Massy fragments had
 rolled down among the woods, through which the travellers now began
 to ascend, and there mingled with the loose earth, and pieces of rock
 they had brought with them. The woods, too, had suffered much from
 the batteries above, for here the enemy had endeavoured to screen
 themselves from the fire of the ramparts. Many noble trees were levelled
 with the ground, and others, to a wide extent, were entirely stripped of
 492
 their upper branches. 'We had better dismount,' said Ugo, 'and lead the
 mules up the hill, or we shall get into some of the holes, which the balls
 have left. Here are plenty of them. Give me the torch,' continued Ugo,
 after they had dismounted, 'and take</t>
  </si>
  <si>
    <t>b'c\xb9\xd5`\xc6\xe4\xbd\xa5\xea5\x8e\x80s\x9bG\xa4\xaa\x87\x80\xff\x84\x98\x17\xf5\xe6\xe9\x92\xec\x1c \xc4MU\xf9\x1aF\x1f\xc0\xd0_\xc7\xb6\x90\xaa\r\xaf\xda\xbd^\xcf\xdf\xfb\x0c\xff\xb8\xd1\x0c\x0fc7\xda*\xb3@'</t>
  </si>
  <si>
    <t>63b9d560c6e4bda5ea358e80739b47a4aa8780ff849817f5e6e992ec1c20c44d55f91a461fc0d05fc7b690aa0dafdabd5ecfdffb0cffb8d10c0f6337da2ab340</t>
  </si>
  <si>
    <t>b'c\xb9\xd5`\xc6\xe4\xbd\xa5\xea5\x8e\x80s\x9bG\xa4'</t>
  </si>
  <si>
    <t>broke up into gangs and groups, fighting tooth and nail, and
 scurrying and scampering around, and laying into each other like
 everything; and whenever the smoke cleared a little you could see dead
 and wounded people and camels scattered far and wide and all about, and
 camels racing off in every direction.
 At last the robbers see they couldn't win, so their chief sounded a
 signal, and all that was left of them broke away and went scampering
 across the plain. The last man to go snatched up a child and carried it
 off in front of him on his horse, and a woman run screaming and begging
 after him, and followed him away off across the plain till she was
 separated a long ways from her people; but it warn't n</t>
  </si>
  <si>
    <t>b'\x01W\x99?\x01O\x9da\xeb`\xbcd~\xbd4\x1e\xab\x10\x0c\xf5\x18\xf9\xd2\xce\xc3\xa0\\\xa10G\xd6\x82'</t>
  </si>
  <si>
    <t>0157993f014f9d61eb60bc647ebd341eab100cf518f9d2cec3a05ca13047d682</t>
  </si>
  <si>
    <t>b'\x01W\x99?\x01O\x9da\xeb`\xbcd~\xbd4\x1e'</t>
  </si>
  <si>
    <t>precision, on their differences. As a result of
their debate, characteristic of this stratum of learned Christian writers, the old word
for â€˜â€˜philosophical school,â€™â€™ haeresis, took on new meaning: heresy. What had once
implied â€˜â€˜choiceâ€™â€™ now meant â€˜â€˜error.â€™â€™ Diversity was lamented and delegitimated.
Eventually, once one group finally had legal power, in the fourth century, such
diversity would be outlawed.
600 Paula Fredriksen
The persecution of religious minorities
As soon as we have Christian writings, we have evocations of Christian suffering.
Paulâ€™s version of â€˜â€˜Nobody Knows the Trouble Iâ€™ve Seenâ€™â€™ â€“ imprisonments, beatings,
Jewish juridical lashing, Roman beating with rods, a stoning (2 Cor 11:23â€“7) â€“
coheres well with the picture presented later in Acts: early Christian apostles (who
were themselves Jews) often met with hostility and energetic rejection both in
synagogues and in the larger urban context of their mission. In the Gospel of Mark
(written sometime after 70 CE), Jesus â€˜â€˜prophesiesâ€™â€™ that his followers will experience
similar harsh receptions: â€˜â€˜They will deliver you up to councils; and you will be beaten
in synagogues, and you will stand before governors and kings for my sakeâ€™â€™ (Mk 13:9;
Markâ€™s reference to â€˜â€˜beating in synagoguesâ€™â€™ attests to his envisioning a predominantly Jewish movement: synagogues had no jurisdiction over gentiles). Such measures
can be viewed as improvised and ad hoc attempts on the part of urban communities,
both Jewish and gentile, to contain and control the potential disruptiveness of the
early Christian mission.
By the turn of the first century, however, we already find a startling change:
evidence of coercion, now directed specifically against gentile Christians, and exercised by government agents, civic and imperial. Throughout the second century and
into the third, this pattern sporadically continues, rising to a crescendo with antiChristian persecutions under Diocletian in 303. After 312, with the progressive
Christianization of the government â€“ and â€˜â€˜governmentalizationâ€™â€™ of the church â€“
religious persecutions continue, for much the same reasons as during their pagan
phase. In its post-Constantinian Christian phase, however, religious coercion targeted
a more diverse population. Gentile Christians (now identified as â€˜â€˜hereticsâ€™â€™) continue
to be harassed, but pagan public worship, and pagan worshipers, also joined the roll
(MacMullen 1997). Whether under pagan or, later, Christian persecutors, however,
Jews and the practice of Judaism for the most part remained free from government
harassment, and continued to be protected by imperial law (Fredriksen and Irshai
2004).
How can we account for the origin and development of such persecution, given the
practical and principled religious pluralism long native to Mediterranean culture? We
should orient ourselves by thinking of â€˜â€˜religionâ€™â€™ in the terms that mattered to these
ancient people: ethnicity and antiquity; standing obligations to oneâ€™s own peopleâ€™s
gods; the importance of public cult acts, showing â€“ and being seen to show â€“ respect;
the importance for public security of maintaining the pax deorum, the concordat
between heaven and earth that guaranteed the well-being of city and empire.
The problem, then, in the view of majority culture, was not that gentile Ch</t>
  </si>
  <si>
    <t>b'Y`\xca\x95\xf4\x8e\xaf\xc1\r\x81[i\xab\x17"\xb8\xdc\xc7\xber /\xa2G\xff\xb2\x9d\xa8\x8e\x8d\x8f\x12\x12\xc8[Vp\xa8\xc0\'+\x8aR%\xa42\xdc\x8f\xf2\xcd\xfa(RD};\x1d\xa9\x973{\xd0\xc4\xc1\x98\x19\xd26\xb2?\x0b\xc5~j\xd4\xb2\xd0\xcfZ\x19\xbc6&amp;\x1c\xa6\x89cU\xb5\xfb[\r\x04\x7f\xe9\x81o\xe1?p[\xf9$\x10\x89\xafu\xa0D"\x9a]\x9d\xbex\xb7\xbf\x0b\x9f\x04Z\xd4\x00\x8f\x16\x12\xa58G\n\x91Lo\xdc\x9d\xba\xd2\xc8\xb6Fn@\x1f\xaf\x87\x91_\x83\xa1\xb20\x84N\xd9\xe1\x92\x0f"\xdd\xc9\xd12\xcc6\x02\xb3\ntwj\xb8E\x80Ok\xc33N~\xdb\xc1\x87\x19\xfdR\x8aQ\x1b\x91K\x83\xfd\xe8\xff,b\xde,\xf0-\xdd\x12\xc5\x94\xba\x84\x1a\x8a\xf3\xc9\x9a\'\xcap\xa5\x9cc)\xb8h\xd3\xc6\xda\x11i\xec=k\xe6n\xf5\xab\x1f\xcb\x8aq\xed\x19\xd6\x03}\xaf\x02K@`\xdc\x8d\xd3~\x1f\xc0u\xdc\xaeW\x9b\n5e\xf5F\xabK\xdaX\x91\xc1\xd9\xa0\x02\x8d=\xbedf\xad\xfcN\x9f\x84\x93WpN\x0fTS(\x87\x90]\xad\x13\x8d0\xd5\x1e\xe8\xb1\x8c&gt;\xef\xaa\xc1\xb0p!\x9c\xe8\xdc\x96\xdf\x03\x06i\xfd\x0c\xb0\x9eSS\x1a\xf6.\xf9{\x1aK)\xad\xff\xc3\xf5`"\xe1\x0eW\xf7+\x16{\xc3\xdd7B\x17KN\x0fZ\x89\xd7\xaf\x05v\xc2{\x16(\xae\x10#\x80I\xf9\xbcK\x11I\x02{P\xef\xa4\x81\xff\x9fPk^\xe9\xcck\x85\xac\xa4p\n&amp;\xcdG\xc0\xbfW\x0bj\xff\xc4\xa25\xb8\x90\xcc\x8f\x96!\xf0\xc4\x0e\xcaT\xe6\'8k\x0fU\xaf@\xc3\xf9\xf9\xd9\xee\xeb1k\x952\x87;\xee".\xf90^)_\xc68#\xbb\xacohB\xf5\xaci\xe2x(\xf3\x94\n\'n\xa4"92r\xf4\x91\xcf\xc1\xd1\xb4\x1a\x1eavYe\xa2Np\xf2\xbfv]\x03i\xe3Ac&amp;Lm\xea\xd0\tn\xde&lt;\xc919H\xbb\x98o\xd5:\xca\x1e\xb2L\xc9VX\xc2\xddd2\xdeQ\xf8[\x15\xfbT\x1cx(\x0cb\xea\xd6\x10\xd5\x1d\xdbn1}H\x02w}\xf0\x17/OYy\x1b\xe6\n\xb6\x03\x96\xde\xd7#Z\xff\xa2\xd8\xbb\xad\xcd\xa3\xfd\xddvZ\\\x07\x9c8\x9d\xe2\x07\xda|X\xcf\x02\xea\xac\xb3\xa8J\xf8\xc4\x1d\xbb\xb2\xb8|)\xf2r\x9d\x0bme*\x18\xdc\xcdn.\x18t\xdc~%\x97\xe2[\xdc\xdas;Qq)kmf\xb9\x82}\x8dq)\xeb\x1a\xb6\x11Of\xd8\x8a\xcc\x97\x15\x19\xce\xab\x835HR\xbd\xe1\xc8\x90;\xb7,\xb08\xecWw\xfa\x88\xafjs\x0c\xa0`\x13$$\x1d\xb9^\x94\xd1T\x99\xa6w{\xcc9\x0e\xe6{\xf2G\xe2c;\xf4\xb13\xd9\x1bQ\x89$)\xd9P\x7f,\xfaI\x1a^=J\xe5\xbe5;\x1b\xf0\xd9G\xebb|\tsi7\x93f0U\x1f\xb9]\xf3\xb4i\xc6[H\x951\xaaJ\x0b=\xf3\x16I\x97\xddE\xc5!tu!\xb6\xd5i^\x1d\x1bh\x9cx\x06\xc0\x14q\xd0\x8c\xd1jv\xb4\xc9\xa2\xbc\x88\'{9/\xa5\xab\xeb\x1fd\xa2\t\xf9\xcd\xfe\xae\x15}\x82\xac\xcef\xa0C\x94Pp\xd0&lt;\xfb&amp;\x01sr\x1d\xe0y\x04\x90\'9"v\xd0i\xb7B\xd8\x90\xd6\no\xf0ij\x1eGw9_\xb1k\xd0\xfa\xefu\xcb\xee&lt;.\x99d@\xb3M\x86\xe8\xfb\xdf\x10\xa3$\xf5L\x14(&lt;\xf9\x1c{\'\xd82\xfc\xe6\x1dIT\xd7\x8a\xf0\x8eU~\xd2QR*\x95\xe9\xdb\xb8\xd9\x8d\x9fR\x05\xb9\x96\xa2^U@l\xc1\xb1\x90r\x02\x98\xd9\xc4\xd7\xde\n}W\x8e\xe0\x7fC\x1c\xf3w\x9b\t\x05X1\x1c,\xcc\xef\xb6\xe5^=\xe9{\xbe8M\x16\xa6\r!V\xd5\x86\xdb\x16\xe0\x92_\x9f\xc7\x07\xb7\xd5Dq\xa9qW7\xb7/\xe8\x01V7\x8e\xfb\x9dV3C\xf7\xbaK\x94\x8d\xd4\x0b\x8a\xactz\xfb\xdb\xa9u_\xc7$\x13\xc6\xf4\x86Qo\x0c\x81\xbb\xa8\xbc\x88j2\xd9\x89K\'\x0bk\x97\xe1\xb9\x84;\x02|\x01\x1533:\xe4\x8d\xc2Z\x995\xdc\x8b\xc9X]\x00\x83\xf2\xa2\xf2\xbd`\x11C\xf8\x0b\xc9\x0e\xc9\xe5e\xe6W\x85\\\x98\x08\x94\xf2\x00\xeeac\xee"\xccY&gt;\'#W\xef\xe41\x0c\n\xd1C\xf7w\xdaD\x9dF \x08#\xa2Q@\x90x\xb8C\xfaa\x0b\xcfOG0\x16r\xe8\xebH7\xfd\x924\x11\x15\xf9\xfc\x11b\'\x8bg\x1c\xc6\xe3\r\xe0\xc9`\xef\x1e\xb4\x80\xc3\x0c\xd6+hY\xaet\\8\xa8T|\xdb\x85\rM\xceK\xe0\x88\xeb\t\x7fs\xab\xe3\xe8\xf0\x19\xf3\xdb\x82\x1f\x08\xb7\xc9\n\x93\x07\x9f\xfb-\xa5\xcb\xd8\xa3\xcd\xe9\xee%d\x7f\xd4%\x14\xdaRAs\x13\xc83\xa9\xe0K)M.\xd8\x18\xc7`\xfb\xa8h\xff\x01\xed\xfaP\x16-\x8arK2 W\xe50\xa4J\x9c\xad\xbe\xb3\xc2\xf1\xac\xb6\x98\x13\x1av_\x05\x98GI\xe5\xd7\xdf\xcc\x99\x8b\xa9C\xcd@\x86\xf9\xd3\xc8An-5\xa3K\xcdC\x9d\x18*\x9c\xa0\x9c\xbf\xb1k\x0bM\xfd\xe8!?\x86d\x91\x82\x94\xbf\x1e\xfe\x91\xad\xec97\x98\xdaML\xd1$\x10\xfb\xe8B\xd2L\x84\x9dVY\xe4\xce\xbb\xd8\xb3z\xa3\x8a"D\xf6aa\x9b\x14\x02\x02\x852\xda\xa0\xa1\xb6\xd6\xdeT}\xee+\xb4\x01&gt;\x8bt\xb9\xb4\xa0y\r\x88\xc64\xb6\x90\xbeT\xe8,\x14X\xecF\x81Y\x18\x01\xa7\xdb\xaf\xc2\xc1[\xd9\xddK\xd1k\xd9\xbeM\x8c\xc8\x98\xf9kC\x01\x8a\x12\x05\xd7\xd3\xb4\x0c\xfe\x15\xd2\xbf\xc3\x1c\xad?kW\xa8\x9f\xf0\xc0\xf1u\xaa#\xb5\xd9R\x05\x16z\xdd\xac\xf8\xf7\x85\xc8\t?m\xee\xa9\xa0,B\x1f/p1\xd0\\D\xfdS-\x10(\xacc\x8a\xc3\x8eQ\xb2\x15I\xc2\xb6\x0cg\xa9\xfdo\x06\x12\x8c\xa4s\xb7\x9a\x85\xa6b\xaf1i\xbbh\x1bv#\xb0\xd6\x85\xdb\x93% wv@\x9f\xf6\xc61G\xa1\xdd\xd9y\xb8\x91K\x9b=\x02.&lt;+\xdb\xa1c\xbdVcvtc\xbc\x12Q\'J6\xa1\x18\x06&gt;\x9e\\A&amp;\xe0[w\xef\xb5\x00\xb6\xe46z\x82\x10\xe9kVu\xf8Bl\xdbzS\x89\x9b\xa6\xaa\x82\x14dAKp\xd9\xe3\xe1\xe8\x10\x9fm\xc3\xb4\xb73\xae\x13\xbe,\xca\xbe\xcd\x01\xc1\x1c\xb1\xa3\xfbE\x0e\x1b76\xd8\xdb\x95\xc9BP\xd4\xaf\xe9Q\xcc\x88\x9b\x88\xeeq\xb0\x08\x10\xebz)\xfe\xb2x{\xf4\xc8\x161)\xdcP0l\xce\xd1\x95|\xbf\xdb\xd3\xc4=\xef\x8f\xa4%\xa7%@8F?f\xccT\xe0)\x1e\xb4)F\xae\xc6\xde \xcb\x19\xccPb\xf0\x99\xfb\x8aj\xa2jdV\xa3+\x1f\xe7\xa0)2\xdd*&gt;\x99\x9d\xd6\x14\x03\xa0C\x04\xea\xc0P\x95i\xfb\xd3\xd4\x18=U\xbc\r\x84\x06\xcd\xdb\x88\xa2\xf7\xe3Y\xed\xbd\xb0kGf[h=M\x07\xf2fbv\xbf~\x04\xc9\xfd\x8c\x7f\xf76\x02\xfd\xd9\xfe\xe6\xf40\x93\xc1\x1aU\xae\xf1\xc0[\xb0\x0f\xbf&gt;\xee\xb7\x12*\xbc2\x06X\xd2S\x8d\x99\x19\x05C\xce\xb6\xd4\xc3\x16\xb4h\xc7\x8fZ\xb2\xaf\xec\xfcl\xb2\x18\x1d\x1aF\xfa\x7f\xf5\xc5&amp;\xc5\x0b\xc80\x7f\xf3\xb8\x15\xbb\xabKS\x1dI\xc0\x15[\x11\xd0H[\x90^\x8d\x05\x0c\x9c\x85\x97\xc0\x07\xc8Y\xbc\x08\x87S\xa7 v\xfc`\xe4\x0fN\xd2X\xf7\x15a\x0c\xb1u\xce\x03_r\\c\xe8\x99&lt;I\x86\xa2\xea`\x92a\xc7e\xca\xe4\xb8\x8de\x89\xca\x96\xbd\xbb\xfbr\x82\x87\xe6$\xae\x82,}\x9eu\x8a2\x1a\xd3\xce\xd3\x94\x1a|\xe3\xbc\x8bN\xa3P0\xcd#\xc7$\xa3 /\x1f\xc4\x9f\xeei\x91\x83\x9bv\xdd\n\\\x0f\xef\xfe\x8a\xb2\xef\xfc~\x84\xf9\xed\x14WP\x06\x82\xbcyF\xbcwY\x9b\xea\x8aQ\xad\xd9\xaa\x14!Pg~\xdd\xaaK\'\xb8\x0f\xc5\xa8\xa5$\xb8\xfe\x94\xe5Q\xa7\xb9\x12\x08\xe1\x89\xe4$\xc3\xa9N\xc9g \xc04\xa5\xfc\x83\xbb\xee&gt;\x1e1\x1f\xda5\x82\xf5\xe6\xf81n\xfaU\x03\xa1EX\x94@Pz\x9d1\x83\xda\t\xd5C\x80\xe2\x00x\xcbC\x1b\xc0\r\xa3\x8a\xd4\x1c\x08\x06Wd\x0b\xf9=\xb1\x98\xca\x99\x9a\xa8\xe3\xb4\xf8\xb0\xe0\x86\xdf&lt;\xf2\x00\x1as\x0f\xb1K \xa8A\xc6y\xa9!\xc4*\xe7!\xe6\xbb\x9c\xfe\x7f\r\x12\xd1t@\xc9h\xb6\xad\xfd^\xc6\xeby\x97\x86\xa4\x03\xc02s\xf0\x01:&gt;\xae\t\\\x02\xec\xb8~d4%\xe8\xe7\xadZ{v\x1b\x16\xbf{\xdc\xc2,\xa5\x9a\xe1\xb5\xd2\xe2-\r\x03\xe5G\xa06pG\x8b\xc3*\x10\x89\xb2\xde4\x1c\xe9\xfb\x9c\xb0\xd6y\xd7\x06z\x14\xae\xdf\xfe\xe8X\xf2\xf9`3q^\x11\xf5M\xab\xc3\x13\x81\xdb\xefW\xfc\xa4\x85\x9b{\xd7\xd2kj\x83a\xe3\r\xb3q\x12E\xc05\xdb\x15T\xe5e_\xb6\x18\x8eQ\x1a;\xb3\xe7\xe8O"\xec\xf5\xb8\x86\xb2\xf3\xbb\x9a\x00;\x8e\xafO\xb0\xbd\xb1J#\x105\xb6\xd4\x80\xd6\xec\xe3\xc3\x80I\'\x94\xf5\xb0`.)\xb2\x92U\xa9\x96\x82\x9eo\xafJ\xd8\x03N\x01\x96NH!N\xcd\x87U\xf3j\xcb\xba\x01\xe2G^\xd1\xe5gv\xbaG\x8bv\xe0\xcd\x1f+\xf6\xd9\x86yqe\x0e\xf7Ko\x16\x8eS\x03\xf6\x80\xa0U\xc4:]\x8b{Vh\xfc\xcd9%V\xa5\xbf.\xc0&gt;h\xd8V3\xb8\xef\xdb\xf2`\x87\x18O\x85%\xe4AG\xd7\xc5\xce/U9\x86\xf6\xa7\xfaU\xa4{A\x02\x89)\xed\xb7 \xd9\xcf\xa7\\@\xdab\xd6\x0e\x99&gt;\xb5\x14\x106\xf2\xeb.\xe0y\xb5\x82\xf2\x05\x17\xa9r_\x9f\x8a\xe3`\xbf&amp;\xb6LO\x97]\xc33\xf2p\xcf\xce\xbc\xf6\xd1Ak]\xaf\xb4*V\xe1b~P~\x88\x82\xe5\xac$\xea\x1cgF\xddL\x8e\x95;\x98\xc6-.\x94\x89%@\x8c\xd4]\x102*\xcf\x92\xdcrW\xd8\x05\xf6@,\n\xe0\xb6\xac\xd8n3%\xef\x0e1\xaa\xabr$\xfe\xb2"\xaa\xcb\x93\xc2\xe6X\xfa-\x1aj\x92w\x15\xbf\xcb\xd6@C\x8dj\x1c\xf5#\x0fW\xf0SGI\x01\x14\xdd\xb8\xca\x05\xd9V\x0bS\x1a\x81\x1bx\x02\x96\x11d\xcd\xf6\xea\xc7\xb1\xd4\xe5\xff\x98\x87\x15\x13:w\xff{k\xc8\'\xb5\x8f}\x1c\xdb:\x06IG\xe9*\xe0s\x88\x7f\x8d\xee\xbd\x03\x90q\x9d\x95\x0cd\xd2\xef\xf5N\x03\xe4\xf3A\xe6i\xa6^at\xe7s\xf9\xbdS}B|\xb3t|9\xec\xd6Qv\x9f\x11H\xa7h&lt;R\xf3\xde\xe9\xc1\x93\xe6\x80\x83$\x13\xca\x92\xe6\xd2Ml\xab9\xd8R\xeaB\xf5\x98zxy\x9f\xeb\xe7k\x9e\x96\xa1k\xeb\x8e\x03\x0cY2\xc9\xae\xd5LPQ,\x82\x00#+G\xdd\xc2\xb1:l_\xfb\xd7\x02y\xf4\xefr \xd6G\xda\x13\xa1\xf7\xc9\xda\x95\x9c\xf2\xe9 \x02\xa8\xcfk\xfa\n\xeb\x92\xcfg,\x17\xdc\xb9\xfa\xdc\x02\x9de\xebT\xca\xb1\xbc6\r\x98U\x8d\x11\xf3\xa1\xa9\xf7\xe0\xb9\x87\xb7q\xc4q\xe2+/\xa1q\xf5*e\x91\xc6\nI\x7f\xc8\n\xaa`\xd4\xc4|\xa8\x1ej\xf4m\xb4|\xe4\xa18\xd5\x02\x1e\x89\xecbj*\xc4\xa8H;W\xba5\x03$\xb2n\xabH\x1d\x02\xcc\x13\x9f\x0b\x7fq\x83\xbd\xd8Y\xf9\xc7,\xccM\x0b:\xb52\xc8\xc6\xa7L\x8c9\x12\xd93F&lt;\xec\xd13\xa3\x13\x8f $-Y/\xa5A\xbe\xed\xd4\xfdz\xbd\x97\xa4\x08\x87\xd2\xc5\x1a\r\xf6\xea\xb5i\xc9CX\xb9F\xf7\xa6\x1d\x86\\c\xd5\x98a\x1c~\xba\x1d\x8ff\xfa*\x81\xc6\xf4\x0b9o\xab.\xc5\x94\x1cv\x1f\xb1u\x12\xad[\xeb\xbb\xf1\xafV\xf8\x9e\xa2\xfa\x05\xd51Od\xaa\xcf\xf5\xc4\xd3\xdd\xa5Sbm\xc6\xee\x9a[\x91\xa9\xd7\xb9Uh\xef$_\xf8\x1a\x8e\xc3,\xd4e\xbaJ\x06\xd8\x13\xd2\rB\xbcHM\nr$\xad\xea=\x9b\xbf6\x03\\\xa0\xa8\xf8\xbep\xe3s\xbe\xde|\xdf&gt;"z{%o\x07G9\xa3\x94\r$\xc6\x8f\xda9\xb0\x82!?d\xdb\r\x1a\xfc\xfe\x99\x0f\x9e\x9b\x15\x0f\r\xd2\xacp\x1b\xd7\x9dU\xcej\xdb\x0b\xda\xd8c\xd5K\xd6\xb8\\o\x8c\xbdw\xd1r\xe0\xa3\xf8C\x8c\xfelGq*\x9b;\xaf`SYFP\xda{\xdb\xe3\xfd\xad\xc0\xc2\xfbr\xc9\xd4\x13\xb5\x81\xc8\x96f\xef\xc8\x1e\xa2\xb5\x19\xaf\xe3\x1e\xacc\xa8\x12n\xb8\xc0\x85\xc7\r&gt;\xc0\xcbf?\xba\x8a\xb8\x00\xa5\xb8\xde\xa6\x93\xb3\t\r\x07W\xb4\x91\xb46?\xa41#\xd2\xca~\xce\xe9\xe9\xae\xed\xbf;\xf46\xc7\xe8\x01\xa2\xd2\x83\x0c\xef\xc5\xd1a\x03=\x9e)\xe7D\xb2\xc1F\x9c\xaeh\x1be\x93~\xff\x85\xbcQ\x84\x17I\x8a)\xe1\xe4\x99W\x83\x97OI\xefQ\x07b\x08a\xa40\x84\xef\xc5\xe4~\x95!\x87\x1c\xaa\xfe\x08&lt;M\xf8\xe1,\xdb\xa75m\xcb,\x1b\xf2\xbcs&amp;\xc0\xbd\xf7\\\xfc\xb2\x8a\x02\xbby\x06\xe5m\x98U\x11\x874\xa7\xa2\xe6\xb2\xe1\x8d=i;m\x14Z\xebl\xa4A\xd2\xab\x8f\xf9\xc0\x1al\xa1gk\xd0\xfa\xb4j\xd4\xe5\xa9\xdfv+\x88@\r\x8d\xf3O\xf9\xa0\xff\xb2\xad\xfdf\xdd\x98TB\x8c\x13\xf0,\xe0{\x02\x05\x05\x03\xb5\'e\x13|\xb0\x08X?\x00\xf2\xc4%#\x1b\xfbK\x15\xf6\x96\xd6\x8e\xb6\xc5\xbd\xcd\xc6\xfdo?B\xa6\x0e\xd9e\xb8\xce\x08\xe0\x1d\xcd\x13\xfel\xfc%Y\x06\xb0\x01\xb7\xbb\xc1\xc2\xbfG\xf0\x93F\x19\xdb\xb6]\xf56\x08\xff_.\xab"\x1e\xd1\x90\x9a\x98\\\xf4\xc7M\x82\x15y\xf6F\x90C\xc0A\x8a\x88\x16\xde&amp;\x97\xd9&amp;\x8d\xdd\xb6\x9c\xbbo.\x12H\x06\x9a\x99d\x94\xf4\xd8&lt;6\xc4\xd35\x0f\x89\x8f\x04\x1e\xe3;\xb0\xd3_\xd21\xd3\xa5\xe4@x0\xcf\xe7\x93$Kr(F6&gt;W\xf0\xb1\xfd\t \x84\xb1\xa7Y\xb7\x14\x0e\x99?+\x88\xb4\xa5\xe9EIHlr\xd9l\x868?\xc2\xd5\xf3\x1eb#\x9f'</t>
  </si>
  <si>
    <t>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</t>
  </si>
  <si>
    <t>b'Y`\xca\x95\xf4\x8e\xaf\xc1\r\x81[i\xab\x17"\xb8'</t>
  </si>
  <si>
    <t>lt of a failed bridal
 salon. She went bankrupt a second time at thirty, having tried and failed to
 launch a website that matched recruiters to job applicants based on corporate
 culture. Like all born entrepreneurs, though, she kept trying. But the next idea
 wouldnâ€™t hit her until she was in her mid-forties. It happened right under her
 nose when her husband stunk up the bathroom. Sometimes, your own biggest
 problems are signs for very profitable solutions.
 It seemed too odd to work: What if there was a way to get rid of the
 lingering smell in a bathroom after going number two? She started
 experimenting with fragrance oils, and she soon discovered that odors could
 be eliminated when her â€œmagic potionâ€ was put in the toilet before you
 pooped.
 After a few improvements, she put her magic potion into a spray bottle,
 and the idea for â€œPoo-Pourri, Before â€¢ You â€¢ Goâ€ spray was born.
 It was a good idea, and the product worked. But she had one problem:
 How do you market a product that no one has heard of before? Whoâ€™s the
 target customer? After all, as every parent of a toddler who has read that
 certain kidâ€™s book over and over again knows, everyone poops.
 Suzy got some quick sales by giving the product away to friends and
 asking for reviews. She gained some traction by word of mouth, and she had
 a small distribution network in boutique shops. Sales were initially extremely
 slow, and she feared yet another failure.
 However, that all changed when she identified her audience. Suzyâ€™s target
 market wasnâ€™t men who stunk up the bathr</t>
  </si>
  <si>
    <t>b'R\xe7\x12OE/\xd5b\x0cn\xbe\x065\xf3\xea\xc1\x8fI\x97G&gt;Q\xfc\x0f\x06\xc7`\x0e\x1f\xa7\xfe\xc2i}y\xf0\xd3rQ\xfb7\xd2\xc4\xdf\xcfb\x11\xff\\\xe1\x8b\x01\x1cd2)p \xec\x85\x05\x0f\x93Z\xb9(\x19\xb6\x952\xa0\xab#/\x80\xb4\xd8\xf50\x17p9\x87\x93\xf8\xa3\xc5)\x1e|\xa5\x90\xf7\xd0\xbe\x01vg\xdd@\xf4\xe2\xae\xd4\x0f\xb6\xe95\x99\xcfE\xd2NvL\x99\xf8\xbbbn\xbe\x9e\xabt\xd1}&amp;a\x8d2\x1b\xc6\x10\x02o\xb9\x04CW\x05\xccf"\t\xd6Y\xb2\xa5\xf9\xbdu\x96\xe381\x8b\xb0\x92V\xba\xf4]z6\xaa\x1fled\x19\xef\xe1|90\x03\x0bq\xe6\x06\x8a\xa1VN\x1a\x1b^\x02\xaa\x0ed\xcd\xff\x0c\xff\x0c\xf5}\x02\xaa\xe5L\x8f\x15+&gt;\x1d\xd3\x90II\x85\r^NxkP\xf9\x8d\xba\x07\x87\xa14\x9c2w\xb2@\x1e\x7f\x1c.\xb18\xceI5+)\x06\xbe\x83\xb8Nuv\xdc\x06\xc9q\xa4_\x8aq7y\x13\x81sl\x96\x95-\xebp\x8f&amp;\xf3\xc5H\x0c\xdec\xc5\xeb\xf9\xcc\x99\x01\xba\x1a;\xb7\x1f\xe6\\I\xcb\xf3Yx\xf5#\xddz\xa1\xebK\x06nF\xeb\xe9i\xf5_\xb0\xfe\x0f\xcd\xf4\xda1Whv\x1d~\xb9-z\xb9\x1f^\xcc\xb0\xb3\x0c\x06IpE`\x06\xa2g\xa5L\xed\xed\xc8b\xa3w?\xd6\x9c\xf9+\x9f\xdf\xfc\x11G\x98X\x95\xd6;\x17V4X\xaaK]\xc1\x87\x90\xcc\xb4\x81\x82~7U\xf4\xd1\xc3\xf8]\x1f\xfa]&lt;\xbaG!\x8d\xd1\xe6\x19!\xf0\x0f\x97*r\xf5Q\x00_\xeeHQc%\x97E\x015\x9d^\x9d@\xfcw\x96ZH\xf9Ko\x9e/W\xfd\xbcC\xf6\xccg-\xff\xbd\x19\xb5\x01\xf0\xf0\xa2\xcc\xba}\x8bZ.\x11\xb0\xb2\xa7\xcb\xb3\xc6k\xb6\x071\x80\xe8\xd8%\x91\xd6\x87\xf4 %s\x02\xd5\xc1!\xfa\xfe\x80{\xbe=WK\xcf{\xfe\x8a#r+z\x07L\xa0\xed\x9f\x1db3\xff\xec\xf8X\x81\x1a9Q\x91\xf6\xca\xdc\xbf&amp;u\x9d\x1e\x19\xe3Z\x86v\x8a!u\xe0BCa\x8e\x93\xba\x96\xc9a\xc6\xb42%\xf5 \x80\xad\xc5\x92\xbabt\n\xe0\x00\xa5\x9c\x12\x87Jb\xf2\x10K\xb9\x18\xcc0\x98\xff\xe3\x8f\t\x00\xfe\xff\xc4\xdd\x10\x0f1\x84\xeey\xd1\xecz\x9au\x14\x99\xbf\xb8\xe4\x07(\xb3X\x1a\'\xdb\xad^I5\xc8\tJ\xf9&gt;\x91\xd4j,F\xbe\x0eP\xe6\xda\xed\xab:\xac\xf1t\xec\xf3\xda\xb2_\xb9\xd3\x04Q^\x83\xe4R\xaf\xba\x1d\xb3\x85\xe6l\xa4\xc7B&lt;\xa1i\xfck\xc9b\xe6Z\xb94\xb2-\xeb\x9d\xacx\xc6\xf3\x9a\xabp\'\x0f\xa3\\sj\xad}\xad\xe4c?\x95}\x1f\x1d\xa9^\xf1\xba{O\x0c)Gg\x7f\tg\x05\xe4\xe8|\x9e}\xb5\x15y\x9ex\x16xO)\n@\x186;\xe9\xa1-D\x0fE%\xb7Ed\n53&lt;\x8e\x17_\x83}\xfd\x11^y\xa3U\rQx\x81C\xe3\xd1\xfe\xaec]\xe4\xba\x0b\xd9\x08\xca\xadu,8j\xae&lt;\xa8\x15z?"7"U\xbc\x84\xc2\xb3B\xc4\xc3\x17\xec\xcf\x9e\xa3Bf(:\x95\x1e\xc2\x9a\xc1\x82\x1b\xcdN\xf7.}Q\xf0\x87\xd7\x04g\x0e*\xcbw\xa2\xd8\x1b;\xb2\xeaQ\xde\x7fi\xca`R\xad\x1b*v\x1b\xccP\x82\xb7\xacnb\xdc\xd5\xe7\xbd\xdf`\x01\xbe\x8e\x8f\x81\xa4VJ\x91z\x90\x19s\rN\xb6\x0c\xd6\xbe\xfaw\x13\x91\x14\xb3\x82\x00\x19\xa2{\x7f\x13O|\x84k\xa4i2\x01L\xbc3\xa1\xe5\xbdjh4\xa8\x9b\x90\xea\xe4C\x03t\xeb\xa1&amp;\xedH\x0c\xa2\xa5u\xe0\xd4\x11\xa0/MW|$rEO\xe0\x02x\xa5\x18\x01\xed\x7f\x97e\xa5\xe3\xdcN\x15\x96P\xddB\x08\xed \xf1\xc4\xc3\x16\x88~\xe0\x1a\xee\xb0w\xb6\x88\xddnK\xacIz\xfc\xc5\xbe\x9c\xeePF\xd6\x1a=\x18@\x81H9vZ!F/7\x8c\xfb\xa4\x17\xd2sH\xa0\xf2\xb0\xea\xe2\xf7\x9c\x8c\xcc\xb4T\xf5\x9brO\x0eKD\x8aAy\x95\xb1\x9e\xa0\xa0\x06\xc1\x16\x10\xeb\x19\x1e|{P\xa5\xf0\xa0k`\x9d\xc7\xady\x0e\x0f\x009u\x0e\xca9\xa5\x8b\x9f\xbaa\x85\x13\x0c|&lt;\xbdv&lt;\x1b \xe2\x93\x961\x8e\xb6\xc3\x1bJ\x11\xf2\xaa\xa3\xf4AC\x19\xc7.\xa8\x9b\x86\x90k\xc2No\x95\xb1c\xfdQ\x0e\xe7wI\x05.\xe7\xd9\xc4|\xed\xdex\x1b+&gt;\xf5bx\x0f(s\x99\x96N#\x87\x1e\xb3\xee\xc7V\xf2 \x91Va\x90\xf3\xe2\xb5s\x81,\x84\xffP~\x0bHZ\x8bs\x9cI\xdd\xb4\xc9\xe51[R&lt;2\x1f\xb4\xf6\x1a# B\xd4~\xb0*\xe7}\x15O\xa8\x1a&lt;\xe3\xf5\x9f\xcf\x8a\xf5\xedX\xf123\x12\x10\xfc\x19n\x9cv\xcd\x00\xa9\x03G\x95\x87\xa0|\xb1\xc6\x11\xcd6\r\xafV\xe0\xeeUx\x85\xc6\xb8\xdc!\xc6\xb5\x05\xa8t0\xc3b\xdb\xcf\x90\xe2\x04\x95\xbf5\xb9\xefP3\x80\xc9&lt;\xb53a}\x9e\x19\xfb\x01!*Q\x06\xa2\x9c\x085\xbb]`\xd0\xa6P\x93Z\xa70\xb0\xff\xd9?\x13y\xd4\xde\x83\xdf\'\x9b\xf6\x88\xf9$\x8c\xb7,\xa7~4\xb4IL\tAL\x13\xd3\xa2\xc992\x16o\xc8{\x8b\xb0\x01\xea\x9a\xf8\x9d\x0c\x83gXQ\xd2O@\xb9\xec8\x15\xe2Zl\x84\xa2\xc9\xf6\xec|\x8d\x90\xe1\xfd\xfa\x0b\x9eK:\xbf\x03\xb6\x9c\n~hd\xbd\xcb\xe8}\xed\xc7\xd8Q\xc4\xea\x0b1\xd1\xf0z\x81\xfa\x08\xd4\xc3\x03F\xa4x\xdb\xf9xZJ\xa12wM\xe0\xc0vq\xfb\xcaw$S\xd2\xce3&gt;\xce\xea\xb7\xfb\x98\xb7Aq\xeb\xfeK\xe6H\xd2,\xdbBoNu\x0e\t?\xc2\x044s\x8f\x9b4\xba\xba\x0c\x16@\x9dtX\x03\x1a\xccF\x974y\xe6\xf6}\xda\x1a$e\xd3&gt;\xca\xb68\xb9\xea\xe0av\x84?\xa5\xef-\x03\xe9\xa2\x1c\x8b\xa8\x85{\xb0{\xa4\x9eX\x8a\x916\xea3c\xa4\xc6\x17\xc1K\xfc\x85\xc5R\x13}\x94\xb4&gt;\xcf_hG\x92\xae\xbb\xef|7\x01\x9e\xb7\xda.}\xd5\xa8\x03\x07\xd2\x059i\x86}\xee=I\x9a\x81z\x89rx\xdb\xbb\x1d\xe2\x03"\xd4\xa1z)i\xa6\xc42Bs\xf1\x95\x8d\xb2\xb2|/A\x8c\xd8\x102\x1b7BG\xb8\xa3\xecs'</t>
  </si>
  <si>
    <t>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</t>
  </si>
  <si>
    <t>b'R\xe7\x12OE/\xd5b\x0cn\xbe\x065\xf3\xea\xc1'</t>
  </si>
  <si>
    <t>hat value of Vin places M2 at the
 edge of saturation?
 (b) What value of Vin places M1 at the
 edge of saturation?
 (c) Determine the voltage gain if Vin has
 a dc value of 1.5 V.
 (d) What is the change in the gain if Vb
 changes by Â±50 mV?
 = 1.8 V M 1
 VDD
 Vout
 Vin
 0.8 V
 M 2
 0.18
 20
 0.18
 10
 Figure 17.138
 17.76. Figure 17.139 depicts a cascade of
 a source follower and a common_x0002_gate stage. Assume Vb = 1.2 V and
 (W/L)1 = (W/L)2 = 10 Î¼m/0.18 Î¼m.
 (a) Determine the voltage gain if Vin has
 a dc value of 1.2 V.
 (b) Verify that the gain drops if the dc
 value of Vin is higher or lower than
 1.2 V.
 (c) What dc value at the input reduces the
 gain by 10% with respect to that ob_x0002_tained in (a)?
 Vin M 1 2 M
 VDD
 Vb
 1 mA
 1 k Î©
 Vout
 Figure 17.139
 17.77. Consider the CS stage shown in Fig.
 17.140, where M2 operates as a resistor.
 (a) Determine W2 such that an input dc
 level of 0.8 V yields an output dc level
 of 1 V. What is the voltage gain under
 these conditions?
 (b) What is the change in the gain if the
 mobility of the NMOS device varies
 by Â±10%? Can you explain this re_x0002_sult using the expressions derived in
 Chapter 6 for the transconductance?
 M 1
 VDD = 1.8 V
 0.18
 M 2
 10
 0.18
 W2
 Vout
 Vin
 Figure 17.140
 17.78. Repeat Problem 17.77 for the circuit il_x0002_lustrated in Fig. 17.141 and compare the
 sensitivities to the mobility.
 M 1
 VDD = 1.8 V
 0.18
 M 2
 10
 0.18
 W2
 Vout
 Vin
 Figure 17.141
 A
 Introduction to SPICE
 The circuits encountered in microelectronics may contain a few devices or a few million de_x0002_vices.1 How do we analyze and design these circuits? As the number of devices in a circuit
 increases, hand analysis becomes more difficult, eventually reaching a point where other
 methods are required. For example, one can build a prototype using discrete components
 and observe its behavior. However, discrete devices provide a poor approximation of mod_x0002_ern integrated circuits. Furthermore, even for a few hundred devices, discrete prototypes
 become prohibitively complex.
 Todayâ€™s microelectronics employs simulation programs extensively. A versatile tool
 used to predict the behavior of circuits is Simulation Program with Integrated Circuit
 Emphasis (SPICE). While orginally developed as a public-domain tool (at University of
 California, Berkeley), SPICE has evolved into commercial tools such as PSPICE, HSPICE,
 etc., most of which retain the same format. This appendix provides a tutorial overview
 of SPICE, enabling the reader to perform basic simulations. More details can be found
 in [1].
 A.1 SIMULATION PROCEDURE
 Suppose we have the circuit shown in Fig. A.1(a) and wish to use SPICE to study its
 frequency response. That is, we wish to verify that the response is relatively flat for
 f &lt; 1/(2Ï€R1C1) â‰ˆ 15.9 MHz and begins to roll off thereafter [Fig. A.1(b)]. To this end,
 we apply a sinusoidal voltage to the input and vary its frequency from, say, 1 MHz to
 50 MHz.
 The procedure consists of two steps: (1) define the circuit in a language (format) that
 SPICE understands, and (2) use an appropriate command to tell SPICE to determine
 the frequency response. Let us begin with the first step. This step itself consists of three
 tasks.
 (1) Label each node in the circuit. Figure A.1(c) depicts an example, where the labels â€œinâ€
 and â€œoutâ€ refer to the input and output nodes, respectively. The common (ground)
 node must be called â€œ0â€ in SPICE. While arbitrary, the labels chosen for other nodes
 1Recent microprocessors contain one billion MOS transistors.
 873
 874 Appendix A Introduction to SPICE
 R1
 C
 in Vout V
 1
 1 k Î©
 1 pF
 Vout
 Vin
  Ï‰
 R C
 1
 (a) (b)
 1 1
 1 k Î©
 1 pF
 in out
 r1
 c1
 1 k Î©
 1 pF
 in out
 r1
 c1
 0
 vin
 0
 (c) (d)
 Figure A.1 (a) Simple RC circuit, (b) its frequency response, (c) with nodes labeled, (d) with
 elements labeled.
 should carry some information about their respective nodes so as to facilitate reading
 the SPICE description of the circuit.
 (2) Label each elemen</t>
  </si>
  <si>
    <t>b'\xd2\xd7\xf9N&gt;\x80=N\x87\xe6\x0f\xb7#$\xdfH'</t>
  </si>
  <si>
    <t>d2d7f94e3e803d4e87e60fb72324df48</t>
  </si>
  <si>
    <t>ly he burst into his winter songâ€”almost as if he
had caught sight of her and was calling to her.
She stopped and listened to him and somehow his cheerful, friendly little
whistle gave her a pleased feelingâ€”even a disagreeable little girl may be
lonely, and the big closed house and big bare moor and big bare gardens had
made this one feel as if there was no one left in the world but herself. If she
had been an affectionate child, who had been used to being loved, she would
have broken her heart, but even though she was "Mistress Mary Quite
Contrary" she was desolate, and the bright-breasted little bird brought a look
into her sour little face which was almost a smile. She listened to him until he
flew away. He was not like an Indian bird and she liked him and wondered if
she should ever see him again. Perhaps he lived in the mysterious garden and
knew all about it.
Perhaps it was because she had nothing whatever to do that she thought so
much of the deserted garden. She was curious about it and wanted to see what
it was like. Why had Mr. Archibald Craven buried the key? If he had liked his
wife so much why did he hate her garden? She wondered if she should ever
see him, but she knew that if she did she should not like him, and he would not
like her, and that she should only stand and stare at him and say nothing,
though she should be wanting dreadfully to ask him why he had done such a
queer thing.
"People never like me and I never like people," she thought. "And I never
can talk as the Crawford children could. They were always talking and
laughing and making noises."
She thought of the robin and of the way he seemed to sing his song at her,
and as she remembered the tree-top he perched on she stopped rather suddenly
on the path.
"I believe that tree was in the secret gardenâ€”I feel sure it was," she said.
"There was a wall round the place and there was no door."
She walked back into the first kitchen-garden she had entered and found
the old man digging there. She went and stood beside him and watched him a
few moments in her cold little way. He took no notice of her and so at last she
spoke to him.
"I have been into the other gardens," she said.
"There was nothin' to prevent thee," he answered crustily.
"I went into the orchard."
"There was no dog at th' door to bite thee," he answered.
"There was no door there into the other garden," said Mary.
"What garden?" he said in a rough voice, stopping his digging for a
moment.
"The one on the other side of the wall," answered Mistress Mary. "There
are trees thereâ€”I saw the tops of them. A bird with a red breast was sitting on
one of them and he sang."
To her surprise the surly old weather-beaten face actually changed its
expression. A slow smile spread over it and the gardener looked quite
different. It made her think that it was curious how much nicer a person
looked when he smiled. She had not thought of it before.
He turned about to the orchard side of his garden and began to whistleâ€”a
low soft whistle. She could not understand how such a surl</t>
  </si>
  <si>
    <t>b'\xff\xfa\xb8\xa6\xfe\xaa\x00L\xd7\xbb\xb7X\xa1\xb1v\xc3\xe1\xcb&amp;\x040\x01\xf8\x85"g\x86\xff\xa9T\x04A\xfa+\xaa\x01\x05\xf1I\xcc\x17!\xc1\x9e.\n\xc4\xa9\x8d\x1dI0\x10\xa0\xe6\xd1\x97\xde$\x9c\xc0\x1b@T\tV\x86\xe2\x16\x15\xc0\xf1/\xcb\xce\x85\x87\xe7&gt;\xe3t\xc4\x04\x12.\x0c\x8e\x08\x89\xd0\x8a\xb9\xc2\xcc#\xa8h\xbb%\xcd/\xf8\xa0\xa9g\x07M\x90\xa2\x00\x86\x1f\x91\xbd/+\x13B\xf6\xe7Ef\x1f[\xb9\x12\xa0\x06\x07\xa6\xd2\x97\x86q\xa4\xfdP[\xcd\xb42\xaa\xbeA\xaa\xfa}x\x91\xc6\xd1b3\x84\x95\x9cS\xb1\xf3\xed:\xda=\x9d\xbb\xb9\xa8\xaf\xa6\x1b\x93\xa2\xe6\x01?RN[x\xc7O\'\xf4\xd0\x9a\xfb\x92\xddza\xa0\xb2\xac\xebJ\x1b\xd9\x1a\xfe\x8d\xf0\xa1NX\x13\xb5r*\xfd!\xc1\xfd\xfdr\xc9\xd0\x1b+$\xdc;ZXR\xb6Dr\x04\x7fcn\xc1\xd1M\xa7n{1\x8b\x15O\xe7K\xb7\xbf\xe1\xdb\xae&gt;\x91\x90\xbc\xea\xa4\xb6\x84\xa7\xde\x83\x9d|A\xac*\x18A4\xb7\xb3\x8f9\xb7d\xa3h\x85\xaec\x12l \xf5~\xd1c\xb3:\t\xa1\x8aQ7V\x9c\xd5\xc8\xd8\x83{\xb4\xd1\xf4@\xb1\x08y\xa2\x19\xa8;ib\x06o|\'\x11\t8\x17Le\x17\x9en\x9c\x80\xb8\x0eH\xccT\x00\xdc\x05~\xeck\x04g\x18\xdd\x0b\x95\x85\x8eN&gt;\x82\xd3m\r\xd7\xef\x96\x10XN\x18-\xcbM44\x86|\xa6\xa5\x9d}\x0bG\xbf\xa2\xfd\xd8\xf80 \xf9u28\xd8UtHa|\xc6\x0c\xc6\x9c\x1c\xda\xb1\xf2l\x1400\x84\xfcq\xfc.\x97\xd1\x91\xceo\x16\xf9\x96\x15\x1a\x15\xe6\xed\xed2\xf7^C \xba\xcbj\xbe\x8b\x18~"\x1e\xef1D\x01\xba0c\xb2x;\x83_\xb7\xeb\x0e\xb7\xcf\xc9\xc3\x92x\x8d\xcd\xf2LD3c^\xa0\xd1\xa8@\x89w\xd1.9\x854+b[\x90Q\x80Y\x94\xe0\x02\xde\x9d\x9bh\xb8b\xf3"W!\x90t\xa1\x03\xd3$iN\xd7\xdb\x8e\x8fl\x81\xd5J\x82\xfb\x1a\xe9\xcc\xbe)w\xd6!\xb6\x961_\xba\xc4Q\xae%^R\xc5(\xe5V8*\xeeM&gt;\xedX\xe6a\x1c\xadn\x9c\xb5\xc2\xcb\'\xc5\x15aEk7\x15\x87\xd2\x02\xe6\xe2=*\x93\x16\x8am~\x02m\xbb"\xce\xa7\xde\x83\x9d|A\xac*\xe3\xe5\xbe\xd0\xc6y\xfc&lt;r`r"\x8d\xe9\xf7\\\xf3\xb2ZQ\'\xdcGS\xab\x95\x80n#\x847C&gt;]\x95\xce\x04\x18m\xc8\x18+%\xfd\xc4\x0ceY+\x10\xb3k\x185,z\xaa](\xb4\xcd\x08\x97\xfe\x10\x07p\xdd\xaa\xea\xa8\xfb\x9006\x11\xe3\x07k\x89-\xce$U(V\xb0x=\xc9\xa3,\xbc\xbc0&gt;\xd9rH:I\xd4\xe6\x8c\x03[\x8b9\x06\x86\xd5\x02\xfd\x98\xb1\xf5B\x0b\xc6W\xc4-\\fk\x13\x8b\x93\xc2\xe9\x8d`\xf5\xd7\xe1W\x05\x10\xadfmA\xfe\x90!t\'\x0f\x9b\xbf2\xb9\xad\x00\xbc\xe6\xe0v\x1b\xfc]\xc7\x07\x16]\x80\x19B\x84\xaaO\xe9\x903\x9a#\xfad \xc9\xfe\xceB\xaf|\xe3t^\xb9jU`N\xe7\xee}\x16\xc3\x8b\xbf\xaa\xb5^\xd9.\x98\x94\xd4\xf6\x10~J\x98\xcbik\xe0\xf2\xc9\xee\xcc\xb2"\x9cl\xd9\xb7"\x7fq!\xfa\x07\xa4\xb9\xa0@,\xf2\xbf\xe9\xcd\xf2\xc1?\xb2\xc5s)\xd8]{\xd4n\xea?\'\xc6\xc1\x9e\x1b\xc4\xbd4\xcdR\xfd\xcf\xf1\xbf\xc6~w\n\xa6\x1d\xbc1\x1e\x07\xfd\xf9re)h\x00D\xa2Y\xd6k\x80\xbb\xdf\x9d\xf4\xd5JqC\x06\xad{7\x97\xa3\x97\xfdp\x932z\x16\xbeJ\xe3\x1d\xfe,(\xf3\x96\xd24\xab8\xbf[]\t\x97A\x82\xdb\xdaL\x9fqW~\x1a\xacx7\xb5\xab\xbe\xc3k\x97;#\xa3M\xe3?a\x1e5\xe3|\xe2G?9\xb0\xa7\xa8\xed^\x11 \x17`\xbf\xa6\x0f\x93HX;\xff6MI\xbb\xe7O\x88\xac\x89\xb4\xbfq\x98\xcc\x85\x85D\x18\xe3Ii\xb5\x81\x00ixB\x199&lt;\n!\xdf\xf6\x0b\x0cwB\x9a\xf10bQ\xc0n.X\x02\x13\t\x81\xceY\xff;\x9d\x84\xb9\xa1\xe7\x80\xbb\x83\xa3Z\x16\x0fe\xe5\x16\xdb\xca\x96S\x9d\x8fK{\xb1}\x17\xc1\x05EG\xc3\xf8\x9c\x04\xf0\x8b-\x98\xceVR\x8b\xe1\\V\xb27h\xc0\xb3\xef\x046\rX\xe2^\x1e\x1d\x8f,W\xaf\x8dfO\xa9\xb4\xe83}\xac\xdd({\xf2j\xb8\x95\xcf\x96/T=g\xa8\xef\xe8\xdd*\xf1V\xb3\xe0\xe3\x10\xb3\xb3\x1ePz\xa2\x8d\xc4\xdaY\x1e\xac\x8d\xf8&gt;\xa2\xb2\x02t\xac\xdd\xe03\x1b\x8dNvU:E=\xa5\xbd 0\x03\x84\xad\xee\xea\xe1\xd6\xe8Qn\xf4i^R\xe4\xa4\xb8\x0c\xd6@\xf2\x81lHm\x1d\xe2\xa9G"\x0bb\x90\xe8\xbe\xe6B\xa1\xe6\x94\xa3\xd4\xed\xdc\x85\xd8\xbb\x83\x1d\xf7TF\x96\x801Ls{B\x02\xecK\xefX-v\xfe\xc8\xab\xb8\xc9\x9f\x92\xb4g\xab\xae\x1e\xc8\x83\x8b\xaaB\xf5B\xc1\xb0Q[2\x1fe?*Z\xdd\x9b\x1e\xd0\x85\xec\xf9\x7f*C\xd4`6@\xa9\x1e\x83\xd0\xc5\xdf\x8e\x8f\xa0\x12\xe7O\n\xcc\xebt\xd5\xa9\xc8\xe2l\xa4\xff\xfa\x1fF\xa0\xfbK\xf8,b\x15f\xc8V\xa2uk\x9c\x86U\x06\xc1\xc84\x89\x91\x9a`W\'\x0bh\xabc\xa80e\xb3\rm\x0b\xb2\xd2[\xd5\xacT\x82\xec\xd1Q\xed\x0f\x1e\'hz\xe4\x0c\xd4\x9d\xcb=&gt;M\x8a\xb7E\x1c\xacnt\xb2\xff\xfd\xffYpW{L\x90\x90\x05\x88\xb4\x82*\xaf\xe2\xa5\xbb\xffA\xaf\xa6\xd2\x04\x8e\xfb\t`\xefZ\x9b\xd9\xbb\n\x99l-0\xf7\x149\xdf\x98\xa7\x93^N\xce\xb56\xf6\x120p\xc7\x1e\xfe\xa9X\x16A\xbe\x0e\xfe\x02\xceb\x8a\x12Q\xc6\x12\xe5\xf2Z\tJn@%Z\x97\x1b(\x0b\x9c\xf7\x12\x19\xf6)\xfcm)\xc6\xf84\xa0\xf0\xb9H\x9e\x95\x07&lt;\xd0\x96\xf1\xaa\xdf\x08\xb6lt\x9c\xc2\x91e\x88@\x02\xd5\xe1Im\xf3oi\x93v)\xfcm)\xc6\xf84\xa0\xc3\r)@q\xbf\xcd\xec\xc3\xb8c\xa5,\xcf\x95r\xccX\'\xb95\xd0\xdft*\xc6\xc3\x0eSk\x1e\x85I\xa3\xba}nL\xaf*^\xe1\xc2\x82\xb4$\xd4\x11\xbd\x99\xae\x19\xe6\xe6\xa7\x03,R\xb0\xbb?$\x9f\xf3\x00\xfcX\x8c\xe0\xacb\xe1\x9e\xb4}\x05\x8b;\xc6:Ho8\xd5\xb6r\xa8\x11\x0f#\x85\xaeK\x05K\xf6\x1b/\xf0\xee\x1e\xe3\xca\x05=\xc0\x91\xc3nB\xb9E6\x1c\x1b\x8a\xe3\xf2\xfb\x18\xa77j\xe9G\xbaA\xe1+^\xa9\t\xfa~I\xf1W\xff}:\x93h6M\xac}\xa5\xb7\xc6\xa2\n\x9f\x9e\x84\x95\xa1I\xd8z\xc4\t2\xf3\x0f^J\xb2\xd9)\xadT\xa1\xbb\xdfJ\xeb\xc5y\x8b\ne\x9c=\xfd\x178\xee\xf5tn`\xda\xa6\xf2\xc8\x16\x16!\xfd\x7f\x19\xf3\x9e\xc1\x00\x95M+\xb5\xff\xf1\x86\xc8l\x1e\x91\x18\xb3\xee\x9e\xe3\x87H\xc3\xff07]eipJ\x90\xc1\x0fx~\xb8\xa8{\xc0`\xbe\xafc\xb3\x92\x7f/F\x89\xcd\xde*\x0e\x98\xe0\x89\x11\xa5`:\x88\x1f\x98\x18\xea\\/S\xdel\x8ey\xed[R&lt;3\x83g\xe9^T\x07\xb8o\xd0\xde$\xd7C\x06\r6"\xe3J\x8f\xdbaA\x13\x14W\xb2\n\x92\x9f\x1d#8\x7f\xe1\xb7\xcc\xad\xbb}G{\xb9\x14\xcf&gt;f\xcc\xd6\xe0;\xd5o\x179em\xebv\xc1|tY,\xd6\xb2\x10uE\xb8e8}\xd7\xbc!\xf8Q\xe2?I\x1d\x13M\xad\xd8\xd6\x81\x1a\xfc\xb1\xd8%g\xd5\xfe\xf4\x98\xa8\x83\xe9]VH\x07m\xcc\t\x15_\x84X\tE\x05\x89\xbce\xc5\x93\x1b\x01;\xe3\x0e\x82\xee\x05\xdf\xc4\xbd\xfd\x17D,\xac\x06rz8\xf4\xd3\xb1&lt;\xeb1\xb7\xc17S+\xc4t4\xaf\xda0\xf2P\xfch\xe3I\x9e7:8h\x987\xae5\xbf\x8eh\xd2c]\xff\xc0\xdd\x9a\x8f\xb5\xe8\xf5Cc)\x83\x03-:\x9aJ\xa1I\xcf\xe8\x86dx\x0cj\xeaC\x7f\xd8\x89\x1cs\x97{\x1e\x93\x11\xd1mt\x1e\xd8Z\xe8Sd+TSl\xee\x8f\xc0~\x02\x14\x8f\xe0\xe1i\xcf\xc1J\xf0@h\xb9V^\x97Tt\xe4\x16uBu\xbc\n-1\x16\xdbs!\r%\x8ek|\x8f\xbfV\xe4\xdb\xca\xaf\xe8\xe8\x0f!\xb18o_\x01\x97(C\xb1\x16\xb5\xdc\x82\xd5\xbe\x12o/\xbb\xf3\x82\x9aO\xb1\xd6\x14\xb7\xafw8l\xd7\xd6\xabq_\xc3h|N\xddh\x95im1\xb602\x02g?=\xab\x0c\x8d\x89\x81H\x8dkud\xc3S&amp;\xa5\x85B\x1al\x97=\xa9\xa9-\xa8\xee-\xc6\x13\xfd\x89\x0c\xdf\x1c!\xcd\xf7\xca\xbd\xd0s\xdb\xc5\xe5\xc0\x88\xe5\xc7O;(fc\r\xcb\xbb\xa1\xef\xb8\x17\x0e\x06o|\'\x11\t8\x17\xd7\xab\x87\xb6\xd0\xe9\x0c\x98Jx\xac&gt;H\xc3\xd0\xfd\xd7\xef\x96\x10XN\x18-A\x02Ch\xa4\xe2Q\xbcU\xb9b\x1d\x0f\xfa\xd7L\xb0i\xc8E\xf5\x8fG\xa4\n\x06\x00\xa5o\x07\xb6&amp;9\x12\xa9V\xaa\xa7\xdc\x158\xa8\xca\xddu\xa1F\t\x8b\xce\x08\xce\x05\x11\xad\xbdZ\xda\x88a\xae\xc7\x97\xdc2\x0f\x1a\xc3\x12\xad~\x1a3\x056\xc9\x15\xc9\x17\x14\x11#\xe9{\xd4&amp;\x01Z|D\xf8#\xb8\xef\xd4\xee=H\xec\x19\xde\xbe)bw~\x06\xa1sC\xb5\x1f$k\xef&lt;\xcc\xfdNOSp\x04\xd9\x97\xafW\xce\x8c\xe1\x1c\x13{h\xbd\x06\xd7\xef\x96\x10XN\x18-!\x13:;d{\xaf\x83X\xc3Bs]\x00\xf2\x8e\xaf\x02\x11\xf2]\xf3\xea\xa7#&gt;\xb5\t\xd4\x19\x83\x7f\xc7\x91\xccs\x95\x18F*\xe0\xfb\x99\x17\xcf)\xda)\x87\xee\x88Uju\x9e\xd6\x95\x86t\xa4\xce:v\x7f\xc3\x94\x97\x97\xba-\x8c\xc3\x81V\xffN\xad\x86\xf7\x1f\x00\xe9\x1e\x818I\xde\xca\xceU\x07/\x0e\x91\xbc\xe5E\xf5\xdd\x88"$\x0f ^U\x93:\x9b\x9fv\xb9\xa1u\xf9n\n\xfe\xa1\xf0\xd6f\xcd\xca\xab\x01\x0e\xdc\x039h25\xb7\xea\xe4\x17\xc0uC6\x0f\xa3\xf2\x03\x87\xffa\xea \xdb\x90\x9d&amp;\xd1\x99;\xd7p\xb3\xeb=~\xa8\xbe#a\x94\x90&lt;\x94\xb5O\xcf"\xcfl\x04l\xc9\xe5[\xed\xd1\x03y\xb4ni\xd5\xdd+\x8f\xcf@\xf4D\xd6,\xc0\xbf\xa2~\xaa\xdb\x92\x00\r^:\xfd\x94\x02lG\x03\x91\x12\xf7\x9e\xc5j\x02y\x00\xae\x13[\x15\x91\x17\xf5v\r\x02MZ\x8d\xeb\xf4\xe36iK\xa0\x89\xeak\x10d\x8fYM$j7\x9bA\xcf\xf6pa\xda\xb1\x93\xe1-\xd8\xd8h\xd6|\x14m$K\xc7*\x1b\xc3 \x19u\x06\xcc\xa4&amp;5\xa7\xc0a\x7f\x03~\xf7=\x89Z\xf2c\x8bxFF\xe9\xab\xf5\xf7F$\x00tI6\xb6;H\xac\xc0\x19\xc1X\x05\x89[&amp;&amp;N\xcf\xee\xf3\xd9\xb0\xba\x13&amp;o\x93\xf0\xc7\x86\xed\xd36\xb4Abz.&lt;\x10\x80B\xfbc\xc2\xeb\x16\xb5\xddD,\x08Qa\x99g(\x84\x10\x93\x85(7\x8c2{\xf3\xad\xf8W\x00W=Y\xa5\xad\x89v\x136\x00\xe2\xd1\x06\x9a\xa1\x03\xa71\x13\x8f\xff5\xef\\R\x87\xa5;P\tT\x1d\x08\xb5Qo~m{\r\x94\x91\\\xff\x14\xa7\x8a\xcf\xdb\r\x16\xaf}\x9d\xa4\x8c\xfb\x93\xed\xbd\xde\x95q\xe0)\xee\xfa6\x9a&lt;\xe9\xa6\xb5(\xd5U\xb7y\x86\xc0\xadf[\xa3Y\x8e\x9e\xe2\x94\x19\x84\xcbP\xbfi\xf3j\x0b\x87\xcc(\x94C\xa0q(\xd6\xcf\xbe\xbd\xde \xf0;\x94\xf3\x8c\xe9\x0c\x1dl\xb8\x96\x84\x00\x91\xbe?U\x1f\xe5\xb7\xd0\xc4:\xa0\xab\x17\xb1\xd1\xfd\xc8\xd7\xf0N\x8a\xe6\x9b|\x14\xab\xc2#Ym\x94\xabP{\'nW\xf0\xbcd\xc9\x1b\x04\xb7K=E\r\xe9\x0e.\x8c\xe2\xf9k\xefY\x15&lt;\xa71`}HTM\x9dd/\x1a8w\xb8,o:\x0e\xa2\x95\xa5/&gt;\x9ar\x99\xaf\x02\x11\xf2]\xf3\xea\xa7"v_\xd2\xa4i\xb1\xc5\x91\x9f\xa9\x0cvO2\x10~\xfd\xeb\xcf\'\xb0\xd9\xa1C\xdda\x90\x0ffRG\xb0\x9fjli-h\xbba3\xb8\x1b\xdd\x85&amp;2\x89\x04\x98\xa0k\xf1\x01\x1e\xbb\xdb\xc1/L0\x01\xf0\xaa1\xdaB\xf3\x88\xd9\xec\xdf\xb6zU\xd8\xd7t\xee\x1d\xefOf\xf7\xff\xf5w&gt;\xd5\x9d\x04\xf9W$\x19\xed\x89\xbc\xe9\xb1\x82\x06\x04\x87] &lt;3\xb4\x0eu'</t>
  </si>
  <si>
    <t>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</t>
  </si>
  <si>
    <t>b'\xff\xfa\xb8\xa6\xfe\xaa\x00L\xd7\xbb\xb7X\xa1\xb1v\xc3'</t>
  </si>
  <si>
    <t>s big as a
 bureau, and laid up in perfectly regular layers, like stair-steps.
 Thirteen acres, you see, for just one building; it's a farm. If it
 hadn't been in Sunday-school, I would 'a' judged it was a lie; and
 outside I was certain of it. And he said there was a hole in the
 pyramid, and you could go in there with candles, and go ever so far up
 a long slanting tunnel, and come to a large room in the stomach of that
 stone mountain, and there you would find a big stone chest with a king
 in it, four thousand years old. I said to myself, then, if that ain't
 a lie I will eat that king if they will fetch him, for even Methusalem
 warn't that old, and nobody claims it.
 As we come a little nearer we see the yaller sand come to an end in
 a long straight edge like a blanket, and on to it was joined, edge
 to edge, a wide country of bright green, with a snaky stripe crooking
 through it, and Tom said it was the Nile. It made my heart jump again,
 for the Nile was another thing that wasn't real to me. Now I can tell
 you one thing which is dead certain: if you will fool along over three
 thousand miles of yaller sand, all glimmering with heat so that it makes
 your eyes water to look at it, and you've been a considerable part of
 a week doing it, the green country will look so like home and heaven to
 you that it will make your eyes water AGAIN.
 It was just so with me, and the same with Jim.
 120
 And when Jim got so he could believe it WAS the land of Egypt he was
 looking at, he wouldn't enter it standing up, but got down on his knees
 and took off his hat, because he said it wasn't fitten' for a humble
 poor nigger to come any other way where such men had been as Moses and
 Joseph and Pharaoh and the other prophets. He was a Presbyterian, and
 had a most deep respect for Moses which was a Presbyterian, too, he
 said. He was all stirred up, and says:
 "Hit's de lan' of Egypt, de lan' of Egypt, en I's 'lowed to look at
 it wid my own eyes! En dah's de river dat was turn' to blood, en I's
 looking at de very same groun' whah de plagues was, en de lice, en de
 frogs, en de locus', en de hail, en whah dey marked de door-pos', en de
 angel o' de Lord come by in de darkness o' de night en slew de fust-born
 in all de lan' o' Egypt. Ole Jim ain't worthy to see dis day!"
 And then he just broke down and cried, he was so thankful. So between
 him and Tom there was talk enough, Jim being excited because the
 land was so full of history--Joseph and his brethren, Moses in the
 bulrushers, Jacob coming down into Egypt to buy corn, the silver cup in
 the sack, and all them interesting things; and Tom just as excited too,
 because the land was so full of history that was in HIS line, about
 Noure</t>
  </si>
  <si>
    <t>b"}z9\x8bc\xfd\n\x16\x1e\x96\x95\x04\xa1\x9c\xf8\xa1\x87e'\xb8y\x08%F\xae\x90\xfc\xd2\xc3B\x80\xed"</t>
  </si>
  <si>
    <t>7d7a398b63fd0a161e969504a19cf8a1876527b879082546ae90fcd2c34280ed</t>
  </si>
  <si>
    <t>b'}z9\x8bc\xfd\n\x16\x1e\x96\x95\x04\xa1\x9c\xf8\xa1'</t>
  </si>
  <si>
    <t>ng up
 along DD, the domestic demand for domestic output rises by less than the rise in output
 itself (since some income is saved and some spending falls on imports). Along DD, how_x0002_ever, total aggregate demand has to equal supply. To prevent an excess supply of home
 output, therefore must rise sharply enough along DD to make export demand rise faster
 than import demand. In other words, net foreign demandâ€”the current accountâ€”must rise
 sufficiently along DD as output rises to take up the slack left by domestic saving. Thus to
 the right of point 1, DD is above the XX curve, where ; similar reasoning shows
 that to the left of point 1, DD lies below the XX curve (where ).
 The current account effects of macroeconomic policies can now be examined. As shown
 earlier, an increase in the money supply, for example, shifts the economy to a position like
 point 2, expanding output and depreciating the currency. Since point 2 lies above XX, the
 CA 6 X
 CA 7 X
 E
 CA = X Y
 X
 CA(EP*/P, Y - T) = X
 Ms
 /P = L(R*, Y f
 )
 Yf R R*
 G
 Yf
 CHAPTER 17 Output and the Exchange Rate in the Short Run 447
 current account has improved as a result of the policy action. Monetary expansion causes
 the current account balance to increase in the short run.
 Consider next a temporary fiscal expansion. This action shifts DD to the right and
 moves the economy to point 3 in the figure. Because the currency appreciates and income
 rises, there is a deterioration in the current account. A permanent fiscal expansion has the
 additional effect of shifting AA leftward, producing an equilibrium at point 4. Like point 3,
 point 4 is below XX, so once again the current account worsens, and by more than in the
 temporary case. Expansionary fiscal policy reduces the current account balance.
 Gradual Trade Flow Adjustment 
 and Current Account Dynamics
 An important assumption underlying the DD-AA model is that, other things equal, a real
 depreciation of the home currency immediately improves the current account while a real
 appreciation causes the current account immediately to worsen. In reality, however, the
 behavior underlying trade flows may be far more complex than we have so far suggested,
 involving dynamic elementsâ€”on the supply as well as the demand sideâ€”that lead the cur_x0002_rent account to adjust only gradually to exchange rate changes. In this section we discuss
 some dynamic factors that seem important in explaining actual patterns of current account
 adjustment and indicate how their presence might modify the predictions of our model.
 The J-Curve
 It is sometimes observed that a countryâ€™s current account worsens immediately after a real
 currency depreciation and begins to improve only some months later, contrary to the as_x0002_sumption we made in deriving the DD curve. If the current account initially worsens after
 a depreciation, its time path, shown in Figure 17-18, has an initial segment reminiscent of
 a J and therefore is called the J-curve.
 Yf
 Exchange 
 rate, E
 Output, Y
 E1
 2
 1
 3
 DD
 AA
 4
 XX
 Figure 17-17
 How Macroeconomic Policies
 Affect the Current Account
 Along the curve XX, the current
 account is constant at the level
 . Monetary expansion
 moves the economy to point 2
 and thus raises the current ac_x0002_count balance. Temporary fiscal
 expansion moves the economy 
 to point 3 while permanent fiscal
 expansion moves it to point 4;
 in either case, the current account
 balance falls.
 CA = X
 448 PART THREE Exchange Rates and Open-Economy Macroeconomics
 Current account (in
 domestic output units)
 Long-run
 effect of
 real depreci_x0002_ation on the
 current
 account
 Real depreciation
 takes place and
 J-</t>
  </si>
  <si>
    <t>b'0E\x02 \x19\x0e\xc9\xefhl\xe6\xe6\x9e5\\7\x13x\xe1)\xcf;\x8c`\x0f\xec\xe9\xe0~\x07\x97i\xbf\xdf\xc3\x8d\x02!\x00\xf7\xce\x00\'8\x86!w\x9e;\x8a"";\xf4;\xa0\x0c(\x0e\x8d9\xd1r\xbf\x14\x1a]\xb4\xb3\x0b]'</t>
  </si>
  <si>
    <t>30450220190ec9ef686ce6e69e355c371378e129cf3b8c600fece9e07e079769bfdfc38d022100f7ce0027388621779e3b8a22223bf43ba00c280e8d39d172bf141a5db4b30b5d</t>
  </si>
  <si>
    <t>b'0E\x02 \x19\x0e\xc9\xefhl\xe6\xe6\x9e5\\7'</t>
  </si>
  <si>
    <t>would suddenly
 shoot out of sight, to have some adventure in which they had no share. He
 would come down laughing over something fearfully funny he had been
 saying to a star, but he had already forgotten what it was, or he would come up
 with mermaid scales stillsticking to him, and yet not be able to say for certain
 what had been happening. It was really rather irritating to children who had
 never seen a mermaid.
 'And if he forgets them, so quickly,' Wendy argued, 'how can we expect that he
 will go on remembering us?'
 Indeed, sometimes when he returned he did not remember them, at least not
 well. Wendy was sure of it. She saw recognition come into his eyes as he was
 about to pass them the time of day and go on; once even she had to tell him
 her name.
 'I'm Wendy,' she said agitatedly.
 He was very sorry. 'I say, Wendy,' he whispered to her, 'always if you see me
 forgetting you, just keep on saying "I'm Wendy," and then I'll remember.'
 Of course this was rather unsatisfactory. However, to make amends he showed
 them how to lie out flat on a strong wind that was going their way, and this
 was such a pleasant change that they tried it several times and found they
 could sleep thus with security. Indeed they would have slept longer, but Peter
 tir</t>
  </si>
  <si>
    <t>b'\x12\x0b~\x01l[\xf1i'</t>
  </si>
  <si>
    <t>120b7e016c5bf169</t>
  </si>
  <si>
    <t>un Song Lee, University of Nebraska, Omaha
 Daniel Lee, Shippensburg University
 Francis A. Lees, St. Johns University
 Jamus Jerome Lim, World Bank Group
 Rodney Ludema, Georgetown University
 Stephen V. Marks, Pomona College
 Michael L. McPherson, University of North Texas
 Marcel MÃ©rette, University of Ottawa
 Shannon Mitchell, Virginia Commonwealth
 University
 Kaz Miyagiwa, Emory University
 Shannon Mudd, Ursinus College
 Marc-Andreas Muendler, University of California,
 San Diego
 Ton M. Mulder, Erasmus University, Rotterdam
 Robert G. Murphy, Boston College
 E. Wayne Nafziger, Kansas State University
 Steen Nielsen, University of Aarhus
 Dmitri Nizovtsev, Washburn University
 Terutomo Ozawa, Colorado State University
 Arvind Panagariya, Columbia University
 Nina Pavcnik, Dartmouth College
 Iordanis Petsas, University of Scranton
 Thitima Puttitanun, San Diego State University
 Peter Rangazas, Indiana University-Purdue
 University Indianapolis
 Michael Ryan, Western Michigan University
 Donald Schilling, University of Missouri, Columbia
 Patricia Higino Schneider, Mount Holyoke College
 Ronald M. Schramm, Columbia University
 Craig Schulman, Texas A&amp;M University
 Preface xxix
 Yochanan Shachmurove, University of Pennsylvania
 Margaret Simpson, The College of William and Mary
 Enrico Spolaore, Tufts University
 Robert Staiger, Stanford University
 Jeffrey Steagall, University of North Florida
 Robert M. Stern, University of Michigan
 Abdulhamid Sukar, Cameron University
 Rebecca Taylor, University of Portsmouth, U.K.
 Scott Taylor, University of British Columbia
 Aileen Thompson, Carleton University
 Sarah Tinkler, Portland State University
 Arja H. Turunen-Red, University of New Orleans
 Dick vander Wal, Free University of Amsterdam
 Gerald Willmann, University of Kiel
 Rossitza Wooster, California State University,
 Sacramento
 Bruce Wydick, University of San Francisco
 Jiawen Yang, The George Washington University
 Kevin H. Zhang, Illinois State University
 Although we have not been able to make each and every suggested change, we found
 reviewersâ€™ observations invaluable in revising the book. Obviously, we bear sole responsi_x0002_bility for its remaining shortcomings.
 Paul R. Krugman
 Maurice Obstfeld
 Marc J. Melitz
 Octo</t>
  </si>
  <si>
    <t>b"0E\x02!\x00\xc2\x94'\xa5W\x13\xea\xd8h0\xfa\xc9\xd5\xff\xedv\r\xd8\xbf\x0bq\xbf\xdfQ\xb94f\xcc\x8fNn\xf6\x02 \x7f\tX\x933\xe0\xa0D\x19,N\xc6_M\x80\xb9\xee|?mQ\x1e^\x05\xcd\xb9\xe8)\xf9}/\xc3"</t>
  </si>
  <si>
    <t>3045022100c29427a55713ead86830fac9d5ffed760dd8bf0b71bfdf51b93466cc8f4e6ef602207f09589333e0a044192c4ec65f4d80b9ee7c3f6d511e5e05cdb9e829f97d2fc3</t>
  </si>
  <si>
    <t>b"0E\x02!\x00\xc2\x94'\xa5W\x13\xea\xd8h0\xfa"</t>
  </si>
  <si>
    <t>escribing market conditions in
 self-serving ways: both monopolists and competitors are incentivized to bend the
 truth.
 Monopoly Lies
 Monopolists lie to protect themselves. They know that bragging about their great
 monopoly invites being audited, scrutinized, and attacked. Since they very much
 want their monopoly profits to continue unmolested, they tend to do whatever they
 can to conceal their monopolyâ€”usually by exaggerating the power of their
 (nonexistent) competition.
 Think about how Google talks about its business. It certainly doesnâ€™t claim to be a
 monopoly. But is it one? Well, it depends: a monopoly in what? Letâ€™s say that Google
 is primarily a search engine. As of May 2014, it owns about 68% of the search
 market. (Its closest competitors, Microsoft and Yahoo!, have about 19% and 10%,
 respectively.) If that doesnâ€™t seem dominant enough, consider the fact that the word
 â€œgoogleâ€ is now an official entry in the Oxford English Dictionaryâ€”as a verb. Donâ€™t
 hold your breath waiting for that to happen to Bing.
 But suppose we say that Google is primarily an advertising company. That
 changes things. The U.S. search engine advertising market is $17 billion annually.
 Online advertising is $37 billion annually. The entire U.S. advertising market is
 $150 billion. And global advertising is a $495 billion market. So even if Google
 completely monopolized U.S. search engine advertising, it would own just 3.4% of
 the global advertising market. From this angle, Google looks like a small player in a
 competitive world.
 What if we frame Google as a multifaceted technology company instead? This
 seems reasonable enough; in addition to its search engine, Google makes dozens of
 other software products, not to mention robotic cars, Android phones, and wearable
 computers. But 95% of Googleâ€™s revenue comes from search advertising; its other
 products generated just $2.35 billion in 2012, and its consumer tech products a mere
 fraction of that. Since consumer tech is a $964 billion market globally, Google owns
 less than 0.24% of itâ€”a far cry from relevance, let alone monopoly. Framing itself as
 just another tech company allows Google to escape all sorts of unwanted attention.
 Competi</t>
  </si>
  <si>
    <t>b'\xc7t\x91\xc1T\x08\xb69\xd9\xfb\xf3\x8b#\xb2\xcf\xbf\xe2\x19\xea\xbf\xb1o\xc8WK\x85B_w\xd5\x01\x8eB\xc8\xcfk\xcd\xf9\xfb\x11\x1e\x1e1SR\x12\xf4\xff)\x90\xbf\x9dY2!\xf6\x82\x95\xf0\xe9\xbf\x04\xb4\xd9\x01\xeb\xfb\xb3\xf5\x07+8o{h\xc0\x86\x92\xe4\xeb*\x86!\x19r 6\x9d\xe5\xe3\x920\xa1w\xf7;\x8d\xbcg\xb7\xa4\xf6\x10\x96S\xd1\xf9\x8b\x84\x97\x9cO\xeaYl\xda!\xb5\xb4\\\xd7\x88\x7f\x11\'\xfd\x99K\x08f-\xeb4\xd2a5\x0e\x0b,\x9c\x03_\x1a\xfc4\xa7\xb3\xcc\x9ek\xb4\xeaI\x14\x13:\xf3\xd0\x12\x15\xab1nZQ+\xd4\xbat\x86\x8c\x11&lt;\xbbZB\x00\x7f\xdcd\xcdB\xd1\xdc\x18;&lt;\x99\xe9\xec1\x8b\x17\xd8\x13\xeb\x18\xae&lt;\xbf\x8f\xe33\'b\xaf8y\x03H5\x82_\xdf\x1f(sR\xa2\xbcu\x029\xee\xc8\xb1\x12\xd1_&lt;fi\x90\xb3\xcb\xb9\xe3\xc6i\xf1t\xdd\x11\xccN\x0bV\xf0\xfb\xa9gw\x0b\xd0r\xd7V\xa3K(\xbf\xf6\xfd\xb2kN\x86\xe1\x99\xb8\xd1\x16!\xa7\xfc\xb1\xfd\x8b\xb8o~\xc0\x06\xb1+U*\x81\x01b\x10\xf0\xf3\x88%\xab\'?U\x9b\x05\xc5\xc2=\xc4\x91\xe2\xcb\x90qG\x84d\xf3\xad\xefG\xb6M9\x88\n\x0c\xe4h\x9c\xa1\x7f\xc7\xfc\xda\xfcM\xa6\xfd\x918\x1d\x1a\xeb\x13_\x1c x:m\xa7n\xb6t\x96\'y\x11r\x9ef\x1e\x92\xb5\xcdME\x84\xb3p\x08\xc9c\xe8;|\x12 \xdd\xc28\xfe\xfb\x14\xd5\x0b\xa5\xdf\xe7\x8aU\xc6\xe1?\xb3\xe4M\xca\x94\x13\xc7S\x83\xaaj\xe7:\x03\xd5\xb3`"Q\x84b`\xb6?\x0f9\xc0\xcbo\xa1\x1b;\xd2\xc9\xa6wK\x80e\xcf\x0c\x02\x9fwA\x9a\xc2g\xcc\xad\xe9\xc7\r\xba\x87*\x16~A\xb1\xa1\xa7\x83\x85\xfd\x9c\xfa\x1b\x91,\x8c\xfc\xe8\xc8\xcfq1\x86y\xf9H\xa2\x95\x1d\xfdD\x8b\xed^\xe4\xdf\xad^\xea\x00\xc8\xf8\xa6\x04f\x89}X\xef\xaeO\xf2\xba\xcf\xdd\x16\x87\xe1\xc7e\xf4G8\xb1I2p\x83\xb0\x92\n5\xe2\x17\xd4(v\xcaDUg\xb8\x8f9\x8a\x8a\x1d[V\x84\xc3 \xe5\x0b\xb5\x18\xda\xc3\xd9\xf2l\xe8UVG\xf1\xcb3\xb5%R\x85$&gt;\'\x82w\x9b4\xcd\xac\x8c\xa8\x18$\x8e\xb4\xfb\x04&gt;\xe0X\xff\xe22\x14j\xa2uu\xb9_\xec\x10\x97\xc3\x88\xd5\x86BiMG\xc7P\xf3\xdbp\xc4\x17\x07}\x16\xc3\xefv!\xc8\x19\xf2\x1b(\xda\xf4@\x9bY\x7f\xf2\xa9\xae\x187\xf3Uv\x9bQ\xa5\x1a~[\x07\x05\xfa\xc5\xbf\x99\x01n.SD@\xad~\x06\\\x8b@\xe9J\x9b\xd3\x8a\xc7\x1f\x8d\xe5\x89\x96\xb7\xaa\x95\xe9T3q}z\xf0\xefM\x08\x963\x91\x1dC8L\xf4\x8dK:\xbbIr\xee,\xc2\xe6w\x829\x85\xf6\x90\xf5\xc6\x81\xf2\xda\xb6@E\x03\x13\xa5\x03\x18\x91\xc6v\xb4n\xcet,\x10&gt;A\xf949\x82\x08i\x1c\xc9\x8d,\x95t\x11:\xd7\xac\xb1s\xa1a\xd4A\x947\xfb\x96\xb0a\x1b\xc1382n6_p\x90C*\xe7\xd1\xe0\xc6\xc6\x8f\xc7[\xddY\xe3s\xff 2&lt;\xa7\xd5W\xeb8o@\xbc\xc7;f\x1b\x96k\xcc\xe6\xc2\xde\x1fK\x03Qh+J\xf7\xb5\xac\x83\x8b\x8f\xad\xea\x16\x96n-a\xac\xb2\x16\x16\xbf&gt;~?ro\xe6%\x9c\xca*}i\xeaE\x9a\x83b\xa5U\xb7)\xe6N_F\xae\xf6\xd3]m\xd3\xcf\xd5C\x03\x8dn\xac\xc6\xfa 3._HM\x924+}\x00\x05\xa2{:\xad\xf8\xfb\xcf[\x10\xdf7\x9f&gt;\xf7\xf9\xa9\xfao:\xfe\xd5\x14\xf2\xec\xb6/\x1b\xc5\x16\xc1\xf45\xdf\x1b\xe9U\xbe\x91\x9b"\xaa\x94\xbd"S\xd5G\x08\xf5_\xb6\xe25\x11\x90\x8d\x1c\x80Z*L``\xe3a\xb2xAw\x9eV\x14\xb1\xc4\xbe\x801\xed\x00uH\x1a\xf0\xc6\xab\xef\xec\x17"\xef\x8d&amp;\xc4,\x19|\rt8\x84\x85&lt;\xed"3-\x89Q.7\x8b\x1e\x07o\x83)=\xbfV\x17\xd8\x93S[u\xcf:5\xc8\x9c\x98\x08`\x14j\x8c\xb7\x02\x11\x96d\xe6\xeb\xf5\xb2%\x1c\x8a\xdb\xaf\x97\xe4\\\x17\xc9\xa8f\x03\xca\x87\xaf\x0f\xbe/\x87=\t9\xbc\xa7k\x18\x95P~\x99\x06r\xaa\xa8\x95\xda\x8e\xbe\x83\x1a\xcb5L\x86\xbd\x0c\x8b c\x81\x83\x81d\x90\xe3\xdc\xb9\xbe]g\xaa\x94\xfaz\xb1/\xa3\xd4;\x84H%\x89N\xfd*\xe3\x81\xb9&lt;kY\x0bq&lt;8\xbb9\x17\xf9&gt;\x13D?\xdf\x1f\xdd\x1e\x03\xe7\x8c\x85\xab0\x8d\x15\x02\t\x9c\x89\xf3\xdbCV\xdc\xe5[\xa9\x85\xce\xb3_\xc9\x9d\xe2F\xc5\x86|F\xd4\xf0\xe01\xb6{\x1f\xad~\x82\xae\x9dBe1\xe9w\x1cc2\x94\xe8\xaa\x92|\xd5O\x83X\xa1\x94\'\xd8\xa3\xffivFh\xba\xf2|\xf8\x92\x13\xc6i\xc3\xbc:\'5\xfc9\x9b\x16d\xf4\xe7ur\xe6\xe3Q\xecf]\xf4\x9e\x87\x84\xc9\x1f\xdb\xd5|r\x8f\x9a\xa4Dd\xe2\x8fP&gt;\x11\x1a\xc3\xbc\xa9\x8b\x86\xc5\xc7\x87\xa9r\x00\x8e\xb0\xc1Y\x85\x961\xc5au\xadS\xb6\xf6\x05\xc7\xb3TkS\x0b\xc5\xa8\x11\xc9+\xc0\xd3\x10\x80\xff\x9c\xae%\xb1\x0b:\xc0\xa0\x94\xd8\xf9\x19R\xab\x8d8\xb1\xa7l\xcd\xac\r\x03\xeb\xca\x92\x12\xc0\x0ehU\xc4\x17\xf1\x1ehzW\xfb\x85\x8e\x89\xfb\x03\xe2\xd8\x05\xc3V\x8bE4\xb5P\xb0\xc9\'\x9a\xb7\x96\x82Z}\xd5L\xbb\xb9e]}\x0c\xb0\xc6\x967\x8e\xa0\xa4\xf9\xfe\x1f9\xf6\x8b\x0f9\xc4\x98/\xbec\xc6\x96\x0ejC\x8c\xa6\x05\xc4y\xb5\x0e\xc16\\\xa81\x9e\x87\xad\x08\x98P\xc8\x0e\xe6\x06\xedS\x16{-\n\xe0-\xa8G\xef\xc2\x08\xbe\xea\x97\xef 9\xea\t\xb6\xed\x0b\x8c\xecM\xd4\xb4\xeb\xb7$\x1eO1\'\x85i\x1fR\x98K\xc8\x10\xd2\nE\xe2\xf5)\x10\x18\x1c3f\xd6\xa6K\x14}\xab\xd88\xdd\xd3\xc7\x821`\xde\x97\x1d\xedy\x8cR\x8b\xe5\xab\x1ap\x1bu\xe5rg\x14\xbft\nh|\xdf\nQ\xfb\xb0\xde\x05\xb5\x9d\x04s\x18R\xeb\x05&lt;\xd5_EL\x02\x97\r4b2|".\xfb@rz!\xacmF\x9a\xd4G9Xr\xd5\x04\xcb\xbe\xd9\xbd~i\xda\x9a\nA\x19j\x9eJ% \x95\xa2\xefS\n\xa9\xfa\x19Eo\x9dAw\x86CH6 w?\xb6q\xe3_P\x8f\xce[\xda\x93{bcl\x19\xa1\xc2\xb8\xa4\x15\xb8:,\xe0\xee.\xeer;8/\x7fB\xf1\x14\xfdI,b\x1eV.\xb1k\x04\xdc\x0cI\xe9\x00K3Nao&lt;j\nv\rG\x8bS$\xdf\xb4\xbf\xa9\xf1\xdd\xdd\xd2\xafb\r\xa4\xfa\xf0\xea\x8a?\\r\xaa1+\xee\xf1h~-`\xa5\xfa\x17\\\x86S\xfbI\xdb\x8f\xf6\x0c\x8c\x1a\x85\x08\x0f\xb5\xf5&gt;\xd6B8\x08\xc0\xef\xda\xda\xe0\x18\xcejd76@"\x9a^\x83\x1d8\xc3\x8d\xceQ\x94\xd0\x07s\xa3\x05\x03Y\xb2\xbf\xd1\x87g\xa0}\'s\x11\xa8gA\x08\xbe\x96Do\r\xbd\x03\xb7@p{a\x1b\x10/\xd7\xc8(\x146qLq\xb3\xab\x91I\x82\xd2\xb4|\x0f`\xa4\xe0J\xbf(\xc9\nG+\x15\x89&amp; \x97.O\xd2E\x91K*\xca\x04l\x1c\xc2\xf6\x13\x86\xde\xe9\xd3\r\xf1\x1d|\xa1\xc90\x99\xb8\x9dGF\xea=\xe4\xc4\xe0r\xdbH\xde~\x86$\xc6U=q:8\x1d\xba\t\x99\xe7\x90c\x86cj\xfe\x99\x93|\xd9N^\xc3}\xaa@\x9fY\x9dk\x85\xcd6\x13*\xd3@\xf6\x99;\x86\xf2\x14\xc3\x18H\xf9\xbb^\x9e\x85\xb4f\xcdP\xa40\xb7\x87C\xf1\x9c\x8a\xd8\xaa\xe7\x11\xe6\x9c\xe3\x7fZ\x89@\x88\xf5\xe2\x9d\xb7w%\xe14\x1c\xfe\x0bk\xefh\x90\x17\xeeAn\xa6`\xc2\xcd\xd2^\xcf\xc9\xab#$\x8f\xdb\xadW\x92\xa7\xd1\x14\x08;U\xbex\x90\x95\x89\tY\xa1\xba\xf3\x90\xdf\x07\x12\x0c\xecX\xcd*\xf7,\xc2\x16[\x18\xe5\x906\x02.\xc2\xd3\x10\x85\xd6\xcb\x93\xfc\xbdC\xf2\xa7\xcc\xb3\x7f\x1c \x08\xfe\xff\x11\x8e\x9f&gt;\x98\xfd.\x8b24&gt;\xf2\xbf&lt;\xa5\xb35\xb9;(\x80\x94\'\x197S\xf5\x8f!!&lt;\xedh\x86W\xd5\xc8:\x85\t,F\xae\xc3q#D\xc4\x8e\xa0:\xc6\x07{H\x191"\xfb\x0cyv\xa5\xa8G\x1a\x98\x89\xfd\x1a\xa2\xf8As\xbc\xb4~"r\xe1\xbcLK\xdfidt[\xe2J\xacS \x1eSvr\xc0\x0b/\x95Zz\x8fx%\xe4\xbe\\$\x99\xb5\xc4f\x04\xb2\xbau\xffs\xd8&amp;\x8cT\xb93\xeeY&lt; \xf6-eml+D\xc5uO,\xb5Mnx\xa7\x8c~7)\x04&gt;\xbaX\xcc\xa4I \x94\xa3\xc3\x92\xb5Z\x0e\x8eM\xe7e&lt;\xa0\xb8\xcdz\x185*\x17\xea\xf1"\xdd\x80\x1f&lt;\xa1\xdef%4s\x0b\xdf\x9d\x14\xc5\x04\x0f@\x0bm\x0c\xfa\xe2\xf5\xe6HO/\xa3\xaa\xb7\x92ZU\xd5&amp;\xe6\xf5;)\x85`\xda'</t>
  </si>
  <si>
    <t>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</t>
  </si>
  <si>
    <t>b'\xc7t\x91\xc1T\x08\xb69\xd9\xfb\xf3\x8b#\xb2\xcf\xbf'</t>
  </si>
  <si>
    <t>t is it he made you promise?'
 'O madam,' cried Annette, 'I would not tell for the universe!' 'I insist
 upon your telling this instant,' said Madame Montoni. 'O dear madam! I
 would not tell for a hundred sequins! You would not have me forswear
 myself madam!' exclaimed Annette.
 'I will not wait another moment,' said Madame Montoni. Annette was
 silent.
 'The Signor shall be informed of this directly,' rejoined her mistress: 'he
 will make you discover all.'
 'It is Ludovico, who has discovered,' said Annette: 'but for mercy's sake,
 madam, don't tell the Signor, and you shall know all directly.' Madame
 Montoni said, that she would not.
 'Well then, madam, Ludovico says, that the Signor, my master, isâ€”isâ€”
 that is, he only thinks so, and any body, you know, madam, is free to
 thinkâ€”that the Signor, my master, isâ€”isâ€”'
 'Is what?' said her lady, impatiently.
 'That the Signor, my master, is going to beâ€”a great robberâ€”that isâ€”he is
 going to rob on his own account;â€”to be, (but I am sure I don't
 understand what he means) to be aâ€”captain ofâ€”robbers.'
 352
 'Art thou in thy senses, Annette?' said Madame Montoni; 'or is this a
 trick to deceive me? Tell me, this instant, what Ludovico DID say to
 thee;â€”no equivocation;â€”this instant.'
 'Nay, madam,' cried Annette, 'if this is all I am to get for having told the
 secret'â€”Her mistress thus continued to insist, and Annette to protest, till
 Montoni, himself, appeared, who bade the latter leave the room, and she
 withdrew, trembling for the fate of her story. Emily also was retiring, but
 her aunt desired she would stay; and Montoni had so often made her a
 witness of their contention, that he no longer had scruples on that
 account.
 'I insist upon knowing this instant, Signor, what all this means:' said his
 wifeâ€”'what are all these armed men, whom they tell me of, gone out
 about?' Montoni answered her only with a look of scorn; and Emily
 whispered something to her. 'It does not signify,' said her aunt: 'I will
 know; and I will know, too, what the castle has been fortified for.'
 'Come, come,' said Montoni, 'other business brought me here. I must be
 trifled with no longer. I have immediate occasion for what I demandâ€”
 those estates must be given up, without further contention; or I may find
 a wayâ€”'
 'They never shall be given up,' interrupted Madame Montoni: 'they never
 shall enable you to carry on your wild schemes;â€”but what are these? I
 will know. Do you expect the castle to be attacked? Do you expect
 enemies? Am I to be shut up here, to be killed in a siege?'
 'Sign the writings,' said Montoni, 'and you shall know more.'
 'What enemy can be coming?' continued his wife. 'Have you entered into
 the service of the state? Am I to be blocked up here to die?'
 'That may possibly happen,' said Montoni, 'unless you yield to my
 demand: for, come what may, you shall not quit the castle till then.'
 Madame Montoni burst into loud lamentation, which she as suddenly
 checked, considering, that her husband's assertions might be only
 artifices, employed to extort her consent. She hinted this suspicion, and,
 in the next moment, told him also, that his designs were not so
 honourable as to serve the state, and that she believed he had only
 353
 commenced a captain of banditti, to join the enemies of Venice, in
 plundering and laying waste the surrounding country.
 Montoni looked at her for a moment with a steady and stern
 countenance; while Emily trembled, and his wife, for once, thought she
 had said too much. 'You shall be removed, this night,' said he, 'to the east</t>
  </si>
  <si>
    <t>b'M\xe4\x9c(L\x80\x1d\x11\x0c\xa0\xd8\x00\x9bG\x9e\xef{L\x12\xd4&amp;\x1d\x83\xc0\x1e\xe6\x06\x01(\xf6\xf3\xa6\n\x18=\x17\x0f\xf9YN\x10.j\x86\xa5\\\xd7\xd6\xa8\x96\xd3\xb3\xf9\xe6k8\x1b&lt;\xde\x81,\x19\xd1\x17'</t>
  </si>
  <si>
    <t>4de49c284c801d110ca0d8009b479eef7b4c12d4261d83c01ee6060128f6f3a60a183d170ff9594e102e6a86a55cd7d6a896d3b3f9e66b381b3cde812c19d117</t>
  </si>
  <si>
    <t>b'M\xe4\x9c(L\x80\x1d\x11\x0c\xa0\xd8\x00\x9bG\x9e\xef'</t>
  </si>
  <si>
    <t>t
 Vout
 K RLVp
 (a) (b)
 Figure 4.1 (a) Voltage-dependent current source, (b) simple amplifier.
 Interestingly, if KRL &gt; 1, then the circuit amplifies the input. The negative sign indicates
 that the output is an â€œinvertedâ€ replica of the input circuit [Fig. 4.1(b)]. The amplification
 factor or â€œvoltage gainâ€ of the circuit, AV, is defined as
 AV = Vout
 Vin
 (4.2)
 = âˆ’KRL, (4.3)
 and depends on both the characteristics of the controlled current source and the load
 resistor. Note that K signifies how strongly V1 controls I1, thus directly affecting the gain.
 Example
 4.1
 Consider the circuit shown in Fig. 4.2, where the voltage-controlled current source ex_x0002_hibits an â€œinternalâ€ resistance of rin. Determine the voltage gain of the circuit.
 V1 I 1 1 KV RL Vout Vin r in
 Figure 4.2 Voltage-dependent current source with an internal resistance rin.
 Solution Since V1 is equal to Vin regardless of the value ofrin, the voltage gain remains unchanged.
 This point proves useful in our analyses later.
 Exercise Repeat the above example if rin = âˆž.
 The foregoing study reveals that a voltage-controlled current source can indeed pro_x0002_vide signal amplification. Bipolar transistors are an example of such current sources and
 can ideally be modeled as shown in Fig. 4.3.Note that the device contains three terminals
 and its output current is an exponential function of V1. We will see in Section 4.4.4 that
 under certain conditions, this model can be approximated by that in Fig. 4.1(a).
 124 Chapter 4 Physics of Bipolar Transistors
 V1 I S exp 1
 VT
 1
 2
 3
 V
 Figure 4.3 Exponential voltage-dependent current source.
 As three-terminal devices, bipolar transistors make the analysis of circuits more dif_x0002_ficult. Having dealt with two-terminal components such as resistors, capacitors, inductors,
 and diodes in elementary circuit analysis and the previous chapters of this book, we are
 accustomed to a one-to-one correspondence between the current through and the voltage
 across each device. With three-terminal elements, on the other hand, one may consider the
 current and voltage between every two terminals, arriving at a complex set of equations.
 Fortunately, as we develop our understanding of the transistorâ€™s operation, we discard
 some of these current and voltage combinations as irrelevant, thus obtaining a relatively
 simple model.
 4.2 STRUCTURE OF BIPOLAR TRANSISTOR
 The bipolar transistor consists of three doped regions forming a sandwich. Shown in Fig.
 4.4(a) is an example comprising of a p layer sandwiched between two n regions and called
 an â€œnpnâ€ transistor. The three terminals are called the â€œbase,â€ the â€œemitter,â€ and the â€œcol_x0002_lector.â€ As explained later, the emitter â€œemitsâ€ charge carriers and the collector â€œcollectsâ€
 them while the base controls the number of carriers that make this journey. The circuit
 symbol for the npn transistor is shown in Fig. 4.4(b). We denote the terminal voltages by
 VE, VB, and VC , and the voltage differences by VBE, VCB, and VCE. The transistor is labeled
 Q1 here.
 n
 p
 n
 Base
 Collector
 Emitter
 Base
 Collector
 Emitter
 (B)
 (C)
 (E)
 V
 VBE
 Q 1 VCE
 (a) (b)
 CB
 Figure 4.4 (a) Structure and (b) circuit symbol of bipolar transistor.
 We readily note from Fig. 4.4(a) that the device contains two pn junction diodes:
 one between the base and the emitter and another between the base and the collector.
 For example, if the base is more positive than the emitter, VBE &gt; 0, then this junction is
 forward-biased. While this simple diagram may suggest that the device is symmetric with
 4.3 Operation of</t>
  </si>
  <si>
    <t>b'\xb7\xebs\xccm\xf2\x9e\xb7S\x7f9\xfa\x1a6Tv'</t>
  </si>
  <si>
    <t>b7eb73cc6df29eb7537f39fa1a365476</t>
  </si>
  <si>
    <t xml:space="preserve">
The Secret Garden
By
Frances Hodgson Burnett
CHAPTER I
THERE IS NO ONE LEFT
When Mary Lennox was sent to Misselthwaite Manor to live with her
uncle everybody said she was the most disagreeable-looking child ever seen. It
was true, too. She had a little thin face and a little thin body, thin light hair and
a sour expression. Her hair was yellow, and her face was yellow because she
had been born in India and had always been ill in one way or another. Her
father had held a position under the English Government and had always been
busy and ill himself, and her mother had been a great beauty who cared only to
go to parties and amuse herself with gay people. She had not wanted a little
girl at all, and when Mary was born she handed her over to the care of an
Ayah, who was made to understand that if she wished to please the Mem Sahib
she must keep the child out of sight as much as possible. So when she was a
sickly, fretful, ugly little baby she was kept out of the way, and when she
became a sickly, fretful, toddling thing she was kept out of the way also. She
never remembered seeing familiarly anything but the dark faces of her Ayah
and the other native servants, and as they always obeyed her and gave her her
own way in everything, because the Mem Sahib would be angry if she was
distu</t>
  </si>
  <si>
    <t>b'\xffU\x00\xe6\xa66\x12m\xd3\'\xf3(\x15{4:\x08T\xcb\xfa\x1a*\xb3o\x93\xa2\x02\xae\x05}~O\xa6\xbc\xc5\xa7Y\x9d[\xf2\xcb\xeaD\\\xcc&lt;\xee\x02\x97\xaeX\xb9\x90\x92\xf8\x1c(\xef\x9a\xf50LoS\xbasq\x9eO\xceDF\x1e\x89\x8c\xf3d\x89;\x1d\x04\x0e\xcf\xcfc\x14\x85\xea\xe8\x0f\x1d\xd8\x8e\xef\\\xa2h\xee|\x98g#\x1f\x15\x1a\xea\xd6\x95\xdf\x9b\x82\x14\xe3j\xcc\x90\xbb\xf2\x1d\xd5i\xffb\xc6\xf5\xbe\x8f\x8b\xcc?\x0b&lt;\xf2i.W\x0f\xc0\x13[\xd0\x18xM\xde\x01\xc8\xbd1\xdbT\xe6\xcc\xb7\x16\xb6x\xc0\xca[.\x1eFD]\x1e\x8e\xd4\x95\xb3zk\xb61\xd6T\xfa\x97#\x12\x05\x89\x08\x92\xfeI\x84]\x18\xbf\xb8\x0e\xee%E\xcb\x98\x08T\x01\xe9\xf1\xdd\x99\xa85\xbf\xc5]I\xf6\x17WU 12\xfc\xdbFI\x1bP\xc6s\x1c\xca\xeb\xd7\xf6!\xd7I\xec\x01\x92\xa4\x0e#\x12\x1b\xd4v"rE\xda\xb67\xa4\xba\xc7\\\xd1-\tJ\xdes\x19\xc4\x95&amp;\x11\x07\xd8$\x1d7\xe4p|\xd5\xcb\xc4\xc3\x9b\xc1wOJ\xa0\xa6I\xa5\x8aB\xc8\x07P\xbf\x10\xc5\xdc\xba#\xf6, x\xb6=\x00,B\xcdUyu\xdb\x9eT\x9f\x1c\xa7\xf34\xe0C\xd9\x18\xf4\x03\x1c\xa5m\xba\xaeV\xf9\xd2\xb7F\xd7\xff\xf0\x8c\xc0\x0ba\xe2Z\r\x13)n\x19\xac\x1f\x17\x8f$\x0f\xc9\x16\x88\xeav\'\x90\xaed\xc4:\xd0\x96.\x9c\x89)\x0eO\xa5&gt;E\x92\x88#A7\xe2\xd8bJ\x9bl\xc1\x0e\x1a\xa4-\xd7\xf7\xd7B\x84\x94T\x81=\xceq_)\xf7\x8e=\xb6&gt;\xb4\x17\\\xde\xc2\xd4i\xe4\xfaa\xc6\x12\xd9B(\x89%K\x11*\x1e\xd5\xf9\xde \xff\xb8\x81y%u\x0f \xf3\xb6\x92X\xd0\x87\xf8U\xac\x0bbH\x06\xe3\xc4\x19c\x0bP5\xc0\xa3\x06\xeer\xb2h\xb8\x16\'\x7f\xeb\xaf3k\xd5\x88;!\x86\x06\x9e\x06\xcd\x90\x12\x06@\xed\xcf\x9e\xd8\x04\xe4\xc19r\x885\xde\x13~\xc8\xcd\xaa\xe0\xa3\x01R\xee\xc2m\x1eLr\xe2J\x1aJ\xca\x03\xba\x05\x9d/|f\xe4\'\x03\xea+\xf6^\x93\tV^6)\x8f\x94\xcd\xc2\xa7\x0b\xce\x0e\x85OI\x08\x166\x96\xdd\x12`0\xd8\xd2v\x10i\x0ez\xce\xd5}\xe3VO~S,\xf7\x01\xce\x89!\xce\x10tIgptbH\xa5\x1d]\xad\xb2+\xe9h\x99\xd99Q\x946\x01M\x1c\x81\xbf\x01Bt(\x7f\xe7*aJ\x1c9\x9fk\xe8\xa2\xcbWaEKG&amp;~\xd6\xbdIQ\x96x \xdd:\xca\xa5N\x98`\xedx\xbf\x9d\tU=\xddM\x12\x83\xfd8\x13\x84\x02\xb6K\xb8\x07\xaf\xa3\x01\xe2\xac\x16\xba\xcd\x8f\xa0\xe1\x95\xce;\x10\xb6\xad\x00\xb5\xdal\x1c[O%\xaa\xb6H\x93\t\x0cx\xd1?\xf4O\x03r\xc3A\x9b\xdf\xbcv\x87\xff5\x12"\xe8\xd6\xe1\x8e!lc/\x9d\x9cn\xbc\x99\xd9\xa4\xf8v\x8fB\xab\x0e\x03p\x05\x8b\x84\xe6&amp;\x81\xe0\x04``U*\x8f\xfb\xbe\xccW\x15\x81\xfes%\xf3\xcb*\x9dw\xb6I\r\x888,\x8a\xa2&amp;\x11b\xd1&gt;\xf09{\xed&gt;\xd8!\x82%\xb4"x\x8f\xd9\xf0\x9cX\xb4\xd0\xcc\t\xaa\x1f\x07\x197\xea\xbeE\x17\xe4(\x1d\xab\x1d\xe9\xbcb&gt;I\xd2$2\x1a/oA\x0e\x9fU\xbe\x87L\x84\x88\x80\x1cx5\xee\xe7\xb5\x9c\xa8\xec\x93\x07\xda\x8agrK\xfc(\xf1\xae6\xdf\x0f\x02\xa0\x0e7\x05\xbdp\xea\xbfn\xe1\n\xd4\xd9\xd7\xddqK\xfb\x07t\x95\xfa7R\xefY\x7f\xd5\xbc\x150\x81\x8dU\xaaO\xfc\xe5\x19\xa6X\xceI\xb0\xd9Y\xe4@\xdb\xcf\\\xe4:\xbb\x9d\xcf\xd2I\xefQl\x0c&amp;\xd4\xbb\xf1/\xach\xd7\xfe\x8f|\x9b\xf9\xe4\x9f\xa4\x9d0\xd0I/\x81F$2=\x07\x8b\xf70\xacj\x92\x86t\xde7^\x90tm4\x80\xd2\x8e\x80h\xb2:sU{I\xfd\r\xf5\x9c\xed\xd0QA\x12\x16\xa2.\xe9U\xd2\x11]\x98\x1e\x91!x\xf7}\xc2\xfbNy\xc4\xa2Qn\xf1\\\xd1C\xcf\x94?\xeb\xd5L\xb3=J\xc0\xd0\x08\xc2\xdc\xe3\x93o%\xd6_\x93\xa0\x99k\xfe\xd2\xbc\xe7\xc4\x00\xa5@\xb7ujA&gt;j\xdf\x94\x91kA@\xca^32\xcdl\x89A\xbb\x99\x0e\x9e\x8fN\xbc~^\x88\xe1\xdd\x9f+|\x11\xf4\x80&amp;\xb4\xdd\'!\x97\xddz\xd6-:\x14\xce)\x9e\x93\x9db\'HE\x8b@\x0b\xc7\xad\x1fk\xde4\x7f`-\xe5K\xfd\x88\xf8\xc4\xd9\xb5\xfd\x14\xb1\xb5\xb7\xff\xa5\xf0d\xee\xc0\x1fj&gt;\xb9X2\x9bqI\xdc\x0ev\x8c1\xf5\xc5\x91\x9e4\x1e\xf4\xa48\x114\xa9[\xe8\xae&amp;\xe4\xab\xd9G4Y\x0b\x16\x0e1&amp;\x0e\xa0;\xf61]\x19\x94\xaf\xfc/d?\xe4\xbeuEtL\x06\xba\x1f\x17\xd1\x0e*\xd0w\xae^aT\x91f7\xd1\xabp\xc74x\xc3\xf4Q\t\xca\t\xb0^\xde\xe6\xcd\x9b\xf5\xbb\x84u,\xd3\n{I7\xc3\x152X\xc8d\xe3\x0eZ\x83)-T|\r\x9d\xb9H\xb3\xf92j\x80\xb5Rgn\x95\xd5\xe3\xa6e\xc7\x99\x04\r\xb8-\xbe\x03\xab\xc2\xca\xcb\xc6\x07\xfb\xae$\xe1\xe7\x1d\x80\xff7\x821,\xd0\x01\x1b\x83V\xae\xef\xd1U\xfc'</t>
  </si>
  <si>
    <t>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</t>
  </si>
  <si>
    <t>b"\xffU\x00\xe6\xa66\x12m\xd3'\xf3(\x15{4:"</t>
  </si>
  <si>
    <t>nd
 Valence Band
  c. Conductor
Figure-2
3.5. Field and Photo-Electric Emission
The emission of electrons from a metallic surface by the application of light energy is called photoelectric emission.
 Light Electrons
Galvanometer
A +
                    Figure-3
 56
                 When a beam of light strikes at the surface of certain metals of slow work function such as potassium, sodium and cesium, the electrons may be emitted from their surface if the quantum of energy carried by the photons is equal to or greater than the work function of the metal. Such a phenomenon is termed as photo-electric emission and emitted electrons are known as photo electrons.
The amount of photoelectric emission depends upon the intensity of light falling upon the emitter and the frequency of radiation. The amount of energy of a photon is given by the relation:
E=hf Where, E = the energy of photon in joules
h = plank's constant in joules second = 6.625 *10^-34 f = frequency of photons in HZ
3.6. Intrinsic &amp; Extrinsic Semiconductor
(i) Intrinsic Semiconductor
Anextremely puresemiconductoriscalledintrinsicsemiconductor.
On the basis of energy band phenomenon, an intrinsic semiconductor at absolute zero temperature is shown in fig. 2 its valence band is completely filled and the conduction band is completely empty.
When some heat energy is supplied to it (i.e its temperature is raised say to room temperature) some of the valence electrons are lifted to conduction band are free to move at random. The holes created in the crystal also move at random in the crystal. The behaviour of semiconductor shows that they have negative temperature co-efficient of resistance i.e the resistivity decreases or conductivity increases with the rise in temperature.
(ii) Extrinsic Semiconductor
Althoughanintrinsicsemiconductoriscapabletoconduct alittlecurrentevenatroomtemperature but as it is, it is not useful for the preparation of various electronic devices. To make it conductive a small amount of suitable impurity is added. It is then called extrinsic (impure) semiconductor.
Doping : The process by which an impurity is added to a sem</t>
  </si>
  <si>
    <t>b'\x18\x05\xd1\xf4f-q\xe8\xf1+\x93\x91\xce\x9b\xb8g\x1e\x01x]\xc0\x13/f\xafPY\xea\xe1iz\x12\x19K\xfc\xa6\xd5\xf9\x9bV7M\xd0ci\xf60\x9cw\xe1\xe7&amp;\x9a\x07\x89G\xe3\xff\xe4\xe9\x0e\xa1r\xbf\x1b\xdd\x9bBF\x14\x9a\xbd\x07l\xb1v\xe7+\x89\xbc\xf2 UN\xafN\xc1Zu\x02\x99\x81\xa8C\xc0\xbf-\ny\xb3\x07\x81\x17\x0b\xa4\xbf\t\x83\x92\xc1\x94\xc0\xb9\xc8\xbe\xaf\x8f\xd9\x86\x0c\xc2\xdfk\xe9`\xbd\x8fm \xfd\x01P\xdc\x85,\xe5\x8bg,\xddR\x0fBR\xc7eE\x96\x81\xa3\xdc\xdd\xadM\x99\x8ak[.\x92i\xed\x9bJ\xc9\x94\x81\xdd\xc0Fp\xe6Z\x81\xccia\x1dou\\\xde\x80CyW\xee\xe3\xf0\x17P\x9e\xb3\xd4 \xf1z\xb8@\x11\x96-d)\xdc\x8d3f\xf2 \xbe\te\x02L\xde\x02\x02Dk\xb8\x01\xf4\xadXI\x14\x9b\xcf\xe9\xddB\xcd\xd9\x92\x83\x04B\x078\xf1\xdbV\x90\xd02\x12\xb3m\xce#\xd9\x9a\xc7s\xab\x82\x06\xa3\xa4K\x98\x01+\xdf\xb6\x9a\xe3q\xcc\xd5i3z#\xcb6!G\x1d\x85\xe2jA\xc1\xaeg\xb9\xb3(\xfc1VJ\xd4^z:J\xb6\x01)\x14\xb6B\x85$\xe7\xdd%\xf1$\xb0f\xde\xe4\xbd}iC.|R,M\xff\xc0U5\xc7o\x92\xbb\x90\x9c\xebJ~X@\xb1\xc5JAs1\xe5\xe1[)\xce\x95s_\xc4\xa50]\x90qTd\x9b\xb0Y\x9c\xfb\xceW\xc57\x02:*\x06\xa2\x86L\xf2\x03\tJ\xfb\xc6\x18]\xcb\x89\xa5\x98\xdb\xc0\xcd\x98\xe1!\xeb\xb3\xf0\x08c\\Z\xa8\x18\xdcT\xd6\xd3\xb8\xd5|\xf6Y\xc1Y\xb9s\x87K\x94\xd7l\x87\xf2c\xc2\x10x\x18P\x1eD\x1eorQ\xb2\\\xd4\x98\x0c~\x1d\x99\x1a\xc5\xcb2\xccx-\x8b\xaf\x14\x03\x85\xcc}\xad\x14\xf3\t\x16\t\xb4\x08\xcd&lt;\xee\xf1\xec\x1b\xa0\xbc\xfb\xb7$|\xac\x12\xf5\xf2\x82\x905C\x1e\xeb\r\x8c]&amp;\xcd\x08B\t\xee\xad\xb6/,\xa0\x17Y!\x93\x1a\xe7\xd7\xac\x82N\xba\xfb`\xb4\x01eJ\xb5\x94\xcdH\xfaN!\xf3\x116\xa7\xe4\xdb\xce\xdb\x92\xacN&gt;\x91EL\xfe\x81\xc4\x88\x1a\'\t\x7f\x9fV\n\xe5\xdf\xe1\x17\x03|+\xf7l\x9a\xd8\x7fMi\xfbeH\xc0\xa4\x10\x92m\x8c\t_}\xa8\xbc\x13$)\x83\x90[&lt;\xd1T\xe9I\xb6\xe9\xe4\x00\x93^M\x98\x92\x99\x9d\xee~\xfbYV\xf9\x89\xbd\xa7\x8a\xcf\xda\r\x15\xd4n\xde\x83\xe7m\x98\x96\xce\xb7c\x93\xf8j\xdc\xa7\x86\x980\x9a\xde\x1e\x1a\xd0\x9c\xe0\xe1\xff\x9c\xadr\x02\xd4\xeeY\xc9_P\x84e\xed\xad[P\xc5\n-{\xe5\xc5\xb0\x17\xdb\x977\x9a\x11\x84=\xd3oD+8\xbc\xb4@\xe54\xd7v\xcb\xf5\xd7\xa2fw\xb5\xdd\xd1)\x938;\x82\n\x93\xdf*\xd5\xa8\xa7&lt;\xa7NDg\xde\xe6(\x9c*U\xd5\xb0\xe2\xf7\xec\xcf\x19\xc9&lt;\xc4\xea\x18\xa1\xb18\xd1\xc0!\x91\xb1(\xa3q%\x8fD\xccx\x8a\x1f~e\xb6\xd8\x04%\xf4\x1d\xee~\x1fzu\\c\xa9\x1eZX\xe2\x1a \x883\xc3\xdf.\x95\n\xce\xd3\t9\xc7Yt&amp;cD\x89/\xd3\x01\xb7\xb6K6[\xa2_?\x83\r\xear\x83+q\xec\xa8\xa5Pz\xf9G\xb9\xa9\'\x96\x94\x93\xf9\xa6\xec\xa2\x0f\x00\x03~\xadP\xd1\xb9\xea\x16\x89$\x94\xeb\xce\x95\xc7TVp\x97{#~\xcc]\x02\xc2\':\xb4\x94\xfdT2\xdf\xb9;-\x12\x1aC?\xa9\xe9u\n\xad\xba\x15$\x90NY\xdbg\xd4\xdfN\xa88\xa4\xaf \x11\xe4&lt;\x1f)\ngr\xab\xf3\xac\x03\xe8j.\x13\xb5U\x15\xde\xb1k\xd0\x86\xa7\x9e\x11d\xf7\xf4\xbd\xa3\x87\x9e\x90\x9e\xbeZ\x84\xaf\xc2`\xd3\xd7=\xde\xc9\xfc\\-f\xe5\xaa\x8ah\xaf\x0b\xb5\xb8\xa8\x18\xe8\xd2\xd9P\r\x8e5\xfc\xd9\xf8T\x83\xe6\x89\x15\xe3\xbf \x83i\xf4k\xe0w\x04\x1a)6\x03\xaf\xc2\x01q\xa1\xe6X\xdbx!@\xe3\xe3&gt;\xd2A\x10\x06P\x88\xab)G;5Hb\x13*\xd8\x96\xdf\xe4\x08/\tI\xcd\xb2\x85ic\x90\x8bEA\x1e\x0c\xd8YxbY\xeb^N\x00\x86n\xea\xf8\xc0\x87\xfab\x13\x96\xf6\xccNI\x81\xd8\xedB\xa0\xb4a\xc3\xa5\xdc \x8e\xb2\x87\x00\x07x\xb3\x7f\xb8\xc00\xaaP\xc9n\x98w(\xaf\x96/\xfc\x82\x01V\xa3\xdd\xe1\x8b3\x18\xf8\xc1-l\x97\xe0\xeam\xdbw\xcd\x91\x01,\x94m\x04i\x89\xce\xde\xcd\x9cI\xea\x08\x10V\xa4?\xea\tH\xb8\x80\x8b\xd8\xc4O\x9d\xbc\x8f\xa0\xfe\xe4\x11}P\x98fR\x02\xbeUS\xd49\xef\xb0siy\xcb\xbb-\xac\x0c\xb6\x11\xc7\xab\x14\xf0N\x9d\xa2[\xa1J!:&amp;\xd2\xf9\xc7\x9d\xfe\x167l|\xf7\xa6\xae]\xffY\xa0E\x0e2a\xbc\xf5G\xed\xd9j\xca\xb7/N\xe7\xa47\xa84"b"\x07\xe1\xc2\x161@\x05\x021\x99\xd8\x0c\xfe\xe5\x9f\x8c\xefW\x05G\xa0jh\xf4[+:\xcb\xed\x08\xef\xccG\x06\x94zX\x05\xc1\xc3\xeeM\x96\x1c\x0e|\xca\x9e\x7f\xab`\xb0\xba[\x9a\xdf\x06*\x1cb(k\x12I\x97N\xbf\xd6\xda\xca!\x05\xdd\x15E\xe3Y[\x97\xd2"G\xf0\xd1\xde\xff\xfb\xc5y\xfb\xb5\xbf\\\x03\x08\xac\xd5}8t\xde\xef \xecF\x82.5\xe9m!\xa83+\xce\xe9"f N[D\xc0\x81\x15\xe5\xb6\xa8F\x8eZQ9F6=\x99l\xaa\xf7Z4Yp\x1f|\xb7\x9c\xa4\xe3\x08&lt;R\xa1\xb3\xbb\xe1\xc0\x9e\xd7\x08\x82\x08q|}\xc1\xeb*W\xa8V\x0cc\xcf\x80\xaa\xe5\t\xadh\x84y\x84\xcb"\x91\xf0\x13\x06\x08\xb0=\xa3\x1c\x95w_J\x0ef\x0e\xdc\xc3\x87J\x84\x97_\xd3kx\xf6\x02\x18\xfc\xe9{\x028\xa2\xbb\x9e\xf0\xca\x86\xc7\xe0\x8eNp\xed&lt;^"\x03(\r\xdaS\xcf;\xed\xa4k\xd58\x02\xe4Y\xa1\xddZ*\xb8R\x18\xed\x88\x1ad\xc3\xc2\xcdJ"6OJ\x0b?\xbf1\xec\xac\xc7\x15\xd1i\xcc\'\xc3\xf5\x923T~\xcd\xf3#U\xff\x14\n&gt;\x9d\x8f\xc9\xf7z9\xc1mKq\xcf^\x9c"\xd7\xca\xefmy\x80\x95o\xd2~V\xc9K\xb9\xbb\x9c3o\x13\xf9P\x86}\xbeMo5&gt;\xb7e\x87\x0f4\xb0\x83Q\xb6}\xe3\xd0[g\xea3y`v\xfc[\xab\x19\xab\x93\x11\x0cB\xf5\n\xc8\xe2\xe4\xcc\x95\xc8L\x8bf\xd2w\xab{#\xf36t\xef\xe5\xafAG\x11=\xcf"v\xf2!G\xce\\\x96\x1deAq\xed\xbc\xec+oP\tE-\t7j9\xdd\x12\x02\xa9\xf8\x13M1`w\xb5\x98\'\xad\x1c\xd2\x0f\xe4\xb6\xaa(\x0cq\x10/\xd2\xa3\x81\xfaou\xf2\x10\xb5 \x97\x12[0W\xb1\xae\x999\x7f-\x87]]C\x03zQi]\xdc\t&amp;\xd7\xd8\x89\x02\xf1\xfc-U0q\x9fP\xe6\xe8J\xfb\xe4;5\x9a\xaaA\xbc\xd9n\x969\x0e\x0f\xba\x06\r\xc2y-E\x10\xc1\xfb\xdb\xba\x8aQ{\xe3C"\xd6A\x0fGKD\xda.\xff\xd6\xc3\x8d?\x95\xb4\xd3\xbf@J3;\xa2\xa6\x9d\x93\xe1\xef\x1do\x8b\x00+D\xd0VD\xe3}=\x050\xc2grGE\xbe\xd4\rb\xa7\xc0\x8d\xd9_\xfc\xa9"c\xef\x05q\xb0fz\xef\xb2F\xda\xf0\xc0%v\x00\x90\xa8\xaeR@p\xcfD\xe3\x19\x99Pd\xe6 UWN\xd2\x15NV\xef\xe7\xc1C\x85\xc0?\xd77@tx\x91\x11zf\xd5\xe9\xb0[6\x9e\xea\xdc~lD\xe83\xda\xf4\xd3U\x93\xfe\xc9@X +\xe9n\xf2\x89y\x8d\xcc\xd8\x08\xae\x83\x81\xa6\x94&amp;pwK\xbcW\x8a\x05#\xb4\x99Se\xe1\xe7\x9a?\xde=\xcf\x1d\xea\x97\x9d\xbfF\x0f\x8b\x08AqT\x1e9\xbc\x84_\x1e\x9a\xab\xc6hR\x81{\xcf(\x92%\x87.3-\xd3C\xf5\xe6\xa9tXh\xd3\xbe\\\xf0\xcd_:\'\xa9\xec\xec$\xc0\xc9J\xd9\x85\x15\x85"\x17\x02\xa49\xf8\xcaA&amp;\xc3s/\xd4\xed\xe2q\xcf\xff\x85\x9c\x1d:\x02\xda\xb6\x81\x84\xb6\x12oC\x06\xe9\xb4\x9f\x8f5\xf7\x03o\xc3l\xea\xb2##c\xdf\x10_\xef\x85\x83r\xf5\xe36Y,\xfb\xdf\xd6\x04\xadu\x17:w\xaf\xd2\xcc\xaa\x15\xf6\x0f\xde`(\xfa\xecT\xa0\x0ea/\xb4s\x94\xc8C\x1dYG\xfd\xdc/\xc2@\xe6\xd8\x87\xfe\xaa\x01\xf6\xb4\x10C4\xc3qu}o\xc4\xc7\xb8\\\x03\x81\xf2\xf2Z~m\xba\xd0O)\xd7\x04"\xce&amp;q\r\xfbF\x92\x7f7\xc2\xb5\x7fZH\x11\x90\xff\xe6\xce\x00\x9bRI\x8f\xd4d\x13\x06\xe2a\x95\xea\\\xc5\x02\xcb\x18\xe9'</t>
  </si>
  <si>
    <t>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</t>
  </si>
  <si>
    <t>b'\x18\x05\xd1\xf4f-q\xe8\xf1+\x93\x91\xce\x9b\xb8g'</t>
  </si>
  <si>
    <t>ates which obviously could not be much longer delayed. Even by day
 they hung about, smoking the pipe of peace, and looking almost as if they
 wanted tit-bits to eat.
 They called Peter the Great White Father, prostrating themselves before him;
 and he liked this tremendously, so that it was not really good for him.
 'The great white father,' he would say to them in a very lordly manner, as they
 grovelled at his feet, 'is glad to see the Piccaninny warriors protecting his
 wigwam from the pirates.'
 'Me Tiger Lily,' that lovely creature would reply. 'Peter Pan save me, me his
 velly nice friend. Me no let pirates hurt him.'
 She was far too pretty to cringe in this way, but Peter thought it his due, and he
 would answer condescendingly, 'It is good. Peter Pan has spoken.'
 Always when he said, 'Peter Pan has spoken,' it meant that they must now shut
 up, and they accepted it humbly in that spirit; but they were by no means so
 respectful to the other boys, whom they looked upon as just ordinary braves.
 They said 'How-do?' to them, and things like that; and what annoyed the boys
 was that Peter seemed to think this all right.
 Secretly Wendy sympathised with them a little, but she was far too loyal a
 housewife to listen to any complaints against father. 'Father knows best,' she
 always said, whatever her priv</t>
  </si>
  <si>
    <t>b'X\xb2\xdf\x9clmE\xee'</t>
  </si>
  <si>
    <t>58b2df9c6c6d45ee</t>
  </si>
  <si>
    <t>l. Concentrate on
 whatever is pushing the needle and moving the business forward,
 constantly keeping the pedal to the metal.
 â€œMy other advice is not to lie to yourself,â€ Jeremiah said. â€œItâ€™s
 easy to get sloppy, substituting â€˜probablyâ€™ for â€˜definitely.â€™ Do you
 actually know what the customer wants and where you need to go
 next? Donâ€™t assume anything and really look at the numbers. Use
 them to understand why your business is where it is. If you have either
 a spike or a drop in sales, look closely at whatâ€™s happening. Focus on
 analytics and learn to understand the numbers. Be honest.â€
 Four years after starting Tribe Fitness, Jeremiah decided to cash in
 his chips and sell the company. He talked with brokers, negotiated on
 rates, and filled out countless questionnaires, financial records, and
 other paperwork.
 Jeremiah had calls with prospective buyers every few days for
 about six months, which became a job itself. â€œOne of my friends, who
 had been through the same process, said that selling a business is like
 doing your taxes every day for a year,â€ Jeremiah told me. â€œHe
 definitely knew what he was talking about!â€
 After a few false starts and a few deals that didnâ€™t pan out,
 Jeremiah eventually got the payday he was looking forâ€”a
 multimillion-dollar check arrived on his doorstep when he was just
 twenty-one years old. That earned him the nickname of â€œthe richest
 kid in Maine,â€ as I referred to him on the podcast. As long as he
 invests it well, he will never have to work a day in his life. However,
 he now has his eyes set on something biggerâ€”his next business.
 T
 11
 Step Nine: Putting It All Together
 he process is simple.
 Itâ€™s not easy. But itâ€™s simple.
 The beauty is in its simplicity, and that is partially why so many
 entrepreneurs have used it to become successful. When you strip out all the
 noise of entrepreneurship, success comes down to creating a great product for
 a very specific customer, giving them the opportunity to purchase, treating
 them well, and using basic marketing to amplify whatâ€™s working. Then you
 repeat the process until you are pacing a million dollars in sales.
 The hardest part is overcoming the mental noise in your head that wants
 to overanalyze every decision. When I speak with entrepreneurs who have
 used this process to build a million-dollar business, they tell me that what
 helped them the most was having a proven and straightforward path to hit
 their goals. This book has provided that, but your brain will inevitably want
 to overcomplicate things. Thatâ€™s why so much of my work with entrepreneurs
 is encouraging them not to do anything that falls outside of this process.
 When you feel lost in the sauce, or when you hit a roadblock, this stepby-step process will clarify the path forward.
 Stage One: The Grind (Months One to Three)
 Your job within your first few months in business is to take a sale. Nothing
 happens until something is sold, and your job is to get to that point as fast as
 possible. You donâ€™t have to understand everything or prepare for every
 possible challenge, and you donâ€™t need to have a pretty website. Your
 packaging doesnâ€™t need to be perfect, and you donâ€™t need to listen to every
 personâ€™s opinion. Your job in this stage is to make imperfect decisions as fast
 as possible.
 If you are already a millionaire, and youâ€™re waiting for your next
 opportunity, then you can ignore this advice. But if you desire freedom, crave
 success, and dream of entrepreneurship, you need to make decisions and
 move forward. It does not matter if your decisions are wrong. You can fix
 bad decisions later with new decisions.
 You might choose the â€œwrong product.â€ You might enter a niche that is
 â€œtoo competitive.â€ You may not price your product â€œperfectly.â€ But you
 donâ€™t know that right now, and no amount of information is going to get you
 to the point where you do know that. Just make decisions and move forward
 â€”progress is way better than perfection.
 â€œResearchingâ€ is not making decisions. â€œNetworkingâ€ is not making
 decisions.</t>
  </si>
  <si>
    <t>b']\xdc8\x95\xa3\x1f\x93j\xc8\n|[=[\xcf\x9c\x11\x1f\x04\xc6\xbbj\xc2\x18\xc6\xfd\xdd\xa0e\xf6\x199\xf9c\x0c\xcd\x80^o6dd\xc4\x01\xe8\xcby\xd2\x18\x92m\xb7\xd8\x17\x83~\x81-4\xf3\xa6\x023-\xa3\x13y\x11\x0c\xe7\xb3\x93\x1f\xd8\xb2\xa5J}\xb0)\xf0\n\x03W\xd3\x02\xb1\x81\x1dw\\\xce\xea\xc3\x19g\x80\x0c\xbb{\xf4W\xb0\x80?!\xdb\xe5\xf8\xdek\xb4\xdb\xa3\x8dx\xff$\x0e\xe5\x87&lt;\xd4\xccE}\xc7\x03\xc6\xba\x82)\'\x84\xa0\x1cJM\xad\xa8\xc4\x91\xe2E\x9d4\x9e\x01F)\x1fJ\xfcB\x07\x16c\xcd\xc4\xee\x98-g\x8f\xc8N\xd6\xf5\xcf\x89c\xc4\xb0\x00\xc4iLA\xddA\xdc\xbd\xaf\xc7?\xb9\xbfBo\x1b8t\xbb$\x87\xac"\xe2\x81\xa1Si\x1ck\xb1sq\x06\x12\xf2\x18\xc9P\xf1\x9dON|^\xd9\xc0o\xc9p\xe4td\xbe\xc3\x89\xf3\x85\xde\xe4\\i)\xfe&lt;3M\xe7\x91\x1d9\xbf\x12\xf7\xa5\xebS\x01\xe1\xb0\x05"\xf1QC]Xq\xd5\xcf\x80\x17\xa1\x89\xdemg\x90=\xc4\xd5\x14\xc5\x16+~\xcb\x14\xa5\x96\xab\x0e#{\xa1Lk\x8a/\x1b[n\xbd\x16\xf3\x8b\xf7\x1dm\x19_\x80~\xf3\xa6=\x9b\xa3\xc3c4U\xa0\xa4V\x0bIK.+\x18rR\xdeO\x8b\x0f\x10$\x98\xb7k.\x1e\'\xe4c"\xf6\xc36\x0c\xce\xd7\x07\x98"\xe73\xc3\xbf\xab\x9e\x98"\x92:\x8fEf4Lu&lt;\x8d?\xb4A\x1d\x91\xb7\x1bf\x8d\x8a5\x9e\xefh\x84\x05\xb2\xbcL8Ox\x04\xf4\xaf\xbc\xb8\xda\xa2BQ|\xa7\xcc\xaf:k\xf7\xdf\xf3\xd6!T@z\t\x9dD\xf3P\xcc\x8b\xa6\xb7x\x85\xf5\xb1;@$\x85Y;&gt;\x04\xbb\x86\x0e\xd0\x03]\xbe\x88\x0b\xceR\xca\xdd\xc8\xfd&amp;\x9d\x0f%Vm\xd6\xd9\xac\xa3b2\x1bD\xd6\xab\xa7dHQ\xbbv3\x95\xd9\x08\x91\x94\x9a\x87G\xe1,\xe6w\xd4K\xc2\x83\xe7\x9f\x1e\x8c\x86v\xa9\xbex\xfc\xea\xd9P\t\xfe\xcf\x92\xf0\xff\x81\x1c&lt;.\xfe-\x04\xa4\x9d\x84&lt;\x9cC\xf7q,IK\x85\xa5=\xa6\xcbw\xa2ve\xc6\xa4o\x15\x9aN\xc7\xcd\xe4:\xfc\x10~\x9f\x1e\xaf2`XQ;|\xab&lt;\xab\xb4\xeb&amp;K\xf8Hf\x1b\x1d\x10\xf1\xa4\x98\xfd\xa592M\xd64f!\x96\x85\x0f\x12\x9b.\x92\x10\xe5\xc7XJ\xca\x17/\x82C\xaf^\xd9\xd0\xd4*q\x19\x95\xe3\xc8\xdb\'\xfd{d\xbeU\x17\xcb\xc4\xc5m\x8f\xec\x8e\x9d\xf7\x14\x12J\x9b^\xb6\xfeCF\xdd!E \xbf&amp;(\x94\x94\xa5&lt;\t\x92p#\x1cd\x1d\xb4\xebj\xd7\x1b&amp;\xb3\x1b,\xb6\xee\x0f\x80})\x86\xb8u\x9eu\xbb\xecal~\xf4=\x85_1"$\x06/\xc0\x18\xfaSKb\xca)\xde\x0fd\x17\xa9\xad\xec\x9d\'\x99\xbd\x1f\xcc#\xc4\xf9\x9a\x80\xea\xb6\xee\xbd\xd5Y\x95\xd3\xcb,\xefu_\x95\xa3\xba\xff\x94\xdcA\xd0\x00~f\xb5\xb7\xe6\xd0\xddq\xfc2M\xb61\xebB\xcb\x1f\xd8A\xdf\xbe\\\xdb\x04\xf9"\x19\xbc\xf7\x11[2\xf7\x90#o\x91DF\xf8\x086\xea\x8e\x1f\xfb\x0e8X=\xea\xf0F\xef\xffv\x8a\xcf\xc05\xa3\x07\xaao\x0c\xa1\x93@\xda }m\x9b-\xe6$\x07\x9c.\xad\xed\xeew\xeb\x94k\x05c\xc1\x993\xf9\xd4\xf9\xf0\x1af(\xe9\xd9\xe6\xdd\x19\xc2\xbd\x84\x91q\xe2Ao\x13\x83l\xd1F#Q\xf3\xbf\x13\x90\xdf\xd9&gt;n\xa5\xd7*\xe5\x9a\x8a\xe3\x90\x97\xf9\xd1\xba\x13L/U\x8b\xd8k\xa4v\x19y\x0f\x93&lt;B\xdf\xf8\xad`4\xb6\xdbI\xe4\xb9\xf5QgI\xdcB\xe9\x14\x1c_\x1aS\xe7%\xc3H\x1e\xbf\x88\x81\xbc\x92\x93"\xaf\xef\xe6\xab\x88\xfd5\xdbY\xc3\xe2\xbe\xce\x1d\xfe7\xa1"]\x87\xb0T\xfb\xac\xae\x18|\xf2L\xf7/\x89l\x10\xc1\x86\xe0\x83B\x99\xa5Rd\xe0\xe8\xe3\xac#a\xdc\x7f\xd62g\xa3zI\xa4\xc9E\x0b\xd9yH4\x12\xcf\xa6\x04\x842\x9a\x1f|o^/y\xf5\x07y\xed\xeb\x87\xeeG\xcc\x03\xbb,\x1f_Ldva\xa3RY2\xa0\xc8E\xaf\x11 0\xa3\xa3\xb3=buR\x18U\x0c\r\xb6h\xf4Xe:\x80{\xe7\x06\xa3?\x96a\xc6\xa7\xbe\xe6\x87a\xd5$\xf4^\xfdr}\x85\x8dj\x94)t\x98\xcd\x94/\x06b2\'V\r\x1a} \xc0%\xe6i\x0f2\x0f\x17g\xe0a\xef\xdaR6\xc2\xb4\xb1\xb4\xa8\xe0b\xac\x81\xe3\xde\x03{\x08Zc\x12\xeaM6\xf7\xad\x1d{c\x92\x90\xbb\xb4_\xb3\xfb\x98\xba\xcf\xe6\x91\x0bz\xbfv\x00\xbd\xcb\xfaau\tP\x97&gt;\xc8\x9dT\x87\xa0\x1d\xb3\x17RA{B[/\xe92\xc8\xe3cgT\xff\x94\xfe;\xb1:\x05\x97\x98\xedm\x8ed|\x9f\xa5\x98c9\xa0*\xa189\xd0\xb5\x0e\xc6\x19\x9b\xaf\xda\xe0\xd3\xa2\x07\xa5=\xb5\x7f&lt;\xc8\x1eH\xc4 4\x8d\xc6\xa9\xd6\x934\xbf\x07\x8bo6\x977P\x02\x1e\x97\xd7o\xc0$IT\xe3"\xfa&lt;lRf=c\x80\xc7\xc5\x849\x1c\xa4x\x1d6R\x9f1\x99\xe9\x8c\xc04:9\xf4\x08?/\x04L7\xcf=xM\xb6\xfek\x02\x08P\x14 \x009\xcf\x92\x03A\x17\x8f\xb57\xa6:q\xb9\x08\x05\x14\xa0\x00K\xfb8\xfbH\xbcXq\xb4\xae\xca\x1a\x1erH\x00OB|Ue\x14e-\xd6\x89q\x12Z:\x84\x8d\xf6\xafA\t\x1d$/-v\xc7A\x05\x90\xf5*#\xe0\xe5g\xbc\xd7L\xa06R\x1c\xe3\x9b\xf4o\xb3\x8d&lt;R\xdfh\xf8\xfck}\xc3\x12\xdavD5}\xa0\x8d6\xbd\xf8\xf6\xfb\x9d\t\xecb\x93I\x8d\xde6\xb1\xcd+*R\x10[\xe8\xae\xdb{\xd9\xb43\xb5p\xd1\xe7\xea\xc4\xca\x1f\xf7r\x97\x9d\x1b\x13\xfb\xcf\x14\x95\x04\xeb\xc7\xe4\xe7\xef\x88U\x98K3e\x0f\\\x93\xf5I\xfb\xee\x985;\x10n\xe9\xe8f\x0f\xc7W\x97\x7f\xa7\x91\x06\xc4\xbb&gt;\x08G\x9f\x99\xe0\xe1(\xa3\xa0#\xech^[dxF\xf6\x04\x056\x07\xeb\xc7\x1b\xea\x82B\xbd\xe9hx\xc5&lt;\xda\n\xc2\x1b[71\x91\x0c\x99\x1f\x8e\xfaW\xbd|\x9bj\xf3\x0f\x8d!\x1d*\xcd\xaf\x8d\xafD,8\xa3\x7f\x81\xc4~X/\xdd.\xdfL\xb1\xf2{\x05\xd3\x9b\xder\xd6\x04o{\xa8\x18\xc0;\x03g\xe7\x9e\xad\x86\x1b^G\xe02\x98&lt;\xe2\x8f\xaay\xeb\x85\x87\x0fd3\xdc\xd3G, aW\xb7d\xe3\x92\xadf:L\x95!\xd4qG\x06\x02\x0e\xa4\xd0\xc3/\x8er\xd6q\xb8!\x83\xba\xf3\x93\r\xbf\xff\xd2K\xe2\x92 {\x7f"^mI\x13\xd8\xd9 \xa2\xaf\xdc\x01\x1f]C\xf0\xab\xb5\x00\xb4&lt;\xcbK\x8b!6\x87\xc28\xa5\xaffG\x19\x90\xa1)\x84V]\x02\x92\x18\xaf\x98\xab\xea\xb4\x84wu\x11\x13#\xfb7\xed\x91\xffE\x17\xa4\xc9\xa3\xe8\xc8\xdb\xda\x84L\xa4\xe4\x17{\xb1\xbc\xdeX@\x8d\xf9\xef\xbc+\xa5\x14\xc8\xcfQ=\x9cj\xa9\\\x93\r\xb6\xe9\xbc\r\xf6\x03\xe8v\x9b\xb5\xaf\xad\x06\x15W\xf5\xf5\x89\xc01^]\x82t9j\x97m\x01cD\x15\x05}_\x7f\xbc\xa8\xbb`&gt;!\x8aD\x0e\xf3\xa5\xdf\xeek\xf1\x89\x12(p{\xf0d^\xff\xbczB\x12\xea\x95\xed|\\\x90Ml\x08\x98\xe0\x1b\xad\r\xe8\xd7\xce_9\xefmwK$\x8f$x\x92\xd8f\xb5W\xa71\x16b\xda\xc1\xb5\xc5\xd8\xd8\xdc\xb3\x7f\xe5]\xd1\xaanq\xa0Z\xecB\xd6\xa5S\xf4\xc6\xb4\xdb\xa6P\x06\x8a\xb4:\xf9\xffb&lt;\xec\x1f\x0cH\xe4\xf9\x17\xf0mh&lt;\x17\x10Y\xc3\xcb\x9f!\x80\x8c\x13D\x15u\xa5\xd4\x8b\xcd\x95\x0f\x94\x9ap4\x1a\xea\x87Pc\x8b\x06qB(\xc4\xa3,\x99\x15\x91\xfe\xd2\xdc\xa3j\xd3\xd1\xcd\xdb\x98\xd3\xb7\xc6\xc7\xc0C\x00\xceLlyr\x1a\xbd\rC\xc3\xaf\xd6J:Z4"\xf1\xe9_\x9f,#\x99\x06\xf1^\x9e\x87s5\x08;2\xc5U\xda:9k\x83\x1e\xa6\xdd#\xf3\xc4\x8fd\x043\x9a\xe6I\x8b\x88\xef\x15\xa3\xb2\xa4|\x97\x9b\xea\x9ae\x12\\\xa9^\xc3\xbd\xcb\xfc3\x17E{}WA\x96\xfb\xb4\x10\xac\xa0\x99b\xb7\xe7\xdeg\x1d\'=\xfd\rx\x96Y\x9e\xaa@\x8c\x95O\x94/\xf5i2ZmRI\xe9\xde\x05f6\x0f\xed\x8a\x912\xf1\x013\x9c\xf8x\x97;\xe3\x8a2\xbb\x06\xf6\xfc \xfa!\xd5j8\x8c@O\xa6Zf\x16pu\x97dj \xb0\x83\xbe%\x1d\xfb\xb5\xe1/H\xeb)\xcb\x85\xb1\xd97\xcd\xc7C\x06U\x1a\x94|LSf\xa4\xc6\xcb[\r/\xfb\xb06EY\xde\x9b\xd9\\\x8b\xb5\xd0(Wg\x1d\xdc.\xaf\xa3\xc97y\xd6Iy;kY\xa9}j~\x9f\x80\xc6q\x97\xc5\xc3\xaa\x8cp\xb7{\xb97\xab\x922\t\xc6\x88\xb4Q\x03b\xbbA(i\xc3"\xba\xa4-\xb8\xe3e\xbf\xa2\x86)\xd1`;\x11\xdc)\xe06\xee\xa8\xb7oK\x81\xffB#\xd0\x17-Kb\xe0&amp;\xd0\xcb\xfa#R\x92\xf8p\xf3!\xe1=\xc7O4\x98\xd1i6\xce3\xc7pZhv^k#@\x13\xb5\x96d\xf0\xbd\xfb\xd9\n\xdcx\xf0\xb5%b\xeb2\xe9\xee\xa4\xa1I\xc3\x94\xc5\x02\x83\x02\xb6\xc5\xe0_1\xe4i\x1f_~\xfa\xbf`\x86\xef\x83\x90\xd7RX\xd6\xd0\rt&amp;\x14&gt;\xe7\xb19;\xd0\x80\x1d\xe0\x90\xed\x18\x13u\xbbBA\xb99D\xbb\xef-\xb2\xe2\xce\xc5\xa81*\xfb\xba\x1c\xb0v\xb1\xe3e\xc8dgSbO`\x93%\x85\x14+\xe2\xfc\xe2\xd58w{K\x8c\xd4T\xb1\xd1\x0f\x12mm\xfb$\xd0S\xdb\xc5F\xf3\x8e\xbfAxT\x8a.\xf5y[\x04 RY\xe78h\r\xda\x86!\xac\xb7\xe9\xe1j$U\xc0H]\\\xa8Q\xf0\xd35\x03$}?\xf1\xcd\x01N\x175\t8Gt\xc6\xde\x102\xebV\xf0+\xf5\xe9\xbe\xad\x9c\x14\x8c\'\xc9\xb4\xd3\xbeb\xcd\x13p\x85\x95\x98\x05}\xdf(~\xe1\xb3\x0e]\x7f8=O6\xeaL\xbf\x0b\x8f \xcacG\xaed\x11\xab\xd1\xa5\x9f\x91sn\xa3/\x84\x94\xaaj\xfa\x9e\x10\x15\x01\xb0C\x8cA{\x04\xb6\xd0\x96\x0e\x04i\xc5\x84\x00c\xae\xaf*z\x9e\xc4\xfd\xcf\xdc5\xb8(\xf82x\xcd\xd2(d\xadr\xabs\xd4]\xe1\xd4\x08\x8cf\r\x1fRg\xa7\x13](\x16\x9d\xb8\x0c M\xbd\xe8\xed\n\x14Kl\xad\xef\x1di\xad\x92\xcap\xbdM\x7f\xe6\x8a\t|\x1es\x03\xaf\xddx\xfae\n\xc0G\xe0\xb6\x11\xc4\x04P:\x86\xff\xe1\xbbh4\x8dKj\xf4%\x9e\x9av\'H\x8f\xcaGl6\xa9yL\x99\xdc*\x11J\xacK\xc0\xacS\x18\x8a\x9e2\xf5\x0c\x08\xf8\x03\xa4v\xad.r\xe5On\x0bK\xd8u\xa4&lt;\xcdS\x1d\xf9(P\x99\x13\xd0p\x92\x9f\xae\x16?\xaa\xd4\xfe2\x06\x1b\xd1\xf6&lt;\xfe7\x16o\xa3\x87\xde\xfd&lt; \x82*\x8a\x1d\xebQ\xccD\x13H\xc8\xc3d\x9fWd\xbe7\xec\xa2\x0cL\x19x\xf5YJ\x8e`\x8f!\x13\xb3\xcfM\xde7\xed\xfa\x86\x19|?i\xd9?\xc8_\x0ee\xc2X\xed\xbe\xbd\xfb\x8c\xe8O\x83QJ\xf8\x8eAr,\xddGFb{\xab\x194\x07\x1fn\xe9u\xca8\xfba\x04\xc5\x7f\x11\xb6&amp;\xea7\x95\x85*\xba\xce=0{\xba\'C\x15\x14\x86\xa1\x19?\xc1^\x12{\xcc\xe5r\\\xf6\xbe\xa3\xc3\xb5\x04D"\xb4\xeai\x18\x7f\xf0\x846L\xf2|\xe9I\xd16\xb7\x04\xe5\x19LV\\"1\n\xbd\xc4\x13eX\xdd\x7f\x8b\x95\x856\xe3(\'\xa7c\xcd1\xef$\xba\xaeVt\xd6z\x98aY\x8e\xd2\x9cU0\xd8\xf6$@\r;\xf5`\x91\xdc\xae\x19\xb5|\xce\x18\xe3\xd9\xf9E\x18\x1b\xc9O0\x1ap\xb6\x93\xdc\xd8\x9e%y\xdd\xf2RS*\xce\x16\xc6\x8fuG\x1c\xb0\xbd\xc0\x15\x98\xcf\x1feEq;\xea\xdd\xd8\xa1\x9b\x08#\xd7\xa0\x1f\x82\x91\xf4\xackc\xba\xd1@\xec\xce5vIx6L\xf4\x9b\xdd,\xa6\xe2\xd7W\xd5\xe8\xcc\x00\xa1\xe9\xd4\xea\xe4y\xaa\xdb\xadq\x11\xda\xe6\r\xd7W\xd9\xc3,\x0f\xe4\xf9\xdfa\xf2hv.V\xb4\x94"2#&lt;\x91\xcf\x92\xc1\xb6\x9b\x07\x8a\x13D\xe3C\x08\x83\x1a\xfa\x05~\xa9\xaf\x9b\xec\x12\x1b\x1a\x97\x12\xcfh\xeb\xfd`\x9d\x1d:B\x9f\xbbO\xdc\x80l\'\xbb\xc0@\x84mU\x86\x08f\xaf7\xd0z\xbe\xa0\x84\xb9N\xb78\x9c\x166{9\xf9y\xed\xd0\x01\xdd\x82f\xb3%\x9cZ\x16\xb6\x00RN\x13~v%\x95b\xcc4\xbb\rb\xc2Q\x81\xf9\xd0\x1c\xac\xa1\x0cg\x95:;\x84 \x80\xd9\x9e]\x90F\x8dP\x08\x94T\x063\x0eR2\xd4\xfdO\xdf\x80\x9f\x92\xc0\xfb5s\x1e\xe5u0\x1d\x08\xf6\xc5\xa9\xf9fM\x14\xa0Z^.D\xab\xedx\xba\r\xec\xd1\x15\x11\xd3\x1e_O\x9dP\xb7&lt;\xebM\xe4\xabtG\xeb\x8f\xe7\xf8\x83\x99\xd3\xf1\xbdr/&amp;\xb3\x05e\xa6]Uz\x87\xe4!$9\xfde\x17\xa4\x97\x9e}\x06\x1d\x11\xa5\xf52\xac\x1da\xbcD\x00G\xf6\xa4\xed\xdf\x00\x96M\xaf\x8c\x98\xc1&lt;\x82\x8b #\xd6wu9\xd1Z\x07\xe4/\xeeh\x86\xb1\xfb\x1d\x9d0\xdb\x1c]\x1c\xf2\x02\xec\xd0\x9f\x83\xa0\xe6\xee\x0b^\x8a\x11\xd3}\xde\x10\xc2f\x1f\xcb\x9bR\xae&gt;\xe0.\xe2\x7f\xea\x171]\xcc\xd2\x03#wv\x91\xc3x\x1a\xa8\x15\xe2\x95\x94\xb3C\xb4J\x9b\r\x1e;\xa8f\x87\xa5\x0e\xb3\xf4\xfan\xcc\x19\x8d"\x90"\x99\xbf]~\x06\xc0\xbf3&amp;\xc4\x04N31j\xbcv\x9aH%\xe6\xc6\xa2[\xd6B;\xbc\xd0.}\'\xdd=\x9f!\xb7\xd8\x1a\xff]g\xd9_\x1c\x0f -y\x04\x1c\t\xdb`\'\x80/\xc8\xe0\x12h*\xda\xa2v\xe7\xaf\xdazs\xfc2\xfa{\xb7&amp;\x1f\xbc\xafv^\xf6\xed\xb1\xc7*M\x1e\xcf\x9f\xfe\xf1\xc4\xfc\x9b\xadE&lt;\x05J\xc6-`\'i&lt;&amp;maeY( \x9b\xd9\x8f\x9c\xcb\xce\xc7\x8f\xe9\x9de\x1c\xa1\xb4\x92\x01\x1d.\xb7;\xb6^\xed=\x8e\xedZ\x05\x9e{\xde*%\x94\xa3&amp;\x15e\x9c\xf9\x80&amp;\xeb\x00RR\xe5\xc1\xa2\xe8\xa7\xcf\x18\xc7y\x81\xb4\x0e]\xa5\xde \x02\x91\xdf\x88\xd6\x91\xdc\x82h\xa4\xdc\x94(\x01\xf7\xc1\x13\xbe\xe2\xd8S\x9bu\n\x9f\x99\xf1\xa5\xcd\xdd\xa4WK\xc5\xfe\xd9n\x97\xe2\xac|8\x91\xb8\xbcT\xb8\x01\t\xe3\x98\x87\xc3bD\x95\x9eF\x03J\xb7_\x83\xdc\xf4\x10\x18\xbd?D\x94\xba9ZiV#\xd9oaZA=a\x84\xf9]M!%?\x9du\x0bt|B C%\xd3\x1a\xe1\xd6\xbe\x82Z\x93\x83\xdfR\x8d\x7f\x0b\xd3\x0b\x8f\xa0\xeb\x17\'\x82T\xe3(\xf4\xc3\xc9\x8e\xbb\xcdF\xad\xb9\x17\x9dD\xe3\x8dG\xba\xae\xec\xfb\xa9\xb0}V\xc5%~\x96\xa1\x17\xd5\xef\xd7\xb0\xcc\x11\xcd)\xf9\x1c\xc0C~\xa8\xbaM\x86\xd6&amp;\xb9\x92*\xe5V\xda\x16Y\xa3\\5Ph\xb5h\xe8\xb3\xf8V\xca9H\xd5\x10\xf7\xff5\x06P\xa7\xf8\xe02;\xa0\xf6\xf8.j_\xd0\xb2\x0fk5]&lt;\xf5/2\x8d\x8d\xdb\xfe;\x82\x03f_\xa7\xb7h\x9f\xb0{a\xb9\xa6\xa0\xab\xad\xe2\xf2\x93\x1e@#\x1f\xa1Zi&amp;q\xe5#"\xf90\xf7yj\xb9Lj\xf1\xaf~\xcen\xe2\xba\xaa\xeaM6C\xc0\x99\x1b\nK\x85!t\xd5J\xb6\xeeF\xc4,\x9c+\xc8\x80\xdf#\x8c6\xb0\x93K\xc11K\xeb\x1a5\x9c5M\xc3&lt;\xfaS\xb7@\x00\x90g\x11y\x1f\x81*ez\xc1\xc4Nl\xe9\xd4U\x07o\x0f\xa9g\xea~\xe3\xa1/}Ua\x14:\xc5\x04\xf8CB\x9c5u\xe6I(\xda\x1c\xddl\xb1\xa2Z{\xa7y/_\x98G\x045o\x0em }@}h\x87j&amp;QP\x1di&gt;\xeb\xf21\xc9:0U\xf1\xcd\r\xe0O\xccw\xabT:Q\x9f;\xaf\x02\xf7.\xd4\x86\xe6P\xc0\x9d\x968\x9f7x\xda\xc1\xfd\x84\xbf\x8ei\x8f\xfc\x9e\xefWt^]6\xe2@\xc6R.\xeb^\xdc\xa6\x92y\xc3\xf4\x99g\xbf.\x15e\xc2Z\x1a\x91I\xf66R\x87]\x8b\x08l\x10\xd9S"\xd37\xf6O\\3\xfb\x9cQ\xe5Q\x99\xdd\xe5p\xfd\xcaF\xb8\xc9\x0ci\xfd\x80G\xfet\xfa\xbb\xc8\x08\xbf\xa2Y[\xd8\x800-Vf\x92\x87\x8c\x08\x87&amp;\x89\xeeu\x81\xfe#\x19\xba\xe3\xb7\x97\x04\xa1\xeb\n\x81\xe0\xe3\xa2\xe3\x152O\x1d;_T\xbf\x07\xd64\x9d'</t>
  </si>
  <si>
    <t>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</t>
  </si>
  <si>
    <t>b']\xdc8\x95\xa3\x1f\x93j\xc8\n|[=[\xcf\x9c'</t>
  </si>
  <si>
    <t>,
 the most money Iâ€™d ever seen in my life. Weâ€™d successfully sold a majority
 stake in our fitness supplement company, Sheer Strength, and the wire from
 the purchasing company had finally landed. It was ten times more money
 than my father ever saw over the course of his entire career. In fact, it was
 enough money that neither Matt nor I would ever have to work a day in our
 lives again.
 â€œWell, I guess . . . have a good weekend?â€ Matt said, laughing.
 â€œOh,â€ I replied, â€œIâ€™m gonna.â€
 This Has Nothing to Do with Luck
 What do you do when $10 million shows up in your bank account overnight?
 Thatâ€™s exactly what happened to me and Mattâ€”but it wasnâ€™t by accident.
 It was the result of years of direct planning and work. After a decade of trial
 and error, we achieved the freedom that weâ€™d always hoped to find.
 If freedom is your goal, then this book is your starting point. Throughout
 your journey, this book will be your guide, taking you through every step of
 building a million-dollar business and helping you overcome each hurdle.
 Iâ€™ve already experienced these hurdles many, many times, as have other
 entrepreneurs Iâ€™ve worked with, and so have the students who follow the
 methods I lay out in my podcast and YouTube videos. Weâ€™ve walked the
 road ahead of you, so we know where the potholes are.
 Actually, thatâ€™s part of why I wrote this book; it fires me up to know that
 I can help other entrepreneurs have a smoother journey on their own path to
 freedom.
 Matt and I didnâ€™t have a guidebook when we were building our business.
 We did have a mentor, Travis, an incredible human who helped us a great
 deal. No one we knew had ever built a million-dollar business, let alone sold
 one. In fact, most of the â€œentrepreneursâ€ we hung out with were more like
 â€œwant-repreneurs.â€ They were the kind of entrepreneur you see on YouTube
 these days showing off their â€œwealthâ€ with cars and girls. (Lesson Number
 One: Nobody has ever gotten rich by spending all their cash on luxury
 automobiles. Lesson Number Two: Having a girlfriend does not make you
 richâ€”itâ€™s usually the opposite, in fact.)
 That was never o</t>
  </si>
  <si>
    <t>b'\x84\xfca\'\xff\xe7?\xed\x7f\xe0\xcef\x17Rm\xbdK\x0b\xf6\xad\xdc\xb4\xfe}\xa7 u\xcbBm\x89\xea\xfeA\x89\x8e\xff&gt;x\xd9 \xe3\xb0BD\\1\xc0C I\x8d\x9a\xdba\xa2D\xf1Q\x11\xed~O\xb0\xf2\x9b}\x99&lt;\x08b\r\xd0\x8a!\xdd\xe3\xaa\xa0u\x1c\xa3\xb3M\xad\xa7\xd6_\x0b\x98)\xf4\xcd\x18\x83&amp;\x81\xda\nk\x9fBv\xc0E?\\l\x10-\xa3Q\xce\xa0^\xaa\x9f91\xc7D:\xc8\xd7\xcd\xa1H\xf0\x93\xa3I\xa3$&lt;\x11&amp;\xc9\x04V\x98\xac\xda\x8f\xfb\xc7\xed\xe6\x1d@\xf5\x9a5w\x96\r\xcb\xd6\x08pu\xcb\x8c\xd3\xab\x8b\x1c\x05\xb3\x04r7\xb9\xf4\xf0|\xda\xeb7\xaa\x8fz;\xd6\xfa\xbb\x93\xd2k\x04b\xb58@\x1a\xb3&amp;\npB\x06\x9f)\x97\x05\xa8]\xb4\xfd!\x80\xc9\xbd\x82\xaa\x8b\x96\xb2\x95L\'\xc9\xff\xd1))\xb9R\x92\xe2$\xf4\xef_&amp;iIB\xb0\x92\xb0\xfdm\x1e\x85%\xe4~\x8d\xdd[\xc7V\xd2\x05\xefI\x86\xbb\xeb\x05m\x9e\x8a&lt;\xfc\x9d\x18dux\x89RO \xac\xef\x07\xea\xc4\xc0\xd1_\x93[\xd3\xb4\xd4Y\xabU/\xaf\xdd\x98\x89\x121\x93\xef\r\x98l\x89\'&gt;\x0c\xe63\xec\x16\x82\x82\x14\x16E\xe1\xc5\xba\xc43b\xeb\x9c,I\xe5\x8c\xdf\x96\xbb\xdf\xa0\xd8\xf0^\xd3\xcc\x7f\xa4\x03\xd2\xe7NwwE\xcae\xc6\x00\xae\x80\x93^\x1d^\xde\x1c\x92\x98\xd8c\xb2\xc5j\xec\xea\x15L\xc7v\xf8\x1b\x9a\x9e\x81\xb5\xd2N\x99+\xb9(9K2\x1eVb,K{\x9c"&gt;\x15\xa1Mj\xf0\xa1\xa9Z#\xfa\x14\xe3\x03\x84I\xb1;\xafD-^\xfa1\xcdiP\x0f\x07\xad\xf9\xcf\xd8\xf1\xa4\xc2\x13i\xd2|\x85\x1b\x93\xb8\xfb*4\x97,\x86A\x81\x9c\xe0\xb6l\xe3\xbdt\xd3\x1e\xea\xc6\x19\xa6\xbaW\x92f\x9b\xc6X\x1c\x98\x8f\xdc\xd8\x11\x16\x1e\x90\xc5}\xee\x04f\x12&gt;\x99\xbc\x1c\x05P\x0e\x01\xa3U\xbd\xce\xfd\xe7\xf8=k\x9f\xbf\xc8\x9f\xec\rQ\xf1\xdf&amp;\x94\xf6\xf2ttD\x80B\x13\x91\xe7B&amp;\x8e\xaf\xf9\xac\x94\xea\xc1U\xf6\x15(\x8d\xe3\xd8\xa1\xd2t\x9dQ\x04\x80\xb5\x96\xad\'\xd7\x1c\x8bj\x00\xd4\x81\xady\xc1\x7f\xb8\xac${\xd0\x1a\xad\xbc\xe3l\xbc\x06#\x03\xb5O]4\x0b\xfa\xb1Pw\x92:\x1f\xa1\x83\xbe\xee&amp;\xe2\x99\x029\xc8\x1d4!\x1c\x81\xda\x00\xee\xe9\x7f\xf9nOM\x0b\xa5$I\xe9\x01\xfd\xa1\xb0\x0c\\\xf0^\x85=\xf2[\x87*Y*\x94Q\xe0\xf9}\xa2\xa5\t=t^\x02\x9c\xe6x\x04\xa4\xad\xfd\x12\xca\xfe\xb3\xb5/\x806\x9e\xaag\xdek\xef\x1b\xa3s\xed\x817\xebbQ\x83_\xbc\xe5\xd8\x05?\x90\xea\xbc\x85\xae\xc1U+\xbe\xce\xb7\x1bh\x83J\xbb:\xbf\x83\xf3\x00\x890\xfde!UH\xc18\xdd\xde"\xb6yy\x9f\xda\xee?fG\x8a\xc7\xa1\x0b_\x92\x120\x02\xc0\xc434\x88\xed\xc6\x039\xc26\xd9\x9a!\x17o\xfc\x1c\xd7\xc0\x1d\x15\xa7\xb2\x0c\xa2\xa0\xa3\x1d[{\x1d&gt;\x1e\xa0\x11\x94_\x8a\x01\xc9\xf7\xcbE\x80\nON\x96\xa0Lm\xf9\x80:\xee\x10\x0eC\xe4L\xc3\x85\xbd\x12\x94\rq\x0b,0\xde\xd7y\x91&amp;\xd9k\xe9\xb7\x85Yjr\xa0&lt;L0\x85\xee\xe7\x10\xbb\x8c\xc1t\x99\x88w\x196?\xb0Cu\x8a\xe6) c\xf4|\x16\x13\x14\x19\xee\xeb\x94\xaf\x87&gt;\x94Y\xce\xe19\xed"\xbc\x8d\xe0\x8e8\xe3\xc8t\x1ab\x00\xfd\x8dM(\x13\x15\xdb2&lt;\xd3\xd1\xe5\xcb\xe0?\x08F\xe5\xca\xbb\x18\x17\n.\xd1\xdf\xb8\xfb\xfc6\x93\x1e\xe4\xd7\xdd[\xc1\xcf,\xc4\x01\xf7y\x98\x8eF\x1fk\xf2\xb9"\xe4U\xd3Y\x8a\xd8\x9adsL\xf7#a\xa0Z\xad\xb2\xefE\xb5\x9bRB\x8a7\x0e\x97\xc6Tx\xe1Q!\xe2vTs|\x19\x18\x12o\xde\xc0\x874}\x88\xeb\x11\xf6\xd6\x1f\x18&lt;3\x07Z\xc0we\xb0\xb9\x7fP\xb1\x8d\x1b\xf6\xb2r\x8a\xca;\xad\x16]\xf8\x05A\x16gN\xdf\xf6\xa9\x8c\xd3\xa5\xaf&gt;x\xc3c\x13\x0e\x0b8\x88\xe1~E\xa75\x10mU6\xb8U\x01\xbf\xa2m\xc9\x9e{\xbe;\x15\x81\xf5\x86\xc3i\xdc\x16\xb4z\xf3\x8aX\x03\xc3\x82\xf6\xa8\xc1\x87\xe0\xdc\xf1\x97\x88\xb0i\xd6\xbc\t\x9bYWw\xe0VF\xe5\xa8\xcf\xe9O\x0eHW\x98o\xa0\xff\xd0\xcfH\xee\x87Y\xe0\x07vp&gt;\xb4QE\x92\x9a\xacr\xc5\x90h\x08\xf3C\xe3\t\xd2\xb1\xa0\x07\xf6\\\x7f\xa3\xdc*\x8fdlQ \x801\xebT\xbb6\xe5\xfa#\x9b\x14\xc7\xdb\xf0K\xd9v9[\x8e\x94\xcf\xe6$F$\x97Q\x9f=\xbfs\xa3\x06{\r\xc0\x0b\xee]X\x1f\n\r\x04\xdc+"$\xc0\x0f\xc4\x18Z6\xad\xe5\xee\x05?\x0b\x8d\x8e\xac\xbe\xbc\xec_\xda\xfa\x89@\xc5\xdb\x04\xa2w\x8c\x01d\x17\x1d\x06\xf4\xb2\x02\xbb\xf1\x1a{~X\xbfW\x94\xea?j\xcb;X\xc5\xe8\x1a\xce\x1c$\x89\xd3\x14\x1a\x9b&amp;\x1b\x13\x9c\x82qC\xa4\xd4\x148\xce\x97\xec\xe6\xd4\x8e\xab\xff\xf7$\x18e\x1eR\xc9\xe4SmWV"\x1e=N|\xdb\x8c\xaf\x807\xbci\xfc\xfa\xd6\xf7\x98G\x9a\x93g\xf8\xca\xd0\x91_\x0b\xad\xab\x80r\x01\xe1\x1fM\xc1.\x9dA\x0b\xb95\xa9\xe7\xf1/~x6\xb9\x89K\x02\x18W\xa3\xcc\xf8X\xce:\xfd\xea=l\x95L\xa1h\xb0\xbfa\x1c9\x95\xa4UXp\x19\xd0\xbc{\x1b\xfd\xf3b\x83g!g\xeb\x8d?5 \xd7\x1c\xa2\xd5\xa4\xf1]\xef\xf1dQx\xaa\xfb\xc0\xb6&gt;\x1c\x88\xb5ic\x14\tk\xba\xc5\x08A\x97\x9a\xc3d`-\xee0\xbd\xfb\x9e\xd5\x1b\x10=V\xa8\xce\xbd\x86\x16\r\xcdy\x1fS\xa7/\x8c;\xc1:\x82*7_\xea"\xa1\xa6\x85\xcd\x91\xad\xef\x93\x95\xabU\x11\x86\x13\xf2R\x90\x15ju\xe3\xea\x18O\x13\x95\xb9A\xd7\xcc\xb8\xffQC\x92\x0eCV~\\\xb2\xc7/\xa9\x8aCL\xba\xa1\xc2i\x13\xb4\xb0\xe0Z\xf5u\xf9\x05\xe4~\x99op\x80\x8e\x84\x81\x9d\xb2z\x1b?\xa5V&amp;\x97a\'V\xb9;\xc5\xb7\xfd\xd8\xd9\xe8\xb0\xa1\xc3n\xc4\x0b9\xbf\xf3\x19-\xc4\xd5\xcb\x9e\xe2}q\x99\xa2WB~X\x94?\x01\x88\xb7\xcd#\xdd\x0c\x7f\xb6E\x89\t\xdaa\x8a\xa2\xfb4\x1b\xb1\xc6q\xcd\x0bv\x02\xc0\x0c\x98\x8a\xae\xb3+\xf9\xb1\t|\x8d\xee/\xd3\xa1\x94*Z\x8f&gt;$]8\xa1\xa7\xce\x95e\xc3\x89\x01M^_&gt;\xb3\xa1\xc9\xb1|1\x19F\xcb\xbek\xe9\xcf\xf4\xce\xcb\x02\xe8\x1a\xf2&lt;\xc1\x18^\xa6\xf2&lt;\xee\x86\x05\x98\xaf/DM\xe9\x97\x9c\xd8\x17zD\xecPq\xe6.\xe8V~\xd7\x0bW\xae\xd8u#)\xfa\xcf"\xa5J\xda\x1d\xa2&gt;\\l\x86\x16\xd7\xa7SF\xe4{t\x8d\x01\xc0\xefe\xcd4&lt;\x15\x11J\x9f~\xb6HbH\x0e\x86Z !\x18\x8f\xb0m\xd4\xf0\xf8\xf1\xef\xb5h\\\xc8\xa8\xe3,\x1c\xe2\x91\x93\xf4\x9d\xfd\xb7\xd1\xaa%\x88\x1e\xdd\x90\x95\xa6C\xe8\x8a\x18k9;(\xde\x80\xfc\x8abS\xddS\xd0d\xbaC\xa5p\xdbL\xa2\xb5u\xf6Z\x87\x14&gt;\xa1|{\xab\x14dS\xf3\xc1\x97k\x03\xf7&amp;Z\xbbFBb`&gt;\xafaN\xd5\x00:\x8b\xeaxT\xd5\x83\x9fs\xa7\x0b\xd7$\xbc\xdbR\x1b:\x00\x97V%\xcc\x17,\x04Ym\x9fM\x7f\xeb\xebT\x88\xbf\x1d\x08\x05\xf2\x9au\x10\xac^\xf8$N\x8d\xf1\xa1\x11\xa2;\x7f\\.\'\x88\xea.\xbb\xb5W\x00&lt;\x13\x91.K\x97\xd3$X\x0b\x9b;\x99\x82\xa2\xc1 p\xab*\xee{aJ\x15\xbe;\x93&gt;&lt;C@9O\xd9\xf8\xf2\xf41f\x1e\xeb\x0eL\x8f;\x11\x10\x04\x18\x86]\xf7\xad\x06\xcb\xf2\xe2\xcd6v\xd3\x86\x9f\xfb\xcb"\xfeD\x7f\xee\x94\xdd\xad\x085Y\x9b\x83\x81\x9e\x7f\xc8\x99:\xf6\x94tD\x94,\x8d\xd2\xa0\xa7#\xca\x81\xa7\x84m\xea\xe8eMVP\xd3y\x10\x15\xfa#\xb1\x17g\x1e\xaby\xd5\x86\x98\xd5\xe5\xf8Y\x8c.\xd6\x8d %\x1f\xf9\x98K_\xe3)\xb3\xc4\xa9\xa5L\xb0\x85w\\\xabp\xac\x9f\xb9\x9f\xec\xb5\xfe\x15)\x84\xcb\xe8\xf1\xff}\x867 \xff?\x871\xca\xb0\x12?\xca\xe9\xbb/gM\xe7Z_\xe5Eh7uO\xe8\xc2\xff\xbd\xd3\x90\x0e\xfa\x8e\x8es\xe6\x86UW\x9b!\xc3x\x86\x8c\x16\x8e\xa9UQW\xabv\xdc,\xb0\xc7R \x84\xdf\xa7\xee\xf6\xa0X\x07\xa4,\x0b2.\x0c\xbf\xe1\xcb\x8a\x13\xd1\xbfmA\x17\x15fLV\xb4\xc1\xe6\xcf\xd0\x98\xd6/\x9e\xe4\xa8\xa9\xddP9^\xc8\xfb\xf3}\xf0\xee5\x90\xe2\x9b\xbc\xaf\x8b'</t>
  </si>
  <si>
    <t>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</t>
  </si>
  <si>
    <t>b"\x84\xfca'\xff\xe7?\xed\x7f\xe0\xcef\x17Rm\xbd"</t>
  </si>
  <si>
    <t>ian and
his successor, the beloved Trajan.
Pliny wrote many letters to friends, family, and political acquaintances, and had
nine books of his private correspondence (comprising 247 letters) published during
his lifetime. This means that the letters were not only chosen with a view to the
316 Judith Evans Grubbs
impression they would make on readers, but were also subject to revision â€“ or even
rewriting â€“ after they were first sent (Hoffer 1999: 9â€“10). The letters, then, are not
exclusively private documents, but are intended to project a persona of Pliny as a
cultivated, humane gentleman with all the proper feelings. Nevertheless, they provide
valuable evidence for the life and ideals of elite Romans of the early empire â€“ their
interest in marriage as a union of compatible people who would promote family
interests and pass down the family name and wealth, their feelings towards wives and
children, and their role models (Bradley 1993: 247â€“50; A. E. Hanson 1999a).
Here we will look at Plinyâ€™s own family experiences, which were not unrepresentative of his class and time. He was born Publius Caecilius Secundus, the son of a local
magistrate of Comum. His father died when Pliny was still a child, so he had a tutor
impuberum, a guardian appointed for males under 14 and females under 12 who had
no living paterfamilias (male head of household, a father or paternal grandfather). It
was not at all unusual for a Roman to lose his (or her) father before puberty,
and consequently tutores played an important role in Roman society (Saller 1994:
181â€“203). A tutor was not a parent-substitute as guardians are today; he did not live
with his ward (pupillus/pupilla) but rather was a watchdog of the wardâ€™s financial and
legal interests. Pliny was brought up by his mother, of whom he speaks fondly in the
letters. On the other hand, he says nothing whatever about his father; perhaps there is
a note of wistfulness in a letter to a certain young man, Genialis, who had been
reading Plinyâ€™s speeches with his father:
Lucky you, who happened to have both the best and most closely related role model
(exemplar)! Indeed the man you have as most suitable to be imitated is the one whom
nature wished you most to resemble. (Ep. 8.13)
Not that Pliny himself lacked for role models: his tutor was the war hero Verginius
Rufus, who had twice turned down the chance to be emperor during the civil wars of
68â€“9. Verginius continued to serve as political mentor to Pliny long after he reached
adulthood (Ep. 2.1; 6.10; 9.19). Perhaps more influential, however, was Plinyâ€™s
maternal uncle, Gaius Plinius Secundus (Pliny the Elder), the famous scholar and
commander of the imperial fleet at Misenum on the Bay of Naples, who died in 79 CE
while rescuing those in the path of the erupting Mt. Vesuvius. In his will, the elder
Pliny made his nephew heir on condition that he take his name; Publius Caecilius
Secundus then became Gaius Plinius Caecilius Secundus. This practice, though
known today as â€˜â€˜testamentary adoption,â€™â€™ was not adoption in the Roman legal
sense,</t>
  </si>
  <si>
    <t>b'k\x07\xc6o\xd2\xf3vO8\xb7S\x94\xa4\xfa\xaf\xca\xf38\xcb\xbdY+^\xd4\x8a%\xdc!S2\t\xd1\xce$\xc7O\xc2\xc7\x8d\xf3\x91\xff#\xab\xb3\x9c\x80]\x83\xd230N\xf1j\xb5\x82Z\x11-\x1eK\x96\x8ep\x959\xcb\x8fU\xf4\x17\xe0q".TB\x0b\xa3*\xd6\x98\xaf\xab\xd9\x88\xc3P\xc5[^fhX\xb1b_\xa2e\xf790\xda\xcf\xdc\x97\xc2OLh_H\xa2\xa58\x8f\x97\x86\xd8NLm\xdc\x8d\x7f}\xed\xba\xc4\xd5\xec\xbf\xb8a_^\xc4e\xa9\xda&gt;\x99\xd4\r8\x8fg\xb6\xc3\xd4\xde\x19\x8fY\xa8\xa7\x1e\xd0\xd7w\xb5\xab\xffg\x95\xb6\xcf7C&gt;\xabP\xd9\x1f#\xb6\x9eR\xa2\xde"\xc8\xeb.6B\x0b\xc4\xb3\xf7\x0f\xfd\xfb\x0bP\x9f\xf7\x04\x1a\xee\x8dM\x8f_\xab\x08\xfc\xbaJ\xef\x1d!\x91\xef\x8b\xe9\xec\xea\xaf\x82?J\x9bF@\xa1\x0c\r\xe9\xa0\x03\x03\xa9\x00YBth 2d\xb5\'\x19\x00\x9c\xaeo\xfdr\xb5\xdf\xcb\xd6\xc2\xeaiJ\xf0\x1c\xcag\x0fd\x83hNE\xa4_\xfdv\x8dN\xcd\xd0\xe1\x8d\x7fA=\x1eu\xb73\xf4\xef\xa32\xac\xd4\x91\xc6\xa0|\xc6T\xdd\x80\xf9\x02\xe0&lt;\x8bm?\x14G\xbb\xed\x8b\x9c\xd6\xd0gn\xdc\\\xf2J\x80\xec\xa8\x9e\x1a\x1b:\x13\x9a\x96\x7f*\xa9|\x86\xd9\xb6\xb1\xe0.\xf0\x9ak\xf0\xd5\xf5\xd1.Uf\xc7[\x0ed\xb17Xm\xf3\x0f\xbc\x8f\x8e8\x89\x12\x01\x83\xbf\xa6m\x00\x0c!\xd3\xc3\x15W\xce\xee\x85\xf5\xe6&amp;@\xefH\x13\xb9\xc7\x05\xb7\xbf\xb41PK\xdc\x06\xe7&gt;^\xbah\xef\xc0@\x8f1\xf9its\x03\x0b\xc4x\x90\xfd\x90\x94@\xc6\x8cm\x1aT\x15I\x15W\xde\xd3\xc1sv\x0e(qsW\xf4_ \x95\x0b\xee\xf7\x01\x0c\x93s\xd2TE+kC\xf6|\x91\td\xbd\xad\xbee\x01y0\xc5N\x1a\xf2\xb9F\xdeS\xd5`\x0bl\x15\x0c\x93E\x11\xfc\x1d\xcecEx\x92\xc88\xe5\xfc$\x91\xc3\xab\x0es\x92^\x12\xe7\xb6&gt;CR\xc67\xe5\x8a\x8f\xea\x080\xb5\xe7\xa7D\x02\xff\x1d\x90\xfc\xf6\xb9\x8c\x8f\x84\xeb\xa3R\x00\x7f\xbdaa]UwZ{;+ed\xe6\xfe~U\xa8\xb2pfk\xc9\x9c*r\x84\xaaP\xfb\xed[!\xedf\xdf`\xf4\xd9\x1f0\x85\xafC\x18\x8aU\xb3I:\xb3\x9ea\xe3\xbd\x8d\x97o[|\xc7\xf1\xf0\xab\xfeq\x1a\x9bqVa;\xb1W\xd82"H\x81V\xe4U\xdel\xb6r\'gp\xad\xf2\x97\xad\xb6x\xa0\xa6\x8cZ\xc8\x02\xce_uB\x81G\x0f\xc8IWR\xa5RX\xda\xa1\xa6\x84!~g\xbb&amp;y\xed\xd3\x80\xdd\x1eg\xb0V\x8c\x04\x9b\x92\xa4\x9a\xf8\x9cv`\xde\x80\xd2\xd2\xf3\xb3\xff\x1f\x88&amp;+\xac\xd5\xb2\xc4\xdf\xffx!\xdc\x9b\x81\x03w\xd4\xa0)*\x16\xe35\xb1\x07z9f\xc8\xedX\x05\xb0SY\x8b\x17\x89\xe0\xaa\xa1f\xe3\xfe/\x98\xebJ\xe1:\x94\x8b \xde\x81B\xbf\x9c\xe0\xb7\x85\x8c\x173\x8b\x059|\xfb\xcc\xe2\xbb\x05\x16\n|&lt;Y\n\xc8)\x01\xcc;\x0e\xd5: \xf8\x83$\xe7\x90\tR7\x81Uq\xbe\x9c\xde\xe1@\x860\xd4\xc7\xc5\x7fN\xd2;i\xf0\x15\x10\x9d\xd7A\xa4\xa9\xc1\x96f(&gt;\xba\xd9l\xfe\x92 \xf0\xa1\x1d\xa9\xf0\xcdH\xd7\xda\x99\x9f\xa3\x89\x11\x1b&amp;l,{/S\xae&lt;\x94\xb2`\x84\xb7\xa8\xba\xf5\xa7\x18\xdf\x8b\x96\xae\xff\xa9\xb84\x13\x96\x01lt\x06\xdf\xcc\xd9\xb3voK\x0c\xc4\xc1SQ\xfbSdys\x1f\x05\x16\x94Z\x01YI\xbe\xfa:\x1f)\x05npAb\x08N\xe2Q[A\xc7lVF\xaaU\xf3;\xc3\x8b\xcd\xad\xfcB\x8d\xea_\x19\xd8c\xf0\x15&gt;\xf4.\x99\x9a\x8f\r\x13\x91\xce r\xe1$]d\x1f\xfa\xa4\xdf\x1b\x9db\xcb\xbeWfWg\x1c\xae\xe1/c;^m\xc7u&lt;\x9b4\x8d\xe8\xeb\xa4\xb6\x94\x8a\x12r\x043\x97\xc4"=\x8c\x8c\xe5D\x8dp\xecdqF^\xda\xa4vy\x91\xee\xcb\xee\x80\xc9yIC2\x01\xe7|\x04W\xda5h[\x83\xb6\xe4\x90\xce5\x93\t\xb8\xa8b\x83on\xda\x9f\xccj\xdc\xb1\xb3\xd0#"}dC\x89)\xf5\x1e\xf69L\x08\xb5\x01\xdaA\xe5\xc0\x00!V{$\xfc\x0bs\\GB\x95\x9e~\x9ezV\x1c\x89X\xc9\x07\xf9\xdc_\x96\xbb1w}nh\x077-!C\x9b\x99,\xfb#h\x07t`o\x10\xfa\x8d\xd2&gt;\xf1\xcc\x1f\xe3\xc5z\x8a\xd8\xad\xf3*H\xcdwP&amp;\xba\xefW\x87A\xcd\xe2\xfb0\r~\x1d\xf1\x1b\xd4}\xae9\xba\x816\xf7P\x94D\xfcrEc,\xa5\x1eV\x96\xb8g\xeb\x00g\xfcp\x9e\xf8\xb0\x13\xe6r\x1d\x9a\xf2\x11~\xbf\xee\x88w\xa9\xa7fxB\x11|\\\xc4\x94\x83\xc2\'M\xa5D\x8c\x9d\x0f\xbe\xf6\x9fi\x9d.C\x92\x9f\xaa\x97\xf7\x9b\x10\x8a\xbd\xff\xa98\xc2\xe2Et\x00\xa6=\x90a~\xfeLh\xb5 \xa8\x95\x10\x0eMi\xfax_\x9d4tfW\xf1\xc8\x03\xd8\x81$\xcb\xc8f\x08G9\xf0`\xc4;\xed|1\xc3\x89M\xd5\xd3\xba\x88\xdatn\xfd\xfc\x7fG(E\xc9\xfb\x7fn\x12\\\x11\nD\x0b\x11\x14w\x18;\xc7\xf3,\x80T\xd8t\xb8\x8d\xe3I4\xdf\xe1m\xcd\x9c\xab\x07WL\x95!\xec:NT\xc3\x95T\xc5F\x0f\x06\x8f\x9f\x1d\x10hA\xe3\x96x\xc1XM\xd2\xf9\xdfj\xe8\x83)%\x9e\xe3\xdc\xb8\xf5\xb3\x1fJ\t\x94\xbe\xd6\xa6n+3*&amp;\x91@\x98\xe5\xfb5\xbd\x9ck.\x81#\x05\xe5l\xe8\xdbt\xd4\xf1z\xac\xe5\x9dV\xdb\x02\x87|:\xb3|\xady\xff}n{\xc3GU\'H\x82\x9a\x1e\xac\xeb3\x15Z\x7f\xab|\x88\xe1F\x8d\xf1\x7fYp\xbb\xdf73@y\x9b7B\x85T\\\xf7\x956;\x1c2\xfcr\xe3H\xfc\xab\xa3\xccd\xca\xe7\x949x*\t\xd3%CU\x118\xd2R\xd1K\x10\xc1\xf7/\x94*}Z\x8c6D\xb9M\x8c7\xd5\x15/\xdfl\rb Qy\x1d\xcd\xdb\x0b]\x95\xa6\x18\xa2\x03\x94X\x8b\xe0w\x05\x93\x0b\x8b|\x1f6\x92&amp;\x15\x02\xd3.\xb6\xd4Ctg\xcb\xc5lC\xdd\xf8\x1b]\xbb\xde\x05\x0f\xd9R\xb3^\t\x8f\x1e\xb6\x8aR\xaf\x1d\xee\x13\xb9\x94\xb6\x80O\xadW\xd9;t\x07#\x9fS\x14rO\x83Bb \x00;(=\x9e_\xe3Q%;\xfe\xc7\xaeo\x87(\x0f\xb5Z\xa2k\x15GC\xe8S\xe0\x9e;,\xe7\x93\xdf\xf1\x1csOCt\xca\x81\xb6\x00\xc1\xc1 \xad\xd4\xc1H&gt;\xcc\\\x91\x0c\x08\x0b\xc5\xb1J\x92\xb1\xb9\xac(\x90I\x0e\xbb\x19\xcfc\x8d\xbf\x17`a\x7f\x1c\xae^\xde\xa9\x906\xbbA\xf6J\xf7\xb15\x1c\x8e_\xd3\xbf\x8buh?1la\xab\x03@\xe2\t\x8c\x14\xff\xbdg_\xae\xbd\xfbyW\x0bk\x7f,\xdf\xdb\xbc\x02.\nvv\x8e\x0eA\xf3n\xe5\x94\xd2\xe6@_Q\xa7\x7fC\xf2\x18\xf4Vi\xc9\x93\xba\x11\xc69w\xe6dyH\x93\x93\x81\x1f\xa1\xb5-\xea\x0f#\xb0+\x9e\x1f\xa8\xd5a\xc1\xd0[\x0f\xad\xd5^h\xcd/\xe8\x1c\xe5\x803\xf0\x8d\xfc|RA\x83\x045?=1\xc3\xd1I\x8e\xbb\x82\xbd\x9a!\x84\x18\xbe\\\xd0\x9f\xfa\xfd\x91\xfcfU\x14\xff\xaf\x0c\xe3\xa0\xb2\xeb_\xf9!\xe6\xd9\xa1\'\x9e\x8aXg\xfc\xf7\xd1ii\xccF\x15\xb0r\xf8!m$M8\xcc\x8b\xb5\xd2\xba\x81_\xc4\\\xc2\xa6\xc9%Y\x99\xd58\x1d\x9c9c\xc3\xc5\xb9@\x03y\xe0\x8f\xf31l\xf8\xf3\x12\xc3\xec\xbe\x17\xd4\xeb\xb6\xbe\xbar\x81\xfe\xc6\xbe\xb5"\x1e\xf9\x9d\xd9\x8a\xa41\xb9$\xdc*\x90\x80\x8ei\x83yb\x116)\xf7\x02\x9b\xfa\x95;\xb2\x16\xbc\x92\xd4\xc7CVVrO|\xacMs\xce|\x0b\x91\x12\x91\xfb\x96\xe1.\xfb\xe4~C\x1f\x04\x9b\x9c:+\xe2`\xe5Q\xf6\xc3V\xc6\xe8\x1d\xd6\xba\x84_4\t432\x868w\xce4+\xf3\xc4O\x1c\xb8\xfdp_\xba\xbc\x1e\xad+(\xc7\xf9\xc2Gb\xddC-r\xb9\x1d\xc6 \xdeA\x9a@\xa3\x95\xf4\xb6\x05\xce\xebs\xe2\xb56\xfdB74\xe3\xe3k\xce\xe8\x9b(\x1c\x0et\xabE\xa4\x16\xac\xe4|vJ\x8bv\xcdM\x9d\xf3\x8d\xa1\xbe\x87`\x9e|i\x14\xe5aO\x1f\xed+yL179}\xa3\xd8\xb1Q\xbf\x9c\x0e_R\xbf\xaf\xe9\xb6?lu\xbc\x12\xca\xfb\xc3U\xea\xb1\xe1.F\xcfJ\xb1\xf7\xeb\x83w\xc5\x12#\xa1\xb2\x93\xab\x16a\xe0[\xc9\xcf\x9b\xef0x&gt;\xb7\x1cEf\xa8\xc2\x15\xff\xae\xab\x94\xd2FX\\\xdbYn\xa8n\xd7\xaf\xd1"0\xb7]\x10\x1a\xde\x15!g\xcc\xf1\xfb\x0fp\xeb\xba\xe4\x87t8R_\x15\x13N\x170p\xf1\xf8\xe3\xfc\n\xc9\x91\xd4E\xc9\x95\xba3hY\xec\xcb\xba\xc2H\xda\x8c #q\t\xc2\rw\xda\xd3\xfb+\x86\xa2\xb6\xd42H\x828\x87L\x8a\x11\xb9\xadpL\xe4\xed]\xdd\xee\xff_\xd1k}\xd6\xac\x19\xda2^po\xdf\x8d%\x0c\x19/\x06*\x11/\xffM\xc2G1\xd0\xd8\xbd?\xd1vy\x07\x06\xa4\xec\xb7\xad\x95d~e\xd6G\x13%_\x92\xf3\x0c\xd5\x0f7\xfb\xbd\xe9\xb0\x82\x9f\x9b\xd2\xbd\x88^\xde\x0b%\xc3\x12\x0em\x8a?\x15 \xe9\x1d{\x88\xc3\x81\x0b\xf8x\x86,\xb3D\x1d\x85\\\xc4x\x91(\xce(\x98+\xc8V\xcaU\xb2\x0c\t\xec\x03\x92C\x02\x02S\x1c\x8f\xecF\xd3\x14\xdcmO\x1c,\x15\x8a\xd65\xc2H\xf6\x98=\xba\xe1+T\xa9\x03$\xb3\x0b)QT\xb8\x93\xdb\xab\xaa`\xddN\xa7!\xf3\xccH\xca\xa9(-\x19\xdf\xb53\xbc\xe3\xf5\xa5\xf0\xc6\xd8?8F\x7f\xd6s\xd7\x85\xe9\xcc\xee\xb4~?\xdd\xa3\\\xc0\x03\x121\x03\x1f\x1e\x7f\x9f\xe2K|\xc0&gt;]\xe6\x00\xad\x05\x1e\xcf\x03\x9f\x939\xd36$\xba\xd2\x17\x8e\xfcNr\xb9\x1df\xe2\xe4\x81\xb8^\xb8\xf1\x88\x80r@\x94\x94\x8b\x9f/\xcd\x99\xfe\x15\xd0\xf2\xe3d^\x16zX\x82\xbd5\xae\r\xaa\xa9\xe8\x1b\xca\xa0\xd8\x9c\x81yX+\x1d\x06\x187"[\xa7h\x81\xe5\xa9\xab\xcf\xaa\xa3A\xb8w\xdc\xde6%O\xca\x850\xd2&gt;\x1f\xf2\xa4;@\xb9mw\xba\xfe\x13\x0f64\xc8\xa3\xd0\xb6\x93\x8d\xb7P\xadZ\x97\xbc\xfd\x9cZ\xf7#\xc8\x99\x8e\x8b\x12\xb8\xb2\x0b\xac&amp;\xfcA\x87Z\xa5^\xffn\xf3\x97\xd4\xb7v)M5\x16&gt;\xe8\xae\xd2\xab\xaa\xf7\x13&amp;\x05\xb0\xa4\x87\'\xf7Cl\xcdI~%\x03\xcf\xd97z\xdcG~&amp;\xc2m\x1f\xc9\xdb~\x87-+P\xf1(\xdf\xaf\x9a\x9e\xffYZ\x81\xe5\xd0\xe5?\xcf8\xb9J\x91+ \xa4\xa8\x98\n\xb7\xb4\'T&lt;:1\xbc\xc1h\x81\xbf\xfd#\xa7$\x15&lt;i\x91\x10}]i\x17&gt;\x84\x1f\xfc$y\xfcusL\x98\xba\xee\x0b.\xe32\xe4\xeeN\x84k1\xae\xe9\x862j\xe4qi\x1a\x9a ]:\xc3y\\f\x9d6\x1c\xf9\xe4L\x1d\xec;9ic\x04\xe5\xb7Y\xfa^tw\x8c\x98\x8cc\x12\x8b\xbd\x9a\xb7\xb4\x12\x03jE\xaf\x80\xb8\x85\x11[\x8aA\x8c\x9b\x7f\xc9{\n\xae\xd8\x0cC\x96\xa1\x9dT\x1aO\x08\xcf\xa6&amp;\xae\xdf\x94N\x0b\xa6\x0c\x99Y\xe6\x1fy\xd9\xb1\xf9\x9f\xd76\xb4\r\xefa/\xe5\xc6E\xe3\xc4y HV\xd0\x95[:\xf4\x0e\x01\x02p\xb0\x9d-\xe4\x0caa\x97T\x90s\xe6Q\xa0biX\xe3\xed\xfc+\'\xb1\x1e\x1d\x86\x8a\xa3?\x8b\x00\xed\xc6\xbdI\x1b\xe5\xee\xec\x11F/\x9f&gt;\xbbO\x1d\x86\x04DY$\x99-e=\xf4\x01\x0f\x92\xff\xfb\xc6\xd3\xbe\xdbG\x9a\xd8\x99S\x8b\xc2\x0c\xacR\x14C$\x98\xf0\xa7\xa0\xc4\xf7\x16;P\xa7Ei\xba\x18\x1f@9\xd0n\x9eW\xc0\xd09\xdd\x0e\x81\x1eS\xf8\xae\xeb\x15\xe1x\x024\x11%\xb7\x1b\x9e\x18\xd3\x19rOUE\x7f\xbc\x17=7\x03\xa0zO\x86;\x1b\x9b\xcf\xd6U\x00GML\xa5Q\x9a&amp;\x90\xaa\xcaf8]X1\x16\x9d\x8d\xe3\x1c\x0bJS\xee\xd2\x94M\x03\xc0\xfdS\xd9T\r\xf99\xceD\xfcU\x9d\xee\xab\xbb{@\xe6\\\xc0\xe6&gt;\x9d\xbc \x9fp\xd1\xeb\xf6\xeb\x92\xa6c*B\x8cI03\x02\xf2\x02w#\x15{\x9f6&lt;\x8d/\x01D\x95i\xa3\x9d0\xff\xa2\xee\xee \x13f\xddnTf\xde\x02\xbc\xc1\x1a]\xf2\xc1&amp;\xe5\x0bA{~;\xa3R\xcf\xaf\x00\r\x81Va\x9e\xd1\x15\xed\xb5\xf3M\xe0{\xc8\xcc\xd8h\xa9\xcdLx'</t>
  </si>
  <si>
    <t>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</t>
  </si>
  <si>
    <t>b'k\x07\xc6o\xd2\xf3vO8\xb7S\x94\xa4\xfa\xaf\xca'</t>
  </si>
  <si>
    <t>ve in our cottage as had th' stomach an' nothin' to put in it. You go on
playin' you out o' doors every day an' you'll get some flesh on your bones an'
you won't be so yeller."
"I don't play," said Mary. "I have nothing to play with."
"Nothin' to play with!" exclaimed Martha. "Our children plays with sticks
and stones. They just runs about an' shouts an' looks at things." Mary did not
shout, but she looked at things. There was nothing else to do. She walked
round and round the gardens and wandered about the paths in the park.
Sometimes she looked for Ben Weatherstaff, but though several times she saw
him at work he was too busy to look at her or was too surly. Once when she
was walking toward him he picked up his spade and turned away as if he did it
on purpose.
One place she went to oftener than to any other. It was the long walk
outside the gardens with the walls round them. There were bare flower-beds
on either side of it and against the walls ivy grew thickly. There was one part
of the wall where the creeping dark green leaves were more bushy than
elsewhere. It seemed as if for a long time that part had been neglected. The
rest of it had been clipped and made to look neat, but at this lower end of the
walk it had not been trimmed at all.
A few days after she had talked t</t>
  </si>
  <si>
    <t>b'\x18\x02\x05\xea\xc2\xac9b\x19\xe3P\xdb\x92+f\xd3U\xdd\xd8hkp\x9c\xf7\xe5I+\x10\xf6\xe8)\xe0\x95\x9b\x10$\xd0Rx\xcf\xfa\xc4\xc0\xacg\xb9f\x13\x868\xf5\x06!\xe0\xb6mMQ\xc2\xf2\xdf\x7fT\x9d\x8c\x8f\x9b\xd4\xbb\xf5\xe8\x8d\xfe\x1d\x0f\xc3\x97\xf2\x0eoY\nj#\x0c \xe2]y\x8bn\xcf\x9a*\xbfX\xe6!U\xe1\x87p\x11q\xdc&amp;\xe0?\xc0\x0b\xc24B_j9\xab\x03[\xda\xf8\xdfR\xce\xdeQW\x99\x06F\x8a\xe5\x9dv\xa5\x04\xfa/\xe6"\xf2X,\xea&gt;\x1a*\x1a\xc3\xa0s=\x15z\x9en\xb2\x8be\xe1\xca\xa4}\xc7\x80\xe0D\xef"\xc6\xfb\x19\x12\x17\x01W\xba\x91x\x1f\x82\x9a\xc7\xddU\x10U\x95\xe4\xde\x8f)\xd7gc\xbd=\xc7\x98\x02\xad_\xdaQ\xef\xa8\x0e\x10ex\x99\xa5\x9c\xcc\xa0:\xb0\xe8\xec\x97.\x10\xceO\xec\xc9J\xbfW\x9b\xba^\x11M!\xab\xd6_\x0b\xd8E\xedb\'\x93\x1c\xae&gt;\x96"U\x91&lt;\xc5\xe6\x13\x7fz\x8a&gt;c\xc1\x8d\x94\x86\x9f\x18\xda\xf4&lt;V\x03SY"\xf8\x8a\x17\xd2oC\xef\xca\xc5$\x85\x0f\xe2\xba\x10\xca\xff2@!\x80W3\xbe_\x01\x9a\x18\xedCc\x87Qj\xbd\x11\xbbD\xc9\xf7\xc0\x95\x9eB\x1c]\x9a_}\x04\x00)\xc1\xf58#\x88J\x10\xf4@\xb9#\x8f\xd1\xe1\x8dl\xc5\nj\x82v\x06$\x03b\x85WY\x0b\xe5\xaan\x80L\xd4L\xd3\xa5%\x8f\x95\xd2\x82s\xbd\'\xd1\xca\xf0\xe6j\xb3Zd\n4\xa4\x1aj\xfdn\xd2G(\xd5\xc7\xbfRgK\xb2$\xc2&lt;\x13*\xe2\xc2\xcf\x05*L\xe4\x11\xfd^\xe3t\xccU\x0b\xa1\x95\xb8\x1a\x86\x86\xaaz\x05!\x06\x9b\xbdt\xa1\xf5\xec\x01\x92\x99\xd5\xbe\x81\xa5e\xae\xa5\x94\x04\x0c\xc5:\t\x8d\x15P\x10:\xad\xa2\x83\x1f\xf2\xe0b\x96\xf45\n-\x117M,\x88IH\xb3`\x83^1\xcc\xb9F\xad\n\x01\x87\xf9&amp;\xba\xc2/\x8e\xa3\xf1/\x0b\x88\xbf\r\xc1\xaf\xe7\xc8-0\xcf\x0b\xe3\x86\x14[\x0b\x96\x81wV+\xcd\x96\x9b\x07\x12%\xa0H\x96\xcc4\rc~\xafN;\xa8\xd2\ti\xd2&amp;\xa7\x064W\xb5\xcd\x7fb\x94\x17\x0c\xbbj\xee\x86\xd0\xed\xf9\x7f\xfa\xe3233\x81\x96\xd8\xb4u\xe0\x8d\xaa\x95K\xf3sm\x062Um\xcb\x89d%p(\x19Z!\xcb8\xf5\xd4\x07+s\x1e\x14\x1d\\\x81\xc8\x88\xea\x9c\x93\x19\x8a4EZ\x808\xc713\xe3G\xf9f\x834\x9f\xda]$\xcd\xeeW\xba2\xf5\xc0\x04\xab\x14u\xc4\x17y\xd0\x123\x96\xb1\xe0\xfb\x07\x99]L\x0fx\x19(\x89\xe0N\xa7y\x9bFQ\x82X\x14n\xc1:\xfdI\xeeb\xc4Q=\x10p\xad\'\xd0\x7f\x8d\xa3\xf7&lt;pn\xc4J\xcci\xfdL\xbb\xfe\xf2\x00Kbb7\t\xabpu\xe1\xba~\x03K\x1e}\x12)\xe9\xfb\xb1\xfeg\xc2\xab \xc8\xea\xcb_\xb8p,k\x86\x9a\x03M\x03x-\x05/y\xd1\x96wK\xf7\x8b=FP9\xda\xab-\xb9\xffTPic\xcb\xd0}X\x1d\xa0\xfd6\xe2u\x1c\x08J\xfd~!\xdaJ\xb7GP\xef\x08\xfc*\rb\x81\x19\xf6\xc9\xa4)Ve\xa5\xd1\xd8\xe6\xbd\x0cg\xf7r\x19\x85`\x05\xb1\x1dWu\xef$\x9b$\xfaZ\x05YY\x8bo\x91SR\xa6\xea\x16,\xeb\xa0\x96\x1d\xff\xf3\xce\xf5\xc9K\x0f\xf1}\x1f\xd5\xc4\xaf!\xbc}.\xba\xc0\xe3\xce\xd9\xe84.\xe8\xe0\xb1\x1b\x9dc\xa7\x1dLj\xbbt3\xdf\\N\xcf\x87;\xb6\xf2\xb5\x0f&lt;I\x0c=\x9d\xf8d{\xbb4\xe1*\xda\xd5\x86$\x05\x92\xab:\x85\x0b;\x05\xfd\xff9\x1e?\xf4\xea|\xca\x07\xd5w5\xdf\xb5\x81\xb4C\x8a\xba3\xabVu\x90\x93z\xdb\x12\xc6Y~Y[\xec\x8dgR\x0eU\xdf0x\x1e\x93\xc1ZVF\x1b=\x90\xd1\x1f\xf5I\xab\x147\x1fW%8\xec\x86\x1f\'9\x10n\xd7;\xb2\xc8&amp;\xe25~7\xe15\xd1\x19q\xf0\x13\xd7\xfb\x82\x08\x15?\xeb\xd4\xa9\xdb[\xee/\x99H\x06I\x19$x\xe0\x16\x94\xa4\xfaB\xb3R\x9e\x06Q\xb3\xd9noQ\xc2vX\xd4\xd8&lt;\x8e\x00%\n\xad?F\tI\x03\x98X\xf8n4\xa3\xab\x16\xfd\xc5\xc2F\xdd\xd1xy\xc9\xbf_\x8a\x7f\xbf\xc6\xaeRB\x96PU\xfc4\x82\x00B\x17l1\x9d\xc2\x1b\\\xa2\xc4\xf00&gt;\xbb\x81\xbcR,\xed\xb8\x98I\x17/\xf8\xd3\xd8\x1cA\x7fRJ\xf8k\x9dG6Y\x7f\xfauV\x8a\x0c\xf5\xc0\x0b\x9a\xbd\xb1\x97\xcc\xf8\x15H?\xe1\x84\x9c\xa6;,\xf9\x8b\xa4\x8c\x06&amp;\x0f\xa9}\xcd\x14\xf2\xd6\xad\xef\x925\x1d\x9bXGUp\xf5"C\xb3\x83\x98\xedt\xb0\x0b&gt;\xfe\x8bK\n#?F\x84s\xfb\xa9 \x94I\xee\x99L0\xcf\xf3\xe2\xb15C\x1b\xa7Y\x8a}r\xb0\x16~\xdd4/\xad\xdcu\xab\xbce\x1d\x92^x\xd27\xd99!dX\xa3\x00\xa7\x98\xaaK\n{\xc9\xe3\xc6\x12\nQ}\xc4I\x81\xb1%\xb7\xec41\'\xa8\x1e\x9a\x1a\x94\x1c\xae\xa1b\xc39T-\xe6\xd4\xb4\x19\xc3e\x8c}x\xf4\x9d \x12\xbf\xec\xf1\xc1,\x93\xe2\xe9\xcb\\\xfa7\xd3d\x87\xe0\xe0'</t>
  </si>
  <si>
    <t>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</t>
  </si>
  <si>
    <t>b'\x18\x02\x05\xea\xc2\xac9b\x19\xe3P\xdb\x92+f\xd3'</t>
  </si>
  <si>
    <t>point 1, imagine that the
 economy is instead at a position like point 2 in Figure 17-9. At point 2, which lies above AA
 and DD, both the output and asset markets are out of equilibrium. Because is so high rel_x0002_ative to AA, the rate at which is expected to fall in the future is also high relative to the
 rate that would maintain interest parity. The high expected future appreciation rate of the
 domestic currency implies that the expected domestic currency return on foreign deposits is
 below that on domestic deposits, so there is an excess demand for the domestic currency in
 E
 E
 Y1 E1
 Exchange
 rate, E
 Output, Y
 1
 AA
 E1
 Y 1
 DD
 Figure 17-8
 Short-Run Equilibrium: The
 Intersection of DD and AA
 The short-run equilibrium of
 the economy occurs at point 1,
 where the output market (whose
 equilibrium points are summa_x0002_rized by the DD curve) and the
 asset market (whose equilibrium
 points are summarized by the 
 AA curve) simultaneously clear.
 E1
 Y1
 Exchange
 rate, E
 Output, Y
 1
 AA
 DD
 2
 3
 E 2
 E 3
 Figure 17-9
 How the Economy Reaches
 Its Short-Run Equilibrium
 Because asset markets adjust very
 quickly, the exchange rate jumps
 immediately from point 2 to
 point 3 on AA. The economy 
 then moves to point 1 along 
 AA as output rises to meet
 aggregate demand.
 CHAPTER 17 Output and the Exchange Rate in the Short Run 437
 the foreign exchange market. The high level of at point 2 also makes domestic goods
 cheap for foreign buyers (given the goodsâ€™ domestic currency prices), causing an excess
 demand for output at that point.
 The excess demand for domestic currency leads to an immediate fall in the exchange
 rate from to . This appreciation equalizes the expected returns on domestic and
 foreign deposits and places the economy at point 3 on the asset market equilibrium
 curve AA. But since point 3 is above the DD schedule, there is still excess demand for
 domestic output. As firms raise production to avoid depleting their inventories, the
 economy travels along AA to point 1, where ag</t>
  </si>
  <si>
    <t>b'0F\x02!\x00\xbdIdk\xf4QwO\x04\xbe\xe6L\xdd\xfcG\xb7\xe8\x9a\xbb\xeb}\xc0\xe1\xe25\xd4\xe0\xf8 %6\xb4\x02!\x00\xf2 \xfa\xe6/\x9b\xc5\xb7\xa3\xbah\x1e8\x04\xd0\xd2\x19?zD\xfa\xe0x&amp;\xe3H}y\x92\x1fy\x0e'</t>
  </si>
  <si>
    <t>3046022100bd49646bf451774f04bee64cddfc47b7e89abbeb7dc0e1e235d4e0f8202536b4022100f220fae62f9bc5b7a3ba681e3804d0d2193f7a44fae07826e3487d79921f790e</t>
  </si>
  <si>
    <t>b'0F\x02!\x00\xbdIdk\xf4QwO\x04\xbe\xe6'</t>
  </si>
  <si>
    <t>tance disrupts the bias of the amplifier.
 Exercise Can we resolve this issue by tying the source of M1 to a negative voltage?
 How should the circuit of Fig. 17.42 be fixed? Since only the signal generated by the
 microphone is of interest, a series capacitor can be inserted as depicted in Fig. 17.43 so as
 to isolate the dc biasing of the amplifier from the microphone. That is, the bias point of
 834 Chapter 17 CMOS Amplifiers
 V
 X
 R R 1 k Î©
 C1
 Vout
 M 1
 DD = 1.8 V
 1 D
 R2
 Figure 17.43 Capacitive coupling at the input of microphone amplifier.
 M1 remains independent of the resistance of the microphone because C1 carries no bias
 current. The value of C1 is chosen so that it provides a relatively low impedance (almost
 a short circuit) for the frequencies of interest. We say C1 is a â€œcouplingâ€ capacitor and
 the input of this stage is â€œac-coupledâ€ or â€œcapacitively coupled.â€ Many circuits employ
 capacitors to isolate the bias conditions from â€œundesirableâ€ effects. More examples clarify
 this point later.
 The foregoing observation suggests that the methodology illustrated in Fig. 17.9 must
 include an additional rule: replace all capacitors with an open circuit for dc analysis and a
 short circuit for small-signal analysis.
 Let us begin with the CS stage depicted in Fig. 17.44(a). For bias calculations, the signal
 source is set to zero and C1 is opened, leading to Fig. 17.44(b). As shown earlier, we have
 ID = 1
 2
 Î¼nCox
 W
 L (VGS âˆ’ VTH)
 2 (17.117)
 = 1
 2
 Î¼nCox
 W
 L
 _x0002_ R2
 R1 + R2
 VDD âˆ’ VTH_x0003_2
 . (17.118)
 Also, VDS( = VDD âˆ’ RDID) must remain greater than the overdrive voltage so that M1
 operates in saturation.
 With the bias current known, the small-signal parameters gm and rO can be calculated.
 We now turn our attention to small-signal analysis, considering the simplified circuit of Fig.
 17.44(c). Here, C1 is replaced with a short and VDD with ac ground, but M1 is maintained
 as a symbol. Note that R1 and R2 now appear in parallel. We attempt to solve the circuit by
 R
 v out
 in v
 R
 R in2 R in1
 R
 R out
 (c)
 (d)
 (a) (b)
 (e)
 X
 V
 X
 R R
 C1
 Vout
 M 1
 DD
 1 D
 R2
 Y
 V
 X
 R R
 M 1
 DD
 1 D
 R2
 Y M 1
 R1 2 R
 D
 R1 2 R
 M 1 D
 R1 2 R
 M 1 D
 Figure 17.44 (a) Capacitive coupling at the input of a CS stage, (b) simplified stage for bias
 calculation, (c) simplified stage for smal</t>
  </si>
  <si>
    <t>b'\xd5W\xb17\xb0\xfd\xcd\xc0\xfb\xb3\x8c\x9cq\xc1\x04K'</t>
  </si>
  <si>
    <t>d557b137b0fdcdc0fbb38c9c71c1044b</t>
  </si>
  <si>
    <t>as longer than the squire imagined ere we were ready for the sea, 
 and none of our first plansâ€”not even Dr. Livesey's, of keeping me beside 
 h</t>
  </si>
  <si>
    <t>b'"A\xe5s\xae\xa8\xd1\xcd\xa7_\xf0\x03\xd5\x8c\x19\xc1\x88v\x15T\xa9\xe9\xf21\xba\xd1\xaeDq\xaa\x13\xb8"\xe9\t\xa9:\xe7\x85\xb0\xb3\xdd\x9b]\xfb\x99\x03\x11M\xfc\x0f\xcb\x8fk\xd10\xcfD\x8f\xc4e\xc2\xc0P\x11\xca?\xce\x7f\xab\xa8)E\xc7\x02\xba\x8eo)\x13\xc0W\xdc(\x19\xfeZ9\x08\xb8;g=\xd3L\xb1\x9e\xfc\xa7pH\xcb\xef|\x91\x81\xcb\x819\x98\xf0]\x95%\xb8\xd4\x94\x06\xb9\xbc\xaa\x0c\xb6\xa6p"&amp;[\xbe\xe6\xf2\xe8\x18{\xce@&lt;*h\xf9\x17D\x01\xd7\xc1\xacg\x83\xdf\xd9D\xae\x0chI\xed\xa1\xd8Y\xff\x94\xd1H\xd6\x08\x11\x9d\xa4\x86\xc3C#\xf1\xa6\xae\x00^J\xabv\xbb\xc04\xba\x0c\x16\xa3\xd6\xd3\xeb&amp;&lt;\xed\x02\x94\xc8(\xc0|\xd9xXq\x1d\x81\xdf:&amp;\tN\xd7\x99\xdd5\xbdA\xe4\xc0\x06\x94[UL\x96\x08 \xd3\xfc\x1b\xe1-\xdd\'?\xd6\x01p\xed*\xd5\x08\x99gg!\xc3\xfa\x99\xc7\x9a\x86\x1d5\xef.-'</t>
  </si>
  <si>
    <t>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</t>
  </si>
  <si>
    <t>b'"A\xe5s\xae\xa8\xd1\xcd\xa7_\xf0\x03\xd5\x8c\x19\xc1'</t>
  </si>
  <si>
    <t>ead. Men, women, and children lay
 together.
 In the background, among the trees, the pagoda of Pillaji
 loomed indistinctly. Much to the guideâ€™s disappointment, the
 guards of the rajah, lighted by torches, were watching at the
 doors and marching to and fro with naked sabres; probably the
 priests, too, were watching within.
 The Parsee, now convinced that it was impossible to force an
 entrance to the temple, advanced no farther, but led his
 companions back again. Phileas Fogg and Sir Francis Cromarty
 also saw that nothing could be attempted in that direction. They
 stopped, and engaged in a whispered colloquy. â€œIt is only eight
 now,â€ said the brigadier, â€œand these
 guards may also go to sleep.â€
 â€œIt is not impossible,â€ returned the Parsee. They lay down at the
 foot of a tree, and waited.
 97
 The time seemed long; the guide ever and anon left them to
 take an observation on the edge of the wood, but the guards
 watched steadily by the glare of the torches, and a dim light
 crept through the windo</t>
  </si>
  <si>
    <t>b"KK\xa9\xdfM\xc1\xbd\x17N\xbeJ\x18\xf7\xa3\xd1(\xedi\xbc\xe2\x81\x83'\xfe\r}4z\xc2y\x13\xfb"</t>
  </si>
  <si>
    <t>4b4ba9df4dc1bd174ebe4a18f7a3d128ed69bce2818327fe0d7d347ac27913fb</t>
  </si>
  <si>
    <t>b'KK\xa9\xdfM\xc1\xbd\x17N\xbeJ\x18\xf7\xa3\xd1('</t>
  </si>
  <si>
    <t>cted in a plain woman's hand but it was not a hand he knew. He opened it,
scarcely thinking of the writer, but the first words attracted his attention at
once.
"Dear Sir:
I am Susan Sowerby that made bold to speak to you once on the moor. It
was about Miss Mary I spoke. I will make bold to speak again. Please, sir, I
would come home if I was you. I think you would be glad to come andâ€”if
you will excuse me, sirâ€”I think your lady would ask you to come if she was
here.
Your obedient servant,
Susan Sowerby."
Mr. Craven read the letter twice before he put it back in its envelope. He
kept thinking about the dream.
"I will go back to Misselthwaite," he said. "Yes, I'll go at once."
And he went through the garden to the villa and ordered Pitcher to prepare
for his return to England.
In a few days he was in Yorkshire again, and on his long railroad journey</t>
  </si>
  <si>
    <t>b'\xbd\xaf\x8a\x95\xc7w\xb9\x9eG\xcb\xe3F\x0e\xc8Y\x0fF|m&gt;E\x1bIN\xbf\x92#\x94\xfd\x17\xce\x18\x80\xaa\xbf\x0fG\xfd\x95\x03\x9a\xe1]DFsoc\xa3q\x1e\x93\xf4\xd6\xe3\xb4%g\xc3G\xb7\xac\xd1\xe2\xaf\xe2\xe15\x0f\xdcs)\x9d\x87\xaf\x88R?;\xa8B\x96\x12/J\xde\x16\xda1\xc6\x90\xbd\x05\n\x8d\x06*\xf0\xfb\xc4\xbej\xe5$\xee\xd9\x05W\xc3\xf5\xfbD\x14&lt;\xed)g\xfd\x06\x86\xdb^\x15\xafr\xe8\x80\xaeE\x9e\xc6\xbd\xb0N\x91R\xfb\x94\xcf\x13\xc9\x8a\xa1\xde[\x0ea\x0c\xab\xf8o\xbf\xfb\r\xc5\xe2\xe0g=\x84\xce\xbez\x11?"\xec\xeb\x8f!U\xb2z\xe3u\xdb\xcc\x81\xa5\x01\xde\xe5hi\x84[$\n\xf9\xb7\xdf\xe0\xbd\xb6\x03\x96\xc0\xb6\x0f\xc9\xf3\xc7\x8e\x08[-\xee\xcd\xbb2O\x846\xf7Dd\xf2+\xbcYk\x9f\xe2xoD\x9d\x80W\xae\xd7m+\r\xc6\x91\xca\x06\xe9\x95}V\xad\xf9\xf4\x1f\xfc\x1f7\xcd\r\xd2\xdc\xf7\xef\xca\x1b\x94\x81\xac\xce\x1b\xf3\xd06s\xd4\x1d\x8b\xc4,\xd7\x9bz\x07\xf0a\x98\xba\xef\x96\xe3\x94\xd8\x1b\xa9\xfe\xf6w\xc6\xa0\x9d\xd5\xc5\x8buS\xdf\xd8\xe2\x05\xf3\xe8h\xb4W\x8cm\xac\x0eZ\x00\xe3G\x98)\xd1\x8az1E\xa9\xdfj\x170\xf6\x9e\xc1\x04\xa6V\x1bgC\xf7\xc1q\x84r\xe5\xf1-\x92\x94h\xcb\x82q&gt;j\xb7\x15\x83\xab\x82@\x1a\xf5:\'\x86\xd8\x8cCx\x03\xe1\x8f\x10\x9d\xd5\xc2\x1bui\xd3\xa3\xb1\x0c\xeb\xd5\xc9W"\x96\xcc\xd7*\xb4\xb0\x01q\xae\x96;3^\x90\xdb\x1aM\\\xea\xeb\x9e\xf64\x15\x02\xf2\x00\xdd\xdcW{%\xc0\xe5(\x10\xd7phEZ\x10&lt;\x8fb"\xca\x04~KK\xa9\xab\xc6e\xe1P\xc9\n\xb5\xa2\xd3\xa7O%\x06\x18\xb1n\xfe&amp;\xda\xa201\x01\x92\xecc\xbf\x83:lJ\x1e\x8f\xbb*\x1f\xd3\xe3z\x8a\xe1\x83\x8d|\x84\xb9\xf7\xdc2A{\xcb\x07\'7ECa\xd0\xb5\xe8\x95\xe4\xb9\x02B\xe1\x12Z\xc7c \xfd\x96\xc2\x19{\xe8MU)\xba\xe2y\x04\xa2L_\xf0\x02\x87w\xe3\x95\xa3\xcf\x154[\xd9Z]\xef\xf2\xc8.8\x83\x0e\\\xad\x07fK&amp;y\x17\x93O\x0b\xab\x12/\xee\xf4u\x97&amp;\x89^\xd7\xdb\xd7\xb2&gt;`\x0e\xf4j\xc6\x8ba\xe6GP\xba\xb5\xe6\x1a!8\xb2\x93\xc4.\xac=\x17_P\xafZ\x01\xde\\K\xeemR \xe8\xb0\xbeS;\x9frd\xa3\x1e\xd9\xcb\xd7\x80\xa9\x9b(\x1a\x8c\xe0\x90\xb4\x02\r\x97\xff;\xf1\xafL\x0eW\xd6\x80\xef\x978\xde*\xbc\x98ov\xc0\x8c6\xec\xdd\xdb5S\xac\x13\xc2I\x0en|+\x9c\x93\xd3\x06\xaf\xc8\xd9#\xb1\x07\x85\x80\x96a\x1a\x1cv\xb3\xca\xdc\xd7\xa2G\x99\xae\xeb\x9f\xba\xaf\x17*\x88\xc3n\xb2W\xf4\x947\xfa\xe6\x04\xcb\x7f\xd9\xb2V\xc9Ok\x15\xcf\xaf\xfb8\xfe\x9e\xe2\xf1\x8a9\xb0\x83F\xf7o_@\xf1\xb1o\x9b\xfcr\xea\xeaY\xbd\x99EY\xd5.\xa5\x89b\x84\x10|E\x83Xv\\uH\xb3\x97[J\x82BaX(\xa0\xfcK6\xcf\x96\xe9\xbc\x1f`\xb7\x9fj\x84\xa8\xb2x\x8d9\xd2\x11R\xdbU\x1c\x90\x80\xb4\xa8\x89\x81\x87\xbd\x07\xf0\x0c]!\xa5&amp;\xe6V\x80{Sjq\xacn\x80S/\x82\x8bDS*7\xb4\x07\xeaZ\xed\xca\xc10QMs\x045&gt;\xc8\xb5\xfc\xbe~\xe3\xd0\th\xaf\x00\x05\xe8\x8cC\x89\x80\xca,b'</t>
  </si>
  <si>
    <t>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</t>
  </si>
  <si>
    <t>b'\xbd\xaf\x8a\x95\xc7w\xb9\x9eG\xcb\xe3F\x0e\xc8Y\x0f'</t>
  </si>
  <si>
    <t>ed on melting
point. Oils have lower melting point (e.g., gingelly oil) and hence remain
as oil in winters. Can you identify a fat from the market? Some lipids
have phosphorous and a phosphorylated organic compound in them.
These are phospholipids. They are found in cell membrane. Lecithin is
one example. Some tissues especially the neural tissues have lipids with
more complex structures.
Living organisms have a number of carbon compounds in which
heterocyclic rings can be found. Some of these are nitrogen bases â€“
adenine, guanine, cytosine, uracil, and thymine. When found attached to
a sugar, they are called nucleosides. If a phosphate group is also found
esterified to the sugar they are called nucleotides. Adenosine, guanosine,
thymidine, uridin</t>
  </si>
  <si>
    <t>b'\xb8I\x92\xa2\x98\xc2q\x1f\xcb\xf8\xe7\xbc\xafh\xf0\xa7BG\xe4\xba\x9cO\x99\xa3\xd8\xa4\xd3\xe8t\x17s\x0c\x0f\t\xab\x1a\xe4\xd5q\x12\xc5\x93h\xdcG#\xe4\x15\x9e\x86\xe0Ss\x05\x1044\n\xa9\xe8\x17J\x81\x1f(\\\xf9\xa8\xe5\x98.7l\x85\xc0\x8e\x0e1X!\xd0\x10?K\xde\xae\xe2\xf7j\\\xc3m\xf0Fd\x12SE\xe8&amp;\xf6\x19\xcb\xc6*=&gt;\xb9\t\x95\xcc\xf9$\xf1&gt;\xa7\x8c\xbc\xa2\xf1\x8b\xfb\xc4\xd1\xa6\xdb\xbaV\x02w\xe3\xe2\x0eh\xa3\xd5\xa6\xedK\x8b\xf5\xca\xcc\x16\xcb(\x07\xf1I\xedI\xcd`\x95\xb7\xb6d\xaaea@\xf0\xd8\x8c\xbe\xfe\x90\xf4\xf4KW\xaa\x9d?\xe9x\xcc8\xd9\x1d\xab\xd3\x9ejp\xa1\xe8\xbbN\\\xa5S&lt;\xcf\xf7\x0c\xfeE\xf3\x18R\xeb/\x11\x1b\x1e\x93K\xb1\x7f\xca\xd7\xf0\x83\xb6\xd2\x9b\xbeQW\xb4b\x17Z\xef`\x84\xa8(&amp;\xf9\x00\xe4\xbfV\xf9\xcfX\xa9\x9c\xfa\xca\x11\xc2\xb4\x87\xe7\xfa\xd2=d`D\x0bb3\x0f%{\xd6\xc7\xfa2(\xad\xe9\xba\xc0`\x9eF\xda\xdd\x8c\xdfY\x07\xfaQV\x0f\xb8\xa3"\x06\x9eh\x0fu\xd0DX\xeb\x89"\x01\xefH\xab\x7f\x9c\x10Di\xa2\xce\x9dMw\xb2K\xce\xae\xd2\xcf\xd3\xeb3\xc6\xaf\x81zxkI\xea\xa9a\xb6\xb1\x05\\\xf23\xe6\x8c\x86b&amp;6\nwpa6\x0c\x19\x91\xa4\x84\xff~\x05%\xb3"\xf9\xf4\xed\xf8%\x8fR\xa6\x97\x14#\xe4\x99*\xa3\xd6p\xad\x86A%\x18\x15\x87`\x18\xaf\x0c\xf5\xa9idK\x86\xe6\xcb\xee\x03\x1d\'5\xf7\xb3j=bdE\xd6p\x1bl\x19\xae\xfb\x84\xec\xb9T\xc2\xff\xb3\xb4T\x18\\&gt;\xe0\xb6\xff:\xe0eX!\xeb\xe8&amp;\x9b\xc6\xe8\xe8w\xe5\x8eF\xaaW~#\xc5!\xa42\xf8h\xc3\xd9\xdc\xdf\xce\xc6\x95McG\x00\x8e6\xf2\x1d\x0eE\x92m- |\x0b&lt;\x84\xc0\x1e@\xaf\xb9\xef^\x80\x94I\xd3IC\xc9\x0e$\xb9\xe8\xd5\xd1\x82\xfdr\xc5\xa6E\x15\x02\x7f\x14\xce\x16a?y\x06YM\xc2\xbcC\x05\x85\rZ?!\r\xa0\xcbZE|\xab \x0f}\xee);\xd9\x93\xc8(\x0cyT\xfe\xd3\x7f|8\xbf"\xcc\xb2w\x0c\xee#\x86\x88\xf7\x90\xdaCj\x03\xc8\xbe\r\x90\x9dXC\xe3}\xec].2\xef\xc6l\xac\x02\xd4\xb2\xbfz\x7fj\xc0\xbf\x14\x19\xf9\xa4b\xd5\xdc\x93\x84\xac6l\x0b\xe8\xbb\xd0q\xf2\r\xc5\xcc_\x8f\x1d\xd7K\xa1\x171\xe0k~\xfa/\x90\xad\xb7\x17\x8b\xcf*\x91"\xa9\x99b\xccM\xdc\x06\x9c|q\xca\x18\n\xe2\x0e\'\xac\x02\x9b\x9c\x10&gt;\x89\x84\x81\nv\xd6\xce5\xfb\x14\xb3\x87Bsw(\x15\x9d\x0b\xb3\x1e\x87F\xad\xb9%*\xd09Tf\xd0D\xc4\xf2*MF\xedl\xfbg\x86\xd7\xeb\x17\xf1\xaa\x85\x02\xe1Z\xda&lt;\x0e\xa33@N\xa9\xc6\x0b\x86\xe0\xa5:\x0c\x9c\xf7=q\xa9$a\xd8\x88x\r\xc3s".*D}\xe7\xf6\xa1\xf2\xce\xf0\x1c9\xd1\x93:\xc0\xe1 \x05;+\x08'</t>
  </si>
  <si>
    <t>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</t>
  </si>
  <si>
    <t>b'\xb8I\x92\xa2\x98\xc2q\x1f\xcb\xf8\xe7\xbc\xafh\xf0\xa7'</t>
  </si>
  <si>
    <t>is case no one would demand euro
 deposits, so they would be in excess supply and dollar deposits would be in excess
 demand.
 When, however, the dollar interest rate is 10 percent, the euro interest rate is 6 percent,
 and the dollarâ€™s expected depreciation rate against the euro is 4 percent, dollar and euro
 338 PART THREE Exchange Rates and Open-Economy Macroeconomics
 deposits offer the same rate of return and participants in the foreign exchange market are
 equally willing to hold either. (This is case 2 in Table 14-3.)
 Only when all expected rates of return are equalâ€”that is, when the interest parity con_x0002_dition holdsâ€”is there no excess supply of some type of deposit and no excess demand for
 another. The foreign exchange market is in equilibrium when no type of deposit is in
 excess demand or excess supply. We can therefore say that the foreign exchange market is
 in equilibrium when, and only when, the interest parity condition holds.
 To represent interest parity between dollar and euro deposits symbolically, we use
 expression (14-1), which shows the difference between the two assetsâ€™ expected rates of
 return measured in dollars. The expected rates of return are equal when
 (14-2)
 You probably suspect that when dollar deposits offer a higher return than euro deposits,
 the dollar will appreciate against the euro as investors all try to shift their funds into dol_x0002_lars. Conversely, the dollar should depreciate against the euro when it is euro deposits that
 initially offer the higher return. This intuition is exactly correct. To understand the mecha_x0002_nism at work, however, we must take a careful look at how e</t>
  </si>
  <si>
    <t>b'0F\x02!\x00\xcb.\xea[\xb3\x0b\xfb\x93hyF&lt;ZpG\xe5\xb2\xceT\xec}E\xad\x8d\xfc\xb9aU\xb5\xa1\x93\x9c\x02!\x00\xf9\x15wfP\x01\x8e\xff,\xc4:\xc1X\x98\xd4(\xd8N\x95\xe1;\xf7\xef\x12^3\xd2\xe3\xa9\x8dH\xc3'</t>
  </si>
  <si>
    <t>3046022100cb2eea5bb30bfb936879463c5a7047e5b2ce54ec7d45ad8dfcb96155b5a1939c022100f915776650018eff2cc43ac15898d428d84e95e13bf7ef125e33d2e3a98d48c3</t>
  </si>
  <si>
    <t>b'0F\x02!\x00\xcb.\xea[\xb3\x0b\xfb\x93hyF'</t>
  </si>
  <si>
    <t>row down plenty of water?"
 "Well, sir," he said, touching his cap, "I'll do so if you please, sir; but it is rather
 dangerous, sir, throwing down water in a horse's box; they are very apt to take cold, sir.
 I should not like to do him an injury, but I'll do it if you please, sir."
 "Well," said his master, "I should not like him to take cold; but I don't like the smell of
 this stable. Do you think the drains are all right?"
 "Well, sir, now you mention it, I think the drain does sometimes send back a smell; there
 may be something wrong, sir."
 "Then send for the bricklayer and have it seen to," said his master.
 "Yes, sir, I will."
 The bricklayer came and pulled up a great many bricks, but found nothing amiss; so he
 put down some lime and charged the master five shillings, and the smell in my box was
 as bad as ever. But that was not all: standing as I did on a quantity of moist straw my
 feet grew unhealthy and tender, and the master used to say:
 "I don't know what is the matter with this horse; he goes very fumble-footed. I am
 sometimes afraid he will stumble."
 "Yes, sir," said Alfred, "I have noticed the same myself, when I have exercised him."
 Now the fact was that he hardly ever did exercise me, and when the master was busy I
 often stood for days together without stretching my legs at all, and yet being fed just as
 high as if I were at hard work. This often disordered my health, and made me sometimes
 heavy and dull, but more often restless and feverish. He never even gave me a meal of
 72
 green food or a bran mash, which would have cooled me, for he was altogether as
 ignorant as he was conceited; and then, instead of exercise or change of food, I had to
 take horse balls and draughts; which, beside the nuisance of having them poured down
 my throat, used to make me feel ill and uncomfortable.
 One day my feet were so tender that, trotting over some fresh stones with my master on
 my back, I made two such serious stumbles that, as he came down Lansdown into the
 city, he stopped at the farrier's, and asked him to see what was the matter with me. The
 man took up my feet one by one and examined them; then standing up and dusting his
 hands one against the other, he said:
 "Your horse has got the 'thrush', and badly, too; his feet are very tender; it is fortunate
 that he has not been down. I wonder your groom has not seen to it before. This is the
 sort of thing we find in foul stables, where the litter is never properly cleaned out. If you
 will send him here to-morrow I will attend to the hoof, and I will direct your man how to
 apply the liniment which I will give him."
 The next day I had my feet thoroughly cleansed and stuffed with tow soaked in some
 strong lotion; and an unpleasant business it was.
 The farrier ordered all the litter to be taken out of my box day by day, and the floor kept
 very clean. Then I was to have bran mashes, a little green food, and not so much corn, till
 my feet were well again. With this treatment I soon regained my spirits; but Mr. Barry
 was so much disgusted at being twice deceived by his grooms that he determined to
 give up keeping a horse, and to hire when he wanted one. I was therefore kept till my
 feet were quite sound, and was then sold again.
 73
 PART 3
 74
 Chapter 32. A Horse Fair
 No doubt a horse fair is a very amusing place to those who have nothing to lose; at any
 rate, there is plenty to see.
 Long strings of young horses out of the country, fresh from the marshes; and droves of
 shaggy little Welsh ponies, no higher than Merrylegs; and hundreds of cart horses of all
 sorts, some of them with their long tails braided up and tied with scarlet cord; and a
 good many like myself, handsome and high-bred, but fallen into the middle class,
 through some accident or blemish, unsoundness of wind, or some other complaint.
 There were some splendid animals quite in their prime, and fit for anythi</t>
  </si>
  <si>
    <t>b'\xe3\xf7Y\xc1w\xb6\x1b\xd9'</t>
  </si>
  <si>
    <t>e3f759c177b61bd9</t>
  </si>
  <si>
    <t>YRThev + RThevCin + RL(CXY +Cout)
 RThevRL(CinCXY +CoutCXY +CinCout) . (11.79)
 Example
 11.17
 Using the dominant-pole approximation, compute the poles of the circuit shown in Fig.
 11.31(a). Assume both transistors operate in saturation and Î» _x0003_= 0.
 Solution Noting thatCSB1,CGS2, andCSB2 do not affect the circuit (why?), we add the remaining ca_x0002_pacitances as depicted in Fig. 11.31(b), simplifying the result as illustrated in Fig. 11.31(c),
 where
 Cin = CGS1 (11.80)
 CXY = CGD1 (11.81)
 Cout = CDB1 +CGD2 +CDB2. (11.82)
 It follows from Eqs. (11.77) and (11.79) that
 Ï‰p1 â‰ˆ 1
 [1 + gm1(rO1||rO2)]CXYRS + RSCin + (rO1||rO2)(CXY +Cout) (11.83)
 Ï‰p2 â‰ˆ [1 + gm1(rO1||rO2)]CXYRS + RSCin + (rO1||rO2)(CXY +Cout)
 RS(rO1||rO2)(CinCXY +CoutCXY +CinCout) . (11.84)
 M 1
 VDD
 Vin
 RS
 M 1 C
 C
 C
 Vout Vb M 2
 Vin
 RS
 M 2
 C GD2
 CDB2
 M 1 C
 C
 C
 Vin
 RS
 out
 XY
 in
 r O1 r O2
 (a) (b) (c)
 Vout Vout
 GD1
 GS1
 DB1
 CSB2
 Figure 11.31
 Exercise Repeat the above example if Î» _x0003_= 0.
 Example
 11.18
 In the CS stage of Fig. 11.29(a), we have RS = 200 _x0005_,CGS = 250 fF, CGD = 80 fF,
 CDB = 100 fF, gm = (150 _x0005_)
 âˆ’1
 , Î» = 0, and RL = 2 k_x0005_. Plot the frequency response with
 the aid of (a) Millerâ€™s approximation, (b) the exact transfer function, (c) the dominant_x0002_pole approximation.
 530 Chapter 11 Frequency Response
 Solution (a) With gmRL = 13.3, Eqs. (11.58) and (11.59) yield
 |Ï‰p,in| = 2Ï€ Ã— (571 MHz) (11.85)
 |Ï‰p,out| = 2Ï€ Ã— (428 MHz). (11.86)
 (b) The transfer function in Eq. (11.70) gives a zero at gm/CGD = 2Ï€ Ã— (13.3 GHz). Also,
 a = 2.12 Ã— 10âˆ’20 sâˆ’2 and b = 6.39 Ã— 10âˆ’10 s. Thus,
 |Ï‰p1| = 2Ï€ Ã— (264 MHz) (11.87)
 |Ï‰p2| = 2Ï€ Ã— (4.53 GHz). (11.88)
 Note the large error in the values predicted by Millerâ€™s approximation. This error
 arises because we have multipliedCGD by the midband gain (1 + gmRL) rather than the
 gain at high frequencies.13
 (c) The results obtained in part (b) predict that the dominant-pole approximation
 produces relatively accurate results as the two poles are quite far apart. From Eqs. (11.77)
 and (11.79), we have
 |Ï‰p1| = 2Ï€ Ã— (249 MHz) (11.89)
 |Ï‰p2| = 2Ï€ Ã— (4.79 GHz). (11.90)
 Figure 11.32 plots the results. The low-frequency gain is equal to 22 dB â‰ˆ 13 and the
 âˆ’3 dB bandwidth predicted by the exact equation is around 250 MHz.
 107 108 109 1010 â€“30
 â€“20
 â€“10
 0
 10
 20
 30
 Frequency (Hz)
 Magnitude of Transfer Function (dB)
 Dominant-Pole Appr.
 Miller's Approx.
 Exact Eq.
 Figure 11.32
 Exercise Repeat the above example if the device width (and hence its capacitances) and the bias
 current are halved.
 11.4.5 Input Impedance
 The high-frequency input impedances of the CE and CS amplifiers determine the ease
 with which these circuits can be driven by other stages. Our foregoing analysis of
 13The large discrepancy between |Ï‰p,out| and |Ï‰p2| results from an effect called â€œpole splittingâ€ and is
 studied in more advanced courses.
 11.4 Frequency Response of CE and CS Stages 531
 Q1
 C Î¼
 C C Ï€
 VCC
 M 1 C
 C
 C
 VDD
 CS
 GD
 DB
 GS
 Z in
 Z in
 RC RD
 (a) (b)
 Figure 11.33 Input impedance of (a) CE and (b) CS stages.
 the frequency response and particularly the Miller approximation readily yields this
 impedance.
 As illustrated in Fig. 11.33(a), the input impedance of a CE stage consists of two
 parallel components: CÏ€ + (1 + gmRD)CÎ¼ and rÏ€ .
 14 That is,
 Zin â‰ˆ 1
 [CÏ€ + (1 + gmRD)CÎ¼]s
 ||rÏ€ . (11.91)
 Si</t>
  </si>
  <si>
    <t>b'SQ\xbc{\xab:T\x97/\x0b+Ir\xd2\xc6\xc4'</t>
  </si>
  <si>
    <t>5351bc7bab3a54972f0b2b4972d2c6c4</t>
  </si>
  <si>
    <t>ion about expenditures and is a reasonably accurate measure of GDP based on the
 methodology in place at the time. The second column, the numbers in parentheses, reports the
 latest revised estimates available as of February 2007. These data have been subject to multiple
 revisions and, importantly, incorporate significant changes in methodology, making comparison
 of real-time forecasts to revised data problematic. The third column, the numbers in square
 brackets, reports the â€œadvanceâ€ data, which are released about one month after the end of
 the quarter. At the time of publication of these data, several important source data are still
 unavailable, making these estimates subject to greater measurement error than the first-final
 estimates.
 A straightforward rule for defining recessions that works quite well is what we dub the
 â€œR1 rule,â€ which simply defines any single quarter of negative real GDP growth as a recession
 quarter. The associated binary variable of recession quarters is denoted as R1t
 . Columns four
 through six in Table A1 report the R1 data for the first-final, current vintage, and advance data,
 respectively. A value of one indicates that the growth rate of real GDP was negative in that
 quarter, otherwise the value is zero. As shown in the table, the R1 rule applied to first-final data
 produces 14 recession quarters that match one of the 21 NBER recession quarters, with only
 seven missed calls of recession. The R1 rule also produces five false calls of recession (including
 one by a whisker in 1978:Q1). Therefore, there are 12 total quarters of incorrect signals and the
 mix of missed calls is reasonably balanced. The R1 rule has advantages in terms of simplicity
 and its direct connection to the survey questions in the SPF and we therefore use it for our
 analysis for the remainder of the paper.
 For comparison, we also report the recession dates that one obtains by applying what we
 1
 call the â€œR2 rule,â€ which defines a recession as occurring if there are two consecutive quarters of
 negative real GDP growth. In particular, we say that a quarter is in an R2 recession if real GDP
 falls in that quarter and if either (or both) the previous and following quarters post negative
 real GDP growth as well. Columns seven through nine in Table A1 report the R2 data for
 the first-final, current vintage, and advance da</t>
  </si>
  <si>
    <t>b'.\x9bTA\x12\xec@\x98\xb1\xda\xe2\x84x1\x87\x1e\xb2\x13\xc5,@\x9dkJ\x87r\x0e\x8b\xe6\x92W\xe5\x14y\xa3\x90+Y\x9e@s\xe29h\x16\xa5\x8e\xbfvE\xb6\x0e_=\\\xe2\xbf\xda\xee$\x90\xedp\x10\x14\x9e\x9de\xf2xPGA;\t\xcd&gt;`\xb9\xc2\xfd\x82kt\xf9\xad1\xa6\x1dF\x95,\xc7f\x1c]\xe6\x89E\x7f\xa5M\x05\x82\x84\xf0\xce\xa7E\xdb(\x11"\xec\\\x99v\xa3\r\xb1\x92\x8e\x85\x92`\xa1O\x82olK\x95\xca\x94\xba\xffs\x9d\xe9\xc3\xe1cP\xf5\xbdD2\xac"xL8\x82~\xf8\x10\xd6c\xb8\x96\x04:\xf1\xd5\x8f\x8f\xe6"\x13\xf1\x19\xbc#\xc0C&lt;\xf5\xb7\xc1\x15\x81\xc3\xc7#\xda\x9d\x80\x83\x00\xa1yVtK8\xd3\x1a\xb8\xce\xa6\x05T;\xae\x0f\xf4#4\xc6\x11\x15\xf3{\xee\xc9\xb5\x8c\x9fD\xad\x10{\xbd\xa7{\xed\x94&amp;8\xe4\x0b\xa6\xe785\x94Hb\x1a\x18BYp\x0b\x9a5\xce\xd3z\x07\t{\xe5\x80Zj\xeaQ\xd4\xa6\x9c\xc6A#Go\xcf\xfe.g%\x81D\x0f\xb6\xcc?\xe2q\x04\xf8\x12d&lt;$F\xfd\x97W6\xd1\xa6\xce\xf6\xce\x0804\xb8\xff\x81\xd2\xad\x11\x01G`\x94\xa4Di\x0c\xf5\xd3\x04\xdd\xb3,\x11\xa8\xbdp\x10\xd6\xfb)\xaa\xc8\x84\x841\x1fz\xb4\x01\x0e\xe6Y\xbb\x08u\xc6r\xbbVQ)\x08\x9e\x02\x88\xef\xb0\x8e\xe7\x11\xf7\xc2\xfd,\x03\x0e\x94P\x19l\x92\xa5?{}F\xaf\x90Z\xf7\x1c\x9c4|#\x8e\xef\xb0\xac1\x0e\xb5\xeeP\xa0\'_\x9c\x05!\x02\xb9\xf2\xc3\xff9\xc4~]A"Q\xdd\xf0\x98\xf0g\x16bW\x85\x8c?x\xef\xb2\n\xbf\xe3.\xc9/\x88\x88gL\x1c\xa8:\xe5\x9e\xfa\x9c\x07w\x15\xa0@\x9fAD|O\x8fd=\xad\x10\xb5^\xac\xc2[\xadHmGNO\xde\xc4I\x9f\x9ayV\xe4&lt;\xa1$\xfd?\x05\x14\x9c\xa2\x8d(\xed\x01\\\x17\x87\'\xe5`R\x05\xd1\xbf\xfa\xbc8\xfe\xd8\xd3\x81\n^)"\x8f\xee\xbe\x84Ai\x02\xec\xf6\x1c5b\x03\x06\x97\xe4\r[}\x1b\xddP\xc7\x18\xce\xf2\xac\xfc\n\xe8W\xf9Sv\x8f"\xfde\x9b\xd8\x14\x17\x89\xc9\xbc\xf8uhL{E\xc6w\x8d\xb0\x8eb\xc1I_)7\xd8\xbc\xc5\x88\x85\xb9\x89*&gt;W?Jw)\x88u\x93/\xd5\xe5\xd1\'\xe9\x9f~\x86\xb7`u\t}46\xc5^/\xc9\xfa\xf3\xa0"\xd7d\x18$"\xd1\xf1\x9a\xfd\x8a`\xbe/S\xf4\x97)\xf4j\x14f\xf7\xee\x85\t[.H\xa8RpJ\xfc\xbf\x88\x11\x94\x9f\xea\xba\x1d\xe8\xd7\xa8_\xc4\xdbg\nV\xb7\xf5\xc0\xc7H\xab\x87BO\nk\xa0\xdb\xa7\x019\xb1\x9a\xab\xfdi)\xea\x951\x04\xf6O\xa06\xa6\x86\xe8\x0b\\@\xf4\xafh\xcc\x1c\xa5\xe4\xc5\t\xf5\x99\xb1\x0c\x89\x12)Qm\xbb\xb6Q\x1a\x92S(f]\xb4Q\x90y\xb6t\r\x96s\x91\xc0\xbat\x0fi\xc56\x8f&lt;&gt;\xe11\xa9\xe4\xf8\xe4\xe3c\x8eR ?\xe9\x0c{\xb4\xd0\xc4O\xc92\xaf\xd9\xd6\x81\xcf\x0b\xc2\x88#H\xee\x13\x9f\x87\xa6*\xfc\xac\x8a\x84H\xc7\xf6\x8f\tf\xd1\x0e\xe5\xefq\x98\xd6{\xac\xcf\xa6\xfe\xc9\xc7\x1f\xbc\xcd0kZ\x07\xf5\x15\xb5\xfb\xaf\r\xe6c!\xd49\xfeHwX\xac\xac\xe7\xbc#\x17\xd05\x13:\xda\x00G\x9e\x0b\x8a\x8c\x8e-\\\xdc1\xf8I\xdbg\xef\xc8\x91\x9a\xf1\xabn\x8f\xb4\x9f@\xc5ue6y_L\xac\xff\x02\xd5\xe30\x9f&amp;c\x97\xd3\xba.\xce\x93\x07\xc9\r[c\xd3\xf6\xf4\x17lz\x17\xce\x81G\xe5\x01\x85\x85"w\x8f/\xa1\xbe;\x87\xbd\x89I\xacE\x8d\x92X\rO\x9f\xd6\xd5\xb9\xab\xd4b\x83q\xec\xdf$\xc5\xf6\xd5\x06Rb\x91j\xca}\xfek5\x90\xd8k*\xda\xd6\x8d\x9b\xd1\xd7\xf1\x1dB\x90\xc9\x0e\xf2[3~T\xc4\x16\x9d\x07S\x8c\x80\xbe\xb4?4\xccBW*\x0c~\x9e^\xef\x9c;\x13\xe6\xb0\x92\xe6\x9e\x8eG\xd6\xb3k\xa8\x9a.\x99o2\xc2=o#]\xad\xb6K\xba\x8a\x82Q\x10Wd\x94]\x9a\xd6\x15|\x8fJLy\xb4{\xe3\xf4\x8d, \xf0\xee3h\xee\xdd\xcbE\xf2\x05/\xc9\xda\xef\x8dN\xd6\xfbA\xacG\x9c\xd6\xfd\x8cR8&lt;l\x90\xe0\xea}:\x97\x99\x1f\x84$\x02,\x18*\x84\x05\xb5\x02\xe2Q|g#\\*\x8f\xe8\xc3aHM\x13fS\x99FC\xc6\xf4\xe7\r&gt;\t\x8c\xf6\xef\x04x\x11\x14\xaa*d\xc9\xf9H{\x96\x93\x11\x1f\xbf\x9c\xb7\xea\xde,z\x86Q\xcd\xf1S\xe4b\x1d\x1f8\x02:\x1eo?\xe1\xc8\x04\x1f\xa1\xaa/\x1c\x7f\xd7%\x04t\x1f\x8b4\x19\x95WS\xca\x1dN42\xb1\x08\xbf;\xb3\x94!\xe35W\x95Cq\xb9\xd3\xf1\xd0)\x1cM\xe7SJ\xa3 s\xc9\xe8\xe3\xb0V\xb6Qm\xc7\xc0\x04p\x01/+&lt;\xb6\x8a\xbf\x81\x1b:&amp;"\xa1\x85\x0e\xcc1\xf2\x18\xd8\n\x86V\x1a\x98\xfa\xf0U@\xf5\xe7\x80\x94\x80A\xd3z\xea\xbc\x840\xa9I\xe9,`\x9a\x81&gt;\x94\x19\xfd\x11\x8e\x07\xe0z\xe6\x83\xdbn\x7fT\xf2o\xab\xf1\xcc\x8aA\x88B_\xad\xf5t\x8bHz\xe2\x9a;P\x9a\xec\xb3\xe4\xc3\xe5\x89\xbaI\xc0X|\xb8\xff\x14\xf4\xa9,\xcc\xf0\x01T+ }Q\xc9\xa6S\xda\x04\x13Z^-^T\x90\x01\xe6k\xc8\xfb\x9e\xab\xb3\x83\xf7\xbc\xfd\xadm7|\x81\xdf\xc6\xf0o\xcc+\x93T\'\xc5\x9c\xca\xfaA+\xad@7\x19j_\xdb@\x01{\x98\xd68}\xef\x1aX\xcb\xfa\x8f\xc3\x85\x87\x97\xaa\xa4i\xd5\x01S6\xaa\x08\xdb\xc7l\x06I\xce\xb4\x85\x18[\xc3\xe1\xa3a\x85\x85\x98\x9b\\[:!&gt;\xf8\xf22wTfb\x1c\xb3n\x1c\xbb:\xe3\x85\xc7\xc5V\xed^\xe5\x1d\xabH1\x11m\xdf\xcc)QJm\x82\xf3\xf6\x9b\xd5\x85\xd5w\xdfQ\x86e\xb9\xbe\xf4,YN\x98)w\xa7i\x18~\x80\xa6!\xf3S\xc3&amp;\xaa\x12\xef\xc4.{\x10\xdd\xe8l\xd5\xc9B%$\t\x18n\x93\xd1\x8e}J\xb2\xebB\xac!*\xb3\xcch\x0e\x8aI\x0c\xcdW\xb5m\x95\x86J\xba\x89X\x9f/Y\xa3\xfa\xf41\rS\xa4"\xe5k9\x9d\xe5\n\xdbM\x95&lt;\xf7\xd6\x9e\x0c\x02\x19@\x7fI\xcb\xcas\xec\x15\x16n\xc2iu\xa4\x00\x03;\xdb&gt;\n\x0c\xcf/\x9f\xa1\x02\x8e\xc4j\xaa\xc2y\x83\xcb{s\xd7\x00\x1d\xe0\xd4\xdb\xbdU\xf7\x11\x83V\x85,)\xd0\xe6\xfd6\'\x90\x1a\xe2|\xcf\xc0\x94\xb7\x14\xa4\xb1\xca\xe8\xc2\xfeW\xcc\xab\\;\x17\xf5O\x91\'\xc3de]\xb2m\\\xc3\x11\xa6\x1eUI\xca\xa5\x01\xc8\xd1F\xb7\xa6\xb5D%u\xf9.(|\xc7&amp;\xccS\xaaq|\xd19\xee\x97#\x15\x18X\xc4\xc5\x82\xd3\xef\x96\x8c\xf8\xa5\x13?\xe9\xdaF\x04\x91\x17N\xa9?\xbc\xe3\xd3s\xe5\xa4k\x94\xdcdvc&lt;\xc9V\x06\xd3\xfb\xe38K\xe4\x01+\xe9,\x07\xafRy\xd7\xd8\x1b\x9d\x9e+\xb5]XZ\xaa\xa6\x92\xbe[\xfa\xf3\x98\xc79\xc3w\xca\xd6/\xd2\xba\nK\xf2\xfb\xfd`l\x84c\x9fg\xfc\x10\x02:~\xc6\x86V\xef&amp;\xf6\xb7m@\x9a\xf4J\x8c\x00\xb80\x9e\xfa\xf7\xdcS\x93\xec\'\xe4\xd5\xd7y\x16\xeb)B\xe5\x04\x0f\xf0\xacEW\x04\xd2\xe6\r\xd6\x95\x99I\xd8d~\x9d\xe5\xdb\xe8\xabeg\x9f\xab\xc0\x9d6E\x05\xa8\x88\xdd\xce\x1dJ\xca\xd32/\x17X\x1a?\x11\xa4ad\x00I\xc4&gt;\xd4sjB\x90\xe6\xbc\x10+\xb8\xb8"I(\xa6\\(\xba\xf0\xcb\x08\xb4+^`\x95p\x9c\xb0\xe4\x1e\xf8e\xb5\x0f\xa6\xb8BV\xc3\x97\x90s\x06h\x1e\xbeX*6^\x19\x90\xce\xd6\x10f\x9f\xd8M\x82^\r\'\\\xc7\xb1,\xed\xe0.\x19\xa7\x811\xa5\xf2r2\xbd+\xcd?\r?\x0cW\xf5X\x96\x8aM\x04\x1e\xe9\xfat\x00gy\xb0\x9e\xbd~\x8cZLt\xc5C\x91\xd0\xc3\x95z\xdb\xae\x85\xf5\x96\xdfc\x84\xed\xee\xa7MY\x19DU=r1S\xfb\xcc\xa2 \xca\xd0\x83\x01\x98\xc7\xa2~\xc0kh\xe9\xab\xd7\xd7\x8d\xf3\x82\xb9t#D,i\x98U\xbbD\x1b\x892\xc4\xb2\x7f\xcb\x97\xf9\t\x95&lt;\xc5\x1d\x0e\xd7\x810\tJ\xecL\x9c\xd5oi\x18}\x89\xcd-?\x85C\xcd1\xbc\xb5\x15\xa3\xa9\x85\x95\xe58\xeat\xb5\xe8\x8e\x94\x17\xc9\x05\xad\x96\x16\xe3\x95-\xb9\xcc)\xe11\xb6\x12\xd0J&amp;\x05\xa0r\xf6\x01Y^\x8b\x8a\x19l\xed\x89\xedU\x9ft\xcf\x9f\xf5\x9d\xab\x12}\x9d\xa1\xc9)\xe7V\x95\xcb\x8d\x95\xe9[\xed\xbb\x92\x81\xd8\xc8\xc6\xbb\x80\xa1EC\xb5\x89\x8c\xe7\xfbtiX\x1d\x0e\x0c\x013\xfc\x82\xf5\xd3,:\xaf\xc3\xc1a\xec\xd6\x98%\x92\xc7W\x02\xa1\xce+\xca~\x05\xc8z\xbcI\xcf\xb6S&amp;\xe2\xc1j\xd0\x84i\xa2\xb5i\x13\x98p\xad\xb3\x0c\xb1\x97F 0\xc7\xf6\x82\x8b\x15\xb9\xa0\xae1^S\xf8\r\x1f\x92x\xd4\xdd%v\x97\xdaX\x81\x919\x91\xec8\x8f\xee\xe7\xc1\x01\x18\xf9\xcc\x0f\x95\x94\xf6j\xad\x9a\x8fo}\x9cn\xe2.b\xa0\xd8C\x95\xfbz\x88*Y\xa7F\x06\xa5\xa7#.t\xb8\xecEf\x16s\xd9t3\xfd\x8a)\x88\x00\x82\x8d\xc0\xa4\x04\x8f/H\xefk\xf0Vf\xc2LL\xd0\x9e\x10\x94\x94\xe0\xa9\xf3\xd8\x8e\xc5\xd8Y5a\xce1&lt;\xa7#\x15\xca\xfa\xb1`9\xeb\x9aA4S\xf0F\x82\xdc\xd1\xb2o\x02\x15+\x89j\xfb\x8c\xec\xff9\xf7'</t>
  </si>
  <si>
    <t>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</t>
  </si>
  <si>
    <t>b'.\x9bTA\x12\xec@\x98\xb1\xda\xe2\x84x1\x87\x1e'</t>
  </si>
  <si>
    <t xml:space="preserve">, can provide a wide range of resistance values. Compared to carbon composition they feature low noise, because of the precise distribution of the pure graphite without binding. Carbon film resistors feature a power rating range of 0.125 W to 5 W at 70 Â°C. Resistances available range from 1 ohm to 10 megaohm. The carbon film resistor has an operating temperature range of â€“55Â°C to 155 Â°C. It has 200 to 600 volts maximum working voltage range. Special carbon film resistors are used in applications requiring high pulse stability.
Figure-6
(v) Printed Carbon Resistor (Fig. - 7)
Carbon composition resistors can be printed directly onto printed circuit board (PCB) substrates as part of the PCB manufacturing process. Although this technique is more common on hybrid PCB modules, it can also be used on standard fibreglass PCBs. Tolerances are typically quite large, and can be in the order of 30%. A typical application would be non-critical pull-up resistors.
Figure-7 : A Carbon Resistor Printed Directly onto the SMD pads on a PCB
(vi) Thick and Thin Film (Fig. - 8)
Laser Trimmed Precision Thin Film Resistor Network from Fluke, used in the Keithley
DMM7510 multimeter. Ceramic backed with glass hermetic seal cover.
Thick film resistors became popular during the 1970s, and most SMD (surface mount device) resistors today are of this type. The resistive element of thick films is 1000 times thicker than thin films, but the principal difference is how the film is applied to the cylinder (axial resistors) or the surface (SMD resistors).
   Basic Electronics
25
                 Thin film resistors are made by sputtering (a method of vacuum deposition) the resistive material onto an insulating substrate. The film is then etched in a similar manner to the old (subtractive) process for making printed circuit boards; that is, the surface is coated with a photo-sensitive material, then covered by a pattern film, irradiated with ultraviolet light, and then the exposed photo-sensitive coating is developed, and underlying thin film is etched away.
Figure-8
Thick film resistors are manufactured using screen and stencil printing processes.
Because the time during which the sputtering is performed can be controlled, the thickness of the thin film can be accurately controlled. The type of material is also usually different consisting of one or more ceramic (cermet) conductors such as tantalum nitride (TaN), ruthenium oxide (RuO2), lead oxide(PbO), bismuth ruthenate (BiO2), nickel chromium (NiCr).
The resistance of both thin and thick film resistors after manufacture is not highly accurate; they are usually trimmed to an accurate value by abrasive or laser trimming. Thin film resistors are usually specified with tolerances of 0.1, 0.2, 0.5, or 1%, and with temperature coefficients of 5 to 25 ppm/K. They also have much lower noise levels, on the level of 10-100 times less than thick film resistors.
Thick film resistors may use the same </t>
  </si>
  <si>
    <t>b'\x1c\x14\xe6|\xc4$\xb0\xd2\xd4=\xa4\xcc#\xaa\x13\x8f\xeb&amp;\xe0\xf4\n\\-M\xd8\xf3a\x81\x0b\xa1\x1f\xdcm\xe3\xa0\xee0I\xbeQ@\xb0B\xbc\x8d\xe4\x9eA[\xaa\x9b\xe4\xff\xa25WI\xf0\xd1d\xe7\xaf\x17\xdbSV&lt;\x95\x13X&lt;#\x93\xe1\xcep\xeb\xea\xed(\xf7R7\xa7\x1a\xf8j\xd5\xba\xab5c\xecA\xa6\xb5\xd5\xf8\xec.\x13\xcd\xe1\xdcA\x14K\x01^\xafVd\xbbF\xa0\xe0\x86g\xc9r\x8av\xae\x90\x1c\xb8\xa1~\xe0\x15\xc7\xd0(t;0x\xc5\xe8\x92*\xfb,\xd2@7,!7\xc7\x83\x1b\xc5\xe9\x19\x8e\xf7\x1b\xe5YD\xb9\xef\x1f\xd1]\x8c\x0eE\xd9j\x8e\xe8\x923\xd1\x90\xda\xf2\x1f\x15I\xb6\xbb\xd1\xf3\xec\x9b@\xa1\x1f\xa78\x98\xfd\xe6\xc1\x87\x90\xba\x071\xc5\xfd\xdd\x9a\xb8\xa7\xa2Y\xbf\xa9\xd7\x88~x\xe9cyb\xady6\xe9\x10&gt;C0.\xcf\xd3V\x04\xa8\x85\xf4+:\xb6\xec\x80\x95\x89\x8d\xb5\xfaON\x8a\xdbB\xbc-w\x04\x13c\r\x91\xc1\xa2\xfcE\xad\x7f\x01v\x17a\xa2\x8a\xf2\x85\x96}+]\xe0&amp;\x04\xb5\x98\xc7\x0e\x00AF\r?\xa2*\x08\xc8\xdf\xa4-v\xa5d;t\x12\xce\xc3\xcac4\x9dE0v\xbf\xe7\xe2\xe8\xd4kkc\xe7i\xd0Sz\x846\x15\x01\xe0$dJ\x8d\xcb\xa6\x9b\x1f\'\x96\xa3\xf3o\x8f&lt;\x00\xd8\xf9*\xd1\xb0\xd7t/\x1d!\xc8G\xf4\x03=\x1czz\xd8\r\x1d\x0e\x97$~Q\xb8\xd95o\xca\xfe*\xf3#\xe1i\xe3T\x92/\xd1\xa8\x03\x9c\t\xd3\x1a\xcc\x01\x88\xa9\x90\xdf\xd0e\x832aQx8\xe7\xdd\xd3\xda\x19\xacsQ+j\x1bK\xaf\x1e\x9a\xda\xfe\x9d\x81\xf1\x81\xb6\xde\x85\x98\xb0xXm|\xc0\xb2"co(fX\x1a]\xc7\xb1G\xf6\x17\x16,\x07#\xbfx&amp;5\xed\x87)W5\xb4\xed\xee\n\x10.E\xee3\xf0\xdf3%\x05?\x91\xc6\x98v@\x93P\t\x95~\x92\x1aP\x84\xa4\xa4\x07N\xb6\x1c)\x1b!\xe2M\xa6\x19\x1e\x85\xacm\x04\xf6\nV\xd2\xc6G\xbd\x81\xe4~N\xbe\xcfc\xee4&gt;=nj\x05\xc0\xe0\x8b\xc7\xe0\x13$\xc8\x13\xf3\xa8\x86\xcb:\xcb(1NH-aE"zE\xf6\x1dB\x9aW~\xf0\xa9\xd5\xab \x8d*P+\xd8\x00\xd5=\x7f\xc8\xd8\xfa\x01\x1ei\xc6*1\x96\x9d\xc0&amp;*\x88/9\xdf(\xdb\xf0\x89\xe9\x92 7\xe5$\x87\xe1&amp;vpj\x9a\xe7H-f\xc9\x95\xb8\x17\xef\xc6\x02\xc3\x89*\x12\xb8m\xd7\xd5I\xd1\xc7\xa8L_^:\xd4\xd9\xdd&gt;j\x14\xb4co\xc6^\xcdx\xc4\xce\xb0\x90V\x85\xd1\xee\xf6c^-{+3,.\xb7\x8b\x94\xe5mc\xd4;v\xe6i\xce8\xca\xd2/\x97\x18\x18\x07\xfbX\xc3\xbb\xce\x8ft\x9c\xae(\xce\x86\xfdJ&gt;7C.\xfdb5\xdf \x9e\x19\xf9\x08W}2\xd5\x0bV\xb7%\xeb!\xf8\x1e-[\x93(N\xb8\xa2(4\xc9\xe5\x83J\x08\x15\xd2\\\xc0m\xc1\xd0p=\x8f|\xf8\xf5S\xd3&gt;\n\xf9\xf9\x9a\xdb\x01\xda\x8aJ\x87\xf9\x8a\xa3q\xf4\xc2!|0\xbd\xf2\x7f\xaa!/\xec\xc8\xa3\x07\x10\x98r\xb2\xb9g\x16K\xa4\x15\x91\xa8\xa5\xa2\xb8\x12\xdc\xd4^nwqO\x88\x80h\xd5^\x96\xcd\xa4rb\x82xB\xee8,Bn\x00\xaa\xe1h\xdf0\x16m\xe6\x82n\xf8\x9a&gt;\x05\xf7,\x9b\xdc\xe3\xeb\xe3ZI\xd1g@\xfbk*d\xb0\x06S\x8f\\\xfeM\x1c\xca~\x11d\x1f\xa8\x07\x92\xa6)\xe2K\x11\x87l\xb5\xa2=o)\xe2\xe1;,\x81\x10\x81O=\xe9\xb8\x80x\xe1\x1c \x94\xe6M\x19T\xfbs1}Rm\xab\xfc\xc47\x8f\xd8Z\xb8\xd1B\xfe.\x82\xb1\x0f5,\x15\xe5\x93E\xac\x03\xda\x0c\x01\xa0\xd2\xd5{\x99P\xc8\xa8E\xc2^\xe9\xd5\x9e\xf0K\x1a\x87\xfe\xc7\xf7Y\xec\x87V\xd1}}7x2\xe5\xeb7\xde\x94\x0e\x19\xdc\xa9%4_\x920\xfel\x11fk\xe8\xa9#\xa6\xa0$\xd8$JN0\x90\xf0\xd8\xa1\x8e\xd4\xf6\xc1\x11\xdf(\xb6\xda\xc1*\x1abK\xa3\xb5\xec\x8a{\xbb}\xc6I\x19\xe9y\x0e&gt;4\xda\x1c5\xd6Gj\x0e\xc5\x9e6\xda\x05OW\xb7\x08.\xe7\xe1,\xd3\xa9\xc8j\xdb\xce/+\xaa\x9d\xbcF"\xb6\xb2\xdc\xd8\x86\xe8\x01\x97\xd1\xef9\xcf\xf6\x81\xe3\x01\x02\xee\xf1\xfbY\xf3\xfcU\xfb\xd6]\xee\x1f\xae\x7f$\xe6^;\xb9\xcb\x99\xe7\rO\x92]N\x05\xec\xad\x05\x0c\xfa\x02k\xff\n,v\xf8@\xad\x9e\xfc\xce._y\x1a\x03\x99@\x19,\xda\\p\xa3\xc0\xa9\xac\x07\x97\xba"\xda\xbc\xa6;\xcbZo\x91\xcd\xc7\x18\xd3r\xdc\xd8w\xc3YL\x1d\xbc\xf3\x93}\x9d0\xd9a\xa4\xa9\x92\xc0\xa7\x83\xe2\xbdu\xc1\xde:w552g\xf8 \xf2\xf6\xee\x97{\x18L\xe6O\x9e\x0cj\xbd\x97\xc8\x88\xb4Qr\xd8\x1b\x89\xe0\x1c\xfb\xbb\xcbz^9\xc9\xd6\xfai\x97Y\x8b{\x13\xfc\xd3Fs\x89\xdf\xdd\xa10\xedId\xfb\x9e\xf8\xe3\xdeGsq\xfc\xe1&amp;\xb4\x9b\xea\xdaW5\xee5 \xab.\x87\xd6\xc2*\xe3\xd9C\xdcb\xf3\x87\xa0r\x02\xba;\x9ce\x85\x8d\xc1\xa7\xd8\xb2\xc2\r\x91?%\xad\t)JY5\xd6*\xd6\x9c\xf1L\xc8]\xc6)\xd5\xd0a\xb5\x07\x82\xd8\nP\xfe\xe4&lt;\xe6`\xb1\x8e \xc4\xf2\x82\xb5C+\x10\xff\xd8\xcb\xa8\xd1N\x99\xe1\xe6VPRO\xab\x0c\xb3\x8b\xd5\xa2\xbbHy\xd3\xcbj\x1a\x8dVLlb\xed+\xb6^\xb0\xb0\xe8\x01|\x1cIN\x1f\xb5\x7fD10\x88\xc4\xd0\x00\xd7\x9a\x07\xfc\xbf\xde&amp;_\x83\xdd\x80]/m\xe6\xea+\x8fs\xbd\t\xb4%^o\xd2\x00\nj%\x9a\xe5Zs\xd0\xbf\x04f\x07\xd8\xc1Y+\xed#\x06\x87\xd0\x88@\xe2E\xbbu\x7f\xfd\x9f\x85\x19\x8c\x88\x8e \xe93\x1f1\xc2\x90\xe6\x1c\xc9%UE\xf2c\xa8\xb48\xae\x06\x91\x85:sp\x96\xa5\xc4\xfe\x93&lt;\x0f6\x05\xdf\x1e\xd7\x06X\x91\x93U\xad\x1c\xa1/\xed\xd6\xc7\xa0\x99\x8b\xba\xe9\xaa\xbd*\x11\xcampK\xb2\xa3\xaf"\xed\x9as\xb2\x1d\xc0\xfex(\xac\x8cU\xb4P\x1fH9\xf0\x14i\xe2\xfcv\xf5\x9bE\xddV\xf1\xbb\xffh\x8c\x95\xec\xd1%b\tda\x10\\;\xd5\xd7\xe3?\xbdZ=\xf8;\xbfy\xc1\'\xefl\xb5\x93\xf3\xf8\xa9\x9a\x01\xfcas\x14B\x18~s\xd4\x11\xe4\x16{\x89\xd4\xacM\x81\xadn\xb6{\x88W\xf4\x9d\xd0\x94\x9b@\xdc\xab\x91?\xa8\xa8\x81e\xdc]\x91\xa4\x88-\xef0\n\xa5+\x1d\xdf\x00\x02\xa2\xdfo\xb6\xf0y3[\x12qL\x8883\xbaC\xd6\n\xef\x95C\xc0\x91&amp;O\xd7Sy3\x8cp}&gt;j\xd1\xb4aT\x17\xc1*\x93\xaa\xaa0\xa9\x87\xe1\x0e\xd8\xd2\xbd\x18XEHL\x13S\x8a\x99kl%/5\xf8\xc1\x9a]%\xc6\xfb)06\x8d\x0bJ\xb0?\xcd\xac\x0e\xc8yJ\x9dX\x80\xe2y\x05(\x17\x0c\xb6\xc5\xca\x7fy\x8f\x9du\xcf`\xa3\xb7\\\x03\xd3TV!\x9f{eI\xf1\xd2u\\\xb4\xba\xc9O\xa0V_=U\xdb*\xb4Ia\x99wb\x04\xa0\xefM\xaf\x89M\x9em\x8fL\x15,\xf4\xa9\xfc8\xeaG\xe0?\xa6\x89\xe0\xd0\x12\xb5&amp;\x1dw\xce=\x8b\xdb\xf2]\xacnD\x85\xc7as\x93\x0fK&lt;\xe8f\xc2,\xa69l?\x0fR\xf3\xcc\x91L\xa1\x13\xbb\xac\x11\x94\xf0\xd2xi\x9du\x0b\xbf\xda\xc4\xd6O\xa0=~\x01\xd0$\xb8\x1f\x95\x8d\x1f\xee\xeb\x18\xb8\x97&amp;\x1b.\x85\x0e\x95\xa5\x1e2W\xb0\x05I-\xa2&lt;\x88\xd1\xca\xe3 \xa3\x12{\x14\xb0\xcd\x17]\xf8\x8d;\x08\x91\xf6+s\x84\x9fC\xd6\x06\xc9&lt;a}\x97\x18g\xb3\xe2\x9e"\xc6,\xafTx\xb0\x96#\x9e4\x068\x07\x821!~\xd11\x03j\x9b\xbb\xd0\x1a\xab\xc7\x94\xe5\xd6D\x96\xe5\x99I\xa1\xc4C\xebiO\xf3\x87\xb0\xc5\xb5\xde\x02\x9ao~9r\xd3&lt;\xc3&lt;c\xbe\x9a~\x0c!\xfa\x15\x93\xd7|\xe8V\x16\x84\xc9\xebI;Y\xe3\xc9$\xf0\xde\xf3\xb4(\x90eh\xfaa\xb6\xe0\x9b\xb0\xc7\x11e\xca\xfd\xf7\xf2c\n}\xb7$\xeb:XQ\xfe\xa1`\xe4\xb9\x0c\xf5\x18"\xba\xe1\xcae\xbc\'JE*`D?\xcd \xea\'\x0c`\xbb\x04e]\xf5x\x85\xae\xaa\xf9~\xb1\xa5\x8f\xdfI&lt;\x81)\x11\x1d-\xb1\xf2\x9e^v\xac\xcf\x0e\x1e\xc7\xd0\x1fj\x00|\x97\xcc\xbb]Z\x11\xf4\xab\xa8\\\x92\xfa\xa4\x8a\x08c\x113\xf2\x13\x05\xcfT\xf2pB\x8al\x05\xeef\x97\x87V\x1c1\x06\xc5dqR\xbf#A\x03#\x19\xcfY&gt;\xcb\xf3\x8ehai\x88\xfe^\xb6\x17\x07\xcb.cW\x12\xf5\xc9@\xae\x93\x1b\xe6\xa3\x13\xa5u\xdc\x96-\xe6\x8f&amp;\xb0q\x84\x84\x90\x08\xa5$`\xdfQ\n*\xceL\xd9{\xe8\xf0#\x13\xa5\xf3.\x07\xae\x14\xaa\xd6\x12r\x89\xeb\r6\xba\xa8\xe1?s\xc8D\xc7\xe4J)\xd9\xa5\xc6\x86\x94\xf8\xc4\x9f`Se\x1c\xab7y\xdbJb\x94\x1bf\xfbJ\xe4\x15-t0\x82\xa0\xe1\t\xf2\xbe\xb6"\xd3\xb4\xc7\x10\xc9\x8c\xfb\x96\xaf\xd3\x17\xc2\x0c`\x19\x01\xc9\x14\xfd\x14\xe4IE\x94\x0f6^\x11Y$!\x04\xce\xed\xae2\x10\rz\x10m\'lRY\x19\xe2\x96\xe6\xd9\xdaP\x8b\x8fq|\r\x17Dj\xe8\x18g?\xe7\xe3{\xc9\xdd2\xe5\xc0\xe5uj\xc7\xbc\xe0f*\xfb\xb0dw\x8dI\xd8\xba\x13G\xc2\xf1+\xbfJQ;u\xb7\xdd\x93\x18cO\xf1\xf5w\xcd\\\xa4\xe2W\xec\x9b\xec\xed\xa6 Jv{\xf3`"[\xad\xf8\xb8\xe2\x9e\x8fs\x1e\xb8\xa2\xd8\xcb\xf0yt\xf9\xedl\xd7\xed\xf3W\xcf\x8a\x9e\x98\xc7\xf9\xfe\xcf\x97cE\x14\xe8#\x14k\'\xa8\xa9\x97\x16\x7f\x93\xc1\xb6\x8a*\x9e\x83\x92x\xd0\xe98\xfb\x1c\xb5\xbb;]_\xc2\x0b\xbfN\x9c\x9f\x9d\xf5`\xee\xca\xbb\x14\xa7\x1b1\xce\xd1C\xea\xa8\xd5l\xa8\xb4|\x80\x81\x16\xac\x08]\\\x83\xd1\xcf\xd0;\x7f*V\x01[\xaa\x83\'\xed@Pb\xdf\x02Kr\xda\x85\xd0$\x9e\x88\xfc\x8d\xca"\xcb\x1f\xc1\xd6\xdc[\xf2GJ\x82^$m\xd7\x8f\\oP\x9dpg\xbb\xc3\xf07\xbc\xb3\x18\xd91S\x0c\xc6&amp;\x10(\x8dj\xd0\r\x95\xfc\xb4\x10\xb3\x0f\x9c\xca_TNju;\xfbc]\xef\xc0\x92\xa4\xeb\xfd\xc2U\xd5\x8c\x99\x05\xab\xdf@\xf9vD\x84M\x08\x91\xff\xc2{\x99!c[Bs&lt;\x04\xc7\x94S,|0mb=\xc1\xf9\x0fN\xa0\x99z\x9c\xce\x11m\x02\xa2o\xc1\x12\x86f\xab\xe24\xcaS0\xa9F\x86\xbdB[\xc1\x987j\xf3\x93\xd20\xf7t\xcb?:"w\xe6lq7\x9cf\xf9.\x9c\x12\xbb\xa7T\xe3hG\xf9\xfa\xd1\xff\xa9\'\x0b0\x0f\x15g\x1e@L\xd9\x94m\xeb\x96*X\xc7\x8f\xb5\xf6\xe3\x90r1:\xa74\xff\xeb\xcb\x15\x92\xdd\xf7y\x04\xec\x1fI\xdc5\x00\xfc\x1e\xd7\x1a\x1e\x98+\x1c(cx\xedl\xb8\xc9_\xc67\xa6E\xe0WVUz,U\x982\xcb\xfcA}\x9b\xae\x9d\x9e\x14\xfa\xc7\xf4\x882\x98\xec\x8cZ}\x04\x83R?g\xaag\xc9\t\xb1O\xa6\xbd\x02\x06\x0c\x02\xbf\xaaY\xfd\xc0\xa2\x0c\x96_\rG%l\xa3 \x08\xa4\x9f\x1f\xdf\x12\xf9\x13\x17\xce\x8c\xfa\x19\xd7\xbc\xebr\xa5\xc6v6k\xda \x96\x03ZA\xe2\xe5"\x867O\xdf\xfdr\x14R\xae\x14\xc1X&gt;\xe1{y"\xad\xc4&gt;\xd5\xb2\xfe\xf1j&lt;P\xd5p\xae\xc8\xc9qi\x92\x97\\\x03m\xd6\xe5 /\xa4;\x98|\xc7\x0b\xc4k\x05\t\xce\x17\xd2\xc3/\xe1\xd0Y\x1fO|\x0e\x810O\x91\xa3\xeb9\xb1\xee\xa1s\x11`*\xea\xa1p\xc2\xa4\xb1A\n\xba23\x85\xbe&lt;\x0c\x8b\xed\xa1]yN\xf9M\x1a\x06\xec\x12\xb3\x95\xaf\x11\xf0\xf9\xf1\xa5\xabV\xa5\xab\xb8{=\xf4\xe6\x0eg\xa7\xed\xa7'</t>
  </si>
  <si>
    <t>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</t>
  </si>
  <si>
    <t>b'\x1c\x14\xe6|\xc4$\xb0\xd2\xd4=\xa4\xcc#\xaa\x13\x8f'</t>
  </si>
  <si>
    <t>should like to see your cottage."
Martha stared at her a moment curiously before she took up her polishing
brush and began to rub the grate again. She was thinking that the small plain
face did not look quite as sour at this moment as it had done the first morning
she saw it. It looked just a trifle like little Susan Ann's when she wanted
something very much.
"I'll ask my mother about it," she said. "She's one o' them that nearly
always sees a way to do things. It's my day out today an' I'm goin' home. Eh! I
am glad. Mrs. Medlock thinks a lot o' mother. Perhaps she could talk to her."
"I like your mother," said Mary.
"I should think tha' did," agreed Martha, polishing away.
"I've never seen her," said Mary.
"No, tha' hasn't," replied Martha.
She sat up on her heels again and rubbed the end of her nose with the back
of her hand as if puzzled for a moment, but she ended quite positively.
"Well, she's that sensible an' hard workin' an' goodnatured an' clean that no
one could help likin' her whether they'd seen her or not. When I'm goin' home
to her on my day out I just jump for joy when I'm crossin' the moor."
"I like Dickon," added Mary. "And I've never seen him."
"Well," said Martha stoutly, "I've told thee that th' very birds likes him an'
th' rabbits an' wild sheep an' ponies, an' th' foxes themselves. I wonder,"
staring at her reflectively, "what Dickon would think of thee?"
"He wouldn't like me," said Mary in her stiff, cold little way. "No one
does."
Martha looked reflective again.
"How does tha' like thysel'?" she inquired, really quite as if she were
curious to know.
Mary hesitated a moment and thought it over.
"Not at allâ€”really," she answered. "But I never thought of that before."
Martha grinned a little as if at some homely recollection.
"Mother said that to me once," she said. "She was at her wash-tub an' I was
in a bad temper an' talkin' ill of folk, an' she turns round on me an' says: 'Tha'
young vixen, tha'! There tha' stands sayin' tha' doesn't like this one an' tha'
doesn't like that one. How does tha' like thysel'?' It made me laugh an' it
brought me to my senses in a minute."
She went away in high spirits as soon as she had given Mary her breakfast.
She was going to walk five miles across the moor to the cottage, and she was
going to help her mother with the washing and do the week's baking and enjoy
herself thoroughly.
Mary felt lonelier than ever when she knew she was no longer in the house.
She went out into the garden as quickly as possible, and the first thing she did
was to run round and round the fountain flower garden ten times. She counted
the times carefully and when she had finished she felt in better spirits. The
sunshine made the whole place look different. The high, deep, blue sky arched
over Mis</t>
  </si>
  <si>
    <t>b'\xf8\xcba\x98\xe0\xa9\x89\xeacPR\x8d\xdd\xe5\xc3q\xb5\x87\xc6\xee@q&lt;\xfaF\x8f\xc8\xf0\x8b~\xce|\x01\xde("\xcaj\xfa\xbcs\xdc&amp;\xe8\xdd\xd2\xce\xba\xdf\xfej\xd7&amp;4\xf5g\x88\xad0\x1e\x0e\x00\x8c\xf1\x81\x96\nQ\xf2\x8f#}P\xe5\xff\x91/\x00\x11\x0bA\xbc\xe1\xd51\xcc\xfcj?\x03\xd9\xbd\xa5\xd2\xfc_h6e\xea\xeb\x8e\x97\xf8g\xc8&lt;\xedx\xde\xcb\x0e\x88$b\x92\xe7Q\x01\x91\x89\xa9\xaaamI\x95\x19\xcev\xf2\xca\x0c\xbe"\xb1\x82*\xb7B\xdf\xe2\xe8\x1b~\xb1\xd7\xcf\x17\x03\x97\x9e[\xd6\x1ff\xdc\x7f\xceR\x9a\xd3\xf8n\x8b\x0b\xd5X\x8b&gt;\x81\x89\xcb\x9e\xe2\x87g`h\xbd\x83.\x00\xb8\xe48\xb7\x94\x16Mc\xee\xc7\xecS\xcd\xd4ZM\xa1\xc8]H\xea\xb26\x02\xb5\x8c\xce\x86\x1e\xe3c\x8e)\x0bD\x1c; 7\xf8\xf8\xd1\xf7\x12Jy\xe3\xc5\xff\xf9.7j\xaeF\x8e\xda\x19$\x9b\x1c\x9a(MY\xed\xfe\xdc\xd34!\xf0e\x86\xaa\xae\xc8\x9f\x8f\x02\xe1\x85\xcb\x17\xee\x9ck\x8a|\x85\xf2\\\xfb\xb2C.\x93\xc2\x0e].]%\xe5\xb3\xd1\xb2\x8eT\n\x92Y\xc5\xbd\x15\xe2\xc7\x91+\x90\n\xa5\xe77\x01\x92\x1e\xc3\xab\x81}\xf9\xe2]"\x8b\xb1\x1aO\x90\xb0\x11\x84X\xf2\x02\xfb\x08\x8f\x89\xd3V\xa3\xa86v\xef\xec\xc1\xa6)iNIQJns\x82\xd3Q\x9e\xd7\xb1\xbe7\x9fK.\xbb{t\x17\x190c]\x14|I\x93\xb1\x18\t\xd9\x03\xcc\xcf\xebU\x1f\xdb\x13p\xc1R\xffBI\xcf[\xcdW^\x13j;8\xa8\xfa\x9e\x0bUW\xde@2\xefJ,1\xbe_^\x9cD\x96\x8d\xde\xaban#\xc6\xd9\xc2&amp;\x0c\xa2\x06\t\x06M\x8aO7\x93\xf2\x84\xfb \xe5\xc3\x1c\xe8\xad@\xb5\xde\xe69\xc9\xfbi(\x7fy\n\x9d\x16\xb03\xdd\xd8\x12N\x043\xb7W\x8d\xde\xbe\xd0\xfby\x02\x17\xa7\x1cG\x08\x92\xce\xfd%\xdd\x98\xad\x86\xbe\xa6\xd7\x90\x03\x11\x170\xe7\x96mw\xe358\xbd\x93\xab\xb6\'\xf5\x9d\x97\xbf\xbb\xe7\x0b\x0b\x13J\xc7\xbd\xd8\xd6\xa6\xf3\xf2\x90\x05\xc9u\xdb&lt;)n\xc0\x9d\xfbd\x1bz\xc2\xdf\xfb\x06\x01\xf6\x8ek\xa1\x92\x8bw\xe3\x1e&lt;S-\xe8j\xe7\x9e\xe3\xdf\xaa\xac\xbf \xda\x98"#wz\xc3\xe72\x04\xfd\x18&gt;h\xbdS\xea\xfd\xb1\x1f\xa0*\x9b\xbc\xf1\xbb\xfb[\xecQ\xf1\x02w\xe8\xe3\x96\xd6\x9d\x06\xa7\xa0\xfb\xab\'\x1dP\xa1\x0e\xcc6/\xd3&gt;\x1d\xd1\x8f2\xe3\xca*\xc4\xa3\x84\x91"J\x01\x94\x81\xe8\xbe\x97\x93\xb0\xa0\xbbYY(\x05N\xbb\xe1\xad\xd1(N#;\x8f\xd1.\x9a5\xa3a\x9a+\xd7;Y\x92\xbb\x86\xdb_6S;\x0b\x80X\xfd\xcc3j\xe5^\xe5\xc1%\x1f3\x12&gt;w\x12\x8a\xf75\xeb\xb1\xe2\xc0]\x0f\xc0\r\x01\x87\xdfEel\xac\xcax\xd2\xe9\xfc\xc1l\xa6\x17\xe4\x9fr\x80\x97W\x97\x01\xc3on\xdc\xf6\x1a\xfc(tQs\x10\xd8\xefny\xe7\x95\xea\x8b\x17]\x18\x8cfR\x97\xd5\x99*\xd8\xe6\x10\x9e\'\xa2\x97&gt;;\x92\x03\xd9\x81U\x81m2\xd6\x86\x8ac\x00\xe5w\xdb\xcddT\xeb\n\x98\xf1M\x0f\xe8BE\xd5m\xefjyt\xb8\x18\x9f\xdc+\xb0\xa5C\x1dw1~N\xb1\x1d\xbb\xf17p\x84q\'\xba\xe6*\xbb[b\xf3r\xb2w\x96\x9d\x19\x7f\x1a\x19,f\x07\xf0$\x19\xe45}\xd6\xc9|\x9e\xd3\xcc\xa9\x85\x94\x18\x19\xf8\x10Hj0\xed\xf49,\xbe,=\xc3\xde\x86\x11\xa1\x8e\x17a:\xa0\xe8/\x8bgM,\xb0\x8d\x0e\xfc\xe2*R\xb9,\x07{\xcb3#\x01L\xbfm3:\nfO\xc5\xa5y2\xd9\x91\x8a\x0b\x1c\x1d\xec\x16sl\xbf\x93n\xe5\x05\xe5g\xf4\x87\x11\x9a\xc4\xa5I\xfa\xa6\x1c!6\x02o\xae\x96\xfc \xdd\x00&lt;\x82]\x00\xc0\x92X\x92\xc1e=\xbf\x9d\xa5"\x0c\xac\x11%p\xa3\x12w\x80\xe8\xe6\xce{\xbb\xabF\xdf"I\x1c=\x93\xdfr)\xa1\xe5\xa6-\xc1\\\xbf#\xe9\x08\xaf\xb2ZS\x8d\xe1C\x06D\x96\xbe\x14\x9e\xf4\xeb}7\xedE\xf7\x07#\x17\x96\xa8\xef\x184\x86\xaa\x94}\xb1\x86)\tk\xe7X\xe6"1\x92h\xe6BS\x93\xa8[Z\x96\xdc9vk\xc8\x18\xe5.\x1f3\\\xe2@\x8c\x8d\xaa"\xa0\x19\xae\xdf\xad\xd0|WW\x8dD\xfc\xbe\xae\x9f\nP\x02$\xd6\x0b\xb0\xa4 o\xf4\x0f!6G\xd5\xfd\x1d\xb0v\xd2s]R"\xa5\x85Cq\xd0\x9ct\x94m\xfa\xfdq\xaf\x8e\xfe\xdc\xf4_\xd6-\x03t\xc9\xf98C\xa1\xda\xcb8]8\xa08\xfa\xf1\xa1*9\xeb\x9c\xae\x83\x82]\x9d\x8b\x1a&amp;*\xfc\xdc\xea\xb5\xf3\rS\xd2k\x8b\re\xe7\xba\xd8\xd4,T\xden8}\xa0\x8a\xcf?O\x1b\xc1\x19j\xc9\xa9.\x9b\xc3^\xeb\xe4\xf7\xeb\x17\xcc#\x1a)A\x13\x12\xe2\xd1\xdbz\x1e.\xef\xe2\xc1\xdf\xdbwl\x89\xde\xa6\x84uU\xde\xdf\xc1\x12\x05?\x9c\x94\xdb\x14*\xf4\x01T\x92\xd2\x97\x16\x16\xb8\x8b\xcfg\xe7\x7f`f\xc1\xb7\xa1\xf1\xeb\xe4#\xfb\x19\xf2\xfcWn.\x15K^\x85\xf7\xbf\x97\xd2\xe4\x98\xfdrPp\n\x8d]2\x99\x81\x12\x8c\xe0&lt;\xbdqh\x0c\x0c\x8f\x1aH\xce,eC\x8a\xae\xa9IM0\x08J\xa1"\xe0\xbb&lt;33v\x86\xe2\x12\xb1\xc5M\t\x17(r\xce\x84\xb5\x05\xeay2\xeb\x7f\xaeA\x17\xac\xd7D\xdc\x8e\n\xc11P\xd5 \x1bG\xe4\x88(\xea\x86\xaf[\xe7\xdc\x16\x9f\xaf\xf2\xfbM4\xe3*2\xea9\x85\xdbo\x8b\xb1s\x053\x1f\xb6Y\x0e\x04a\xcd\x07\x02\x9f\x1c\xca^\x07yqXU\x9bi\\&lt;%?4\x1d9\x08\xce\xa5\x9en\xf3\xaaC\xf3b\xd0\xc3\x06,\xd0\xb29\x96\xef\xd8\xbf:\xb1q88\xab\xd3\x91k\xd2}\x92N\xc9\xeb\x97\xf4\xedD\xa7\x90\xdbZ\xd1}\x9c\x83\x10\x16n:4\xf9\xe8p*\x98\x89\xf6=\xe7\xb8Y\x90\xcd\xf4\xc8Z\xd0,\xde\x95/)\xe4\xa5\xe7\x1a\x7f$)\xbc\xc2\x8d\xd4\xcd\xbe\xbd\x99\xe7\xf9\xad\xe3\xbf\x15&gt;M\xc3\xf7 D\xc9%5\xc1\xe3x\x96\xae\xd1\xcf.p\xe7\xc2k\x03\xfa\xd5\xe6\xba\x8a\xf5nl\xc3\xf2&lt;W\x12.\x83\x1f\xbcEr\x0f\x11\xb7\xae\xc7\xe0\xc3\xad\x84\x1e\x94T5\x1dG\x0ba{\xed\xe9ig\x12\x12\x98f\x04\x05\xd8\xbd\xc3\xbba\xd5\x947\x95\x121\xbea\xaf\x05n\xe8\xb5\x98^+S\xbf\xea\xab\x8b\xbbb\x10\xb5\x18\t\x1e\x9cG\x7f\xdb\x93\xaan\xceoW\xbf\xc0d-o\xa4\xd5`\xf0\xa4\x97\x83\x1d\xa5\xe2 \xc6\xa5\xc20\x80W\xb3&gt;\xa5\x1a\x87\xbb\xbc\xd7\xce]\xe8;\xfb\xe0\xae\x8d\x9a\xbc)\xcb6\xe2\xd1\x00\x99\x8f\x90Q\x884v\xdff\xd2\xf1\xebb:@A\xce\xf1\xdd\xa1\xd4^A\r\x1d\xbbY=\x9d_\x87\x91\xa8\x15\xdf\x15\x12\xdd\xff/\xe0\xb8\xdf\xc1\x07\xfd\x96d\x1a\xb3_r?B\x9b\\\xba\x91\xa8\x90\x19C\x12\xc0\x06N]\x1dF\xd5{\x1a#\n\xfa" .c\x88v\xe5k\x81\x15\xe0\n\x97\x05\xdf\x96\x9e\x9dq\xac\xbd\xc1(\xebU\x8dMa\xaa\x83\x84.\x1e\x8c\x03P\x81\x96\x83M\x97Am\xbe\xc2\xe9\x91\xf3b\xf6\x9e\xe3(\xfdqM\xd2u\xfb\xaf\x8cZ\xa0!\xbe]\xfd6}\xfc\x06\xdb\x13Q!\xe8t\xfd\xdf\xd0.\x08\x1a\\\r=\xd5/7\x1e;h\x95\xacE\x8e\x14\xea&gt;\x1a\xcc|\xf58\xc3)\x1f\xd7\xf1Q\xb5\x92\x99\x03\xac\xae\x19\x04q\xe2\xca\x8cA\x1d\xea\xd7\xd9\xa0a0\xa5f\xe7_\xd1\x962\xed]@kW:O\x9b\xc6\x96H}zt\xfa\xf1\xf2M\xdc\x82+\xaa\xd9\xe5\x14\ts\x05h\x1dH\x1c\xea\x06\x80\nt\xa2K\xde\xfc`Cb\xbf\x8c\xa1;\xd0\xc3{\x14I\xd0ee2\xeaQ\x8b\xc3#o-\x86?\x1e\x8dAO\xa8br\xd4gm\x16\x90\x96h\xb0Q\xfan\xce\xd3\x1f\x9aK1O\xb9o\xa5\x98\x1f-8\xbe@\xa2\xef\x1c\r\xb1\xf4\xe2b\xfav\x8e3\xa6v\xa5\x87\xe2\xe9\xa4\x9d\x08\x85\xfd5N\x08\xb6\xa0\xb2\r\x95\xff,8\x88\xeb\xf2\xd6\xf1)6$G\t\xbfp\xa9\xe7\xdc6\\i\xbb$ZKM\x86\xbf\xdef`\x7fMtW\xa9\xe3c\x9c[\xa2\xcek\'\x17%\xc5\xe9\xcaz\x84B\x0bY\xf3B\xba8m5\xbd\xa2\xc3;\xce\x90.\xf37\x7f\xf5\xbe\x7f\x0b\x80\xe7lz\xb6\x93\x04}\x03ooY\xac\xe6V\xdd\xb6d\xf3\x9b\xbc\xef64\x86\'xc\xc0\xcc\xea3\x85\xa7$|S\x1c\xb0\x12\xb1\r\xf9\x95\x08-Q\xdf\x92\xe2#\xdd\xea\r\xd4,\xeag\xa7m/^\xec\x15c\x8392\x90+\xbf\xc3\xa3\xaa\x1d9\xec\xc8\x95\xbc\x9fu\xd1\x03\x1a_TCp\xc8\xb7y\x8cm\xf0\x9eV\xbc0\xc4\x8f\x1d\xba\xdd\x1f^\xe2\r\xf95jc\x98\xe6\xd1\xb3\x9d\xcf{\x04*\xb4\x8a\xeeBX\xce\x14F\xb9\x1a\xf8\xf1\xe3\xc0rUF\xcd\xc4/\x9f\xd8\x0fi\xf78\xae\xee\xba\x8a.\x88\x8d\xad\x8aT-\x8eU\xee\xbbI\xf3\\_\xcc\xd6\x16&amp;2\xd9:\x81jJ\xb3&amp;\xb1pU\xe1%\r\x87\x83\xbe\xf2\x7fzY\x03\x0bZ\xa552\xab\xf8\x93"\xd2e6.Z\xa0\xd9\x87\x9bs[\x85\xa7\x18`\xe8\x83E\x8a\xd9\xf3H\xb4\xf3\x91\t\x99Z\xb7\xe8\xdeP$\x17\xb7\x1e\x83\x11u`F\xcd\xf7Ql2\xe3\x94\xb5\x02G(\xb4J&gt;3V\x1c\x7fL\x0f\x8d\x8a\x82\x07\xb7\xf7\x1a\x878\x0c\x14\x1e\xa2\xf3(+\xb7hd\xc9\x90\xa5\x1f\xd8J\x1f\x0f\xac\xeb\xd5\xb9\x99\xa4\xdd\x85\xe6\xdb)r\x05\xf0\xa6x\x89ZD^wJA\x93K\x1aE\xfb\x85\xbb\xa5\xb8\xe8\xf6\'\xc29\xd6_\xf47\x92\xa2N\xb0\xb4c\xb9\t\xba&lt;\xfe\xd4&gt;\xb77m\xe0\xceW\x8d]\xbe\x01\xcd\x99\x9b:\xe5\x0e\xf8V\x0c\xb2k`\xadS3\xf0\xa1\xaf\xd4\xac.x\x90\x18\xf3S\x99\x8c\xb2L\xe9\x1a\x9d\xfa\xaa\x0f\xf4\xd64h0m\xfbLkPh\xac;@{n\xb3\xfe\xec;\x94 \xe4\xd7\xdb\xc1&gt;\x03kP\x8c%R4Y\xf3\xfa\x8b\xff\x02O\x87\x03\xcd\x83\x9a\xe3uy\x8a\xb6\xc8\xa0l\x933H\xe4\xbb)\nMA&gt;\x9e\xc7\xb0\xe7\xbd\xe0\x87\xd9\xc0\xc6\xe2\x1d|\'\xad\n\x9c\xcb\xd8\x89\xde\x9f\x8d\xe4\x87\xac\xe2|\xc4\xf0C\xaa\xffXIP\xf3|\xcbi\x7f$\x7f"\x0b\xb1|\xb4\xa2\x9a\xc0\x1d\x8a\xe3h\x1e\xec\x8c\xa2\x99*\xdb$\xbd\x93\xd4\xb6~\xf0-\x90\xb5\xaf\xf0n\xa4#\x87\xe76\xc1\xbdu*c\x7f\xdc\xc1B\xa9g\xe8\x13o5\'\xe2\x16"\xb9\xc5\xce\x81\xf8\xaf\x97\xc9\xa4\x1e\xd5\xc5F\xa4a\x90\x066\xb8*\xfd]*\xfbNNv\xcc.\xb1f\x1a\xfe\xc8\x1d\xb7\x896P\xdf\xc3\x7fw\n\xfb\xaeF\x95~-_\x00\xcb\xde\x16\xafn\xad\xb0\xa8\xc1\xb8s}\x03~\xe0V\xb4\x80\xaeJ\x80!\x9a\x18\xa3\xe9\xf89\x07\x01B\x97 \xdd\xec\xe6Qh\x02(&gt;\xa5\xea\x9e\'\xe3\xb5\xa6\x18Y\xdd~\x02\x0c\x9d\x1ep\xaf]+\xee /P\xe2}8\x069C\xd1 sA\\6\xb5\xe50\xcd\x01\xda\xda\xd8\xe2\x18\xdfeU\xa6v\xd4'</t>
  </si>
  <si>
    <t>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</t>
  </si>
  <si>
    <t>b'\xf8\xcba\x98\xe0\xa9\x89\xeacPR\x8d\xdd\xe5\xc3q'</t>
  </si>
  <si>
    <t>en exchanged for euros and spent in Europe. PPP therefore holds when, at going
 exchange rates, every currencyâ€™s domestic purchasing power is always the same as its
 foreign purchasing power.
 The Relationship Between PPP and the Law of One Price
 Superficially, the statement of PPP given by equation (16-1) looks like the law of one price,
 which says that for any commodity . There is a difference between PPP
 and the law of one price, however: The law of one price applies to individual commodities
 E i $/â‚¬ = Pi
 US/Pi
 E
 PUS = (E$/â‚¬) * (PE),
 (= $600 per basket/ â‚¬160 per basket).
 $3.75
 basket/â‚¬160 per basket) $600
 â‚¬160 $1.25 per euro ($200 per
 $200
 E$/â‚¬ = PUS/PE.
 PE
 PUS
 E$/â‚¬ = PUS
 i /PE
 i .
 i
 CHAPTER 16 Price Levels and the Exchange Rate in the Long Run 387
 (such as commodity ), while PPP applies to the general price level, which is a composite of
 the prices of all the commodities that enter into the reference basket.
 If the law of one price holds true for every commodity, of course, PPP must hold
 automatically as long as the reference baskets used to reckon different countriesâ€™ price lev_x0002_els are the same. Proponents of the PPP theory argue, however, that its validity (in particu_x0002_lar, its validity as a long-run theory) does not require the law of one price to hold exactly.
 Even when the law of one price fails to hold for each individual commodity, the argu_x0002_ment goes, prices and exchange rates should not stray too far from the relation predicted
 by PPP. When goods and services become temporarily more expensive in one country than
 in others, the demands for its currency and its products fall, pushing the exchange rate and
 domestic prices back in line with PPP. The opposite situation of relatively cheap domestic
 products leads, analogously, to currency appreciation and price level inflation. PPP thus
 asserts that even when the law of one price is not literally true, the economic forces behind
 it will help eventually to equalize a currencyâ€™s purchasing power in all countries.
 Absolute PPP and Relative PPP
 The statement that exchange rates equal relative price levels (equation (16-1)) is some_x0002_times referred to as absolute PPP. Absolute PPP implies a proposition known as relative
 PPP, which states that the percentage change in the exchange rate between two currencies
 over any period equals the difference between the percentage changes in national price
 levels. Relative PPP thus translates absolute PPP from a statement about price and
 exchange rate levels into one about price and exchange rate changes. It asserts that prices
 and exchange rates change in a way that preserves the ratio of each currencyâ€™s domestic
 and foreign purchasing powers.
 If the U.S. price level rises by 10 percent over a year while Europeâ€™s rises by only
 5 percent, for example, relative PPP predicts a 5 percent depreciation of the dollar against
 the euro. The dollarâ€™s 5 percent depreciation against the euro just cancels the 5 percent
 by which U.S. inflation exceeds European inflation, leaving the relative domestic and
 foreign purchasing powers of both currencies unchanged.
 More formally, relative PPP between the United States and Europe would be written as
 (16-2)
 where denotes an inflation rate (that is, the percentage change in a
 price level between dates and ).1 Unlike absolute PPP, relative PPP can be defined
 only with respect to the time interval over which pr</t>
  </si>
  <si>
    <t>b'0E\x02!\x00\xd4DX7 \xc7\x07\x08\xd8\xd2\xc0\x0e\xa8#?\xc44\x99]\x8ct\x92\xc0\x82"Z\x82&gt;\xa6\xc3%\x1f\x02 0\x89mU[\xf8\xc5\xc6}k\xd2\x86\x19\xb5\xd6)\x1a:7[%\xc1\xe43~\x10\xed\x983=)-'</t>
  </si>
  <si>
    <t>3045022100d444583720c70708d8d2c00ea8233fc434995d8c7492c082225a823ea6c3251f022030896d555bf8c5c67d6bd28619b5d6291a3a375b25c1e4337e10ed98333d292d</t>
  </si>
  <si>
    <t>b'0E\x02!\x00\xd4DX7 \xc7\x07\x08\xd8\xd2\xc0'</t>
  </si>
  <si>
    <t>, that you will check the thoughts, that would lead you
 to a remembrance of the past; that you will suffer your mind to be
 engaged by present objects; that you will allow yourself to believe it
 possible you may yet be happy; and that you will sometimes think with
 complacency of poor Du Pont, and not condemn him to the state of
 despondency, from which, my dear Emily, I am endeavouring to
 withdraw you.'
 654
 'Ah! my dear sir,' said Emily, while her tears still fell, 'do not suffer the
 benevolence of your wishes to mislead Mons. Du Pont with an
 expectation that I can ever accept his hand. If I understand my own
 heart, this never can be; your instruction I can obey in almost every
 other particular, than that of</t>
  </si>
  <si>
    <t>b'A%;o\xddK\xfa\x0f\x87\x07\xd3\xcbxB$\xc4-\xa4\x8fv\xcd\x8c\x82M-\x90\xdf\x9d\x02\xac\xb8\x99h\x17\xf6)b\x0c\x91\tP\xd0P\x11\xcb^\xdcE^E\x8a[z\xe7\x00c\xfc\xb1P\x17\xcd@b\xfd'</t>
  </si>
  <si>
    <t>41253b6fdd4bfa0f8707d3cb784224c42da48f76cd8c824d2d90df9d02acb8996817f629620c910950d05011cb5edc455e458a5b7ae70063fcb15017cd4062fd</t>
  </si>
  <si>
    <t>b'A%;o\xddK\xfa\x0f\x87\x07\xd3\xcbxB$\xc4'</t>
  </si>
  <si>
    <t>n the horizon, theyâ€™re still 100 percent
 invested. In fact, instead of looking to be acquired, theyâ€™re interested
 in investing and acquiring other companies. There are many different
 pathways in the entrepreneurial game. The key is to get going,
 according to Jeremy and Kevin.
 â€œWinners start and move toward something,â€ Kevin said. â€œLosers
 are paralyzed by inaction.â€
 I
 8
 Step Six: Growing to Twenty-Five
 Sales a Day
 n the wake of the 2008 economic crash, women and men in their twenties
 watched the corporate life theyâ€™d been sold come crashing down. As a
 result, aspiring entrepreneurs across the globe sat unfulfilled, chained to
 desks. The economy was flat, and the â€œold wayâ€ to success had collapsed,
 which stirred entrepreneurial desires among millions of young people itching
 to go out on their own.
 One of those twenty-somethings was Aubrey Marcus. Like most hustlers,
 he tried his hand at a few entrepreneurial ventures, and he threw things at the
 wall to see what would stick. His first attempts: sex toys and hangover
 supplements.
 Neither gave him success or internal fulfillment.
 â€œI wasnâ€™t ready,â€ he said, looking back.
 Although his attempts didnâ€™t lead him to the freedom he sought, they did
 show him how to create a product, how to sell, and how to advertise. The
 process also helped him network with others who could help him along the
 way. Thatâ€™s what led him to a lunch meeting with Joe Rogan.
 In the early days of Joeâ€™s podcast (now downloaded more than 200
 million times per month), Aubrey advertised his sex toys on the show,
 becoming one of Joeâ€™s biggest sponsors.
 â€œI asked Joe what he was into,â€ Aubrey recalled. â€œAnd he said, â€˜Iâ€™m
 really into nootropics right now.â€™ I told him that I would create the best in the
 world.â€
 What he didnâ€™t tell Joe was that he had no idea what a nootropic was. But
 he promised Joe that he would develop the best one in the world.
 Aubrey was soon down the product-research rabbit hole, reading studies
 and testing ingredients, until he ultimately formulated the brain supplement
 Alpha Brain.
 He gave some of the newly released Alpha Brain to Joe, who loved it so
 much that he agreed to partner with Aubrey on the new project, named Onnit.
 As a new owner, he also agreed to talk about it on the podcast. As a result,
 Joe brought Alpha Brain to his millions of subscribers on a weekly basis. The
 product quickly sold out, and Aubrey had to scramble to order more
 inventory.
 Aubrey is a perfect example that success
 often follows major failures. Failure has a
 way of opening new doors that you didnâ€™t
 see before. Even if your first attempt
 doesnâ€™t go the way you want, it can pave
 the way for your big breakthrough.
 Once the product was back in stock, Joe talked about it on the podcast,
 and it sold out again. This cycle continued until the company raised a small
 amount of money to keep up with the growth.
 There was no vision for an empire; it was pure entrepreneurial drive. â€œI
 was just desperate to make something happen,â€ Aubrey said.
 Before long, Alpha Brain was the best-selling brain-enhancing
 supplement ever. It created a category all on its ownâ€”natural nootropics. The
 company, however, was based on the success of just one product. The
 company was growing, and the profit margins were high, but Aubrey knew
 he needed to release more products if he wanted to be a real brand.
 â€œIt wasnâ€™t until then,â€ Aubrey explained, â€œthat I had a vision for what I
 was doing and why I was doing it.â€
 Onnit soon released New Mood, a serotonin booster made to calm down
 the brain and help to manage stress, and Shroom Tech, a blend of earthgrown mushrooms.
 Then the company started selling kettlebells. And battle ropes. And
 medicine balls. Then food, protein powder, and nut butters.
 The company went hard into podcast adve</t>
  </si>
  <si>
    <t>b'\xba\x93\x92\xb3X3\xc2\xce\xfe\xed\xa3A\xfe\xd2\xdc_\xc3=DA\xbc\xec\xc3`W\x87jc\xfc\x11\xe4\xdf\xa1\x06\x972~\xad\xbe\xba\xd6\xdae\xe1\xa1\xc4l1\x17\xe1\xca\x7f+=\xc2\xaa\xd2"\x0e\xe2\xa1\xcc\x94Z}~\r\x1cD\xda\xc2\xbdv\xd0u\xd5\xfc\t}%#]}@5\x04&gt;\x18d\\\xa4V6\x02J\x0bjjWF.}$=\x9f*\xd6\xe2y9\xbc\xa7\x81\xc0\xa3\x08\xd6\\\xc6\xa0,#\xa2\x96bA\xef\x05\x8e#\x9d\',\x9e\x01\xc9\xc7\x91y\r?\x97\xc9\xe1\x0f\xcc\xddD \xc8s\xd8\x1f\xcc.\x96\x9d\xd7\x95X3\x04\xe0\x96\'z\x1cz\xb1\xd9~]~C\xce\xe6\x1f\xba\xc8]\xdd\x12\xd8$\x1fZ\x9a\xbd\x7fD\x9c\x02L\xfd\xa0\xd94\xde{v\x19W/\xa0fu\x807\xb7\xb9R\xa3\xd5\xf3\xf3\x9c\t|\x89\xde\\\xc79\xd9\x0c\x90\xd9"\x80.H"&lt;\xc9\xea\x05\xcex\xf5\x1f\xb9t&gt;\xa8a\'\x95\x94\x1d\xff}\xf0\xf3\xa6\xb7\xf9`\x07\x87,\x15\xe7"\xeb\x13)\x84\xd6\xcb\xed\xe1:\xd8\xd5d\xbd\xf0\xbc\xcdf\xe9\xc3\xa9\xcb\x9d\xbb4&amp;\xaa\x02J\x93\x9c\xb1\x84\x95\xc8Y#\xe9Au\xcbhCf2\x86\x0c\xc9\xe2\x91\x0b"\xbc\xfd\x8a\xee\x17\xb9C\xbc\n\x85\xaaJ\x9ac\xf9\x92h\x0fl)\x9f\xces\xa4\x83q\x8b\x1c\xc8\xe0\xae\xe4\xd1\x18\xbe\x1c\xc5K\xad\xc92r\x8f\xcd\x7f\x98\xdd$\xf7\xb9\xd6\x1c\x86\x83Y"&amp;N}kF&amp;\xa8\xaf\xa9\xb2\x087\x9d\xd2E\x99\\\x93\x87\xb7\xba\x9bm6`\xdc\x1d1\xe7\xe8\x9bA\xf6z\x05\xd8j#(\x91z\xb9.=[\x0e\xd7\x91\xc0\x8c8\\\xde\x90\x87%rm\xb8Np\xae\xb0\xed\xc8:\xba[\xfe\x9b*k\x1c\xcc\xd5\x14\xae\xf2\xeb\xf4\xb3\xde\xf8kW\xe7l\x8e\x1f\xf40\xf7\x9e\xdeN[\x90\xc7:\x9b;\xb7\x9c\x1c7\xd8\xe1\xab\xaf\x18\xcc\xeb\xde\x9e\xf2\xb7y\x8dA\xbci\xd9S\xa48K2\x94@\xba\xa4\x0fm^\xeb\x19]\x91D\xf8L?\xf5\x86\xed\xf9p\x07pG\xfb{\x8d\xdd4\x98U\x9fXa\x83\x8d$\x9c\xed\x8f\xa3#\xa7ip\xec;\x91\xddg\xe4\xdf\xd7\xf9\xb56\xd7\xde\xdf}\x1e\xe2\x9aU\x0f\xb4\xf8v\xa4K\x12J\xb0-\xca{\x0bk\xc5\xf9\xf4\xf1\x1dpJ\xf9\x91\x92\xf7PKjQ\xab\x9b\x10\\f^x\xb1ef\x0bK\x85\x9e!=\xef\xcb\xab\xdb\xd6V\xff\xc8e\xf3\xbe\xd5\x83\xb0(\xf6\xe3\xb99\x11\xc3\xc9\x89Y\xa6k\xa3U\x10\x98\xe9\x05\x0e\xe5+[]\x18B\x122\xe8\x89HH\x9c\xc0\xb9\xee\xc5\xb1\xde}\x17\x1b\x84\x7f\x19\'\xac&gt;\xb7\x91\x02P\x84-\xcd\xc8\xb5\xba\xde\xc3l\x11\x81\xc5\xb0ziB\x8f\xb3)\xe1\xe1\x7f\x1fE\xc8}\x8a\x93\x15\xa0\xc2\xf8\x80\x96Z\xe4\xfe\x89\xef\xc1\x02\x13\xad\xea\xe0\x18\xc3v\x85\xe4r\xc9\x12~\x86\xe4\xd6\x91\x86\x19y\xf8\xdc\x16&amp;\xd1\xeb\xea:\x0c\x0f\xcd\x99\xcf\x80\x13qx\x92\xb3\xed:\xe2\x08\xba_9`\xfdo\x14\x0e9\x9f\xb5E\xbe\xf0\xde\xa0\xb6\x99c\xe2\x1e\xa5\xea\xbc7\xe0p\x07Pb\xcb\xeeZ77\xa8 \xec\x93\xc5\x12-T\xf2W\xab\xfaW\xfbp\xa8b\x94qD\x0c\xdbX9\x93j\x1a\x06QT\x1b\x8e\xacF~\xc1\xff\xf3I&gt;\x8e}\x99i\x8d\x11\x0c\x18\xc8V\xf2\xd0\xe6\xb1\x96\xb1\xa1\x1d\x07\x8fm\xe6]\xfe\xed\x84\x89T\xb6\xb2oqB\xd5\xc0\x04\x83S\x9a#\xfa\x8e\x13\xf4]\xafp\x94\x00\xfa\x08.,\xf1w\xdf\xc2`\x12\xdd\xfc"\xdf2\xbc\xea8\x9e\x02*\x18L?\x0fk\xb2\xf0\xf8\xde\x86\x9e\xfcl\x00\x97\x841\x9cr\x1bW\xdf\x02\xe4\x8c\x06\xabQRU\x83$\xc7\x92\x8b\xd9\x12\xc5\\\x8c\t\xf8\x1c\xbfu\x86N\xca\'\x87\x99\x0b#\x13\xf7\x95\x8d\xf1\xe49\x8e\x01c\xb6\x85\xd8&amp;\xa9-RK,\x9eE\xb9C\xd2\xaf*5\xcf1\x02=\x1b\x94R$\x86q\x1a|\x80\x84\xd5\xca\xd8\xa5\x9e"\x95\xf1\x93\xbf\xf0\xbc\xe2\x90+\x1a-\x80H\xee\x7f#_a^\xefh\x10\x80a\xb5w4\x87\tEv\xe6\xd7\x95\x11\x1f\xf1\x9b\xf8\x91.q\x04A7"Lu$hP\xc8\x03\x9e\x1f\xd6X\xb3\xdf\x0f\xec\x8b\xe3\x18\xae\xdd\xe1/\xea[HX?\xefC\xc5\x1bQ??\xbd\x0e)\xb9\x0f\x8c\xca\x8c\xb6q\xf5\x8f8\xeb(\xc3\x94$bD\xb8lp/\x82\xa9Qr@\xde\xa8\xbd\x135K\x7f,\x90\x92\x12\xde\xef\xfas\x1c\x9b\xc3B2s\x16\xc7\x15i\xc5-\xa2\xde\x9a\xa44\xa5g&lt;\x81\x13 2h\x8e\xea\xe2\x08@\xac=\xe5\xd2\x0b\x82|\xcd8w[\x8e\x1c`\r\xb7\xc9\xf3T\x9f\xe2\x1bRb\xc2\x06\xe4C\xf5\xa5&gt;xE\xb2H\xc8CE\x92\xf8{\xf6_j\xfeW\x1c\xac\x0b\x83\x8d[F\n\x1c&lt;\xb0\xdbd\xfb\x90n\x08\xd3\xd5\xad\xb8dR&lt;\xe5\xa4;\xd2\xe3i\xab^\xe3\xe2FBN\x9c\x8a,Ar\xf43\x94\xd1;\xcc\x97\xb90\x96\xe0wHWS\xac\x84V\x92\xcd[\x8b\x1a\xb4\x0ex\xc8K\xa3K7o\xb8\xcf.\x7f\xd0\x1b\xbe\xce]xo)\xf0v\xa4v\x94y\x98\xa0\xa5\xb7G\xc0\xc0o+\n\xc5\x80\x1332P\x9c\xca\x13\x89\x17&amp;\x15\xf3\xc6\xff\xe2W_\x83\xfd\xe3\xc8b\x91\x8cjC\x02ys\x8b]\x9f\xa4\x85\x9b\xa1,Wm\x85\x94=\xde\xaa\x1aT\x92\x1b\xe9enj^\x1fJ\xceya^y\x0bd\x99D\xe2{EZ\xec\xaeq\x90\xfad\xcc\x98\xa9\x00\x92\x8d\nU5Q\xbf\xbay\xf1\x12!\xbffgm%\xda\x16\xe9\xf7`&amp;\xd4\x96p\xb6\xe5)\x8c\xe1\xd7~B\x8c\xcbn\x17\x80\x86c\xd16\x8e\x1ab\'\xd2\xc4\x02\xc6\x92\x04\xda\xaeV\xf5\x80\x01\xbeZ\x88\xa9&gt;i#\xfb\xae\xeb\xa1\xcb\x85\xb4U\xab\x8d\xc9\xb2\xe6\xf3\x004Q\x8c\xc6Lo\xbcT\x95)dbcm\x1ey\x93\x85\\5\xed\xea\n\xdeX\xa5\x85\xf7\xe1\x9e+D\x1f\x1c\x89\xfdD\xf0_G\xc4\x00\xd0\x11W\x9f\xd2\x10Dq\xf9\xc0\t&lt;\xad-a]=u\xbb&amp;\xaf\x1an\x8d\xf8D\xd8_xR\xc9\xfa\xfd\x81\xe8\xb6\xf0\xa3\xd8x\xc3\x0b\x02\xca\xeb\x02 \xf34~\xe3E\x15-\xd0\xf2\xf8\x8b\x9a1\xe35\x0eS\xe9\x8f\x12c\x89\x1d\xd1\xb4\x87\xcf\n\xfc\x88\xff\x04\t^+C\x94v\xa61\xaf\x88\xf1}6\xf6v}\xc6\xbeo\x07\xf3TD\x17\xc8\xe1\xe8\x92*M\xe9@a\x9f\xe5\x85\xe8W\x03\x07\xf3EFZ\xdd\xc3\xe4\x13l\x0c\xb9\x84\x8b\xe2`\xee\xa3\xe1\xbd\xb2\xbc\x8e\xef\xbe\x053\xfedX\xfd\xd8\xde\xfc"\x85\x03O,s\x18\x93\x89\xb0l\x88\xd9G5\xe08\xc2\x18\xb0\x8duF\x14\xad\xd6L\xe8\xda\xe1\r\xbeh\xab\xd6\x80\xfb\xd4\x13H.\xf0\x989\xa48\xa8R29Is$2m\xf5\xb6f\xd2\x00\xee}-\xd0\x05\xc8L\xa7eoy\xd19\x80\xfaSN\xcf\xdc\xda\x1f\x9a(g;\x8a\xb6\xaa\xe4\xe1w}\xbaq\x8b\xee\xf5\x0el\xfam\x8c\xc2\xd8\x1e\xac\xeay\xe7\'\xa0\x91nt\x8cb\x9a"\xae&gt;\x87=rb\x17\t\xef\x03t\xeb\xa4\xc6\xc8\x1c\xd3[0\xd5\xe1\xfd\xfa\xc8\xf4\xab\xde \x1da\xf8\xfe"\x1a\xc9\x86&gt;\xe5\x19\x014nj1\x95\x95\xfa\xcc\xe6(\x99\x18\xca\x9e%\x19\xb1\xc5\x124\xe0~\xb1y)%/\xb0\xab\x95M\x01\xc5s\x88\xbdxZ\xa5\x9b\xb2\xddr\xb7\x0fY\n\xa2\x1c\xab/\xad\x81\xbd5(\x96\xb0\xd5\x1b\xa6\x9d\x85&lt;y\x99\xaa\x0edr\xcfJP\x03\xb4\xc8\xdf\x08(q\xfd\x91e\x7f3l\x94\xb6%nu\xa4\xe22\xdd\x1dZ\xf8Y\xe4\xf3B\xd4\xed/[\xd6Kw\xc5x\xdb?\x04tmX\xeb+\x01\xd0O\xac\x1b,EH|\xa9\xff\xac\xd5\xde\x95\x94\xac\x12\xc9Mzc\xd5\xe8&amp;\\\xb6i\x7f\x05\x8b\x1b\x9e}\xaf\xd6\xc5\xb2\xd3z\x98\x8c\xfd\xde\xd7\x85i\x01\x8a\xd2\xf3-\x13\xf1\xe3\xe2\t7\xba\xe7\x1b\xad\xdb\xc8a(\xac)a2W\xaf\xb1\x01@\xbb\x87\x8e\x1d\xe6W\xfb\xed\xb1L4\xbbH\xa0\x1a\xf2?\xc5\xcf\xf7\x8d\xdeu\xbb\xace\xcd\xd1R\xb1,I&gt;\n\x96\xea\x1c\xaf9\xe45\xdf\xc0F\xed\xf0;\xa7\xfe\x8f\x9e\x94\x1e{\x1d|t\x1a\xbe^\xc68GHN\xa1\xc0\x87\x91%5\x9f\x88\xa7\xe7\xce$!%\xaeeH\xa1\xba\x0eg/x\x90n\xde9\xe1-\xce\x89V\xa0\x8d\xdblkjv\xb3\xd8\x00i\x96\xf1,\xc1\x17?[X\x08\xcd\x1b%\x99H\xcb\xe3gd\x11\x91\x14eF\xd0\x8av}\x95\xc1v\x81x\xba\x82Xsml\x8dk~\xdd\xe3\x0fM\xc9\x10H\xa5\x0cb|\r\x0bG\x99W\x99\xd6\x03\'g\xeb\xac.\x95\x83\xa3\x0e\xe8\x8c\xf9\x8ba\xc6\xd4f\xc2\x0f\x13Z\xb8\xd63;\xa4X\x8b7H\x81\x03\x9ex\xc5\xe6A\x01 ^\xde\xbf\x06\xdc\xe5\xe3\x98n\x10W_\xaa\x11\xbc\xd3\xda\xb8\xfb\xcf\xcc\xee\x1c\x869\xd4Z7\x12\x18\x98\x94\xc2\xfe\x8e~Z\xc6\x95\xa0)\x82N\xbdu\xc3\xfe\x97{\x92u\x9e\xfc&gt;\xe2\xc9\xe4\xac\xeb|KX\xc56\x01\xf8\xec\x07\x8d\xab\x17v\x97\xa9\x8b\x01\x8e;+\xf2\xf0\xab\x89\'\xb7\xa38\x9f2\xd4\x89\xd2\xe0\x9d7`\x0fe\xc3FD89E$L\xd2\x84\x1c\xb7\xe6kX\xfa\x80%\x93a\x1f\xc1\x01G\xc9&lt;\xf4(\xe4\x1e\x10o\x8fM\x05\xeaX\xe8N\xf0rsm\x8b(9)\x16\x05P\xa0\xf4\x8c\\r\xe5\x10\xd3\xcad\xae\xcf\xa9h\xc8\x1a\xa1\x0f\x07R\xd3&gt;Z\x9d\xdd\xef-Y\x03s\x9f\xae#\xef\xa6F\x825+9};\xdd\xf1\x06\xcc5y\x9d\xfc\t\xb8\xfeN\x90c\x8b\x90|^3S\xaf@\x80q\xff\xf7l\x07O\xb1\xe7#l1,Jz\xadj\xb3\xce\x9f\x96\xb1\x11\xe3\xb1\x93\xb4\xdd\xd5\x11\xf7\x12[\xcb\xbfF\xfeK]W\xdb@\x06\xe4\xc26H\x91p\xd1\xf4\xc0\x06\xf2\x84H\xa2\x9a\xe6cM\xf7\xe7\xe3\x18V\xa6)\x0e\xec4\xc7J\xfb\xe0\xfc\xcfB(\xd5Uv\xca\xcd\x1a\x84\x87\x02\xc9\xc6\xa7\xc6\xcd\r\xd4\xe4\x808\xafrU\x06\x15\xb1J\xcd\x1e\x06\xfe\xc4\x11\x83\x9a\xd77$\x8f?9}\x84\x0b\x04z\xc4\xdc\xa3\xca+\x93\xd0\xa9\xf7\x07D\xc6pv\xc4!\x85\x9b\xe2\x08\xe5]n\x81AK-\xfe\x83%\x9eye\xa8\xec\xfd\x96\x9cW%\x1c\xf7~W\xd9\xef\xd9y\xec\xedX{j\x13t\r\x06\xa1&amp;)\xf2g\xa4CAALm\xc3O09Bv\xc8\xe7\nbOp\xf5\xfbG\xc5!l\x883\xfe\x896\xe3j\x1eS\x17\x1f\xac\xe1h\xc0\x85\x8eFO\xc1\x1e\x9d\x94\xec\xd7\xa4\xf7\x92OS\xadkvv\xba\x14u\x95\xb3zO\x99o\xc3\xf7R]w\x9b\xa6\xad+\x0cE\x91\xca\xfeG\x8a\x11N\x97\xbe\x0f%\xb08\x15a}k/\x9b\xe3\xb8\xa1\x9aF\xcb\xfb9\xd2\xcf)\x98K\xe6\n#&amp;n\x08CRri\x8e\xc4\x94\x9c\x9d\xcd\r\x93#\xf5&gt;9L\xc2\x87\xa3\xbf\x01\t;n\xef\x98\xbb/Q\xaa\x17\xc3\x1bM\xc6\xe6U\x16\xfe}3\x0e\xb8f@fX\'B\x90\xb2z\x131\xb9\x01\x97I\xd8\xe3\xa4\xffz\xfbt\xae\xe6\xba\xf8\xb0{\xd1\xa3#\xe2\xf3\x91\xb2\xa5 `\xb2a\x8b\xe2\xe1\xe8\xfd\xce"\x0c\xba6\xfd\xaaIBJ\x0f\xd7\x7fu\xbf-b5?7\xee9\xbf\xc9\xf9\x16\xd0\xd1\xf0SYYOr\x0b\xd2\x19\xcb\x07\xe5=s\xa7%\x14ai\xbc\x02\xa5\x10\xa7\xa8]|&amp;o\x90\xd6\xb9\xa7\x07\x1e\x12\x00\xbf\'\xef\xb8\xc6?}\x08.$3#\xe2\x96\x9a\x86\xdd\xb4ziC\xac\xce%&amp;\x1a\x15PW+J:6\x98N\xb8\x08\x06\xf5\xeb\x86\xaa\xe0j\xcd\x14Q\xfd]\x8f\xb0\x0b\xf5\x98\xb8#H\xfe\xd2\xe0\xfb\t\xab\xad\xcc\xac\x85\x1a\xdd4\x83v\xb5\xfd\x0e\xc9\xe6U\xcb0\x13\xdb#\xd1\xde\x9d\xc2\x83ZA{m\xe1\x00\x9c\xe4\r:\xa2;\x12&amp;\xed&lt;\xefC6\xe2\\\x16\xdc\x10,\x8c\xcc?\x15\x01^\\J\xc4\x00M$\xc1\x08c!B7\xd8\xba\xf3\xc4\x98\xb3\xdc\xbfl5\xb30\xb5\xa9\x9a\x16\xcbG\xd4\r\x1d\xecb3\xd2@\xce\xa1\xab\xd0\x9c\x1a\x01\x84\xa3s\xde\xf2Ov*\xdfGw\xa6\x03Un)\xb3\nw\x90\x97\x1d\xcc\xedmeg\x0f\x95c\x19\xb61\xfei%9\x84u\xaeU\xbeNa\x93\xf6\xda\x1e\xbc\x8bp\xcb9Y\xfa\xc6\xf1\xa4l\xbd\x08;+\xde.W\x8f\x86\xb4Z=\x1c\xd5\xc8K\x1f\x89\xb7C\xdb\x9c\xea\xcc/\x0e\x0b\x91\xd5\xea\xe4\xd6\x03F\x8f|\xb3\x8cvw\xbf\xf7\xeb\xf1\xce\xe1{\xb1\xa0\x01\xc0\x9b\xcf\xa8me4\xe3\x94\xee\xdao\xdc\xd2\xad\x9b\xff\xbeCjx4\xd00\xb0\xb1yL\xa2\x01y\xf6h%^ \n\x9cc+l\xcftC\xc2\xd3|\xcaN/\xc5\xeb\xc6+?\xd8\xff\xf0\xde\\;\x9d\xd3\xd7\'\x08\x98+\x9bl\xe49\xa7\x14\x15\xc1\x84\xfb\xeao[\xed$\x91j\xac6?\xce&gt;\xa3\x1a\x16\xc6\xbd\x97,I\xa0\x0f\xc7q\xdf\xc2;\xba\xc5\x1d\xe4J9s\xdb\x8a\xff\xdbg\xa1\xf9\xd0n\xf3\x0b\xaa\xc8\xd7\xb5ZDD\xa4\x98\xf0\xd6\x0fv\xc4u\xeei\xd0cv\xa8HM\xdb;\x10\x85M\x02\xe8S&amp;\xab\xaaI\xc8&lt;\xde4DD2l\xd8:\x03\xbf\'\x92cK\x0b\x1c\x19;\xb01\xd6N\xe7\xcf$\x87/1p\x05\xe4\xa6\xb1\xe7\x08i\x8dwQ\x8b\x9e$\xf6/\xd6=\xd9\xa2\x08\xc6\xc9Tfa\x04;"\xe4\x12\xdce\x9a\xcfV\xbd,\xde\xcf\xcc\x83J\x1c\'=%\xc5\xa50\xe0\xce(\x8cOS\xccY\xcb\xf3\x178Z`]\xe8\xea\xe1V\x01*-\xb5\xebH\x00\x0f\x01\x89/)\xbdJ\xcd\xf7\x80\x01\x06T\xa5\x81\x93\xd6\xc9\xd2c\x06\x12\xdf0\r\xc1n"A\xc0\xac\x18\xd8\xfdl\xbc\xa6gA\x8c}\xa2\xf1\xf2;\xd8\xfb&amp;\x9f-\xd3\xc8\x99\x12]\xf8\xd5\x98\xf0c\xcc\xe0\xe1\xba\xa92\n\x06\xce\xa0\x18\x97D\xce\x05\xd0J\xb5!\xe6\xe9.\xac&gt;m\x9d\xa6\xbeL\xad\xe0EL\xd5_\xe7\x1aOo\xa8\xde\x99P\xca\x87\xcd\xe3@)Te\xb44\x82\xc7\x05\x85\x84\xa9\xba\xd1\xc0\xd2\xcae:s\x87zg\x17\xb8x\xee\xf5\xbc5b\xb4\xf2\x9c59\x1e\xca&gt;\x055\x8f\xca\xd4a+\xcc\xd3\xa8&amp;0_\xdd\xdd6\xbe\x85m\xfd\xb8H\xbb\xe2\xa5r\xb7\x0c\xb6\xf8\x03\xeab\x11\xb8\x8d\xa0\xcfVi\xb6\xc5\xf5\xe9\xd7\x15\x95_f\xf0\xb0\x81E\xc9b\x01\xc0\xe7\xfc\x90\xae\x80@\x9ed\xbcF`|\x9a\nHY\n\xfb\x12\xac\xa3\x82\xf0\xab\xc2\xbci\xddx|\x80\xb3\xfc*\xcdv|2\x8eA\xed\x8a&lt;\xa4\xa1b}\x1e\x03H~\xa7 5C5\xc2}\x81\ngB\xe5\x9d\xba\xe9\x13\xeb\'\xdb\xf3Il+\x93\x8e!M\x96\x0ff\x10\xd4~h\xb8\xed\xa3\x10}\x96\x16\\\xa7\x12\xd9\xbd\x12?x"m(\xe2\xde.\xa2\xb6\x85^;/C\xe0%\xbab\x98&amp;\x9c\xce\xeb\x8a\xf8*u\xc7\x14\xea&gt;\xe1\xef\x87\xec\xe6+\x86\x99*\xe3\xc4`3\xd2d\r\xb5z+\x9a\xa3,\x19H\xec\x00\xda\x04\xe4\x8e#\x96 \xe9\\\x1b\x0et\xbc\x85)B\x14hTe\x8a\x87\xcc\xa4\xfd\xd5"J I"\xe8\xc9\x12\x14\x02\xe7\xbf\xd9\xf1i\x08Au\x12\xbaQ{A\xfb\x12\xd6a\xc6\xbfUp\xad'</t>
  </si>
  <si>
    <t>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</t>
  </si>
  <si>
    <t>b'\xba\x93\x92\xb3X3\xc2\xce\xfe\xed\xa3A\xfe\xd2\xdc_'</t>
  </si>
  <si>
    <t>e to grow very bold and sat up to try my skill at 
 paddling. But even a small change in the disposition of the weight will 
 produce vio</t>
  </si>
  <si>
    <t>b'@Xp\xfa\xfc\x9a.\x95\xb7\x99[28\x7f\x84G\xc1\x8a+\t\xa2\xce\xee\xa2\x85G9\xbb\xa3\xb1\xf3de\xf7\xa9\xd1\xdbA\xe4S\xad\\\xf9U\xb9\x0b\x18\xca\xdd\x08p\x9a\xdb\xc5oQ\x88\xb4|\xd3\x12h\x1e_kpdk&gt;\xb9W\xfc\x06\xb8\x00\xd6\x81o3@y\xd4tz\xc8f\nz\x93\xd3\x90]\xd4\x9f\xf8\xd5a\xff\xb8\xed\xbe\xc1nlp[\xff\xb2$.\xc3\x8b\x15e5\x9f\xbc$B \x8a\x94@z!\xb0\xd3T\x82C\xafJo\xa3\xd8\xcb\xa6\xcc\x05f\xf11@\xbcu\x13\x7f\x1f\x1d\x16oJ\x9a\x9d\xd1`5\x83&gt;\x9b\x11+\xb4\xb9O\x7f\x12=\x86B\x01\x06\x1b\xf3\x97\xaeE\xb7\x00\xeb\xcb\x8c\xdb\xd8J\xc0\x85\xc1\x04\x92\x92tU\xb2\xd7\xf7\xec\xd0\xb2\x18\xbe\x1d\xa57\xc8\xe8D4Js\x88\xa5\xe8Qa\xb5\xe0\xfe\x8e\x99\xa1\xec\x94Px\xeb\xa4\x95\xcc\xe5\xc1\xb4Kb\xaf\xa4\x9a\xba*\xe2v^\x13\xaa\x84\xbe\xf3\xbf\xcd\x8f\xbb\xe7\xea\x08[\xa5\xf5\x9b\xfey^mqz\x86\xe6&amp;\x8c\x85\xd2\x06\x9a$\xdb\xf5A+\x86\xa4\x00@].T=O\x8f\xd5\x87\xdd\x00\x98\x9e\x8bU\xac\x06\x16\xbf\xd9\xcf\x86\xeb+\xc0 \xb8\xdc\xdfxd\x03\xb6q\r\xfd0\xd0e\xc8$7%L#\x1d\x9b\xbd\xdc\xc2\x1e\xf2\xffD7\xc5\xe1\xcc\xa1_\xdd\t\x89\xc7}"*\x1a(F/4\xca\xda\x88\xd4\xba\x83T\r\x7fG~HH\xe2\xc8\xbaN \x80w\x95rp\x8c\xd1\xe6*\xf9~\x06\xa4\xf2\xef\xe2\x06\xeeU\xb8(i\x0cj\x12\x9b\x17\xe8\xf0\xac8\xe8O\x89[+\xc9\xac^\x19\x13\xb1\xf9\x14\x15t\x94\xf2\xef\x1b\xc5G75(P\xeb\x99E\xf8E\xbf\x10XA\xadg\\j\x82\xac\xb4xC-M\xbaxj\xe6(B\r\x05\x16\xa0t\xcc%\xb6*{\x91\xa3\x8c\xda\xfa\xda\xd2\xf0=K\x13\x13\xce\xcb\x0e\xee&lt;\x9a\xa4\xb2=\xdaA\x90\'\xa1\x1a:`C\x15\xa0k\xe5\xdb\x12\xf1s\x99E\x82\xd9\x80h\xd2\xe4\xbfC\xd9\xa5'</t>
  </si>
  <si>
    <t>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</t>
  </si>
  <si>
    <t>b'@Xp\xfa\xfc\x9a.\x95\xb7\x99[28\x7f\x84G'</t>
  </si>
  <si>
    <t>uff,â€ the Mock Turtle
 interrupted, â€œif you donâ€™t explain it as you go on? Itâ€™s by far the most
 confusing thing I ever heard!â€
 â€œYes, I think youâ€™d better leave off,â€ said the Gryphon: and Alice was
 only too glad to do so.
 â€œShall we try another figure of the Lobster Quadrille?â€ the Gryphon
 went on. â€œOr would you like the Mock Turtle to sing you a song?â€
 â€œOh, a song, please, if the Mock Turtle would be so kind,â€ Alice replied,
 so eagerly that the Gryphon said, in a rather offended tone, â€œHm! No
 accounting for tastes! Sing her â€˜Turtle Soup,â€™ will you, old fellow?â€
 The Mock Turtle sighed deeply, and began, in a voice sometimes choked
 with sobs, to sing this:â€”
 â€œBeautiful Soup, so rich and green,
 Waiting in a hot tureen!
 Who for such dainties would not stoop?
 Soup of the evening, beautiful Soup!
 Soup of the evening, beautiful Soup!
 Beauâ€”ootiful Sooâ€”oop!
 Beauâ€”ootiful Sooâ€”oop!
 Sooâ€”oop of the eâ€”eâ€”evening,
 Beautiful, beautiful Soup!
 â€œBeautiful Soup! Who cares for fish,
 Game, or any other dish?
 Who would not give all else for two p
 ennyworth only of beautiful Soup?
 Pennyworth only of beautiful Soup?
 Beauâ€”ootiful Sooâ€”oop!
 Beauâ€”ootiful Sooâ€”oop!
 Sooâ€”oop of the eâ€”eâ€”evening,
 Beautiful, beautiâ€”FUL SOUP!â€
 â€œChorus again!â€ cried the Gryphon, and the Mock Turtle had just begun
 to repeat it, when a cry of â€œThe trialâ€™s beginning!â€ was heard in the
 distance.
 â€œCome on!â€ cried the Gryphon, and, taking Alice by the hand, it hurried
 off, without waiting for the end of the song.
 â€œWhat trial is it?â€ Alice panted as she ran; but the Gryphon only
 answered â€œCome on!â€ and ran the faster, while more and more faintly
 came, carried on the breeze that followed them, the melancholy words:â€”
 â€œSooâ€”oop of the eâ€”eâ€”evening,
 Beautiful, beautiful Soup!â€
 CHAPTER XI.
 Who Stole the Tarts?
 The King and Queen of Hearts were seated on their throne when they
 arrived, with a great crowd assembled about themâ€”all so</t>
  </si>
  <si>
    <t>b'A&gt;F\x187h\x0c:\xb5\xadhc\x1f\x08\xe4\xbb\x98\xd12T\xf11\xbdGw3A\xaf\xb2F\xfe\x0f9\xb2\x9cq\x8a\xd8\xe9\xe7\x9f\xc3\xecR\xfd\x10Ij\xbeBJ\xb3\x96&gt;\xb7\xb7&amp;\xc1\xcd\xe5\xcb\x80\x12\xad\xa4)L\xf0\x1a\r)\xa05\xa8\x90Oq\xa5\xb5)\xa9\n\xf0\xef\xd3\x17\xe9\xc7\x13B\xe8fal\xd9_\xa45\x03q\xb9c&amp;e\\L"\x95\xa9\x0e\x83#a\xf4\xe5\xb8\x0e\xf3\xca\xb6\xf5~XN\xe0\x84\xd0\x1c\xbe\xb6$\x19\xe4\xda}k\x043\xd7\xa2y\xf7v\x9cQ\xbcm\x1a\x01\x99\\\xec\x159\xadEV\xda0 Y\xc9\xf3\x13\xd1\xd0}\xf6\n\xd8Tz\x89\x1f\x97u\xef\xdb\xd9\x85\xe7\xc3=\xf6\x0c*\xd2:\xf5W\x12\xf7\xe3\t\xf2\x9f\x1a\xc7\x8d\nICa.\x8a\xb0\x7fk\r9\xb4\xa6\x979\xac\tB\xdd1/5\xae\xe1vq\x03\xcax! \xbbha)f\xc0\x03\xe0M=\x88\x1c\x0b\xb7\xda0\xb8\x96l\x86\x7f\xb3Zg\xee\x05\xbaB&lt;&amp;\xbb\x00p"\x05\xb6\xb1\xe2\x8a\xe8\xe8I?\xa5\xbaplu\x90\x06\x1e\xd3\xb2\xc8\x89\xd1\x1a\xa0dC\x05\x94\\\x1d\xa3! \xc8\x9a\x83\xfe$\xb0i\x90\xe3e\x8c$\xe4C)\xaa\xa3y\xe9\xb0\xcbz\x82L\xb7R\xb0\x0ciS\x0fe\xeb\xde\xbaF\x00CH\xf990\xea\xea1;\x1f\xa3\x98\x01L\xe3r\xbe\xf4A\x90\xea\xb0\xa9O\xc35\xbf5R\x7f\x98\x08\x95\x80\xdfQ\x8f3\xc9\xa1\xfb\x866\xf0\x19K\x0e=.\x00\xf0#\xaa$\x89MPvhGs\\\x87\xb6D\xf8\xbf\x05\x85\xfc\x11\xca\x08\xb5\x07\x0fkg\xd0\xaav\x88\xb8\x8e\xb14`0\xf4/\x1cx,\xbf\x13\xdc\xa4\x1cR\x8e_\xc6\xb2\xcbL,\xb1m\xce\xf9\xd6\xfe\xd9=C\x8e\xb8\x15(\xfdd*\xd9\x99=\x90g\xa6\x07\x06\xe3\x83\xfc\x0e\xd0\xa6\x17\x90\xdak\x86\x0bnDu\xdb\x14\x0b\x07\xce\xf2q\\\xf2\x98\x8c\x02\xac\xae\x99\x84O\xdf\xd1\xdd\xb5\x17\x0c\x13\xe5o\\\xc6\x98d\x9b:\x8cx)\xcf&amp;b\xa16#J\x12jR\xc5.\x8e7\xbfs\xc9\x8d*3\xc6&amp;#.\xd7?\xce\xd5K9\xbf\xea\x01\x1cO\x8f\xd8(\x08\x90\x8d6\xc2\x00\x88bW\x1fl\x80-\xa3\xbd"\x07\x95$o[`\xd4\xd2\xae/=\xed(b\xf8\xfe\xbdrI8\xbe\xebQL\x12\xd7F&gt;`\x14~\x07\xfd\xba=\xa4\x1c\xe5\x16\xdam\x04d;\x91W\'\x83\xc5\x7fN\xf6j\x7f\xd2\xe2\xcb;/2\xbcw=\xa9\xe0\x95\xa6\xa2\x8c\x06\xf6\xd1\x08\x04\xee\xe4\xcd,a;\xddSos\x88\xef\xaasc)&gt;\x86\xb1M\x1a\xe5\xc3\xbb\xa1\xa9*\x99P\r&gt;o4\x16;\x91l\xf2\x92\x00&amp;6\xc9\xf5\x15K\xa2\xc9\xfd\xdf\xae\xd8\xaa\xdb\xa4m\x02\xa2\x07\xd6%\xcfN\xc4\x1f\xf9\xf8\xc7Q]\xfaC\xe5N\xce\x11\xb1\xd3\xdcbd\x88\x82o\x9e\xa3\xf4\x10F\xcc\rw\xd5i\xdb^\xdaV\x85!ux\x96\x1en\xb8\r/\xda@\x9b\t\x0e\xef\xa5~\xec\x07!~P\xb2*i2\xfc\xfc\xc5Obz\x83\x85z\xb4\t\x92;\xcd\x0f,\xbdx\xcb\xd1B\x8dM\x8bKBW\xd6\x14a\xa0\xc1\x8aq\xc2\xff\xe0&lt;\xa7H)\x14"g\x07\xc7e\x1c\xa8\xedML!\x97\xe5Xa\xbc\xa0a\xb3`{\xc33J\xfe\xd3\x00\x90R=\xfc\xa6\xc4\xd9\x8b-\xb7Os\x04\x87\xf4\xb1\x94\xb8\x00\xcc\x81\xcc\x86\x17\xac\xd7d\x88\xdd\xf9\xb9\xb8Fr~\x878\xccR\xbd\x89\xfb\xdf\t\x1b\x16U\xe3\xd1\xa6\x82\n\xd4\xda[5\x19e\x1b\x15Y\xd2X\xdfha\xf48\x8d\xa4\xd0\xf3\x10\xff\xa6e\x97nq\x0c\x94}0\x83H"\x14_\x85\x81`\xe4\xfb\xdc&amp;Uo\xf0\xff(\x93\x91\xbe\xb8\xaf!\x02\xe2Y\x8bP\xe1c\xdb=u\xcas\r\x19\xe5\xf4\xee~\x81{\x0c{,\xd5Q*j\x836JC\xa9\xf0\xd3\xaf\xe9\xf9E%\xa2IDn\x08\x99\xb1\xaf\x12\x94\xb3\xe4f\xb7-[dCR\x8f\x81Z#M\x7fW\xcc\xdd\x89\x00(\x07\xed\xc9\xd9\x0c\xc9\xaa\'\x0cW\x17\xf0B\xd3\xce\x07\xd3\xa0jd\x19\xba\xc1"\n\xea\x1f\x89\x9f\x80\x94\x07|\xc5\x01Nr\xcd\xddY!\xd4\x82\xbb\x043s\xe0}\x18\xda\xc2\xd2\xedo\xb5Fl\xf3\xb1\xe0\xee\xb3\x12\x10n\x9e\x92A\x04\x1d\xd2\x12-\x15\xa6&gt;\x18\xbcF\xc3#\x8a\xe0\xbd\xadJF\xff\r\x1d\'%\x85\xfe\xa4D\xed\x89t\xe1\xd5/}0\xf2\xb6p/ae\x0c\xca\xe6\xa5s\x16j\xf9X\xa6\xd0\x83y\x0e\x90\xd7gew\xe1}K*\x14\x94\xcb\x19\x9eu\xf6\xbd\x80\xbe\xb4D|\x84L`f\x15(\xa6\xa4G\x10\xfd\x9c\x8e\xa2\x88\xad\x01W6=\x14\xf9\r\xb1\x86&amp;\xc4\xbe`\xb4\xd8\xea\xd0\xc9\xd4(i\x97+\xed2\x17\xabZ\x8c\xe7;=\xe6F\x83&amp;,\x0f\x87\xe9\xc5)\x07Z\x91\x965"\x17\x19\xb5\xc7B4s\x05H\x9b&gt;\xf4D\x1a&amp;{\x7f\x95\x87{\xb8\x14\x01\x9f\x8f\x7f5.\xbf$\x15\xa6\x95d\x01~\x8b\xfd\x8e\xe2\xaa\x94\x03Ok\x88(\xdf\xbc\x13\xcf\xb9H|\xb0\xb1\x88\x9e\x99^\xe5\xc1\xe4U\x8e\xc0NV\xf6\xf8\xd2\xa6\x16\xb9\xcc\x8f\x8aR\x0c\xad &lt;\xae\xc3\xcfneTdr\xa3\x00q\x01v\x86\xb2G\x9e\x8er/\\?d\x84M\x00\xa4~\xdc \xd4\xecN\x86\x8bsM6\xe3\n\xecSQn\xeet\xbd\xbe\xb5\xccB\x9cO\xbd\x18\xe3\xfb\xb9\x0b&lt;\x10\xf7p\xf1&amp;\x9ap\xfa\x97En\xe4{\x01\x8co\xe6\xbf\x85\x9d\xa7\xb8\xe0$\xd0R\x93^\xf1GMV\xb0\xd5\x8fP"\x98\xe1T@\x02\x9e\xb9\xfc\xdc)\xf7XV\x82-\xd4\x11\n\xe5\x1e[\x1bm\xd8\x1bw\xa4\'\x8a\xc1r\x0b\xc5\xaa_L\xc7\xbe\xf12\xa4\xcejs\xf7\x85\x1f\x12\xb1\x92Y\x87\x16|`\xec\xf3\x88\xf0\x0c!\xb2\x11\xba\x12\x0f\xf3C\x96\x0e\n\xc1\xfc\x06\xc1^\xcfw\xb9\xf1\xa1\xf4\xc1\xdb\xd8?!h\x00!W\xcb%\xe9@@\x97\xb4\xfb{\xd7[YW\x9fz,I\xbf\xd8\xb7\xce\xca\xf5\x1a&lt;\xb9\x9a\xa9\xe0\xe93\xbf\x01\xc32y\xe9\x83c\x07\xf3\xc7$\x81\xe3\x12\x8b\xa22\x10\xe7/\n\x9a{_eL\xbf\x08\x98?\x9axd\xb7\xf4\x03x \x02[H\xca\xe4\x17\x86x/\x10\xbdR\x1eBi\xfe\t@C\xd2\xec-\xaf\xb1\n\xef\x08\t\x07k\x80@TZ\x91\xadp\xef\t\xa1\x17\x84\x0c\xe9\xc3A&lt;\x06\xce\xbd\xacU\xa1\x90L\xba\x0e\xc9\xcb\x1eE\xa3\x0839:\xdd\xf5*\x00\x9f\x18hI\xd5\x18\xd1yB\xcdkn&lt;\xe0\x86X\xd3\xe3O%\x93\xb6\x0f.\x1a\xcf\x86}\xc5\xef\xc2\xb9P\xd1#\xf9]\xe0LV\xa3\xaf\xa2\x04\x17\x1b\xb9\xf4\xcdl\xd9\x06.9\xa2\x05\x1b\x96\xb9U\x86)5\x03\x87\x1a\xfc)\xee\x92\xf7\xa0,avO\x104\xbf\xb4:a\xa4\xa4\x0b\xe3\xb0\x97R\x05\xcd0\xb0q4\x0c\x7f\x03\xfe\x86\t\x04\x1f\xaf\x8c\xb2:\x92\x1cS\x13\xc9\x1ftkF\xb1_\x01\x0e\x92\xa8\x83K\x96\x9d\xb2}\xb4\x1b\x15\x8d\x05\x19\xcf\xa2\xe8\xfb\x18\xcd2\x1b8\x93\xb3OO\xef\xaf\xb98\x08C\xa0\x1cJ\xd3I\xa8\x17\xe1\xfa\xe0\xdb\xdbM\xb6T\x94u\xe5\xa3\xd5\xb0\xc7\xab\x8bt\xb7\xfb\xa1\x9d#\x8a\xa9\xba\x85v\xfa6\xa5\xbd\x80\x0f\x06\xca\x81\x16\xc0)E\xa4\xf1\x9a\xcb\x92]\xaf\xc1\xbb\xca\xe2\xd9_G\xde\xc3-\x844\xcb\xec\x08f\xaf\x9a\x9e%\xde\x1b\x9e\x7f\xfd\xc3\x87d\x9d0\xf2+\xca\x85\xf0Q\xce|fX\xe4\xe0 E"h&gt;)\xb37\xbe\xa1\xb5\xfb\xd1|\xab*\xfe\x06\x8dr\x00\x00&amp;\x07\xb5\xc8Sa\x93\xd6\xcf\xc3.\xe0?&gt;)\xe5\xe7\xe2\xb2\x01\x83\xe5\xb6\x19{\x1f\xca\x97\xec\xef\xfc\xb9nA\x0f\x96\x06\x8a\xdd\xebic\xcb\xb9}=\xf7N\t\x84\x84P\x954\xbd\xe9\x9c{j\x84\x86\x0f\x8e\xc0+A\xb4+f\xcd\x10q\x84\xb4\x07fl\x85\x0f\x96\xee5\xdc!\x10\x18$\x83\x072\xe8=\xbe\xb7\xceL'</t>
  </si>
  <si>
    <t>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</t>
  </si>
  <si>
    <t>b'A&gt;F\x187h\x0c:\xb5\xadhc\x1f\x08\xe4\xbb'</t>
  </si>
  <si>
    <t>ter 19 p. 515: The Kobal Collection; p. 518:
 Franklin D. Roosevelt Library; p. 534:
 AP Images; p. 543: Copyright Â©
 2010 by Stuart Carlson/Distributed by
 Universal Uclick
 Chapter 20 p. 573: Domenico Stinellis/AP Images;
 p. 580: Dimitri Messinis/AP Images
 Chapter 21 p. 602: Peter Macdiarmid/Getty Images;
 p. 604: Richard Drew/AP Images; p. 605:
 Christopher Weyant/The New Yorker
 Collection/www.cartoonbank.com
 Chapter 22 p. 640: Peter Turnley/Corbis
 Part, chapter, and appendix openers: Todd Harrison/iStockphoto
 This page intentionally left blank 
 685
 Index
 Note: An f following a page number refers to a figure; t refers to a table; n refers to a footnote.
 AA schedule, 432â€“435, 435f,
 472â€“473, 475n
 DD schedule and, 435â€“437
 defined, 432
 deriving, 434
 factors that shift schedule, 434â€“435, 475n
 Abel, Andrew B., 441n, 459n
 Absolute advantage
 comparative advantage and, 33
 defined, 29
 Ricardian model and, 37
 trade dependence on, 45
 Absolut</t>
  </si>
  <si>
    <t>b'0E\x02!\x00\xa8C\xfe(\xa9\x88\xdc)+\xcd;Vu\xb8\x91l\xf1JW\x01~\xd8U\xe3\x9a\xcbD\tS\xfe$\x91\x02 \x01\xb5k\xe1\x86\xeb\r,\xef\x95W\x10pWoh\xee)C\xc9\xdc\xf59\xda\x8d\x11\xf3\xce\xa7C\x03\x0c'</t>
  </si>
  <si>
    <t>3045022100a843fe28a988dc292bcd3b5675b8916cf14a57017ed855e39acb440953fe2491022001b56be186eb0d2cef95571070576f68ee2943c9dcf539da8d11f3cea743030c</t>
  </si>
  <si>
    <t>b'0E\x02!\x00\xa8C\xfe(\xa9\x88\xdc)+\xcd;'</t>
  </si>
  <si>
    <t>oadedâ€
 gain expression in Eq. (12.30) by about 18%. Feedback therefore desensitizes the gain
 to load variations.
 Exercise Repeat the above example for RL = RD.
 12.2 Properties of Negative Feedback 575
 x
 y
 A1
 A2
 A1
 1 + KA1
 (a) (b)
 x 1 x 2 x
 y
 x 1 x 2
 A
 1 + KA2
 2
 Closedâ€“Loop
 Characteristic
 Openâ€“Loop
 Characteristic
 Figure 12.13 (a) Nonlinear open-loop characteristic of an amplifier, (b) improvement in linearity
 due to feedback.
 Did you know?
 The large-signal behavior of circuits is generally
 nonlinear. For example, a low-quality audio am_x0002_plifier driving a speaker suffers from nonlinearity
 as we increase the volume (i.e., the output signal
 swing); the result is the distinct distortion in the
 sound. A familiar type of nonlinearity is the type
 observed in differential pairs, e.g., the hyperbolic
 relationship obtained for bipolar implementations.
 In fact, the audio amplifier in your stereo system
 incorporates a differential pair at the input and
 other stages that can deliver a high output power
 [Fig. (a)]. To reduce distortion, the circuit is then
 placed in a negative feedback loop [Fig. (b)].
 Speaker
 VDD
 Vin1 Vin2
 VDD
 Vin1
 (a)
 (b)
 Amplifier driving a speaker (a) without, and
 (b) with feedback.
 12.2.4 Linearity Improvement
 Consider a system having the input/output
 characteristic shown in Fig. 12.13(a). The
 nonlinearity observed here can also be
 viewed as the variation of the slope of the
 characteristic, i.e., the small-signal gain. For
 example, this system exhibits a gain of A1
 near x = x1 and A2 near x = x2. If placed
 in a negative-feedback loop, the system pro_x0002_vides a more uniform gain for different sig_x0002_nal levels and, therefore, operates more lin_x0002_early. In fact, as illustrated in Fig. 12.13(b)
 for the closed-loop system, we can write
 Gain at x1 = A1
 1 + KA1
 (12.43)
 â‰ˆ 1
 K
 _x0004_
 1 âˆ’ 1
 KA1
 _x0005_
 , (12.44)
 where it is assumed KA1 _x0005_ 1. Similarly,
 Gain at x2 = A2
 1 + KA2
 (12.45)
 â‰ˆ 1
 K
 _x0004_
 1 âˆ’ 1
 KA2
 _x0005_
 . (12.46)
 Thus, so long as KA1 and KA2 are large, the
 variation of the closed-loop gain with the sig_x0002_nal level remains much less than that of the
 open-loop gain.
 All of the above attributes of negative
 feedback can also be considered a result
 of the minimal error property illustrated in
 Fig. 12.3. For example, if at different signal
 levels, the forward amplifierâ€™s gain varies,
 576 Chapter 12 Feedback
 the feedback still ensures the feedback signal is a close replica of the input, and so is the
 output.
 12.3 TYPES OF AMPLIFIERS
 The amplifiers studied thus far in this book sense and produce voltages. While less intuitive,
 other types of amplifiers also exist, i.e., those that sense and/or produce currents. Figure
 12.14 depicts the four possible combinations along with their input and output impedances
 in the ideal case. For example, a circuit sensing a current must display a low input impedance
 to resemble a current meter. Similarly, a circuit generating an output current must achieve
 a high output impedance to approximate a current source. The reader is encouraged to
 confirm the other cases as well. The distinction among the four types of amplifiers becomes
 important in the analysis of feedback circuits. Note that the â€œcurrent-voltageâ€ and â€œvoltage_x0002_currentâ€ amplifiers of Figs. 12.14(b) and (c) are commonly known as â€œtransimpedanceâ€
 and â€œtransconductanceâ€ amplifiers, respectively.
 Vin
 R in = R out
 Vout
 = 0 R in R out
 Vout
 = 0
 I in
 A 0 R 0
 Vin
 R in = R out
 I out
 = R out
 I out
 R in = 0 =
 I in
 G m A l
 (c)
 (a) (b)
 (d)
 = 0
 Figure 12.14 (a) Voltage, (b) transimpedance, (c) transconductance, and (d) current amplifiers.
 12.3.1 Simple Amplifier Models
 For our studies later in this chapter, it is beneficial to develop simple models for the
 four amplifier types. Depicted in</t>
  </si>
  <si>
    <t>b'3\xf6&amp;^k\x94\xb2\xef\xc9ys\xfa8\xae&lt;\x88'</t>
  </si>
  <si>
    <t>33f6265e6b94b2efc97973fa38ae3c88</t>
  </si>
  <si>
    <t>gone on duty with her," laughing a little.
In her talks with Colin, Mary had tried to be very cautious about the secret
garden. There were certain things she wanted to find out from him, but she felt
that she must find them out without asking him direct questions. In the first
place, as she began to like to be with him, she wanted to discover whether he
was the kind of boy you could tell a secret to. He was not in the least like
Dickon, but he was evidently so pleased with the idea of a garden no one knew
anything about that she thought perhaps he could be trusted. But she had not
known him long enough to be sure. The second thing she wanted to find out
was this: If he could be trustedâ€”if he really couldâ€”wouldn't it be possible to
take him to the garden without having any one find it out? The grand doctor
had said that he must have fresh air and Colin had said that he would not mind
fresh air in a secret garden. Perhaps if he had a great deal of fresh air and knew
Dickon and the robin and saw things growing he might not think so much
about dying. Mary had seen herself in the glass sometimes lately when she had
realized that she looked quite a different creature from the child she had seen
when she arrived from India. This child looked nicer. Even Martha had seen a
change in her.
"Th' air from th' moor has done thee good already," she had said. "Tha'rt
not nigh so yeller and tha'rt not nigh so scrawny. Even tha' hair doesn't slamp
down on tha' head so flat. It's got some life in it so as it sticks out a bit."
"It's like me," said Mary. "It's growing stronger and fatter. I'm sure there's
more of it."
"It looks it, for sure," said Martha, ruffling it up a little round her face.
"Tha'rt not half so ugly when it's that way an' there's a bit o' red in tha'
cheeks."
If gardens and fresh air had been good for her perhaps they would be good
for Colin. But then, if he hated people to look at him, perhaps he would not
like to see Dickon.
"Why does it make you angry when you are looked at?" she inquired one
day.
"I always hated it," he answered, "even when I was very little. Then when
they took me to the seaside and I used to lie in my carriage everybody used to
stare and ladies would stop and talk to my nurse and then they would begin to
whisper and I knew then they were saying I shouldn't live to grow up. Then
sometimes the ladies would pat my cheeks and say 'Poor child!' Once when a
lady did that I screamed out loud and bit her hand. She was so frightened she
ran away."
"She thought you had gone mad like a dog," said Mary, not at all
admiringly.
"I don't care what she thought," said Colin, frowning.
"I wonder why you didn't scream and bite me when I came into your
room?" said Mary. Then she began to smile slowly.
"I thought you were a ghost or a dream," he said. "You can't bite a ghost or
a dream, and if you scream they don't care."
"Would you hate it ifâ€”if a boy looked at you?" Mary asked uncertainly.
He lay back on his cushion and paused thoughtfully.
"There's one boy," he said quite slowly, as if he were thinking over every
word, "there's one boy I believe I shouldn't mind. It's that boy who knows
where the foxes liveâ€”Dickon."
"I'm sure you wouldn't mind him," said Mary.
"The birds don't and other animals," he sa</t>
  </si>
  <si>
    <t>b'\xb3j\xb9XrV\x0f\xf0?\xf3\xb7\xe5|\x18\x98\xb5Y&gt;\x9c\x95\xa0\xd8\x13^D\xc9\xf6`9W\xcc\x02L\xb68\xc9\xa6:/&lt;m\x97tYY\x0eh\xcf\x9c\xacB\xf5\xb1\xfc\xa2\x8a\xb5\x97J` \xacQ&lt;\xa5\xff\xe8\xcf\x9b\x8d\xbb~\xa3)w51O\xdd\x84:\xdbQ\xd6\x8f"^H\xcf\x83Tj\xa7\x01\x94E\xd2D\xa7\x0e\x8dE|\x7f\x05P\x0e\x1c)\xd1\x92wux+[~\x05OgR\x86\x94\x13\xf88\xd4o\xfe\x95\xdf/\xd5\xd1\x93\xa68\n\xfcE\xfd\xac\xfb\xb7X\x90\xb4\x9b&gt;\xfaC\x03\xb8"\xbe\xd9\xe2e\x92\xd0\xa6\xb0\xab\xa0\x0b\xf1\xf7\x02\x8d1;\x05\xe9K\xc0.\xf4:\x84\xb2\xdd\\8\x986\xfa%\x91\xa1\x15\x04j\x7f\xcb\xff\xd2Z9\xa1\x95\x0b=\x93%\xa5\xbdEe\x9c\x96\xb9\x08y\xf0@\x07\xa0&gt;\\c\x93Gt\xed\xa9\xd7O\xeb\xe4&lt;\x00\'\xfels\x97\x02\t\xfa\x15\xb0\xb4\x076]\xfa\xc2\xc5&amp;\t\xe9\xf1\xa9\xca3ml*\xe6\xc0\xb6\xa3\x8d\x83\x97El\x7fs\x18\xdb\x08k\xad,\xf6t\x0e\xc1\x03\\7\x189\xd1\x99\xe6\xfcw\xfd[dD\xa1\xf8\xd0\x85\x17\xb2;`\x9c\xf7\xff\xa82xK\x84o:\\w\xb5\xf8\x9c+\xb6\x81K+z\xaf\x0bg\r{*\x88g\xc3\x93D&lt;\xe1\x9e\xddel\x93\xd8\xaf(?$\x9b:,\xe8\xe115b=\xee\x84\x0c\x8d\x97edG\xbdmW}[}\xb5\nD\xd3\x1f\x953\x0c\xadl\x13\xfd\xf2G\xab\x93M\x84T\x9f\x8f\xd1\xc2wB\x15\x84\xb0V\xdb\x8a%\x84W$\\\xd3\x89\xf0\xb1%\x8f14z\x9c\xe8B\xa0\xe6\xc2j\x13\xd9\x198\xc7\xf5\x08\xcc\xb4\x1d\x16r\xc5\xc4\xda\xeb\x00:\xa8\x82\x1ak\xf5\x1eu\x9a\xcb\x95\xc5A\xec\xfb\xf9\xae\x0el\xc4!\xc8\x92\xef(\xc46\xfb\x83\x1a\xac\xf6\xde\x9b\xba\x03\xd2&amp;\x90&amp;\xe7\x02C\xc8\xbb]\x8b\xbb\xb9\xf8l\xeb\x83N\xb7\xd7\r\xd1DP\x10\xa3\xf6\\Xc\x87W\x04\x86\xf2CXxWF\x86\x8d\xa4&gt;\x19\xf6"\x8a\xa0\xfc\xff28\xfe\xa0m`&gt;\x83\xe8H\xe4{\x9fZ\xeaL1\x93\x97B\x16\x17oB\xe1\xae\x98N\t]\xe1\x15@\x16\t\xfb\x8b\xce\xc0\xab\x05\xf3\xc6\xd1\x1e\x95k\xe0\xa33\x91\xf6\xacJ{\xa6Q\rowivP\x0e\xabK3\xc3\'\x9f\x96\t\xf1\x16\xd9T\xffe("\xc8,\xd05\x81\x97`\xa6\xca\x18\xae\xd3\x0b\x95\xe2\xc1\xc7\xd8k\xf5\xd2+\xb6(s[\n\xe7U3\xe0\xe6\x1a)\xfcl\xf8\x12\xc9g\x0eg\xf5\x08BY\xed.\\\xdc\x967\xffp\xe3\xa4\xfa^\xac\xf4\x11\xcdY\x1b\xb5\xa0a\x94-LG\x15e\x88\xc5\x8aL\xc52=B:!\x98]\x85\xab\xc8\xe31\xe0}+l\x9f\x1bcq@V\x80\xeb\x15&gt;U2\xe8\xa1\tV=\x0bI\x8c\xa0\x89\\\x1fF\xe6h\xb9\x0c\xdd\xe8`p\x1b\x1b\x075\xa7S\xf3?7\x9d\xe8E\xf8\x97\x8do&gt;\x81w\xf9\xb9\x9ed%i:\xce\n\xa9\xb5V\xd1\x9bXn\x19\xe8\xbd#\xf8\xbb\xf5\xd4*!\x97P\t\x14d)\x05{P\x89u\x07\xa3\xc4\xe6\xc5\x96:\xd5\x92\xa8\xa8\x9b*\x10\x8c\x89\xe3d\x9b\xf7\x94\xee\xaa\xf75G\xf3\x1e\xdf]\xaf)\xb8Jn-\x92\xbf|w\xbd`S\xa2\x08c\xc5\xce\'\x06\xc0L\xf3\xf6\xf0\x06=1\xb6\xb4E\xb6\x1d[\x1d\xe5g\x0b\xa0\x81T\xfb|\x126\xa5y\x98\xc6\x91\xceW\x182\xca\xe8\t.\xd8\xbf\xd3\x83x\xa5\x84\x10\xe0%\xef\xc0\x1e8K\xba,-?\n`\x868\x0c+\xb9\xa8\xc4\xe4\xf7\x8c\xba\x83\xfdm\xed\xb6\x85a\xf6\xf5\r\x92\x1aH\r|+Q&lt;!\xa8\x9a\r\xa6#\xcc\xc0\xfa"\x96\r7\x8e\xc5T\xc1\x06d\tB\x1b\x8d\xa3\xad\x12\xc6\x85\x1cl\xd1\xfcw\x93s\xe6\x1e(\xc5\xd8(\xc5j\xb1\xe2W\x99\xb4Q\x97n\xb9\xddk\x9e\xac\x81\x08O0W\x94 \xcf\xed\'\xbahd\x1c\x9f-\xcex\x154\xc0\x85WnV\x8f\xc5\r\x82\x05d\xe3lF\x98\xff\xb9\x1b,F\x12\x85b\x90\xcb\\\xf2\xcah+\x85\x8a\xefw;\xedhp\xf6\xa0\x9b0\xf5w\x99\xdf\xe5\x96\xd5\x0c\xedj\x96\x15z4w\xc1\x11\xf5x\xa4k\x0f\xe9\x18\x8e\xa1\'\x85T\xf31\nZ\xa6\x0e=\xfe\x93\xda1^D\xe53\xa5&amp;\x84\x86;\xbc\xc2\xbbOk\xdf\xf0\x91:\xd7\\\x11q\xa7\xd6\x83\xb6\xb9\x00{\x1fn\xa99R\x8f\x80W\xbc\xf5v\n\x83\x1bi\xdc\x0b\x94Dg\x1dk\xf5\\N\xde\xb2\xde_2\xb1=]\xeej\nV&lt;G\xe6\xe2xl\x948\xf7\xdb\xffA\xa3\xf0i6\xb4tU\x01\xe8\xa6Q0\x90MC&gt;z\r9\xfc\x9d]\x8c\xd5\xfdw\xf9\x8e\xee\xc6\xa5\xe0\x01\xa7\xf6k\xa6jt\xdbK~\xe2e\x84QT\\\xd2\x8f\xa0\x0b\xef\xf26\xa7S\x8c\x8d\xbf\x18\xcb:\xfb \xbf\xd6l\xe3\x13Z\xb2YR\xd7\xa1L\'|\x95F\xf3\xf5y\x7f\xd8\xcc8\xe2\x7fF\x85\xd0\xf2mR\x8e\x90\x8cS!\xba\xebZ\xe8&gt;\x98\xe2%\xd7\xc8pOA\x19\x9eW\xf7\xa8\xf1\xa0+\xc7\xf2\xe2\x10#\xe4\xb8I\x17\xbeS\t\xc4\rM\x9bvu{\xb84\x12\x0e\xab\x01\x03\xa1\x94;\\0\x9c\x0f\xd6\x93\xd5\x19\xa6\xd5\x86\x0e\xe3\xd1\xe6\xef\tp\xb5\x15l=\xbc\n\xf7\xf5D\xe6Y\xfd\xe9\xa4\xae\x18W\x86\xaf\xfeB\x99\xce\xc1\xec-\xdd\x1b\x87\xa5\xa3\xbb\x00W\xadi\x07\xb1\xe3PY\xb7p:\xba\\\x15Z\x86\x815\x1b\xf8\xdb\xa4\x99\x80\x9e3U\x16\x8d\x9eLS.\xb5\xcaV{]\xe2\xc2\xce\xb8\x06V\x1e\x1e\xd9\xff\x16\xa0bUk\x18\xf3\x96\x1e\xf3\x8a\x03\x9b\xfclVN\xdc\x8b\xf4\xb3b)&gt;\xe1\xaa\x961\xd3\x101\xf4y\xc7\xff\x9f4.eK\x1d^\xc9\x9c\x11\x0f\xcc&gt;\xf6\x85)\xcd\x89\xef\xc4%\xca\x15\xaak\xc87\x8f\xd5{\x8a!0\x86\xb35i\xa7\x0e\x13z\xb7\x83r\x85\\\xab\xad\xfb\xd9\xe4\x19\x8anc\xc2\\\xa1\xa7\xdc\x0c5\x8bz\'\xbc^\x8c\x86\xe0\x9bu\xf7t\xd3,\xea\xeb\xa0\xeb\x18@\xab}ki\xbd\x0e\xc7\x15BR\xad\xa1A\xd1\x99\x89\xcfJ\x9d\x01\xf3N\x1a\xd1\xd1\\\xa3\xf0\xb3\x1d;g\x01m\xe7\x0e\x8e\xedW-\xd1j[\x8d\x06\xefpAZ\xe1\xe2\xb5a\xf4\xbd\xa3\xf5RjS\xa1\xbd\xd73\x8a[\xef\xdb\x1aBG\x02m\xc3\x13v\x1dzSV\xc3\xa8\x8fW,\x13\x9ak\xe3F\x19\xc6v*\xaa&gt;\xd4\xb42h\xf5\xea\xa6&amp;\x97\xd3\x83\xf9\x8dQ\xea:\xaf\xf2\x81i\xc8\xc6.?\x186wM\xceq\x08W\x05y\xe7/\x90\xf25\x7fq\xa8\x90Zi\xb6Y\x97\xd5\xd7\xcar?\x1d\x00N\xd9\x8d\xa1\x1ek\xe4\xd2\x96\xc7\xda\x95\xb3\x05x\x82\xf0\xe3\x83&gt;kG\xca\x9bi\x8ez\x06{\x17\'D\xb1\x93sf\x16\xe5\xa4=oZ&lt;\x8c\xd4\x1d2\x1a\x82\xae\x10\xb3\x1d\x84\xbc\xd8j\xcb=\x94(4\xc2\x9ae\x1f"\\ac\xc0\x9e\xd7\t\xbb\xe8\xdd\xdc\xcb[\xa7\x08\x91\x8a\xe5\x8d9\x97\x1a\xc6\xd7\n\xa1\x08\x1bv\xe0Ih!\x8e\x96@\x07nrC\xf9\x14\xddccA\xc3|\t\x022\xf7\x8a\x81n\xe0I\x14\xa4\xc2\xbf\x8e\xc3U\x94\xb4d\xf3\xb459\x9b\x8dbvQ\xd1\xc9EF\x0b\x8d\x1a4\xb1&lt;\xf31\xeb\x8cL\xe7R\x11\xdd\x15\xc1J\xe2 ^9\xbe\xa5v\xdd\x9f\xd2\x91\xf5mP\xac\x0f[\x9c\x01k\xe6\xd8?\xd6-R\xa3\xf9Jw\x91\xb6\xb7\xf3\x96\x91\x88\x8d\x01\xb8\x84\x84\x18\x0e$\xd9\xc3\x9b\xe9\xd1*bfxk\x80\xa3&lt;\xef0\xd5\x97\x06y\xe2\xa9-u\x9f-M\x98\x0b\xe1\x99N\xf3"c\xfc\xac\x96P\xc7\x93[\xf2\xb2$\x1f\xd0\xf5#[\x13\xeaVH\xbb\xd6\xfa\xa39\xa7\x04\x8a\xf3\x96\xe1\xd4\x92\xe8F\xa2XC^\xea\x00\xda\xb2\xa0\xff\xff\xc7a\x88\xd6j{,\x89\xd7\x7f\nI\x97Mg\xa7A\x80q\xd2\x92\x8bG\x9a\xc82\x94\x84\x1f&lt;\xfb\x1eu,Xl\xcb\\c\xbf\xc6\x9b"\xea8\xcfu~\x88\x19\xda(\xd7&amp;hY|\xc5j\x95y\x07\xb7\x14G\x9e\xab\x8d\xf6\xda\x85_\x9a\x11\xd7U\xaa\x9d\x93la\x1e\x86r\xa8MN\x87\xa9\x17?eJ\xb1\x8a\xef\xde\xd3\xc2K\xa4\x81+R\x8e\xde\x86\xfaA}2P\xc6\tP\xebW%\xa37\x89\xe0X\x1e\x1aG\x8c\xb3t\x1d\xa8\xce\xa2\xbf&gt;./\\\x13\xb46b\x1dZ\x1dM\xc7\xa2\x9d\xa8\x89\xacL]\x9c\xb6\xae\x07\x82C\x05X\x9ey/\xc0\xd6\xa7+\x89\x00Jc;&amp;6y\xd3[3A\x18\xccz\xa3\xf4\xb9@\xcfu\x8f\xc1\x83{x5,\x9e\x0b\xe6ZcUG4\xc7\xaa\x98\x9d\xcb\x18\x0b\xdb$\x1b\x00\x01}\xd9;$\x0b\xdfWl\xd0\x9fa\xbd\xd51Q\xcd\xfa}\xab!\xdcOg\x11\x8a\xde\x00\x0c\xdf\xf1\xe8c\x17\t\x135E?\xc3\x06\xc7&amp;1U\x1e[\rUdDm\x88\xfcY\xb2&gt;K\xbd\x1cG\x1b\xf4\xd6\x99\x99\xe5\xa8\xba\xd2\xbd#\x8c\x81z\x01\xf9\xb4\x8c\x94\xcc_\x08a\x7f\xc1[w\x18\x0f\x1d\x13\xffMv\x83\xaa\xb8\x98\xc4\xff\rg]\xf0\x8d\xffM\x8cN|\x8c\xb5*\x15\x1a^bz\xba\xffw&lt;\xbd\xc4%\x1e\x0e0\xe9U{\xb3ql\x11\xd8\xb3\xee.(\xc75\xd7o\xf1,q\x1a\xcb\x16\xeb\x8b\xce\xf7gnN\xbb\xf06\x1c6\rZ\xce\x95\xa7qB\x8b\teJ\x9a\x9e\xb41\xbe\x90P\xa7B+Y\xd3\x00\xc7H4W/\xbd\xd1\nT\xd3\xa9\xe3\xc1\x86)[\xc0\x18\xc4\x99\xfd:\xd2\xff4\xbf\xad\x0f{\x7f`\x8f\xa5\xae\x95\\\xd9[9(\xb1\r\x1f\xac_\x03\x05R\xd4\x0b\xc2\xdd|\x9bb&lt;3C\x1d\xbe\xd9\xd1\xce\xcfz\xeb% \xb8\x99Y\xcb{l\xdb\xfc456Z\xde\x94H\xd4%+\xbd\xf9k\t\x03\xa87\x01&amp;\xa4\xf9}p\xf9\x031\xad\xd1\xbb\xc0\x08".\xb8"\xf8\xa5!\xc4\xd4\xd9\xa1k\x1d\x1e\xad\xff\xf6\xf9\xd7\x90\xea\xabg\x1a\xacs\xbf`\xf7q\xe1B\x08&amp;@2\xbds\xe7\xc3\'%A\xd1w\x8b!4\x92Y5\x1f\xa7dy\xf3\x9e=\xbe\xae\xdd\xaf\x84y\xe6|\x9eM\xbd\xd8`\x11\xd7\xc8\xb0\x15\xa1I\x02\xbf\xe6\xa5\xe4\x8bUT\n\xc9?\xc9\x19yLYf\x0f6\xca\xa5/t\xff\xab\xe37\x95O\x05e\xaaa-\xda\xcfB^39\x07+)\xa8\xb0\xb5\xce\x96\xaa\x1e#i4\'\xdb\tsi$\xab\xb7\x1a\xb7\x83$\xdeC,]\r\xe1^\xd8\xc5%]aT\x8c//\xa8Ky\x9b\x9d\xf6vq\xf2\xd2\xe6j\x87\x9a\xb7\x01J\xa7\xda\x1d\xff\xb1.\x8ct\x05\xe1\x96\xe2y\x9c\xaaP\xcbS\xb2\xbb[F\xd4g\xe9\x0cG\x84\xdf\xe5b\xf2]X\x10,(y\xf5t\xa3L]\xa5K\x0e\x86\xa4\x82\xe2\x99\x8ev&gt;\x17XB\x8en\xac,\xa5&amp;\xc8\x12zY3x\x84\x9ax\xc5\x8c\tz\x1eUw\xfb\x9e\x918\xc8)\x95\x87\xd8\xbe$\xf1X2\xb9\x18l\xcf\x80\x89\xaf\xa1\xbd\xd1\x8f\x80\x98\x06\x9a\xeb\x00Q)\x9d\xb56\x8f$A\x87fDv\xa5I\x89\xbe\x98j\xab\x83\xb3\x97\x18D\xed\x82\xf6\xc4\xebV\x01\xdb\x83-\\\x91\x91\x96\r\xdb\x0e\xea\x1c\xc2\xde1L\x84\xc8X#\xbd\x00\x07\xfdF\xf8/\xdeH\xbdA\xaf\xdd\x92\xedPs;\x02e \xbf\x9f!\xe0|s\'\x91\xf7\x81\x0eR\x8c\x13\x81\xcb\xfb\x1e\x9e\xfd}fR\xd2/P\xd0\xcb\x857\x8b\xdcT88\xaad\xebX\xad\x12\t\xf7u\xad\x1c\x98\xb7\xb7\x1c\x0bB&amp;\x9d\x8b\nI;\xdc\xc0S\x9b\x89p\x99\xbaLr\xb9\x80[;\x11i\xa5;\xf0\xbf\x86q\x05\xf4\x9b\x11\xf1y\xbc\xdc\xfe\nC\xd2\xc1\xe6\r;\xf7\x85^\x89\xf8\xbb-\xa6\xde\x18W\x907br.U\xf9\xb8m\xd3C\xde=\xc9\xd4*\xe4\xac\xcf68\xfa\x1dp_\xaar\xdd\xb7\xdd\xd7\x0b\xca}\x16\xc3\xa3/\xcc\xa1\x8ek\x9e\xccoQ\x1d\xf6?4\'\xcdM\xfd\x8cX\x06\x1c\x8a\xb8eZ\xc0\xd6p\xc6\x7fG\x0c\'\xf3\xebK\x9a&gt;\xc9F\xd1!\xb3\xd8\xc5\x9c\xd0\xff\xd1A9\x15\xda&gt;\xaa\xc12\xf4\xfd\x94\x835\xae,@R\xba\xe3\xef\xf5\x835Rw\xf5\xf1i\x00S\xb0\xb0\x0b\xf9w\x87\xfds^\xe0\xecl`xCAm\xc1\xe2\x8f \xf6\xf5\x1f7 \xbd\x1e{=\x19\x14U\xd0\x14\xb9p`\n\rP\xfci\xf3\xb0\x07f\x9e\x9d\xaa\xc2\x06\xc4\xfd\xd8$K\xb8\x92.d\xa3V\x1f\xa0D\\\xff\x12rO\x9f\xe0&amp;\x8f\xa6\x0b\x9b\xb9\x80\xa3\xbe\'\x92\xa3&lt;\xe1\xf8,\xbf\x80\xb6\'%b\x8f-\x16w\xb0Pb\x07\xe7\x84\x9e\xdcCo\xb9\x04|\x98.\x19|\x88\xd1\xf9p($\x9d?\x8ae\x8bBp\x81\x1c\xb4\xfc\xd8,\xe6\xbe\xe0\n\xd3\xb0\xcb\xef\xef\xc3\xfa\x84,W\x85\xd3\xd6*%\xb7\xc6L\xbb\xc0\x91\x80\xe8\x0b0\xf0\xbe\x91"\x81|Q9\x88X\x1c\xd5!\xbbJLH\xb9\xf0\xf2\xa4\xa9SEs*\xac\x1e\xf4X/\xb0K\xebo\x84&amp;_\xbfGw\xe6\xea\xc6KZb\x8f\x81:M\x19\xc0\xce\x02}\x94'</t>
  </si>
  <si>
    <t>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</t>
  </si>
  <si>
    <t>b'\xb3j\xb9XrV\x0f\xf0?\xf3\xb7\xe5|\x18\x98\xb5'</t>
  </si>
  <si>
    <t>ed, (b) ISS is doubled, (c) the gate oxide
 thickness is doubled?
 Q Q
 R
 V
 Vin1 Vin2
 CC
 R C C
 Vout
 R E I EE I EE
 Q Q 3
 1 2
 4
 Figure 10.70
 Q Q
 R
 V
 Vin1 Vin2
 CC
 P
 R C C
 R E R E
 Vout
 RSS
 Q 1 Q
 1 2
 2
 R
 V
 Vin1 Vin2
 CC
 P
 R C C
 R E R E
 Vout
 RSS
 R1 R 2
 (a) (b)
 Figure 10.71
 492 Chapter 10 Differential Amplifiers
 10.36.In the MOS differential pair of Fig. 10.24,
 VCM = 1 V, ISS = 1 mA, and RD = 1 k_x0005_.
 What is the minimum allowable supply
 voltage if the transistors must remain in
 saturation? Assume VTH,n = 0.5 V.
 10.37.The MOS differential pair of Fig. 10.24
 must be designed for an equilibrium over_x0002_drive of 200 mV. If Î¼nCox = 100 Î¼A/V2
 and W/L = 20/0.18, what is the required
 value of ISS?
 10.38.For a MOSFET, the â€œcurrent densityâ€ can
 be defined as the drain current divided
 by the device width for a given channel
 length. Explain how the equilibrium over_x0002_drive voltage of a MOS differential pair
 varies as a function of the current density.
 *10.39. A MOS differential pair contains a para_x0002_sitic resistance tied between its tail node
 and ground (Fig. 10.72). Without using
 the small-signal model, prove that P is
 still a virtual ground for small, differential
 inputs.
 RD
 M 1
 I SS
 R D
 DD
 M 2
 V
 Vin1 Vin2
 X Y
 R
 P
 SS
 Figure 10.72
 10.40.In Fig. 10.25(a), Vin1 = 1.5 V and Vin2 =
 0.3 V. AssumingM2 is off, determine a con_x0002_dition among the circuit parameters that
 guarantees operation of M1 in saturation.
 10.41. An adventurous student constructs the
 circuit shown in Fig. 10.73 and calls it
 a â€œdifferential amplifierâ€ because ID âˆ
 (Vin1 âˆ’ Vin2). Explain which aspects of our
 RD
 DD
 M
 V
 1 Vin2
 Vin1
 Vout
 Figure 10.73
 differential signals and amplifiers this cir_x0002_cuit violates.
 10.42.Repeat Example 10.16 for a supply voltage
 of 2 V. Formulate the trade-off between
 VDD and W/L for a given output common_x0002_mode level.
 Sec. 10.3.2 Large-Signal Analysis
 of MOS Pair
 10.43. Examine Eq. (10.134) for the following
 cases: (a) ID1 = 0, (b) ID1 = ISS/2, and
 (c) ID1 = ISS. Explain the significance of
 these cases.
 10.44.Prove that the right-hand side of Eq.
 (10.139) is always negative if the solution
 with the negative sign is considered.
 10.45.From Eq. (10.142), determine the value
 of Vin1 âˆ’ Vin2 such that ID1 âˆ’ ID2 = ISS.
 Verify that is result is equal to âˆš
 2 times
 the equilibrium overdrive voltage.
 10.46.From Eq. (10.142), compute the small_x0002_signal transconductance of a MOS differ_x0002_ential pair, defined as
 Gm = âˆ‚(ID1 âˆ’ ID2)
 âˆ‚(Vin1 âˆ’ Vin2)
 . (10.216)
 Plot the result as a function of Vin1 âˆ’ Vin2
 and determine its maximum value.
 **10.47. Suppose a new type of MOS transistor has
 been invented that exhibits the following
 I-V characteristic:
 ID = Î³ (VGS âˆ’ VTH)
 3
 , (10.217)
 where Î³ is a proportionality factor. Figure
 10.74 shows a differential pair employing
 such transistors.
 V
 RD
 1
 I SS
 R D
 VDD
 2
 out
 Vin1 Vin2 T T
 Figure 10.74
 Problems 493
 (a) What similarities exist between this cir_x0002_cuit and the standard MOS differential
 pair?
 (b) Calculate the equilibrium overdrive
 voltage of T1 and T2.
 (c) At what value of Vin1 âˆ’ Vin2 does one
 transistor turn off?
 *10.48. Using the result obtained in Problem
 10.46, calculate the value of Vin1 âˆ’ Vin2 at
 which the transconductance drops by a
 factor of 2.
 *</t>
  </si>
  <si>
    <t>b'B\x95\x83.\x17\xb9\xe3\x1b\x89\x92H\xf9\xd4\xad\xac\xca'</t>
  </si>
  <si>
    <t>4295832e17b9e31b899248f9d4adacca</t>
  </si>
  <si>
    <t>cret garden bloomed and bloomed and every morning revealed
new miracles. In the robin's nest there were Eggs and the robin's mate sat upon
them keeping them warm with her feathery little breast and careful wings. At
first she was very nervous and the robin himself was indignantly watchful.
Even Dickon did not go near the close-grown corner in those days, but waited
until by the quiet working of some mysterious spell he seemed to have
conveyed to the soul of the little pair that in the garden there was nothing
which was not quite like themselvesâ€”nothing which did not understand the
wonderfulness of what was happening to themâ€”the immense, tender, terrible,
heart-breaking beauty and solemnity of Eggs. If there had been one person in
that garden who had not known through all his or her innermost being that if
an Egg were taken away or hurt the whole world would whirl round and crash
through space and come to an endâ€”if there had been even one who did not
feel it and act accordingly there could have been no happiness even in that
golden springtime air. But they all knew it and felt it and the robin and his
mate knew they knew it.
At first the robin watched Mary and Colin with sharp anxiety. For some
mysterious reason he knew he need not watch Dickon. The first moment he set
his dew-bright black eye on Dickon he knew he was not a stranger but a sort
of robin without beak or feathers. He could speak robin (which is a quite
distinct language not to be mistaken for any other). To speak robin to a robin is
like speaking French to a Frenchman. Dickon always spoke it to the robin
himself, so the queer gibberish he used when he spoke to humans did not
matter in the least. The robin thought he spoke this gibberish to them because
they were not intelligent enough to understand feathered speech. His
movements also were robin. They never startled one by being sudden enough
to seem dangerous or threatening. Any robin could understand Dickon, so his
presence was not even disturbing.
But at the outset it seemed necessary to be on guard against the other two.
In the first place the boy creature did not come into the garden on his legs. He
was pushed in on a thing with wheels and the skins of wild animals were
thrown over him. That in itself was doubtful. Then when he began to stand up
and move about he did it in a queer unaccustomed way and the others seemed
to have to help him. The robin used to secrete himself in a bush and watch this
anxiously, his head tilted first on one side and then on the other. He thought
that the slow movements might mean that he was preparing to pounce, as cats
do. When cats are preparing to pounce they creep over the ground very slowly.
The robin talked this over with his mate a great deal for a few days but after
that he decided not to speak of the subject because her terror was so great that
he was afraid it might be injurious to the Eggs.
When the boy began to walk by himself and even to move more quickly it
was an immense relief. But for a long timeâ€”or it seemed a long time to the
robinâ€”he was a source of some anxiety. He did not act as the other humans
did. He seemed very fond of walking but he had a way of sitting or lying down
for a while and then getting up in a disconcerting manner to begin again.
One day the robin remembered that when he himself had been made to
learn to fly by his parents he had done much the same sort of thing. He had
taken short flights of a few yards and then had been obliged to rest. So it
occurred to him that this boy was learning to flyâ€”or rather to walk. He
mentioned this to his mate and when he told her that the Eggs would probably
conduct th</t>
  </si>
  <si>
    <t>b'_\xc6\\g{i\xbd\xe3\n\xde\xf0\xe9C\xb9\x13\x0c\x9f\xdcfp\t\xe6i\r\xfe1\x14~\xe1`,\xca\xca_\t{\xd3\xc0p\xcb\x16,P^E\xe6\x8f\xe4\x8a\x16\x80\x8d\xa3}\xc1Y\xd6\xa4\xa3\x06\xcaW\x1d6\x13vw\xe2\xa1\xce\xe5t\x95\x191\xcc=\x9e\x98\xb3A\n\xd6\x86\xda\'\x1c\xf2.\xbb\xd95\xd0Ty\x8bs\xb5|QT\x0bC5L\xc3\x88\xa2gY6\xc7\xae\xf3O\xc0+\x08\x03"\x1b\xe5\x92\x84!\x9e\xce\xe6\xc6\xd9VY\xab\xf53\x11\x83V3C&lt;-G\xed:\xd0x\xe8\x90&gt;\x81\x16\x0b|\x14\x8bw/\x8a\xd14\x08&lt;\xe4;[\xc7\x82\x02\x8fG\xea]\xa8\xad\x00\xde\x8c\xbc\xb6\x8a\xa7w\x83\xbf\x1e]\xf9\xd5ve\x14\xe8[\x1d\x08\\\x12\xb7h&gt;%u}z\xfd\x80Ke\x86\xcbP\xdaO\xf5!q\xaa\x025mr\xb7\x00F\xcd\xcf\xe6\xd1\x9c\xd5\x13Y7\xadkWxA\x15\x96\x11Z\xa9\n5\xc2\x1a\xf1\xd4?\xcfJ\xf4\x80\x8d\x97%q\x10\x07\x087B\x8fIY\xbb(\xc1\xcc.\xea\xf2\x04\x7f\xf6\x12Lb\xb5\xe4\xae\x135\xa5\x82@f\xa0"**+\xe8j\xe5]\xa1t67:G\x06\xb3\xd1\xc6\x9bI\x1b\x044\xa3\x8f\xaaY\x9bd\xadL\xe1\x90\xd7\x80ku\x9e\x839\xfbY-\xd1?a\xb7\xe9"n\xe2\xb5\xc11\xd1\xaf\x97&lt;\x15\xf5ia\xf3H@\xa0\xc7y\xd96\x13\xb1\xa9\x8c\x95HJ45w\x97\x08\xc2;\xc522\x9b\xecy\x92\xa5 Z\x02\x89\xf9\x8d\x84~\xae%\x01\xe1\xb6E\x08?\xf7%\x9c\x95&amp;\x82\xd5o\xb86\xa3\x86z\x9a\xf5\xe6o\xbf\xc5a\xc5\xa1Se7\xbf#\x0ey:\xc1-\xb8Uo\x08\x17-\xfe\xb0\x11\xb2\x17y.\xa8S\x93\x90n\t,\xf7\xc5\xa7%*Q\xf4_\xb6\xff9\xdc\x1f\x122\x89\x8d\n\xf4+\xac,\xe1L\x03\xf6\x81\xa9\xf1\xcc\xb3\xce(\xf0\xdc})\xbb~\xf5;\xe9\xf9\x07 \x02\x9f\xba\x16\x8bLc\x81\tIfq\xdc\x89\xa5\xb5\xaf\\\x1a\x11\x8dm6/2t\xaa\x9b*\x1a\xe1\xb3x\x12\xfc\xbe\xbc\x8a\xcb\x0b\xf1q\x90\xcc\xdd\xb5f#\x81/Z\xc4X\xbd\xd3\x11\xa8\x8f\xc7\xf9\xc1\x95}\x1dF\xda+\xf7\x13\xf1t\x0b&amp;\xd1\xb2\xa2\xe4\\\xe2\x1a0\xc4\xf0\x19u-\x82\x8c\x7f\x9e\xbd\xde\xe9\xf5\xd9\xcfw\x9ba$e\xee\xb9w\xdfr\xb2,\x96P\xae8\x13\xcc?\xc0\x86\xaaH\x89B4CMAa\xa7$\xf8$\x98{\x95\x99\xd4\'T\xe4L\x19\xbb\xf8\x03\xb0\xb3g\xfc\x16J\xdc\xc6\xc9\xbbi\xf4\x15-e\xf8\xff\xac`U\xbf\x0et\xbd\x80\x05)\xb0h%\xd8&amp;{E\xf4~\xc3\x8c\xb3z2\x94\x12#\xa1]4\x8c\x1fF\x84\xa5/\x1eQ\x9bR\x08\x1f\xb1_\xe6\x86\xae\xcd\x8e\x9bz\x12\xd1\x8dm\xcc(\x97\x1c\x1e3\x15\xfc\xf6\xb7\xd9r\x0ff50\xae\x81{` \xe7\xff\x02|\x82\xcc\x04\x10Y\x82jr\x0f\xf4\xda\xd3\xc9]\xc7\xb4\xac\xfaY\x91\x03\xbc=\x14\x95^\xfd\x9b\x89\xc0]\xfa5D;\xa4\x07~dX\x85\x13R3\x1d\x81\x1d\x17:7\xbaP\xb4\t5\x9a+E\xb7\x1cV2\xe4\xc7.\\\xd5\xfd\xf8\x99\xf9|yg\xf2o\x1b\xee\tM\x12\xb9\xfe\xa5\xcd\xc9\xa2\xd3t\xa6X\xb9\'\x98\xeeIT\xc6\'\x0b\xa8\xfa9\xe4/V]\xd3\xaa\xbd\n\xe7\x85\xb2\xf6jiQ\xa90\xa9.F#X\xccD\x81%\xab\x871\xbb`O\x07\xfd\xa4e\xa7\x06\x96\x195[(\xe1\xfa\xc95\xb6\xd1\x9f\xadO\x81\xd4\x1a\xa6?\xd8\xc7\x0f_\x92\xa4\x81\xfa\xdd\x04]\xcb*B\xc9\xab\x1c\n-\xa5J\xbe\x8a-\xa69\xcam4\x82%\x0e\x84\xbb\xa2\x04\xcb\t\x86\x89Im\x01\xe3\x11G\x8d\xa3\xdb\x8d!K2\xfa\x80\xc1&gt;\xa9\x85\xc8oq8\xe2uk\x99K2\xf6\x1a\x94\x08\x1c\xe1\xab\x1ab\xf6\x19\x1c*@\xe2\x86\xa7;\x17\xc7=P_^\x0b\xd6t\x14\xc3sM|\x1c\xf8\xf5\xf4bA\x9a\xcd\x95\xc6?(Woak\xfe\xa1\xd5i\xd2\x1aA\xc6B$*\x82$u\xe9\xf0\x9c(9z\xdd\xb9\xe9vX\x90\xb0\xa6\xdc\x98\xf0\x7f\xea\xf0vu\x8dS$v\xf8\xea\x98*&amp;\xd9\x91,?J\xb1\xd8k\x98\x1a\xb2w\x92C\xbc\xf4\xefk\xfa\xdb\xe4\xda\xd3\xc5\x03\x9b\xeb\x0bp\xb1!J)\x05\x1d\x1a\xb8\x9a\x1f\x94\xef\xbb\x98\xef\xcd$b\x97\xae\xc1%)\xc0\xb6l\x8c \xebI\x8a\xf1\xc6\x9d\xea\xf0K[\x99\x02I\x17\x13n\x05\xa0\x11\xa6\xdb\x92\xf3\xac\xbdj&gt;\xa0\xd9\t\xa5\x0c\xb8\xfa\xa3l\xfd\n\xf9k\xf6\xfa\xa7\x11\xbb\xd8@\xa4\xdc\xba\xc55\xbfn%S\x95fI\x98\x98\xc3g\xa0\x910\xc1\x81kr\\\x7f\xee\x97b\xf2\xf0\x0e?\xaf,\xf8\xe27\xa74\x93\xea\xc5\x81\x91"\x96b\xde\x9a,Qr\x96\x85mI\x8e\x8f\xd2\xb7\xf1(\x18\x13V\x13\xde/\xc8\xbd\xce\x8b\xccy\r+G\xcb#{\xde&gt;\x0e6\xa3\x00_\x00\xb5\x86x\xaf\xf1\x92\xccVh\xe5\xa3\xb4vlw8\x0c\x12v\xc8\x93+\xc7\xaf\xe6\xb4\xcdc\xd4{\'hV\x03\xb4|\x89\xb5\xc6?6\xcb\xc5\xd9(0\xf5\x98\x8c\xd0ee-\xc1\xa2\x8d\xee\xe3\x8b\x9d\xb8s\x91\x98\x03\xd9\x86l{8\xb5vO\xed\x99\xa4\x11\xc2\xd7\xe9\xa8\x07E\x07\xb9\xe2\xbc\x1d;a\xa0*eV\x8a\xa1\x9e\x06M\xc9\x90\xa1\xf1_\x99\xc8\x1d\xbe8\xc1\x08\x99\xfa@\x02\x18\x8eX\x90\xcfa\xa2\xe7^=\xb3\xda\xc2M\xbd\xec\x86\x10\xabO\xc9$\xb8\xe8\x0cY2,\xf8\xd6!@k\xf9W\xdf\xa97wQC\x0e\xf6\x9cULn\t\xc4Tq\x9aM\xd0\xd6\xa3\x17\xf8\xdf\x86\xd1\xe7\xbd\xdc\xd342V Vzl5\xe7\xc94r\xc7\xc9\xf8U\xd9\xd1\x9a\x04&lt;M\x96^\x01\xed:;&amp;\x12\xb2\xa8\x1e\x06@\x92\x16\xb9&lt;m\nV\xb4z\x05\x15f\xf8x\x91\xf6\xbdM\x84\xcb\xcdJ\xa4\r\xfb\xa3\x01\xa0|s8Wf\xa0\x10S\xc3\xf3`9\t4\xa9\xe9\xd4\x81S\xc42J`\x7f\xd0\xc1\xac\x95\xe8\xbd\xef\x9f\\\x82\x87\x7fq\xc2\xcc\\\xcd%\x14\x9f\x11\xa8\xf9\xeb\r#\xca\x9fK\xf9m\xacjLZ\xe0\x8f}\x1a\xbcHr\x121\'\xd6\xee\x0f\xc1\xcd\xec\xad,L{\xcau\x1fn\x18\xf5\x90jd\xe9 \xac&lt;\x7f\x01\xc1\xb6\xd9\xe2\xde\xa5\x96^\xe9\xce\xde\x9a\x0fQ\x15\x94\t\xc0BD\xbe\x92\x12z\x86J"\xbd-\xd6\xbdh\xa9\xecd\xed\xd3\xda0\x85\x99\xe0\xec\xd0\x8d\xafs\x18^&gt;\x10G\xfdP6\x82\'S\x0bT\xb1isY\xf5\xffl\xd1\x9c\xec\xe4\x02\xe6\xbb\xdc\xfc@9d\xb3\xf3*\xbb\xc5Yp\xba\xb1\x15\xe3\xb9\xefw)\xd4\xc6p\xe5/\xae\xfaR\x90\xbe\x91\xf2&lt;\x9f\x89Q\xaa\xfdy\x15\x07\xdd\xbap]z\x0b\x97\xe2\xb6\x87\x95\xf4\x0b\x07.E\xe203Z\x10\xc3ac\x02N\t\x0b\x14Or\xfb\xf0w\xf2\x89\x02\xde\x99\xd7\x12\x81\xd9_\x1f\xfaz\xfded\x9aJ\x16`\xc5\x9e\xdf\xed\xd3\x10\xe9\x92\xb6u\xafo\xa4\xffR \xf6\xa4}\xa4\x0c\xde\xf0\xf8\xacz"\x9f\xb3f]M\x05(\xfc\xcd\x8diH\x1d\x9e\xa1S`\xcd6#\xc2}\xef\x8a\xdb\xa5H\x883\x046\xc1\x01D\xe0`v\x90\xba\x00\n\x17\xda\xde\r\x82\xa5\xeb\x17\x7f\x94\n\xe8\xc7\xb6\xdcW|\xd9\xe8G\xc2\xa4\x0e\x8e\x13\xfb\xe5M\xa8K\xab\x8d^\x06\n)3\x99\xcb\'X\x8a\xc6\x883\xaf\xf5z\xe6\x0cw\x8c\xdf\xca\xb60\xdde:\x08\xfa\xde\x90/\xdc\xd7\xda\x97M\xe7\xe0\xd4\xbf9~eUq\xccGV%\xa4\xaeA\xef#$q\xe5\xd6?\xe2WG\x03\xb9\x96\xbc-\x93\xb9\xfd\x91"^\xc3L\xc1\x90\xe7\xedQg\xc6aW\xa8\x88\x02bAU\xc7S7\x03Vz\x11\x82\xfar`\x06\x9b[+~\xbb\x91\x8c\x00\x05\xf9}\x91\x95\xfc5aC\xcc\xff\xdd\xdcUd]\xeb\x04\x14\x85\t\x83\xfb\x1b\xc3Vl\xd0\x13\x9ed\x1ft\xb3&lt;\xde\x1a&amp;\x94\x89\x00\xf6b\xc5\xf9b\x89+(\x0e\x19+\n\x13T!`dc\x95\xf6\xf6\x96u\xd9\xdc\xfd\xea\x1a\xcd\x95\xfd\xe6\x97SZ\x8f\x88`\x8fN\x04u]\x8c\xb7\n\\\x81\xc8\xa1.\xab\x15\xad#Q\xc9e\xeds\x1f\xf7\xec\x8e\xc7"\x85kp\x837\xdb-(\xda\x8c3N\xd8&gt;\x93b5\xe2\x98V;e^\x7f\xb9M\xe8\x80#|\xc5\x05\r\x86\x91\xfa\xf2\r\x10F\xb21Yk\xd7A\xe3%V\x8b:\x03_\xf9\x19\xcau\xe4$\xc4i\x91I\xdd\x826\xc3&amp;\x96\xe8\xe9Na\xc6\xf2G\x83\xc2|\xf3O~\xa6^+\xce[l\x02\x81\xb3,t\x18\x9c\xe0\'\x81\xdfM\x08\xd3E"\xb0\x1c\xa0$\xbe\x80\xfd\xd7s\xfayV\xde\xe2\x89&amp;\x87\xf9\xe5\x01\xbb\x84n\xa9lW{\xd2\x8a\xb6O\x8f;\xf0\t\xd6j\xca\n\x12.\xa6\xd7\xf4%QGR\x19g\x82\xd4\xa5pA\xfa\xe1\x0b,\x1dc\x87\xd7.\xd1\xef\x03N\xff\xf2\xc3\x9b\xeb8TM\x81\xecl\xec\xb4\xb4\xc6\xc6\xf15\xda\x8eZ:x\xfa\xd53\xa8\x832\x03\xb7&lt;\xb2\x11\xb3\xe0W\xca\x96\n\xb9\xf8\xc08#\xb0\x0e,\x01)\xc8\x17,\x1e2\x87\xd8\tt\x0f+\xb6\x8b\x80\xbc\xa6\x1a1\x04g\xb6\x0cj\x87^\x8e\x99X$=\'\xb4o\xe2G\xb4\xec\x0b\xb9\x17\xe8\x942\x1a\x99\xb5\xcbm\x04d\xf0\xe5\xc7-#\xe6\xfa\x85\xf3\xfb|tj@\x01A\xe2j\xce\x15\x007\xb3\xa4U\xf94\x0f\xd6\x96\tDA\xea\x962\x9a[\xcfq\x9f\xb5!\x1d\xecy\xe2\xf8\x8d\x085Km\xf2\xaf\x89\x89\xfe\xec"\xf3\x82\xc8\xb9\xe7\xe0\x8c{\'X[F\xfb\'\x18\xfar\x93\xd6\xb2L\x05\xaf\x11\xc2\xcbl\xbd\xab\xd6\x06\xf0\x97&lt;\xc6\xaaW\xc2?\xf48,\x9c\xbb&amp;\x06\xb1\x81\x8f\x84\xe7\xe5E~a.\x8a@\xfdt\x10~\x10\x9b\xf1\xff\xb5$5\xf3\xa7\xfb\xe8\x0e{\xc8!\xbas\xdc+e\xd5\x8e\x1d\xf3\xe8\x96\x07\x92#l_\xe3\xe6\x98\xf4\x1f\xb2B\x05\xddo\xa0)wTj\xb9=\xc6\x8d\xfd\xc4,9\xd6\xba\x1b\x10\xb9k\xd5\xca\xa5\x82\x1a[\x87\x03\xc4\xe02\xe5\xa2\xbd\xe8\xf2\xea\x9a\xfbj6\xa0\xb2\xc6 [\xf0\x19Z\x9bH\xfe\x00\x17\xde\xc7^\xcc\x97Ui\n\x03D\x84;I\xc9\xc9*`\x8dQgWm\xf4\xd7\xe4\xfe\x10\x85F\x140\xc1q\xc3\x9e(\xa5\xe6\xca\x95\x0b\x1b\xaf\x0cr\xb6\x08\x97\x1f,\x0cc\xf92\x83\xb5\xbd\xa9L\xc6s\xf3=\x84CVm\x91\x86&gt;\x06\xb58\xfe\xd3\x96\xf9\xe74Pf\xf8\x95\x10\xf8\xe5\xb9\x7f+:\xa0\x86\xacX\xe0\x1f\x99\xe7\xb2\x8c\x85\xa85R\x1eV`c\xfb\xb8M?`\xe1n]\x89O=`I\x17[s(9^\xac\x7fTn\xb87}\xf8[_\xc71\xadc\xbbf\xe8\xee&lt;H-\x8e\x0b%;a\xfb\x9e\xc8!\xdb\x99\x9cn;\x1d\x84\xe0\x9b6J\x9a7\x91\x90\xd2u\x06\x154\xb1\xc1\x91\x07bE\x9dO\x94\xe4\xd1[o\x1b\x10\x80\x80\xdc\xc9\xfb\x8b\xf8\xe9E\xda\xa6:\x8b\xca|3\x92C\x91\x05 \x0b\x02g\xd9W\x1f\xd0\x88x&lt;K#\xb4\xa8\x82M\x96\x8fi\xe2\xf3\x16\xdc\xec79\xf5\xb9;\xa6\t&amp;\xa4\xab\x98V\t\xa7\xa2N\xa7\x1cZ\xd9S\xef\xcd&lt;J8\xcb\xe9d\x8a\xe2\x0c{\x8e\xf9#B\x8a:\xf9.\xaa&gt;(\xa9\x99\xf4Z\xb8\xe0\xd9\x92\xb0\x13\x16?|\x04\xeeZ`&amp;\x14\xd4O\xb7\xa8\xd3bG\t9A\xaeu;\xc7\xd8\x84[\xc7\xac\x0c\xc7\x99\x00\xc7L:\xe3\xe9}_\xc5\x03\x19\xd3\x8e#\x16\x04\x97WbL\xf9\x80\x81\x84W\x13z\x1d&gt;L3\xb2\x9dk\xc0\xfe\x8d\xd35\xe6g\xf6\x06 Yg,:\x9b \x9e\x07\xfe5\x00\x03I\xd0\x91\xd4h\xf9i\x02\x0c\x8fa|6^\x95!\xf9\xaf\xb4\n\x1ey\xb6\xe0\xd6~\xfa`\xf8G\xc6\x1f\x90\xa4\xd9Q\xdbr)\xf1\x96?\xc3|.C\xdc\xff{|m&gt;e&lt;\x1c\xa8Zq&lt;\xa36\xed\xa1\xd5\xffZI%\xdb?\xeb\x0e\xea\xc9\xd1\xb5\xf74\x0cb{%\xcb\x03\xff\x8f_\xc9\xafW#\xf9wYS\xe2`;"\xc9D\xcc`\x02z\xc2GZ\xc4\x99\xa6e9\x01\xe1\xf9\nU\xec\x08\x1e\x84$k\x10`\xc3M\xc6\x86q\xff\xd1S\xbd\x83T\x17p\xbd4(\xca\xecV\xd9u\xe0\xfb\xedT\x0f\xf76&amp;z_\xdf\xf6\x8f\x91\xce\x91\xc4\xc6\xf9\n\x82r\x0b\x02\xe6\xe4\x95\xa9\xd4\xd9\x89s\x02?\x00\xfb\xea`\x94\xa9\xa0\xca"\n\xbc\xa5kj\xe3\x0en0\x1c\x10\x8e\x93\x9f~~L\xc6_\xb3\xb1\xf9\x1dhW]g\xeb+mD~\x07\xca\xf2Q3\x8b\x16\\-+\xb4\\\x12\xeb\x04\x05e\xb8(e\x952(\xcc\x03\x02\x86Z\x9b\x9c\xed\x15dR\x84\xc9\xa1(\xc9\xcbbV_\xa67\xa6\x12\xc8\xf0i9:s\xac&lt;\xe6f\xa7\xf0\x05\x1ao\xc5r\xa2v\xeb\xfd\\\x00\xfbM\x9e]\x15\x16\xab(\xc7\xc4S\xeaL\x12\xb1\x96\xea\x0f\x9e\x82\xa4-L\x07\x1d\x9d9,\xcb\xe7)*\xd0\xfeLFXj.\xc1\x8a\x9b3\xc4\x9e\x1a\xb7\xafbH\x12\xedMk\x8c*\x1bV\xf0o\x19\rZ\x05F\x12\xe9\xf8C\xc9\xa4\x84@\xbcCK\x07\x0b*C0\x90HP\x90jo\xfc\x90r\x1at\x9f\xcf\xab\xb7\x8f39\x91\x97\xfe\x8e\xa2]kf\xc5\xb7\x13i\xaf\xc1\xee\xb9\x0e\xfeO\xd5\xe8\x011\x85\xbf\xf0?%t\xdcb\x0c\x95\xc6\xd8q\xb1}}\xda\xaf\xeb\x06\x95\xaf\xd8Y\r0\r\x06\x9b\xe5\x84\x9a\xf3d\xef\xea/\xc2UX\x1a\xe6"\x95E\x95\x84\xdb\xf6\xadu\xefs\t\xaf\x8a\x12\xb3*\xf5\x88t\x1f\xf3\x96\xb2\xca\xa01\x85\x0fTF^+]tw\x91\x13\xf0.)\xa1\x8a\xf1F\xcfT4\x87aP\xc4N\x84\xfc\xd2\x80\x14\xdfH\x9fkd\xb7e\x02\xb7cqn\x8b\xda\x116\xa1\x8c0K.H\xf7/\xed\xd8\xe6/\xec\xe1\xffe3\x1a\x87\x16\xac}\xc37\xad\xbc\x11\x021\xd9\n|\x9a-\x92\x0f\xe8\n4\x8f%\x89\xbc_\xb4\x83G\x85?2p)\xdb\x8e\xf9\xf6\xe0\x08-\x8c\xf5\x8e\xc5\x8c\xaf\xffD\xbb\xdbz\xc3Z^\xf2\x8f\xa1tQK\xa4X?d\x89`=Z$\xfaMW\xe0C\xaf\x15S:\xa1P\xa9\xad\x19}s\xa0s\xb5~\x92\x10L\xbat\x17 \xd1\xb7w\x81\x1f&gt;\xf4\x93L\x01\xf3\x98\x08\xe6E\x03{M\xa8\xb4w\x10\x07\x9a\x14\xec\x1fz\xb76\xf5\xaa\xf2\\F\xbf\xe6\x11V\x96A\xc0lH\xb6\x0b\xd2IRY\xc2\xaa+\x9c&lt;\x0b`:\x0e\x9c|\x11\xd6&amp;3\xd3\x19\x90F\xf1\xd4\xf1Z\xaakL\x855|\xec'</t>
  </si>
  <si>
    <t>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</t>
  </si>
  <si>
    <t>b'_\xc6\\g{i\xbd\xe3\n\xde\xf0\xe9C\xb9\x13\x0c'</t>
  </si>
  <si>
    <t>s as when I
 left it lastâ€”left it with those who never must return!' She went to a
 window, that overhung the rivulet, and, leaning over it, with her eyes
 fixed on the current, was soon lost in melancholy reverie. The lute she
 had brought lay forgotten beside her; the mournful sighing of the breeze,
 as it waved the high pines above, and its softer whispers among the
 osiers, that bowed upon the banks below, was a kind of music more in
 unison with her feelings. It did not vibrate on the chords of unhappy
 memory, but was soothing to the heart as the voice of Pity. She
 continued to muse, unconscious of the gloom of evening, and that the
 sun's last light trembled on the heights above, and would probably have
 remained so much longer, if a sudden footstep, without the building, had
 not alarmed her attention, and first made her recollect that she was
 unprotected. In the next moment, a door opened, and a stranger
 appeared, who stopped on perceiving Emily, and then began to apologize
 for his intrusion. But Emily, at the sound of his voice, lost her fear in a
 stronger emotion: its tones were familiar to her ear, and, though she
 could not readily distinguish through the dusk the features of the person
 who spoke, she felt a remembrance too strong to be distrusted.
 He repeated his apology, and Emily then said something in reply, when
 the stranger eagerly advancing, exclaimed, 'Good God! can it beâ€”surely I
 am not mistakenâ€”ma'amselle St. Aubert?â€”is it not?'
 117
 'It is indeed,' said Emily, who was confirmed in her first conjecture, for
 she now distinguished the countenance of Valancourt, lighted up with
 still more than its usual animation. A thousand painful recollections
 crowded to her mind, and the effort, which she made to support herself,
 only served to increase her agitation. Valancourt, meanwhile, having
 enquired anxiously after her health, and expressed his hopes, that M. St.
 Aubert had found benefit from travelling, learned from the flood of tears,
 which she could no longer repress, the fatal truth. He led her to a seat,
 and sat down by her, while Emily continued to weep, and Valancourt to
 hold the hand, which she was unconscious he had taken, till it was wet
 with the tears, which grief for St. Aubert and sympathy for herself had
 called forth.
 'I feel,' said he at length, 'I feel how insufficient all attempt at consolation
 must be on this subject. I can only mourn with you, for I cannot doubt
 the source of your tears. Would to God I were mistaken!'
 Emily could still answer only by tears, till she rose, and begged they
 might leave the melancholy spot, when Valancourt, though he saw her
 feebleness, could not offer to detain her, but took her arm within his, and
 led her from the fishing-house. They walked silently through the woods,
 Valancourt anxious to know, yet fearing to ask any particulars
 concerning St. Aubert; and Emily too much distressed to converse. After
 some time, however, she acquired fortitude enough to speak of her
 father, and to give a brief account of the manner of his death; during
 which recital Valancourt's countenance betrayed strong emotion, and,
 when he heard that St. Aubert had died on the road, and that Emily had
 been left among strangers, he pressed her hand between his, and
 involuntarily exclaimed, 'Why was I not there!' but in the next moment
 recollected himself, for he immediately returned to the mention of her
 father; till, perceiving that her spirits were exhausted, he gradually
 changed the subject, and spoke of himself. Emily thus learned that, after
 they had parted, he had wandered, for some time, along the shores of the
 Mediterranean, and had then returned through Languedoc into Gascony,
 which was his native province, and where he usually resided.
 When he had concluded his little narrative, he sunk into a silence, which
 Emily was not disposed to interrupt,</t>
  </si>
  <si>
    <t>b'\xc9i\xe9\x85=\xcb\xc5w\x11!\xb5\x9c\x05&gt;\xe0a\x81\x9a[\xe8r\x15\xc9\xb3\xf0\xcc\xe1\x84~\xcf\xf1\x16p\xfex\x83\xf3\xa3\x06\xde\xc6*\xddoj\x86\xb3\xc2\xe4\xceP\x1d\x9bK\xaa\r\xcf\x1d\xce\x89\xef\xe7#\xd0'</t>
  </si>
  <si>
    <t>c969e9853dcbc5771121b59c053ee061819a5be87215c9b3f0cce1847ecff11670fe7883f3a306dec62add6f6a86b3c2e4ce501d9b4baa0dcf1dce89efe723d0</t>
  </si>
  <si>
    <t>b'\xc9i\xe9\x85=\xcb\xc5w\x11!\xb5\x9c\x05&gt;\xe0a'</t>
  </si>
  <si>
    <t>alance of Payments, Chapters 1â€“3. London: Oxford University Press, 1952.
 A classic analytical discussion of balance of payments concepts.
 CÃ©dric Tille. â€œThe Impact of Exchange Rate Movements on U.S. Foreign Debt.â€ Current Issues in
 Economics and Finance (Federal Reserve Bank of New York) 9 (January 2003), pp. 1â€“7.
 Discusses the implications of asset price changes for U.S. foreign assets and liabilities.
 MYECONLAB CAN HELP YOU GET A BETTER GRADE
 If your exam were tomorrow, would you be ready? For each chapter,
 MyEconLab Practice Tests and Study Plans pinpoint which sections you have
 mastered and which ones you need to study. That way, you are more efficient
 with your</t>
  </si>
  <si>
    <t>b"0E\x02 .=\xe3&gt;\x94\xa4b*\x0eH\x7f\xe7&lt;\x89\x88/\xa3o\xf1\x94'\x08\xfe\xe7n\xee;\x89\x80uX\x1e\x02!\x00\xfb\\=\x0e\x04A\xe0\x92\xe1sx\x18\x0f\x0f:\xfaJ\xebD\xbc\xe4\xd1Nz7X\xfe\xaa\xca_\xaej"</t>
  </si>
  <si>
    <t>304502202e3de33e94a4622a0e487fe73c89882fa36ff1942708fee76eee3b898075581e022100fb5c3d0e0441e092e17378180f0f3afa4aeb44bce4d14e7a3758feaaca5fae6a</t>
  </si>
  <si>
    <t>b'0E\x02 .=\xe3&gt;\x94\xa4b*\x0eH\x7f\xe7'</t>
  </si>
  <si>
    <t>to get their slice of the pie, of
 the â€œlimitedâ€ value out there in the world. They walk up to a table that has a
 single pie, take a slice, and think thatâ€™s enough. They imagine that once all
 the slices are gone, thatâ€™s it. No more value.
 Thatâ€™s why people hate on billionaires, or companies that donâ€™t pay
 enough taxes: They believe that the â€œtop 1 percentâ€ get rich by taking from
 others.
 The truth is that we create value. For every slice you take, you have to
 bake a whole other pie. Jeff Bezos got insanely rich because he changed an
 industry. Thatâ€™s value creation.
 Far too many people come up to me and ask, â€œHow do I get my slice of
 the pie?â€ Thatâ€™s the dog-eat-dog world. Thatâ€™s hustling for every dollar. Stop
 thinking about what you can take, and start recognizing the value you can
 create. Money, which is a by-product of good work, will flow to you as soon
 as you make that switch.
 3. Growth is like interest: It compounds over time.
 A hustler lives from small win to small win.
 Tiny winsâ€”buying things at garage sales and selling them on eBayâ€”
 never compound. You might work really hard and make extra money, but itâ€™s
 unlikely youâ€™ll become a millionaire.
 If you follow my plan, results will stack extremely quickly. They might
 seem insignificant at first, but, after a year, you will have a hard-charging
 income stream that continues to grow for years to come.
 One of my favorite books is called The Slight Edge by Jeff Olson. In it, he
 argues that extraordinary results do not come from big winsâ€”they come
 from incremental steps forward that compound over time. For instance, you
 donâ€™t get fat by overeating one time; you get fat when you consistently
 overeat.
 The same is true with wealth. You donâ€™t get rich with one big sale. You
 get rich by doing the right thing long enough for it to compound.
 In my experience, it takes about twelve months of consistent,
 compounding efforts to create a successful, profitable business. Everything
 we do in life, and all the success we have, comes from habits. More to the
 point, it comes from setting long-term goals and using those habits to drive
 toward them. Whether Iâ€™m trying to get fit, get rich, or get happy, I need to
 think long term.
 If I treat my customers well, theyâ€™ll be happy. If my customers are happy,
 theyâ€™ll leave good reviews. Good reviews build a loyal customer base. Efforts
 and actions compound, and the more long term you can think, the more
 successful you will be.
 4. Your business impacts more than your bank
 account.
 I wish someone had told me, way back when I was getting started, just how
 big this was all going to get. I had no idea what I was building or what it
 would all mean years later. Had I known, I would have gone even harder. I
 would have been even more aggressive.
 Youâ€™ll soon discover that big brands are out there, looking to acquire
 small brands to gain market share. They are literally banking on
 entrepreneurs like you to build something great so they can jump on board. I
 never knew how many people were rooting for me. I never knew this process
 could inspire so many people, or that I would take those same people on as
 students and watch them transform their lives based on my designs.
 Even beyond that, your business directly impacts your customers. We all
 have brands that we are passionate aboutâ€”for me, itâ€™s Quest Nutrition and
 Zeviaâ€”and we love to buy. You will be building something that directly
 impacts people on that level.
 People get into this life thinking too small. They want the added revenue
 stream, they want a little extra, and they have no clue just how big this can
 get. There are a million dominoes ready to fall, and all it takes is someone
 with the drive to push the first one.
 Every micro-decision is a</t>
  </si>
  <si>
    <t>b'\xe4\xc0\xbc\x9e\xd1\r)\x08\xf9\xa5G\xa6\x02\xcf\x80\x1a\x88\xc8a\x90\x03\x13\x0b\x1cf\xf94\xd8\x1c\xf6\x93\x1cG\\y(6\xa7\x07P\x84\xfe\xbcb\x17&amp;\xf9O\xbb\xf57\n\xc8\xfc\x15\x84\x06j\x8bIM\x1b+=\xbfYr\x1d\x1a@\xf1b\xf7\x8e\xe1?\xd5\xc9\xdf9\xb27\xbf\xf6zp\xba\x0b\x89\x87 \x01&amp;hN\\\x05\xcbD\x93\xe8z\x7f\x89\xc9\xe9\x86\xa9}\x84\xae\xa33\xcb\xae\xcd\xa4Qx\xe4=\xf0\x86F"\xe9\xb8\xacI.}\x0b\xcb\xc2|\x1f79\x08=6O\x1fX\x03\xa8\xe5+|]\xc4\xf6\x1f\xac\x84\x99\x90\x0e]\xf6E\xd2a\xb3\xcf\xe2\x0c|\xa1\xfa\xcd\x00\x1aO\xab\xba\x00\x00\x96\xaf\x9em\xf8\x88\xe6\xbf\x19\xfeIy\xadUh\xfa5\xe6\xe4a\xc2+\xb4\xadQ\xca\x7fz\n\x19/!$\x19\x9e\xc1f\xc2\xf5\xec\xb3\'\xef\xd9\x1d\xb74\xb8%\'X\x8f\x04\x1e\n\xff\xf8W\xfe\x8f\x16\xae\xf4ik\x80\xaf\x9e\x1ct~\xd1\x12\x80j\xb4\xcf!\x8c\xf3\xd1\xbd)b\x8e\xae\xcb\xda.YW\x89\x9b\xda\xb9\x13\xc7v\x1f\xc4\x94+7\xe7g\xa8"EAc\x11#\x85\r\x81\x86\xf9\xaa^\xbb\x9f\xc7=\xc6\xe4\x92\xdaQ\xc5r~\xcanZ\xe90\xa2\xa6\xf4\\\x8d\xfa\xf8\xb6\x00\xe6\x0b\xd5X/-\xd56\xa4\xc5d\xcf\x17!jpp\xf8\x0b\x112hG:-\xa2\xd3\r\x11RF\x8a\xfd\xf6\x9f\x80\xdazP\x000d\x8e]\xe4M\xdd\x1c\xf1\xa3\xc8\x8eMj\xc5\x1e\x8a\xab\xa5\xf3\xccFE*\xfd\xafO\xechn\xb2\x14\xcd\xe8\xb7\xca\x87\x0f\xd0\x8b\xcc&amp;\xec%w4W/\x17u\xe0E\xfc\x0e\xe4(f@`lO_(l\xdb\xee\xd0\xe0\x94\x0f\x00x4\x1c\xb7F\x10\x88\xa2_\x06kE\xf0_\xe3-@\x90\xe7\xf9\xe4\xaa\x89{}jg\xd8\x9fj\xbcH\xb3\x91\xd9\xe8(\xc7\tL\xe661\x90t\xdcq\x1a\x15\xb8\x9c\xbdy\xb9\x13\xbb\xb3\xc7a\x11\xed\x8bw\x80\x9b\xcf\xc1\xcf&amp;\x10\xc3\x1d\xe5\xfb#C\x9c\xe6\xc6WG\x08$\xd0\x1d\'\xb9ww\x01w\x8c\xa4)7\x00\xf6A\xf3*\xf5&gt;\x97f8b9X]N\x91@T@N\xcc\x19\x16\x14 \xe3p\x89l\xd4\x9d\x19?Xd\x90\x98\x8f`\x1b\xce\xa8{\x10\xd6\x8e\xdb{\x89\xd3P\x19\xd7}M\xae\xc2\xb2\x07\xa4O\xa6nA\x1b\xb7\xafDSIpf\xccZ\x86#3\xc2\x1b\x8b\x86K3\xa5\xcc\x8e]\xed\x94\xd7\xf0:\xda\xe0\x9e\x02y\x87\xeb#\xdc\x111\x9b\x8e\xdd\xab\xd5=\x08\x82\t\xb9\xde\xd4\x8d\xc7z\xa9\xf9F\xc4\xf6\x8e\xd2K\xaf\xb4\x9b\xbc\x92z\xfeO.\x8b\x89\xe8\xd6\xf6\xdeD\xca\x87\x89\xc1\xcb\xa9\xb1K\x18\x18\xb0.D\xa8XM\x80VS\xb3\xd6\x95\xb7_\xc8W0N\xe9\xa8+\xc4\xb5\t\x07\x1b\x88\x03\xc7vb\xfa\xdc2K`\x7ff\x01[\xeb&amp;\x90&lt;\xb4\xa0\xeb\xe2\xca~\xb7\xc1\r\n8\x87\xf4\xfb\xb1\xacb\t\x9d-\x1a\x8f\x86\x94T4=Y\x0cNG\x151XqP4e\xd1\x9d\x85S\xfe\xc3\xfe*\xde5\xb3D\x89k\xd7\x89e\xe0\x1fBs?\x15\x99\x17\xec1\xd9\xf6\xf2\x91C\xb7\x02H\xfa\xf8k_\xf3\xa5\xa5@=\x96\x85\xc8\xd3#s\xd1\x08\x82\x1a`\x15\xf3\x01\xac\x8f\x18?\xdd\x97\xa9\x0c\xf9\xda\x13\xa3\x06\x1a$\xd6\'2\x90AKp\xdc\x0e\xef\xee\xd8j\xab\xcf2\x85\xad\xca\xa9\xef*\x8f\xaa@\x1d/\xc3\xf2e\xe7\xde9\xfc\xd2\x0bgUm\x1aa^\xe7\xb5\xd9\xd5\xef\xf1\xf1e\xc8\xfe\xabZ\xbb\x13\x07\xa8\x04\xb1\xd2a}\x04K\xc4:\x88\xf8\xf4\xe786\xaa\xa29\xa4\x05}\x12:\x1c\xaa\x86 \xa8\xf5\x9d\xdc\x18\xf8\x84\x93@\x01+fm}\x80\xc9^\xdf\xa6\x1c\xbb\xafR\xdb\x1d\xf0A \xf3\x9cy\xb1na(\x1b\xcfa\xc8\x91W\x9a\xd9\xb5\xfb\x8b\xad\x1aW\xb8\xd1\xb4R\xe4\x1f\x99\xb9\xdd\xc4\xffR\x97\'(\xd8x*I\x87\xedG\xd95\xed&lt;\xc6Q(\xb6\xf2O8\xd7\x86\xf1\xad-\xb9\x10\x0b\xef\xae\x97&amp;\xf6j\x90q&amp;K\x8f\x106@\x92\xeb\xc7X"g\x1d\xac"\xa8\x9ca\xa5\x9c\x1a\x1b\x88,w\xe8\xc4\x81\xffy\x88\x1eZ\xb6\xe5\x8c\xfc\x07\x91\x166Iz\x8e\x11t\xb1\xb9\x83\x91\xb2\xff&gt;\x17\xcd\x98\xe6\x9d+\x17\xa1+{k\n\x14\xe0\xa8\xbf\xac\x86\xb1\xb0\x85\x84\xeaJ\xa4\x03\x95\xbd\xec/\xcc\x19h\x85c\x9d\xf6\xe5&gt;\xc8\x9d\xaf^w0\xe8\xdbr\xc7\x88\xe9\x8c\xea8\x87\xed=|uvB\xf2\xc4\xfc\x19\x83%.\x9e\xfb\xb0i\xe0\x8b\x0b\xdfjBV\x0c\x95\x97S\xf5\xa0}\x97x\xd8\xee\xc1\x86\x9ej\xb9\xf4\x90H\xef+\xdbV?R\xd7\x92o\xcc\rY\xfc\x90I\\\xa4d\xd6B\xa64\xb2^ln\x8f=u\x12X\xad\xbb\xff\x0f\xb2\x87\xea\x8e%:\xc7\xe4*\xe1\x17W\xc6\x00\x87U*z\xc1hkE\x8fr\xa0\x96&amp;f\xb8\xe3\xefD\xef\xd1)ja;]\xd4\xf0\xbf6t\xc0\x1f\xaa\xede\x0f6\x84\xfc\xd5\xfe\xc0\xb9sv\x05\x8d\x83-\xc8\x91oV\xf13|\x8f\xc1\xb4\xda\xbd\xdc\xc3|\xf8\xee\xcf\x17\xa21\x9b\xbd\x1b\xb4$4,\x0b9\x97nR\r\xd9;*jyU\xa6\x93T\xa4\xb6\xe6\x1f\xd7&gt;\xb7\t\x12=E\xba\x15\xb3N\xb66\x8aj\xa3\x98\x12q\xacr\xc5[\xde\x98\x0e\xbf\x16\x9f\x84\xf5\x1e\x04\xeb]\x19\xf8&lt;G\x83p\xd6\x11\xef\x9dM\xe9?;\xabR\x1f\x93UpClL~"\xce\xe7,?\x84\x1b+\x82v\xa1\xee\xd0b\x90\x8fi,\x9c\x96\xa2\xf6\xe0\x9b[d\xcc\xe6\xc4\xcc\xd9\xf6\x08\xdek\xae\x85\xf6\nb\xc2\xe4\x81\xf4\xc3~_\xc0\xc9\x1336\x9c\xe0\xed\x1a\x0b\xefL\xd8\xcb%\xb4\x11\xaa\xa7\xdeU\xe1\xf4qC\'\xd6B]|\xbdO\x8b\x9c\xcdj3\xcd\xf3\xfa\xb5(\x82 \x99\xb7\x95R\x025\x1f\t0\xdf~z\xb0!\n\x15\xaeI\x89\xfco\xf4\xc6V@g\x02\x19T\t\xd4\x88\xa5$\x9e\x9f]\xc8~\xf0H\x83\xe7T\x9der[0\xeb\x018\'\x93(\xa7\xc1L\x00k8\x97\xf1\x8e#\xa2*\'\xe7\xc2\xf1\x8e\x08uY\x1c\x83\xdf\x96{\x85N\xf2"\x17\x96\xf9\xc6_\xc0\xdd\xbc\'\xd7\xd8 \xed\xae\xf0\t:\xc2\xcau\x87\xa3\xf7\x9f\xf7\xf8\x18g\xf6\xc4n\xaf\xca\x00\xa6\xd1D\xb5\xac9\xf3\xcb\xc4\x96\xca\x88\xe1 \x81$\xaa\xfc\xc8\xadY\xfb\xc5[/:\xf0a\xc0AQ?LN\x1e\xf9\xdaN\xf5q\xee\x1bqPw#8LR \xf0\xdd\xf0\x82r\xa7\x94\x92\xd6"\x8f\xc7\x11\xf3\xce\xf5EU{nN\x8a\x0fc\xc5~\xcc\xc6&amp;\xb1\xef\xb6\x08\xa5\xc5p\x87\xf4\xb6=k\xf5\xca\xf3\xcb\x99j\x98Z\xca\xd2u&lt;\xc4\x9a\x1c\xe16\xe9\x0b\xa9\xea/\xd8Oa\xd5\xe9y+\xf8\xc8\xdb\xa2\x0b:\xc6\xf3\x8ef\xd7\xfd\x8d\xdd\xd8\x9d\xea7h)~7\xe4\xdc\x80\x9bh\xa2\x96\x04\xd9\xfet\x03tX\x00v\x1c\xa8\x1bx\xfe\xeb#\xff\x0bu\x0b\xb5\xf6\xd1\xd3\x07?\xab7i`\xb0\x913\x80Hq\r)\x89)\xb0\x9a0J\xc2X4\xf1\t6\xf3n\xc8\xfa\xaa\x00\xb1\xb4Y\xa6\xba\xdb\x92\tgs\xca\x97(\xcd\xfe\xbb\xce\x0b\xad\x86d\xfc/u\xd9l\xfa\x15he*\x94\x8a\x0e\x12\x82\x8c\xec$"w\xbe\x1a\xdb\xeb\xd8E\x90\xdd\x03\x890~\x8cV\x13\xa2ZLHL\x898+\x01X\xf2\xa0\xb8M\xac\x94\xf3dT%\x86\xc0\xd2\xcc\xd4\xc78\rRo\x99\xbeL\x8c;H\xc7[]\xc6t\xc1\x7fS\xd3I\x8d+\x05O\x01h\xec\xc5\xe22\x02\x9e\x03\x17b\xda\xbf\xebgk\x05\xeaEZ/k\x1c?\xf3\xc4\x12I\xc6a$\x17|\xaf\xfbR\xb2\xbf\x9acQ\xcd\x81Y*\x85x\x84\xed\x15\xe45\xa1\x05\x9ae\xe6\xbf\xcd{\xa5\x1b\x84\xa4\xd3(z\xc0K+[\xbb:\xc9\x1a\xb4\xbf\x9d\xa22\x84\xd0\xbf\xdc\\\xc0\xec\xd9)R\xe4\x13\xea9~\x94\x7f\xb2U\xca~Z\xbc\xc10{\x0c&gt;,\xfb2D\x9e++QP\x80\xd8\x8a\xfa\xb1\xe3\x1a\r\xaa\xd8\xcfeh\xe1h\x03\xcf\x16\x04Z\xef\x92b}lOp\x01\x1d\x9b\x1b\xa1\xea\x82\x8b\x16\xfa&amp;\r\xd2\xedi\x05k\xab8\xa0\xadP)u\x1b\x9fH\xeex\xe7\xf8P/\xd3\xba\x05\x11f!\x87u\x08\xacQ\xbc\x00\xdc\xef"\x03\xce\'\xcd/\x08\xf5\xb6\xc38\xdb1\xe6\xab\x9a\xccA\xf4\x8bf\x01\xc1\xf3p\xbb\xf1\x8fo\xd8\xed\x05\xd0\x0b*\xd5#\x05a\xb1\xa5\x1e\xad\xa0\x01\xbc\x95\x1ct\x8f\x1f2\xd67\xab\x1a\xc2\x9d\xf8T\xad\xcd\x88k\x92\x129L\x0fn\x9b\xcf\x9e\x81\x94\x8a\xbc\xb6I\xee\x92c\xfelH\x101\t\x1e\x17 0\xec\xaa\x88|\xf8=\xd1\x1e\xd5O\xba\x82C\xe5\xb3\xb8\x1b\xec&amp;\x98{L\x7f:\xba\xb2++\xd7\xe4q\xab\r\xb4g\xf1\xc2E\xd0#o\xbf\xba\x8bk\xee\xadMS\xf9"\xcar\x8a\xf8\x84\x1a\x93\xb2\xe4v\x16\xf9$\xe1K[\x03\xa0O\x89E\r\x0c\xe0T\x01\x03\xd6\xd2\x15,E\xe7V\xb7\xd3GC\x80\xce\xb4\x96\x88\r\xe7s\xa4\x04l|\x85&amp;\xf3N\x85\x9d_T/6\xde\xb9\xc2\xc0t4t*0(\xb7\xb0\x16\xf6(_=\xfbD\x90W]&amp;\x0b`\xb3\xae\x9c\xccn\xd1\xd5\xc5\t.\xe4\xcd;\xb4\xd2F\xcay\xb3\xe4\xda 9\xa6j_\xbd\xc7&gt;\xb0\xdbnv\xc8\xad\xcd\xa7=at\x85\xd2\n\xa4\xaan\xb3\xa7@\x8e\xfc\x17\xf9\xcd\x06\x1f|\xf2G3\xd38\xfc\xa1\x1cY\x02\xeam\xba_\xaf\xbe\xb5I/C\x0bu&gt;[\xb3\xd4\xd2\x90\xa7{\rJf\x1a\xba\xc3jB\x9d@\xc9\xfa\xe0\xee\xfe\xb0|\x87I\x0f\xfa\xd0\xdf_\x95g\x15\xe8b\x96 v\x97\xb6M18\xcd.!\xf2\x96Z\xca\xac\xe0\xdb\xeeBl\xbcF4\x08E\x95\x94f4\x96ua\xbc\xb9\xca\x12\xe9@\x05\x7f\xb8\x8bk-\xaf\x83\xdb\xde\x9a\xdd\xc7S\x93j\xe4&amp;\x13\x15S\x87K\x81\xe9\x94\x83eU6\x93z^\xb5y5y\xcc\x15\xd5\x9a\xa5\xaf\x16\xde\xc4\x11\x04|{\xb1\x02:\xbfv\x07p/\xd6\r&amp;\x1b\x05\'N\xd7\xad\xf9\xf6\xb1\x17!\xe9\xe0\xe4\x87\x7f\xc4\x86\x8eZ\xc1\xb7\x8e\x16{B3bv\xafpS5\xbbf\xbfx\xf3\xb5@\xef\x08\x0b@\xca\xa2W-\x9d\xe2-\xceI0go\x9d\x93\xe9\x88/\xe6\'\xbe\xb5\x13S`H\x8b\x93\xd7\x9ea\x02\xe0\xf4\x1f+\x17?\x1a\xf8\x9d(\xf3b\xae4\xb7\xa4H\xed\xa8;\x08\xe0\xdfD\x9e\xd3\x03\xe1\xee@\x90\xb9 \x9a,B\xfbO_\xb4\xba\xe5\x02\x1b\xa0\xcb\x1c\xa0X\xfa\x87\xc1`J$\xfd\x17\x15\xb27\xf6\xe2\x12\xbc\x9f\xe3\xd8\xb1,\x11e\xf0\xdeH\xbeC#\xfe\xb7]\\\xfa\xe2\x9dF \xfb\x8f6h$9\xcaP\xb4\xf9\xf8\x82\xa5\xbd\xac\t\x8c\xf7\x0ck\xe3\xc1y\xb5t\xd8Z\xa4\x0fs}\x0c\xd0.3u\xec\x02\x9a\xcb]\x14N\x01\xfc\xc7E\xceJ\x97\x12\xf6+\xebdXv?\xb9\xd9\x16j\xa6l\x9f\x8f\x0b6\x12~\x8e\x82P\x94\x8b\xbaR\x1b\xab,J-K\x10Z\xe6\xf6~BM\x9e}\xc06\xff\xa4\xdc\x94\x90\xb1\x12&gt;U\xcafd\xa4\x9aO0\xa08\xe3S{\xee\xb7m\xd1E\x8d\x92\x99\xd9\xc7\x1f\xa8Qwa\x97\xadpp&amp;\x8fJ\x8e\xdf\x93\xd2\xd6Z\xf3I+\x9f\x1b(\xa0\x08\xa9&amp;\xf6 [\xd2;\xce\'\x84\xdc\xa1\xbc\xed\xae$=\xa6\x1e\xcc\x9a\x18\xc2[\x18\xb1\xc3O\x94\x1e\xdb\x9f\x1a\x12o\x04\x8e:`6G\xdf\x8db\x1d\xc1\xc6\xaa\x11\xf3Q\x814G\xa5\xc5eO\x03\xd0\x93\xe4h\xe6\x80\xe3U\x17=\x18\x0b\xb6\xef\xe2yM\xeb\x82\xe0\x82\x05\x12\xbe\x9d%q6U\xdb\xe5\xad\x1d/\xcc\xa7\xf9l:6I\xce\x03\xf9\x98\x8f";\xdd}\x89x\x9a\x98"\x06\xbdL\x87\xd0\xd9\xa1uc\xc6\xf1Ss\x8a\xe50f\xc7C\xbfz\x13\xdd]Z{\xf7fw\xa7}BX\x92)E:\x02HGq\xa8`3\xbes\xb7#A\xe9\x95\xfdI\xf0B\xbeY\x87Z\x89\x87;\xd9\x03/\x1a\xd9\xc2&lt;\x14\x83\xb9\xb7\x18\rK\x95\x9bU\xaab]\xd3!S-\xb1V\xc29U\xdd\xef\x87\x13\x8f\xc7\x88I}\x19\xe9\xf5\xff\xce\xbelM[z\\\xef{\xdcp\xe0\xa1\x01\x8d\xe4y\xc2\xcdr\xa2\xfc\x98VB\xea\xcc$\x98\x1f\x98\xa9\xc7#t}\x8f\xd8\xe6\x92y\xcaD\xb2\xb8\x86\xc0g\x9a\x06\x1ao\x83\xc4\xca\x1d\x9f\xe6\xaa&gt;\x02OM7\xc9h\x13\xe1\x14i\x87X:\xdbd\xb7\xa6\x81\x87\xb8\xe8@fg\xd9\x05VA\xfe\x92\x84\xac\xde\x0e\x85\x81v\xd3&lt;\xd2\x88T\xc8\x07wS\r&amp;\x015,\xdbW}\xe53R\x08\xbc\xaa\xa2\\\x0b\x86\xe5\x05\x12\xf57\'\x1e\x8e\xbc\xda\x9e\x02R\xfd\xb8\xb2\x85\xf9\x84\x9b\xac\x1fa%$\xcf\xb8\x7fN\xeah\x96\x15Smk\xed=i\xdbN\xd4\xd1b\xcc\x8b\x04\rU\xc7\xf5U0R\xa2\x11\x0b\x1a\xcc\xc4\x8b\t\xdaE\xf31+q\xe8\xd0\xaf2\xbf|&amp;\xbcd"\xd3U\xf8\xf9a*J\x18\x9a\xd2V`\xb6\x84pYS&gt;/\xac\xe9)(\x1f\x12sv^\xa4\xec=\xedg\xc9+\x9f%\x8b1S\n&gt;\x8f\xd2,\x9c\x10\xa1\xf0^@\\\x84\x0eD%\xb3 s&amp;8\xaf&lt;^\x1a\xedyt\xb2\x1e\x8878\x07Ur\xb0)\xa6\xcbAM\x1b\xb2\x1c\xb8\x9c\xd5u\x9ex\xb6\xa0\xd8\\xy\x9cA\x96l\x95\x1e\x94\xc0\xa2\xb5V\xa1^\x94\xf1k\xd6\xe2\xc3\xdbP\xd6\xd4\x8cB\x89)\xc8\x8f\x03\xa3\xafu\xac\xa7\xe7n\xb9\xe1\x10\x89\xc9w\xfe0t\x93\x9e\x95\xdd\xc1f\x8c\xa5_BI\xd0V}@&gt;\xbe\xcc\xc2r\xb7\xbd\xa8\x9c\x16\x84\x98\x18P0\xe5d?n];\x94\x19o_\xf1]\xe2m\x87\x1d\x12\x10W\xb0\x1e\xb1\xf8.yu\xcf\xc6\xec\xf30\x11\xb5/\xa3\x1eq\x91\xb8Q\xb8AF\x93$\xe6\xf3!BD\x9b\\\xfb\x84\x83\xeb\x06|@\xd2\xb3@\xf3l\xe0\xf8}\x14\xca.5\xeb\x18\xd1[\x98\xc5\xce\xf54\'\xb4\x0e,\xdd\xfc\x91\x18\xc3\t?\x97\xad\x89&amp;\x96N\xb5r\x97\xa4\x80\x9e:\xa2*\xe4q5\x9b-\xc8\x1b\t\xac@\x9f\xa2Xz)\x0f\x05\xc6\xa5\x87\xd7\x06\xb3\x0c\xa6\x13\xeb\xd7\xcf&lt;\xd8E\xf4\x06M\xc3h\xfa\xca\xd39\xde\x0f\x9d\xf2\xf9\x0fD\x85l\xcfV\xf2\x02\xf0Z\x15\x04\xa5\x168\xbbg&amp;_\x8c\x19k\x90\xc5\xba\xf2&gt;\xb8\xb5G\xa9\x88gX i\xf5\x9d\xb3 {/m\xa3&amp;\x87(;\xcd\x17\'\xcaV\xc4\xb5q\x94\xbf9\x11D\xa7A\x18k\x9c\x04\xfcdpv\x81\xaa$$X~3\x9a\xbe\x8c\x1a\xfa\xc7\x86\xe9\x1b&amp;\x19|\xad$\x8cM3b\xd3}\xb7"\xb1\xf8\xde\x83\xc6\x9b\xec\xa39\xf1\x99a\xcf\x8f\xd2\xa7\xf4\x83\xf52\xe3\xd2"\x04\xa0\xf0\xc2\x17\xdb\xc8\x9cDD~\xf8d\xe6\xac\xddkU\x1c\xae\xa7\xf4\xc1\xed\x87\xf8\xf4\x91\n\x92\xefjH\xbf}x\xc3\x90\xd1\x97?|\xbd\xb5f\xa8\x18\xde\x08m\xb8]KM\x05\xd9\x9fQ\xdc$ws\x842\x87\xac\x07\xa6d\xc8t\x19\xa9'</t>
  </si>
  <si>
    <t>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</t>
  </si>
  <si>
    <t>b'\xe4\xc0\xbc\x9e\xd1\r)\x08\xf9\xa5G\xa6\x02\xcf\x80\x1a'</t>
  </si>
  <si>
    <t>Vout
 M 1
 VDD
 Vin
 M 2
 Vout
 C
 C GD1
 CGS1
 CSB1
 DB1
 C GD2
 C
 C
 GS2
 DB2
 CSB2
 (a) (b)
 in M 1 V
 C
 C GD1
 DB1 + C + DB2 C GS2
 VDD
 M 2
 Vout
 (c)
 CGS1
 CSB1
 CSB1
 CSB2
 Figure 11.26
 Solution Adding the four capacitances of each device from Fig. 11.25, we arrive at the circuit in
 Fig. 11.26(b). Note that CSB1 and CSB2 are shorted to ac ground on both ends, CGD2 is
 shorted â€œout,â€ andCDB1,CDB2, andCGS2 appear in parallel at the output node. The circuit
 therefore reduces to that in Fig. 11.26(c).
 Exercise Noting that M2 is a diode-connected device, construct the small-signal equivalent circuit
 of the amplifier.
 11.2.3 Transit Frequency
 With various capacitances surrounding bipolar and MOS devices, is it possible to define a
 quantity that represents the ultimate speed of the transistor? Such a quant</t>
  </si>
  <si>
    <t>b'\x8f\xef\xc3\xe6,\x88\xb19\x90\xdbB\xd4\xcc\x1f!6'</t>
  </si>
  <si>
    <t>8fefc3e62c88b13990db42d4cc1f2136</t>
  </si>
  <si>
    <t>t and oil. Strung around them are scalps, of boys as well as of pirates,
 for these are the Piccaninny tribe, and not to be confused with the softerhearted Delawares or the Hurons. In the van, on all fours, is Great Big Little
 Panther, a brave of so many scalps that in his present position they somewhat
 impede his progress. Bringing up the rear, the place of greatest danger, comes
 Tiger Lily, proudly erect, a princess in her own right. She is the most beautiful
 of dusky Dianas and the belle of the Piccaninnies, coquettish, cold and
 amorous by turns; there is not a brave who would not have the wayward thing
 to wife, but she staves off the altar with a hatchet. Observe how they pass over
 fallen twigs without making the slightest noise. The only sound to be heard is
 their somewhat heavy breathing. The fact is that they are all a little fat just
 now after the heavy gorging, but in time they will work this off. For the
 moment, however, it constitutes their chief danger.
 The redskins disappear as they have come like shadows, and soon their place
 is taken by the beasts, a great and motley procession: lions, tigers, bears, and
 the innumerable smaller savage things that flee from them, for every kind of
 beast, and, more particularly; all the man-eaters, live cheek by jowl on the
 favoured island. Their tongues are hanging out, they are hungry to-night.
 When they have passed, comes the last figure of all, a gigantic crocodile. We
 shall see for whom she is looking presently.
 The crocodile passes, but soon the boys appear again, for the procession must
 continue indefinitely until one of the parties stops or changes its pace. Then
 quickly they will be on top of each other.
 All are keeping a sharp look-out in front, but none suspects that the danger
 may be creeping up from behind. This shows how real the island was.
 The first to fall out of the moving circle was the boys. They flung themselves
 down on the sward, close to their underground home.
 'I do wish Peter would come back,' every one of them said nervously, though
 in height and still more in breadth they were all larger than their captain.
 'I am the only one who is not afraid of the pirates,' Slightly said, in the tone
 that prevented his being a general favourite; but perhaps some distant sound
 disturbed him, for he added hastily, 'but I wish he would come back, and tell
 us whether he has heard anything more about Cinderella.'
 They talked of Cinderella, and Tootles was confident that his mother must
 have been very like her.
 It was only in Peter's absence that they could speak of mothers, the subject
 being forbidden by him as silly.
 'All I remember about my mother,' Nibs told them, 'is that she often said to
 father, "Oh, how I wish I had a cheque-book of my own." I don't know what a
 cheque-book is, but I should just love to give my mother one.'
 While they talked they heard a distant sound. You or I, not being wild things
 of the woods, would have heard nothing, but they heard it, and it was the grim
 song:
 'Yo ho, yo ho, the pirate life,
 The flag o' skull and bones,
 A merry hour, a hempen rope,
 And hey for Davy Jones.'
 At once the lost boysâ€”but where are they? They are no longer there. Rabbits
 could not have disappeared more quickly.
 I will tell you where they are. With the exception of Nibs, who has darted
 away to reconnoitre, they are already in their home under the ground, a very
 delightful residence of which we shall see a good deal presently. But how have
 they reached it? for there is no entrance to be seen, not so much as a pile of
 brushwood, which if</t>
  </si>
  <si>
    <t>b'8gC\xb0\xde\x0ef\x03'</t>
  </si>
  <si>
    <t>386743b0de0e6603</t>
  </si>
  <si>
    <t>J(r,tr)
  cr
  Ã— Ë† rdÏ„ .
  (10.37)
  (10.38)
  This is the time-dependent generalization of the Biot-Savart law, to which it re
 duces in the static case.
  Equations 10.36 and 10.38 are the (causal) solutions to Maxwellâ€™s equations.
  For some reason, they do not seem to have been published until quite recentlyâ€”
  the earliest explicit statement of which I am aware was by Oleg Jefimenko, in
  1966.10 In practice Jefimenkoâ€™s equations are of limited utility, since it is typi
 cally easier to calculate the retarded potentials and differentiate them, rather than
  going directly to the fields. Nevertheless, they provide a satisfying sense of clo
 sure to the theory. They also help to clarify an observation I made in the previous
  section: To get to the retarded potentials, all you do is replace t by tr in the elec
 trostatic and magnetostatic formulas, but in the case of the fields not only is time
  replaced by retarded time, but completely new terms (involving derivatives of Ï
  and J) appear. And they provide surprisingly strong support for the quasistatic
  approximation (see Prob. 10.14).
  Ï(r,0)t. Show that
  Problem10.13 Suppose J(r) is constant in time, so (Prob. 7.60) Ï(r,t) = Ï(r,0) +
  Ë™
  E(r,t) = 1
  Ï(r,t)
  r2
  Ë† rdÏ„;
  4Ï€ 0
  that is, Coulombâ€™s law holds, with the charge density evaluated at the non-retarded
  time.
  Problem 10.14 Suppose the current density changes slowly enough that we can (to
  good approximation) ignore all higher derivatives in the Taylor expansion
  J(tr) = J(t) + (tr âˆ’ t)Ë™ J(t) +Â·Â·Â·
  (for clarity, I suppress the r-dependence, which is not at issue). Show that a fortu
 itous cancellation in Eq. 10.38 yields
  J(r,t) Ã— Ë† r
  B(r,t) = Î¼0
  4Ï€
  r2
  dÏ„ .
  10O. D. Jefimenko, Electricity and Magnetism (New York: Appleton-Century-Crofts, 1966),
  Sect. 15.7. Related expressions appear in G. A. Schott, Electromagnetic Radiation (Cambridge,
  UK: Cambridge University Press, 1912), Chapter 2, W. K. H. Panofsky and M. Phillips, Classical
  Electricity and Magnetism (Reading, MA: Addison-Wesley, 1962), Sect. 14.3, and elsewhere. See
  K. T. McDonald, Am.J.Phys.65, 1074 (1997) for illuminating commentary and references.
 10.3 Point Charges
  451
  That is: the Biot-Savart law holds, with J evaluated at the non-retarded time. This
  means that the</t>
  </si>
  <si>
    <t>b'\x03T\xf2\xa2F\xa3qa|\xb4\xc8FY\x02}U\\\xa1\xaf=\xda\xdc\xaeanEo{1\x9f\x07*'</t>
  </si>
  <si>
    <t>0354f2a246a371617cb4c84659027d555ca1af3ddadcae616e456f7b319f072a</t>
  </si>
  <si>
    <t>b'\x03T\xf2\xa2F\xa3qa|\xb4\xc8FY\x02}U'</t>
  </si>
  <si>
    <t>put is the speed
 of the car. (2) Output sense mechanism: a means of measuring the output. The police
 officerâ€™s radar serves this purpose here. (3) Feedback network: a network that generates
 a â€œfeedback signal,â€ XF, from the sensed output. The police officer acts as the feedback
 network by reading the radar display, walking to Johnâ€™s car, and giving him a speeding
 ticket. The quantity K = XF/Y is called the â€œfeedback factor.â€ (4) Comparison or return
 mechanism: a means of subtracting the feedback signal from the input to obtain the â€œer_x0002_ror,â€ E = X âˆ’ XF. John makes this comparison himself, applying less pressure to the gas
 pedalâ€”at least for a while.
 The feedback in Fig. 12.1 is called â€œnegativeâ€ because XF is subtracted from X. Positive
 feedback, too, finds application in circuits such as oscillators and digital latches. If K = 0,
 i.e., no signal is fed back, then we obtain the â€œopen-loopâ€ system. If K _x0002_= 0, we say the
 system operates in the â€œclosed-loopâ€ mode. As seen throughout this chapter, analysis of a
 feedback system requires expressing the closed-loop parameters in terms of the open-loop
 parameters. Note that the input port of the feedback network refers to that sensing the
 output of the forward system.
 As our first step towards understanding the feedback system of Fig. 12.1, let us deter_x0002_mine the closed-loop transfer function Y/X. Since XF = KY, the error produced by the
 subtractor is equal to X âˆ’ KY, which serves as the input of the forward system:
 (X âˆ’ KY)A1 = Y. (12.1)
 That is,
 Y
 X = A1
 1 + KA1
 . (12.2)
 This equation plays a central role in our treatment of feedback, revealing that nega_x0002_tive feedback reduces the gain from A1 (for the open-loop system) to A1/(1 + KA1).
 1Also called the â€œforwardâ€ system.
 12.1 General Considerations 565
 The quantity A1/(1 + KA1) is called the â€œclosed-loop gain.â€ Why do we deliberately lower
 the gain of the circuit? As explained in Section 12.2, the benefits accruing from negative
 feedback very well justify this reduction of the gain.
 Example
 12.1
 Analyze the noninverting amplifier of Fig. 12.2 from a feedback point of view.
 A
 R1
 R2
 1
 X F
 X
 Y
 Figure 12.2
 Solution The op amp A1 performs two functions: subtraction of X and XF and amplification.
 The network R1 and R2 also performs two functions: sensing the output voltage and
 providing a feedback factor of K = R2/(R1 + R2). Thus, Eq. (12.2) gives
 Y
 X = A1
 1 +
 R2
 R1 + R2
 A1
 , (12.3)
 which is identical to the result obtained in Chapter 8.
 Exercise Perform the above analysis if R2 = âˆž.
 It is instructive to compute the error, E, produced by the subtractor. Since E = X âˆ’ XF
 and XF</t>
  </si>
  <si>
    <t>b'\x9b\x1ab\xb23\x80\xa4%B\xe5\xa24\x80Zo\x93'</t>
  </si>
  <si>
    <t>9b1a62b23380a42542e5a234805a6f93</t>
  </si>
  <si>
    <t>es made a lot easier to stand up under.
Don't you be surprised, Mr. Roach, if you find yourself in the middle of a
menagerie and Martha Sowerby's Dickon more at home than you or me could
ever be."
There really was a sort of Magic about Dickon, as Mary always privately
believed. When Mr. Roach heard his name he smiled quite leniently.
"He'd be at home in Buckingham Palace or at the bottom of a coal mine,"
he said. "And yet it's not impudence, either. He's just fine, is that lad."
It was perhaps well he had been prepared or he might have been startled.
When the bedroom door was opened a large crow, which seemed quite at
home perched on the high back of a carven chair, announced the entrance of a
visitor by saying "Cawâ€”Caw" quite loudly. In spite of Mrs. Medlock's
warning, Mr. Roach only just escaped being sufficiently undignified to jump
backward.
The young Rajah was neither in bed nor on his sofa. He was sitting in an
armchair and a young lamb was standing by him shaking its tail in feedinglamb fashion as Dickon knelt giving it milk from its bottle. A squirrel was
perched on Dickon's bent back attentively nibbling a nut. The little girl from
India was sitting on a big footstool looking on.
"Here is Mr. Roach, Master Colin," said Mrs. Medlock.
The young Rajah turned and looked his servitor overâ€”at least that was
what the head gardener felt happened.
"Oh, you are Roach, are you?" he said. "I sent for you to give you some
very important orders."
"Very good, sir," answered Roach, wondering if he was to receive
instructions to fell all the oaks in the park or to transform the orchards into
water-gardens.
"I am going out in my chair this afternoon," said Colin. "If the fresh air
agrees with me I may go out every day. When I go, none of the gardeners are
to be anywhere near the Long Walk by the garden walls. No one is to be there.
I shall go out about two o'clock and everyone must keep away until I send
word that they may go back to their work."
"Very good, sir," replied Mr. Roach, much relieved to hear that the oaks
might remain and that the orchards were safe. "Mary," said Colin, turning to
her, "what is that thing you say in India when you have finished talking and
want people to go?"
"You say, 'You have my permission to go,'" answered Mary.
The Rajah waved his hand.
"You have my permission to go, Roach," he said. "But, remember, this is
very important."
"Cawâ€”Caw!" remarked the crow hoarsely but not impolitely.
"Very good, sir. Thank you, sir," said Mr. Roach, and Mrs. Medlock took
him out of the room.
Outside in the corridor, being a rather good-natured man, he smiled until
he almost laughed.
"My word!" he said, "he's got a fine lordly way with him, hasn't he? You'd
think he was a whole Royal Family rolled into oneâ€”Pri</t>
  </si>
  <si>
    <t>b'\x88_\xe9\xf7\x89\xf8\xcc\xd2\x99\x82\x9d\x80\x08\x9b_\x91\x8aT\xc6\x0e\x89\x0cQ1\xda\x00\xc4\xab\x1d\x8aRn\xf1FjV\xe8C!\xe1\x8e\x8e\xaa\xb6\xb6o\x1b\x90P\xb0xLC\x163\xc1\x0b"\xd2\xea\xe0\xfek\xfc9\x80\xf1C\xa0e\xb6\xb4\x11t\x89\xd27\xd4\x96\xdd\xa0T\x82\xf2\x98%v_\xf8x\xd4\xa8f\x80 u\xb4\xec\x93\xe9\xd7Mf\x1e&lt;\x11\xcc2\x85x\xf7\xc1\x80\t\xc0&gt;\xd7x\xcd}p\xff\x9e\xee$\xd9\x0byuk\xc1U\xe0j\xb1\x08\x89\xff+)\xeb\xeew[\x173\xed2\x8d^\xba \xd8\x16\x89\xd43\xb5\xc4(\xbat\xa8p\x865\xc6&amp;R\x81\xc1\x8d\x07\xf0\xd4pL\x8a\x94\r\x16\xfex\xf1D\x08\xeds&amp;\xa9\x06\xb9\x8c\x08\xda\x01-9\x97*\xe7\x84\t\xf5w\xc9\x8b\xbc\x1e\xe6q\xecJ\xd0\x8aE\xdf(\xdcV\xe2\xfah\xa6_L\x05u\xe4m\xf8a\xcd\n\x8d\x13\xa1\x1c\xda\xc3\xf60\xafou\x90H\xcc\xf8\xda0D\x14o\xf0\x08}\xa5\xbb^\x08u\xd1\xafw\x8d\x069\xdfB\xf5\xa3n\xe4\xf4\xbf\xa8\x04\xab\n\xbaD\xc1\x91\xdb\xc0(\xef\xca\xb6;m\xbb\x93\x81\xd7\xc5\x8a\x7ftq\x02s\x01\x07:\xe9?\xfdh\x81\x16\xbeG\x17xh\x14o\xc1\x00tc\xd1l\x9fO\xc2\xe1\x89\xdeispo\x8dH\xd8\xb5\xda\xb4\xe4ma\xd1]\x1b_\x06\xbdy\xb6\x98\xb5\xe4Yx\xe5D\x92T\x85`\xb0\xca\xdez\x1c\xe5\x80T{\xaaiX\x83\x9aD\x1c\x9b\x8a6l\xa6\x8d\xf4\x80\xd0\x96r\x03\x14\x078\x13\xc4\xe4|\xb1\xd5\x1d\x90\xcaS\xc2\xd6\xb8\x01\x8a\x9a\x01~V\xa22\x11\xb6\xc4X\xb3\x85\x18\xc1\x1d\xab\x98\xe0\xe4\x81.j&amp;L\xce\xd7\x1e\'D,\x0f\xba\x7f\x1d\x80\xabn1\xd84\xa3\x88\xc2\x85~\xf4\xc8\x84@\xe2d\xd4\x88\x1f9\xcaD\x15a\t\x06\x8c\xf5\xfd+\xac\x91b\xdd\x0f\x7fR6\xe3!\x846\x87o\x824S\xa2Y=\x16\xc5iYl,"\n\xa0\xd8xT\xc6cV\xef\xee\xc3\x12&amp;a\xe7\'\xd7\xd7\xf5\rf\xcat\xa7\xcd@4\x14\x88V\x0ci|\xc9sWG#\xc07\x81p\x841x"\xb4\xb2*\xdfw\xc0\xd7\xdfj\xeaS\xebh\x19}\xe9\xee&lt;\n+\x9f&amp;\x80\xfc-s\x0e?\x8cnG`\x84\xe9\xc3%\x1d\xf5V9\x02h\x0b\xd7\xea\x8aUy\xbcV\xa3\x1a|\x83r3\x1f\x96-\xe7=,\x00\xf1\x7f&gt;\x14\x85\x01c\x15O\xac\x9d\xafni\xff\xda\xb1r@W\xfbA-\x11\x0c\x8c\x96\xbe\xa6JA\xef~\xed\xd2\x93-&gt;\xb3^\xe8E\xd7\xa8\xa7\x96S\xc61k9\x17\x16\xa85\x10\x9b*f\xbe\xda\xa84\x84\x87&gt;\xca8\x1c2\xdc\xe4]\xe7$1\xa0\xfc\x01fM\x93\xdf\x8a\x90\x9f\x00Y\x1c\xc7\x06\xb5\xfb\xe7@\xc6\xcaZK\xed1m0$\xe8-\r\xbd_\x90F\x04\xa1[\xc6\x9fq\xecR\xacm;\x1d\xc8\xfc\x08\n{w\xd3\xd9i\xe9\xb1(\x07\x89Y\xd7L\x07\xa8[8HT\xc1\x0f\x11H);\x15\x93\xe5\xf7L\x91um\xcde\xf3sg\x88\xaa\xc9\x9exG\x83k\x9f&lt;\x95&gt;\x94\x7f\xefG\x88\x80K2\r\xd1\xfc"\xaf\xdb\xc0E\x8f\xe7A\xcf?O\xf5u\xe8p\xb6\xd0\x03\xa9\x87V\xa9D\xed\x8d@\x1d\xbb-\x959\x83n\x89\xab\x83\xcf\x85\x99\x87\xf3\xf6.\x83\xe0\xf8P\x85\xac\x7f\xdd\xd8\x84\xb3\xa4f\xd8\xb1\x8d\x00\x0f\x01\x10\xfb\x83\x90\xa4|)\x8aW\xb2\xd3\x07x\xdc\xd9\x12\xae\x80^RY\\7l)]=\x9ad!\x05\x8f\xc0l[\'T\xb2\xd3V\x9d\x8d&gt;D\xf9\x0cZ!m\xac\xba\xf3?\xc1\xc1cb\x1c\xd3\xd0N\xf0\xce\xce\xe2;i2i\xf5\xdb\xc24\xf2Y\xcc*i\xf6\x85{\x04\x1a-\xc9\xa2J_J@\x10=-Q\xddtuP\xaf\xbd\x17\x1dt\xecK\xb0\x1c|\xf8\xb6\xf8\x05E\xafyd\x80mH\xe8\xe9\xe7\xba\xa6\x1b\xf7\x8b\x17\xfa\xbfm\xf0^x\x15{\x8c\xed\x04s\x90\xb7\xcf\x0cbx\xb9\xde[\xf5\xc7\x15&amp;\xda\xad$"\xd4\x825\x942\xfa\xa5BZ\xec\xf7%(\xa1\xe1\x17\xbc\x03\xf9\x07\x13N\xe6\xf4p\xf8\x83\x85z\x10\xbfL=\x1dZ&lt;\xb52\xd2\'\x92A\x83=\xb2\x1cU\x8f\xb4\x15\x02\x1c\xc2X\x93\xaa&lt;\xea\x07\xe0\x17\xb0\x86*\x98\x97\x95\x15Vi\xf3\xe8\nb\xcc\x05d\x8d\x8d6\xbe\x827%\x9d\x17\x13eGBn\xb6\x1b\x068\xaao^V\xc0\xdd\x8b\xecj\x98\x9fG\x06\xb9\x07m\x8b\xce\x01\xfb\xa1\x0fkM\xad\xfbMx\x84c\xf8\xef|\xe4\x1e\xdf|*e\xc6\x1c^\xcbs\x07\xef\xd5\xdb\xbd bi\x80\xa2Ck\xbel\x0e\xda\xb3S\x1b\x90\x82\x98\xe3\xff\x83\xaf4\xc8\xf5\x89\x99\x9c&lt;\xbd\xbeO\xa2\x15\x85k\xc2H\xa7\xcb8H\x13\xf2\'[+_k\x8dt\xac\x91@\x9b?[V+`T\xd8\xb0\xcc\x81s\xd2\x1f\xe1\xbd\xe4=\xda\xf1\xfd{\x9b7A(\x92X[\xc7\x91w\xceo\xb5\xe4\nuc\xc9I\xd9g\xf0\xc8\x94l\xcb~*\xe1\xa8\x98\xe1\xbe:\x13\x08\xc2\xe7\x98\xbd\xa0&amp;2n\x92\x1e\x84\xf1\xe1\x1040g\x9c\xd8q\x1d\xf7\xe0\xf3\x84qg\x11\xc4~\x99\x84\xd9\x043f\xec\xc6\xd0\xb0\xd6\xd0g\xc2s\x8ca\xb6D7\xe6\x84\x84K?\xea\xc1_\xdb\x1c(UIz\xc2\x84\x0e\xc9X\xf6\xecX-T%\x02\xfb\x1f`\x12O\xa2\xd2\xd3RN\x1a\xcc\x1f\x1a\xa3\x11D\n\xfe\x10f\xab\xfd \x10\xfc\xc0|\xae,\x04\xaa\x9a";\x90|A+\x97N\xf4\x08\x92\xa31\xa6\xb0\xd8}S\xb6\xd2\x9f\xa1\xf59\xdb\xaa*$](o\xc4\xf5\xfe"\xc9e\x187\x83G$\x08\x16\x84\xa5\xec\xf3\x85\x16\x89\x9b\xf3\xd3It`k\xc6\x8d\x06il44\x15\x11\xe8\xcb&lt;\x066\xf9\xe3\n\xb6\xe9\xf7\x89\xa8AE\xec\xb1R\xaf#\x8b\x85 :f\xb2\xfc\xa2\xab\x10\xb2\xce\xb0\xbf\xc8\xacXj\xa5\x17\x95\x00g\xd1\xbdY\xd0\xb3,\xc4shK\xea\xd0\xa8}\x9f8\xea\x8f\x05\xec\x1e\xf0\xe4Z\x18\xe2\xe0\xe4\rK\xf5z^7\xdc\xa6\xdd\xfdIw\x9f\x94\x95\x9d\x11\x16\x1dK\xb6\xaf\xf1\xb6Y\xbb\xd4\x93\xd8\xa0\xcd/\xdb\xfb\xfe\x95\xad\xc5g\xe16\xc3\xb8\xe9B\xe99\'\xe5\xa3\xe6\xc5\x8c[\xd8\xb8s\x97/\xef\\\xe2\x03\xa0j\x1c\xb3F\x08\x81Vu]`\xd1\xd4\x15+\xdcnB&amp;\x82\x17\xab|\xfc\x1f\'\x9a\xc8\xcb\xda\xf8\xe5\xd7\xf8)8\x95\xff\xee4\x03\xdcxW\x07\xe3\x01B\xad\x9e\xa2N\x98\xb0\xfam+w\xba\x9d\x9f!7V\xc5\xb6P/\xd6\x98\x04\x9d\r\xf2\xa1\xcc\x0e\xe79K\x93\xf8\x87\xd1\xd0\xdd-6~\xbaC\x95\xfb\x14\x9dI\xa7\xb8$\x1d\xb61\x84\xca`\x17J`\x83\x87\x0c\x0bQ\xf7\xc2\xb4\xf4\x08\xce\xf3k\xe1\x01\xc9\x9d?\xbd\x1d\xcc\x12@!O\xdd"\xd1\xbe\x90\x87Ma\xee\x80g\xf0\xc7\xf6\\\xf0*~\xc1\xaf\x14\x9ej\xa2N\xb1\xadH^\n\xb4\x9bN\xe5\x8c,\x9cz\xa3%\xdch\xbe&lt;\t\xe1j\xf4\xa92c\xa3\x98_u\x94_\x0f\x02\xfa&gt;!\xd0\xe3\x84\xea\x83\x01\xe1\x15_\xe4\xc5\x85\x06\xd7q:\xc6};eP\x8dl\x88\xb1o\xdc\xc0\xf2Z\x93cN4\ni\xd2\xac%L\x93\xb0\xbd\xd6al\x18p\xbf\x96\x0c\xc0\x8eC\xbbW\xcee\x83\xf3\xf8\x86\xcc\xe5\xf2Y3\xdd}H\xcbu,2\xe0\xd6|j\xdb\xba\x92\x10\xec\xa5\xf0\x95\x9b\xf7*q\xf6\xbe\x9f9Z\xf2\x9a{YQ\xbf]v&lt;\xb9\x91\xae\x97\x8e\x85\xd37\x8f\x17\xa4\xfa\x8c\x95\xff\x0b\xbe1CuS\xe4\xce~\xcb\xff\x7f5(|]\x7f^([`\x8a\xc3\x83\xff\xf3\x84\xc4\x1b\xf7\x127u`\xc3\xaeRy#\x96&lt;r\xd7\x022\x0e\xd1\x8b=\xd1{\x85\xd0Z~\xc9\xe3\x12\xb0\x815\xa7\xf6\xd2\x95\xbb\xee\xb6\x17s\xf27\x9c\xf0\x95=\xe3{\xf7u\x9cU\x1c\xce!\xb8\x15\xd7\xf6`W"=rM\xfb\xdb0\xf4e\xd9\xa5\xe6\x87o/\x1e.[H\x89|F_\xc7\xb2\x13\x04\x82\xe5x\x88\xcf1z\xcf|\xdd\xf0k\xb0r\xa4X\tA\xaf\xa5H\xefb\x9b\x11\x85\x9d\xc6Au\xba\xa0f\xa6\xcb\xa5\xa734\xd3-\x87\xbf\x9e#\xc7\xd2MN9\x01\xae\x0f\xe9\xf5\xcb\x16d\xe2\xdc\xfb\xd3ne\x01J\xed\xf7\x0e~\x05\xef\x16\xee\xd7\x1e\x95\xd3P\x95Y\xa2A\x0bR\xa2.\xddD\x1a1\xef\xa69\xaa:\xaf\x93\x19`Ha\xd0\xc4\xbeD\xbc\x80\xe1;\xb5\xcf\xee\xf6q\xff\xee0\x11\xe7\xb3D\x02\xfb\xbb\xfa=.\xa0rj\x7f\xdf\xeb\x0c\xe1\xf52\xd5/\xda\xf5\x1b\x10\xd0\xe9\xad\xa4\xa1\xaf\x01Y5 `\xbc\x9eUa\x9dc\xa4\x1f\x8bN~$\x9b\x84c8\xc6\x17x\xf6E\xce\xf7\xc7R\xbc\x86(\xdf\xf2*\x1a6\x18\xa4\xa6W$N\x1d\xbek\x93tu\xc3\xaf\xe1\n\xc4\xab\x01\xc0aw\xf5l\xa4\xa8}V\xb1Ou7\xd1\xd7\xa8%~^\xb3\xf4\xf5\x92\x91 \xe4\xa2\xfb?8e\x08i~5\xf8N\x13^"|\xd2\x1e%\xbc\xcf\xf5}M\x19\x00T\x0f\xf0\xd8\x91\xc7\xc1\xa0Q&gt;\xfb\x98\x00\x9fd\xd2\x92%}\x81\xeaC\xb2,\xd5\xe5\x84+\x00\xd0\xe2\xe4E2\xebd\x9c\xb2\xd2"Q\x8b\xa4\x00\xf2\x1a\x11\x078\x17\xb3\xc90\x02e\x14\xe6\x89\xdd\xd7\x15\x93 \xa3\x8c\xe85\xb2D\xc06\xd5\xfc\xca\xb1\xe2\xa2\xf3\x1ch\xf0\x90\xd9&gt;O\x9c+\xe5\xa5\ng\xa1\xb7\xc8\x0b\xc6\x0f \xd7\x0f\xe1\xbe\x06\x94\xceI\x87\xe1\x7f\xb9\xbd\x8e\xf9\x82Sk\r\x07\xae\x06\xd0\xc4\x89\x7fB\x11sU%\tLU9\xc5C%\xf7\xbe~#\xd0;\xa4\xef\x9c[\r\xa9\xddN\xaa\x92v]\xcd\x83\xef;}R\x91:x\xce\xe5\x8dm\x1d\x91\xcf\x15\x9c\xe3\x82\'j\x05\r7y\x8e\x9c\xd1\x95\x9ca k\x9fK"\xb0\n\xd9E\xdb\xa6sS\x86\x9f\xd5\xbazs\x8cM\xe9&gt;k\xa4\x94D\xab\x81\xf8\x87X!\xb5\xe5(j]\xa1U\xdb\x91\x11=\xb0!\xf9\x19\xb0Nh\xb3\xedwR\xb3;H\n.\x89\x0b\xd3\x9b\xb7J\xa7\xbf4\xd4\xdd:\x1a\xde\xae\xc7\x1a\x98\xae\xeau\x92\x94\x9c\xe0uP\xc6\xb2\xf3\x17\x9b\xbc4]&gt;\xc7\x84 qR\xd3\x9en\xecM\x92\xda\x83\xcfV&amp;\xe0\xd2.d\x99\xbf\xf1\xb0\x84\xcfQ\xfb\xca\xefd\xad\xfc\xd7&lt;Q%\x19\x85\xf7\x81\x00\xfa\xa6\x86(!\xc7\xbb\xff\xdd\xfe)p\x83h\x84\x83\x9f\x9b\x91BK\xe5\xe75o\x95\xf5\x1a\x17\xde\xe1&lt;\xe3\x9e\xf0n\xa9-BT\'\xe2Ns&gt;U\x87\xaf\xcff\x1c\xf0K\xb8\xdc\xc4\x8b\xb3&lt;b\x11\xca\x05\xfbL \x89X\x19*\xa7_\xde\xe37W\xcf\xcc\xff\x02\xee\xean\xa6\x1b\xd6\x9c\x95\xcf\xed\x0f\x92@\x18\xb6e\x8avH\xc6u.\xb0\xeb\xb4\xc7\x97\x9c\xc9b@\x120\xc7\x90\x8a\xeb=\x079\xdf\xd2/?2\x7f\x8d\xa7/\x05x\x82\xaa\xfc\xc2\x89]\xf2o\xeb\t6\xef\x14\xb4H[\xbf(YsD5\xf4\xaa\x91\xee\x97\xb3\xf2\xd3q\xbe\x8b\xb3\xae\x1d&gt;PO\xa4\xe3\xe6\xba\xe9\'\xd8\xdd\x99\xf3'</t>
  </si>
  <si>
    <t>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</t>
  </si>
  <si>
    <t>b'\x88_\xe9\xf7\x89\xf8\xcc\xd2\x99\x82\x9d\x80\x08\x9b_\x91'</t>
  </si>
  <si>
    <t>er value for RD.
 For example, suppose we halve RD and double gm by increasing W/L by a factor of
 four:
 W
 L = 864 (17.135)
 gm = 1
 46.3 _x0002_. (17.136)
 The corresponding gate-source voltage is obtained from Eq. (17.127):
 VGS = 250 mV, (17.137)
 yielding a gate voltage of 650 mV.
 Is M1 in saturation? The drain voltage is equal to VDD âˆ’ RDID = 1.17 V, a value
 higher than the gate voltage minus VTH. Thus, M1 operates in saturation.
 Exercise Repeat the above example for a power budget of 3 mW and VDD = 1.2 V.
 Figure 17.48 summarizes the concepts studied in this section.
 17.4.4 Common-Gate Topology
 Following our extensive study of the CS stage, we now turn our attention to the â€œcommon_x0002_gateâ€œ (CG) topology. Nearly all of the concepts described for the CS configuration apply
 here as well. We therefore follow the same train of thought, but at a slightly faster pace.
 Given the amplification capabilities of the CS stage, the reader may wonder why
 we study other amplifier topologies. As we will see, other configurations provide dif_x0002_ferent circuit properties that are preferable to those of the CS stage in some appli_x0002_cations. The reader is encouraged to review Examples 17.2â€“17.4, their resulting rules
 illustrated in Fig. 17.7, and the possible topologies in Fig. 17.22 before proceeding
 further.
 Figure 17.49 shows the CG stage. The input is applied to the source and the output is
 sensed at the drain. Biased at a proper voltage, the gate acts as ac ground and hence as
 a node â€œcommonâ€ to the input and output ports. As with the CS stage, we first study the
 core and subsequently add the biasing elements.
 R
 g m A v = â€“ R
 R
 g m A v = â€“
 r O
 (R r O )
 R
 R out R 1 R
 R 2 R C
 C1 D
 D
 S
 D
 D
 D
 S 2
 Figure 17.48 Summary of concepts studied thus far.
 17.4 Common-Source Topology 839
 V
 R
 DD
 D
 Vout
 M 1
 Vb
 Vin
 Input Applied
 to Source
 Output Sensed
 at Drain
 Figure 17.49 Common-gate stage.
 Analysis of CG Core How does the CG stage of Fig. 17.50(a) respond to an input signal?8
 If Vin goes up by a small amount _x0004_V, the gate-source voltage of M1 decreases by the same
 amount because the gate voltage is fixed. Consequently, the drain current fall</t>
  </si>
  <si>
    <t>b'\xae\x8b4\x9c\xb4\xb9\x8c!`\x04s\xbeG~\x95\xdf'</t>
  </si>
  <si>
    <t>ae8b349cb4b98c21600473be477e95df</t>
  </si>
  <si>
    <t>ave:
  âˆ‚JÎ¼
  âˆ‚xÎ¼
  =0, (12.126)
  withsummationoverÎ¼implied. Incidentally,âˆ‚JÎ¼/âˆ‚xÎ¼ isthefour-dimensional
  divergence of JÎ¼, so the continuity equation states that the current density
  4-vectorisdivergenceless.
 12.3 RelativisticElectrodynamics 567
  AsforMaxwellâ€™sequations,theycanbewritten
  âˆ‚FÎ¼Î½
  âˆ‚xÎ½
  =Î¼0JÎ¼, âˆ‚GÎ¼Î½
  âˆ‚xÎ½
  =0, (12.127)
  withsummationoverÎ½implied.Eachofthesestandsforfourequationsâ€”onefor
  everyvalueofÎ¼.IfÎ¼=0,thefirstequationreads
  âˆ‚F0Î½
  âˆ‚xÎ½
  =âˆ‚F00
  âˆ‚x0
  +âˆ‚F01
  âˆ‚x1
  +âˆ‚F02
  âˆ‚x2
  +âˆ‚F03
  âˆ‚x3
  =1
  c
  âˆ‚Ex
  âˆ‚x +âˆ‚Ey
  âˆ‚y +âˆ‚Ez
  âˆ‚z =1
  c (âˆ‡Â·E)
  =Î¼0J0=Î¼0cÏ,
  or
  âˆ‡Â·E= 1
  0
  Ï.
  This,ofcourse,isGaussâ€™slaw.IfÎ¼=1,wehave
  âˆ‚F1Î½
  âˆ‚xÎ½
  =âˆ‚F10
  âˆ‚x0
  +âˆ‚F11
  âˆ‚x1
  +âˆ‚F12
  âˆ‚x2
  +âˆ‚F13
  âˆ‚x3
  =âˆ’1
  c2
  âˆ‚Ex
  âˆ‚t +âˆ‚Bz
  âˆ‚y âˆ’âˆ‚By
  âˆ‚z = âˆ’1
  c2
  âˆ‚E
  âˆ‚t +âˆ‡Ã—B
  x
  =Î¼0J1=Î¼0Jx.
  CombiningthiswiththecorrespondingresultsforÎ¼=2andÎ¼=3gives
  âˆ‡Ã—B=Î¼0J+Î¼0 0
  âˆ‚E
  âˆ‚t ,
  whichisAmpÃ¨reâ€™slawwithMaxwellâ€™scorrection.
  Meanwhile,thesecondequationin12.127,withÎ¼=0,becomes
  âˆ‚G0Î½
  âˆ‚xÎ½
  =âˆ‚G00
  âˆ‚x0
  +âˆ‚G01
  âˆ‚x1
  +âˆ‚G02
  âˆ‚x2
  +âˆ‚G03
  âˆ‚x3
  =âˆ‚Bx
  âˆ‚x +âˆ‚By
  âˆ‚y +âˆ‚Bz
  âˆ‚z =âˆ‡Â·B=0
 568 Chapter12 ElectrodynamicsandRelativity
  (thethirdofMaxwellâ€™sequations),whereasÎ¼=1yields
  âˆ‚G1Î½
  âˆ‚xÎ½
  =âˆ‚G10
  âˆ‚x0
  +âˆ‚G11
  âˆ‚x1
  +âˆ‚G12
  âˆ‚x2
  +âˆ‚G13
  âˆ‚x3
  =âˆ’1
  c
  âˆ‚Bx
  âˆ‚t âˆ’1
  c
  âˆ‚Ez
  âˆ‚y +1
  c
  âˆ‚Ey
  âˆ‚z =âˆ’1
  c
  âˆ‚B
  âˆ‚t +âˆ‡Ã—E
  x
  =0.
  So,combiningthiswiththecorrespondingresultsforÎ¼=2andÎ¼=3,
  âˆ‡Ã—E=âˆ’âˆ‚B
  âˆ‚t ,
  whichisFaradayâ€™slaw.Inrelativisticnotation, then,Maxwellâ€™sfourrathercum
 bersomeequationsreducetotwodelightfullysimpleones.
  IntermsofFÎ¼Î½ andthepropervelocityÎ·Î¼, theMinkowskiforceonacharge
  qisgivenby
  KÎ¼=qÎ·Î½FÎ¼Î½. (12.128)
  ForifÎ¼=1,wehave
  K1=qÎ·Î½F1Î½=q(âˆ’Î·0F10+Î·1F11+Î·2F12+Î·3F13)
  =q âˆ’c
  1âˆ’u2/c2
  âˆ’Ex
  c + uy
  1âˆ’u2/c2
  (Bz)+</t>
  </si>
  <si>
    <t>b'I\xc3\xafp+\xb7\xc4\x9d\xec\x83}\xf1\x13\xc2\xb1\xaa\xdd}\x0cjf\xe6\xe6\xc86\x9eW\xfb\xee\x0f`\xdf'</t>
  </si>
  <si>
    <t>49c3af702bb7c49dec837df113c2b1aadd7d0c6a66e6e6c8369e57fbee0f60df</t>
  </si>
  <si>
    <t>b'I\xc3\xafp+\xb7\xc4\x9d\xec\x83}\xf1\x13\xc2\xb1\xaa'</t>
  </si>
  <si>
    <t>e stared with astonishment, and the priests were
 stupefied.
 â€œWhat victim?â€ said Judge Obadiah. â€œBurn whom? In Bombay
 itself?â€
 â€œBombay?â€ cried Passepartout.
 â€œCertainly. We are not talking of the pagoda of Pillaji, but of the
 pagoda of Malabar Hill, at Bombay.â€
 â€œAnd as a proof,â€ added the clerk, â€œhere are the desecratorâ€™s
 very shoes, which he left behind him.â€
 Whereupon he placed a pair of shoes on his desk.
 â€œMy shoes!â€ cried Passepartout, in his surprise
 permitting this imprudent exclamation to escape him.
 The confusion of master and man, who had quite forgotten the
 affair at Bombay, for which they were now detained at
 Calcutta, may be imagined.
 Fix, the detective, had foreseen the advantage which
 Passepartoutâ€™s escapade gave him, and, delaying his departure
 118
 for twelve hours, had consulted the priests of Malabar Hill.
 Knowing that the English authorities dealt very severely with
 this kind of misdemeanour, he promised them a goodly sum in
 damages, and sent them forward to Calcutta by the next train.
 Owing to the delay caused by the rescue of the young widow,
 Fix and the priests reached the Indian capital before Mr. Fogg
 and his servant, the magistrates having been already warned
 by a despatch to arrest them, should they arrive. Fixâ€™s
 disappointment when he learned that Phileas Fogg had not
 made his appearance in Calcutta, may be imagined. He made
 up his mind that the robber had stopped somewhere on the
 route and taken refuge in the southern provinces. For twentyfour hours Fix watched the station with f</t>
  </si>
  <si>
    <t>b'\xf3T1\x91\xdb\xcc%&gt;p\x9bH\x04\x88\x1c\x14\xd6\xb4\x87*7\xd9|zJ\xd5\x12n\x10P\xd7\xbb\x1b'</t>
  </si>
  <si>
    <t>f3543191dbcc253e709b4804881c14d6b4872a37d97c7a4ad5126e1050d7bb1b</t>
  </si>
  <si>
    <t>b'\xf3T1\x91\xdb\xcc%&gt;p\x9bH\x04\x88\x1c\x14\xd6'</t>
  </si>
  <si>
    <t>through the air?"
 "Yes."
 "Very well. Don't we fly high or fly low, just as we please?"
 "Yes."
 "Don't we steer whichever way we want to?"
 "Yes."
 "And don't we land when and where we please?"
 "Yes."
 "How do we move the balloon and steer it?"
 "By touching the buttons."
 "NOW I reckon the thing is clear to you at last. In the other case the
 moving and steering was done by turning a peg. We touch a button, the
 prince turned a peg. There ain't an atom of difference, you see. I
 knowed I could git it through your head if I stuck to it long enough."
 He felt so happy he begun to whistle. But me and Jim was silent, so he
 130
 broke off surprised, and says:
 "Looky here, Huck Finn, don't you see it YET?"
 I says:
 "Tom Sawyer, I want to ask you some questions."
 "Go ahead," he says, and I see Jim chirk up to listen.
 "As I understand it, the whole thing is in the buttons and the peg--the
 rest ain't of no consequence. A button is one shape, a peg is another
 shape, but that ain't</t>
  </si>
  <si>
    <t>b'} \xa5\xc1n\xbdj\xc2\xc7\x8aV\xd1\x92\x16s\xb9\x04}6^\xf8*\x9fa\x89D\xe5\xd6\t0\xda\xff'</t>
  </si>
  <si>
    <t>7d20a5c16ebd6ac2c78a56d1921673b9047d365ef82a9f618944e5d60930daff</t>
  </si>
  <si>
    <t>b'} \xa5\xc1n\xbdj\xc2\xc7\x8aV\xd1\x92\x16s\xb9'</t>
  </si>
  <si>
    <t>ust had
 smaller goals. I have family members who encourage me to take extended
 time off, and every time I do, I feel like the free agent who canâ€™t wait to get
 back into the game.
 However, there was one time following the sale of Sheer Strength when I
 felt particularly depressed about the game of entrepreneurship. Iâ€™d made that
 $10 million payday, but I didnâ€™t feel any happier. Around that time, I just
 happened to find myself at dinner with entrepreneur and author Tim Ferriss.
 He had recently moved to Austin, Texas, and a friend of mine invited me to
 dinner with him and Tim.
 We talked about everything from religion, to business, to relationships,
 but I had one burning question that I wanted to ask: â€œTim, thereâ€™s one thing
 that I have to know. Youâ€™re at the level of success I want to reach. Do you
 still have days where you wonder if itâ€™s all worth it?â€
 He laughed out loud. â€œDude, my family hears me talk about this all the
 time!â€
 Then his face changed. He immediately switched to Serious-Tim mode. If
 youâ€™ve ever watched his videos, youâ€™ll know that he has a very distinct
 â€œSerious Tim Face.â€ This was that face.
 He looked at me dead in the eye and said, â€œRyan, hereâ€™s what Iâ€™ve
 discovered. There are plenty of things not worth pursuing. But that doesnâ€™t
 mean that it isnâ€™t worth doing. You see, even if the thing isnâ€™t worth it, the
 pursuit is.â€
 That sums up entrepreneurship for me.
 Itâ€™s not about the money. It is who you become through the pursuit that
 ultimately makes this all worth it.
 You can start this journey on the side, but as soon as you see â€œliftoffâ€â€”
 meaning your business is consistently getting salesâ€”thatâ€™s the time to buckle
 up and go all in. And it will happen faster than you realize; itâ€™s usually four to
 six months from the start of the business. Thatâ€™s when you are going to dive
 in headfirst and passionately work twelve-hour days. That will be the norm,
 but it will be exciting as hell. If youâ€™re working a full-time job, that means
 that your nights and weekends will be full for the next year.
 Your pursuit starts with the decision to go all in. It starts with the decision
 to accept that it is a long journey, and decide to do it anyway. Youâ€™ve likely
 heard the phrase â€œfreedom isnâ€™t free.â€ We use that phrase to honor the fallen
 heroes who fought for American freedom, as we should. However, we seem
 to forget that our own freedom isnâ€™t free. We have to work really hard for it.
 As an entrepreneur, youâ€™ve chosen this life because you want freedom.
 And if you want a unique life, you will have to sacrifice for it. This journey is
 going to create challenges. Youâ€™ll learn new things about yourselfâ€”more
 than you ever thought there was to learn! Youâ€™re about to open Pandoraâ€™s
 Box. In fact, if you think you know yourself right now, check back in six
 months down the road and marvel at the layers in your soul that youâ€™ve
 uncovered.
 Letâ€™s Roll
 Okay. Here we go.
 Iâ€™ve given you the context you need to understand what youâ€™re getting
 into, how to become successful at it, and how your life will change.
 Iâ€™ve shown you what the opportunity looks like and just how many
 chances youâ€™ll have to make a huge impact. Iâ€™ve shown you why what youâ€™re
 about to build is massively in demand, and why people out there are relying
 on you to build a million-dollar brand.
 Hopefully Iâ€™ve raised your awareness and made you think hard about the
 beliefs and mindset youâ€™re bringing to the table and the work you need to do
 on yourself first to ensure this journey wonâ€™t see you crash and burn.
 Thereâ€™s nothing left to do but show you the method.
 In the next several chapters, youâ€™ll lear</t>
  </si>
  <si>
    <t>b'\x01\x1f\xf7\xeb\xfd\xc7\x7f\x80.\x14\r\xe7`\x0b\x9f/\xca\xd5\x9c\xd9v\x1aN\x0b\x18\xeefc\x7fE\x93\xfc\xbb"B\xae\xf7\'\x8f\xc1\x0b\xc0\xf9\x92\xc3\xf6"\x94P\xdc\xb8\x8f\xc9{\x0e\\\x04\xec\x11\x9b6\xfc\xc5\xe9\x17\xb2\x01\xbcM\r\xa7\xb4\xc1\xdc\x07{\xac\xeb&lt;z;\x80\xb8W\xd6\x145H&gt;%\x95\xdb\xf5\x8e&amp;\x12.\xbf\xcc\xae?\x8d^\x15\xdf/K\x1em-\xe9\xfew\xa3\xc8C\x8e\xc7wZ\xc9\x95O\xb2\xf2\x88\x90\xc2\xd0t\xd46^A\xc4\x91\xe73:\xa1\x89\x9b\xec\x98f\xb9\x1d;\xa2\xe3\x91]\x1e\x13\x10\xdd\xb9\xf1\xbc\xc1\xd3\xb1\xc4\xe9Fa\x98&lt;\xa5@\xe6G\x9b\xb8~\xca\x99\x0eD\xac\xa3\x85\xbb\x03R\xbd\xc7\xd4\x84d\xf5\x98\xe9\xf9\x90\xd7\x90xM\xf6\\\x00\xaaK\xee=\xa3\xfb\xc4-w?\xf9\xb9\xa8\xd6\x01\xd7\xd8\xf5\x00\x8b\x96\x8c\xf4;\xda_\x8e\xd1R||\xcfa33\x88\x88\x18D\x9a\x9d\x17\x97\xd9\x84\xe4\x11\'.\t\x88\xc6\x90\xef\x8d\x12\x18\xb9S\xce\x85\x9c\x89&gt;\x7f\xf4\xe9\xbbc/=@\x12h\xa8\xfe\xdfw_\x14&gt;\xb3FQ\x13\x02\x8d\x14\xdd\xe7\xe3N\xc4\xb7\xef\x08\xd8"&amp;\x94X_\x8b\x12\xda\x00]\\0\xb1\x8f\xc2\x0f\x16\xdf\xb5-\xa7Y\xd2\xcd;j#\x9c\xef\xe8Zc\x1b\x97u^\x9a\xdc*\xce@r\x9aE\x11^\xc5\xc0|\xbe&gt;\x8e\xa0:\rJoL\'\xb47\x8c\xdf\x05\xdd\xb7J\x0c%\xed\xe7\xf9hc9L\x98\x1cx#\xf2\x1f\xee\x84x\xe4\xa7\xbb\x89\xf7:\x00Wn7\xc8\x0c\xce\xecI\xd4g\xae\xdd\xbfD\xea\x80\x92v\xcc\xf4\x11{\xb8\xe6)\xc3&lt;L\x9eL\xfb\x90\x7fC\xf6\x02\x84\xf7\xb7k\xe0e\xa4B\x8c\xa4\t\xba\x1e\x81\x9a!\xf4\xa3\x8e\xf2\xea\xdf\x0eX0`=\xae\xfcnNd_W\t\x0e\x8a\xc3\xd9lz\xbc\xda\xbf\x08\x83\x9df\xbd\x8ak\x90\x12!K\x0e&amp;\xa7\x9eP\xd6\x8boa}\x8eu\x08\xfc\x9c|\x8e8Y\xef \xbf\x86\xc2\x02\xe0S\n\xadH&lt;\xc1r\xc0\x83\x1a\xef\x05\x1fR\xb6Do\xc6\xdf\xf0\xfe\xccZ\xa9;U\xec\x81L\x84\xfd\r\x12\x12\x978\xd87\xb0\x88\xd9\\\xd9\xa4\xf5\xd8\xc3\xf2\x18(W\x1d\xf6\x18A\xa4\xbaD\x96X\x99\xb3\xe3\xc5\x1b\xdf+\xce\x9d\x0f\xb8Xh=+n\x9a\xf4\xa7IP\xfc\xed\x96\x12\xff`\xd6\x88a\xf9\xfc\xa8\xf9\x06&gt;j\xec\xebl\x0f\x91O4\xc7\xfe\x88\xa3\xcd%\xc2,\x92\xee_ \x8f\xae\x8a^\x9bG~\xe0\xf52\xea\xe7\x9e\xa3\x80\xc9\x89N}6\xb5tV\xd9\xfa*\x1c\\\xa5Y;\x19@\xa6\x1d\x84\x0c\x89\xc4\x83\xa9\x01b;\x1c\xf3\x82\xb2\x01V\xe9h\x11\xb8I6\xfc\xf6&lt;\xe5E\'"9\xdcPw\xf7c\x99R\x0bFM\xdcE\xa0\xe65\xb2/\xaax\n\xd0\xb0F\x9b2\x9a\xc4`\r\xbfb\xea7{4\x18A\xdf\xd6\xce\x98\xc9n\xb0i\x03\xbd\xff7\x04\x0e\xf678\t\xc6\xa5\xda\xfe\x8d}*\x11\xcba8\x8d\nqn\xbe\xde\xa6\x93\x92\xa3\nv\x95\x91\x95\xa1;\xd0\x9e\xff\xfc)B\xcbBG=\xd3\xb5\xb0\xfax4&amp;\x9b\xb0\x88\x03\xd7\xdf3\xd6a\xe2\xcd?\x0f?\x93\xff\xf6NB\x07\xd7\xe3P\xffe\xaa\xa4\x1f\x88\xe3_\xc0\t\x80&lt;\x99\x12\x8e\xe0Z\x01\xae\xbe\xaf&gt;\x9ex\x8b=@\xfa\x0bM B\x82zp\xe6\xd0\xc6f\xfaH\xc3U\xbb\xffH\x16\xeb\x14\x1e\x15\x8e\x1b\x11\xbb\xe9\x96\x98\xf7\xfa\xcd0\x9f\xe5\xa1\x06?\xf0\x90_\x965\xc7/\x81P\x05\x1a\x9e\xc6t\xfc\x08\x15y\xfa\xac\r\x16\xe3\x18\xe1\x8c\xfe\xcb\x02\xa1\xb1\xbd\x10\xb2\'e\xc0\xee\xb1[6\xbeD\xf9\x1d^\xbdmF\xfb\xf9(\xd5\r?\x9cx\xbe\x9a\x04E\x12\x88Pb\xfcl\x81T9\xee\x07\xad\x1fw\x95\x03\xd7\xa6\xe3\xa0\xfbx\xa6\xca\x80\xf7gU\xaa\xf7\x13F\xba\x01\xa5\xc8\x87x\xa7^\xf6\xd1.\xe0Z&gt;b\x88B\x13X8\xf9\x19\x9b\x926\xfc\x8ae\xce\x13=\x08\x15\xfbG\xd93EW\x92.A\n\xc4\x9aH\x89\xb4\xfc\xd9\xfc\x12\'T\xb6\x7fK\xf3\t\xf9\xe4+\xba_\x1f\xc9\xd3\x02sTFt\xfb\xe0S\x13dj|\xcb\xb6\x8cY\x01\xc0\xcfn\xa7\x91fD\xe6\x99\xe7\x87\xa7\xd8\xa7H+z\xe9\xf1\n3\xa8\xbd\xd7\x9c\xa3\xb51\xaesP\xfdr\xac\xb3w\xa6\xf8\xe6!\xd5\xc5/\tGB\x1e\xc3\xfft\xa5A\x03(`\x94\xf4s4\xd5\xfd\xad\xbf\xda\xc6\xb2\x10A\x86p\'\x18\x91\x8e\x02$\xfc8?Fh!\x800\x7f\x8f\x15q\xf1\xc7\x11\xdb\x82\xec\x1eA\x10s\xba\xe5\xc6;\xdd\xfe\xbb.\x05\xa2G{a\xe5\xe6\x8e\xa6\xf6\xd1,u"&amp;\x94?\x9c\xa4\xb5O4B6W6\x99tM&gt;\x0eFW\xb6\xbb\x18o\x801\x82\x10\xe1\xd1\r\x13\x9b\x9aH=\x93&gt;m\xf8\xc9\xea\xeaKD\xceV\xdb}gt\xbdL\x05m\xb9Q\xb3X/\xcc\xb4-\xc5\xa0\xf3=\xa9\xe0\xa2\xafF&amp;\x0c\xd8\xfa\xcf\x19\x8e\x0b}\x8d\x923\xe4.\xfe\x02&lt;l\xbb\xea\xa6\xee\x11\tx\x01\x9bm\xdb\xf3\xe9~z\x84\xf2\x08r\x83\xc0?\xa8\x85\xa6\x8e2-\x1c\x9dk;&gt;\x0c\x7fo&amp;B\xc4\xac\x9e\xf2\xab?g\xcc\x08\x96\xc4\xfb9f\x02\xd6\x97\xb7=\xf4\xaa\x9e\xf6d5\xad\n7@\x93\xc7(\x16\xa0\xb7\xfb\xb8&amp;\xa9\xbeg\xdb\x99\x97\xcd^I\xb6fYX \xf4)\x82^\x83\x1c\xa7T*\xe9\x06.$\x08\x13\x85\xe6w\xa6\xd0\x18\x11\x92&lt;\x96\xda\x8e\xacT\xaek\xb5\xc3b\xe3[\xbe\xae\xbd\x12\xd5\x19\xe6\x12&amp;\x97\x90a\xe3\xd7\xa3\x95\x11\x8cG\xd9\xa0\xf9\xb0\x8e\xe0\xa0\x9a\x0e\xac\x01\xe4\xa4\xd9\nB\x8e\x05\x18G/k\xd1h\xa2\xcc\xb4&gt;\xffU\x80\x7f\xda\xf3\x827en\x80\x81|(\xe9H\xc3Y\xb8\xc2b\xc8\x9b\x1f\xc2`\xafe\xf4\xf4D\x91\xba\xf1)k\nK\x1b\xf8\xf900\xa1?"X.\x1d#/\x81\x90\x9c\x9d\xe7\xb9\xa2GV\xa0\x8a+Z\xf5\x88\xf9=\x82M\xa0\xb9\xca\xcenVKTO\xc0?\x9b\x0c\xf6&amp;\x90~^\xd4"\x04\xfc\x91\xc7\x9d\xe4\x08\xdcy\xa5 \x1b\xb5\x0b(\xe0\x1a(K\xee\x85\xe8\xedr\xae2\x9fc\xf7\xc4\x9c\xd5&lt;\xdd\x17i\xc3\xc6y.""\xf4\xde\xff\xa4U\xd9]\xb5,\xa4\xc4\x9aRx\x04"I&lt;\xb5\x05\x87\xf9!\x12\x8eb\xc64J\xbco\xc4`/\xd0\x91\x87G\x83;\x86\xf3}\xb1+~PY\xac\xf6T\xc3^\x07&gt;\xddv?|\xd2S\xa1\xfcfZe\xec\xa2\xf4\xce\x11M\x82\xa2\xc8\xfcp\x0c*\xe3\xe9\x0f\x03=U\x15\x10\x10\xc7)^\xdb\x81aD\x0b\xe2\xa6\xb0R\xfc\x88\x02)tL\\]\x150\'\x0cS8\x96m@rp\x96@0\xcfK\xc3i\x00\xbf\xc3\xfd\xd9jb\n\xa1\xda\x96\x1e\xe9\x00Ckz\x9d\x14\xd75\x91\xcf5\xb8I\xe2\x92\xd8[W:\xe2P\xf5\x9dx\x1c-\xa6f\xbe\xb6\x1byC\x1f\xcfk\xc4\xdc\xc4Q\xca\xa1\xe7M\xaa/n\xe2\t\xe1\xbc\xe0nN\xbf\xb2\'\xbdD\xd5A\xf8\xc3\x7f!\xc4\xd8\x81pY\x84\xc0e\xd8\xf2\xd54#\xaeXp\xaf\xcaBfoJ\x02\xaf\xb7\x8e\xe8\x8e.\xb8\xc9\xc5\xf4n\xb7(v\x0c\xa6\xbb\x88\xe4.\xa4CK\x96R\xc5\xa5-\xd4/E\xbcy\xba\x13\xf6\xbc\xde\x9f\xc8\x98)\xc7\xb8\xbfYU{\xf9\xcda\nkt\x9d\xfa\xac^F\xd8T\xb8\x04!\x02\xf9\xf2\x07\x93TC\xd2\xe6)\xeb~\x9c\x1e\x8c\xf2\xf4\x90x\xb3\x1e\xf4\x0c\xa7`\x92v9\xf1\xda\x00\x18\xa5f\xe9d\x10\x92\xe9\x18\xb6\xb5\xf7\x82\x89i\xd4{bm8\xee\xed l\xbc\x8bu\x98\xa0\x154^\xd8\xb5\xc9\x18&amp;J\t\xa9k+\x10\xb7\x80\x1a\xd0\xd4J9\x886\x12\xaec\xa5\xf0&amp;\xde\xbec/\r\xbdK\x18\xdd\xd2\xac\xd8!\xa9\x93\xdcs\x10\xf67\xb5\xb6\xb2d\xcbK_\x02&gt;\xb3\x8bR\xfa\x07!\x15t\x07\x0c\xb6l&amp;\xe4\tY\xb5jhC\xcck\x1a\xf8@\xb2F\xfde\xe8\x16\xf6\xe2\xe8;y\xbb^|\xa8\'\xd0\xc9)\xb8!ji\xb9\xf6\xc4\xe0%\x99Y\x81mq\xdf\x11%N\xda\xf3\xb5\xd0#6\x9f\x9au\xcd\x92\xc7\xbdy\x10\xb40\xcdu\xc9\xf9\xe2\x14\n\x03F\xceo\x07\x12\\\xf9^\x0e71S\xe1\xfa`\xd6\xb7\x94\x16H\xd737AKM\xc0\xc6\xf8\xf4\xb8\xb9\xa0\xba$\xf5\x1f\x8f\r\x05\xd1\xf8\xb6TL\x84\xfd\xc9\xad\x91G\x12%\xb6\xd5e\x8eg\x9b\xd1\xc9\x87E\xeb\xea\xf7\x7f\xedZ\xc0\xa8\xe7j\xe7\xa7\xda\x1espE\xaab&amp;2+h\xe0\xfe\x0b&gt;\x80\xd1\xdf\xab\xeb\x98\xe7\x07\x94\xee\x86\x8c5\xf9\x8a\x80\xd6\x02\xa5\x11\xcc\xeb\x94\x97\xb9"%C!\x14\x84\x9f04\x0fZ\x82\x94\xd3\x93N`d\xdd\xcc\xd85\xe7\x9b\xc6\x1a\xed\xcc#\x11\x9f\x89A\xb1\xad\xd5\\Tgs\xf4\r\\\xf2\x1a\xcaK\x18o_\xcc\xa9\x8a!?\x1d\xb7\xcf\x13\xd5\t\xcfx\xea_a\x9e\x81\\ M\x02\x02\x7fY\x9e\xf3\x0e\x18\x901N\x7f\xae\xe6l\x88w\xf3c\x19\x11\xdd\xe4\r\xb3HO\xb9`\x0c\xf8=T\x1b\xd5\xad-\xa6s\xad\x94\x04\xbb:\xe8\xe5\x98\x18\x07\xb0p0\x9e\xd5i\x9c\xfd\xe2\x0e}\x9d\xc5V\xfdz&gt;\xdb#\xb7o\x16\xf6\xba9\xcaRY\x06e\xad\xff*bc_\xcc2\xafLk\x92\xba\x0c/\xa5\xa7\xf1G\xa5\xa3u\xbf\xc7\x8b3\x92\x9bw\xa5\xc6\x853\xcc\x82\xfaO\xcf\xc7"$,\xf2krt\xf9\xdd\xe0\xe6V^Z\xe4\x99~\x88Pl\x01y\xde/\tBT\x9b\xa0h\xfc\x1f.!j\x10\xb5;\xd6\x82\x1d\xd1\xa7;d\xa9\xc5\x9d_\x84V\x96\x13\x1e%I\x86\x06@\x8e4\xa7v\xf9\xa5\\lV\x0c.\xbb\xe9JQ\x9e;i\x8a\t\x01\xc8q\xca\x06m\x84\xcf\xdd\x1b\x05B\x84me\xc0\x92*L\x7f\xa7\xd4\x94v\xa07\x06~i\xa5YZ\x0b\xf1l\xb0\xfdx\xd9\xf4\x88?\xf9\xf6)\x874c\xa0\xb8\x8b\t\x1a\xbdy\xb94\xf9\xb6\x1e\xc7\xd2i.\xc0\x86z$\xa0\x12\xffh\xb2\x92)\x01\x08:|\x8c\xba7\x8f\xce7Z\xa2\'F\xa82\x07A@\xd2\xfcxD\xf1\xbfK\x8f\xd3O@\xde\xbfRq\xf4\xe6\xd1 \xb5\xbd\x01\xc1\xdd\x87\xb8\x81\xd8\x89\xfa\xe0\x1fd&lt;\xf0\x05]\x82\x11bX\x9c\xd5\xd4&amp;0\xec\xf1\xe5y\x02\xaf\xfd\x92\x9a[\xc5\xd1\xfeS\x1d\xfaP\x9a\xa4\xe5q\xd4\xc8\x96\x8eP\xe1UNb\x91O\xce\xa9JH\xf4\xfb\xbam\x10\xa7\x8c\xe46\xdcuN\t\xb9\x1a3\xf9\x16\xd4S\x05\xaa\x1f\xd3\xd8\x8e\xb8\x15(\x86\x0b=s\xd6}\xc9\x0cW\x1c\xbe\x93\x9b\xa6\x93Z\x97X\xfa\x95zrz\x7f\xe4\x0e\x01\xff\xffj\xdc\xa1\xfa\xe8\x14JFP]-\xea\xec\x85&gt;\xa64\xea5K\xe3\t\x81C\xcb\xa8\xed\xa9\x19\xff"\x9c\xad\x05\x19^\xe8\xa5dA\xef\x0eKt\xe6\x9bjE\xcby\xe5sxLM\x9e\x90\xfe\x98\xc47\x17\xa9\xbcyB\xa4\xd7\'^\xd7}\x0f\xeb;\xbc\x15\x16\xa6\xeb\xb7\x9a\x0f\xa8\x1f\ro\x94\xe7\xce"\'\xce\xc6Dj\x12\xbaI$\xfa\xf3!\xb3n\x8e8\x8f\xf4\xcb\xba\xef\xc5\x9c\xa1\xda\xbd\xe5\x9b\xa0\xb6\xf8\xf1\x04\x01\xcbE\x91\x81@\x04\xba\xc9\x9bf=C \xf6c%\x14S\x01\x04\xe7\xcf\x88\x91`\xber\xc6\x9b\x8f\x11\xccJ\xb0\xaf\xe3\x97t\xca\x0c\xe4(f\x18QfN\xc50\x18\xdcB\x1fOA5?\x1c\x90;\x15\x00\xce_[\xeb\x9b\xc7\xe5\xa1 d\xabxT\x1e%3\x86c\x9e\xfbf\x10\xa8\x1bX=s\xd4%\xeb\x0cM\x8c\xcd&gt;\t\xd1e\xba\x1a\x92\xcc\xd0h\x96y\x8f\x18\xf6\xef\xeea\xf7\xe2\xb0JO\xf4?\x9b7(\xa1Q\xc2m\xa0@c\x114\xecB)\xc7\xa4(\xfd\xf6qP}\xb5\xabP\xa0\x15\xb1\xce\x02\xe7\xf8\x97\xd3V+/d\xfc\xa5e\xdd\x84\xbc\x06\xd4\x7f\x8eBu\xfdG\x9e&gt;\xb6\xe5\x02ET\xf0Xj\xb7\x07\xadzQg\x0b\xd1\xa1\xea\xba\xb2\x1a\x88\xcb\xb5\xba\x08\xd5\x07\xfcl#%\xd6\xa9\x951m4\x00\xd0\xc8e:\'\xfeq*\x9b\xa6.\xac\x8f\xb8\xd6\xd9a!\\\xa3\xbe\xcf}\xb6\x13\xf2r\xe0f{\xf0\x86\x96\xf8b\xff\x02g~\xab\xa4\xde\x04\xeb\xa6\xe3\xad\xca;\xc1\x8f\x92W\xdc\xa53plB\x17\x9d\xfa\xb0f\x9a\x83\x00\xcb\xec\xab\xa8\xd8\x11\x16\n\xd4\x8c\xd9\xd3\x97\x9c\x0e\x95\xb1A\xf3C\xa7\xf1\x0c~F\x92\xbe\xebL\xc6\xf5\xb7\x92X\x8b\xc6%\x89\xd8\xaa\xf6\x11\xcf0u\x1a\xb0n\xfe\xa9\x8d\xa6\x11\x1e\xad\xb3&amp;Z\xd8\x84\x97t4I\x18\x11\xae\x9f\x9c?\x87=\xda\x8d\x12h\x18\\\x828}\xa1\xb2\x99\xab\xeb\x0b,V\xf7\xcf\x9c\xc9\xc6\x8a\xb4~\xb1\x0f\xce\xa1J}\xe9\xcd\'\xceV\xd0\xc1\x87\xb5\xa1\xcc\x06\xdc\xaa\xf7h\xc7! 4EGw\xbbY\xa8\xcb\x94\xc3`\xf9S\x0c}\xce\x9c\x98\x0f\x82.\xf6\xc5z\x86;\xbeo\xa4\x98/\xa2 \x7fH\x9c\x18\xd5\xe0\xaa\xa5\xb7\xcf\xdab\xa15\xf4\xce\x8b\x1c$\xcen\xcf\x8cS\xee\xf6(\x11\xfb)\xaf\x00\xf27\xcd\x90\x0f\x8c\x0e\x02\x05\xfb\x04\xb1\xb18W\xa0?\x8e\xff\xace\xc5V\xbdt\xe7+z\x7f\x90\xfc\xba\xe9\x03\xf7s\x90W\xcf~\xf2"\xef`,V=\x01\xd4\x8ea\x03\x04&gt;q\xef\xfcL\x90M\xc7\xb7\xd4\xab81\x08\xcb\x89oz\xe2\xe7S\x99\xe2\xcd\xa9\xb5\x9e"J\xd7\xfaq\xb2\x0ba\xd8f\xcb\xf1\x19\xf9c&amp;\x9c\x17dKc\x84\xc9\xfe\xc9\xe5Kg\x960\x1e\xa7(\x11\xff\xdb\xb5\xd7\x08\x85[\x99U\x81\xe0\xa6&gt;g\x88\xce\xb6\xeb1\x12\xdf\xc8\x9a[y\x02\xe0m\xa4\x04l\xca\xa2Qh\xc8{\x14[\x10\xf6\r\xec \xc3\xfe\xf9\xf74Y\x80\x11\x9f\x97\xad\x9a\xff\xcby^t\xe4c\x14\xd2*ZY\xea\x1e\xdd\x81|\xf4\xc5\x0b\x95\xfe\xa8:n\x13C\xbe\x8c@\nw\x94\x10\xe9;\xf5(G\xaa&lt;\x9eI\xf5\xaf:O\xe4\xadY*\x10H\x08\x7f\x92\x0f\xf3\xdfL\x8c\xc3i\xee\x81\x80\xff\xdbZN\xdc\xb5\xc85:\xf2}?\xa5\x1c\x1a\xa8U\x03K\x95MO`\x1er\xd1yId\x81\x81\x9b\xc8^N\x05/e4p\xa0\xec\xbdmM\xc4\xb1\x9d m^\xf7O\x8fR\xf6\x90\xcf+\xca`\xbbl\x8b\xd2\x06\xed\xa6\x91\xdd\xf9\x00\x96\xfa\xc9w\xc5\x03\xd2V\xd4\n\xb6\x1c7jI\xbb8\xdc&gt;Z\xfe\x92[\xef\xb2\xe8$\x81:/\x11 O\x1c\xafe\xf0R\xd3hs\x9f\xcf-\x1c\x98=\x98\x07\x87^\xdb\x03|\xaf\xbdZ \xe7s\xa3]Mm\xdf_f\xfd=\xbd\x8aOHztm\x0e\xc3\x16\x96a\xa6\x91\xf9s\x86_\x80\xc2\\g\x8d\xaa\xed\x88\xd7\x18x\xff,3pm6\x15-\xb9L\xda\xbd=^\xe9\x02\xe5\xe9\xed\xc8rG\xcbq\xaa\x12x\x12\xc5\\\xa5#'</t>
  </si>
  <si>
    <t>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</t>
  </si>
  <si>
    <t>b'\x01\x1f\xf7\xeb\xfd\xc7\x7f\x80.\x14\r\xe7`\x0b\x9f/'</t>
  </si>
  <si>
    <t>s conventional, there is evidence to suggest that ancient
audiences, as well as emperors, might well detect masked disaffection or encoded
misgivings in excessive praise. On this problem of interpretation hinge the fortunes of
many later poets such as Statius and Martial, long viewed as imperial toadies. The
existence of double-entendres is a debate of current scholarship, but the detection of
allusive political comment was also a life-or-death sport in Rome, especially in the
vociferous atmosphere of the theater, where it had been a staple of audience activity
since the late republic. We know that tragedy, especially on Roman themes, was
traditionally considered a potential medium for the criticism of political authority
(Bartsch 1994: 71â€“97). Suetonius in his Lives of the Emperors cites a number of
occasions when actors used critical innuendo or when audiences used hostile reinterpretation of a play for either flattery or the expression of displeasure. The Atellan
actor Datus was exiled for making allusions to Nero from the stage (Suet. Nero 39.3</t>
  </si>
  <si>
    <t>b'Fn$xao\x05#\xe7\x00m\x81\x88\x8d\xb2\xad\xf2jcXi*\x83\x04\x8c\x15*1H\x0e\x8f\xc7\x82m\xe5\xa0\xc9\xacPP\x85&lt;\xf2\x94\xa3\xbefX\xadH\x11\x11qq\xcf\xac},)\xfc&amp;\xcf\xd9\xfd\x16\xea\xc6F\x19?\x92\xc9nY\xd4-\\\xeb\x849\x91R^\xef\x14\xd7Z\x82\xf4\xabb\xc1(\xa2\xaa\xe1\xbf\'e\xdfqX\x0c\xf7\xdd\xdeW\xc6l\x94\x87\xb5\xf9A29I,\xcd\x12#\xd76\xdd\x11\xee\x16i{\x10N\xfb\xe2\xd3\x03\xeb\xce\x92\x13|\xe4\x9b\xc9\xd4!\x81\xc2Xc\xf0\xd1P\x98\xbb\xb9\x82\xb1\xbeL\xb4\xf7\xc6\\\xb2t\xca\x00Q\xd9\x050I37\xe9\xec\xcd\xad\t\xa91C\xf7(\x1fC\x11\xa8\x01\x9a\xd1\x94t4#\x92\xd2\x13\x86s\xcc.\x98:\xacB\xe5*SJ\xd0\x83\'\xd9TD\xc7\x9d\xb4\x0f\x9f\xc8F\xadf\x90\x07\xb68f3*\x9c\xc3U\x07\x82=\xe4\xf3e\xc3\xd9&lt;F\xba@h\xf26\xad\x86`\x91e\xd5p\x88\x96G=\xca\xc4\x1do\x84\xe4\x89&gt;)\x9b\xd8-\xc3\xa7?~\xa4\'\xd0\x9fd\xd2\xf9\x8c\xdf\xea\xf5\x13,\x19\xd5\xad\xc8\xb1\xcb\xb0\x02W\xa5\x96\x18=\x95\xc1l\xf7a\xa5@m\xd0f\x89\xeb\x9a&lt;\xe9\x07\xaa\x94.\xeb\xdc\xd7\x97\xb1\xbb\x84\xa5\x83Cp\xcc\xa3\xf8\n\x06\x9a\x1e\xfeV\x89AF\xb8\xe3:\xae\xb1\xf0\xc6PG\x0b7\xdd\xa0?\x15\xbd\x1bc0v\xa7\xa1\xbd\xa5"\xc9\x14\xd8\x1a.=\x87rDwc\x01\xe6\xfe\x13\xe4\xe3\x04\xa6\xf9\xfc+Q0\xe0\tI\xe3\x97T\xd6\xd4\x83\x03\xe0\xd1\x12C\xcb\ro\x08\xc1dS\xfc\xd6\xd7\xb7\xeceg\x05\x10\xda\x96\x1b\xe8\xb9\n\xda-\xa2\xaeQ\xe1\xf8S%\xba%\xadm\xfe\tO\xce\xf2\xd1\xbfN\xe3_\x1eL#\xf7\xa6*\xea\xbc\xb2\n\x1b\xdc\xb6H\x9f\xcf\xc8kGx}\x0b\xed6a N\x08(*A\xd7\xf19\x91\x08\x85]0\xbb\x94\x95y\x0f0\xf9\x9c\xc7\xa90\xbb\x11?H\x08\xac\x18\x8a\xb7i\xf54A\x8ao2Hw\xdb$g)\x1c\xe9\xb6"[\x02k\xb9\xac\xf3\xc4[aaw\xa6\x7fR\xae%\x9b\xc3\x04\xfb\x01[A\x0f\x1a\xd6Y\xb1m\xbf\xf7\xe6(\x19\xd8\xd0\xd6w&amp;x9\x19\x87+\xdc,\xe2\xe2Nz\xd6\xe2Q\xe0\xc0\xe9\x8e\xecq\xeee)\xe9)o\xe4\xcd\xe4\x84\xe8e\x150Y;\xafx\xa9\rq\xcfrV\xfc/\xde\xdc%\x0f\xbf\x8ay}\xd36\xf1\x99\x00\x11\xad{\xd7\xea#\xc8\xc8\t\x1f\xcb\x90\xf5g}\x16+\xafeOL\xc3\xa1\xf4G\x15\xbe\x8by\xf8\x0e\xaa\xd1\xf3Z\x10\x0c\x7f\xc7\x11\xb0\x19#F]\xf3\xae\xbcc/%Of\x84\x03\xd12W\x16\xdc\xf64\x0c\x17\xf5\xe99B\x83~Q]\x80(\xdf\x89\xc2\xc3XTm\xfe\x12 k\x17\xb9\x07\x8cb\xae\xa67\x9c\xca\x18\x8e\x1bi$\xce\xd4|\x96&amp;\x1d\t\x0e\x84\xba!\xe5\xfaC\xe3e\xe8*\xba\xa4\xce\xaa\xe38\xfbM\x99x\xd8\x18{\xde\xf6\x1b\xc7\xbb\x1aJ\x12=8\xe0*\xd0\xbc5.4\xac\xb8\x93\xd3\x8fj\x0b\xaeW|&gt;\\\xa6\xe2E\xfa\x1f\xcb\xc9\xf0\x1c\x9f\xd4{*5\xbeZ\xbc\xaf\x1a\x90\x81\x89\xccp(B|\xdb;\x9d\xe0\x00\x03\x88\xa8\xb2\x16\x81=\xe6H\x19\xc6\x98X6j\xe5L\xcf\xd9\xbe\xa4\xb8\xab\xd1Q\xea\xa4TQL\xae\xd5\xa4\xdb\x85\x08\xcb\x86\xb6n\xfbF\xeed+O\x94\x16]4=\x99F\x19\x92g\x16\x8c\x0c\xa3\x9c\x10\xe5i\x1fy\xb5\xad\xe4\x16QM\xb4|\xa6\xc3\xd26p\x0b\xf89\xcdQ\xc0\xe4)\x88\xbd\x16yw\xe7\xb1\x82\xb4$s\x9d\xcf7\x9e%}\x9fw\xd4e\xc8\x88{\x0c\x1dM\xa5d\xda\x8f\x18\xf6\xf1\xe6\x9f\xa5\x91{\x9e\x98\x1aS\xaeE4:\x988w\xcf\n\xe4=\x8dp\xed\xeeG\x90\xffwT\xa6h\xeaZ\x83\xa3@\x1bO\xd6\xcf\xe0\x19L\x81A\xadoqJ%#6\x8a#\x80\x03\xabj\xf3\xb6\r\xf8\xd4\xcahV\xf72\xcd\xe1\x85\x12\x81\x86\xb4\xda(DL\xdc\xec\x07\x16+\x04\xdag\xf2T\x01\xd7\x1b\xb9\x98Qy5\x81\xd5\xb9\t\xf2\xd24\x06\xa7kL\xc1JF\xa4\xa2dy\xe2Q_\x8e.8\x04\xd8O\xbcScc~\x10\xc4"\xd0\x7f\xae\xca\x802\x16m/\x8cGN\xcb7q\xa7'</t>
  </si>
  <si>
    <t>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</t>
  </si>
  <si>
    <t>b'Fn$xao\x05#\xe7\x00m\x81\x88\x8d\xb2\xad'</t>
  </si>
  <si>
    <t>ins a hole after
 Si
 Si
 Si
 Si
 Si
 Si
 Si
 Si
 Si
 Si
 Si
 Si
 Si
 Si
 1
 2
 Si
 Si
 Si
 Si
 Si
 Si
 Si
 3
 t = t1 t = t2 t = t3
 Hole
 Figure 2.4 Movement of electron through crystal.
 24 Chapter 2 Basic Physics of Semiconductors
 losing an electron some time before t = t1. At t = t2, an electron breaks away from bond
 number 2 and recombines with the hole in bond number 1. Similarly, at t = t3, an electron
 leaves bond number 3 and falls into the hole in bond number 2. Looking at the three
 â€œsnapshots,â€ we can say one electron has traveled from right to left, or, alternatively, one
 hole has moved from left to right. This view of current flow by holes proves extremely
 useful in the analysis of semiconductor devices.
 Bandgap Energy We must now answer two important questions. First, does any thermal
 energy create free electrons (and holes) in silicon? No, in fact, a minimum energy is
 required to dislodge an electron from a covalent bond. Called the â€œbandgap energyâ€
 and denoted by Eg, this minimum is a fundamental property of the material. For silicon,
 Eg = 1.12 eV.3
 The second question relates to the conductivity of the material and is as follows. How
 many free electrons are created at a given temperature? From our observations thus far, we
 postulate that the number of electrons depends on both Eg and T: a greater Eg translates
 to fewer electrons, but a higher T yields more electrons. To simplify future derivations, we
 consider the density (or concentration) of electrons, i.e., the number of electrons per unit
 volume, ni , and write for silicon:
 ni = 5.2 Ã— 1015T3/2 exp âˆ’Eg
 2kT electrons/cm3 (2.1)
 where k = 1.38 Ã— 10âˆ’23 J/K is called the Boltzmann constant. The derivation can be found
 in books on semiconductor physics, e.g., [1]. As expected, materials having a larger Eg
 exhibit a smaller ni . Also, as T â†’ 0, so do T3/2 and exp[âˆ’Eg/(2kT)], thereby bringing ni
 toward zero.
 The exponential dependence of ni upon Eg reveals the effect of the bandgap energy on
 the conductivity of the material. Insulators display a high Eg; for example, Eg = 2.5 eV for
 diamond. Conductors, on the other hand, have a small bandgap. Finally, semiconductors
 exhibit a moderate Eg, typically ranging from 1 eV to 1.5 eV.
 Example
 2.1
 Determine the density of electrons in silicon at T = 300 K (room temperature) and
 T = 600 K.
 Solution Since Eg = 1.12 eV = 1.792 Ã— 10âˆ’19 J, we have
 ni(T = 300 K) = 1.08 Ã— 1010 electrons/cm3 (2.2)
 ni(T = 600 K) = 1.54 Ã— 1015 electrons/cm3
 . (2.3)
 Since for each free electron, a hole is left behind, the density of holes is also given by
 (2.2) and (2.3).
 Exercise Repeat the above exercise for a material having a bandgap of 1.5 eV.
 The ni values obtained in the above example may appear quite high, but, noting that
 silicon has 5 Ã— 1022 atoms/cm3, we recognize that only one in 5 Ã— 1012 atoms benefit from a
 3The unit eV (electron volt) represents the energy necessary to move one electron across a potential
 difference of 1 V. Note that 1 eV = 1.6</t>
  </si>
  <si>
    <t>b'[\xf8m\xe7\x17%\x91`\x8f2\xe9\xe9?k\x18\xba'</t>
  </si>
  <si>
    <t>5bf86de7172591608f32e9e93f6b18ba</t>
  </si>
  <si>
    <t>llel [Fig. 6.10(c)]. Second, for a constant VGS, ID varies parabolically with VDS
 (Fig. 6.16), reaching a maximum of
 ID,max = 1
 2
 Î¼nCox
 W
 L (VGS âˆ’ VTH)
 2 (6.10)
 at VDS = VGS âˆ’ VTH. It is common to write W/L as the ratio of two values e.g.,
 5 Î¼m/0.18 Î¼m (rather than 27.8) to emphasize the choice of W and L. While only the
 282 Chapter 6 Physics of MOS Transistors
 VDS
 I D
 VGS âˆ’VTH
 âˆ’ W
 L
 VTH Âµ C ( n ox V ( GS
 2 1
 2
 Figure 6.16 Parabolic ID-VDS characteristic.
 ratio appears in many MOS equations, the individual values of W and L also become crit_x0002_ical in most cases. For example, if both W and L are doubled, the ratio remains unchanged
 but the gate capacitance increases.
 Example
 6.3
 Plot the ID-VDS characteristics for different values of VGS.
 Solution As VGS increases, so do ID,max and VGS âˆ’ VTH. Illustrated in Fig. 6.17, the characteristics
 exhibit maxima that follow a parabolic shape themselves because ID,max âˆ (VGS âˆ’ VTH)
 2
 .
 VDS
 I D
 VGS1
 VGS2
 VGS3
 Vâˆ’ TH
 VGS1
 Vâˆ’ TH
 VGS2
 Vâˆ’ TH
 VGS3
 I D,max2
 I D,max3
 I D,max4
 Parabola
 Figure 6.17 MOS characteristics for different gate-source voltages.
 Exercise What happens to the above plots if tox is halved?
 The nonlinear relationship between ID and VDS reveals that the transistor can_x0002_not generally be modeled as a simple linear resistor. However, if VDS _x0004_ 2(VGS âˆ’ VTH),
 Eq. (6.9) reduces to:
 ID â‰ˆ Î¼nCox
 W
 L (VGS âˆ’ VTH)VDS, (6.11)
 6.2 Operation of MOSFET 283
 VDS
 I D
 VDS
 I D
 VGS1
 VGS2
 VGS3
 VGS1
 VGS2
 VGS3
 Figure 6.18 Detailed characteristics for small VDS.
 exhibiting a linear ID-VDS behavior for a given VGS. In fact, the equivalent on-resistance is
 given by VDS/ID:
 Ron = 1
 Î¼nCox
 W
 L (VGS âˆ’ VTH)
 . (6.12)
 From another perspective, at small VDS (near the origin), the parabolas in Fig. 6.17 can be
 approximated by straight lines having different slopes (Fig. 6.18).
 As predicted in Section 6.2.1, Eq. (6.12) suggests that the on-resistance can be con_x0002_trolled by the gate-source voltage. In particular, for VGS = VTH, Ron = âˆž, i.e., the device
 can operate as an electronic switch.
 Example
 6.4
 A cordless telephone incorporates a single antenna for reception and transmission.
 Explain how the s</t>
  </si>
  <si>
    <t>b'\x00\x19\xaf\xea=\xdaOS\xd8\xcb\x86Z\xfac\x0e\xf1'</t>
  </si>
  <si>
    <t>0019afea3dda4f53d8cb865afa630ef1</t>
  </si>
  <si>
    <t>re ill instead of
remembering it I would have him brought here." And he waved a thin hand
which ought really to have been covered with royal signet rings made of
rubies. "It is because my cousin makes me forget that she makes me better."
Dr. Craven had never made such a short stay after a "tantrum"; usually he
was obliged to remain a very long time and do a great many things. This
afternoon he did not give any medicine or leave any new orders and he was
spared any disagreeable scenes. When he went downstairs he looked very
thoughtful and when he talked to Mrs. Medlock in the library she felt that he
was a much puzzled man.
"Well, sir," she ventured, "could you have believed it?"
"It is certainly a new state of affairs," said the doctor. "And there's no
denying it is better than the old one."
"I believe Susan Sowerby's rightâ€”I do that," said Mrs. Medlock. "I
stopped in her cottage on my way to Thwaite yesterday and had a bit of talk
with her. And she says to me, 'Well, Sarah Ann, she mayn't be a good child, an'
she mayn't be a pretty one, but she's a child, an' children needs children.' We
went to school together, Susan Sowerby and me."
"She's the best sick nurse I know," said Dr. Craven. "When I find her in a
cottage I know the chances are that I shall save my patient."
Mrs. Medlock smiled. She was fond of Susan Sowerby.
"She's got a way with her, has Susan," she went on quite volubly. "I've
been thinking all morning of one thing she said yesterday. She says, 'Once
when I was givin' th' children a bit of a preach after they'd been fightin' I ses to
'em all, "When I was at school my jography told as th' world was shaped like a
orange an' I found out before I was ten that th' whole orange doesn't belong to
nobody. No one owns more than his bit of a quarter an' there's times it seems
like there's not enow quarters to go round. But don't youâ€”none o' youâ€”think
as you own th' whole orange or you'll find out you're mistaken, an' you won't
find it out without hard knocks." 'What children learns from children,' she
says, 'is that there's no sense in grabbin' at th' whole orangeâ€”peel an' all. If
you do you'll likely not get even th' pips, an' them's too bitter to eat.'"
"She's a shrewd woman," said Dr. Craven, putting on his coat.
"Well, she's got a way of saying things," ended Mrs. Medlock, much
pleased. "Sometimes I've said to her, 'Eh! Susan, if you was a different woman
an' didn't talk such broad Yorkshire I've seen the times when I should have
said you was clever.'"
That night Colin slept without once awakening and when he opened his
eyes in the morning he lay still and smiled without knowing itâ€”smiled
because he felt so curiously comfortable. It was actually nice to be awake, and
he turned over and stretched his limbs luxuriously. He felt as if tight strings
which had held hi</t>
  </si>
  <si>
    <t>b'9\xd1.\xe2\xe0?\xfd\xc2\xf7n)\x8cL\xa5T\x9d3\xf3/m\xc4,\xb5\xc2vyg\x80\x82\xcd\x85\x93\xc4\x04\xa2E\x8d\xff\x079r[\xb97\xa0p\xbfN+\xda\xa1\r\xc2q&amp;\xc2\xa4\xd8uhJ\xb2]+\xf1O\xc7\n\x19\x83\x8d\xd9\xa8TS\x89\xb40@\xda\xdc\x8a\x90\xe1\x02\x8d\xbc\xe1\xd3$G5\x03\\\x00\x16\xe2\x92\xe2\x85\x01\x82\xda|\x8a\xf0\xb5\x9b2\xd6\xb5\x89\xe9r\x08\xe5!7;\xde\r\x98C\xeb\xab7\x0b\xd8\x94\xe0\xed:v/W\x1eZ\x07\xe0\xe8\xedCx\x00\xa8#.\x9dK\xc2\xc0\xa0\x1f@L\xa4\xd0M\x1d\t\xe2"\xcdH\x8c\xf4\x194\x88\xdc=\xfe\xf2\xf7\x85\x14\xbfHW\xa91\xeb\xf9\xdd\x81\xc9\x1a/\xbe\xb4\xaf\r\x97\x9b]D\xad\xda\x01\x0fJ\x9a4D\xddx\x1fc\xd6#$\xa7\xb0|\x811\x00K$\xa1/\xa3\x96\t\xf2\\wp+C\xa7\xf7\xef\x84V\xd3\xc7t7\xc7\xc5fVf\x07-ai\xf2z\xdbON\x03\xa6i\x17\xd7\x88\x98\x82\xef\xd0\x84\xe0pT\xe8i/\xb8\x07\x86aL\xc1\xde\xc1\x94a\x03\xa3\xba\x07\xd5\x88\xd3\x7f\xb9\xf7*\xd6xj\\\xa5\xba\xdck\xa5\x1fIO\x8a\xc2\xd0R|\xedP\xe0\x86\xe5P\xb4H\n\xce\xeaj\xdaa\x128\x06\x05\x81\x12\xef}F(\xe5\x97\xf9-\xf8g\xd8\x88z\xaa\xe6\xb5\xcb\xd8F\xc6Lv\x91\x8e\n\xe3\xa5\x8d\xe62\x1d.\x05\xf5!W\r\xbc"N\x07D5\x0fO\x02\xfa7\x9fc\x94\x18\xa4rX\x03\xe7\xe5\xc4\xdd\xfef\xcc\xd5_\xb4\x14\n\x87rs\xd5\x8dg\x06\xfb\x07\xa1\xc5\x0f*+\xcd\xcc\xe8b\x17\xe2\xdd\xb0r\x84t\xd2p\xc0\x94\x8d\xd7\x00\xa8\x03\xe5\x8f\x18\xf8\x16\xd8\x94\x0eD\x149\x19\xa23F1\xc4%\xfd\x06\xfbvl/\x8bw\xe6P\x83\x1e\x11\x83T}\x18\xc6b%SV\xd9Y\xcc\xd3\xb6C+[\x1bq\xff\x10\xaf\xd5S\xb9\xc5\x94\x83\xca\xbb\xe4\xc7\xfc&gt;\t\x07\xb9rq\xa1\xb4}By*\xc8\xcbx\xc9\xbe\xdc\xb4\xfe\x1f\xaa\x9c\x8f\x1a\x8eS\x9f\xc4\x0c:\xda\xd0\xc2z\xf0z\x90;\xd8^\x00\xdcW&amp;\xc6\xf8\xc8\xbc\x8c\x8e\x9bb\x12"\xdc\x18\x99\r\xec\xc9\xdf\x96\x9e.\xd7\xd2\xb6\xe8\xea=\x16sP\xc7\xbbB5\x80\xaa@b*\xc3W\xdf\'\x84\'\x9ab\xca;N\xa1\xafz\x01D\xe1\x13\xfbD\x99\x9f.S\x1f\xf3\xcd\x89*W\xee2lJ\x96\xbc-f\x07($\xd3@W\xa9\x8fJ\rU\xc8\x04XwCs\x8e\xcf\x1f\xfa\x1d\xf4\xe7FaeNx5\xed}\x1c\xad\xb5\x06-h#]\xdc\xad\xa4\x87\xcfyK\xca5t\xaf\x92"\xdf\xf1(\xbe\xc9\xa8B!\xbb\xfe\x0b\x88t\xd4\x8d\x9cFG\x86W5d+\x16^\xb7\x83L\xbf^\xef\xdd\xbd\xb8\xd8\xdd\xa8-Y\xa4\xcf\xa9^{\xa8\xd5k\x17\x194\x19vv\x08\xaf\xcd\x86\xd3\x07`I\xce\x97E\x98\xc5\xd0\x94&lt;\x80\xbf \x9e\x9d\x0e\x83\x12\x9d\xd5\xbc\xfb\xa3\x11l\xee\xbb\xbc\xf60\n\xb9\xbdPU\xc5\xd6O\xd6N$\xd3\xe1\x10\x0b\x15F\t\xd2\xe2\x80\xda\r{iRj\xdd\xae\xec\x19J\xfd\x9b\xf3\xfe\x05\xd7\xe4\xc15@\xfa\xe6\xf8|\xe2\xf5\x15\xdfL\xbbb\xc7\xf4Y,\x83_\x9ac|\xad\xf1\xe22B.\xe1k\xa61f\xd3Q+F\x11\xbb4\x83\x03\x97\xdb&amp;\x08gJ\x85\x0c\xd8E\x1f1\xab,~\x95\x02\'J\x11\xdc\xd3)\x04\x91\xe5&amp;\x8fa\x85Mo^J\\\xfa\xbe\xe0zC\xdf^\xc0\x85Q\x98\xdb4\xc2\xc4\xfe`\xa8{\xa6\x9d[\xa4VikTq\xf8\'\xd7N1\xf9\x1e\x05\xdd\xb6\xa1\xb2\x90?\x86\x96\x1e\xab\x07\xf6\n\xef\xee\tn\xdf\x84n$\\\x8c\xa5l\x87g\xda\xc2S]\xc6(\xb1\xb1\xd6\x00\x01\xb3\x8b\xdd\x00+\xdb5\x1f\x8dg0Tq\xec\xa8\x1e\xf9\x07\xef\xc5\xf0M\x85e\x90\xbdK\x90\xf1\xe7\xdf\xc1`\x9a%\x7f\x17Z\x88\xa6z\x84\x16\xb4\x90$A;Yo\xed\\;\xbe8\x85\xba\xb5Kzi\xa1\xb3\xee&gt;W\xd5\xc0q\x05h\xf0\x07\xdb\xde\xe5{4\xd4\xbd\xdfA\x8d\xc3T\x16\x99x\x9c\xb4#O\xaa\x06\x85\x8e\xdc.,\xef\x8e\xca\x03\xe4v(\x9c\x02\x13\x94\x99\x07s\'y~\xf0\xde}\xb2\n.\xdc\xadj\xfd\xaaR\xd7\xd9\x81\xe7\x7f\xdc\x91\x0e\xc8\xb0\r9\x1e\xae6\xb0\xbe;\xdfJf\x9f\xf1l\xdb\xd7\xfe^|\x98\x03`\xa21\xa3+O\xa4\xe8[2i\xb4\x9e\xb2\x82\xd8/\xb3;4\xd9\xb6\xa7`OyU\x14\xe6\x8d,\x0fch\x86\xdf\xef\xcd32\x13\x0e\x96\xa4\xbc\xe9\x08v"\x12}\xed\x0b\xb1\x10\x94H\xccz\x88\xdf}kF\xcf-a\x92\x98\xb2\xdf\x8c@\'\x17x[\x9c\xb9\xf5T\xde\x8b\xae\x857UW\xfd\x8d$\xc3p\xfb\xc2\x0fGc)\x17/q\x12lF\x1f\xe4%\x8c\xb2e\xd2\x8ft\x12S0mF\xb3\x8b\xfd|H\xa4C\r\x95\x0f\x0b\xc2m,\xb9\xe0\xa7&lt;\xf1("\xc8\x04\xfd\xbbz\xfa\x934\xfb\x92\xbb\xe7\tmPf\x19K\x1b\xfd\x0cJT\xcd&gt;5\xe1\xb1\x8fq\x82\xfd0\x18\x89h\x8b\xae\xbc}\xfbY\x18X\xcb\x9f\xcf\xff\xd71x\x89\xe6\xd8j\x18L\xb0\xc1$\x00D\xde\xaf\x0b\xf2\xd0\x8b\x98\xffcF\xb2\xf0&lt;O\xcc\xa5\xf3HIM\x8fn\xc2\xad\x99\x02\x8e/\xab\x01\x9c\xcc\x9f\x90\xeb\xf4-\x9c\xb6C\xcd\x90\xdcS\x94k\x10{\x00\x10#s@\xae\x9c;\x87\x81_\xe1F\x9b\x83\xba\xb3\xc1\x95x\x80\xc4\xe51\xe0\x86!J\xc0\x97Qi\x01V\t\xbfw\xe3\x91\xed\xbd)d\xd7\xe9\x153?\x19|\x13F\xc1\x83\x17t6\x7f\x83\xbc\xae\xff^\x94\x1c\xc8\x9e\xf4\'\x89x\xb8\x86\xae\xae\xcc\x15\xcd\xd3W]\xfa}\x01\xae\x186\x9a8:\xa3\x0b\'3\x88\xea\xd9\x7f\xefSn\x8d(\xecw\xb2P\xfa\xdc\x82x\xf35\xeew\xa3(\xb3\xa4\xc6\x1ee)\x82\x92~\x92\xe8q\xe0\xeb\xe8\xa4\xcf\x1a\xd2\x1d\xfdw\xe8b\x98\xbc\xafu#\xc7\xbe\x80\x8ak\x93\xaf\xfa\xefe\x13\xbb.\r\x8ao\xa4su\xc4\x9cT\x10.\xb2hB\xef\xa6\x18\xe7\x929\xd3Q\xb8!j\xca\xf5\xb0\xf7\x9b\xc6\xbfm\x9a\xe0\x0b\x98\xa7\x80\xce\x03_\xea\xa2\x9db\xfd\xb4\xdbl\xb5\xa4\xd8\x87k\xeb\xbc\xd0\xbb\x95PN\x0e\xa2\x10`\xd1JnU\xd0\x7fm?B\xac\xa8#\x8e\xc7\x8e\x02S\xdet\x18x\x8b\x05\xc3]\x15_\xe1\xd9+\x1a&amp;\xae\xe0D\x82\xb7\xe6\xeb\x88\xdd[\xfb\x1a\x8aJ\x1b\xdb\x84HbMA\x9dT\xd5]\x07\xdeN\x0c\x16\xb6\x95\x9b\'3b5[ \xab\xd5\x81@G\x16cL\xf5\xf3\xa7\x14\xf5\x07\x0f\x7f~\xdb\xe7\x85\x9a\x02\xaf\x9eP\x06\x12\x9e\xd6\x05\xa3\x85L\x7fM\xf6P\xd8"E\xa5`\xbcDB\x95\x16&lt;\t\x00:\xeb/AYl\x83\x1d\x93\x8bx\x8b\x8dI\xae#+d|&amp;\xe2\x93v\xb1\x81@\x92\xceV;\x84\xa4\xe1\xaa\x82,\x0c7\x05\xfa\xef\xbf\x14H\xb2CL\x11\x85\x9cK"\xbf\x7f#wH\x83\xa8\xefl\x90\x13a0\xd0YqU#\xc7\xb0\x9c\x88\xb1\xf3\xad\xc3\xd8\xe3imP\xa1\xee\xd3SE&lt;\x17\xf7n\x89U\xd5M\xe8\xf08\nG\xfaZ&gt;\x12\x07\x9c\xd9\xb58\t\x1b\x10\xb7\xa5\x85\xbdphs)\xc8\x16`\xe3i]\xa8\x9fK\x05\xca\xb6C\xa0\xddH\xa0"\xfa\x0b\x9b\x14\xd2\xb1\x8e|\xf3\xd0\xea\xd4\xc5\x18\xe3\xf4\xa8\xd7\x83\x11\xd9\x08\xeb\x93"i\x19\x0c^\x12E\x9a\x939\x11\x0f\xca\xe2\xef\xd2\x8bS\xfa\xc4\x1b\xea\x12\x8a\xbea\xbd\x98\x0fg\xcc\x94\xcdC\xaa\xeb\x93\xbfx\x0c\xcf"xR\xc2+c\x04\x07z\xd9\xbe\xb1=\t\xb4\xd2b![\xc1\xa9c\x96JI\x8as\x86\xa8\xcdi\x8f5\x82Ug\xa5\x19W2\xc7\x86\x13\xa2\x1b\xac\xf2\xc89\xdc.R\x9a~\x9c\xefW\x10\r\x96\x07d\xc4v\x13\x15\xb9\x9da\xc3\x96\x85=\xae\x89\xd8\x0c\x13\xf0w{0\x8aiM\xfb\xde\x12\x7f/\xe0\xd7\x1e\xe6"b\xeei\xdeqq\x8a\xed\xcd\xb1\x9c\xe39\x95\x8d|\xee"\xd5\x85\t\x00\x80\xe5n\x11\xd8U\x13\xa8f\x8f\x9aSrSq\x85\xe4\xb2\t \xb8X\xaf`K\x80\xcc\xdf\xcd\xa1HV\x9f\xd7\xd8\xa0?Y\xfb\xa5\xc8v^\xcb\nQ\xf5\x9ectL\x01\r\xabD%\xa9\xb1\x84$\xcb\xf5\x0b,\'7|\xa7\xf5\xe0\xc2z\xa4I\x16\x14^\x8cr\x9d\x84\x02\xef\xe8G\xefi\xf7Ja\xbft\x19&lt;\xfbt\x000\xfc\x06\x160\xefn\xf4\xbbe\x8f2\xfeCD\x05\x8cE\x82r\x9c \x8c\xbfe\xba\xd0\xf20\x08\xcf\x13$B\xb6X\x80&gt;?~\x9e\xb2YI\xad\x9a\x0e1\x80\xd4\x95\x1c\x19\xa2\xb4b\xfe\x1f\x0b\xe7O\x13\xb5\xbd\xb7\xef\x997 pX\xddb&amp;\xc2\xac-&lt;eW\xf5\t\x83\xec\xd1\x1e\xabI9Oq\x97q\x0e\xa3\xd2\xca\xb8\xb5\xce0\xa2\xe9vc\x9e\xd7:\x1e\xf5\x02\xb4\x86d\xf2\xe3w\x18\xca\x9b&lt;7*,\x1b\xd6\x1b\xed(\xd3(\xbfI0\xc0\xd2cX\xb1\x12\xa1I\x9b\xdc\x1ev\x87\x19\xd2$|\xd5\xb1}\xd0O\xf71/d=U\xd9$\xf1\xf7\xc6Zj\xa5A5\xaa\x12#^\xfd;Or\x9am\xce\xc7\xd6\x12\xff\x8d\x18\xa7\xb5\xa3\xfcwjp\xdaNw\xf6Je\xa2\x06\x95\x12\xee2\xabS\xc4PV\xf0r5\nU\xbcp\x84s\x19\x12ql\x07\x7f\xd3F.\xcc\x94\x81J\xf8\xfc\xf5\xb8\x01\xaf\x12\xab\xb9\xd7\xae\xd8\xde\x1a\x10\xed&amp;\x8ba\xe7\x9a\x969\xe4\xcaEZ\xb2,\x8a\xd7\xcd\xb19\xfc\xae\x83\xf1f\xa4\x86\xb7Oy?[\xe0\x9f\x914\x83x\xde\x90h*+\xff\\F\x0b\xecZ\xb7E-\xe8\x14\x06\xae \x8e\xce\x1f\xda\xa4`\xdcca\xcb\x88wHf1\x86\x7fb\x81\xa7\xfb\xdb\xfb!dS\x1f\xcfS{\x83\x98\x06\x94yh\xcc\xb0\x93\xf1bE`(}\x94\xb8\xa5\x94\xde\xa9\x0e\x8e\x00\x7f\xec\xea\x90\xa3\x80mB0\xfc\xd5\x05C\x91\x968\x15\xae\x92\x142\xb5\xbd\xfc.\xc4i\x86\xc9\xd0\xb4ltKHTf,\xda\r\x01\xb1h\xb5\x86\x1a\xae\x1f\x16\x9d\xab\xa9=\x99\xb4\x94\xe5_\x98a\xe3rytn\x1e\xa4I\xac6\x81s\xdd_\xfd4-\x8a\x15\x80`+XD\xd1jj(\x10\xb2\x15\x90\xb0\xf0\xd8 X\xb9\x03(\xf7\x84\x17\xe1j\x00 \x02K\x16\xa6&gt;\xc8\x0f\xb4\x95\xe0n\x90-:\xdaf\xcb\xcf\xfa\xde\x8f\x83\x10\x90l\x88\xcf\x87\x1eZl\xd0\x96K\x08M\x16T\x10:7\xc7\x8e\x132\x07\xbf)NvW\xe8\x84\xc7\xd9\x93{Pa\xd0\xa17\xe0u?\x82\x08\xd7l&lt;\x80\\\x85\xe5\xc1\xc2O\xfbc\xd8\x05\xf0V\x06:\x9a\xff\xc0+?PsE\xb2L$\x1cw\xee\x89%Q\x89h\x85\xd7\xd4\xb2\xf6\'\xc6V\x80\x88]\tFm\xf7\xbb\xa6\x13\x19l\x19%@\xc1\x11O\x13JobkU\xdc\x88\xd4\x8d^\x18\x04\x1d\x83C\xbd7\xf9\xa2k`\x19$\x81\xc2d(\x8f\x9a\xb2\x0e\xd8\xc7#\xdaV.\x9f\t\xc8\xd3\xd9\xd8\x8b\xa0\xfd\xec\xa2\x86\'\xdc\xb3\x92T4(\xca\n\xee\xcf\x16\x87\x8f\x1a\\\xb5t6\x07:\xa0\xc1\xd8\xe2\xf7\xd8\x95$\x90\xd3\xe94\xadti\xbd\xb6\xee:\x86\xfe\x81\xdeq\xdf\xfc$\xa4,\xa61\x0f\xc1\\\xb0\x1f\x95\x9d\xb6\x85\t+w\x92\xca\x10,0V\t\xb8'</t>
  </si>
  <si>
    <t>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</t>
  </si>
  <si>
    <t>b'9\xd1.\xe2\xe0?\xfd\xc2\xf7n)\x8cL\xa5T\x9d'</t>
  </si>
  <si>
    <t>his crutch, slapping tables with his hand, and giving 
 such a show of excitement as would have convinced an Old Bailey judge 
 or a B</t>
  </si>
  <si>
    <t>b's;\xd2Y\xcc\n\xfe\x1c`d4\n\xd6$H\x11{U\xa1\x8c)\xcd\r\x07\xbco,\x99)1\x99OnM\x0cD`\xe1Nf\xb9\xaf\x95\x80\x199\xd7\x86\x96c\x86\xca0\x82\x11\x0f\xbc\x7f\xfd\x8d\xdcX\x9ay\xa1\xc5e\xdd\x951\xd0\xb7\x898\xbe\x88\xda\xffu\xff\xa9\xfe\xc19\x03\x9c\xbf\xbc\x17&gt;L\xf7\xf2\xc2\xd4*\x0fmHk\rU\xf0\xf3\x1a\xd3\xd06\x1d\xb2l\x99K\xd2\xe7Y\xd3u\xe3zP\x14\xdc;\x01\xd6\x9fX#\x0f\xd3\xd3\x0e\xe0\x8a\xddp\xc2|\xd2T\xb5\x19\xb1t\x7fL0\xa4\x8f\x98[VT\x06\x82\xab\xa6\xae\x7f\x0c9\x0c\xa5m\x17W\x08\xf0\n?\xde\x13w\xbe[\xb8\xd6\xd0\x9bTgo\xb7\xc9\xc9\xd3\xdf\xf5{\x16\xf9\xd2\x1c\x11j\xb8\x9a\xa0\xb1f\xf9*&gt;\xdb\xac\x93\xbf\xff\xed\xdc\x8c\x80\x1d\xdf\x7f\x08\xa2\x0e\xd9\xf1e\x10\xeeI\xe8\x01\x1a\x01|\xa7\xa7\xf3\x95\xc4\x87Z\x00\x8a\xf3\xcbl\xf2\xa9$Tn\xbb\x7f\xceJ\xd1f5RT'</t>
  </si>
  <si>
    <t>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</t>
  </si>
  <si>
    <t>b's;\xd2Y\xcc\n\xfe\x1c`d4\n\xd6$H\x11'</t>
  </si>
  <si>
    <t>policy of selecting the best
man for the job; perhaps necessity gave rise to choices that could be viewed ex post
facto as policy (Herz 2000: 319). But wherever the truth may lie, it seems fair to say
that the power of the fatherâ€“son bond could hardly be overcome. Family, especially in
this particular manifestation, was simply supreme.
Now, family members, as history had demonstrated, might pose a serious threat to
reigning emperors; and this turned out to be the case early in Commodusâ€™ reign. We
are told that the new rulerâ€™s various depravities â€“ including drink, sex, and astonishing
cruelty â€“ caused one of his elder sisters, Annia Lucilla (Lucius Verusâ€™ widow), to
despair, and to plot against him (HA Comm. 1â€“4.4). The result was her initial exile to
Capri, and later her execution (probably in 182 cf. Raepsaet-Charlier 1987: 67).
Other, more distant, family members were also supposedly involved, and eliminated.
Commodus himself, according to the reports we have, took little interest in
governing, nor do we hear that he gave any thought to the question of succession.
He had no children, banished and then executed his wife shortly before his own death
(Raepsaet-Charlier 1987: 149â€“50), and apparently allowed palace servants and his
mistress, Marcia, to run amok â€“ indeed, largely to run the empire. In the end Marcia
served him poisoned wine, and then sent his personal trainer to strangle him (December 31, 192).
Commodus was regarded by those who wrote about him as a â€˜â€˜badâ€™â€™ emperor
(though for some later, more favorable judgments, see Hekster 2002: 184â€“6). After
his death, Commodus was loudly abused by the assembled Senate for having been
â€˜â€˜more savage than Domitian, more defiled than Neroâ€™â€™ (HA Com. 19.2). In short, a
son had followed his father, and had brought back all the evils of the first-century
dynasties: the power of palace minions and women, executions of senators, disregard
for the â€˜â€˜properâ€™â€™ business o</t>
  </si>
  <si>
    <t>b'\x0cy\t\xcd\xf1\x9bG\xfb \xc4G$\x9b\xc0\x83\xd2\xac\xe2\xf7\x8e\xc9P-\xcd\x16\x13\xaaTIa\x99\xcdR\xed\x1d\x99(+\xee\x15\x9eq\x0e\x99gs\xd9\x07\x05\xad\xaa\x8f\x99D\xb7\xc3\nI\xfa\xb8\xe0[\x17\xee\xfdN\xa3\x97\x8f\x8b\xfd\x9f\xefj\xe2\x05\x1eP?\xc1\x1d\xf9\x82(\xe6?\x84\xbb#\xf0\xae\xe2\x9f\xd7\xb9\xd8\x1b\xd7\xaa\xfc\xac\xba\xfe\x03pQ\x86\x97\xb2\xc36\x1bx\xa9\x88p?*\x0b\xbc\xaf\xd5\xc7\'\xe1Qw\xaf\x84\xb2\xf4\xdcW\x80\x05\x9e\xafc\xfeo\xf2\x9b\xac\xcc|\'\x0f\x95%?\xd0n8XGod\xb6\x81o\rp\xb7\xd0\x92\xd7\x05G\x01\x8f\xff\x04}\xfaU\x17\xb1%3 \xa4\xe0\xd1\x9bS\xf7 \x91\x076\xcd\xc3\x1e\xea\xc3\xa18\xd2\xdf\xa2\x8e\xa1\xa4\xa5\xad\xdbC\xd0\xfdPp!^\xa5\x1b\x13\x11n\xe8\xa9\xb2m\xfe\xe0\x05@\xbf\xaa2\xf9\xa2\x00u\xc3\x06\xec/f\xa0\xa3\xbdC[\xb5\x1a\xaf\xac\x95\x9c\xf5i\x13\xbe~\x93\xf5\xd3\x91t\xc0\n\x1f\x0f\x1axF\x88\xc1\xba\xd3\xf1\x9e\xa4ee\x08d\xe7$|\xee\x88\x97 \xe7-\xe58\r\x82\xf1\xd8\xcb\xe0\xc0\xa1\xa5\x98EIDf\xa4\x9f\xb2Jc\x8b:\n\xe1\xc7\xa7\x139\x93\xcc&gt;\x943R\xba\x86\xb2\xcd\xb1\xbf"\x80\xe9\xbc\x07\xa4\x13w\x99\x1d\x8a\xcc\x966\x90O\xf6\xc6\xa0\x80\xee\xc2G}\xc7\x9cbO\x051\x81\xc6&lt;\x82\x9cW\xa5\xfe\xda\x9bcb\x08\x8b\x9ej[\'\xe9\x99\xbd\x11%R\x16\xbd{|.8\x8d\\\xfa:\x03\rl\x94\xa4\xd3\x97\x04\x13$]sy\x05\xa3\xc3\x06\x8bZ\xf9\xed\xf1q\xd3\x92keV\x03\xa6\x1b\x1e\x95\x95\xf4\x1aTJ\xb52\xfb0\xe6g\x16\x0e\xcd\x12\x8d\xf2\xf8\xe7\'x\x97\x83\xc5}Z\x8cg\x0b#\xdf\x02\xe7\x00&amp;\xaa\t\xf7D&gt;}\xf0X\xc8\xe6?\xb0\xd8\x11\xe7fB"\x93\x04/\x88\x87\\\x01\x97\x88\xef\xb5\x07f\xa3G\xa9\xbfoTZ\xf7\x0fB\xc0\xcf\xf1nV\xe1\xc8\x930x\xd9\xbc\xa4f\xe5\x84\xd2\xa5\xe2@G\x80.\\\xfd\xbf6\xf3%P\x17rf\x9cY\xf8\xfc\xed+\xbe9C0.C\x9d\x92@J@\x1bI4\xe3\x8c\x15\x80\x9d\xfa\x06\xd60j\x00\xaeP\x83Z\xb7G\xc7\x83\xedcvm\\F\x05p\x03\xc2\xb5\xc4\x96n@\x11\xa4\x91\xe0\xc6\x16\xb7\x9af\x99\xce\xb7Zn\x92}\x06\xd8l`^W\x92(\xa0b\x0c\x98y\xfa\xa0\x81\xca\x1dgQ\xd7\xcb:\xd5\x03\xef\xca\xedS$\xf0Z\xa5\xd2\x86Yj\xd2\x93C\x99\x7f\xe6U\xc8=\xda\x13}A\xe4k\xb2\x89\xf7\xd7\xe6\x9e\x1e\xda\x88c\xef\xce_Q\x95\xf2\x18\xfb\x0732\xf9\x12\xdc$\xcf3\x1b+\xd2)\x8a\xf5\xb3j\xc6\xe9\th\xac\x82Cl\xf1#\xbe7\xba\xa3\xbd\xda\x8d\x1f\xc6\x13Q\x06adU\xa7S&lt;\xfe\xa9\xa3\xf6-\x01\xf4B\x94Q\xaf\x1f\x9e\xf8\x9e\xb5%\x86\x12\xf4\x11\xa6\r\xf4as\xb8c\xc9T\xfc\xe4H3\x82\x8e1\xe8\xe9\xa9\x08\x8a\xdck\xc0\x8e\xcc\xc7\xb4@U\x9c\x0b/\x1c\xf8\xaf\xf5T\xe9}C\x08\xd2\x11\xb5W8\xa2n^%\xcf\x84\xb8\x89\xf1\xeby\xa5\x83MmV\xdc\xbf\x0bS\x87wl\xfcx\x18F\x1bZ\xda\xd8\x86\x86\xaf\xb09\xe5\xcf\xb4\x06\x9b\x17\xe3B\xe7]&amp;\xdf\xc3a\xc5A&gt;J\x19#o\xe2\x83EM\x85&gt;z\xc4\x7f\x8c\x95\xc2\xf3\x01\xf1\xba\xd0\xf3\xa5\xab\xe7\xc9h\x87\xa4\xa9\xcd;x\xf9\xea\xf9\xfe\xbc_\x0em\x97\x08\x9fq\x92)F}\xe8\xa4\xcf\xfe#\xd3k\x8cS\xdb\xd4\xbfg\xed\xc1\xec\xcf\x05f@\xec6G\x98E\xfc\xaf\x17\xf2\xcc)"\x8cq\x0b6\x97\xf4rq\xa7\xf3#\xa5E\xc9\xa0\'\xe5!.\x81MKd\xd85\x90\x8f\x90\xd6\x95X\x91IF\xb8\x1c\\\xf1/\xdaw\x9b\x9d\xde&amp;,\xf6\xf1\xdb\x12QI\xa0k\xed\x0f\xf7\xfb\x9c\x9d\xd9\x9c\xff\xa5\xb3\x9cF\xac\xc2]\x0f\xd5\x9c\xac\xb6\x9fB$3\xfd\xfbw\xf4\xa2N\x85\x9e\xbbNO\x82 \xd0\xf5O\x00j\x9f\xe6\'o\xda\xed\xc3o\x93\x8bz\x91&gt;\xbd\x7fYW\x15\x8b\xe4\x1a\xa0\xabu\xb5\x7f\x12\xb3\xf5 y\x11-\xe7\xb9\x7f\xbf\x9d\xc2\x0c\xb4\xa6\x8e2f\xb9A\xb3\xbc\xd1\xa8\xb8t\xba\xbb\xe5?\x81\xf0\xd2\xc1\xcd\xbcS\xff\xfa\xd2\xee\xb2KC\xf4\xf6Lr\x95\xee\x04\xd0\xef\x80\xf3\xba\xdf\x8e\x88\x12!Y\x94\x93\xdc403\xa8$\xcft\xd7\x8f\x88{a\xa0\xe8\x89\xdc\xb3\xcbU\x1e\xe0*h\xabX~\x9f\x0c\xc8\xc6\x8e%\xde\x8a\x13\xb2M\x8e)\xbai\xedy\xd9\x17\xe4\xe2\x180\x93\x8fk\xb2]\xadt\x07\xd2z\xac\xd1\xa7h\xd7An\xf7r\xec\xbb\xb0\xc4\xc4\xeb\xc0\xe8\x05\xde\xb7\x1dr\xd8\x00\x06\x1c~5\xe8\xa2\xb6\x1c&amp;\xd6\xbdY\xb4\x9eW\xd9V6\x90m\\j\x7fqT+k\x10,\xb5\xb7u\x89\xae\xf9\x9c\xdb\x08-\x04\xe4C\xdc\xe9\xfe\x14\xfe\xe1{\\\xc4\x9fc\xcc\x83\xee\xbay\x9e\xfe\xb5O\xe2,\xf1\xca\x05A2\x9cD\x0f\x1e\xc2\x9a\xee\xabo\xd8\x82\nae&amp;\x9b*N\xef\x8bC\x97d:\x08\x888\xad+\x99\x04\xceZ\xcc\nO\xc6d!\xd9\xa3m\xc1y\x8a\xaa\n7\x99\x95\xce\xe3\xb3\x00T\xef\t\x82\x16\x8e\x17\xf6\xb8T&gt;]\xb00,\xd4^\xb0#i\x13\xa5\xd2\xdd\xe5\x17\xdb\xd4B[\xf6]\xdc\xc0&lt;\xcf\x9fG\xd0\x95$\xce\xb9q\xe2\'\xa9\x0f\x94QcD"&amp;\xf7y\xe0R\xa1@\xff7\xe4\x1b\t\xdb!I\xac\\\xefL\xd0.\x8c\x85jg\x90\xbe\xe0v\x15\xf1\xa1\xe7\x1c\x8f\xb0\xc3\x1c\xdd\xed\xf5T\xb3G\x06\xc6-r\x10Q\xc1\xaf\x06\x92\xf5\x9a\xe9\xae\x88!\x15\xedg\xd5+_\x8b\xdd\x88\xec\xd0\xbb4\xf3\x94\x0c\xe2\xa13\xd7\xb9\xba\xa4\xad?A\x04\xfa%\xe5\xd6d\xa5\xdd\x9ew\x17\x1b\xd6U0\x94\xec\xa1\xbf\x94\xf4\xd6\xf0\xe3\t0af\x00U\xcc\x7f\x80|\x93\x0c\xaaT\xda\xf9\xdc\xf3)\xa1\xfcmK.N#R\xca\xa4;\x05\xc8\x93\xee1,\x99\x14\xae28$\xab\xe7m\xa4Y\xc7\xd4\xdd~\x854`\xaf8\xf9\xb9\xf9\rf\x89\xb4\xd2\xaf\xeb\x95\x12\xa1C5\xa5\xa9\x19\x11\xda\x80\x9c\x86\x0f\xde\xef&amp;\xefx\x82*\x93\xd1T\x8cp%\r\x9e\x81\xd8\xf3r\x82\x11\x1a2\xac\xfeiUj\xd4\x82\xe2AU\xdbW\xdc\xa1\x96\xe3\xa7M\xf8\x86\x80&lt;\x197t\x97%\xd7\x18Q\x16Qq\xcf\xa6G*\x1d\xab.G\xe2\xcfg\xe1\xa5\xe8\xf2#\x0e\x06\x06C\x1c\xa53c\xa0\xd2\x9d\x93\xa5\xa7\xab-\x12\xc3\xcf\x04\x93wq_\x01\xfe\xd5\x9b\xfdc\xbaS&amp;W\xa3p\x1e\xc8\xfd\xcc\xb9\xcd\xa0\x053q\x8d\xb3\xae\x98\xda+\x0f\xcb\x89\x99\xc4\xe7`\xd3\x1d\xdd\xc2C\x85z\xf4E\xcfp\xba\xa7\xc9_~Y\xd1\xde_==pX\x0c\x01q\xd0\xcec\xda\xc5\x1f\xf2n\x8e\xbc\xef7-\x00\x02\xfd\x11b \x01\xf5\x18A\xdbuz\xe7y\xec\xc1\xf5s!\xc8Z\x8d\xd7*\x18\x8dB\x90\xed\x93\xe2Z\n\xa2\x8c\x87\xf0\xee\x87\xc6@\xed\xe8\xc4L\xfa\x9a\x9f\xd6\x95\x17\xdd\x81\x92zU\n\rZ\xe2\xd6i\x08~\x9c\xdf\x95\xd2\x07\xf68\x139\x15\xe3\x95\xd3U=\xfdO\xb2\x83O\xc2\x0b\xcb\xba,@\x898\xe4\x1d\xd5\x05\xfe\x95\xaa\xc7A\x7f\xff\xe5\xad\x8e\xe8\xddJ\x1dz\xb1rVy\x8c\xc0\xfc\xb2\x08\xd5D\xbbc{\xcbL"Yo\xd7m-\xaa~u\xdb\x8f%\x88b\xdb\x1fV\xc1iJ\xf6\xdb\xc3\xd4\xb1?hL\x9f\x08o\xe9\xd8F\x06\xbbW\x80\xb70\xf3\xb5\x85$\x056\xce\xb0\x06\x88_\xc3\xc9?\xc9\x1eUC\xbb \xa7\x04\xb3\xd9\x0f\xb5nQA\xd8*\xd6\x94N7m\x881N\xdd\xa6{\xf3\x1c-\\E\x1c\x0eM\x08\x98\x9b\xb6,*5\xfc\x15\x02s\xe3\x97\x0f\xd4,hn\n\x0ea[\xb5.\xd5\xe0\x8fw\xc8W=\xa4R_\xa4\xc8\xb6\xacT\x96\x15\xb0k\xf8\xe0,E*\xe9\xd0\x06&lt;WYg\xae\x97\xa8FR`\x11\x9e\xcf\x01\x05\x89K\xcb'</t>
  </si>
  <si>
    <t>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</t>
  </si>
  <si>
    <t>b'\x0cy\t\xcd\xf1\x9bG\xfb \xc4G$\x9b\xc0\x83\xd2'</t>
  </si>
  <si>
    <t>he
 valley of the Ganges. Through the windows of their carriage the
 110
 travellers had glimpses of the diversified landscape of Behar,
 with its mountains clothed in verdure, its fields of barley, wheat,
 and corn, its jungles peopled with green alligators, its neat
 villages, and its still thickly-leaved forests. Elephants were
 bathing in the waters of the sacred river, and groups of Indians,
 despite the advanced season and chilly air, were performing
 solemnly their pious ablutions. These were fervent Brahmins, the
 bitterest foes of Buddhism, their deities being Vishnu, the solar
 god, Shiva, the divine impersonation of natural forces, and
 Brahma, the supreme ruler of priests and legislators. What
 would these divinities think of India, anglicized as it is to-day,
 with steamers whistling and scudding along the Ganges,
 frightening the gulls which float upon its surface, the turtles
 swarming along its banks, and the faithful dwelling upon its
 borders?
 The panorama passed before their eyes like a flash, save when
 the steam concealed it fitfully from the view; the travellers could
 scarcely discern the fort of Chupenie, twenty miles southwestward from Benares, the ancient stronghold of the rajahs of
 Behar; or Ghazipur and its famous rose-water factories; or the
 tomb of Lord Cornwallis, rising on the left bank of the Ganges;
 the fortified town of Buxar, or Patna, a large manufacturing and
 trading-place, where is held the principal opium market of
 India; or Monghir, a more than European town, for it is as
 English as Manchester or Birmingham, with its iron foundries,
 111
 edge-tool factories, and high chimneys puffing clouds of black
 smoke heavenward.
 Night came on; the train passed on at full speed, in the midst of
 the roaring of the tigers, bears, and wolves which fled before
 the locomotive; and the marvels of Bengal, Golconda, ruined
 Gour, Murshedabad, the ancient capital, Burdwan, Hugly, and
 the French town of Chandernagor, where Passepartout would
 have been proud to see his countryâ€™s flag flying, were hidden
 from their view in the darkness.
 Calcutta was reach</t>
  </si>
  <si>
    <t>b"\x13B\xda\xc4\xfb\xfcq8_\x1c3\xc8\xb5C\x93\xce\x84]\x99\x14'M\xee\x1e\xbaB\xa8\xecx\xfc\x02\x15"</t>
  </si>
  <si>
    <t>1342dac4fbfc71385f1c33c8b54393ce845d9914274dee1eba42a8ec78fc0215</t>
  </si>
  <si>
    <t>b'\x13B\xda\xc4\xfb\xfcq8_\x1c3\xc8\xb5C\x93\xce'</t>
  </si>
  <si>
    <t>eakâ€™â€™ were loaded with
meaning which, while having nothing to do with nutrition, became attached to food
and drink. Thus â€˜â€˜strongâ€™â€™ food, roast beef, is also masculine food, food fit for a free
man, as opposed to complicated rich sauces which are â€˜â€˜effeminateâ€™â€™ food.
Amongst the voluminous writings of Galen, a famous physician who practiced
medicine in Rome in the age of the Antonines, there is an abundance of references
to food and a number of treatises devoted explicitly to the nature of foods. Gal</t>
  </si>
  <si>
    <t>b'\xe3m\x81\xda@\x7fy\x0cm\xa7\xb7\xec\xec\xa9\xbf,fw\xa6\x91Z\x94\x0cZM\x9a .\xa5n0\xbcM\xc7\x0c\xaf\xbf\xa3\xfb\x16\xd1\xfcI\x14\xbe\xb78l\x03V\xc9P\xf1\xe1\x85h\x04d\xa8\x9b\xb0\xbb\x97\xc6\xeb\xaf\x90#\xd6=MA\x8a\xdcP\xa1w!\x1c\xd7\xd8\x07$\x1a\xe2\x91\x9c\xf12\xf5\xbe\xdf\xd5\xd2Rq\xd5\xdf Kck{D[\xb9\xe8\xc0D\x88\x96\xa7\x8b\xfe\xc3\x9f:]W\xf6\ru\xf4\'\x88_\xeb\x1a]\xfb\\9\xeff*\x06\xf0\xe0\xe9%\x1b\xd7-\x06s\x1de(\xf9\xd6q\xb3-\xc50\xf7\x82\xd4|o\x9d%\xf0\xdc\xc4\xb8\xfc\xab\xbc"\x8c\xdd[\xe7\x00\xc0\x9d\xb4\x848\xc4X@\xce\x01Y\x9d\xfe\xa3C4\xa5=d\n\xf9\xa6\x1c\x05+d\xda3P\xcd\x18=mey\xd0|1\x99\xedQ\xd6Ue\x1e\xac\t\xd2\xe3\xdfe\xa3m\x81\xc4\xe4`*\x0f\x8edT\x00\xf3\xd4r\x13z\xb0\x8c\xa6 q\xd6By\xd4\x06qI\x1a\xd4?r\xf5P\xf3\xaa\xb9\x03G\x95\x1bu\xfa\xbe\xd2\x12\xb8\xa0\x07(\xca\xf2Q\x8d\xc8K\xe8\xd1\xe67x JX~Sh\x10jt]J\xc6\xcct(\x00\xaf\xdc\xc4\xaa\xeb?e\xac\x8a\x93\xe3\xa1\\\xd9\xc6\xa9\x07o\x1d:\x9fP\x81\xc95\x9am\xe65{\xffc\xb9\xa8\x11\xcf\xb0 \xfc\xa6\xbdI\xec\xf5|d\xb6\xda\xa9\xa0\xf8=\x02\\\xf2Q\xefJ\xf6iM\x0e\xa3c\x1f6\xbcH\xec\x95\x8b\x19\xb3\x89d\x93\x96\xa6\xd3\xbd\xab=\xf5\xbf\xd9\xa7\xe5@\xcc\x07.\xd8\x1bJ\xe4\x8c\xcd\xdb\x00/\xd8\xf8\x1e\x9fv\xb6\x84\t&gt;9R4\x17\x99H\'\x9ed\xe8\x8b\xe1\xd7Y \x05y\x80\xb7\x16\xdbR?d\x93\xe1\xdb\xc6?\xea\r\x9b\xd6\x19R-\x11\x00\x02\xceR\xe1\x1d\x88&gt;\x14#\xa6\x85w\xfb\xa8\xbc\xaf\xc0\x03\xe2Z\xed\xc8\x7fFX16\x97\\\xf7\x04\xaa\xa6O\xec4=!\xee\'\xc1\xac\x97"",\xb0)%\xe5f\xba\xb7\xd4c\xf7#\x01g\xe0i\xce"\x1e\xdbq\x8by\x9b\xcf\x0f\xfa\xabC\x963\xa3=\'q\xd9\x92=\xad\xa3\x9cx\xd1`\xe1\xe9z\xa3deE\xdcV\x89\x8d\x0b\xee\x9b\x95\xb0\xc9'</t>
  </si>
  <si>
    <t>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</t>
  </si>
  <si>
    <t>b'\xe3m\x81\xda@\x7fy\x0cm\xa7\xb7\xec\xec\xa9\xbf,'</t>
  </si>
  <si>
    <t>.P. Morgan Chase to buy Bear at a fire-sale price.
 The Fed was heavily criticized for not wiping out Bearâ€™s shareholders (to deter moral
 hazard) and for putting taxpayer money at risk.
 But even after this bailout, financial stability did not return. Foreclosures on delin_x0002_quent U.S. mortgages were mounting, home prices were still heading downward, and
 yet banks and shadow banks retained on their books toxic assets that were difficult to
 value or sell. Against this background the U.S. government took control of the two
 giant privately owned but government-sponsored mortgage intermediaries, Fannie Mae
 and Freddie Mac.
 The investment bank Lehman Brothers filed for bankruptcy on September 15, 2008,
 after frantic but unsuccessful efforts by the U.S. Treasury and the Fed to find a buyer.
 There is still controversy about the legal standing of the U.S. authorities to have pre_x0002_vented the collapse; surely they were still smarting from the criticism over Bear, and
 hoping that the Lehman fallout could be contained. But the situation quickly spun out
 of control. What happened was precisely the scenario the Fed had feared when it had
 intervened to rescue LTCM in 1998.
 A day after Lehmanâ€™s filing, the giant insurance firm American International Group
 (AIG, with over trillion in assets) suffered a run. Apparently without the approval of
 senior management, traders for the firm had issued billion in derivatives called
 credit default swaps (CDS), which are insurance policies against nonrepayment of
 loans (including loans made to Lehman, as well as mortgage-backed securities). With
 the world financial system in a state of meltdown, those CDS looked increasingly likely
 to be triggered, yet AIG lacked the funds to cover them. The Fed stepped in immedi_x0002_ately with an billion loan, and ultimately the U.S. government loaned AIG billions
 more.
 In the same month, money market mutual funds (some with claims on Lehman)
 suffered a run and had their liabilities guaranteed by the U.S. Treasury; Washington
 Mutual Bank (the sixth largest in the United States) failed; ailing Wachovia (the fourth
 largest bank) and investment bank Merrill Lynch were bought by Wells Fargo Bank
 and Bank of America, respectively; the last two independent U.S. investment banks,
 Goldman Sachs and Morgan Stanley, became bank-holding companies subject to Fed
 supervision but with access to the Fedâ€™s lending facilities; interbank lending spreads
 $85
 $400
 $1
 $30
 CHAPTER 21 Financial Globalization: Opportunity and Crisis 605
 7A readable account of Fed policies during the crisis is David Wessel, In Fed We Trust: Ben Bernankeâ€™s War on
 the Great Panic (New York: Crown Business, 2009). 8See Mishkin, op. cit., pp. 256f.
 over Treasury bill rates reached historic levels; and
 world stock markets swooned. The U.S. Congress, af_x0002_ter much debate, passed a bill allocating billion
 to buy troubled assets from banks, in hopes that this
 would allow them to resume normal lendingâ€”but the
 funds were not, in the end, used for that purpose. The
 crisis spread to Europe, where a number of financial
 institutions failed and EU governments issued blanket
 deposit guarantees to head off bank runs. In addition,
 a number of countries guaranteed interbank loans. But
 by this time, the economic downturn had gone global,
 with devastating effects on output and employment
 throughout the world.
 Limited space prevents a detailed review of the many
 financial, fiscal, and unconventional monetary policies
 that central banks and governments undertook to end the
 global economyâ€™s seeming free fall in late 2008 and the
 first part of 2009.7 (The box below explores one aspect
 of the policy response that is especially relevant to inter_x0002_national monetary economics.) With housing markets r</t>
  </si>
  <si>
    <t>b'0D\x02 .\xc7\x8f\x0eR\x0bF&gt;\x96\x88x\xbb\x18P\xdaIMm\xc1\x92\x0ft\xe8\xea\xf9\x0f\x00\x06\xf1tM\x1c\x02 e"\x82@\xe6\xec\x909\xb1x\x9d\x93vN\xac\x02\x07\xe9\n\x12[u=\xf1E\x05\xd5d\x188a&lt;'</t>
  </si>
  <si>
    <t>304402202ec78f0e520b463e968878bb1850da494d6dc1920f74e8eaf90f0006f1744d1c022065228240e6ec9039b1789d93764eac0207e90a125b753df14505d5641838613c</t>
  </si>
  <si>
    <t>b'0D\x02 .\xc7\x8f\x0eR\x0bF&gt;\x96\x88x\xbb'</t>
  </si>
  <si>
    <t>h power resistors may have one of their leads designed into the heat sink.
Figure-4
   Basic Electronics
23
                 (ii) Carbon Composition (Fig.-5)
Three carbon composition resistors in a 1960s valve (vacuum tube) radio.
Carbon composition resistors consist of a solid cylindrical resistive element with embedded wire leads or metal end caps to which the lead wires are attached. The body of the resistor is protected with paint or plastic. Early 20th-century carbon composition resistors had uninsulated bodies; the lead wires were wrapped around the ends of the resistance element rod and soldered. The completed resistor was painted for color-coding of its value.
Figure-5
The resistive element is made from a mixture of finely ground (powdered) carbon and an insulating material (usually ceramic). A resin holds the mixture together. The resistance is determined by the ratio of the fill material (the powdered ceramic) to the carbon. Higher concentrations of carbon- a good conductor- result in lower resistance. Carbon composition resistors were commonly used in the 1960s and earlier, but are not so popular for general use now as other types have better specifications, such as tolerance, voltage dependence, and stress (carbon composition resistors will change value when stressed with over-voltages). Moreover, if internal moisture content (from exposure for some length of time to a humid environment) is significant, soldering heat will create a non-reversible change in resistance value. Carbon composition resistors have poor stability with time and were consequently factory sorted to, at best, only 5% tolerance. These resistors, however, if never subjected to overvoltage or overheating were remarkably reliable considering the componentâ€™s size.
Carbon composition resistors are still available, but comparatively quite costly. Values ranged from fractions of an ohm to 22 megaohms. Due to their high price, these resistors are no longer used in most applications. However, they are used in power supplies and welding controls.
(iii) Carbon Pile
A carbon pile resistor is made of a stack of carbon disks compressed between two metal contact plates. Adjusting the clamping pressure changes the resistance between the plates. These resistors are used when an adjustable load is required, for example in testing automotive batteries or radio transmitters. A carbon pile resistor can also be used as a speed control for small motors in household appliances (sewing machines, hand-held mixers) with ratings up to a few hundred watts. A carbon pile resistor can be incorporated in automatic vol</t>
  </si>
  <si>
    <t>b'\xf7$\x92\xc9\r\x98\xad\x9dX \xbc\r\xff\xfc\x00h\x84\xf9.\xbb\xcf\xd6\x85,\xf9\xce\xb4DLx\xa3V\xab]x\xb5H\xc3\xc9\x06)Sqc&lt;\x1a\xfc\x880\xce\xb6\xd7\xe0\xf4\x929Z\xc0\xa0b\xe752\x14\xc0"\xb5U3\x98\xdd\x9fLn\x06\x92\x08,\xdcf\x16=\x8a\xabZ\xc9_F\xb0\xb6\xfd\x05-w\xe3\x1bs\x166E\x1eT\x0e\x1cc\x82Q\x93\x86N\x8a\xe2!\x9d\x0c{J\xf0\x01\x1c\x07\xe9\xf8]%"\xe1\x84\x8e\xf4\xe9,\xfc \xc3\xdd\x7f.\x10\xe6\xf3\x9e[\x9f\xa7\x9d\xb2\xb5\x93U}\xa9z\x96U`\xc9\xf3\xdc\x0f\xf86\xa7\xfc\xeaML\xfe\xf15\x9fH\xce\xdc"]O\x7f~\xcc\xdf\xb9\xf7f,\xdc\xc4\x8a\xd8Gob\xda\xfbH\x96Q8\xd2\xc8\xf4\x91\x9f\xc3#[{\xb4\x05q\x02\x17\x8b\xd2\xfe=ot\x19\xe5\xdey\xf2\xaa\xcc\xd3\x10\x0f\xbb\xb5\x96\xe9\xa0\xd9`O\xca\xb6\x9d\x88\xe5i\xa8\xe4\xf0x0\x8ef\xc55!^a\xde\xe2\xd3M\xc5\xe9\xd0z\xdf\x98[\xdc\x91\xa1\xa8S\x8f\xf1\xdb\xe6\x083~\x00\xb4\x92(m\xba\x882\xe1\x7f\xda&lt;\x8a\x87\xa6\x1c\xe2\xa3FWvv\t\x9a\xee`\xca\x13G\x9a\xea\x13G\xe9\xcd?\x8f\xa9\x82\x8e\x8a)\xf2\xd01@%-6M\x85\xaa\xfa\xd1\x1e\xac\nu\xdc!\xf8F(4\xcf\xa6L\xc7\xd4\x96\xe8J\xec\x01\xd8[\xd3\x93\xe8s`l\x8c\x06\xc5\xab\xb5\n\x8aF\xc5:!\x03y/3p\x8e\xe9\xa6Vl\xaf\xf3R\xca&gt;hc\x04\xe3\xa4&amp;\x8coO &lt;j\xc4$\x97\xb1.\x0c\x92\xcf\xcd;N\x8ey\x8c\xca#\x9f\xe5\x98\x14 \xd6c\xf6/c\xbf\xf9+[8\xe6.j2+\xf0\xf1P\xf1~Lf\x8d\xfc\xac\xb1c\x99(\xc7m\xef\x07\xb3\xbdP\x13\xaa\x10\xae\x11kJ\x04h\x0e\xf0c\x91\x1e\xf5\xdc\xc9i\x83\xf2\xed\xc0\xa4"\x88\r\x97\x87\xa2o\xa2\xe6\x81s\xcd\x0f\xbaqJ\x8e\xbe1dYr\xce\xebR4&gt;\x89}\x9c (M\xa4\xe43\x97f\x8d\xe5p\xbe\x8a\xff_*\x871Km\xbd\x02\xe5\xad\x98\xaf\x0b\xef0\x93Rv\x83k\xde+\xbf\xc4\x07(\x02\xda\xcb\x1c\xc40\xb0\x9d\xcf\xda\x11\x9a\x96\xe4Td;\xa3\x08q\x9a\xffbFk\xc8\xc3\x1fQ\xef\x89\xfa\xa7}\xe3y\x14\x1f\xd6\xe1\xc6\xdb\xadZ\xc7\x91\xa5\x90\xa2\xc9\x11\x9e5\xe6\xfeN\x89\xd18\xb7\xae(\xd7\xd5\r\xaf2\x13\xa1,\xe38\xdd\xa98\xdfb\xf2x\xcd.\xfc\xb0\x8d\x7f\x7f\x84\xc3\xc8\xb8\x94\xff\x9b\x17\x00\xad\xf7\xed\x92^\xaff\x117\x8c\xfd\xd1bp\x93\x87\xcd\xa2\x16\xe8qu\xc0qS\xf9\x83D\xcce\xa1\xf7&lt;[.\r\xf7\xdb:2\x106c\x90\xa9\xb1,_ M\x19\x98\xbff\xfc\xa6\xbd\xba\xc7\xc9\xf9\xf5\xe1\x81g-_g\x9a8\xf1IU\xf4\x84\xcdJ\x9f\xe7=\x9a\xbaZ\xd9Kw\xdf\xe7\xa9F\xef\n\xf11#\x04-\xd1\xf36\xd9A;\x82g\xe5+S&gt;\x0c/]\x98\x10\xbf\xa0\xfe0\x7f\xbb7\xa9\xcf;\x9f\x12\xd5\x8fY\xee5\xaeX\xa7y\ts\x15.\x83S\xbf\x97KO\xe2;\xcb\x818\xeb\xb2\xe9\xd9\x18\x0cq\x83\x02\x86\xc3\xa87KSs\x03\xc6\x97\xfe\xca\x8c\xed\x1f\xc4\xa2Ne\x9e\x82\xad\xc5\xe0V\xb9Bd\xc3\xa9\xaa(8\x8d\xd4\xbb\xa6\xea\xe2\xbai\xb5FI\x94X]M\xff\x9f\xa3wF.(u\xbf\xe3H\xfe\x9a\x1c3)\xa3\xaa\xd1\x12\x8f\xeaC\xe3H\x9b\x9b\nh~g\xb1\xa3\x16\x9f\xc7\x14\x05\xf4\x01\xe5\xdb\x90\x1c\xe2Mi\x94\xd7\xd5d\xeed\x88\xdc\xc52\x9cX\x06\xcf_m\xf3\xb4\x816\x8aN\x12\xe5\xfd\xf5(\xbc[s\xb3\x82x}&amp;n\x97\'\xef\xb0\xe4\x0e\x99\xa9\xeaF\x1c\xe4\xe4#\xe3\t\xc8!\x85\xe6bc\nu\xd9\'\x9f.GEl\xe8\xb4\xc9c\xb2\xe7\n\xb4\x14\xe7\x9am\x8dg\xa2k2w\xee\xc9\x87\xd1\n\x8f\xc1w@fK\x9a\xdd\xf3\x13!f\x9bZOU 6\xafR\x97\xbe\xf5\xbf=\x9c2\xef\x9f\x04\x9bSL\xd2vyqw\x8f\xdf\x06sq\x1f\x90\xe6\x81\xb0\x1es\x11l\x8b[g,w\xc1%?\xd5\xb1.\x06\xf8\xa4\xc4t`\x81yZ\xb9\xcf+\x9e\xdb1T\x80\x06\x84\xaf\x13W\xc5t\x90\x16\xf2W\xc0M\xf1b\x8b\xb3$\x05\x9c\x1f\xef\xab\xb6\xe1\t\xdc/\x0c\xe2E\xb6\x1c\xb2\xf9\xa84M\xdb\x8a\x82\xe3c\x8c\x00\x0e\x8c\x17\xee\xdf\x18\xde\xb8\xee/\xa8}\x9b\xa9\x83\xb3\xedx\xe0\x88\xa3\x0e\xa9\xf74w\xb8\x89b\x8f\x90\x9f\xe2\xfasY\t\xf4 3\xa3^\x84\xc6\x88\x8df\xcdgo\xd1^\xac\x8d\xfe\x1fs^\x93x\x9b&amp;\x8a\xd1&gt;+\xe3#\xd0\x19\x9aSC\xee\xf5R^n#\r\xcdo\x11\x15c\xc9\x0bbA\xa7\xa9\xe3\xfd\xc9\xc3=Q\xb6O\xdc&gt;\xd4\x07\xaf\xa1\n\nU\xa3\xfaN\x83\xc5\xe4&gt;\xba\x13`\xfd\xcd\x98\x84@B*\x11\xbf1j\x17\xd0\x8a\x18:\x89\xc3)\xfa\xa7M\xffY\x1dL5\x90y\x97\xea\x99\xa0\xac]m\xb1\x83u\x88\x89!\x05\xa7\xa2\xbd\xd6\x80\xb8\x03,\xc4\xe2\x1f2\xc4\x04\xf8\xa1\x13+\xf2/\r\xf79dp\xa5]\x88\xe90wW\x08\xed.K\x89\xab\x95\x93\xa3&amp;f\x99p5\x11&amp;II\x81S\x9a\x1f4\x1b\x95\xa4*u\x9c\xd2`c\x8d!1[\xae/P\xbe\x90\x9a\xffTB\xfc,f\x91):\xed\x19p\xcb=~\xa6J\xda"ys?\x05\xe4\x19\xec\xdaR\x8d\x00y\xbb(\xc1x\x92R\xcd\x8bD\x92L\xb2\x97\xc6\xbd\xc5\xcc\xbc\xcbm\x1f\x81[9q\xa7\x86@\xadL&amp;\x03-\xee\x1e\x8c\xa6\xc6\xbc\x02\x1f\x9c\xe0\x89\xe4\xa3\x07\x8f\xb7\xf2yo\xad\xda`\x88H=\xef\xf1&amp;-3\xc7\x1c\x92\xd3`\xe9N+\xddh\xfb\xael\xb9\x0f\xb6\xbdF\x19\xeec\xd2\xa7\xf5!\xea\x9eXb\xf2\x18\xc3\x04uj\xc4\xac\x88\xf4\xb4\x9dY\xb4\xb2\xa3\xaf\xf1=f\xee\x8447\xcd$\x0e\xaa\x9e#\xdcw\x9d\x1b\x01\xed;\x15\xcb$\xa4\xfd\x85\x93p \xeb\xff|v[r\xd9\xb3\x08\x15\xa7\xf1\xeaP\xae\xae=R\x93\xf1Y\t\x9fmuo\xe9"s\xb7\xc4c\x03\'\x96&amp;\xad\xc9&gt;e&amp;\xad\x8f\xa3Bh\xb5\xbe\xf8\xea\xablm\xc2\x8a\xe4\t\xda\xc9\xa1r\xeb~5\x85\x06\xb0\x02\xc4\xeeM\xc2\xb8Y\xb2\x81\xdes:G\xff\x1c\x80?\x9f\xdd\x85\xd3\xea\x86\xca\xa3\xfb\r\xceg\x01\x1ay!\xd1\xfa\x1cu\x96YC7\x1d\xe4\xe2g \x80\xf8\xfb\xd7\xcf\xd7o\x1e\xcf\x01O-\x90\xf0\xca\x8c\x83\xdc\x99\xbf\x8c\xd0k\xe68m?\xe3\xcf\x8c\x19g\xab\xb6I\xbf\xcd\x84\x1c\x18\xfa\xcb\xd0\xde\x0f\x12\xf0j\x89j\xcc\xc0]G!\xbb\xc4Tu\xefV\x89\x7f\xddD\xd2\x06\xfe\xcc\xda\x8a\xc8 t\xbb\x98\xb8\xa4W\x10B\x18D\xdf.\x82\xd3IC|\xa2\xc9#\x94\xe6\xabW\xc2H&lt;\x90D\xbb\x92\x0fq]i\xe3\x9c\x835x\xec\x13\x98v\x861x\x9c|\xdb1\xee\xb0//iG\xb45\x8d\x971k\x98,5\xfb\xaa$\xf4:\xeb\xfbn\xdb\xc6C\xa1\xf4\xc23\xb4\x8aV\xf7\xd6\x98\x15u:\x95\x1d3\xc69\x1bX\'\xf0#\x95\xf8\x92\x02\xcak\x8d\xf4\xf7\x1f+\xd9i\xce\x8a\x1d\xd4\xbf\xc3m[w\x93^\xe3\x83\xed`v\xee%\xc7\xf1\x01\xc0\xb87\x1c\xc2D&lt;7N\x83\x938i\x90\xa3\xc4\xac\xb9x\xe7\x80\xd3\xcaS\x92T\xf5\xc0\xae6\xa8\x15\xc2\xefe\xbcow\xed\xbd~\xd9\xdd@\xb4\x1f^\xe4A\xee\xd5H\x1a\xb3\xd6\x0cR\xe8\x15\xc2-\x90 \x05\xb7\xa87\xb1\x9f\xccFV*\x95x\x9c\xa2\x11\xb4\xa2u\x86\x93D\xce\x01J\x13\x1bi\xd7\xbb\xb9\xd1\x83\xcc(\xc7\xee\xb7\x18\x9f,\xe6q\xd7\x08\xf5\x91\xdbH\xac\x009\x04i\tb\xc9\x8b\x18@X]]\xe32\x9a\xb7t\x99\xde\x0b\xef\xff\xabq\xa4k\xec\x1eW\xdc\xc1\xb381\xa1\xcci\x8c\xbd\x08\xb6C2\x97]\x99\xe6\x88p\xc3\xce\xcf\x8d\xf8\x9b\xf92`c\xe5\xa0u\xb0\x7f\xc11\x8a]\xa0GLcD\xb7\xf2\xa5 \r\x90/~\x9bF\xb3\ta\xe8\xafp\xf0d\x18\x9aI\x95\x158\xbb\xc7\x18z\xe7\xe8\x8b.\xd6\x8c\x86\x97\xc4+\xc6\xe4\x86\x1d3\x8c\x85\xeb$\x1f\xc0]L\x1d\xd83c\x8a\x1f\t\n\x9e4\xf0\xd3w5\xe1\xfc\xd8\xf7\xeaO\xca\xa9\xf0\x13x;\xba\xc1\xd12s\xda\xc9\xdf\xc1`/\xde\x0c\xafob\xa0\xcb\xf5/dV\xfb5\x9c\xbc 8\\A\x8d\x1ay\xb6\xc8U\x9b\x01K\x92\x8dr1*&gt;\x17\x07?dJ\x99F1\xaba\xd8\x87\xe1\xb86\x88Y(vN\xaf\xcf\xc6\xecFT\xc6/\xc0\x971\xcf\xce\xce\xb5]\xacK\x0erZ\x81\x0e\x1a\x07\x8f\x7f\xc6K!\xbe\x91,\xc8\x9b\xb8Hz\xb8\x91/\n\x9c\x88\x98\xfdHAh\x18\xeb%F\x95nO"\xf4\xb8j\xa5\xddD\x0b\xec\xc8,\x93\xae\x95\x04\xfd\xc7\n\xe8\xa9]\x90\xc4\x0c\x01\x8cf%\xaa\xc7\xeb\xe3N\xd5\xcf\xe4\x89\xe5\xe3\x0e\xb5\x98\xc4H@\x01\x83\xbb\x8e\xa4\x87\x0f6\x0c\x82\x05$V0\xd8\x0e\xa3c\xb0\x8e\t\xe8C\xd4\x96\x01\xe8\xd1x=6u\xd1\x14\xb1\x8f\xa9\xb29\xe3\t\xfc\xba\xe6jTx\xd2\x03\xfc\xac\x1e\xc4Q\x02\xab\xbf\xbb[\x9dK\x167\xe7\x10Z\x10\xcc?V&amp;q\xcf\xcb\xd4\xf5CvH\xddV{\xe4{\xd0l\xf1\xa6\xd4\r\x87\xde(\xa1\xf1[is\xfb\xa8{\xb9\xef\xa1;I\x8az\xee!\xf8al\xa5\xb9\x1f\xae\xdf\xfc\xc2\'\xae&gt;V\xb0\xf8\xa9[:\x16\'Xl4\xe2\x07P\x11\xe4\x8f\x9f\x83\xa7\xda\x02\x84\x0b+\xdc\xf14V\xf2\xcb\x8c\xc0w\xd0 \xb2\xe8\x19\xdb\xb5h\x9b\x07}\x10z\x8a\xcfS\x7f\xac\xcd\xc0\x0e\xb7\xd4\x05\xf6\xa8\x1d\\\x97J\x90\x9d=\xc8$Pv\x95;\xc6\x97P)\xec\xd4\xd1\xf2f\t\x83S\x80\x058\xd0\xe8\xb3je\xd1\xe8\x1b\x96\xed$\x92z)7o\\nm\x8e\x15\xcd1\x1b\xcf\x95\x8cJ\xbc5-P\xce\x06\xcaW\xcb`K\xdd\x97\xd11\xf64\x8b\x16\xf4\x07\xa9\xc9qxo\xbc\x18;\x01O\x03J\xee\x97Y\x1d\xba\x94\x7f\xd6\xf44^\x18\xb7\x9f\xd7O\xda\xefg\xb3\xb3}\xf9[\xd4\xd8c"\x84O\xe2\x15\'\xf2\x92\x11\x8a\xeb\xbb\xb2|\r\xb2\x8e\xc9)\xbb5u&gt;\x9e\xf8\xf8P\x9c\xe6\xac\xf7f\xb8`\xc2\xd0\x92*\xc0\x0c\xb7q\x8a\t\xef\x0e\xbbk\xe3y9os\x03\x8a'</t>
  </si>
  <si>
    <t>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</t>
  </si>
  <si>
    <t>b'\xf7$\x92\xc9\r\x98\xad\x9dX \xbc\r\xff\xfc\x00h'</t>
  </si>
  <si>
    <t xml:space="preserve">ld your tongue, Ma!â€ said the young Crab, a little snappishly.
â€œYouâ€™re enough to try the patience of an oyster!â€
â€œI wish I had our Dinah here, I know I do!â€ said Alice aloud, addressing
nobody in particular. â€œSheâ€™d soon fetch it back!â€
â€œAnd who is Dinah, if I might venture to ask the question?â€ said the
Lory.
Alice replied eagerly, for she was always ready to talk about her pet:
â€œDinahâ€™s our cat. And sheâ€™s such a capital one for catching mice you canâ€™t
think! And oh, I wish you could see her after the birds! Why, sheâ€™ll eat a
little bird as soon as look at it!â€
This speech caused a remarkable sensation among the party. Some of
the birds hurried off at once: one old Magpie began wrapping itself up
very carefully, remarking, â€œI really must be getting home; the night-air
doesnâ€™t suit my throat!â€ and a Canary called out in a trembling voice to its
children, â€œCome away, my dears! Itâ€™s high time you were all in bed!â€ On
various pretexts they all moved off, and Alice was soon left alone.
â€œI wish I hadnâ€™t mentioned Dinah!â€ she said to herself in a melancholy
tone. â€œNobody seems to like her, down here, and Iâ€™m sure sheâ€™s the best cat
in the world! Oh, my dear Dinah! I wonder if I shall ever see you any
more!â€ And here poor Alice began to cry again, for she felt very lonely
and low-spirited. In a little while, however, she again heard a little
pattering of footsteps in the distance, and she looked up eagerly, half
hoping that the Mouse had changed his mind, and was coming back to
finish his story.
CHAPTER IV.
The Rabbit Sends in a Little Bill
It was the White Rabbit, trotting slowly back again, and looking
anxiously about as it went, as if it had lost something; and she </t>
  </si>
  <si>
    <t>b'Y\xe9\xc4\xc3=\xee\x88\x97\x82\xa0\xfe\xfc\xf4r\x0c#g\xac\xb2`\x19\x9e\xe1\xfd\xf0\xaaF\xf4\x87\xbd\r\x90\xf9&lt;\x7f\xea]\x1d\xbd^\x7f\x05E,\xf5\xbe\xe7\xd4C\x95\xe3\x01\xa4&lt;%\xed&gt;T\x99\x88\x10\xab\xb7\x18\xd4\xad_h\x1au\xc5\xb2\x01\x1f\r\'\xfd;^\x8e\xcaW:\x95,7v(\xd1\xbf\x99\x97\xa8\xb0\xd7\x18$\xcf=\x99\r3#\xcc\xf3\x85\\\x91w\xc4\xf8\xb9+\xeb\xad:\xc7j\xa2\x86z\xe4\xda\xf8\xb8\xf6\xa6\xeb\xbd\x82!\xa6\xc1\x10\xaa\x9e\x9f\xeb\xec\x0e\xc5\xf3\xf4\xb4\x88\x9f\x9d\xf07i\xc3\xad-\xd7k\x03\x9f\xb2\x88G;\xea\xa8A\xe9g\x17c\xb8t\xffb(f\x98C\x05\xaa\xfc\xe9\xde\x881\x19p\xb8\x9d\x1c\xc5#\xa5\x7fu;e\xab\x91\xc2\xf5V*}\x10y\xdd0\xee\x856M\xe5\x96\x9a\xb4\xa5\xa4\xc9_\xffA\xdd\xfd\xb6a\x9f{-C?_1\xfb\xe7`\xbe\x97V\x18H\x96\xf1rEp\x93\xc9 \xba\x04\xbb\rR\x8fBw\xb4\xa4\xea\x84\xad\x10\xfaA&gt;\xa84v\xf5f\xf3\xa5\xef\xbb\xfaFA\xcd@\x85Z!l\x85!\xf5\xf5\xa1\x9ab\xef\xad\xe0&lt;\xbeFT\xba\'$\xbe\xdf\xbb~\xbb\xde\xcd\x99z\xad\x95\xe9\x06\x1fc\xa7\xb1\xcb\xfd\x19\xed\xc5h\xbaiI6;z\x8d\xd3\x8d\xfd\xa1\xf6\xedT\xcatW\x0e\x7f8\x98\xeb\xa6T\x98\xf8\x83\x96\xd9\xa6 \x04%&amp;\xc1j\xb7\xe9]p[\x9bs\xef\xa7\xfd\xd5\xa8\x9eZ\xd5l\xff\xae\xbb]k\xc2\xadq\x9b\xcdK\x96\xf4\xdd\x1aw\x83P\xeb\xf13N&lt;\xf3\x9a\xd2\xe5i\x9aR~\xf56\xc2\xc6\x13\x1eL\xcf\xec\'R\xfcY\x80\xa2\x8e@Y\x8a`\xdc@w\xb6\xa1\xf2/Q\r\x0b{l\xc5\xcdb\xf9\x96k&lt;\x0f\r\x95\xf3*\xe3?\x17\x86CX\x94\x96\x89\x9f\x83K\xe0\xc6+\x8b\xce=\xd1\xf2U[r\xe28@&lt;\xab-\x0b\xea\xf0\xc0\xb4V#\x93\xf57`N/\x10\x02\xd3&amp;\x9da\x8f+\xaaaf\x98\x81\xe4\xf4\x14\xf2\xf0D\xcf\x13\xa5\xa08$\xecO\x85Z\x00\x18\xdb\xd0,bS\xb2OC\xc6\xd5\xd1)\x98\x94y8d\x9b\xdfY=r\xc4/\xf7\x15(\x17\x92&gt;I\xbf\x96\x95l\xc9X\xcc\xd7\xc4@\x02;\xf1\x92\\\x8e\xa6\x1b\x83\xd6\xf2\xde \x91^\xff\x94\xc8xX5\xcee\x0cO\xe1\xd6\x84\xd9\xe3M*\xb8\xaf\x82\x15O\x9ff\xdd]\x15\xce\xf7\t\xba\x1d\xbc&lt;\xf4x\xca\xa9JBi\xe9\x10\x83]\xa3\xa0\xf6\t\xbcC\xd0%\xe9\xd0\xfd\n\xdcY\x9e\xdd1\xe3\x1du\x8b\xc9\xb3\xa2c\xbb\\\xf1\x0b [\xcb\xe8\x081\x0c\xf3\x12\x98\xb6B&amp;r%~M\x16e\x17R\xf2\xdb6|\xf93\xc6\xc4\x0eq\x7f\xbc(\x8d\xa9\x92O\x18\xa7\xe2\x8d\xbe\xca\xc4\xa8c1\xadn\xc5\xe5U\xe2v\xc8\x0c&amp;\x98\xa1\x99[\xaf|\xb4\x1eV\xcf\xdf/k;\x05_@N\xc2\xd1)\x110&gt;\xe4\\\xdd\x000\x1eH\xc8\x81\xf3\nH\x81"F\xcck\xedW=\x7fo\x11\xd3&lt;eG\xeb\tO\x91\x1d\x82\xa1Q!\xe9\xf2\xc0!\x0c\xc9\xa6\xac\x15&gt;8\xcfb\x06\xafM\xa2\x1a\xc3\xc6\xbb\x91sv\xe9\x8b\xb6L\x1bo\xbf$\xd5a\xca\xb6%\xe9\xe3\xb1\xe3"\xb9r\x00:I\xfd\xc3\xee\x87\xf3 \xa8&lt;n[\xe6\xf1oZ\xba\xaf\xe1&lt;\x9a\xb0\x89\xe1\xb8\x8e7\xba\x87\x85-=\xb5\xe1\x9e\x1a\xb3\x98\xf9\xe3n&lt;5\xf4\xaa\xf5YI\x0b\xf2\xd7\x85\xceI\xacr\x9e\xd5\xfeD\xb8\xd3\x94\n\xc2\xaa\xce\xde\xae\xb7\x9b\xf4j\xba\xbe\x85*\x1b\x98\x1b\x8e,\xc4\xe5Bk\n\xfa\xab:k\xe9\xf7\xa6`\xa1\x11\xff\xec\xa0d7&gt;\x87\x80A\x11\x8f\x87\xb0\xff\x90i\x0b\x85\n\x9b\xc8@Q\xe8\x91\x98\xc4K\xa2\xa36w_vD\x1b\x1cy{\xdcK\xbc?\xe8\x9dsE&lt;a~\x95\x8eosO\x1c\xb7\x84\xdb\x98\xe0\x8es\xa8-E\xd0\x82\x06v"SI\xb8&amp;\xeb\x87\xb1u\xfd\'\x12\x91p\xdfu\xdf9\xe3Q\xca+^\x96*\xa4\xb8\xb3\xcaK!\xda4\x1aFa@\xfc \xe2\x99\t2\xd0\xaf\xb6~\xe8\x80\xa3d\xfb\\\xbe\x9a&gt;\xdct\xf3\x8d\x8e\x90-\x0f\'\x8e\xd7\xd2e\x8e\xc0\x80D\xffc\xdcd\x05}\x9fgr7cgx\x00\x13\xdd\xb8\xa1\x9d\xdfB\xe3tT\xba\xa9,\xc4\xf2x\x8f\x8c\x8d\xc9\xe6%\x99\xe8\xddw\xf2\xf8\xc1\x83\xb3\x145\xf7\xabb\xcd\xce\xe7\xc6\x02+\x99\xe8F\x8b\x98cR\xd7\x8f\x14\x95\x1c\x8a\xa6\x05\xd5\xddl\xb1f\xac#~]\xa4J\xdb\x955\xd2je\xaa\xba\x8a\'\xc6\xa4\xa5\xef\xf6m\xf0\x9a\xab\xc3\x89\x1e\xa4\xd0\xbc\xcc\xd0\x8c\xd7\xb1=I\xda\x05u\\ \xa3\xbe\xbe\x82\x14/&gt;\xc4\x9e\xba\xa0\xcf\xb5O\x0b\x0f\xc8\xb4\x1f\x90\xa2[M\x96\xdb5p\t!\x0f\xff\xe7\x97\x96\xa5\xf7\xda\xf3q&gt;\xdd\x97Q\xc8Z,\x94\xbb\x94\xc2\xc4m\xe2\x80\xe3\xe4Y8\xf98\xbf\xdb\xda\xa5\xbc\xd5~\t\x90\xd8\x90\xbcN2?\xb0\xfb\xbd\xc4/}v\x8c\xefM\x7f\xcdn]\xc4\x9chrnt\xa9;\x1d\xdfe\xaa\x1f\x85\x1f&gt;i\x03=\xa8\x81\xee\xf2\xfa\x00u\xeb\xd2\xdf\x84\xba\x91b\xfbT\xad\xff\x99\xb0\x9c&gt;G\x84\xf3\x01Wv1\xec\xa1+u\x84\x87\xa6\x15F\x9f\x84m\xf0\xfd\x83\xd3"4\x9a!\x1es\xcc\x01\xc5\x84M\xc8E\xd6\xd3C\xafC\xdf\xc9\xf8=ut\x8e\xfd\x89\xe0\xdc\xcf\x1c\xa4\xfb~\xa9\xff.\xe1\x89\xf9\x87\x0c$\xc3\xee`\xbc"DV\xe9\xbf\x14\xee\x86u]w\xb0\xa2\x8dVm9\xc0|\xcdt\xbd\x9e_\xcf\xc4(\xef\xfa\xd6\xae\x0f0.\xc0uy\xd0\xa6\x9ay\x9d\x1d\x02\xe1\xbe\x8d\x19 \xd6\xae\xdf\x7f\xc0\x9b\xfct\xd4w$\xb4o\xba\xae9\xcb\xe6(\xaa\x01\n/.D%\x95.v\x96f\xf6b\xed!(\x7f\x8c\xack\xb0\xd9\xbe\xe5\xf7\xdf\xb5\xc89\xf8\x98\xcf\x93\x80\xf2\x9eM\xbeR\x95\x1c\x0c\xb3\x98\x95\xf8\x83\x93F\xc0\xf9$\x17\x91\xde\xcb\xb9\xbeu\x1fh\xed\xee\xff\xa0\xf0\x93P\x83\xc9\x95\xdc,\xf4\xc1\x03\xbc\x80!\x91 \x1d\x0b\x8cc\xd1\x94\xa8\x02eL\t\x88y0/\xa7\xbc\x1es\x9d\x06]\x0c~\xd9\xd5\xb4\xe8\xac(\x80\x1c\xd79\xaa\x1a\xeb\xa3\x901\xb6j\xa8\x04f\x19\xd3G\x97\x8d\xfd3\xf5\xe6D\xbe\xb5m\x10\xbf\x93\xdf\xb9}\x7f\xb1\xa0p^i\x84\xa1\x9c\xcb\x83)\x0f\xbd#\xa3\x8b\xf11\xc3@\x07\xf8E\x84!\\\x10\x02\xad\xd8o\xeb\xe6^(bZ&amp;\x9c\x8b%\xe199d\x84\xd6T\xc7\x18\xb3`\x99]\x00\xa6\xd6\r\xaaR\x8c\xb7\x14O\xfcH\xb0\xb7\xcd)\xb45\xc3na\x19V\xe5\xd2q\xd9\xf8\xc7\xc7\x025g\x04\xcb.V\x9fl\x19\x1a\xc8\xe7\xacCc\x95\n\xf6\xa3vr\xea\xb1\xd7&lt;\x16\x02k\x00\x1a\xff&amp;_\x1fu#\x13\xcd\xee\xb3(P[k~\xf1\xc79\x1du\x9d&gt;f\x06\xe3\x94\x8bR(\x7f\x91\xc2\xd0\x02cq\xce\x80\x88\x86\xc0\xee\xf3a\xb9'</t>
  </si>
  <si>
    <t>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</t>
  </si>
  <si>
    <t>b'Y\xe9\xc4\xc3=\xee\x88\x97\x82\xa0\xfe\xfc\xf4r\x0c#'</t>
  </si>
  <si>
    <t>. He fell on his side, then gently collapsed upon his face 
 and moved no more. 
 I leaped to my feet and hailed the riders. They were pulling up, at any 
 rate,</t>
  </si>
  <si>
    <t>b'\x81SA[[\x87\x93@\xd5\xb9\x85J$R\xf4\x897\r\xc4\xd6L\x05\n\x9f\xe6\xe5\x01\xee+y8\x89\xa2\x93\xae\xfe\xcd\xd7\xf9\x83\xde\xf6\xdcM;;\x1f(qb\xe0P\x9av{\x9a\xcf\xf9U\xf9\xde1\x99\xf1\xa7\xb3\xd8\xf2\xf9\xe1\xd4BQ\xfd\xd2t\xd2\x8b\xf2\x92IS#;@+\x0b\xde\xd0#\xb2Ixg\xe3Z\x01E\xde\xe6\x18y/\x9a\xaf\xd8\xa0\xe0\xc9\x94\xc5\x96f\x86\xe7\x18\x84\xc7\x06!\n\x81\x0e\x94\x89\x9d\xc8\xa7\xff\xad\xdd\x83?=\xffx-\xee\xfb\xee4\x01X\xea\xf9\xfb\xe0\xb7\x11\xa0}\xe7\xdf\xc2:\xbd\xe2\xc3\xe1[\xe87\xe5\x9e\x85\xe7\x8e\x92\x88\xcf\x13/#\x92\x02TN\xb2\xe3\x96\x01\xf1\x167\xb9\xd4\x07\xb9T\xf6\x88\xdd\xb6\x07\xc3\xf1\xb0=@\xc1\xb0\xa8\x9e\x1a2\x1ek&amp;\xd1\x95\x8cQ\x83|O\xa3\x16\xe9v\x10\xf9\x94\x12\xfb\xbft\xd8$\x8a\xef\xbd\xb52\x04\x11D4\xc0\x91{4\x83\xaf\x1e\x0c\xbe\x19\xa7\xbaXu\xe1\x8a\xc7.\xee@\x8eh\xa7s\xf7\xe4_\x7f\xa9\xe3\xec\xf2\xde-\xc7\x0ew\x93o\x06\xfc\xf9=d\x1a\xd5\tXo\x12E\\\xfd\xe3\xefR\x15\xbb1.I$\x16\xa8xd8\x83\xda\xd3\xb7\xd5\x83I\xf4\xf5\xb7VD\xea\x97\xae4\xbc{\xb4q\xec\xd0\xf9\x95\x9by\xb7+\x10\xa9\xb0\x85ziMP\x0e\x8f\xfe(\x92\xb9C\xde\x93]A\x96t\xcb\r\xf6%\xcc\xce\x0e\x00f\xde\x04$\xed8\xbdd\xc7\xd0\x05\xa7:\xeev\xaf\xe1\x80\x96\x16\xa2\xe5\xa2\xa2\xb5\xa1\xbbX\x97\xf4+ba\x12L\'\x13_e1\xd2\xd7\x8a\x85\xe5!\x7f|\x082\x8bo9\x92Q\x18\xa1\xe5\xd6\xee\x94\xb6\xa8\xd5#\x1c\xb75\xfd\xd7\xfa9a5:m\x83\xe5\x84\xc4:\xf8\xa2~\xf3\xe9e\x92\xad\xe76\x83\x83\x0e\x04h\xd0+\x1dOd\x0cr\x11p\x1e\xfb\xdf\x1e\x0f}\x1a\xdd\xbf{\xd2\x9b\xaf&amp;&gt;en\xed\x00K[?\xd3\x8b\xe9[S"\xe5\x06\xab\x04L|f#\x9c\xb3a\x06\'\x0c0[\xa67'</t>
  </si>
  <si>
    <t>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</t>
  </si>
  <si>
    <t>b'\x81SA[[\x87\x93@\xd5\xb9\x85J$R\xf4\x89'</t>
  </si>
  <si>
    <t>in a number of
different enzyme catalyzed reactions. The essential chemical components
of many coenzymes are vitamins, e.g., coenzyme nicotinamide adenine
dinucleotide (NAD) and NADP contain the vitamin niacin.
A number of enzymes require metal ions for their activity which form
coordination bonds with side chains at the active site and at the same
time form one or more cordination bonds with the substrate, e.g., zinc is
a cofactor for the proteolytic enzyme carboxypeptidase.
Catalytic activity is lost when the co-factor is removed from the enzyme
which testifies that they play a crucial role in the catalytic activity of the
enzyme.
SUMMARY
Although there is a bewildering diversity of living organisms, their chemical
composition and metabolic reactions appear to be remarkably similar. The
elemental composition of living tissues and non-living matter appear also to be
similar when analysed qualitatively. However, a closer examination reveals that
the relative abundance of carbon, hydrogen and oxygen is higher in living systems
when compared to inanimate matter. The most abundant chemical in living
organisms is water. There are thousands of small molecular weight (&lt;1000 Da)
biomolecules. Amino acids, monosaccharide and disaccharide sugars, fatty acids,
glycerol, nucleotides, nucleosides and nitrogen bases are some of the organic
compounds seen in living organisms. There are 20 types of amino acids and 5
types of nucleotides. Fats and oils are glycerides in which fatty acids are esterified
to glycerol. Phospholipids contain, in addition, a phosphorylated nitrogenous
compound.
Only three types of macromolecules, i.e., proteins, nucleic acids and
polysaccharides are found in living systems. Lipids, because of their association
with membranes separate in the macromolecular fraction. Biomacromolecules
are polymers. They are made of building blocks which are different. Proteins
are heteropolymers made of amino acids. Nucleic acids (RNA and DNA) are
composed of nucleotides. Biomacromolecules have a hierarchy of structures â€“
2024-25
BIOMOLECULES 119
primary, secondary, tertiary and quaternary. Nucleic acids serve as genetic
material. Polysaccharides are components of cell wall in plants, fungi and also
of the exoskeleton of arthropods. They also are storage forms of energy (e.g.,
starch and glycogen). Proteins serve a variety of cellular functions. Many of
them are enzymes, some are antibodies, some are receptors, some are hormones
and some others are structural prot</t>
  </si>
  <si>
    <t>b'"\xf1\xf8\xb8\x87\xf7~Dj\xdf(s\xbd\xfa\x99\xf9\x98\x17BV\x18{B\xadW\x90c/(\xbd\x9e\x1a\ro\xe0[\xce(g\x06x\x1b\xee\xb9\x96\xbfc\x9cg\x8c\x17\x915hn\xf2t\xcbr\xb7\xee\x7f\x8a\xca\xf0\xa8\xa3\x1c\x13\t\xee\xa57u\x9ds\xb3\x82cw\x12\xf4*M=\xd3&gt;N4\xef\xcb\xd1)\xff*\x08\xdc/\x8a3)\xd9\x85i\x81x\xf2\xdfb~\xd0\xc4n\xb9\xf7\x9f\xfcVP\xa1\xb0&gt;\xd2=\xa7\xcbZ\x91N\x1d\x1f\x99d\xe3\xae\xc5\x1a\xc4S\xcd\xdbO,\xac\xfeUTwm}}\x0bV\x1c\xc2[\xa9\xfe\x87\xf3C\x1e\x1d\x87\xb2\x1a\x92\t^\x871\xec_\x1f\x8c\x97\x87\x06\x9b\xad{\xef,\'\x1du\xd1|64\'\xdf\x1f\x91\xd7\xbb7\xf6 \x1f\xad{\x10\x934\xd3\x07\x12]n\xc5\xa0\x94\xa6; \x08\xd3T^\xae\xab\x8e\xd1\x94\xea68\xce\x94\x82h\x0f6?e\x0e|l\xc5v\x0f\xd9\xcc\xf3\x15lnvW\xdc\xa2\xb06Rw\xec\xfeI%\x91\xf3\xf9\x8a\xd9H\x813\xac\xf7\xde\xd2CS\x9c\xcel\xa0E\xf9\xa4\x87\x98\xd7\xc3\x90d\xa6\rI\xae\xab\xed\xc9p\xad\xf9\x93\xeb\xc0\xbc\x17\t\xa9\xf5\xfd\x15\xe8\x1b\xe1\xab\x1d\x9a;lNi\x9a\xdc\x07\xd9\xffz\xeaEYcG*\xef\\\t1V\xa8)\xda2}\x0e@\xac%\x98t\xde=\xba\x93\xf2\xb2\x94\x89\xc38Q\xd5\x8c\xf9\x87XC\x10&amp;\x05\x9bS\x84\x882&lt;\xe1|\xd4\x13\xd1\xf6\x91[\x0e\xbe\xcc\xbf\x17\x15\x8f\xac#\x94D,-\x8e\xf5A\xa9,1ov\xb1\xb8;\xe1\xc0\x88I\xc4\xc0}\xd1,\xe7P&gt;\xb2P\xc6\xbb\x93\xecV\x8e\x83\x92l\xc1:f\xf3\xde\xde4\x16G\xdbo\x7f\xb8/\xd2\x07\xe6\xa6OY%\x96\xbb\x99\xcd\xc9\xa7\xbbd\x86U!F\xb4\xf7m\x16\xc2\xd7\xc0\xa4\x08\x85%\x16O\xb8\xab\xe2~\xf1\x00\xfabdr\xe8L\x10\xf6\x89TE\xc8\x98\xf33\xbe\xe61 ^=\xbf\x97\xc6*\xb2O\xccA\xa0\xed\x9d\x144\xfd&lt;P\xe7ZI\xd5\xddJa\xa9\xcd\xec\xff\xe9\xeb\xfd\x1d\x15UL\xda\xc5Rh\x15\x19[\xbay&amp;\x1f\x16\x06\xd0\x82\x0b/\xcb\xff\x92\x98\nuT\x8ao\x9a\xed\x01t\xc3\xf7F\x8e\x97:\xbd1#\xeft\xec\xe9h\x95\xbe\x85.|\xfb\xc7\xc3\x16\xea{\x1c\x94FbO\xd1H\xa3\x82\xe3\xe9\xd9ob\xb1e\xbd\xd8\x98N\xa3U\x11\xbd\xa9\x04\xc4\x01$\x96xr\xe2\xd3\xab\xb9\xc1\xa86\x92\x06g\xeaAY\x9d`\xbdJ\xaf\xba\xa4\xb5\x93&amp;\xdcd\x7f_\x97D\xd5\x10\xd3#\x94\xe0\x98s\x9a2\x863\xbc\r\xf4\x03\x87!\r\xdeD\x1e\xbe\x05\xaa\xab\xfb\x92\xa8\xe6\xab\x02)\xa0\x88\xf8\x96aE\xcc\xde\xb3\x8e\xd9\xab \x8b?\x1c\xd0\xc0h\xe0\xdf\xedc\xfee\xf2re\xc7?\x8c=\x10\x18G\x88\xf7\x8c\xf7\xf3kA\xe8\xae\xeds\xa5 \x15\xb2\x9f0\xf3\x19\x19\x98\xb0\xb6\xce\x89\xe2\x80\x03!h\xfdT\xff@\xac|\xa3\xa7\xca\xcb\x19\xe2\x1eW\xe2\xddO\xbb7\xbf\xb9\xa0?\xc1\x10\x19\xa2\xe4&lt;\xa9f\xd9\xf4\xad\xd8\xf4\xdf_\xfb\xd6\xcd\xb2\x8e\xee\xc5\xdax\x07\xbb\x05\xe1O\xc5\x80$zW\x15\xd3r?#\x95\xe0\xc0\x07:R\xf2.8J\x1f\xef\xc4\xe7K\xa6\xd5SX\xae\x1b\x13\x89v6&lt;\x9c\x9f\x9fV!\x85\xbb3\xe1Q\x13]\xdfW\xc6\xe577FZrY\x18Q\xfc\x8ev\xc1mwN\x86\xde\xc7\x12\x9bE\xd5\xda,9\x0f!8\xcf\x80l!\xd6l\xdbI\nFV\xc1\xdc\x14\x8cP\xc6\x83\xe0:_\xc78$2\xf4\xc3\xd5a\xc8\xb3\xe9\xa2\xc3\xd1 \xe9\xd0\xcd\x1b\xd5\xea\xa1\x13\xd2\xaa\xe8\x1c\x9b\x85\x89\x88i:\xf5\x10\x14,-\x80X.\x94\xff\x84\xdb\x9d\xa2\xd9\xa9+mPO\xdc\xd4\x90\x00\xe4\xc3\xdb\xe59\x8aQ\x0b\xc9\xde\xc8v8\xfar\xb8o\x0e7tz!\x9d#\xd4\xf6\xfdCK\xc1!\x87\x9b\xbb\x8d\x91{hYO\x99\xf3\xb0\xc6\x02g]g\xe9\xd3*\xa5Op\xff[\xc8E\xe4\x93M\xb3f\x0et\xe1o/\xbe\xe9Y#\xfe\xad\xa5\xf60\xf3#\x8e\x81\x05\x08\x02\x84\xfa\xbc\x98\x07Z\xf8\xd2\xfd\xef\x12\xa7\x168\xbb\xe3\xc7\xd3\xbd\xcdp\xbc\xcc\xd3\x9d\x84\x7f\xd0s\xd5(;\x9f\xdc\x1a`\x9b\x8e\xc9\x852\x19\xc85\x1b\xea\xe5\xa6\xc9)d\xb8\xb26\xd7\xf1\xe3j\x8b}r\xf3\x94J\x1d9vn\x88\x9bI\r\x0e\xb6\t\xf6\xeaA\xf7!\xddC\xb1"\x88V\xd9\x18\xb4\x03\x85\xf9jNM\x8a-\xe5,\xf1\xcd\x1f\xe2\xf8g\xda\x04Gs\x97\xc3\xf5z\xf6\xd7\x03\xf4\xf7\xe5na"\xa9\x1e&amp;\xeb\xb8}\xa9\x80i\xa86\xc1\xa8\xc6\xa1\xf6g\x8d\xa3\x9fh;\xce\x02\xff\xef\xf3U\x88\xba]\\\xb0O\xa5\xbe\x1e\x03\x9d\xf2KA\x88\xcf\x97\x92f8\xc2\x90\xd5\xe3\xd8\xd8G=\xb1\xb4$\x87a8\x02\xb12\xd4JH\xdbb\xed}\'\xe6\x8e\xa6\x92\xcd\xf5|\xa25\x9c\xfc\x08\xf8\x1b\x97#\x07=\xb6H\xa7\xeaP\x8b\xfb,\x179\xb8\xf8\\7\x02\xf8\x14\xb3o*\xb9\xe6\x15\xef\x8a\x01f2[\x1aK\xc9G\x9e\xf6QQ\xf6\xe7\x1b\x982\xe2\x0e\xbeD\x9d,q\x12.0t\x1a\x06L\x91\xeb\x0b\x9e\xb5ou\x99\xed\xe0Ad\xacA\x1emZ\x10\x9e\xcc\xdf]r\xfe\x94\x9a\x97\xa4\x97\xdb~e|\x05\x16\xf3\x84\xd9|\xe1h\xbd}I\xf4\x82\xe7\x02u\xe7\xef@W:_\xfa\xbd2\xa8f^\x7f\x16\x8czg\xef\x95V^\x83\xd4h\xc8\xf3M^\xcf\x17(\xc4`\xea\xdc3A\xc5\x1ed\x8c\x98\x8bA\xbca\xb8\x1d\x8d\xbb\xffPu`\xc0\x9f\xba\xfb\x99N\xf6\x1c\x8d\xda\xffA.\x1b\xbb\xb6\x95u\xfe:\x06(|u\xe4&lt;\xa0\x01\xa1\xbc\xc7xa\xbb\xa0\xb7\n\xf8?\x91h\xb6\xeb\xa9\xae\x9b\x83P{G_e\r^\xd7F\x85\xdau\xa0\xf1\xcb\xf2]xH\x17\xd3\xafR\xd0\xf70\xc1\xa3\x9ep\xb3\x05 l\xda\x97\xa6\xedG\x8b\xe0\xd4\xbf\xeas\xed\xf7\xfd\x06\xa8\xd6\x9aT\x91\xbe\xd1bT\x9b:\x8aH\xbf\xf3m\xed\xf3\x1c\xfe\x7f&lt;\xcd\xaa\x15\n8\xda\xc7\x9131\xe4Y\x9eA6\xdac\xe3-\xa0C\xc7&gt;\xaf\xc3Z\xd1\xf4\xd4k\xa5#\x15&gt;H\xeb\xb7\xdd\x15\xa1\xcfI\x89\x18U\xc3\x83|\x05;\x03S4\xc3\x07\xf8\x80\x0c\xd9\xa2\xaa\xc2\xcakh\x02\x07V&gt;\xf0\xf7q\xa2\x82[T\t\x1d$PMM\x85\x8ce\xc4\xcct,\xf6\xa2\x9c\x8a\xc4}\x92\xa1\x8b\x93\x9b4L\xac,E\x1b\x8d-W\x04\xcdS\xeb\xe6/i\x06g\x8a\xb4\xc6\xaf\xcf\x94M6b\xee\xf8\xc9*D-\x90\xaf\x15\x9eT\x1f\x07\n\xc2\xb1l\xb2(\xa1B\t\x98N\x80\x9dZ]s\x89D\xd0&lt;+\xbbd\xbe\xc3\x90\xb2v\xe6X\xac\xd5V\x13\xdd\x82\xe6\xfb8\x98\xec\xc9V\xbcj?\xc1\xa4E\x1bd\x87\xf4\xb7\xbe],\xe3dwF\xda\xe9m\x19\x85Qs\xff\xdf\x86\x97\xcbr\xdf\xfd\xe5\xec~-R\xbf\x8f4\x16\x96\t=h\x99C\xb6\xa4\xfd\xe2{E~\xe6\\2fN\xe6mp-gF\xde\xae\x83\xa53\xa7|\x0b\x9b\x956\xf7\xe5H\xd8b#tN\x1b\x02\x84\x91\x02U\x0e\xaf\xaf\x15\xbd\x12\x19\xa3,\xf2\x08\x19\x86\x96\x947\xca\xc3\x18\x12!\x88\x013;\xbd\\\xad\xa5\xe3v\xe0\'\x99W\x85B\xf5\xa9\xb3\x85E\x9e9\xb7\x87\xda\xec\x9f\x96u\'\xddn\x1cO\x99\x930\xb0\xef\xde\x98\xa0&amp;e\xa2\x92;9eQ\x8asv\xe9\xdb\xc2\x8a"\x06\xa3\xaf\x90\x88\xf61:`\x08H\xd5\x8e\x80u\xf3\x04\xae.\x06\n\x98W\t8\xad-\x0b\xab\x0f;\xab\xb5\x08n\xcd\xde$&lt;p\xef\x14\xc5\x99/Q\xf9:f\xa8M\xb4\xce\xc7\xd5\x86p$\x903&lt;\x9d;p\x1e\r\xc1)q\x12\xd4\x10\xeaF\xf4\xca\x9b\x01/\xe6\xe4\xc1\xe5\xcc\xf3\xbd\x9b\xf9Q(YwS[H\xfd\xaf\xc6\xfen\x1b\xbb\x8e\x11gN\xd9&gt;@\x9a+\x9f\xf1\xb3\xb7\xd1\xe9CP\xbe\x9fl~\x87Ec\x86n\x98\xceJ\x13b\x03\xeaJ9\xba\\9r\xfe\xb7G\'E\xcc\x0bf\\v\xffh\xb8:\x83;\xf7I\xe1\x88\xf4\xcf\xd2\x86.\x9b\x81\xdd\xd4\xc7\xaa\x06"\xd6\x1b\xfdA\x94\x17=\x00N6\xaa&lt;\x03\x92\xe7\xaa\x0fe\xad\x0f\xc8\xcd\xa4 \x8b*Wn\xcaO\x0f\x9e\xdaiul!\xca`\xcd\xeb\xb3\x00\x85j)/\x9e\x16\xe8(&gt;\xa1\x0cH\xc226\xe8\xa0R\xc3\xdd\xbe\xe1\x05A\x98\xa2\x88\xec\x05A)\xec\x89\x01\xa0V\xd4CmW\xdc\xeb\xc4\'uhp}\xa0\x17\x82\xc6k\xdc\x86Tb`\xba-\xba\x12\xa9\xc6\xfe\xb36.}\xaf\x0c~\xef_g\xedY\x91D5i\x06\x96Xh\x14|\xbf\xdb\xf8{w\xe0n\xe2f\x8c\x94yMy\x1c\x90\xd1o(\x85t^\x7f\xea\x13\x07d\x18\xc8\xe8\xae~\xbfF\x86si\xd5+&lt;\x90\xec\xdf\xe4\xb6\x96\x06br\xea \x86\x08;\x19OZ\xb7AY}\x00\x94\x13\xac\xd1cO\xd2jf \xba\xd7\x08Kv/\xdd\x9a\x82G\x969\x0c\x95\x08\xec\x9a#{\x19&gt;\xec\xb3&gt;hQV\xd4\xfez\x9a\xb3v\xd6[ME\x8c~6\x00\xb5sFm\xe5".\x06|\xf2\xae\xd2\xc3I\xf6\xdd\xb3&amp;\xbfu\xd2\xf6\xe5\xb1\xba\xc0\xe1\xf7\xb4L$\xd3&gt;\x87\xd9\xd5\xa8\xc3\x04|\x96e\x01\x83E\x9a&lt;c\x0c\xd7b,\xb9\xb5\xc8k\x13\xfcE\x9c).6\x96\x08\xablns\xf8G\xff-\xb2\xcf\x91\xfc\x89A\xcdf\x84\x80k\xf6\xc1\x0f\xa9k\x0b\xf0\x85\xb2\x0c\xe4\x05_\xbf\xce6!"\xa7f\x19\xf0\x00\'\x9b\xe8#%\xf8\n\xa3\x06C\xf4\xa6\xb3a\xdb+\xa4\x92&gt;\xe8\x11+2$#\xd1y\xa1\x02\xa5iXg\x89\xaas\xe43\x84c\x7fR\x16\xf0 ft\xa3\x18\x83S\x15/\x19\xb2\xd8Z\xd1\x83\xce\x8f\x1f\xbc\x02\x0b\xe5\x9e\x04\xc2\x1d\xb1\x18\x0b\xc7\x9f9\x0f\x99\'H\x80\xf99\x0e\x17Z\xa37\x8d\x17\'8\xa6\x91'</t>
  </si>
  <si>
    <t>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</t>
  </si>
  <si>
    <t>b'"\xf1\xf8\xb8\x87\xf7~Dj\xdf(s\xbd\xfa\x99\xf9'</t>
  </si>
  <si>
    <t>Gray," he said, "I'll put your name in the log; you've stood by your duty 
 like a seaman. Mr. Trelawney, I'm surprised at you, sir. Doctor, I th</t>
  </si>
  <si>
    <t>b'\x82A\xe4\xbf\x96\xdd\xd9\x81\x95\xcdQ\xd0\xa6=5m\xe25\xb8\x0c\xd5\xc4\xe7K1\x02\x1am\x01V\x10\x1d)\x95\xc8\xcfl\x871\xb0\xaa\x0b\xa7+\xcc\x1b]\xe0\x89(\x17\x18c\x87;m\x8e\xc3#\x07\x0e\xa8\xec\x7f\x83+&lt;\x0e\xdb\rS\xd4\x03\x197\xaf\xde*x\x9c~\xf2\xc7x\xbc\xfcO\xect\x0b\x03U3q\xb5\x82L&lt;`g\xf8\ri\x8d\xd0|\xdc\xf6\x08\xbd\x12\x11\xc8g\x05\xa7\n\xf5\xb9\xf6\xf4D/x\x1d\xed\x99\xfdS\x89(\xc0\xafJV\xbdj\x13\xd4A@8QAl\xd4\xe3\x9b\x03\x86\x9b\x05Z/\x85!A\xf5~\x9dg\xe9c\xa1\x1c#\x19\x17r&gt;\x1a\x8dD\n\x0f]\x8f\xd4\xacb\x06m\xc4\x08\x10H\xeb$\xd3\xba\r\xf3k\x8bg\xb5\xec\x87#\xcc\x9e\x1b)v\x80\xd4\xe7Y\xd3v\xdf\xddw,\x83\x86\xcf\xa0,\xbdN[\x85-6&gt;\xbe}|\x195,r\xab\xad-:%\xdbBWcu0"\x07\xa9\x10!$Tav\xc4\xa8\x8b\xa0R\xcb\x19BK)\xe1\x04\x04\x06\x9d@\xdcW\x13\xb3\x0ej\x12\x9f\x8b\x8c\x86\x12\x13\xcaV/\x91\xcd\xb4\x02\xc4\xacd\x81\x89\xe7\xe3\xdd\x18\xf3\xae\\\xf0\x10U\xe2\x13.\xfa\xca\xbc+\x889D\x8b\xe0\x15\x8co\xc7EEr\x8a\xf0[\xf4\x82\xab\xd8\x13X\x9fU(+Q]\x97\x1aJq\xdb\x9b\x16\xa2\x06\xfaU7\xdb\xb6\xaf\xa1$i\x0fYc\x83h&lt;\xcb\x97`t\xeb\x03bn\xd2k_S\x1a\x011\xb5}\xac|hrN\xa8\xc6\xc5\x01\xa2\x9e\xc1F\xd7G\x81\xcfMF\xc2\x95\xb16\x01\xbe\xe8\xfbkP\xfc\x05\x05\x1c\nh]\xf66\xea\xc6\n\x9en\xfa\xe7\x86q\xce\xd8{\x90\xcc\xe8w\\\\x\xd5\x90\x07_-\xdd0tz\xafU&gt;\xd3\x86\xbeHz\x00\x02\xf6wmE\xda\x83#\xc1\xa1f\x0e\x93\xcd9\x11t\xd3\x0fy&lt;\x0c\x01\xa0\xe9l\x86\xde\x8eE\xc8\xdc\x17\xd4`|7\xd0v\xee7C;Mb\\\'^\x93\xbc\xb7Oqu6i\xc8\x9c'</t>
  </si>
  <si>
    <t>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</t>
  </si>
  <si>
    <t>b'\x82A\xe4\xbf\x96\xdd\xd9\x81\x95\xcdQ\xd0\xa6=5m'</t>
  </si>
  <si>
    <t>Emily, after a moment's silence, said, 'I will be ingenuous with you, for I
 know you will understand, and allow for my situation; you will consider
 it as a proof of myâ€”my esteem that I am so. Though I live here in what
 was my father's house, I live here alone. I have, alas! no longer a parentâ€”
 125
 a parent, whose presence might sanction your visits. It is unnecessary for
 me to point out the impropriety of my receiving them.'
 'Nor will I affect to be insensible of this,' replied Valancourt, adding
 mournfullyâ€”'but what is to console me for my candour? I distress you,
 and would now leave the subject, if I might carry with me a hope of being
 some time permitted to renew it, of being allowed to make myself known
 to your family.'
 Emily was again confused, and again hesitated what to reply; she felt
 most acutely the difficultyâ€”the forlornness of her situation, which did
 not allow her a single relative, or friend, to whom she could turn for even
 a look, that might support and guide her in the present embarrassing
 circumstances. Madame Cheron, who was her only relative, and ought to
 have been this friend, was either occupied by her own amusements, or so
 resentful of the reluctance her niece had shewn to quit La Vallee, that she
 seemed totally to have abandoned her.
 'Ah! I see,' said Valancourt, after a long pause, during which Emily had
 begun, and left unfinished two or three sentences, 'I see that I have
 nothing to hope; my fears were too just, you think me unworthy of your
 esteem. That fatal journey! which I considered as the happiest period of
 my lifeâ€”those delightful days were to embitter all my future ones. How
 often I have lo</t>
  </si>
  <si>
    <t>b'\xc3\xa2\xe9\xd4\xd2\xe8\xe5\x19\xac\xaa\x93\x8b\xfeUm\xc1\xc9\xf3\x0b\x91F\xa4\xd2\x12:B\xbd\xee^\x1ex\x06\xb3\rr\xc2D*\x8bHi\x14\xd6\x06\x10\x82\n\x19\xce\x9d\x86\xe8\x82%1&gt;\xcd\xac_MG\xeap;'</t>
  </si>
  <si>
    <t>c3a2e9d4d2e8e519acaa938bfe556dc1c9f30b9146a4d2123a42bdee5e1e7806b30d72c2442a8b486914d60610820a19ce9d86e88225313ecdac5f4d47ea703b</t>
  </si>
  <si>
    <t>b'\xc3\xa2\xe9\xd4\xd2\xe8\xe5\x19\xac\xaa\x93\x8b\xfeUm\xc1'</t>
  </si>
  <si>
    <t>upply voltages.
 M
 M
 M
 1
 2
 3
 V
 V
 V M 4
 VDD
 b2
 b3
 b4
 RP
 Vout
 M
 M
 1
 3
 V
 V
 V M 4
 VDD
 b2
 b3
 b4
 RP
 Vout
 M 2
 M
 M
 1
 3
 V
 V
 V M 4
 VDD
 Vb1
 b2
 b3
 b4
 Vout
 M 2
 M 5
 Vin Vin
 Vin
 M
 M
 1
 3
 V
 V
 V M 4
 VDD
 Vb1
 b2
 b3
 b4
 Vout
 M 2
 M 5
 Vin
 (a) (b) (c) (d)
 Figure 9.59
 Problems 431
 9.38. Having learned about the logarithmic func_x0002_tion of the circuit in Fig. 9.23(b), a student
 remembers the logarithmic amplifier stud_x0002_ied in Chapter 8 and constructs the circuit
 depicted in Fig. 9.60. Explain what happens.
 R1
 Q1
 VREF
 I X
 Q2 V1
 Figure 9.60
 9.39. Repeat Problem 9.38 for the topology
 shown in Fig. 9.61.
 R1
 Q
 VREF
 I X
 Q2
 V1
 1
 Figure 9.61
 *9.40. Due to a manufacturing error, resistor RP
 has appeared in series with the emitter of
 Q1 in Fig. 9.62. If I1 is half of its nominal
 value, express the value of RP in terms of
 other circuit parameters. AssumeQREF and
 Q1 are identical and Î²</t>
  </si>
  <si>
    <t>b'/\xbf\xbf\x1e&lt;\xf7\x15v\x1d*r%\xb7n\x18:'</t>
  </si>
  <si>
    <t>2fbfbf1e3cf715761d2a7225b76e183a</t>
  </si>
  <si>
    <t>cean--Atlantic. Land, don't it sound great! And that's
 34
 IT--and WE are looking at it--we! Why, it's just too splendid to
 believe!"
 Then we see a big bank of black smoke; and when we got nearer, it was
 a city--and a monster she was, too, with a thick fringe of ships around
 one edge; and we wondered if it was New York, and begun to jaw and
 dispute about it, and, first we knowed, it slid from under us and went
 flying behind, and here we was, out over the very ocean itself, and
 going like a cyclone. Then we woke up, I tell you!
 We made a break aft and raised a wail, and begun to beg the professor
 to turn back and land us, but he jerked out his pistol and motioned us
 back, and we went, but nobody will ever know how bad we felt.
 The land was gone, all but a little streak, like a snake, away off
 on the edge of the water, and down under us was just ocean, ocean,
 ocean--millions of miles of it, heaving and pitching and squirming, and
 white sprays blowing from the wave-tops, and only a few ships in sight,
 wallowing around and laying over, first on one side and then on t'other,
 and sticking their bows under and then their sterns; and before long
 there warn't no ships at all, and we had the sky and the whole ocean all
 to ourselves, and the roomiest place I ever see and the lonesomest.
 35
 CHAPTER IV. STORM
 AND it got lonesomer and lonesomer. There was the big sky up there,
 empty and awful deep; and the ocean down there without a thing on it but
 just the waves. All around us was a ring, where the sky and the water
 come together; yes, a monstrous big ring it was, and we right in the
 dead center of it--plumb in the center. We was racing along like a
 prairie fire, but it never made any difference, we couldn't seem to git
 past that center no way. I couldn't see that we ever gained an inch
 on that ring. It made a body feel creepy,</t>
  </si>
  <si>
    <t>b'\x9e1\xdaG\xc8\xaeA/\xb1\x11\xaf\xcb\x1a\xa6\xd8\xb9\xd6\xc5`+\x87\xdd;g\xbch\xfa\xfdk\x95\xde\xe6'</t>
  </si>
  <si>
    <t>9e31da47c8ae412fb111afcb1aa6d8b9d6c5602b87dd3b67bc68fafd6b95dee6</t>
  </si>
  <si>
    <t>b'\x9e1\xdaG\xc8\xaeA/\xb1\x11\xaf\xcb\x1a\xa6\xd8\xb9'</t>
  </si>
  <si>
    <t>neer, Gauthier Ralph, the
 director of the Bank of England, and Thomas Flanagan, the
 brewer, one and all waited anxiously.
 When the clock indicated twenty-five 14 minutes past eight,
 Andrew Stuart got up, saying, â€œGentlemen, in twenty minutes
 the time agreed upon between Mr. Fogg and ourselves will have
 expired.â€
 14 Previous editions read â€œtwenty minutes past eight.â€ which is
 25 minutes before the deadline, not 20 as Stuart says. The
 original French reads â€œhuit heures vingt-cinq,â€ i.e., twenty-five
 minutes past eight.â€”J.M.
 â€œWhat time did the last train arrive from Liverpool?â€ asked
 Thomas Flanagan.
 â€œAt twenty-three minutes past seven,â€ replied Gauthier Ralph;
 â€œand the next does not arrive till ten minutes after twelve.â€
 312
 â€œWell, gentlemen,â€ resumed Andrew Stuart, â€œif Phileas Fogg had
 come in the 7.23 train, he would have got here by this time. We
 can therefore regard the bet as won.â€
 â€œWait; donâ€™t let us be too hasty,â€ replied Samuel Fallentin. â€œYou
 know that Mr. Fogg is very eccentric. His punctuality is well
 known; he never arrives too soon, or too late; and I should not
 be surprised if he appeared before us at the last minute.â€
 â€œWhy,â€ said Andrew Stuart nervously, â€œif I should see him, I
 should not believe it was he.â€
 â€œThe fact is,â€ resumed Thomas Flanagan, â€œMr. Foggâ€™s project
 was absurdly foolish. Whatever his punctuality, he could not
 prevent the delays which were certain to occur; and a delay of
 only two or three days would be fatal to his tour.â€
 â€œObserve, too,â€ added John Sullivan, â€œthat we have received no
 intelligence from him, though there are telegraphic lines all
 along his route.â€
 â€œHe has lost, gentleman,â€ said Andrew Stuart,â€”â€œhe has a
 hundred times lost! You know, besides, that the Chinaâ€” the only
 steamer he could have taken from New York to get here in
 timeâ€”arrived yesterday. I have seen a list of the passengers,
 and the name of Phileas Fogg is not among them. Even if we
 admit that fortune has favoured him, he can scarcely have
 reached America. I think he will be at least twenty days
 behindhand, and that Lord Albemarle will lose a cool five
 thousand.â€
 313
 â€œIt is clear,â€ replied Gauthier Ralph; â€œand we have nothing to do
 but to present Mr. Foggâ€™s check at Barings to-morrow.â€
 At this moment, the hands of the club clock pointed to twenty
 minutes to nine.
 â€œFive minutes more,â€ said Andrew Stuart.
 The five gentlemen looked at each other. Their anxiety was
 becoming intense; but, not wishing to betray it, they readily
 assented to Mr. Fallentinâ€™s proposal of a rubber.
 â€œI wouldnâ€™t give up my four thousand of the bet,â€ said Andrew
 Stuart, as he took his seat, â€œfor three thousand nine hundred
 and ninety-nine.â€
 The clock indicated eighteen minutes to nine.
 The players took up their cards, but could not keep their eyes
 off the clock. Certainly, however secure they felt, minutes had
 never seemed so long to them!
 â€œSeventeen minutes to nine,â€ said Thomas Flanagan, as he cut
 the cards which Ralph handed to him.
 Then there was a moment of silence. The great saloon was
 perfectly quiet; but th</t>
  </si>
  <si>
    <t>b'\xbbV\xd3\xae\xb9\xeb_\x9479\x02\xbdt_\x9c\x12\x96\xc2\xa1\xd1\x88\x13N\xa7\xbd4\x11}k\xa8\xb0S'</t>
  </si>
  <si>
    <t>bb56d3aeb9eb5f94373902bd745f9c1296c2a1d188134ea7bd34117d6ba8b053</t>
  </si>
  <si>
    <t>b'\xbbV\xd3\xae\xb9\xeb_\x9479\x02\xbdt_\x9c\x12'</t>
  </si>
  <si>
    <t>wever
 this might be, he was perhaps consoled, in some degree, by a knowledge
 of the legacy bequeathed him, since his family was large, and the
 extravagance of some part of it had lately been the means of involving
 him in great distress, and even in the horrors of a prison; and it was the
 753
 grief he had suffered from the wild career of a favourite son, with the
 pecuniary anxieties and misfortunes consequent upon it, that had given
 to his countenance the air of dejection, which had so much interested
 Emily.
 To his friend Mons. Du Pont he recited some particulars of his late
 sufferings, when it appeared, that he had been confined for several
 months in one of the prisons of Paris, with little hope of release, and
 without the comfort of seeing his wife, who had been absent in the
 country, endeavouring, though in vain, to procure assistance from his
 friends. When, at length, she had obtained an order for admittance, she
 was so much shocked at the change, which long confinement and sorrow
 had made in his appearance, that she was seized with fits, which, by their
 long continuance, threatened her life.
 'Our situation affected those, who happened to witness it,' continued
 Mons. Bonnac, 'and one generous friend, who was in confinement at the
 same time, afterwards employed the first moments of his liberty in
 efforts to obtain mine. He succeeded; the heavy debt, that oppressed me,
 was discharged; and, when I would have expressed my sense of the
 obligation I had received, my benefactor was fled from my search. I have
 reason to believe he was the victim of his own generosity, and that he
 returned to the state of confinement, from which he had released me; but
 every enquiry after him was unsuccessful. Amiable and unfortunate
 Valancourt!'
 'Valancourt!' exclaimed Mons. Du Pont. 'Of what family?'
 'The Valancourts, Counts Duvarney,' replied Mons. Bonnac.
 The emotion of Mons. Du Pont, when he discovered the generous
 benefactor of his friend to be the rival of his love, can only be imagined;
 but, having overcome his first surprise, he dissipated the apprehensions
 of Mons. Bonnac by acquainting him, that Valancourt was at liberty, and
 had lately been in Languedoc; after which his affection for Emily
 prompted him to make some enquiries, respecting the conduct of his
 rival, during his stay at Paris, of which M. Bonnac appeared to be well
 informed. The answers he received were such as convinced him, that
 Valancourt had been much misrepresented, and, painful as was the
 sacrifice, he formed the just design of relinquishing his pursuit of Emily
 754
 to a lover, who, it now appeared, was not unworthy of the regard, with
 which she honoured him.
 The conversation of M</t>
  </si>
  <si>
    <t>b'\xa8$\xeb\xacI\xa8\xc6\x99b\x10\xa4\xf0\x9f\xa0`0\xd8\xca\xba\xad\x96%\x18\'\x01&lt;\x8a\xe8\xfc\xf0i+M\xf6\xc2\xc9F\xa4\xc1c\xab\t z\xcfp)X\x08\x02\x8b\xa3\r\x0f?\x1e\x01\xbch"\x90xt$'</t>
  </si>
  <si>
    <t>a824ebac49a8c6996210a4f09fa06030d8cabaad96251827013c8ae8fcf0692b4df6c2c946a4c163ab09207acf70295808028ba30d0f3f1e01bc682290787424</t>
  </si>
  <si>
    <t>b'\xa8$\xeb\xacI\xa8\xc6\x99b\x10\xa4\xf0\x9f\xa0`0'</t>
  </si>
  <si>
    <t>). Adult human
haemoglobin consists of 4 subunits. Two of these are identical to
each other. Hence, two subunits of Î± type and two subunits of Î²
type together constitute the human haemoglobin (Hb).
9.8 ENZYMES
Almost all enzymes are proteins. There are some nucleic acids that behave
like enzymes. These are called ribozymes. One can depict an enzyme by a
line diagram. An enzyme like any protein has a primary structure, i.e.,
amino acid sequence of the protein. An enzyme like any protein has the
secondary and the tertiary structure. When you look at a tertiary structure
(Figure 9.3 d) you will notice that the backbone of the protein chain folds
2024-25
BIOMOLECULES 113
â†ï£§ï£§ï£§ï£§ï£§
upon itself, the chain criss-crosses itself and hence, many crevices or
pockets are made. One such pocket is the â€˜active siteâ€™. An active site of an
enzyme is a crevice or pocket into which the substrate fits. Thus enzymes,
through their active site, catalyse reactions at a high rate. Enzyme catalysts
differ from inorganic catalysts in many ways, but one major difference
needs mention. Inorganic catalysts work efficiently at high temperatures
and high pressures, while enzymes get damaged at high temperatures
(say above 40Â°C). However, enzymes isolated from organisms who normally
live under extremely high temperatures (e.g., hot vents and sulphur
springs), are stable and retain their catalytic power even at high
temperatures (upto 80Â°-90Â°C). Thermal stability is thus an important
quality of such enzymes isolated from thermophilic organisms.
9.8.1 Chemical Reactions
How do we understand these enzymes? Let us first understand a chemical
reaction. Chemical compounds undergo two types of changes. A physical
change simply refers to a change in shape without breaking of bonds.
This is a physical process. Another physical process is a change in state
of matter: when ice melts into water, or when water becomes a vapour.
These are also physical processes. However, when bonds are broken and
new bonds are formed during transformation, this will be called a chemical
reaction. For example:
Ba(OH)2
 + H2SO4 â†’ BaSO4
 + 2H2O
is an inorganic chemical reaction. Similarly, hydrolysis of starch into
glucose is an organic chemical reaction. Rate of a physical or chemical
process refers to the amount of product formed per unit time. It can be
expressed as:
rate =
Î´
Î´
P
t
Rate can also be called velocity if the direction is specified. Rates of physical
and chemical processes are influenced by temperature among other
factors. A general rule of thumb is that rate doubles or decreases by half
for every 10Â°C change in either direction. Catalysed reactions proceed at
rates vastly higher than that of uncatalysed ones. When enzyme catalysed
reactions are observed, the rate would be vastly higher than the same
but uncatalysed reaction. For example
CO2
 + H2O ï£§ï£§ï£§ï£§ï£§ï£§ï£§ï£§ï£§ï£§â†’
Carbonic anhydrase H2CO3
carbon dioxide water carbonic acid
2024-25
114 BIOLOGY
In the absence of any enzyme this reaction is very slow, with about
200 molecules of H2CO3
 being formed in an hour. However, by using the
enzyme present within the cytoplasm called carbon</t>
  </si>
  <si>
    <t>b'L6+B|\xc1\xb8\xc3\ntn\xc4\x11\xcc\xbb\xa8\xe3\xc5+\x90\xef\x0c\xfb82\r\xda\xfb\x9a\xb3P\x16V\x87e\xbc/\xb2y\xbd\xe3\xd5\xe7\x94\x8d\xb06S\xf9{\xf4\x83;\xaa\x15`\x9c\x9d\x1a\xa9\x03\x1b\xb0\xc5\xcf\xd0\x1b\xe6\xdf\xbc0\rEb\xa3m\xd6\x1fzPP}\xb9\xf0y\xc5\xa7qM\x9b\x9b\xc5\xdd4X\x93\xbd\x0b\xa2\x80b6L\r\xa6K\xb6\x959\xd7g\xa2\xf3\xab\x80v]\xf4\x18\xac\x8b6MhO\x94\x94\x9c\x05|\x16\xfc\x12\xc2\x91\xeaX\xedx\xa3\xa1\xba\xd8z\x08S\x1ac\x19i/\x9e\xf3k,\xc7?&amp; \xb6\x99\xfa)&lt;\xef\x89\xbf_\x04\x11B\x98\x14J\xe8_1\x97\xb4e\x10\xb5x\xf5\xbd\xe9\xe2\xf5\xe8~\x03Z\xb7\xcbD\xf7A\xf5*\xee\x05\xbe\xca\xbf\x04\xa8\xd0!\xc4\xd6\xf9\x81dAl\xd7\xba\x8e\xc5G\xc5\xf1\xd3%\xb4\xf7\r\x14\xe5\xdcu\xdeM\x1c\xf8=\xe6\xa2\x10\xe5\x0f\xfd\x82\xd1\x1c\xfc% \xbe8\x9b\xac\xe7\xd2\xe4\x7f\xea!t\xf2\xb1{q\xc8\xc9\x03\x06\xf9dc&amp;\x8e\x9f\xe5\xd6\r\xdd\xf1\x82\xeb\xbf-P\xde\xf3\xbdMwh\xcb\xa3\xe9\x1a\xc4\xb1\x07\xb8\xcd\xed\x0c,k\x8fa=fy\'\x16|\xe9\xabk\xdb\x94\xca%=q\n\xfe_\x96H|\xa1H\xe3\xb2\x02o)?\xc7\x8d\xe3cD4\x95H\xae\xc0\xe5\xf3\xa5^u\x1aoH4\xc7\n\x94\xb2\xc3\x85w\x1foCqvb^#M\xa6\xcf0c^\x01\x12Kzs\xd9\xbe\xb5\xe4\x00\x11W\x0f\x08\x02\x18Y\x15\x0euq;UG!0\xd8\xb4\xac@\'\xfbn\xe6+\xa0\x11\xa0\x98\x82\x9c\xfb\x11\x1f\xd3%\xf4\xf2\xc3\x9c\xbfp6\x95TQ\xee\x1b\xec\x0bY\x12X]@\xb1\xa2\x0f\xe2\xf33\xfa\x0f\xbd\xf3\x11\x9c\x95\xbf\xfe\t\x0b\xdee+G^5A\xa2\xde{}\xb1\xcf\x98\x9b\x18\x9d?\x94\x00=3@\xad7\xf5s$p4A\x8f\x07\xfb(\xc0MP\xe1\xad\xf8\x92\xdb*\x85\x90\x95]\x9c\xc2\x8c\x11\x9cC|\xba\xa8\xe3\x07]\xa7F\x7f#\xdc0`\xbe}\xc1\xe3\xa5Q\x14\n5\xa0\x16:\x10&lt;\xbe\xe3\x01Y\xed\x016\x12%\xbaA\x17\x8b\x97\xdf\xd4[\x14\xed\x876Z;9[\xff\xe9\xbc\'\xdd\xf2q\x86\xec7Q\x00\xde\x8f\xd0\xb6,)\x8f!\xa0U\x8bAV\x84\x0e\xe7\x00x\x84\x07-\xeb\x9b\xc4\xc8h\xfb-\xe1\xae3\xa6\x899\xa0\xdb\xdc&amp;\x12+qs\xbf\x1f\x18\x99\x1d8\x1f)~\xa6\xa8\x13\xbf\x00\xd9kg\x8f\x1et^\xe6\xb1=\xd2S\xb8\x17$\xca\xe9.\xd7\xabp1G8\x07R\xba\xed\xf1r\xf1\x84\x99x\xea.\x15\xc2\x985:\x92a\xca\xc2\x13\xd6$\x7f\xa5\x8e\xb3\xb9*+\x9fqv\x8a\x91J\x1e\xcd\xbe\xe8&gt;\x0ebM\x15\xf1\xf7:N\x1e#u\xa2\xa2"\x0f\xcf\xc2\xac3\xe4\xa1\xeb\xf9?\x05/\x86d\x96\x15\xd1\x14\x93\xb4dx\x88\x15\xa0\xd3\xc5\'hf\xd4\x9f&amp;\'l\xb6kW\xe5SJH\x95\\"\xcfh\x1b\xc2q\xbf\xa5z&gt;H_\x88B\xe1\xd6n\xb4Q\x8f\t\xac\xdb\xb0\xea\x13\xee[Z\xe8\x9el\xd3\xe9o\x11m&gt;\xb2\x8b\xbcf\xe9Y`\xad\x889O~\xc8u\x07G\xdb_8\x1f\x05\x19\xd6\xc0g\xd5\x11\xb1\xaf}@"hu\xc9\x93X\xce\x18\xcah\xf5\xdb\x9eO0\xed\xc1\xa9d\xa3\xaa\x83\x8b\'r"I\x13\xffH-w\xe6`w\xff-:@V\xd2\xc3*\xa8Mh}\xf5&lt;\xed\xe0H\xd6\xdf\x13M\xc0S\xd3\x9f\xbd\r\x1a\xcb\x13u\xa9\xeca\xc9*\x1e%Pm\xc1%-a\xe1\xf0\x92\x1d\x02B.\x03\xe5y\x913L\xa3CH[\\=\x87?\x8f\xe7\xb3\x0e\x82\x1f\x9f\xe6\xe2\xc7\xefdT\xe1b .\xeb\xf0\x06\xa3\xad9\xbeE\xcdT*$5\x05*\x9e\xae\x9f\x11\x0b%\rE\xb5X\xa2+\xb4\xb3\xee\xa3\x96\xfe\xc1\xdf1\xd2$\'\xb2\x9f\xa0\x95\xc2nd\xe57m[&amp;&gt;\xbf\xa9\\~\xb7\xcc\x89\xe6\x04\xd2m\'\x96\xf2\x15\xf7\xcb\xb3\x98\x0f\xec\x1f\xa03G\x01\x082F\x86\xa7Lu\xfbQU\xc8\xee\xcb/\xeb)\xa6w(j\x08\x9c,\x95\xb9\xcaf\x9dn\xa8\xe5\xfe,i\xa3\x85%\x03\xb83\xc8\xc4\xf0\xc1Y\x19\xb0`l5h\x1f9=C\xce%k\xcd\x1dT\x91\x18\x1a"&gt;\x94}\x89\x01\xc0\xdb\xaa\x1c\xcf\x004E5\x1b\xef\xecx\x15\xcc\xfb9)\xeb\x7f\xfd\x11\xb8HUPN5\xean\xffs\xe9\x01m\r\xde\xb8\x9c\xdfc\xe5\x99%\xfd\xe6W\xf1R\xfc\xca\xd1\xfbje\x9e\xf3\x1cV\x1d\xc7GugJ\x9cN\x12\x9dJ\xab\xac5\x8a\t\npC\xe0ev\xa6\xa3\x88\x14\xd7V_\xf0\x15\xe7Rz\x83G\x10fS)\x8e\x8a\xda\xdc\xac\x14u\xc5V\x87Ob\x1f"4{\xab\xc3\x94&amp;\xba\x13/\x87\xd1\x02\x922G\x0f$\xf8\x93\x90\xaf\x027\xc6\x9f\x11A\xc6+~4\xa5\xbf8\xa4\x13\xa9L\xde&amp;E\xc4\xfc(\x04\x9b\xa8\xdb\xbc"\xd6\xf6=\xcdm\xe2\xd3B\x87\xfd\xb1\x1a\xfa\x1c\xbcJ\xff\xc0"\xd5\x9b!\x18T\xe8w\x8f\x9e\xc8B\x9f\xf6g\xf4\x9a#\x85\x1b\x1f\xf7\xa2x\xeb\xdfPh\xa2#\xcf\xa9J\x03R\\P\x88\xb7\xe7 OG\x9b\xa6\xc5&lt;\xa8\x8b\xf4\x01#\xd4\xd3\xe3,F\xd7\x81A\xfb+N\x1f\x9e\x1e\x88\x13\xb2@\x06T\xa8\xfay=6\x8dE\xcbd\xa7SB\x0f\xd4\x8b\xcc4\xa1\xd8\xce~\xf0\x83M\xfd\xdd\xa6\xbb\'5\x02\xda&gt;V\xe4\xb1 \xfc\x12\r\xdd\x9b\x8b\x89\xd9\xd7 \x9aM\x1d.\xb5\xba\xfb\x97!\x96KLkA\xc8\xd5Z\xac\xe0;\x8d\x10dnb\xda\xfd\xfc\x18\xee\xa3\xf9.\xfb\xde\x91\x81\xcf\x96`\xbf\xa0\xb99*&lt;\xd2\xeb\xd1\xff\x87]\x96\x1b\xe6/e\xfc\x92\x9b\xe0\xf1t\'s"!\x07\xa2=\xfe\xc4\xad\x05\xfaQ\x14\xc05A?\xefO\x1d\xe8u\xa2\xb2\xc8a\xc9\xe5\xf5\xfe\x10\xd8\xe1\x8a\xad\xbaI\x80Y\r\x1d\x1f\xa1\xfc\xe7\xe9\x0c\xc4\x02\xcc\xd8h\x06\xa1&gt;9\xf2\xe5\xf9q9\x05\xb5\xc3\xa4\x15Ye\xae\xf6&gt;\x0e\xecJ\x9as\x1d`\xf1\xbf\xd0\xdf\xc7\x0f\xaeX=\xbc\xb5\xb2\x9e\xa4\x1a\x96\xbc\x85\xdd\xe9A=\xe0\x91U\xb1\xa0&gt;\xf5\x9c\x01\xb1\xea\x1b\x0b`o(,&lt;&lt;\xd5f+\x1b#V\x13_V\xc1\xea\x14&gt;\x1d\x81\xab\x7f1J\x97\xc4\x82\x11l\x94\xa1o\xea\xd7\x0b\xb4\x92WF\xe6\t\xa7\xe1\x07\xd8\xfb2u\x83\xc1\x05\xf8\xc5\xefE\xdb\xa2I]\x94ml{\x1c\xa4\x89\xbe\xb7~\x14N\x1fJFKHG\r[G\xc7_\xadb!\x0es\x02\xeb\x1c|\x8b\x93Mx\xb2\xc0/\xad\xd1=Is\xec\xb5\x92\xb0\xe4\x0b\xcb\xd5\x108\xaf\xc2\xff\xb8YG\x9a!\x8a\xa9\xacJ\x1a\xb6)_\xa6K\x02\x8c^~\xda\xd8o\xb5\xde[\x0c\xdap\xf5\xbd\x03\xed\xfd9\x0c\x99\xef\xcdm\xf5,g\x05\x02\x05\x14\xed\xd6\xb3\xbdt[\xdb\xc1\x1f\xb7\xcb\xf4G\xd6\t\xbb\xd9\x01\x96\xd9]s\x16\xb3\xb3+1R\xb1\xbe\x02\xcaGX\x8b/\x970a5-\x8cb}\xde\xda7YHZ\x06\xe8l\xf4\x8a\xa5\xa3\xcd\x80\xbc\xc8a\xf8\xceA\xe8z\xc7\xcd\xc7\x1d\x90\xd9\x82\xa1X{Z\xa0\'"}}\x8b\xa0\xa4\x96\xd1\x1f\x0bO\x16\xfa\xb1&lt;S\xc8\x9fP\xe3\xf6k\x81\xe0\x98h\xa1\xba\xbd\n\xa6X~\xa2\xcc\xd0P\xa3\xf1\xf7\x0f\xffA\xdc\xdde(\x94\x16\'k\x04\xde\xc9\xdb\xf30}\x85\xe2\xbc5\xc2\xb8G\x1b\x0c\x9a\xc7\x03\xd6\xbf\xcbE\x89\xea\xdf\x1f\xb2\xbb\xdc\xc1\xcfT[\xc7\xa6a\x82;Q_\x86=\xdeT\x97\xc7\xc8\xc0\xdbs\x12e\xb7\xe3RC\xf3\xc9f\xc4*(Z\xb9m\x01\xf5\x9es\'\xe5&gt;\xf4MmK\xaa{\xa5\x1f\x9fa\xccG\x13\x12\xf3B\x12&amp;\x91\x8b)c\x9a\\xAd\xea\x85L\xd8B\xdc\x12\xf9\xe3s\xc2\xc2w\xeee\x1cG1.\xf6\xa1\x834\xd0\xad\xcb\x0e%\x15\x81\x07\x0e\x86\x1e\xec%!L\xf4\x89\xedX\x90b\xf3l\x014pBp\xf7\xc18:\xa4\x1c:\xb4\xf6i\xf3\xfb=\xf4\x15\xc71\x81\x02\x97?]/\x9b\x08\x88\xa0R\x8f\xb6\xd7u\xdb\xaeQId9\xe9|\n\xfeH\xd0!\n\xe5\xa7]/\xf3\xfd\x95\noq\xfdGd\xcaXz\xa1\xfc\x93r\xed\x88+lHhj\x1cU&amp;3\xe0\xe0\x0b\x04\xce\xad&lt;\xc0\x1c\x10\xaaw\x1eb&lt;\xd8z\xd9\xd5K\'CrX\x99\xac\xca2\x98p\x9d\x91j\xad\x82.e\x9e\xad\xb3\x00\xf0\xeb.\xe2+\xc24\x1b\xe1B\xfa\xd6\xdc\x0fDs\xa9\xe0/\xcbb\xb24m\x91\x9d%\xd5a{G\xd6n\xd3\ni\xf6\x87\xaeA\x83\xfb^\xa2\xbd\xdaX\x18\xa6\x80%\x94\xc9\xef\xda]z\xc6\x18\x83\xab\xae\x10\x95\x9b\xd3,\xcdM%\xc6\xa9S7\xe2(\x85%ie;,\x90\x1c\xc6\xf8s\xa0\xa5/\x91\xaa9Q-\n\x95\xed\r\xbe4\x8f\x9b\x12\xf1Z\x9dHB\xf5\x82\xf1s\xf9O\xbf]i\x8f\x0fU7\x85(@\x8c\x08\xf8`\x04~5\xf5\x81\xf2\xbd\xa0\xc7\x8c\x1b\xf8~\xd0\xe6\x7f\xc1{\x16\xae\xa4\x08\\\x01\x82\xd12|\xee\xbd\x84\x96\xafXr\x13\x1d\xdaz\x1ch\xd1s"\xb0\xa2.\xc0g5)\xf9\x0c\xab\x00\xa8\xb7m\xd9\x81!o\x993o\x06g\x0e\xa84\x9d\x9dMIV\x1b0\xe7\xae]TP\xbc\x01\x99\xdfd^\xda\xf52\xe4\x19R\xc0}*]\xc5\xfb\xcd\xf2\x19\n\x89bBbT`/\xc8\x15{&amp;\x7f$8&gt;\x81c\xd6\x18\xa5\xaapR\x10c\xb1\x04f\x94\xa1,\x9a\xac\x92\x9aQ\xe7\x1e\xb6\x9fa%\xd6\x1c\xdd+\x07lXUK\xd6(E\xe0\x10l\xee\x9aT\x90\xfa\xe1%V\xd0\x91\x1dW\'4-~\xb2\xc0\xe7\xee\x04m\xa4E\x99\x1aW\x10\x8a`J^\xd5\xf8M\x00\x8bs\xbb-r4\r+\x15\xb9\x10\x1d\x9a\x1c\xaa\xaa\x10!\x96\xe8H\xbe\x8c\xd4\'\x00}c\x7f\xb4\xca($\xc69\x92\xa6G\xdd\xe3\xdf\x1biK\xebiP\xe2e\xb6\xe6\xcc.\x83#\xaa089\x16\xdfx\xe4\x8c\xe1\x85\xda\x80\x0c\x89\x7fRp\xf2\xfe\x9d\xae\xb4\xa1B\x8d\xa5J\x85\xe4\x05b%\xf8\x9c\xf2h[\xa4\xa3OL \xde"\xb8\xfeu\x03\xf8\x0b\x07&lt;\xc4#\x86.\x8d\xc7\x17\xc2\x94\xc4\xe8%;\x13\xa2/@V\rk\xe6&amp;\xe1\x02\xc9\xc6bq\xb7X\\\x07k\xacJ\xf0l\xc4\xc987C\xbfX\x1bk\x86%:\xef\xd7c\xb7\xcf&amp;\xf8Gs\xf0\x0b\x0bD\xa6v\x9e&lt;\x0f\xddU\xcf2&lt;\x1curR\x87\x99\x9f\xfa\xa3\x81\xae\x1a\x1d\x11\xbe\xdb\xd5\x96\x9cr\xb04\x80\xd7\xf3\xaa&lt;2\x96\x9ac\x18\xd8&amp;\x16\x9b\xaf\'\xa6~g58\xaf\xcd\x07\xdd\x17\x0f\xf8\xbehh\xceqj&gt;\x93\xeb\x13/euO\xc1\xb9\x06\xce\xf1\x9a*S\x03\t\xe0\xbe\xf3g\x0f}\xad\x1bz\xc6\x8b\x9c\xc8\xb6g\xcc7\xf6\xb0\x13\xd9pA\r\xee0\xd3\xf6\xd7\x95Y\xea\x11\xb0\xc8\x05N\x92\xd6*`\xa4\xd2\x13\xacEh;&gt;\x94u\xd4\xc9"\xcd:\xe7\x13\xbbq\xa2&amp;TE\xae8\x8f\xbe\xbd\x89\x1c\xbaT/\t1HZ\xdb\xa9q\xfc&gt;gq\xb1gz\xc8\x01\x1b\xb53sDk\xb9\xe03+\xd5\xebT\xa9;\xf1SZm\x8dZ\xb4\xf1\xd6\x1b\xdb\xdb\xd6v\x1e?\xd1J\xb4\x0e2\x17\xd7\x8f\xcd\x04&lt;\xd2`\x01\xbe\xc6h9_\xf3\\\x12\x0cW\xf4\xe2\xea&gt;\xf2\xbf\x15\xb6\x05l\xf0NeRjb\x06\x84\xa3\xf5\xbd\x92\x92\xfe\xdd\xd3\xe1q\x80V\xb8\xb6s\x8eb\x10\xeb\xab]\xab\xe6Y\x15\xd3W\xf6\xe6\'\xf6y\x18"\xe14\xe4\xf8&gt;\xa1\xd40\xa3\xcc\xc2\xc4r\xe2\x86\xbb\xec\xf1\xc2Y\xfb\x82\x07\x9c\xf5ToC\xa1\xac\x14\x18\x06&lt;\x92\x7f\xf1\x02\xa6S\xf2.\x82}\xbcF\x0b\x8a&gt;\x8c{E\x16K\xb3&gt;\xe1\x06\xb7\to\x9e\xf4=\xf5\xd7]R\xe7\x8f\xf3\x90`\x1a\x12g\xed\x19\xabU\xa3\xff\x8cA\xab\x86\xc0\xd8\x9d\xa5\x04\x95\xe1\xcb\xd1\x10\x9e\xb3~\xac\x96\xd4\x89\xa7\x96\xab\xfa\xd8uv\x85@\xa6Y\x96\xc4\xb6\x140\xc3}\xf3\xd0\x98\xed\xc1s\xa4\x801BtS\xc0\xaf\xc5B\xb2\xe1\xee\x85\xa9\x16w\xc0\\\xb7\xcd-\x0e\x1e\xed\nv\x1a3/\x89\x9a\xb9\xf9^H\xd5\xc4D\x08R\x082\xff\x1c\xef\x0c\xb7\x0bZ\xea\xf3\x1b\xbd&gt;\xd9\x1b\xaeKIZ\xb0\xc7pEz\x01\xbdL\xa2\x00s:\x95\xdd$oZ\x00\x9d\x84\x97\xb1\x80\x86\x1c\xb9\x1c*\x97c\xcb\x81\x15\xfcy\x00\xc5P\xf94m\xd2\x10\x91g=\x8d\xe7W_]\xf5T\x80\x9aO\x94.\xdb\x10E&amp;I~\xe5\x8dpTG\x8f\x08\xf2\x11\xc7\x9f\x93Vx\xe3M0\xc6\xe1?'</t>
  </si>
  <si>
    <t>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</t>
  </si>
  <si>
    <t>b'L6+B|\xc1\xb8\xc3\ntn\xc4\x11\xcc\xbb\xa8'</t>
  </si>
  <si>
    <t>he type of feedback. In practice, however, the finite
 I/O impedances of the feedback network may considerably alter the performance of the
 circuit, thereby necessitating analysis techniques to account for these effects. In such cases,
 we say the feedback network â€œloadsâ€ the forward amplifier and the â€œloading effectsâ€ must
 be determined.
 Before delving into the analysis, it is instructive to understand the difficulty in the
 context of an example.
 Example
 12.25
 Suppose in the circuit of Example 12.7, R1 + R2 is not much greater than RD. How should
 we analyze the circuit?
 Solution In Example 12.7, we constructed the open-loop circuit by simply neglecting the effect of
 R1 + R2. Here, on the other hand, R1 + R2 tends to reduce the open-loop gain because
 it appears in parallel with RD. We therefore surmise that the open-loop circuit must be
 configured as shown in Fig. 12.49, with the open-loop gain given by
 AO = gm1[RD||(R1 + R2)], (12.111)
 and the output impedance
 Rout,open = RD||(R1 + R2). (12.112)
 12.7 Effect of Nonideal I/O Impedances 601
 Vin
 R
 R
 Vout
 M 1
 R D
 VDD
 1
 2
 Figure 12.49
 Other forward and feedback parameters are identical to those calculated in Example
 12.7. Thus,
 Av,closed = gm1[RD||(R1 + R2)]
 1 +
 R2
 R1 + R2
 gm1[RD||(R1 + R2)]
 (12.113)
 Rin,closed = 1
 gm1
 _x0005_
 1 +
 R2
 R1 + R2
 gm1[RD||(R1 + R2)]_x0006_
 (12.114)
 Rout,closed = RD||(R1 + R2)
 1 +
 R2
 R1 + R2
 gm1[RD||(R1 + R2)]
 . (12.115)
 Exerci</t>
  </si>
  <si>
    <t>b'R\xd2\x96\x00\x02\x80\xfc\x9d\xdb\xfb\xa8\x98\x04\xa4\xa5\x7f'</t>
  </si>
  <si>
    <t>52d296000280fc9ddbfba89804a4a57f</t>
  </si>
  <si>
    <t>ten with a pencil on a part of the wainscot:
 SONNET
 Go, pencil! faithful to thy master's sighs!
  Goâ€”tell the Goddess of the fairy scene,
 8
 When next her light steps wind these wood-walks green,
 Whence all his tears, his tender sorrows, rise;
 Ah! paint her form, her soul-illumin'd eyes,
 The sweet expression of her pensive face,
 The light'ning smile, the animated graceâ€”
 The portrait well the lover's voice supplies;
 Speaks all his heart must feel, his tongue would say:
 Yet ah! not all his heart must sadly feel!
 How oft the flow'ret's silken leaves conceal
 The drug that steals the vital spark away!
 And who that gazes on that angel-smile,
 Would fear its charm, or think it could beguile!
 These lines were not inscribed to any person; Emily therefore could not
 apply them to herself, though she was undoubtedly the nymph of these
 shades. Having glanced round the little circle of her acquaintance
 without being detained by a suspicion as to whom they could be
 addressed, she was compelled to rest</t>
  </si>
  <si>
    <t>b'qs\xcf\x8a\x9ax\xa9\xde\x03"\xc19\xcfl\x08U@\xb4\xd6/\x03\x03\rp\x96%\xb9\xc5_\xf9\xffw"\xa5\x0e\xf6\xd0\x12\xa7Q\xef\xdb\xd7\xf4B\xc9M\x14x\xe4|\xef\xe57n\xfd\xa6\x1c\x10\xddO\\o\xf1'</t>
  </si>
  <si>
    <t>7173cf8a9a78a9de0322c139cf6c085540b4d62f03030d709625b9c55ff9ff7722a50ef6d012a751efdbd7f442c94d1478e47cefe5376efda61c10dd4f5c6ff1</t>
  </si>
  <si>
    <t>b'qs\xcf\x8a\x9ax\xa9\xde\x03"\xc19\xcfl\x08U'</t>
  </si>
  <si>
    <t>Perhaps it doesnâ€™t understand English,â€ thought Alice; â€œI daresay itâ€™s a
French mouse, come over with William the Conqueror.â€ (For, with all her
knowledge of history, Alice had no very clear notion how long ago
anything had happened.) So she began again: â€œOÃ¹ est ma chatte?â€ which
was the first sentence in her French lesson-book. The Mouse gave a
sudden leap out of the water, and seemed to quiver all over with fright.
â€œOh, I beg your pardon!â€ cried Alice hastily, afraid that she had hurt the
poor ani</t>
  </si>
  <si>
    <t>b"\x0e\x96\x04\x06\x19\x904\x87_\xd1\x11\x07?\x8e\x0e\xfc\x80x\xa2yc\x00\xc3\xa2Y\x1fr\xbeb\x8f\xa6\xc5\x00]\x05u\x0er\xe6\xd5l\xb1\x94\x050\xc7\xcbV\xaf(&amp;\xa8\xbe\x1a\n^\x88\xe7A#\xb4$eV\x16f\xe3\xad\xaav\xf21#2\xbc\xfa\x8b\x90\xf7\xca3&amp;\x82\xf6\x86\x13\xd61\xda\xc26Y0\xaf}9\xd3\xacgEEWh\xa6\xae\x03\xe6U\x0b\xfe\x80=\xa3p\xab\x1a\x9f\x048b\xae\xc8t\xfb\xbd\xbaX@\xa7\xf3\x83\xc2\xeb\x1b\xf4,)\x13W\xa7Xl\xd9\xe4\xeca@\xb4BV\x88\xf9:\xf5\xdbwd&lt;\xa0\x87\xf1\xaa\xba\x91\x8a\xabA\xa8&lt;\x18t\x1f\xc5\x0e\x12V\xaf\x84\x8b\xbc*\xf0\x90z\x9d\xe9\xfd\xa8\xd0\x0f\xd9\xce\x07\xd5\xfc\x97wh\xe8\x84\xef\xd5\xd4\xa5\xda\x98Cr\x19\x98\xd5\xec\x8aY\xc3\xb0\xa0\x13:\x10*\xf9\x19\x919\x19\xa2\xe7\xe2\xcaG\xd9\x84\x83\xa3\xa1\x06\x96\xdd\x9b\\\xa48p\x9a\xf6\x9c\x08\x14\xb7' \xeaNp3\xda\x9b\xf86\xae\xf6\xaf\x0bQl\xa1\x18\x7f\xa6\x9f\x00\x81v\xf0\xfc\x90\xff\x1aU\x842Y\xc2\xf0\x85\xb6\xca\xb9\x12\x8f*\xe8\xa6\t\xe7\x14lqr\xd4u\xe1\xc5f\n\xa0\xe7\x87\xa9v\xb5\x80M\xae\x8e\x803\x0f\xa2U\x95f^w\x83[\xe1\xf7p\xc6\xae\xfct\x15\x1e\xf9N\xf0\xdc*\xf5\x1f\xd8\xc2\xf3\xa5\xe9\xec\xbd\x19\xde\xd9\x01=\x06\xdfz\xbc\xdb\xca\xfd\xf1\x92&gt;\x84u\xbcZ\xf7\xa3\xaaW/\xe3\xb3qrW\x0b\x8f6\xcd\xf2\xff\x17\x0e\r\\\x1c\xf5\xfd\xd1\x82\xb09\xfaD\xbfH\xee-\x1e!\xd8t\xcc4\xceO\x97}T&gt;\xd4\xaf\xab\xfd\xc0\xbe|\xc2\xa2\x00\x8eR\xfd\x86\x1cw\t\xe0\x0c\x0fhl@D\x14A\xb6\xc3\xc6\x11\xa4\x14\x9c{N\xdcT6\xc6\xa2\xa2\xb0\xe1\x96N\x8e-\x18\xcb\xa1\x14\x89\x9b\xd2\xf9\x83$\xcfP\x94\x08\xc8\x9c\xa2\xd9Z\xa1o\x02\x9d\xaa\xb6\xf8)\xaf\x864t\x85\x9d+\xc9\x10T\x88\xc4o\xf6\x03\xaa.\x84r\r\xeb\xa6'~\x12}\xb0H\x0e\x1c\xcd\x0b\xa1/\xc0"</t>
  </si>
  <si>
    <t>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</t>
  </si>
  <si>
    <t>b'\x0e\x96\x04\x06\x19\x904\x87_\xd1\x11\x07?\x8e\x0e\xfc'</t>
  </si>
  <si>
    <t>ture to
see the fire, and you all around the table with your mother. Her
86
face is right opposite, and it looks so sweet behind the flowers, I
canâ€™t help watching it. I havenâ€™t got any mother, you know.â€™ And
Laurie poked the fire to hide a little twitching of the lips that he
could not control.
The solitary, hungry look in his eyes went straight to Joâ€™s warm
heart. she had been so simply taught that there was no
nonsense in her head, and at fifteen she was as innocent and
frank as any child. Laurie was sick and lonely, and feeling how
rich she was in home and happiness, she gladly tried to share it
with him. Her face was very friendly and her sharp voice
unusually gentle as she said...
â€˜Weâ€™ll never draw that curtain any more, and I give you leave to
look as much as you like. I just wish, though, instead of peeping,
youâ€™d come over and see us. Mother is so splendid, sheâ€™d do you
heaps of good, and Beth would sing to you if I begged her to,
and Amy would dance. Meg and I would make you laugh over
our funny stage properties, and weâ€™d have jolly times. Wouldnâ€™t
your grandpa let you?â€™
â€˜I think he would, if your mother asked him. Heâ€™s very kind,
though he does not look so, and he lets me do what I like, pretty
much, only heâ€™s afraid I might be a bother to strangers,â€™ began
Laurie, brightening more and more.
87
â€˜We are not strangers, we are neighbors, and you neednâ€™t think
youâ€™d be a bother. We want to know you, and Iâ€™ve been trying to
do it this ever so long. We havenâ€™t been here a great while, you
know, but we have got acquainted with all our neighbors but
you.â€™
â€˜You see, Grandpa lives among his books, and doesnâ€™t mind
much what happens outside. Mr. Brooke, my tutor, doesnâ€™t stay
here, you know, and I have no one to go about with me, so I
just stop at home and get on as I can.â€™
â€˜Thatâ€™s bad. You ought to make an effort and go visiting
everywhere you are asked, then youâ€™ll have plenty of friends,
and pleasant places to go to. Never mind being bashful. It wonâ€™t
last long if you keep going.â€™
Laurie turned red again, but wasnâ€™t offended at being accused
of bashfulness, for there was so much good will in Jo it was
impossible not to take her blunt speeches as kindly as they were
meant.
â€˜Do you like your school?â€™ asked the boy, changing the subject,
after a little pause, during which he stared at the fire and Jo
looked about her, well pleased.
88
â€˜Donâ€™t go to school, Iâ€™m a businessmanâ€”girl, I mean. I go to
wait on my great-aunt, and a dear, cross old soul she is, too,â€™
answered Jo.
Laurie opened his mouth to ask another question, but
remembering just in time that it wasnâ€™t manners to make too
many inquiries into peopleâ€™s affairs, he shut it again, and looked
uncomfortable.
Jo liked his good breeding, and didnâ€™t mind having a laugh at
Aunt March, so she gave him a lively description of the fidgety
old lady, her fat poodle, the parrot that talked Spanish, and the
library where she reveled.
Laurie enjoyed that immensely, and when she told about the
prim old gentleman who came once to woo Aunt March, and in
the middle of a fine speech, how Poll had tweaked his wig off to
his great dismay, the boy lay back and laughed till</t>
  </si>
  <si>
    <t>b'\xe8\xdd4\x16D\x8c\x02J\xbc\xd0\n\xdbK\xbf\xeau\x93\x95d\xf0]\xa1\x94#\xe4\xe9j:\xe9\xb6oR\x9a\x94CW\x18\xf7D3t\x18\x96\xcf)tv\x1ev\x89\x0fo\x07\xb9f\xc4&gt;s\x99\n\xb1\x9fq[#t\xebT1\x9b\x8c\xe9\xc4\xb7\x15\x04\x8a\xe5\xf5\xc6\xa0\xfc\xef\x06B\x8a\\\xf0\xb8\x94\x9a\xe8\xc3\x03s\xa0\xce\xd2/\xcey\x91J\xf9"\x82\xb5\xb8\x05\xc2Zu\xdbQ\xe6^-\x82\xd0\x02\x1c\x1c[\x90\xaf\xd3\x06\x8c\xcf=\xa7\xfc\xc7-\xf6\x1fd&lt;\xf1\xd1\xb4\xc1r\x9d5],\x87\x81.\xae\x91=F\x8f\xac\x10\xf3Z\x89\xe3w\x9ab\xb3\x01oM:\xc3\xd1\x12\xadJE\xf7^W\x16^L\x88M\xff\xbb-\xdcm\x12\x82\xd9\xebL:\xb7\\\xd9\x86wg\xf44\x83\xb1\x0c\x07E\x8a&amp;;\xe7\x08y\xfa%\x14&amp;\xa0\x18P\x9f\x17/\x10\x86:b\'\xe3\xc2\x13\xdf\x07X^W\xf9\xae\xa0&amp;n\x91x\xac\x08\xb9c\x8a\x1f\x85\xf3\xfe\xf2R\xeeTO\x14\xed\x15\x02\xae\n\xb3Sc\x86\xdb&gt;\xaf\x9c3P\xcb"\x9dZ\xa7\xde{\xcf\xca\xa8\x06yLv#\xe6\x84P\x1b\xe8R\xbf,\x1c2\xe1Q\xf9\xcdf\xa5\xf0\x97\x8b\xfb\xb3\x97ZQ\xb22\x06pE?\x9a\xcbD\r\xdf\x07%:\xc7U\xb1ZCV\xbdo\xd6\x04\xfe\xf8}b\xf1\x96\xb3f\xb9\xa5\xdb\x95\xf5\xdf\x02\xc3z\xa1\x88\xb6\x82N\x85\xe8C\x92\xd6\xa7\xe9Nr\xdf\xd9\x15\x01&gt;\x14\x98\x1b\x0c\xca\x982\\\r\x98\xe7\xbb\x0e\xa2S\x1fm`x\xed-\xe0X\x9b&gt;&gt;\xe8I\x1b\x12\xd4Bp\x10\x1f\x01S\x84\x00*\xe6\x12\\\xaf&gt;\xce\x82\x15\x84k\xe0~O\xbdZ\xd9P\x14\n\xdd\x8f\xfd \x8f\x7f|\xa3s\x86\xb4\x0f\x88\xaa\x11\x15ejy\xf78\xaa\\[\xf4mb\xce\xae\x92$\xd9\xb1F\xaey\x91|97\xc9\xd7\xa0\xbaKYn2\x04&lt;\x7f\x19W9\xdd\x82\xcb\xc7u\x0cg\x81,\xc3\xa9&lt;\xe0\xe8&lt;\xee\xa1\xb9\x7f\x93h\x8e\xd0\x10\\\x05\x00_\ns\x16\x0e,\xd0\xb9\x81\x8bqk\x0c&gt;\xb7Q\xe9Jp\xaa\xe4Cx\x86\xb1\x85\x1d\xaf6\xed\x97\xdb6&amp;)k\xc2Id:.\xb5`\x8e}&amp;\xa4\xfaS\r\xa6\xca\xc2CZp1\xa5\xcaj\x14\x85\x84\xb0\x87\xbf\xb7r\x89\xd9\xbf\xefv\xf8{\x95\xeej\x02\x9c\x95p\x862\xb1\x12\xa5\\\xf8\xf8\xabC\x0b\xcd\xffnt\xef\xad\xf5\xf8B\xc9`\xf8\xafP\xdc\xaf\xd4\xdbE\x7f\xb5\xd3\xc2x\xc4\x99\xca\xf3\xc4\x12PI\x14\xf0h\xd3KV\xcd\xdd\x17\x8b\xc5\xe0\x82\xbc\xfd/\x88\xd4gl\xb3\xc2\xd2]\x9b\xab\xfdc\xf1\xe6\x122\xaf\x01\x00\xa5\x0e\xa9\xe1Qz\xa6d!\x1a\xd9\x15\x85\xb1\xe6\xc1\x8d\xc9\xee\x85\x16\xcd\x1f\x80\xb9)\xe5\xbd\xb7\xf9\x05yA\x86N4iM\x92z\x88\xd5\x8a\'qxW\xb6\xe9o\x86\xb8\xc7&amp;q\x94:&amp;\x83\t&gt;\xe8zk\xdc\x06\x12\x85\\w\xbc7\xefm*\xc3\xa5\xb0\xa1DYH=\xdf\xa3@f\x96*]\x06\xab\xe0\x10\xdf\x17\x8a\xb4\x17`u\xa8$\x96\xae\x03_q[\xbb\x00Ox\x19\xa0\x00\x8d}\x07\xbfB7\xa7j\xdag\xcc^\xc9\x9a\x01\x8e&gt;=\x98O1\x15\x81nO\xd4\xf3\x87!\x1c\xdd9\xbe\xb0D\x8c\xa3B\x8d\xbaTu\xb2\xa9|^z\xcd\x96)\n\x8f\x7f\x88\x19j\xe5\xfd&lt;m\x84\x05q\x1ccS\xbf\x1b\xcfx\xe5jAeBSY\x0e\xe4\x1713\x9d\xe2#\xb3~\x8c\xc1\xb3})\x00\x86\x12\xdd\xab^\xd9\x02\x14mug\x10Q\x19Xe\xd9\xed\xd1\xbaX8]usk.&amp;\xce\x9a\x078w\x06\x05\xeb\xeb\x93D6\xe0o\x95\x0c\x17\x00\xdc#Z\x15\x0e\xd9\xe1/\xeb\xfd\xb3NT\xca\xd4s\xed\x18\xec\xfc\xee"\xe5\xc0\xf0\x7f\xf8fv0\xbd4\xf4\xb3\xbb\x9f\xa2\xe0\xb77\xc5\xd2DW\xaf4\x84\xca\xde`\xa5\x99\xe2\x0e\t\xf6\x9c\r\xcbZ\xc8\x8a\x90\xe8\x8b\xaeX9\x0f\x7f\xb0L6/&gt;\xec\x97\x9c\x85\x82\xb4\xe0\xf6\x10\xbb5\x18Td7\xe4\xcc\xf00\xdc\xce\xf0:z\x8f\x8c\xa0l\xa4\xf2Ch\xc9\xa6\x8a9t\x84j\xe0*\xca\xe5\x01\x81\xea\x9aY\xe0\x03:\xdd\xfb\x13\x99f\xbe\xa3\xd0J\x83\xa4%\x11\x0e\x9c\xea\x9bBHvDp\x7fg\xd3\x91\xf8\xd8\x81J\xbcp\xa5\x11\x03\xc6\x86\xb6\xbd\xda\xbf+\x08\x90\xf8v\xbfX\xb5[\xd3\xf251\x8bw_:\x0b\x80\xf9\xa1\xeeo\x1d\xc9\xb9.9}\x92\xc0\xd1 \x8e\xc2\x08\xaek\xb0\x16\x8b\x9c\xbep\xda\x02\xb2@\x16\x11\xc8\xdbA\xf3buZz\xdc\xff\xfd\x17\x88.\xe3a\x86\x8dE\x91\xfa\x91\x97\xb3\xcfZ\ryk\x1b\xc5\xa9cj\xd0\xb1\x1e\x06\xc2\xe3_\r\x0c\x96_\xb1(\x96-\x01RP\xaa\x1dE\xc2\xc4\xa6"\x14\x0b\x9b\xcd\x1bD#&amp;\xc7\xe4\x9d~\x04\x7f\x1fYo\xeb\xdeO\x80\x1e\xcf\xa9XJ:\x9c\x9d\xb0h%Z\x1d\xb8l&amp;\xa8\xb0\x8a\x1d\x02\xb7\xa3~\xd9\xc4\xa6k\x91Fu\\e\xe9\x1cw\x84\x85\x9eA\xd0\x94\xa3\x84zjJ\'W\x0b0!hG\x8b\xbc\x8c2\x13\xefo,\xe3\x91-\xc5\x18\x93i9\xf0\n\xde}$\x85\x80J\xb5\x83\xdd\x8e\x99\x1c\xa1\xfb\x8c\r{\x18\xa2Y\xc8\xd4\xded\xbefP"X\xb0\xe0c\xd7|\xdbN\xbdq(\xaaC\xd7\x85LC\x91\xf8\xe2\x8duT\x92L9\x8f\xbd\xdd:\x84;x\xcc\xfe\x02\xb7\x94\x12~4/y\xf1\xdb\x9dR\xca\xccc\x05\x92\x1b\x03\xb5&gt;\xc7\xbaO&amp;~5\xe7*y|\xdf\xd3\x04\xfd\xe5\xe5\x83\x178\xc5\x95\xd9\xde\xe3\x07(g\x8c\x1d\x83i\xfe+\xc7\xf2\x9a\xa2X\x04\x87p\xab\x1a\x84\xb8)YQ\x91,`\xf0\xd2=\xe1\xdcu,\x16\xac4v&amp;D\xa0\xc0\xcb\xf1\xf4\xa3\x9e\xc6\xa1\x14\xadA)Uc\xa4\xf1\xad\xaf\xa8p+Y\x9b\xda\x14^\xe6\xbdx\xdd\xc9\xf0\x8e\x1d\xe5\xfdB\xe1\x07\xf6\xd3\xdfa3]L\xeaH\x86\xcd3\xe4M\xb2-\xe8f\xe2a\x970\xd1p\x91\x1al@;Bl\xa8\xd71D\x08\xb1\xec\xcd\x04\x8f\xd3\xca9\xc6\x7f\xf5\xa7\x1d\xc8\xc5\xa0\xde\xc4\x1d\xb6\xc1\x7f\x94\xd0$\x17\x86a\x03B \xbeu\xe1\x1eD\x12\x16\xd1&amp;\r\xb8\xb3s\xaa\xac%F\x97\xdc\x94\x9fi7=\x82I\x8453\xa3\xa48\x9f\n\x9d\x1f\xab\\\xfcR9T\xa6\x8fk\xa21\x03{\x15\xc0\xe5\x12"$\xbaX\xab7&lt;\x01\xda4\x02\xf7\xe0\xe8\xff\xd5\xaa\xf8\x9dt\xd7\xddM}6\xcd\xb1\x0e\xcf\xa8\xbb\xc5^\x9fBBL\xfc\xa40S1\xea\x93\x8b\xf1\xa5\xd8\xd1\x05\x95.\xf5\x92\xec\r\x8b-y\x02\x8b\xf2faN&lt;\x8a*\x0f\xb3\xf8I\x86\xe8\x13\xc8\xd9\xc2\x87#x\xe5Q1B$)ZC$m\xf5\x8a\xf5\x0e\xd5\x83}=\xb5\xbd\x8e^\xab{&amp;\x8blk\xce\xd9\xd2\xd2\xb4\xed\xf3$\xc8/\xa4&lt;a\x0e\xabw\xcbZ\x84\xe7\x89X\xe0~\xd3\xbe9\xa1\x18\x85\xbc&amp;\xeb\x9e\x18\xef\'o\xd13RB\x12h\xf8m\xde&amp;\xd5\x12\x83Q\xf7e\xbb\xc3\xb4\xb2\xf2\xc7U\x0eC=~t\xba^\xe3+a\xef\\\xadbr&gt;5A\x88\x1d\xfc`\x04\xb9\xaci\x85\x8d\xcc\x842\x8d\xedE\xcf\x12\x13\x8eZ-b\xb6\xa3r.L\xab&lt;\xe4\x88\xda\xcd\x18\rx\xceHv\x93~\xb0ls\xfeoY\x93\x11\xf8`\xbd\xbd\x12&amp;\x05\xcbM(\xb0N\x7fs\x98R\xde\x91\x82\x00\xbd\x08-j\xcayds\xda4\xb9\xa3\xf8\xd6\xc8\xcfGt\xc6)O\xfa\xf0\xcb\xa0\xf2\x8af\xea\xb6$\xb89TF\xd2X\\&lt;N\x85\x84\xf0\xd6\xa4Bfp\xd4\xe6\xfd\x1b2\xae@\x0c\xdd\xcf\x97,\xd9w B\xd1\xb6\x94#7\xf5\x80Y\xa3#\x7fa\xcd\xc0\xdcb\xb6tAuf\xa7u\xa8\xcd[%!w\xecJ\x12\xe4N\xd5 \x9a\xf8&amp;\xd3\xda\xea&amp;\xa2\x12a\x82&amp;\xf9\xa1"\x13\xbe\xbd\xcc\xb5u\xf7.;.\xa1\xbdp\xc3\xf9%\xed\xa0c*]=O\xb2\x18n\x92D\xb5\xf3i\xfc\x93\xafs&amp;Y!j&gt;8\\\xd1\xe4B\xf1\xc2Q\x12\x8cF\x9dM\xb3\xc5#\xbd\x94\x89\x96\x1e\t\x03*\x92\xce\xdd\xc1\xcb\x9dV\x81\xbd_Zy\x85s{\r\x8c?\xb0H\xecRj@\x9dP\xc9\xb8\x85h\xf0:\x7f\xa5\xa7-\xfey\xdf\x9bi\xd5HK\x91\xbb\x8a\xedP\xc2\xbf\xc9\xad_\x9c\x9b\x96\x06_\x90t\x8e\x07\xa9`\xcc\x9e\xc2\x16\xaa\xb5\x99\xa6\xa0\xb0\x9f~\xa8J\x05l.\xd7\xc1v\x99\xd8\xc0\xe0\x1e\x1c\x8b\xb8c\x01\xcc\x8e\xff\xb5\x13l\xcbC\x0c\x07&lt;o\x86\x99\x84\xa6\xec\xbd\x11cV\xabg\xbb\xd4\xc3]\xb4S\x98\x0b\x1f\xf3\x99\xdc&gt;z\xb7\xc4\xb9\xbc\x02n\xdf\x7f\xdc8dA\xefT\x18\x0f\xb2\x16\x0e\x9b_\x05&gt;\xad\xe8\x14x\xff"\x98\xc6"c\xd3]p\xa7\x82P\x94\xb1A\xa1\xe6\x13&lt;\x17tf\xd4\x1f~\x07\x8b\x81\xf0+#+\xb7\xd8\x83\x84`o\x93(\xdf\xe0p\xcc\xd2\x88%\x11F\x8fQ\x92\xfd\x96\x1c\xee\xffwk\x10u0?(\xbe\xed\nP\x16\xb65\xbb\xd7\xbe/P?\xc2p\x88k\xbd9%\x9c\xe1\xa6f\x8d\xdc\xb4\x0c\x03\xd0\xf5q\xa3\xe9\xe9\xdeBN\xf2\xa85%c\xf9\xb9\xcc\xea\x11:\x96k\xba\x11kL\xa6yJ.\x89)\x8cJ8\xe3\xf5\x1e\x06\xed\xb9\x84\x99:\x0f\xb1\xc0\x7f\xe5iV\x8faM\xf2\t\x92\xca\xb3*`\xd3+\x8f\xdcK\xe43\x08k]"\xe4@ \x00=\xa1\xa1\xb1\x8a\xd1~\x12\xc2/\xe6#mjFq\xa6Lqz\xae\xbd\x1e\xef^\x00\xe5\x9f\x19\x8cu$rb\xd1\x9d\xfc_\n\x95\xc9[vy\x7f&amp;\xca#l\x91&lt;\x07\xa7\xbf\xf9\xdc\x84\xc9\xe9\xc0MD\xee}\xe8C\x8c\xe6l\x8e\xbc\xfeG\x8a\xaa\xd77ZM+P\xa8\xbf&lt;\xa3\x1c\xeaeoq\x97H\x88\xfb\x87\x1a\xba\xc2,X\x16[;\xa4{\x81\xc8\x1b\x1e$Iav\xe5\x83Jk\xd5\x18\x15\xf8\x91\x0b}\xf0,\xb4\x01&gt;|!\xb5\xae$\x1b\xcc\x8e+\x1b\xffs\xd3\xc4tD\xed\x97\xcbW3\'\x19\x05@\xdb\xbe\x85;\n\x9fz\xbd\x8a\x81\x9b\xe7+)\xd1\x98B\xaa\x14\xcd68\x9b\x9e8\xc5\x80q\x8eQ\xb1\xef\x9e\xf8\x9ce\x11[\xc3\x10?\x13V#d\xd4\xdfk|H\x9fX\x1cb\x13\x89\xefp\xbf\xe7\x15\xa3\xb0\x8d9!\x9c\xe4h0\xe0\xd64\xd9RX\x8dT\x98\xa1a\xd5\x8fv-\xd2y\xf2\x11Wc\xeb\x85\xfbQ\xb6M\xa6\xb3qlly\x88\xc4\xb1L\x18\x08\xf4/\x0c\xc9\xf3\x98\xb4J\x93\xafS\x0e\xed\x8f\xfd\xc3\xe8b\x96\x12\x80\x88?\xf7\xb2(\x07\xff\xd3\xaf\x02\xd9\xe30$\x1d\x95\x038\x10\xdf\x81\x82\xf3\x1e\xcf\xb5\xc21\xfd\xf4\'v\r\xb5Y\xf1\xb6\xf5\xb56\x94\xc5\xee\xb5\xa4\x93\xe6,\xda\x8b~\x95\xa5\x9f\xd5\x86K\xaeXF)\x8b\xcc\xf0\xba\xa8\xef*\xa9\xc3~=2\xc2\x86\xc8%\xd0\xdaV^nL\xad\xdeL\xc32\xd0\xcc\xca\xc8\xb7N\xccG\xa0\x171v\xe8qo1y\xa5\xfaZ=\x0e7v\x0b\xaa;\xb5\xd5Bb\xff\xc3\xdd!\xbb\xdd\xb2\xcb\xa0(rqK\xb5O\xba\x15\xcc\xd4r\xcb\xd0\xdeu\xde\nw\xbf\xdc\xaa\x89c\xff\t\xc0\xcc6\xa4\x1d^\xec91\xd8\xfaf\x04Ed9eNs(\x80aDx\xa3n\x16\xfd\xef\x06\xa8\x96\xd9\xd5F\xe7\xb4K\xbe\xb9JH\xe5\x9c.\x0f\xcb\x93&amp;\xb5\xb5\xb8r\x0f\xb6\x8d\t\xec&gt;\xff.(\x97\xa2\xf1\xb2\xe5\xb8\xe4:\x0f\x10\r\xc6\xa9\x11\x1d\x9cS!\\\xabL\xe4*\x92\xff\x98\xb5\xc9\x88?B\xb3\xc3\x86\xb7B\xa7\xf2\xe0q?L&amp;\x81\x93x\x02m\xa9\xfe\x93\xcc\xed\xcf\xcd\xfb\x0c6\xc8\'\xb2\x15\x0fUm\xc5\x82\x15\x86\xf0\xda\xafP\x91\xec\x18\xe3\xbd&amp;\xe3s0\xd5\x1d\x86\x97\x8f\xed5c[\xf8\xbalM\x01\tT\xa4\xff\x15\x9c\xf1=\xdd\xee\r\x8e\xc5\x16\x9df\xed\xd6\xa3\xcf\xfdnrn_k\x08\x87\x8b[\x85\x85\xca@\x97D\x0b\x9c\xe4\xb1\x92\x15\x81\x8f\xa8\xffV\xd2\x8c\xbc\x1a\xb2|"\x88\x95,?\x96\xdd&gt;\x19a[\x80\xe8\xb7\xc9a\x11S\x01"\xe3\x0c\x97\xa7x\xcc\xb8\xdf|s\xcb\xe7vd\xc2\rA*\xc4r\xe6\xcd\x889b\xd8I\xec\x9eA\x12\x96\x88\x8f\x9f\xff\x9dQR\xe29\xd4\xd4\xee=\x1aE\xdf\xbeF\x80\xf39\xc1\xd2~\xc8\x8fi\x9c\xe9B\x8b\x8d\x06\x9f\xbaK\x89\xa7\xd9\xf8\xbaW\x05\x0c\xd6\xee1\xa4\xd6\xf9\r2cF\xc6\x10\xdat\xc2\x16S\xe8\x9a\x98\xf2N\xcd&gt;\xef1\x18\xc9\xb8\xf0YtFI\xab)\x00\xac?\xecnb]\x12\xde\xa8\xb2\xc3\xfe\xad\xe5J\x84\xa00\x12E\x02l\x99\xd9\x02\xbbK\xea\x94\xa2\xad6,\x93\x8a\x96\xfbRJ\x83A\xd4\x93S_\x15F\xdc\xe1\xd1iX\x94%\xe1\x19\xabsX\x81=a\xaa]5\xc0\x97\x80GL\xd2G\xe3\x9f&lt;\xe2g&amp;\xd8d\xff\x9f!Y\x93\xa0\x8d\xbb\xbcG\xa3\x8d\xec\xa4\xf9S\xd7\xf8'</t>
  </si>
  <si>
    <t>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</t>
  </si>
  <si>
    <t>b'\xe8\xdd4\x16D\x8c\x02J\xbc\xd0\n\xdbK\xbf\xeau'</t>
  </si>
  <si>
    <t>a higher status by a well-executed petition to the emperor, but it
was unusual for an individual citizen to experience a radical re-ordering of his social
position. Some aristocrats did win individual grants of Roman citizenship before
Caracalla made it universal. But this privilege was usually bestowed in recognition
of the wealth and social position they already had.
We can observe some of the social striations of a Greek city in the protocols of a
second-century aristocratâ€™s benefactions to certain categories of her fellow-citizens.
Menodora, from the otherwise unknown city of Sillyon, distributed cash awards to
commemorate the successive service of herself, her son, and her daughter in the
prestigious municipal office of gymnasiarch (gymnasium-director):
232 Maud W. Gleason
85 denarii for each member of the boule
80 for each member of the gerousia
77 for each member of the assembly
3 for each of the assembly-membersâ€™ wives
9 for each citizen
3 for each vindicatus, freedman, and paroikos (IGRR 3.801)
Clearly, the members of the boule (Council) were on top. These were ex-magistrates
and men of hereditary wealth who, upon reaching majority, paid an honorarium
to enter their cityâ€™s governing council. The gerousia was a social and religious
organization of the cityâ€™s older men. Many cities had groups of young men (neoi),
adolescents (ephebes), and boys (paides); perhaps these groups were not included
here because Menodoraâ€™s tenure of the gymnasiarchy had already benefited them in
other ways. In this city the members of the assembly (ecclesiasts) were clear</t>
  </si>
  <si>
    <t>b'n\xdc\x07\xb1x\x19\xc1\x95\xb0\xd9\xbb\xa8\xf6\xfc\x11\x03\xe6\xb2\x11#,\x1ac\xc4\xcd9\xf0\x14\xcdJ\x1c\xd9\xf7\xd9 \xa2\x01\xe6\x97\xc7\xa6\x90\x9c@y\x01 \xbaPU\xe7W\xd3&gt;Z\xee4\xb0)\x04\x82i\x85\xe9\xfe\x1b\x1b\x85\x94%\x96\xb3I\x89g\xa9\x1f\x00\xacU\tnu\xd2-\x920\t\xd8b\x13\x82\xa6\xd5\xec\x8f\xa6J\x0c\xa8UZ1\xeew0f\xc4=l\xa8\xd3\x9bZ\x0bA#dI\xd8V{`\xac3\xf9)V\x8a\x0c\xec\xa1VEB\xcdb\xaf\xd9\xaen\x9c\xa8W\x99&gt;-\xa8\x8d\xfeA\x11\xaaR =3\x99\xd8\xcd\xa1\x86X\x06\xeaa\xce\xe6\x15\x17\xdd\xef5E]\x1f\xf0?\x80,Uy\xdf\xfc \x9b\x98}\xaas\x98\xffHc\xff\xc5\xb0\xe0%\x7f\x18z\xceS\xbd&gt;\x02^\xd4\x9c\xd5F\x1eyz\x112\xda\x04\x04\xeeR\x8d\x1a\x9d@\x87\xde"\x87\x9bj\x14\x05\xa9\xa5s\x13\xcd\xb0\x82GrT\xb9np\xb6\xd2\xeaS\xbdR^9\x90\xc8\xe31r\xad\xf0v,\x9c\xd0t\xa5z\xa8\x899\\\x9f\x9e\x1a\xd3^\x04\xe8!\x1b\xa5\x96\x8d\xc9$\xc2\xd5\x17J\xabm\xbam\x0b\x83\x15\x88\x8b\xab\xa4\xbe\xf2\x1d\xc9\x92\xb4\x92\xe1\x91=\xb5\x18\xcd\xc7-\x14\x94K\x15\xaf)\xd7\xbb\x05\x08D!wq\x97\xdcJ+\xd1\xe2 \xcdsg\x86\x1bU\x91\xb5@\x00c9r\xaf\xe9\x96{\xf5\xc5\x10\xcf\x95J~=Rg\x07N\xf1"\x86\xd0\x8a_\xd1\xae6:u7\x7f\x03rt\xae\xaa\xcd\x1e\xe3\xf0t\xcd\xb96\xee\x97a\x1d\xb7 \xa4w\x98l\xfa42*\xf1_&amp;\xb5\x0eF\r\x83\xe3\x86\xa7\x14a\x1e^\x1e\x91\n\xdchcR\xf6=\xae\x98\x07\x84\xfe\xe0\x9c/\r|\xc8\x94\t\xf1W\x9f\x8cd5\xe0\x9d%\x06r%}\xff\xc3\xb6\xb0M\x12\xff\xc0\xa7$\x95\x8f\xdd\x99;\xad\x00jL\xec\'\x9b&gt;\xca \x8e\xd9\xf5=4\xc1\xe6 R\xdf\xb0\x9bV\x9c!X\x9b$\xf2#\x06\x87\x8e\xb0\xfb\xbay\xb1`\'\xe9v\xc1\xf4\xdc\xd6\xf0\xc76\x03\x83\xb2\xbd]\xce\x1a\x00\x87Gd\xd8,\t\x18\xc2\xad\n_3x&gt;s\x10\x03M\xe8&lt;3\x91r+I\x8e\xf3c\xb73\xe6\x95V\x952\x92D\xbaw%\xd2B\x0c\x98&gt;\r\x07\xa0\xcd\xc6\x878f\xfc\xebg\xe1\x03\xce$:\x16\x9aA\x92\xea\x13P\x9e\x89\x1b\x9f\xdem\x07\n~uV\xa7\xc8\xea\x1a0f\t~\x1c\xbbD\xc6}$\x94\xa8\xc6\xe8\xc7qF\xedh\xb9()\x16\x99\x14\x925\x99\x11\xbcl\xcf\x1e\xc3k\xe9\x08%\x82\\8\xafy\x1c4Se\xf6\x86\xdd\xbbK\xc3\xd5\xe39\x05)\xb0!=\xbaGJ}\xba}\xa1\x85\x92/\xca\xd9\xfd\x1aQ\xaf\xa1\xa3\xb9\xf4I\'\x12\xd8\xa6\xcb\xf9\xf2\x1d k\xbc\xd2:\xf9\x11\x00\x8e\x89\xce$6\x86)\x85\x97\x1b\xc1\xea\xa9\xc78\xb5mv\x9d\xe1\x17 \x19\xdd^f\xe9\xaao\'\xde\x91\xcfF/\xb0\xf8\xe3jD2\xf1\x04a\xefq0)\xfd\xcf\xb7\xf5\xbe\x98\xd8\xd6D\xdc\x17 \x8b\x91&amp;\xf3\x1a\x97\x90\x7f\x00\xde\x97i\xc8\xec\xd6\xa9N\xffV\xd8\xf2P\xdc\xb9G_y\xb6\xad\x0f\x1aE\x91\x80\x0b\xfb&amp;\x92j\xd6\xb1\xa6Y\xad\x00G\x0bVDd\xd3\xbdW\x06L\x92\xbao2\x04\x87\x0f\xc3\xe7\x88z\xb3\x02H\x909ag\xfe2\x8b\x12\xacQJ\x8cX\x8c\xdd\xa1F_ZA\xbc\xed\x06\xa4_\xf7\xb9-M\x8b\xf20\xa1n\x05\x8e\xca\x1a\xb4s\x89\xf9\xb4\xb0J\xfe\xe5k\xbf\x90f\x16\xdbw\xd7\xd8\x8a\xf5?\x8b`\xaeXE_cPb\xb5/Ht\xb6\xe0T9\xcf\xc9\x9f\x98\x9d\x81\xbc2\xb2\xfd7\xe0K\xdb\xban7\xff\xc2O\xf5}\xd5\xa8\x88\xb4\n\xdb\x9c\xaeuj\xee:\x957\x89@\xd5\xbe\xe2\xfb\xe8\xa2A\x0e\x01\xf0qf\xbfN\xd9\x04I\x1b\xe6:\xb0\xb0\xd0\xd9\xf3\x0e\xd1\xdd1\x93\xbd\x9e\xd7\xa8u\xf3Bq\xb0%@\x15\xfd\xe2M\x0bA;b*o\xfa\x03F\xe4\x9f\x11\x08$\xa6\xe1q\x9bN\xfa3wV\xf4\xebT\xa2\xc8\x83\'\xda\x17[\xa0\xd4\xb5]\x82p\xfd\x96G\x7f\xe9\xec\xfc\x8b^\x9bP\x86\x02\xfa\xa3\x84p\xe5\x97\xa0V\xb1\xcd\x1f\x1c\xe2.M&lt;Q\x15V&gt;vP\xbaS.\xf4\x8a\xce\xbds\xa9\x16\xd4\xb3S\x90\xb6\rX#\xda\x13\xba\xe8m\x08\x06\x0c\xd5\xa7\xab\xbd\xe5\xb9\x9e\xf6\x9dz\xdc\t!E2\x8a\xaf\x18l\xc4\x19\n\xd8D1\xa6-\x91\xdf~*\xa9;\xc82iDm\x93}\x14\xa8B\x1a\xcb\xe1\x90\xb2\t\x7f\x95jq$yX\xde\xf5\x91\xf4c\xe0\xe5b0\xb1\xf8&lt;\xc7\x1b\x13\x97\x19T\x12&lt;\x10\xa2\xcd\xd2\x80,Sx\x9dR#\xcf\x84{@O\xce\x85x\xb9&lt;XK1\xf0\x12\x1e.\xaf\xe7\xe0\xc2o\xfdU\x98\x15)\x86\xf0\xd7^|\xba\xb9g;f&amp;c\x95.d+\x17\x8b\xd7IY`\xfc\x04,\xa1\x07\xc6\xd2q&gt;\xe4\xea\x17[\x18S\x0f\xfd\xd6\xfc}\x1f\x18\xa5(\xd96\xb5\xe5&gt;Z\xff\x90H{n+\x15\x9am\xc7\xb5i\x07\xfe:\x89\xb4\x9b\xb5\xe29\xe3B\xb7\xe3\\C\xcf&gt;A\x9a\xd4xn\xa0\xdb &lt;\x93)\xac\xc5\xfeQ\xe4\xb0\\;&amp;wE\x8d$\xba\xfc\xb6\xfc{\xc4O5\xec \xf9\xed\x06\xae{\x84kX\x16\xf6\xa3\xa6O"c\xcbQ\xb6Z\x04\x12\x96\x88g\xe7\xc2\x97\xcbM\xe0\xe4d\'\xae\x8b\n$\x7f\xbd\xb7\x07\xd0b\x0edbf|t\x00\x1a:\xfa1Q\xcd\xd9\xba&lt;!\xc7\x95\x0e\xc2P\x8a\xaa\xe3\x0f\x19\xb3\xa6\xeb\xad\x00\x1c\xb3^\xc7r\xae\x81\xc7J&amp;\x9a\xb0\xcb\xbcZ\xc5wf\x0eq&amp;\x1e\x91\xfbi}\x9f:f\xa2\xab)\xeb\xc2\x19\xcbY\xf9:\xec+\x96C\x0e\xb0\xc8\xc9\x05\x87\xbb|D\x049\x1c\xe1\xfb\x16\xaf\xa49Y-\x04\x9c9F\xca3B$7\xa71\r\x1c\xc3n\xc0\xaf\xadD\x0f\xaaq\x1e\xf4L\x1e\xe8\x91\xc2-\xe0I\xecU\xc6\\\xd8\x80\xac\x87F\xa0\x9c\x98\x9d\xf0A\x16\xe4zo?a \x1er\xb0\xf2\x13k\xd0;\xf5\x81\xbeP\xc6PL\xddj)\xd3Q\x117(\x86Jw+\xc0Y{\x9aK\xf5e\xa8\xeb\xd7\xa0\x94\xdd\xb1\xaf\xcc\x1d\x07\xb6\x9e\x94\xe3\x93\xe0P\xa7z\xc9\x8f8[/\xben\xa1\x81\xed_\xb2V\xf4\xdf3L\xd4\xdb\xf1iz,\xeb\x13\x01\x04NZ\xa5 \xb4\x11N_\xe5\xe9\xc8\xe0\xec2\xea\x08'</t>
  </si>
  <si>
    <t>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</t>
  </si>
  <si>
    <t>b'n\xdc\x07\xb1x\x19\xc1\x95\xb0\xd9\xbb\xa8\xf6\xfc\x11\x03'</t>
  </si>
  <si>
    <t>e," said Mary, and she sighed for mere joy. "I'll
warrant it's the graidelest one as ever was in this world."
"Does tha' think," said Colin with dreamy carefulness, "as happen it was
made loike this 'ere all o' purpose for me?"
"My word!" cried Mary admiringly, "that there is a bit o' good Yorkshire.
Tha'rt shapin' first-rateâ€”that tha' art."
And delight reigned. They drew the chair under the plum-tree, which was
snow-white with blossoms and musical with bees. It was like a king's canopy,
a fairy king's. There were flowering cherry-trees near and apple-trees whose
buds were pink and white, and here and there one had burst open wide.
Between the blossoming branches of the canopy bits of blue sky looked down
like wonderful eyes.
Mary and Dickon worked a little here and there and Colin watched them.
They brought him things to look atâ€”buds which were opening, buds which
were tight closed, bits of twig whose leaves were just showing green, the
feather of a woodpecker which had dropped on the grass, the empty shell of
some bird early hatched. Dickon pushed the chair slowly round and round the
garden, stopping every other moment to let him look at wonders springing out
of the earth or trailing down from trees. It was like being taken in state round
the country of a magic king and queen and shown all the mysterious riches it
contained.
"I wonder if we shall see the robin?" said Colin.
"Tha'll see him often enow after a bit," answered Dickon. "When th' eggs
hatches out th' little chap he'll be kep' so busy it'll make his head swim. Tha'll
see him flyin' backward an' for'ard carryin' worms nigh as big as himsel' an'
that much noise goin' on in th' nest when he gets there as fair flusters him so as
he scarce knows which big mouth to drop th' first piece in. An' gapin' beaks an'
squawks on every side. Mother says as when she sees th' work a robin has to
keep them gapin' beaks filled, she feels like she was a lady with nothin' to do.
She says she's seen th' little chaps when it seemed like th' sweat must be
droppin' off 'em, though folk can't see it."
This made them giggle so delightedly that they were obliged to cover their
mouths with their hands, remembering that they must not be heard. Colin had
been instructed as to the law of whispers and low voices several days before.
He liked the mysteriousness of it and did his best, but in the midst of excited
enjoyment it is rather difficult never to laugh above a whisper.
Every moment of the afternoon was full of new things and every hour the
sunshine grew more golden. The wheeled chair had been drawn back under
the canopy and Dickon had sat down on the grass and had just drawn out his
pipe when Colin saw something he had not had time to notice before.
"That's a very old tree over there, isn't it?" he said. Dickon looked across
the grass at the tree and Mary looked and there was a brief moment of
stillness.
"Yes," answered Dickon, after it, and his low voice had a very gentle
sound.
Mary gazed at the tree and thought.
"The branches are quite gray and there's not a single leaf anywhere," Colin
went on. "It's quite dead, isn't it?"
"Aye," admitted Dickon. "But them roses as has climbed all over it will
near hide every bit o' th' dead wood when they're full o' leaves an' flowers. It
won't look dead then. It'll be th' prettiest of all."
Mary still gazed at the tree and thought.
"It looks as if a big branch had been broken off," said Colin. "I wonder
how it was done."
"It's been done many a year," answered Dickon. "Eh!" with a sudden
relieved start and laying his hand on Colin. "Look at that robin! There he is!
He's been foragin' for his mate."
Colin was almost too late but he just caught sight of him, the flash of redbreasted bird with something in his beak. He darted through the greenness and
into the close-grown corner and was out of sight. Colin leaned back on his
cushion again, laughing a little. "He's taking her tea to her. Perhaps it's five
o'clock. I think I'd like some tea myself.</t>
  </si>
  <si>
    <t>b'\xd4\xee1v\xbb\xf11\x1b\x1f\xd8\x17\xc7|\xb1\x92.\xebJo\'2\x80\x9e\t\x9a$\t\x9e\xd5\xd7\x96\'*\xfa\x80\xd4p\xe4\xf7\xe5\x8c#\xfe\xdbG~\xfd\xb2\x99\x93x\x10\xe4?\xf0t`UKj\xe3&amp;\xbbt\xf3h\x84v\xf9\xc3rw\x86,\x02i\x0e\xed\x9eA\xc4BoI\xa0\xd3J\x93\x16=7c\x0f\xc9\x92\x0e\x81\xac\xb3\t\x9a\xfcE\xa4T%\xa6\xce\x8c5\xebS\x1c\xeb\xc2\xc4T\xd8\xc2\x16{\x8c\xd2\xe7=\xc0|\x1c=\x8d\xb0?\xad\xca\xcd=\xfc\xae*a\xce]\x1cI\xf0\xbd\xb0\xc6Ycx\x82W3\x97\x96\x11\x1b-\xabN\xa3\x95\xb0dT\x87\xf8\xabLk\xa6o\xbc\xac\x05Y\xc4Y\xe7\x1b\xab\xf4o\xe1\x1a\x839[o\x9b\x8e\xea\x87\xc1\xd1\xe2\x81\xddX\xf7\xe3\xee\x0c\xabk\xf6\xd8\xd6Y\x93\x1cC\n\xe9\x1c)\x96s\x9e\xb1"\x1c\x96\xbc\xcc\xaaa\x0b6\xff\x0fk\x06\x8f:\xe6#)\xf0\xf9\xea\xe4\xdf]d_s\xdal8\xf0\xee\xfa&amp;\x1a\xf7\x02\x98\xdd7\x9d@\x97Ey2\x18\xb0\xf3E\x8f\xb7F\x8c\x1e&lt;\t\xaaOz\x0b\xd5\x03\xd6\xebUG-\xfd\xfb\xcb\xa5\xca\xd9H\xe1\\\xdd\xea\xf3Q$K(Lx\x88\xc8x\x9b\xb2\xfaR\x1d\xe26\x86\x1e\x07fF\xaf\x15\xbc\xefk|\x06\xa0\x9b\xa4\xa8x\xdf\xfeP\x9f\x14\x90)\xfb\xe1\xf1\x1e|e\x0f\xc1\xe0\xed\xfc\xc31\xb8t\xc0\xc6g\xd7mo\x93\xb0\xa7\xb6\xd7\xf4\xc0\xd6\x98\xea\x8c\xc1\x17e\xef\xdd\x91\'O\x1f,x5Yvx$\x95&gt;\'0\x11\xbc=S\xe4\xd4yL\x15\xec\xae\xbc8\xc6\xdd\'\xe52\xf1\x93\xa0\x1eY\x0bG\xdd\x0b\xc9\xba\xbcc\xf7G\x04E\xd5\xc1=\xac4\x83\xb6\xfa#\xcf(\x915[\xf9\x91\xca\xfdp\x9cE\xbb\xbe\x84G\xe3&amp;\xc5\xbb\xcag,\x18]b\xee4\xe9X\xbd&amp;\xe3e\xc8\x03\\\x98T\x82 x\xd0\xdaGo\x03\xac`\x88\xab\x99\x8d\xccF\x8a\xb6]+\xfd\x14e\xe5\x9d\x1c\x91J\xb1\xe0\x1e\xcd\x1e=\x98\xf2o\xc7\xde[\xcdo\xea\xa0\x9a\xfe\xbaM`zqm^m?~e\x8d\x19\x94\t\xc4\xca\xaaw\xbc\xb1n\xba\x92\xab\xcf\xe0T\xfd\xf2\x9b_R\x8bu\xa3:\xc5\x92\x18i%\x0b\xac\x0c\xd5\xfa\xe6F\xf1\xd0\xab\xd1\x19#2=\xd0\xe8\x90\xa8\xec\xaa\x1f\x02\x90\xa5\xe7J`\xf7\x99M\x06UF\xa8\xdf\xa7)\xc5\xf8*\xc6\xb5\xc1[\x85\xf3b\xabR&gt;\x89\xf8\xe8\xe3\xc6\xe6bB+x\'\xb9\xb4\xa8e\xcc6\xbe\xf2\x04\xaa\xbf,\xceU\xb3\x1bH~\x8c|\x19H\x0e#:\xee\x12\xf3#\xdd\xd2-\x9eFTg\xc9\x7f\xa9w: \x8e:\xdf@)\xa8\xe5$|?Y\xf2\x07\x8e\x8b)\xd0W\x11\xceL!\x07\xd4\xe7d\xc9\x06\xea}[\xfev\xb4\xf4\xfa\x85Xa\xbd\x9e%?\xb1\xe0\x7f\x04\xf6\x1b\xc7\xa7T\x11f\xc2Z\x91s\x82\x0fb\xb8\x89\x9e\xc0\xe2=\x11|\x89\x94\xc9\xbd\x96\xeb\xfe\x8d\xe9\x93\xfal\xab$\xbe\x93\\\xfa\xf7\x95,3\xc4)\x92v#\xe8\xa7\x0f\x06\xd6\xa02+\\\xb6\x8c\xaca\xbd\x9f\x9a\x08\xae0\xec\xcfq\xfc5\xad\x165C?bI\xa1\x7f\x0bE\x9bN:\xfev\xea\xa9\xe9o\xd0\xbd\x07\xcb0\xf9\xa8\x93\xd7Aw\xed\x86\xc7\xdb\xb9^\xf2\xf6\xe2\x98\x8c\x87\xb0\x9e\x833{\xbc-\xac(\x04f\t!`:\xc0_j\xfd\xc8\xf0\x0e\xe6\t\x8a\x05*\xb3!A\xb6F\x91\xf9\x13|\x18\xd5\xa01D$\xec\x85\x81z\xdf\xd0=z\xa3\x89\xdb\xb4pT\xbc\x00\xe8\x93\x10\xa9\x84kP\xe1\rg\xc5\xc0\xe6\xdf$[M\xaa/\x1a\x82\x91\x9au\x17\xa7\xc89L\x8e\x05\xc2f\x8a\xd8f4lW\xc3f1\xd0M\xbf\xf9\xfe\x0e\x1e\xc9`]7\t\t\xe5K8d\x1cO);\xef\xe8\x07-m\'\x8bw\xfcjhDC7I\xc3\x19\x85\xc2\x1ey`0\n\xedF&lt;\xc2\x1d\x11\xc2\xbf{\x8f\xc9\x10\xe8_z\xa7|M\x08\xff~\xe4\xf0\xcd\xb4&lt;k\xef\x05\xfc\xd0u\xa1c\x07\x9e\xee\xc8\xf9\xb47\x98\x95\xbfG\x0b\xfd4\x06[\xf8\x890\x7f\xa2\xbd\xb6\x86\xb4\xc5\xda\xc8i\xd1[\xb8\xc5\xf7\xa1\x04\x1f&lt;\x8faT\xd6\xef\xd7\xe6\xa6j\x1dR\xe5\xd3\'\xb2e\x05\x01\xd1\xbb\xb57N]\x0fM\xf2\xd3R\xef\xbe\xedg\xd1ny`\xeb4\xc0\x86\x17\xbe\xbf!\xcd\x82\xf1\x1a\xc0(Oe\xc5G\x17\xbaSO\xa5k\x07\x14[\x8et\x9az\x05 \x8c\x8d]\x17|\xa3\x8c&amp;\xd5W?%kb\t\xba\xcd\x8e+\x8a\x10\x81\x9e1l\xd5%b=\xfa\\:;\x86\xb1\xed\xd2\x8a\xf1\xdd\x10\x02\x0bo\xaf\xab\xc9O\xd7\xb9\xd9\xa3\x1b\x80\xd2\xc3\xb9x\xc6\x9dp\xbe\xfa\x16t\xe5J\xdf\xfc\xb5\xbf\x88\xa4\xc8\x16\xf1\xf9I\xf6?\x8fn\xe7%\x0e\xdcs&lt;\xa2\x03l\x8f\xb6\x80\xb2 \x13\x91I\xc1\'\xb1(.\xea\x1f2Z\xd8\xabEZ\xe1\x1c\xaa\x83D\xb3nNyl\xa7vq.B\xac\x9d\xaa\xe2Wq}\xa7\x1e\xd0{$!\xcd\xf6\xcdi\xf8\'\xa0\x02\x8f\x07hAB\x84Y\x03\xd3\x05\xfd2\x14\x12\xe9\x91\xb6\x95\x9d\n\xed\xd0Z\xc4\x87\xc8\xc2R\x0cI\xb6\x08\xd9\xef\x15\xc0\x88b\xf1\xf3\xc2|\n\x94\x8cub\xc06&lt;\x84+\xa3\xbeH\tG7\x92\xcc\xf5fF gHu\xedT\xb4\x90U\xbf\x85\xa4&gt;j\xcd&gt;\xcb\xd8hhs\xf6\xc4s]\x07_=H\x0bErZK\xcc^\xa0T\xd2\xf2g\xc3u-@\x07\xb8\xf3C\x81pDv\xd4Xx&lt;\x92,]\xa6\xe2\xb2\xdcaG\xf6\x04^\x05\x17\x8a\x97{P\x1f\x1b-|\xd0\x97\x1a\xe1\xce\xec\xab]\xa4\xf8I\xcd\x19\xc8\x88\xe0\x91\x1de\xf91:\x95D\xd5\xae\xe3\'\xf6\xbaL\xfe\xe9*\x90\x9d(\xf7\xfd E^U\x11\xbf\xb9\xdf\x14D&amp;\xce#E\xa6j\x833\xf8\x9dBRpb\x89\xf6-\x0e\xc2\xecX4J\xe8M\xc1\xd4S\xdb$\xd6\x8c\x05\xb2p\x84J\xae\xd8\x0bn\xd8.Z\xf8\xd2\x11LBK\x8a\xcdZ\x8dF\x0c\x9d\xd1\xfc\xf3\x08TGBC=\xcd\x8a!;\x15\xbe\x9d\x8d{\x08\xc5\x93\x0fkz\xb7\x0e\xab\':m;E\xdc\x9b\xda\x9a\x06MI+\xf3+#E\xa0\xae\xc4\x0e\xc4\x92\xd7B\xb6\xc7\x97\xfe\x04\xbe+\x8ec^\xd5I*e\xc5n\xdc\x18\xaav\xd4}\xee\xb1\x81?\xe7\xb4\xef\x0e\xaa]B\'\xea\xc7\xef\xd8\x9e6bW`\x84\x91\x89\xeb\x16 5F\xcf\x15\xf1\xb8o5\xa8=\xdf\xa5\xe0z(\x90\xdc\x08\x14\xf0\xd8\x15v\xc9t1\xaf\r\x07\xb3\xca\xa0\xe3\x01\x8d\xee\xcd\xe8\x14\xa3\xa5\xa2\xc2\xdb\xc6\xfcF\x0cU\x1c\xeb\xd4]\xb1 \xb1\xa27\x06\x88?&lt;-\xa0\xa6\xcd\xaf\xd7\xd1j\xd4\x15\xd4\\\x8dnw\xee\xa3t&lt;\xfd\x9df\xa2\xf8\x96(L\xfd\x1d\x12\xf1\x8a\xd8S\xa4\xd3\x9c$v\xb1\xce\x82\xf0\xedSc\xfe\x01\xa4\x8c\xdd\xae\xc6\xd1\xfb\xbd\xba\xb2"\x0f\xf9\x9bQTz\xech\xc8\x0cv?\xcd\xe8\xff\x82\xe4@\xb8n\xb0#L\x1e\xac\xcc{\xbe\x86R\r&lt;\xa3\x87\xba\x94\xc0\x93\x07lX\xbf\xfbLOxH\xf9I\xc9b\xe4Yc\xdc(\x98)\x1f\x91\x82\x88n0\xb5|\xab\x1a\xff&gt;\xfa\xd7\xd1GUI\xb5\x96\xaaa\xb6\x16\xb4jQ\x18\xa3\xb5\x81\x1fk\'\x9a\x80\t1r&gt;\x7fV \x90,\xb8^\x03\x0c\x1a\xce\xb55\'\x9a\x9bs\xcb\xc0\xe0\xbb\xba\xf4\xe5\xad\xf2q\xacq\xd7\x8c\xb1m\xeb\xd6\x85\xfcO\xb0\x12XL\xea\xe9\xd1\x1e!\x1c\xd5\xd7/\xb5\xa5r\x13\xd1\xdd\xf2q\xb2\xf71( &gt;\xa7\xe3j(d\xc4TE\x18\x94\x92\xbf\x8f\xe8\xb6\x0f\x97\xc5i\xbd\x0f\x99\xf22\x8fjl\x8f\x11\x0f\xb7\x9c&lt;c\x8e\xb7\xe0\xce\x0e\xf2\xd2ICW\xd6\x91\x1e\\x\x84\xd1?6\xf6\x1b\x1dk\xc7@\xcal\x91\xd9n\rs\xb7\x07\xd4T\xa3\xd5\xc0\xb0)\x89\xc0\xdc\xd9CrPt4\xafC8\xf0\xb9^\xa84\x1c\xec\xe1[r\xf3B\xd6\xf3H\xd3cq\xc3\x14\x16u\xf5y\x1f\xbd\xf6"\xdb\x88\xcf5\xcbw\x0e\xdd$PMM\x0c\x7fkO\xd4\xb9~\xfb\xc8\xa6\x88\xa3\xdeAQ\xdc\xfc\x91"\x9c\x97\xcc\n\xf5\x8e\xab\xf2\xe7:O\xd3\xfe\xdaC\xab\x99KW\t\xda\x88\x8eV\xb2\xf3\xbfM\x9f\xdf\xfe\x1c\x11\x06\x07\xf7\xfa\xa3\xe5\x00\xec\xb2A9\x008\xe8%\xf7\xb10\xc6\x8b\xd8\x9b&gt;\xb0\xbb\xd6\xbd\x9c\x995\xf6\x1d\x12\xe0t}\x7f\xf8\x01\x91\x82]~Aa\xa7\xe7b\x80\x10,\xfb\x94y\xed\xed?8SS\xcf\xcf\x9c\xfa\xc3\xb0\x17\xbbn\xc7`0JX\xa8w\x87,.\n\x16\xb8\xa6\xb7Tv3\r\xadly+\xe7_\xacA\xb9\x04Z2\xb2A\xd0@\xe0a\xa3\xc3\x9e{\xef\xafZ{\xac\x93\x94\xd1\x9b$q\xc0\x1dK\x12\x99F\x10Z\x85Bp{\x82(6\x07\x07\x94\xe9\x80`\xd0\xa0\x9c\xdb\xcd\xc3\x82\x9c^sP\x80\x88\xfe\xdf1d\x8f\xdf\xb1]\xaeI\x86X-?c\xc4{\xfa2B\x18w:\xc4\xa8\xfa\xa1\x1b%\xb9\xc1\xb0-\xfa\xacY\xb4\x94h\x9d\x19\xcc\x00\xf2!\xb4&amp;\xc2+\xff%\x05\xb3\xaf\x99\xc0\x95\xb7\xc0\xfc\x8aZ\xd9\xa4\x99\xf0\nU\xa9\xa9v\xb5\xcb\xa4\xf1\xc6\xe64\x05\x83\xb5\xe7\x96\xedw\x81\x97\xb8\xfd\x7f\xa7\x015\xdb\x0f\n]\x89\xa5\x9f\xc0i\xa1XP}1\xd6\xbb\x12QM\x0c;\xffz\xad%\xb6R\xb1\xc3}L\x12q\x93\xca\t6\x05*f\xb4\xdb\x82\xcd\xc17Y\xad\x94\x8dD$p\xea3\xa9Fk\x11\x00r9L\xc9J\xbc\xb5\x16\xbe\x94\x85uD`\x82\x80\xbau=\x1b\n\x89\x86\xca/)\x96?\x1549\xb0\xc9\x1b\x87\x0f$\x92H2 \x04\x8bg\xc8\x81\tQ\xbb\xb0\xe7^\x16\x9d\t1\xd8\xa1D\xf1\xe2\x80\xd4H\'\xfc\x18\xfe\x1f\x19\xaeO0H\x1a)\xe2bx;\x10F\x9d~\xa7{\x81\x05.\xaf\xden@M\x16\xf2;\xed\x8c]7V\xb7\x8c{W\x10\xb2-\xcc\xd2\x15\x1b\xd8\xdd\xda"&gt;B\xdb\xfa\xc8\x10\xe6R\xef\x17le\x81\x05&gt;\xa1\xb8_\r\xb8\xe6\xfa\xf4\xa7V\xb19\xa4D\x1a\xea\xf02\xa0mv\xef\xc8E&gt;N\x1f\x16\xbfLC\xc7E\xa1Rb\xdcn\x1d\x18\x91\xf6Y\rf\x92\xd2\xfc\x0f*Q]\xb1)\xde\xbb\x07\xd6\x8d\xad\x83Z\x05F\xa2Km\xd22BS\xe2\x0e\x16\x82D&amp;\xe0/~(\xb1S\x8d\xe1\xad\xa8\xc2\x81K\xc8h\x07r\xf7\xc49\x86\xb9\xb5\x99\xc8\xdcl\xc9\xc6\xe1@G\x19\xe7\x9b\x80z}\xfd\xf8\xaa\xec\xb2\xb6\x16\xc7\x94\xd1\xbf\x8d\x9b(\xe28\xd0]U\x01\xf5\x01\xad\xcf0:H\xd6\x87\r\xa5\xa6\xfdB\xe5d\x8e[\x03\xef\xe9\xb6\xf2h;jfzem2\xa82\xcb\'\xf0\xc8K\xe9Yg\xd2\x80\x90\xcd,\x99 +R\x11)\n25\x1f\x83V\x85\xeb9E\xb5v\x81\xff\xa1\xbb4\xf9\\\x1d\x98=@\xbc9\x03\x05\xa2\xc8y\xeco!\xd1I\rD\xbe\xa8\xbb\xdf\x86I\xa4"$\xd7[\xba\xcf\x0e\xd6\xc8\xc6L\xa5\xfdy\x8d \xf5\xb6\x1cJ\xaa\xe9\x9b|*\x8aq\xaaaJ\x85eDq\x9ec\xbfn\xadBIG\x84I\x9a\xe6q\xa7\xcc\xe9\xab\x84\x80\xa6\xc5j\xca\x13\x8f\t\r\x869\x16\xe0a\xd3\xa3\xa8\xdbe\xb5)\xce!6|\xa9P\xb3\x10+\xf3\xa1l\x8c@\xcb|\x93\x8a\x0c\xf0\x8dJ\xc1of\x87\xb2\\\xdf\x18\x91\xef\x02\x92W\xb9u42KT\x94\x97\xa9\xb0L\xe7\xc0\x85\xb9R\x8an\xf0H\xddx\x08\xa7n1~\xf4\xb6\x10:\xd5\x87\x06i\xdd\x8f\x17W\xf2\x86\xfd\x93g+k\r\xc0\xdeP,\xd5^\xa2\x0e\x90\xdc\x03\xde\xd1*\xb8*\x88\xb2k\xe1\xc4\x12\xa6+\xe8/g\x87l*\xf4BJ\xde5\xc0\xb4\xack%39\xb3\x1f|\xdf\xe9p7*B\\4\xdf\x85F\xc4L\xaf\x96\xa0\x84\x85\x9d\xcf\xc8\xab\xef\xf5\xf1)\xcc\x1dJmD\x96\xd2g\xc1\x10\xc1\x8b\xc48\xbe\xbb\xbdz\x1c\x14#\xd95\xfcwN\x99\x9f]8ZC\xc8\x9b\xa2{x\x18\xfc\x06$]\xd8\xb1&gt;\x04\xfe.\xaeQ\x88\x941\xc3\x13\xc0\x1e.\x8b\x8b\xc2\xd9\x8cE\xce\xc0$\xbb\x03E\xe5L!\x0e\x02\xf4=\x08\xe7\x18\xa2\xbd\xe4\xca( .F\xf6\xc8\xd3}\x19[\xf8:./YJ\x01\xb2D\x87\x1d95L\xd0i\x17\xccH~\x83&gt;t\x08\x1d\x1d\x15P\xb7l\x04-\x1d\xe9\xdf\xf8&amp;\xc5\xb2\xb8\x07):\xaf:\x88\xef\x92\xd5\xb8\x1b\x012\xf8&amp;\x03\x961\xad\x193\xbc\xc9haU\x10\xf4!{\nn\xaa\x04\x03\xe4\xd9\xa9\xfe\xce=H\x8f\xa1\xca\xfd\xa7\xe7\r&lt;\xa2\x8b\x16?\xe0\xa5[\xce\x8a\xec\xad1\x92i\xa1m\\\x83\x8a\t|\x11\xb7\xb82\xebH&gt;\xafY\x02\x90T\xce\x89\x0e\x00.GD\xb4k*\xf6`\xdd\xee\x83\xf7\x1e\xe7\xc4\x91\xab\x90\xd1\x91\x9dNz\x85\xa2\x80\xde3\xdb\x1b8\xc10\xd3P\x9a\t\xd7\xddETC\x15el\xac\xcaS\x8f\xf2/d\xcf\xcf\xadD\xb9H\x13\xaf\xd1\xb0\xc4at\xc1&amp;\x16\xecDP7_\xc4X\xaf\n8\r8\t\x83\xec\x975\xa5\xd5$m\xff`\xdd\xbdP\xaf%\x00\xc2z\x1a\x97b\x90\xe7#\x90p)I*\x06n\xee\xfc#\x914E)\x07m\xec\x1b\xd2\xec\xb6\x91\x9f\xedI\xb8)@{\xc0\x13\xa1\x16\xd0\xe9\xbf\xad\x1ftv\xc0a\x0c\xabYM\x98\x82\xd2nd\xa2\x01\xa8O\xff\xbb\xad\xb6"\x92\x98\x11\xb8-\xd1@J@[\x1c`\x9b\xca\xb5T\t\x10\xc3G\xe7\xbcC \x80\x18\xfe}.\xd2\x84o\x93dn\x16\x10\x03\r\xf0&gt;\x9f\xa4\xda\x90\xbc\xcd"v\x87\xf3\xdevH\xe5x\xff\x9bj\xb6\xfd\xc8\x02\xe4\xe7:0\x9a;\xf1/\x8e\xe5\xe1jTI\x1cH\x0b\xd7U\xf8\xbc\xe2|\xa9\xc4M\x81\x86B\x0f\xa4\xf7\x0b\x12\xe2\x16\x03\x1c\x02V\xe1\x85R\x8d\x03\x0f\x95\x15v\x14\x0f\x83\x9f\x18\x86!\xe8\x9bb\x0e5\xff\x1f\x83\xe9\x90\xf3\xe6Q\xd9\xd1Z\xd8\xe4\xf1\x18~\xb2\x98c:\xfb\xd4\xa7\xf3\x9e]\x15\xca\x12\n\x89\xcc\xd6\xf5\x1e5\xb8\x97\xefkW@\x01\xc1S\xe8\xb0,\xc4\xd1\xdb\xbe\xb9$\xd9"\xa6\x83\x0c\xe9\x87ZK\xd5\nX\x87\xc3\xd4\xd4}\xfe0J\xdb\xc8\xb2\xa5g10\ngM\x1d\x89\x91\x0b~4\xc7\xbb9e\xa0\x84.\xbb?\xd3\xd6\x1f\xcb\x7f \xe3\xb0\x9f\xfe\xea\xebq%"\x0b\x8d$\xea\xe2\'\xc7\x8b\xc7\x92\xc1mQ\xa8=\xa0p\x99\xef\x1d\x14\x1bn\x8avIA^\xc5\x10\x9c:\x9f\x06\xcd\x10W\x81\xe4\xefx\xf7\x0c(c$\n\xa9\xe1\xbb\xc2\xc3-#\xe5\xe1\r\xa58W%\x8d\xba\xecE\x16\xe7\xccN\x8bE\xcc\xe8\x9c\xbd\xdfU\xe0\xa2\xf7\xb1\x07\xa2\xdc\x1f\x1e%X\x94\x82E\xb8\x12XE\xc3n\xe3\xa9m\xcc\x85\xa0\xa3\x14\x86\xadr\xeb\xc8\xe5\x85=\x8d\xc5\x7f\x19\xbf\x12T|\x94`\xb1xyp\x1e";\xaa\nQ\xdc\xf4k6&amp;\x0c\xd0\xd5\x9c\x8b)\xae\xdc+~\xc7`\xee\xf7\x88ww\xad\x8e\xd0\x0c\x11\xb8\xc2\xf4\xccR\xbe\x81\x83\x81\xeb\x13T\x1d\xbd\x87\xc9\x8dm\xf2\x13\xfc\x14\xa4{-Z\x180\\\xfd\x8b\xb0\xc2*\xf9|^V\x94&gt;z\xd1\x8a\t\xb1f\xbasz\xf6\xdeV\xbf\xc1\x1eF\x1c\x1d\x87W\xc8\xde\x94\xb9\xbc"\x8b\r\xae\x99\xbb\x93\x8a\xf4\x1bd\xca\x98\ro\xce\x81\xa5\x1d\x0e16\xbf5\xd6\xc3\xa6\xcc\xa2\x0e\x9a\xe1\xca@\x8fZ\x89\x14\x96\xf6\tPy\'\x98;T\xa1?\xb3z\xfe\x7f\xf3\x90\x04\x02V\xc4y\x9d)w\xbf\x03\xf5\xfc(~\x8e\x06T\xac\xdb\x13*~\xe3}\xf59e\xce,\xd2\xe71z\xee\x9e\xb1\x9a\x874\x11\xeb\xbc\xb7\xc9\xa3\x8eT\xf1\xa4^\xc2\x05_L\x11\xab/\x86\x99\xfe\x06z6\x16=\xdd&amp;g\xb2\xff\xa6o_\xc73i\x92\xbd\xe6L\x81\x83\x19\xb4\xb2\xba\xb3F&amp;"\x1e\x80.\x1c\x16\xd4.=|\xe7&amp;\x84\xfc\xe6\x15\x8b}=\xeb\xab-F\x0c\xc6\xd1\xba\xc72\xe8\xb2\xac'</t>
  </si>
  <si>
    <t>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</t>
  </si>
  <si>
    <t>b'\xd4\xee1v\xbb\xf11\x1b\x1f\xd8\x17\xc7|\xb1\x92.'</t>
  </si>
  <si>
    <t>y the court, in honour of the nuptials of the
 Duke de Joyeuse with Margaretta of Lorrain, the sister of the Queen. She
 described with equal minuteness the magnificence she had seen, and
 that from which she had been excluded; while Emily's vivid fancy, as she
 listened with the ardent curiosity of youth, heightened the scenes she
 heard of; and Madame St. Aubert, looking on her family, felt, as a tear
 stole to her eye, that though splendour may grace happiness, virtue only
 can bestow it.
 'It is now twelve years, St. Aubert,' said M. Quesnel, 'since I purchased
 your family estate.'â€”'Somewhere thereabout,' replied St. Aubert,
 suppressing a sigh. 'It is near five years since I have been there,' resumed
 Quesnel; 'for Paris and its neighbourhood is the only place in the world
 to live in, and I am so immersed in politics, and have so many affairs of
 moment on my hands, that I find it difficult to steal away even for a
 month or two.' St. Aubert remaining silent, M. Quesnel proceeded: 'I
 have sometimes wondered how you, who have lived in the capital, and
 have been accustomed to company, can exist elsewhere;â€”especially in so
 remote a country as this, where you can neither hear nor see any thing,
 and can in short be scarcely conscious of life.'
 'I live for my family and myself,' said St. Aubert; 'I am now contented to
 know only happiness;â€”formerly I knew life.'
 'I mean to expend thirty or forty thousand livres on improvements,' said
 M. Quesnel, without seeming to notice the words of St. Aubert; 'for I
 design, next summer, to bring here my friends, the Duke de Durefort and
 14
 the Marquis Ramont, to pass a month or two with me.' To St. Aubert's
 enquiry, as to these intended improvements, he replied, that he should
 take down the whole east wing of the chateau, and raise upon the site a
 set of stables. 'Then I shall build,' said he, 'a SALLE A MANGER, a
 SALON, a SALLE AU COMMUNE, and a number of rooms for servants;
 for at present there is not accommodation for a third part of my own
 people.'
 'It accommodated our father's household,' said St. Aubert, grieved that
 the old mansion was to be thus improved, 'and that was not a small one.'
 'Our notions are somewhat enlarged since those days,' said M.
 Quesnel;â€”'what was then thought a decent style of living would not now
 be endured.' Even the calm St. Aubert blushed at these words, but his
 anger soon yielded to contempt. 'The ground about the chateau is
 encumbered with trees; I mean to cut some of</t>
  </si>
  <si>
    <t>b'\xb3\xdcduL&amp;\x14E\\@\xcfM\x17\x9a\xf4\x99\xf1\x8et\xd1s\x86d\xb6\x05\xab\xcc\x19Z\xee\x82\xaa\x963\xe2N\xf3\xbf2w&lt;\xe3F2"p\xeda\x9f\xccS4&gt;\'k\xff\xd4\x1f|\x13Xk2\xd5'</t>
  </si>
  <si>
    <t>b3dc64754c2614455c40cf4d179af499f18e74d1738664b605abcc195aee82aa9633e24ef3bf32773ce346322270ed619fcc53343e276bffd41f7c13586b32d5</t>
  </si>
  <si>
    <t>b'\xb3\xdcduL&amp;\x14E\\@\xcfM\x17\x9a\xf4\x99'</t>
  </si>
  <si>
    <t>ver!" 
 He watched me keenly and slyly, his chin all the while on his breast. 
 "I reckon," he said at last, "I reckon, Cap'n Hawkin</t>
  </si>
  <si>
    <t>b'\xb0\xabOO7\xd9+5m9M\xdf\xaa\xc3\x0f[|3\xf3\x8c\xdc\xa1aE&lt;\xd3=\xcc\\\xfb\xcecCp-\xf5|xDK\xb9\xd0[ye\x1a\xe5`\x9c\xb3V\x13\x1d\xe9qqM\xd3\xdd\nt\xd0h\x14K\xa6A1y_\xb1l\xed&gt;\xdbJ:-uD\xfe\x93\xed\x88\xfd"\x02\x83C\x13"\xe0,B1{I\xe1\xd9\x18\x05\\=:k\xd0\x18\xaeV\x9aJ\x98\x86\xe2\xb4?b.j\x8e\x1e{\xd5\xcfe\xbcqqH\x9b\x1e\xfe\xb7\x92F\xaf8\xad\r]\x8f]k\x0eb\xd1g;\x7fK\x95@NNG,\xf3pz7%\x12\xd6\xf5\xa8-\x8d\xd4\xf1\xd1\xca\xb1\xe8\xc4%\xca,0Iv\xd6[\xe21W\xbeH[\x96-\x80\xc0\xbf\xe1\xc9&amp;\xe4\xdf\xb7\x8es\x1b\xa0\xb8\x94\x07\x01_\x9b\x99\xee\xa6(\x8b\xd2\xec\xb5^\xa4\xd7\xa4\xb2\xdd\x95\x86\xfd\x9fw\x06s\x12&amp;\x7f\xf1\x9f"\xef\x99weEL=\xa9c~4{9\xb1T1Zz\x91&amp;\xa5-\x17D\x8ckV\xbe\xfb\xc3?\xeaBZ$\'a1\x97\xe47l\xa2c\xc9ageV\xfe\x06\xbf\xda\xc6\x7fY\x19\x16\xa9A\xf2\xfe&amp;\x9e\xe9\xa8s32^r\x18\x0c\xe4\xb2$Q\x15Z_cU\xca\xad{\x9f\xb5\x84\xb2d\x916\xe8F\xbf\xedRw\x8f,\x16\xb6:\x89\x80\xb7\x07T\n\xb1D\x1e,\xf2\x8f\xa7\x95\x1d\xec\xd3T\xd3O\x95k\x1b\xbf\xa3#\x1f/\xce\x90\xcb\xf2}\x7fD\xdar\x9bR\xb8\x0f\x8e\xdfn(7\xa1\xab\x06&amp;\xa0\xc9"\xd5\x0c\\k\x18\xa4\xdfP\xf8\xf9i#N\xcd\xeb|\x9d\xf6_\xba\x8a\x8a\x06\xd3\xba\xeb\xa4NO&lt;\xa6\xf5\xa18\x1e2\xf6K{\n7\xd4t\x11\xe0\xd4\xf8(\x08\x01\x19\x9c\x86y@\x80\x08k_\xbf\xbe\xf7]\xfc\x06\x81\xf7-\x01\x86r\xf3*\x9c\x16\xc8\xc4\xf0\xba]\x87\xf7\xff\xa6c\xc7_\x82`\x08\x9fpp\x9a\xb3\xbf(\xf3\xee7\x18e\xfdi`M\xe3\x91_\x12\xde\xe3~\xfc_/\x98-J\xe2'</t>
  </si>
  <si>
    <t>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</t>
  </si>
  <si>
    <t>b'\xb0\xabOO7\xd9+5m9M\xdf\xaa\xc3\x0f['</t>
  </si>
  <si>
    <t>is tied from the emitter of Q1 to ground?
 5.4 Summary and Additional Examples 249
 Example
 5.50
 Assuming VA = âˆž, compute the voltage gain and input impedance of the circuit shown
 in Fig. 5.99(a).
 in v
 Q1
 I 1
 Q 2
 V
 R
 CC
 out VCC
 R 1
 VB
 R eq
 in v
 Q1
 out
 Req
 (a) (b)
 v v
 C RC
 Figure 5.99 (a) Example of CE stage, (b) simplified circuit.
 Solution The circuit resembles a CE stage (why?) degenerated by the impedance seen at the
 emitter of Q2, Req. Recall from Fig. 5.75 that
 Req = R1
 Î² + 1 +
 1
 gm2
 . (5.347)
 The simplified model in Fig. 5.99(b) thus yields
 Av = âˆ’RC
 1
 gm1
 + Req
 (5.348)
 = âˆ’RC
 1
 gm1
 +
 R1
 Î² + 1 +
 1
 gm2
 . (5.349)
 The input impedance is also obtained from Fig. 5.75:
 Rin = rÏ€1 + (Î² + 1)Req (5.350)
 = rÏ€1 + R1 + rÏ€2. (5.351)
 Exercise Repeat the above example if R1 is placed in series with the emitter of Q2.
 Example
 5.51
 Calculate the voltage gain of the circuit in Fig. 5.100(a) if VA = âˆž.
 Solution Since the base is at ac ground, R1 appears in parallel with RC and R2 is shorted to ground
 on both ends [Fig. 5.100(b)]. The voltage gain is given by Eq. (5.271) but with RC replaced
 by RC ||R1:
 Av = RC ||R1
 RS +
 1
 gm
 . (5.352)
 Exercise What happens if RC is replaced by an ideal current source?
 250 Chapter 5 Bipolar Amplifiers
 R</t>
  </si>
  <si>
    <t>b'g\x92t?D\xaf\x9d\x16\x19\n\x1dd\xdf$\xbf\t'</t>
  </si>
  <si>
    <t>6792743f44af9d16190a1d64df24bf09</t>
  </si>
  <si>
    <t>n' skip out o' doors," said Martha. "Mother
said I must tell you to keep out o' doors as much as you could, even when it
rains a bit, so as tha' wrap up warm."
Mary put on her coat and hat and took her skipping-rope over her arm. She
opened the door to go out, and then suddenly thought of something and turned
back rather slowly.
"Martha," she said, "they were your wages. It was your two-pence really.
Thank you." She said it stiffly because she was not used to thanking people or
noticing that they did things for her. "Thank you," she said, and held out her
hand because she did not know what else to do.
Martha gave her hand a clumsy little shake, as if she was not accustomed
to this sort of thing either. Then she laughed.
"Eh! th' art a queer, old-womanish thing," she said. "If tha'd been our
'Lizabeth Ellen tha'd have given me a kiss."
Mary looked stiffer than ever.
"Do you want me to kiss you?"
Martha laughed again.
"Nay, not me," she answered. "If tha' was different, p'raps tha'd want to
thysel'. But tha' isn't. Run off outside an' play with thy rope."
Mistress Mary felt a little awkward as she went out of the room. Yorkshire
people seemed strange, and Martha was always rather a puzzle to her. At first
she had disliked her very much, but now she did not. The skipping-rope was a
wonderful thing. She counted and skipped, and skipped and counted, until her
cheeks were quite red, and she was more interested than she had ever been
since she was born. The sun was shining and a little wind was blowingâ€”not a
rough wind, but one which came in delightful little gusts and brought a fresh
scent of newly turned earth with it. She skipped round the fountain garden,
and up one walk and down another. She skipped at last into the kitchen-garden
and saw Ben Weatherstaff digging and talking to his robin, which was hopping
about him. She skipped down the walk toward him and he lifted his head and
looked at her with a curious expression. She had wondered if he would notice
her. She wanted him to see her skip.
"Well!" he exclaimed. "Upon my word. P'raps tha' art a young 'un, after all,
an' p'raps tha's got child's blood in thy veins instead of sour buttermilk. Tha's
skipped red into thy cheeks as sure as my name's Ben Weatherstaff. I wouldn't
have believed tha' could do it."
"I never skipped before," Mary said. "I'm just beginning. I can only go up
to twenty."
"Tha' keep on," said Ben. "Tha' shapes well enough at it for a young 'un
that's lived with heathen. Just see how he's watchin' thee," jerking his head
toward the robin. "He followed after thee yesterday. He'll be at it again today.
He'll be bound to find out what th' skippin'-rope is. He's never seen one. Eh!"
shaking his head at the bird, "tha' curiosity will be th' death of thee sometime
if tha' doesn't look sharp."
Mary skipped round all the gardens and round the orchard, resting every
few minutes. At length she went to her own special walk and made up her
mind to try if she could skip the whole length of it. It was a good long skip and
she began slowly, but before she had gone half-way down the path she was so
hot and breathle</t>
  </si>
  <si>
    <t>b'%_~\x9e\xd2z\x95x\xf3O\x95:\xf9\nSo\x05\xfc\x8d\x05\xdd\x8b\xec\xces\xc1\xdf\xb3\x03\x93\xd1\x9dh\xf4\xea\xb1L\x97DO\x94{\xefH\xd9\x03\xd2kJx\xe9j\x89\xe2c9CU\xaf\xf7\xa9u\x91\x99q\xf9\xbe\xa5\xa96\x9d?\xed\xd5\x11\xf1"\xc8\xf8\xd6\xc6\xfa\x89\x0b\xad&lt;n*\xfe\x93\xdb\xbb\xa5\xd7\xddY\x98\x0e1\xba\xd5k\x93J\x86\x88R\xb1 \xe1p\xb9\x87\x90\\4\x801i\xb9\xceW{m\xd2\x14\x19Q\x01C\xe85\xba\x98\xe4\xd4\xd0\xff\xc6v\xc4a\xfc5\x1em\x17,\x9a\xcfm\xe2\xb5 \xe9l\xf1+w\x1a\xa4N\'\x1d\xd9\x1d\xf1\xe0Lb\x1f\x83Zm\x7fLE\xa8\x7f\xfc\xea\x8d\xb6\xf0O:L\xe4\x95\xb8\x91\x06\xe7k\x16j\xe2\xe6=O\xa8\x84\xf7G\xb4\x0b\xe3\xa7Z\x8c\x8e%\x05CZ\x9b\xa0\x17\xa8w\xcd.\xbc\x9e\xad\x06u\x91&amp;\xb6\x19\xb7\xbc\xdd\x0f\x99\x89\x0e\xd3\xe6Xp\xa80l{/\xf2L\xb0m\x14)[\xee\x83\xa2"\x1b&gt;(B%\x12\xe1\xc3\xedHE\xcf0\xd7\x00g.Ptt\x99\xf7T\xe9\xd9\xac\x1c\xeevi\x14W\x19`2\xfc\xdas\x7f\xa4\xb5\x8b\xd4\x07\xd6\\\xcc\xff\x02\x9e\xa8\xc0\x18\x1b\xc6\xb1\x8f\xb3\xefd\xa6\xafF8\x9e\x00;\rj\x0b\xf2\x92!\xcata\xda\xb1\xcd2\xf7D&lt;\xc1\xf3\xab\x11T\xfd^\\\x05\r,\xc4\xf6\x90\x88n|w\x0c1@\xb0&lt;,\xbb\xfe\xf4\x9eb\xad\xba\x1a\xf9\xac\xf8\x18\x7fP"\x8d\xc7\x80\x0b\x90\xd8\x1b\xcf&lt;\x12\x95\xc5\xfb\xa8\xe6\xa1 $ QFqk\xa4\xf8qg\xde\x08x3n\x8e\xdd#5\x8b\xda2,\x8c\x16$\xc6z\x87VmV\x93\x86\xa3\xfft?\x87\xb0\x1a\x8e\x15\x898\xd8\x0e\xc9\x95E\x98(oSf~\xad\xa2\xcb\xa6\xb8\xf7\xacH\x08X\xa3\xad\x85\x0b\x9a\\\xf6\xc7kU\x0c\\o\xc2Jql\xcc\xa9$/kF+bi\xe0\x8f\xf8\xfb\xc4\x16p([\xb8\x9e\xb43\x97K\xc2Z\xf2\xcc\x94\xa4\xb0\xb1u\x8c\x19\xfe\x96\x0b[\xf4\xb5\x8c\xbeZ\x9dA\x02?C\xde\x96\xf5b\xf3\xd6W)g%\xb2\xc3\x03\xd28\xf2\xf1\xbc\x12\xb7+Q\x94\x82\x01\xd2M\xe7\x88\xe1\x18G&gt;\xc9qj\xd5\x95M\xbc\xcf\xc6}&lt;\xb1jn$\xc7\xb5\xcd2@.\x17&lt;\xa4\xcd2\x94O\xa0G\x0c\x9f\xa4\x8f\x07\xab\xfe\x92\xa3hS\xd2\xe0\x08\xe1^\xf4\xb0M\xad2\n\xc8\xbfa(/\xda\x07\xd2$\xbcQ\xa6\xf9q\xcd\x04\x00\xdfw%\xbc\xcbt\xd3\xe7M\x82\xa9\x8buW\xf62\xe5\xd5sY@\xf0\x80\xb6\xe2 \x19\xc27.\x9e\xebbUbs\xd9\x82\x8f\x03\xaalI\xe8\xb8\x83i\xa5\xf6\x90bO\x0e\x82@\x821\xfcs,\xbd\x98\xf0p\x11\x18\xca\x8c\xc1a\xf1/\x8d.\x1a\x07\xdd]\xb1\x1d\xd8\xe7\xa0\xc5\xf2\xb1\xfb~\x80\xbf\xa5.\xfa\xf4.\xc9\xf1o\x85\xa6.\xc0&lt;\r\xcb\xfe\xf4\xa4}\xc4eA\xff\xae\x8a\x16Y\'\x12K\xbbK\x19\x00a\x98\x19\xa3\xf9D\x9ej\x08_j\xe61\x9ck\xff\xc4\x8cR\x08\x1a\xb2\xc5\xbf\xbc\x94\x83\xd0\xbe\xec\x04"i\x8e\x13\x12L$&lt;\x89=\x95\x14\xec\xd1z\xcc\xb1\x8a\x14(\x99+\x89\xd4\xbe\x9a\xb4\x93\xb9uJi\xf7\x10\x94\xed`/\xce\x19\xdb,\x8b\x16\xb1\x0e\xb2\xab\xa3\xdd\x03T%\xa3\xccu]_\xe2\xe4\xf6?\xce\xd6D~\xb3b\xa7Jt\xc8\xe2\xd0\xf4\x9e+\x12\xebRR\xd8~\xbd\x00\xfd\x9b\xa5\x88\xe8\x0e\r\x93$\x8d\xf4\x07H\xe5j\xc5\x91[&amp;W\x96\xacr\xa1*\x19"A\xdf\xb8\xf9e\xe6A\xcf\xb7\xf5\xe8\xddG\xb8\x89r\x97\xab\x89\xee\x9b\xaa\xae\x9e\x90$\xd0\xb2U#\xf8\xfe\x00\x92*Az\xe5j\x8eT\xea\xe7\x05\xb01|\x99\xfd\xf5\xb9&lt;T\xd7\xc7\x84\xcb"\x93\xee\x0c\x9d)\x00M\xf5m\xbas7/\xe1\xfag\xecL\x88{\x0b8\xf9^6l\xe1%"H=\xda\x95\x8c\xbe\x93\x816}\x0f\xbd\'V\xd4\x1e8E\x14u\xa3\xd1\x1e\x98\xc4\xb2\xc9\x94m\x12i\x10\x0f\xf4\x0e}(\xc8wd8\x9aQT\x11jq&lt;\x1am\xa9\xd1\xd1\'y\xc3\xec\x9c\xac\x9e\x105\x11\xf1`B\x8c\x1c\xde;\n\xc4\xf4\xe1\x86M\xce8!+\xb2\xcb\xb2\x9d\x07\xb7\x18Xh2\xc2,\xcd\xbd\x84\xf4\x98\xa7\xa1y{\xcc!j\xef\xf3I\x04y\x98\xea\x9eF\x18\x7fns&gt;o\xd6\xa8\xefim\xb4X\xde\xcf\xbb-\xfe7\xe0k\xdf\xf7R\xe6\x1c|=\x8b\xe1\xc9^\x97#\xe6!^\x84L.\xf7\xda\xd5\t\xc53\x8f\xbe~\x04\x13\x03\x08[j\xb4{H,h\xb2\x0b\xf5~\x9b\xc3\x98|0)5Yl\xcc\xec\x81?\x8c\x88\xba7\xe8\xc9\xfekX\xdc9\xcd\xb5J\xcd\xedh\xd4=\xd9\xf1?\x95\x8b\x9bO\x9f\xe9f\xb0G`\x92\x06\xd7r\xc3+\x9f\x95\xd3\x80\x12:\xb3\xa1P\\\x1c\x83\x82\xf2c:\x046a\xe8;li\xb2Y\x83\xa4\xfb\x17~\xe2Pq\xb8xZ\xfd\xbd\xf5\xad\x9d\xa1!\x1f\x96!\x1f\xce\xf4b%$\xc7\xb5\xcd2@.\x17\xb0\x0b\'\xda\x01\xc2\x11\xe7\x9a-\x16[\xa8\n\xf5\x81\xcf\x86\xc7\xb1\xeb\xa9\xcd\xce\xaf\x0e\x95\xc0\xfe\x8e\xd75\xbb\n\x9d\xf7\xa3\xac\xf7\xa4\xbc\x133\xc5\r\xe3\x89\xfd\xed-\xf5\xa9\xb0\xa3\x17\xbb\x12\x9e\x93\xa8N\xa8\xba\x95\xfc\x88\xf4\x98m\\\x94N\xa6B\xca\t\xfd\xa3L\x0e\xfb{}&lt;\xa2.{\xbd\xb8\xec\x0fZ&gt;\x17H\x8ce\xfek\x12H,\x16\xefz\xde\xd1{lj\rs\xdb~\xa6\xed&gt;y\x80"\xe1\xf9\x19\x11\x04\xbb\xe0$&amp;%\xe1\xab\xdb\xaa0/JU\xc9v\xa0\x9c\xf5\xed0_\x14rb\x96"\xffMf\xe2\xd6\xd5\xdb\n\x9b\xab\xcd\xcc\xccd\x00\xd4\xb7\x94Z\xc3wP\x82\x88(_k[Q\x01"&amp;\x1a\xd1\x1a\xe9\x94\x89x\xf6s\xdcJ?f^\xd0A\x99S\x12E\x8e\xbc\xdf!TJ\x07\x18\xa11\x88\xc6\xf2\xdd\r+:\xaf\xf5\xf83\x16\xfb\r9N\xe2\x13\xb0$\x07\x84D\xe4\xc0&gt;3\xbfvT0\xe3\xfc\xd8\x0e\xb9\xfc\xed3\xc5\xbda\xbf6\xd9\x04\xb5\x89\xb7bTzF\x15a\xcd(\xd5c\xf1\xb68\xd1\xe6\x01\xb6\x97\x9dt\x0f\xcb\x84\xc7a)\xe6\xb5]]\xb7\x93p\x9b/b\xaf\x15{\x87\xc9W\x1b\xc0\xf1)\x1b1\xb4\x9c\xfef\xaa\xcfn#RWp$\xc7\xd7\x8e{\xc2\x92\x07&gt;\xe0\xc6\t\xc6\xb83\x81\xeb\x15"\xeesfDd*\x0e\x96\x10q\\\x132-\xa2\x9d\xcd]]\xf8Q\xfd\xdc\xa4\xbc\xd0|\x15CPq\x04\tV\x1f~\x90\x16\t\xf4\xc1\xc3T".y\x95\xf9\x1c\xc8\xbaB\xfb\x1ec\x02\x07\xe8\x97\xb6\xa7~\x86__2^\x95\x17cj\xa7P.\xef\x91r{?\x97\xe3\x0b%\xe7\xe1\xc48\x03\xb3c\r\xcd\xb9\x18\xd3\t\xf6&lt;\xe1\x19:\xb8\x92\xfa\x10e\xff5\x9e\x0eGK\x19\x9a})aSU\xe0\r=\x0ck\xd7\xef5\xa91\xb5O5*+\x1a\xb02=\xbc\xa7\xb5\x1fgzB\xd2\xd4\xaaxM\x852\x11\xdb\xe1\xd4\xab$W\xc9\xe9\xf7H\xe4K\xe7\xee\xdb\xc4\xc1\x0bu\xe5\xff\xfa@\xa4\xd0\xde\x1c\xb4~\x1a\xb0\x95\x03\xaeS)\xabe\xc0H\xa5\x90\xaa\x9e\xfb&lt;\x9a\xc0\xab\xe6\xcb\xf6FP/\xdc\xb3\x99\x03\xb0\xc6\xf4&gt;\xfb=C\xaa`\x85,\x16(\x7f\x185"\x97b\x1f\xa7\xa7_\x85\xa6\xc5%\x89\x08\xc7\xb9\xb7W\x00\x14\xf0\xcb7\x82\x9e\xed\xd6n\x14\xff\xd4\xe4\xf1\x04\x07\xae\x922\xb9\x8dmN\xf8s\x90\x9d\xd3\x93\x8a\xb0\xd9f\x91Dfx8S\x0esc\x02\x86\xca3E\x89rD\xc8\xea\xc4\x11K\x02\xd7\xbd\x88!X\x1di_z\xa9=\xfa\x9fIYG\t\x14^\xdc\x01#\xd8\xa9\xf6R\xcb\x1a\x0cW"\xfe@\xa7\xdd\xf9\x1c\x8b&gt;\x1d\xe7\xe1\x0c\x8f\xe0\x1b\x06tw\xf10\x91\x8b\xb6\xbcZ\xa8\xda\xeaa^\x06(\x84l\xa9P\xc4\x9d6\xa1\x17\xe9\xc0\x06\xdb:\xb0\xd1:\xf7\x96;F\x18l\xc6bI\x1a\\`\x14\xc3\x9f\xb1\xdb7T\xfa&gt;\xc9\x19"q\xe6\x13U[\n\xcd\x16\x0e\xf6`"\xd3\x99g\x91\xa9\x8f\x0b\x9a\xa3K\xded\x98nj\x81\xbf:-I\xfd1\xcf&amp;*\xc9.\xd7\xf8k7\xed\xf9I`\x13\x10\x10\xf61\xb3\xbcc\'TI\x99\xb8\xb4\x16\x81\xcfk\xc8\xc5\xee$`\xf4I\xd8\x1c\xe6ttzx\xbccb\xb7\xb4}\xa0c\xbe\xf9\x81\x9bX00\x91J\xe0\xe7\xc0^\xc8t\xb2}|\xc3O\x06\xdd\xca(/\xf12\xc7\xcb\xc8\x05\x94\x8e\x81\xb2\xe4\x80\xa2\xc6!2J\xfe\x97\x0eH\xb5W\x1d\xab\x90\xf4,\xf5\xa6&amp;&amp;k-N%\x00\xd8\xe5\x00\xc7\xb9\x9a\x81\x0f\xe4\xec4\xf54S\xa0\x0bC\x9e\x8f\xab\xdaf\x18\x19Y\xec\xe6\xff\xa2\xc5\xaaN\x13\x88\x81\xbe\x13\\\xf3\x9f\xe7\xed\xd9)+\xda\x00\x7f\xe5\x90\x08\x12\x81t\xcamS\x11\x9c&gt;\xa8\xc5qR\x03\xa9\xb6\xb2\xc0C1\xe3!\x07\tj\xc7\x8c\xa6\x8c\xb1\x8d\x806\x07\x1f\xab\xfa\\\xa5\xb6\x7f\xbd\xf2-\rN:\xdd\xbbF \xd2\xd7\xb1"wh\x08T\xb4\x9b\xf7T\x9f\xb7\x9fS&gt;P\x93u\x13\x9f\xf5kB\xfd\x9a\x1b\xa02\xc5s\x1eK\x8ax\n\xd8\x98\x00YP\x9a\xb5\xcc\xe8\xe7m\x92L\xe8\xa4\\ah\xe6\xe8\xc7\x97\x801K\xcet\xfd\xc5\x1b}J\xf8;\xfb!$\x84:B\xd1\xb5\xb5s~\xd3@~\x1f\xc0\xe7\x88\xab\xc5\x8f\x89\x93\x07\xfb)&lt;d\x98\xbf\x94gi\xe7|lO\xdf\xa1\xa7\x03\x9a\xa8!\x92\x843\x08\xa6\xd0d&lt;j=j\xa91\xcb\xf5\xff\xc4\xe0\xdf!%*6C\xc6\xba)x\xador\xcc\x85g\x8e\xba\x1d\'\r\xe0\xda&lt;S\x1b\x9f\xc9\xbf\xe1\x85\x84\xa2\xcd~*#\xe0+\xa1\xd6y\xed\x11P\x168\xa2/\xf7\\rg\xb6\x9a\xf5\xdc\xbd\xb7\xdf_z\xf5M\xc5.\xa6\xc7 \r\xb83\xa5\xb4\xf3v\x9b\x17d\xe3\x17\x8f6O/L\x92l\tE\xba\x8b\xefC\xc2a\xe61\xf6$\xcb\x04\x1f\x80\x8d\xe4\xdf|\xe7u\xa4\xcd\xacP`L\xc1q;Je&lt;\xec\xb1e\x98\x0e\xe4\x027F\xa3\xe5PG?j\x0ea\xa5\x81i,\xe7\xc2\xf7\xef`R8\\\xf2o\x81\xe5f_\x1a5\x8f\x8a\x7f\xfe\x16y\x9b\x1a\xac\x1doB\xc2|;i\x85Mv\x91\xd9\xaea\x8e\xedK\xd3cF\x02\x0cX\x8e\xd1\x8b\xcc\xf6\xac\x9b\xf0\xa3.@[\xc4\xde\x8c\x15\xf1eg\xe0\x05O\x95\xe0gD\xe1\x1d\xb5q!\x11\x9f\t\xd8\xae\xd3\x12\'\xc1\xf3\x84:\xc7\xf2l\\\x97\x9bA\xe2\x10\x1f\x00-\x8e\x19N0\xd6\x1b\xacZ:$E^6\x1f\x9b1*U\xcd,\x03\xdb\x1b\xed\x97\xc7j3zp\xac\xacs\xb9?\xef\xac\x86\x15Z3\x18\xc7\x03\xb5\x1bm\xb2\xaa\xc4\xc0\x14\xe1.\x82\x98\xe8\x1f"\xdf$\xceW\xd6\xc9}\xf6\xed@\xfb\xc3\n\xda2\xe5sP\xd5\xa2\xbb\x1eg\xdf\x10\x04&lt;\xa2I+vq\x8fW\x87\xb2\x8b\x8f\xf3\xb0d\xc62\xafs\xb1\x07\x1ak\xc1\x1199\xb46K\x1c&gt;~8\xdc\xa4M\xac&lt;\x1c#\x1f\x02\xfb\xb5\xbe\x85\xfc\xab\xdb\xe2\xcc\xa48\x8d\xb5\xa2\xfa\xc7%/\xcbJ\x04\x94\x15\xf2=\x08\x0f\x081%\xea\x94)\xb5`\x0e\xaf\xdfy\xbe\xfd\x00\x13\xd4]*\xaa37\xe4\xe8\xdf\xd8\xd1g\x83B\xb4\x94g\x0b\xcaH\xfe\x13\x9d\xbcw\x075\x03a\xd5\x82\xe6\xcb\xa9lN8\x04\xa7\x16q\xa6\x82/\xd4\xfa\xc6&lt; \xb0\xc5 3\x95u\xed\xde\xd2\x8a\xf0\xd1\xc0\xed\x9bh\xdeX\xc6;!\xaf\xb5G\xa2\xea\x07y\x9b\x8a\x9e\x92\xcf3\x9cK\xc6w\xfe&amp;\xd5\xf7\xabp\xf3\x14\xd6\xb2\xd5\x1d4\xf4\x92\x1c\x8cc\x18\xc0\x90r\xb3+\x1cV\xb3\xba\x95\xc7*\xb3w=\x8b\x0f\x95\xca\x9c\xa4\x84\xa2\xaa\xc4\x93G]\xcf\x1b\x11a\x80uT0\x91W\x10N\xc9\xbe\xf5\x88\x04\x14[+-\x13\xd6D\x004\xf6)&amp;\x00\xef.\xa8M\xb8f]\xd3\x1d\x14\xc2\x81\x83\xc9\xf2\xad5\xa9\x8f(\xfd\x01\x15p\xa3\xde\x05\xdb?\xbb\x9a\xaf\xdc\xc2K\nU\xb1i7\x9cR\x1f\xbc\x9a\x1f\x17\xb1v\x1c\x8a\x84z\xc2\xf9\x94\xf8\x9e^\xd4\x01\x9f\x9c\xb8^)\xba\xf0\x86\xd9\x83Ia\xed\xb4\xda\xc3\t\xf6\x9eV\xd5S8\xde\xfd\xa4\xa7k\xf9"\xa11\xcb\xc7\x8d0\xc2w7\x8f\xf5\x7f\xf0v=u`\x13\xeb\xa2\x1aI\xd1\x1a\xe9\x94\x89x\xf6s\x91g\xc8\x1c\x1aU\xff \xbbFu\x13N\x97#\xd2xC\xaa\x15gm0'</t>
  </si>
  <si>
    <t>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</t>
  </si>
  <si>
    <t>b'%_~\x9e\xd2z\x95x\xf3O\x95:\xf9\nSo'</t>
  </si>
  <si>
    <t>aint his opponents that he proposed to follow a new method. On the other
 hand this, as destroying the element of surprise, would have made his strategy
 of no avail, so that the whole question is beset with difficulties. One cannot at
 least withhold a reluctant admiration for the wit that had conceived so bold a
 scheme, and the fell genius with which it was carried out.
 What were his own feelings about himself at that triumphant moment? Fain
 would his dogs have known, as breathing heavily and wiping their cutlasses,
 they gathered at a discreet distance from his hook, and squinted through their
 ferret eyes at this extraordinary man. Elation must have been in his heart, but
 his face did not reflect it: ever a dark and solitary enigma, he stood aloof from
 his followers in spirit as in substance.
 The night's work was not yet over, for it was not the redskins he had come out
 to destroy; they were but the bees to be smoked, so that he should get at the
 honey. It was Pan he wanted, Pan and Wendy and their band, but chiefly Pan.
 Peter was such a small boy that one tends to wonder at the man's hatred of
 him. True he had flung Hook's arm to the crocodile; but even this and the
 increased insecurity of life to which it led, owing to the crocodile's pertinacity,
 hardly account for a vindictiveness so relentless and malignant. The truth is
 that there was a something about Peter which goaded the pirate captain to
 frenzy. It was not his courage, it was not his engaging appearance, it was not
 â€”. There is no beating about the bush, for we know quite well what it was,
 and have got to tell. It was Peter's cockiness.
 This had got on Hook's nerves; it made his iron claw twitch, and at night it
 disturbed him like an insect. While Peter lived, the tortured man felt that he
 was a lion in a cage into which a sparrow had come.
 The question now was how to get down the trees, or how to get his dogs
 down? He ran his greedy eyes over them, searching for the thinnest ones. They
 wriggled uncomfortably, for they knew he would not scruple to ram them
 down with poles.
 In the meantime, what of the boys? We have seen them at the first clang of
 weapons, turned as it were into stone figures, open-mouthed, all appealing
 with outstretched arms to Peter; and we return to them as their mouths close,
 and their arms fall to their sides. The pandemonium above has ceased almost
 as suddenly as it arose, passed like a fierce gust of wind; but they know that in</t>
  </si>
  <si>
    <t>b'\xf9\xcb\xf3\xd1\xb3h\t?'</t>
  </si>
  <si>
    <t>f9cbf3d1b368093f</t>
  </si>
  <si>
    <t>eard afterwards they should be calledâ€”which grew low along the 
 sand like brambles, the boughs curiously twisted, the foliage compact, 
 like thatch. The t</t>
  </si>
  <si>
    <t>b"\xa6 \xc8\xdc\xae\xac\x9b\xefS\xb2W\tV\x85\xe4M\x89\x1a\x94H\t|E\xf5}\x9e\x11\x895\xc2Q\x81\xf6\xdd\xf7Z\xdf\xd9&amp;\x9b\xf3\x89\xda\xdbw\xa92\xbf\xf7\xf0\xdan\r\xf0\x9a`\xce\xfd\x81:[~\x11\x05.\xc1\x06\xc2\x1d\xb0\x97i\xd2\xc6\xb3\xe3M\x89\x9a\xed\xd6\xa5RX\xcf3\xd4l{\xba\xcc\xd4C2\x1b\xc5v\xf8f\xdf\xcc_\xf0\x15\xf5=\x0b\xbc[^\xa1\xcb\xb7\x9a\x18\xb6{}\x12\xa9\xa2\xf1\x99\xc0\xe1\xbc\xa4\x83\xea,?\x99KTJzw\xe5\xdc\x92\xb0\x90\x17\xf1\x1f\x10+,\xfb\xd1\xa9E\xd2\xa8j\xd2\xc2J\xb5}\xef\xe3&amp;A$\xb2X\xcd\x87-\xf6\xc5\x12\xe9\x83\x8b\x03(\x11\xb0\xf74Q\xae4V\x87\xadN\xc1\xfa\xd0\xea#x[\xdc'*T\xad@\x85\x0eY\xaa\xb6\xba\xdc\x1fc\x80(\xb3\xb1\x0b\x96\x13\xacW\xc3\xd1\xcc!\x85&amp;(\x13\xc8\x87\xc8\xbf\xfc/\xc9|v\x9a\xeb\xce\xb7\n\xdf\x02\xf4=E\xb0\xb3\xda\x17\xac\x857\x14\xc6"</t>
  </si>
  <si>
    <t>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</t>
  </si>
  <si>
    <t>b'\xa6 \xc8\xdc\xae\xac\x9b\xefS\xb2W\tV\x85\xe4M'</t>
  </si>
  <si>
    <t>edict, under Hadrian, 120s CE:
Persons infamable on account of foulness [include] a man who has undergone womanish
things in his body. . . . But whatever man has been raped by the force of robbers or the
enemy ought not to be marked [as infamis]. (D. 3.1.1.5, 6; cf. Richlin 1993: 558â€“9)
Lucian, satirist, Greek, after 140 CE:
to get together with Rhetoric, you need not a masculine teacher, but] some wholly wise
and wholly beautiful guy, with a wiggling walk and a lolling neck, a womanish look and a
honeyish voice, reeking of perfume, scratching his head with the tip of his finger,
primping his hair (now thin, but fleecy and hyacinth-hued), a delicate Sardanapalus or
Kinyras, a very Agathon. . . . (Luc. Rh. Pr.11)
For the stereotype, see Richlin 1992a: 221, 258 n. 3, 285â€“6; 1993: 542; Gleason
1995; for the casual conflation of the Orient with effeminacy, see Richlin 1995: 201â€“
15; and in the context of oratory, Richlin 1997c.
224 CE: Artemidorus, dream analyst, Daldis (Asia Minor), c.170 CE:
[to dream of having] sex with oneâ€™s own female slave or male slave is good, for slaves are
the dreamerâ€™s possession; therefore taking pleasure in them signifies the dreamerâ€™s being
pleased with his own possessions. . . . To be penetrated by oneâ€™s house slave is not good.
This signifies being despised or injured by the slave. The same applies to being penetrated by oneâ€™s brother. . . or a fortiori by oneâ€™s enemy. (Artem. p. 88.5â€“12 Pack, trans.
MacAlister 1992: 149, with discussion and bibliography)
340 Amy Richlin
Clement, Christian teacher, Alexandria, c.190â€“92 CE:
He who denies his masculinity in broad daylight will certainl</t>
  </si>
  <si>
    <t>b'\xdf\xa8\xc7\xb0N\xdb\xe8\xa0&gt;pHF\xae\xcfjr\x8b\xbd\x16\xbf\xa1pQ/\x0b6}W\x02\x95\xa6\xab\n\x8aB~\xd3\xfe\xff\x1e\xf2p\xe0&lt;\xbe\xd9)\xf1\x8b\xb0\xa4*1_\xcb^\x06\xb9\xa5Z\xf4\xe6t\xd6\xe6\xf6I\xd2\xc3\x07\xac\x9e\xe9\xe8\xa9\xd8\xf1\xc6g4r\x10Gy\xa3Y,\x0c\xd2\xd4\x8aN\xd0\x95\x05O&lt;H\x98\xd8\xc13\x9e\xaf\x98\x15.\xc0\x115)\xbb3\x04\x07-\xf8\xfdc\x11.\xaa^Yl\xcd|\x02\x07\xa3\xd8\xff\x826&gt;t\xa3s\x96\xe4uQ\xf4\x81\xdeg\xd0t\x0c\x9eQ\xa0\x95i\xc0A|\xe0A7[\xdb\x8e\xc2\x8d\xa4\x18(db\x86\xc4\n\x1f1l\xa4\xbf\x18\x00\x98\xac}\x182\xae{\x95\x14|\r}\xec;\xf3\xf5~\xa3\x8f@\xfb\x04\xd0\x8c\xa8\x01S\xd7BEo\xe7Fia\xcc\xa4\x01R!Q\xafH\x1c\x89\xc3\xbf\xb5\\\xcf\xcf\xdf[\xe5\x94T\xb6\x9b\xa2\xc1p\xc0\xb2U\xaa\xe5\x9b|\xfaOB\xcd\xac\xa5\xa5^`\x01\xa8\x8c\x10\x89~PK\xef\x87"\xeb\xc2\x18\xa2\xf1\x14\xe9\x17P&gt;\x02\xfc\x93\xe2\xc7\x0f\x07\xfd\xcd\xdd\xc7P\x04&lt;\x14+\x14^\xa1\xbe\x85\x90\xc8\xd0ah4@\xffy\x122V\x1d\xdeP\xa7\xb1,\xc5\x85Icd3\xcc\xb9\xde#\xde\x19\xbdo\xee\t;+\xb7f\xca\xa9\x9e\xe1\x83\xce\'\x00\xfa\xd7FW\xcf\xcc\x184\xa3\xbf`z\xcd\xd5\x1d\xe2w\x82\x0e\x11{\xb1\x1e\x16}\xd9R&amp;\x82\xd0\xffR\x87\r0\x81A!\xa5\xe5\x1d\x88\xa4\xcb\xe5\x01\xb8J\x8cQi\xeb(\xeb\xf0\x12\xc6\xb0".W\xd8Fg\x8aSp\xc0\x1a\xe9I\x02\x0b2\x16\x00\xbbC\xa4\xd2\xd3\x88\xbb\x9b\x9e\x13\x03\x97S 7\xf7-\xe3\x1b\xd7[q\\\xbf\xf3u~\xc1\xdce!i\xf1\xb4\x14\xcf^\xf7\x98xQ\xc9n\x94\xbd\x9f\x9c\x0b\xcf\x1a\x97\xf1P\xc8\xa1\x14\xd4^\xb76\x85Q\x9c\xb7\x1fl\xdf\xef\xe4\x1a~\xf7\x0eY\x85\xb7\x85R\xbf+4\'\xf2k\xca\xb3"\xfc\xbf8QiC\xee\xb9\x1f\xf5\xc7O\xc4\xadbq)\x9bN|\xe1!\xb0\x81%3\xef\xc0\x1b\xb4\x98X\xbbk\xc9\xf1\xd0\x0e.&lt;\x97L2\xaejK\xbc%\'w?\x97\x9c%\x1bL\x1b\xebA2\xde\xdb\xd7\x84\xe2\xfd\xfcz\x9f\x19T!\xfb\x9d\xe4\xba\xbc\xdeL\xd88\xe8\x95\xf7\xb6c\x94Ot\x9f\xba\xad\xe6\x0bO"\xc1\xedhd .\xb6\x04\x16\xb8m\x03\xdc\xde-\xa78\xce\xa7{\x8b&gt;\'U\x14\x9e\xe7\x08\'\xddE\x12q\xe0\x85x\xba\xa4\x9dk\xc5I\xf1\xdfH\x15\x11\x106E\xf4\x02\xed\x95B\x90E\x1a\x9f#\xef\xa3\xd2\x90\xf5|\x8a\xd9\xd1\x9f&gt;\xdai\xdb7\x08\xa1\x0cz\xce\x86G??\xb3\xf4H\xb0\xc0\x1aT\x18\x94\x1f\x8eH3\x00]\x82\xe4\xe3P;\x8fd-\xfcg\xf7\xf2y\xf7\x1c*\xc0W\x1c\xc2\xd0\xd2\x9a\xc1\x84s\xf1\x94\xd9xB==\xb9\x94\xe3\x04{i\xb3\x9e\x82\xcb\xce\xa3z8\xb2v\x9d&gt;c\xc8\xaf?p9\x89\xe5\xbd\xd3\xe1\xe9\xe6\x02\x00^m\x9aa\xb7N\xf3p\xe0\x87+\xd9\x11\xcf\x9c\xd2[1b5,H-\xde\xc3=X\xec^\xefh\xcch\xb0\xf8\xca\x0f\x82\x92$\x07\xbbw\xd1\xc7)\x17\xb2\x978\x94\\_\x89\xebp\xb2\xdf\xdd\xaa\xed\x97\x93c\x17\xc4\xc4\x03\x82}/;\x18rX#Z\x9e\xb0@\x82]\xe2\xdc?\xd4s\x97$\x8cCs\xe4\xb6v5\xbej\xfe\xd1\x94\x90}\xff\xa2\xb9\x19\x00Ei\x1a;\xb7A0)W\x98\xa7\xd5\xe6@\xe9pS\xf9R\x90\x02\xf27.\xbe/\x86\n\x0f\x8e\xc6r\xe1\xd1N\xc5c\xcc%)\xcamk\xf6F\xab\xdf\xb6\x82X\xaf\x89\x90\xca\x1d\xae\xb1E\x05g\x1fk\xe6\xdem0\xd7\x12\x85\xfc,\xa8\xba_|\xec\x8b&lt;Gt\xcePq"\xa8\xa3]\x08\xfe\x8c\xc8\xf4\xd8&amp;\x9f\xe3\xd79\xde\xb0\x14\x8c\xb1\xf7\xb8\xd9\x82\x8aY_$\x10\xd0\xda\xab\xba\xaa\x91\xb5\x8f*\xf9\x06{\x11`c4\xba\x8bv\x8cj\xdf\xca\xa0Z&amp;qD\xfe\xa1\xbd\x15*\\\xa0\x82\xd8\xecb\xbb\xfe\x065u\x802LPiZ\xb3\xb9\xf8\xbc\xc23;\xe6\x98\xcc\xb8\xf5L\xd6\xc1\x91\x01\xdb1R\xd5\xd7\xbb\xa0\xe2E ^\xa4\xba1\xf3O\xb3\x0b\x01^^TP`\x00\x9d\xb4\x0c\xe5O,\x10[\xc8\xae"\x01\x82\xbeV\xe7\xa9\xac\xb5^\x17\xe6\x85O\xcd\x11\xcf?\x17n\xf5\x9615\xa3r\xbc\x0b8\x12\xe2\xb5\xd6ysu\xe8\xe5/\xf2m\xd5\xbc\xcc\x18KU0FM\xb3\x1d\x93\xb1\xdf\xde\xc4\xbbZ\x8e\x01J\x9d\x0f\xa9\xb6^\x0cPJ=\x93"\xd6|/?lG \xec\t\xfe\xa6\xdb$\x11\xa0F\xfb44\x02\xe0\x88\x8e\xb7 \x94\xe4\xc8\x95\xe5w\xca\xc4\xc7\x86W\x05K\xden.Bn\x86z,\x9a9a\xacc\xda\xe59\x1e\xbf\xe6\xa3\x17\x14\x81\xa6\xe6\x93\x81\xe8\xf2s\xe7&amp;\xe2\\|I\xfbuGq\xf6\t\x81.\xd2\xdc\xdb\xa7\x0c2r\x18\xf8\x06,d6a&gt;\x85mOr[J\xed\xe0\xaa\xf2\xee\xa3\xf7\x83,\x9e\xe3LkQ\xaa\xa7\xae\x1c\x82nG!\xad\x97ok8NE\xeaZk\xd5\xb3\x0f\xfb\x00\xed[\x87\x9c[@CBzz\x8aD\x95E\xc9\xa0\xc6\xd7.6Bcp\xcby\x95.^\x90\x8e\xfd\xf8\xe2\x81\x8f}2\x92F\xe1\xc0\x16\x99\x9e\xe1\xda\xc93\x16\xe5pm\xf5\x15\x0f\x11\xcans&amp;\xec,DHnC\x19\xc7\xee\xea;\xd1=\xa0\xc5\xa4\xf5V\xf7x\xea\xc28\x7f\xe1\xfbe\xff$\xff\x9aO!\xda\xb5l@k\xfa6\x88x\xd34&lt;jB\x8e\xfd\x7f\x9a\xf6\xcf\x89\x04\x11l3\xa2\xa6S\x04\x833[b\x11\xa1\x1d=z\x10\xba\xa4\n Ot\xb9\xc4\xd8\tc\xf6h\x07\xe5\xd7\xdb8E\xee\x8aRq5\\\xe0\xf5-\x9b\x07g-\xf3\xd7)}e\x9a\xb3\xee\xfe\x9b\xa3\xae\x88\xb7\x9b\xe1{\xa1\xa25\xe9qj\xb4\x855\xc8\xb8\x8c\xe0\x0fY\x06\x8ey\xf3]\t\x0e\xa7\xfb\xcb\xf6\x18\x82\xfcK\xa0\xc7\xd6y\x14\xd2j\x1d\xc6\x9b\x90\xe2,&gt;\x8em\xd8\xfd\xed&lt;\xb9\xd25[}\xa1\xec\xa1\xbe\xde\xdf\x1d\x86\xd9\xc0S\xdc\xf7;\xda\xe1\x8e\xaf\xe8A]\xe8O\xc0\xa5\x8f\xfdt\x82\xd1\xb7\xe7@B\xfb\xf3X\x0c\x8f}\xfeK`d\x03\xad\xa5v \xbf\x86\xa2G&amp;\xd0Q\n\x0e\xe7\xf1\xfcP\xbe\xf8~(\x9a\x9c\xc5\x0cG\x9aC\xef\xe5\xc7\xc6\x1f\xf8p\xc4{\xf2p^X\xf5\xf40\x8bW\x04C\xc8}\r*\x01N\xd1\xea\xb1!\xbdZ\xf5\x94\xe3R\x85Ib&amp;\xb1;8V?\x91n \xe5\x18ZPY\x83\xdf\x0fo5\xf30\x1e\x1e\xaa\xcf\x7fw\xc5'</t>
  </si>
  <si>
    <t>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</t>
  </si>
  <si>
    <t>b'\xdf\xa8\xc7\xb0N\xdb\xe8\xa0&gt;pHF\xae\xcfjr'</t>
  </si>
  <si>
    <t>thority over
 Alice.
 â€œStand up and repeat â€˜â€™Tis the voice of the sluggard,â€™â€ said the Gryphon.
 â€œHow the creatures order one about, and make one repeat lessons!â€
 thought Alice; â€œI might as well be at school at once.â€ However, she got up,
 and began to repeat it, but her head was so full of the Lobster Quadrille,
 that she hardly knew what she was saying, and the words came very queer
 indeed:â€”
 â€œâ€™Tis the voice of the Lobster; I heard him declare,
 â€œYou have baked me too brown, I must sugar my hair.â€
 As a duck with its eyelids, so he with his nose
 Trims his belt and his buttons, and turns out his toes.â€
 [later editions continued as follows
 When the sands are all dry, he is gay as a lark,
 And will talk in contemptuous tones of the Shark,
 But, when the tide rises and sharks are around,
 His voice has</t>
  </si>
  <si>
    <t>b'\x07,\x0e\xf0\x84\x91\xa8\xfe\xcf\xf3\xa9H2\xc8\xcdc\x9a\xe2\xdaJFd\xca\x9d\xcb\xff[(\x93\xd9\x11Hk~\xa2\xef$p\xc5c\xa96\x8cU\xff6J\xa8\x11\x85f\x9e/z+\xaa\xd4\xdf\x00|,FEndx\x95\xdd\xc7+v:\xae\xa7\x81\x8e\xbeL)\xe3\xc5yVU\x04s\xd8R\xcb\xf0\xaaM\xdd\xc1H\xf5W\xf0\x02aV\x18\x15y\x13\'^0\t\x1c\xa9\x92\xf9\xe6\x8c\xa1\x8b\x00\x12rPIs\xa0\x88\xce\xea\xbe\x0b\xd8\x8b\x86W\x00\x17\xc9\x15\x95&amp;p\x10\xbf\xefI*\xbf\xc3\x01.\x0c+\xb9j\x10\t*_\xe1\xd55V\xa5$\xadaQ$\xd6\xccz\xdcV%\x04\xa8\x8d\x03\xbbH?\xf4\\\xadW&amp;M3!\xd8\x85\xe6\xda\xa8\xa1\xad_\xf2t\x93\xe7,\x8e\xe0=\xea!\xffq\x86n\x85\x1ch\x05\x90\x04RW(M\xc3\xd8\x7f\xcbGf\x83k\x87\xcdF\x0c\xddD\xe0\x01*\x87\xfa\xa2\xca\x08\x03&lt;\xe8\xcd-+\xb5\xc3\xdcb\x81\xce\x7fp\x80\x8c1\xe1\xfb\x02\xb8\x08\xa9-R\x82uq0\x9eB\xfbr$\x1c+Cc[w|\x0bBk\xea3\x89\x8a95\x93\x17L\xea\xef\xe7:\x02E\\UDM\xa6n2Mm\x8e\xd8\\4I:\xae$3\xad\xc9\x9a\x93\xbee"\xa3\xd0\xba}\x8c\xe5\xe8S\x80\xdc\xcc\xef\x01m\x04\x98\xd5\x00\xcc;\xe1\xa5\x9d\r\xcd\xc3\xab\xec\xc1\xd4\xe8\xc7w\xb0\x03\t\x16\x94\xefaOk\xa7\x97\xff\xb0\xff\xfe\xc5\x9b\x02w\xffq\xdd\xc6\x95\xbb-V\x13\xca\x9e#|\xa1f\xb28j\xcb\x90\xdaR\'\x94Cc,\x80\xc5L\xd2\x9f\xa1\xab\xd5\xcds\xca\xc9\xe9\xf8\x9a\x14\xac/w[&amp;\x0cL\xa3\xa4\xf6D\xc8\\\x91\x90\xdf\x02\xe7 \xee\x9c&amp;\x07\xce\xd3\xefUFQ\xff\xac\x16\x8f\xb0\xf9\x93\r\xc9&gt;\x8d?\xb2\x01i8/:\x9f\x80\xa9d&amp;\xae\xe0A\xff"\x7f&amp;\x9f\xf8\xec\x85\xe0\x8c\xf5dt\x95\xc3\xc1\xed\xfd\xc7\xca\x81\xaf\xad\xd8{kGyT:6\x96(\xab\x14\x1f\x9f\x16\x82.\xd1Q\x9e/s~\xbc\x05\x05\xf1\xe5Q:\xec\xc11\xf9T\x8d3\xff\x94\x85\x9d\xb3\xe3\xbc4\xb6\x97\xd2.P\xbbPgS\xbf\xc1A\x15\xd6Y\xdbX\xd1^\xf0\x19=\xac\xa1M\x80:\xb5\xe3\x8a\xe1f\xe4\xe1\x1f\xbe\x1796\xbb\xd9\xf8\xa4p\xbb"\xe1F;\xcaI\xe7I\xf6\x9aGah\x83\xd5\x16\xc3_Pt\x1e\xccz?\x95-&gt;\x0f\xec#\xfe\x0e\xb2\x84\xa5\x00\xcf"]e\xc3\xdc4\xbc\x96\n\xb9\xb8\xa1J\xa6\x14_\x85\xa3\xd92&gt;\xfdD@Q\xcc &lt;\x8f(\x90N,\x12\xfb\xa9\xcc\xbd\x88\xfc\x00\x13R\r\xfaz\'A?\r\x1c1\xac\xc7ct\xe1d\xa7\x8f\xadg\xec}1 \xddh\xa2\xe6\xb4\r6m\xb15\x1cW\xa62\x83\x96\xa6\xda\x99\x92Q+\x15\x13\xde\x18\x0f\xc6j\xff\xae\xa2\x04\xd7\x9b\xa9){z\xfd%\xb6w&gt;\xa4\xa4\x93/0\xff\xb6\x94\xb0\x00\xbb\xf5\x96\n\xec\xc2\xc5s \x81\x8b\xc8\xf1~\x009&amp;\xff\x05\xfd\x8c\xb5\x18\x99\xaf\xc6z7\xc3\x949\xd6\x96\xce\xa9\xeb~7_\xb7X\xf7\x92s"\xb2\x0e1\xf9C\xd6\xdc\x13\xf8(\'"\xeb{\xcb\xd4\xed\xeb\xbc\x15\xd8\x0f\xa9Y=f\xe7\x8f\xf2E\r\xb3lj]R\xbd\x88(\x89'</t>
  </si>
  <si>
    <t>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</t>
  </si>
  <si>
    <t>b'\x07,\x0e\xf0\x84\x91\xa8\xfe\xcf\xf3\xa9H2\xc8\xcdc'</t>
  </si>
  <si>
    <t>energy, 536
  Rest mass, 536
  Retarded position, 451â€“454
  potentials, 444â€“448
  Retarded position time, 445
  Reversion of series, 494
  Right hand rule, 3
  Right-handed coordinates, 6
  RLcircuit, 331
  Rodrigues formula, 142, 149
  Rotation, 10
  Rotation matrix, 11
  Runaway motion, 490, 492
  Saturation, 289
  Scalar, 1
  Scalar potential, 53, 436â€“464
  dynamic configurations
  arbitrary charge
  distribution, 445, 479
  oscillating electric dipole,
  469
  oscillating magnetic dipole,
  473â€“474
  point charge, arbitrary
  motion, 454
  point charge, constant
  velocity, 454â€“456
  magnetic, 245, 249â€“250, 262,
  284
  static configurations
  average over a sphere,
  117â€“118
  conducting sphere in
  external field, 146â€“147
  continuous charge
  distribution, 84â€“85
  disk, 87
  electric dipole, 154â€“155
  f
  inite cylinder, 87
  infinite line, 85â€“87
  multipole expansion,
  151â€“158
  point charges, 84â€“85
  polariz</t>
  </si>
  <si>
    <t>b'\xf3\x95\x11\xcb\x8d\xdc3f+\xd8\x9c\x10\xd6\x1f\xb0\x9e\xbd\xe4g\xab\x98i\x9b\xe7\xdd\x01\x90\x11[E\xc2\x1d'</t>
  </si>
  <si>
    <t>f39511cb8ddc33662bd89c10d61fb09ebde467ab98699be7dd0190115b45c21d</t>
  </si>
  <si>
    <t>b'\xf3\x95\x11\xcb\x8d\xdc3f+\xd8\x9c\x10\xd6\x1f\xb0\x9e'</t>
  </si>
  <si>
    <t>in addition to a full Roman
legion, three legionary vexillations of 2,000 men each, six auxiliary cohorts, and four
alae (Jos. BJ 2.500â€“1). Subsequently, we see ethnic units (often called numeri â€“
212 Nigel Pollard
misleadingly, since this term is applied much more widely) serving alongside regular
Roman legionaries and auxiliaries (M. P. Speidel 1975). These troops fighting,
initially at least under their own leaders in their native manner, included the Moors
who fought under Lusius Quietus for Trajan (HA Had. 5.8) and subsequent Roman
armies into the third century CE (Herod. 3.3.4â€“5; 6.7.8; Dio 78.32), and the
Palmyrenes who served over much of the empire in the same period.
The army command structure
From the reign of Augustus, major military forces typically were commanded by
imperial legates (mostly provincial governors, and thus combining civil and military
duties) ultimately responsible to the</t>
  </si>
  <si>
    <t>b'\xc2{\x14\xbeR\xf7\xc8\x06\x811U\xe8\xc3\x07\xb0\x9e\xfb\xb4\xef\xf8a\xb4\xfb\xf47\xd5\xd5\x97\x84\x98\xb4\xbb3\xb1jO\x18\xfc\xd3J\xa82\xe56\xb4~#\xa3\x0e\xb7\'\x06E7\x15\x9e\xa4\xeb\xea\x16RC\xe2\xd5\xc3\x9f\xe3nm4\xe7\xcd\x0f\x16\xaa\x0f\x1a\xa2\x9aqG\x0558\xb4\xff\xa5\x1f\'\xda\xfd\xd3\x0b\xc5\xd0\x83\x88\x15`\x14\t\xe5\xa3]1\x83\xdb{\xa8fGb\xbd\xa2\x9c\xff\xfcf\\\x8f\x9c\xff\xc0\xfb\\\x8c\x14\x9dN!\x9d\xb0d\x8dK\xfb\xc2\xfd\r\xado\x15\x8aw\x87\x04A\x7f\x8d\xf2\x11"\x13\\\xd5\xf8\xbe\xe52e\x01\xc6\xe3k\x85\x05\xeb\xd4i\xd4\x9e\x81J\xa6_r\x19\'\xf0\xad\x8a@~\x0f\xa1\x92\xb7\x1e7n\xb1\x97x\xbf*\x92\x0b_\xd3\xe34\x8au\xac\x04\xd8uY\rO\xa5\xb6\xe5\xe0\xcf4\x84R;\xba\xd7:iy\x83\x90\xf9Gw\xe4-\xa8#\xb6\x945\xb9=3&gt;\xe3J\x9dPdv\xc5\xc4&lt;\xb8iZ\x18\xaeu\xc8 uE\xfd\xaek\xebF\xc0"@\xf0%\xfd\xc0\xcd^\x8f\xdb\xa9N\x9e\xc0\xa7\x90\x90\xb3=\x8e\x16\xa7_|z\t\xd6%lO\xab\xb8\x9f\xd7\xd5\x0e\xd8r\xb9\xff\xcb)\xc9fJB&amp;N\r\x9d\x02L~\xd8\x1fy\x80\x9a\x13\x80\xdc\xc5b@\x15\xb1\xa8X\x9a\xab\x9b\x98\xbf\x8f\x0b\x1a\xd9h\xa9\xa1l-#g\xf0n\xa4\xe2\xd0\x0c\x05RA\x8e\x8c\x87+~^H\x1b\x88x\xfa`.\x9d\xdb\xaa(8[\xa2\xf6\x03\x99\xd6\x1f\xed\xa5\xb3\xb9\xa1\xee\xec1\xe5\x1d\xe2S\x81\x1e\xb2}\xfaj\xdb\x90\xcf\x90\xca\xe7\xa0=\xb7th\x04\xd6~pf\x95\xb5[\xeaM\x02\xee\x8a/\xc6=3f%\xc7:N\xd0;\xa3c\x027\x8c\x07\xf6y\xcd\x00\xc0w)\x93\xa3\x16n\x8a4~9\x97QR\xd6\rG|%dE\t\xafz[\xd4\xc66\xc7B\xbe\x1e\x05Z&lt;\xa5\xf0\xa1:\xc7\n\x97\xc5$\xdc9_\xed\x0c\xf0\xea\x01q\xac\xbc\xda\x8e9\x15\x07Z.;\xc1\xf6\xb2m\xe3?\x0e\x92\xe5F*\xd0\x14l\xfdr\xd2\'\xb9Nr\xec\xe6\xed\x85GV7\x9b\x08\x99\xe1\xe9 :\x86\x00W\xbd\xd5\xd7\xbeu-W_\xd0g\x08\x93\xac\xba\xcd\x93\xb8\x99r\xfe\x845\xd9D\x99\xa2\xdc\x99\x16\xf8k$\xaf#*\x134O\xa2\x12\x99(\x9dp+\xcc\xcc\xd4\xc0\xb8\xab\xdc\x15\x0b\x94\xed.\x00Z\xbe-}\xbd\x0c\xa8\xa8\xa3\xde\x9dR\xa7&amp;}\xa4\xfa\x8bZ\xb7\xdd\x9cS\xd1s\x14\x94`\x0b\x8f\xbe?\x0c\x11\xd1X\xf0\xcd\x88i\xd0\x98N\x10\xdc\xf1\xb3(\x0b\xc0\xa6-\xfdQ\x98\x0b\xb9j\x1e3\xcaJ\xfb\n\x0f\xf7^J\xe8\x9e\xa9\x95\xc5\xc9H\xf3^\x8bx\x02\x8c\xcc\x18]\xf7N\x849\xe7\xe2\x1fB\xc8\xe0\x18m\x1c&gt;\xdc)\xaa\xd3hF}\x8a\x88\xf5+\x02\x94\xf3\xc5\xa76\x8e\xc9P\xcb\xd2B\x93\x93\x87\n\xcd\xeb\xa4\xd02&gt;\xe9:i\x1c7FFn\xa8\xac\xc0t\xa0#;\x07\x9d\xe4\x17\xc8;\x8aK;T\xea\xc3(\xf5\xe0\xcc\xa0li\xcc37\xcdJyt\xfb\xbeM\'\xe8gQ\x90$\xa7\xa4\xd1\xe4 \x9e0!\x8b\xb4"\xc6\x9c|\x08"\xde;\x99|Q\xac&amp;\tM\x0c\xa5\\\xdf\xe1\xee\xc7\x9ec\x92\x9do\x9bb\xf8(\x9d\xb9.\x9e\xc0at\xe6\xca\xae\xc9\xd7!\x90\x88l\xd5\x03\xb7\x97\xa0\xdb\x05?\x82E\x81j\xa0_:D\xebK1Q\xde9\xc7G\xa6VB\xa2L\xc2s\xf1\xac\x88\x1f\x87\x93\x85\xe8\x9f\xa5m1\xe1\xea\xd6s*\xa2\xb2\xf3x\x87+\x05\tzQ\xe9\xc9]T\x9dp\xb8\x93\xb2\x87\x9c\xaa\x84B\x89\x87f\x13\x98\x07\x1a3\xa7"\xa0K\xd7\xe5Fi\xa9\x88u\x07g\xa0,\xa4\xbc\x11\xc4\xc4;\xce7\xda1\xea\xe9\xbb\x1f'</t>
  </si>
  <si>
    <t>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</t>
  </si>
  <si>
    <t>b'\xc2{\x14\xbeR\xf7\xc8\x06\x811U\xe8\xc3\x07\xb0\x9e'</t>
  </si>
  <si>
    <t>. . . . . . . . . . . . . . . . . . . . . . . . . . . . . . . . .215
 The Model with a Tariff . . . . . . . . . . . . . . . . . . . . . . . . . . . . . . . . . . . . . . . . . . . . . . . . . . . . . . . . .216
 The Model with an Import Quota . . . . . . . . . . . . . . . . . . . . . . . . . . . . . . . . . . . . . . . . . . . . . . . . . .217
 Comparing a Tariff and a Quota . . . . . . . . . . . . . . . . . . . . . . . . . . . . . . . . . . . . . . . . . . . . . . . . . . .217
 10 The Political Economy of Trade Policy 219
 The Case for Free Trade . . . . . . . . . . . . . . . . . . . . . . . . . . . . . . . . . . . . . . . . . . . . . . . . . . . . . .220
 Free Trade and Efficiency . . . . . . . . . . . . . . . . . . . . . . . . . . . . . . . . . . . . . . . . . . . . . . . . . . . . . . . .220
 Additional Gains from Free Trade . . . . . . . . . . . . . . . . . . . . . . . . . . . . . . . . . . . . . . . . . . . . . . . . .221
 Rent-Seeking . . . . . . . . . . . . . . . . . . . . . . . . . . . . . . . . . . . . . . . . . . . . . . . . . . . . . . . . . . . . . . . . . .222
 Political Argument for Free Trade . . . . . . . . . . . . . . . . . . . . . . . . . . . . . . . . . . . . . . . . . . . . . . . . .222
 CASE STUDY: The Gains from 1992 . . . . . . . . . . . . . . . . . . . . . . . . . . . . . . . . . . . . . . . . . . . . . .223
 National Welfare Arguments Against Free Trade . . . . . . . . . . . . . . . . . . . . . . . . . . . . . . . . .224
 The Terms of Trade Argument for a Tariff . . . . . . . . . . . . . . . . . . . . . . . . . . . . . . . . . . . . . . . . . . .225
 The Domestic Market Failure Argument Against Free Trade . . . . . . . . . . . . . . . . . . . . . . . . . . . .226
 How Convincing Is the Market Failure Argument? . . . . . . . . . . . . . . . . . . . . . . . . . . . . . . . . . . . .227
 Income Distribution and Trade Policy . . . . . . . . . . . . . . . . . . . . . . . . . . . . . . . . . . . . . . . . . . .229
 Electoral Competition . . . . . . . . . . . . . . . . . . . . . . . . . . . . . . . . . . . . . . . . . . . . . . . . . . . . . . . . . . .229
 Collective Action . . . . . . . . . . . . . . . . . . . . . . . . . . . . . . . . . . . . . . . . . . . . . . . . . . . . . . . . . . . . . .230
 BOX: Politicians for Sale: Evidence from the 1990s . . . . . . . . . . . . . . . . . . . . . . . . . . . . . . . .231
 Modeling the Political Process . . . . . . . . . . . . . . . . . . . . . . . . . . . . . . . . . . . . . . . . . . . . . . . . . . . .232
 Who Gets Protected? . . . . . . . . . . . . . . . . . . . . . . . . . . . . . . . . . . . . . . . . . . . . . . . . . . . . . . . . . . . .233
 xii Contents
 International Negotiations and Trade Policy . . . . . . . . . . . . . . . . . . . . . . . . . . . . . . . . . . . . .234
 The Advantages of Negotiation . . . . . . . . . . . . . . . . . . . . . . . . . . . . . . . . . . . . . . . . . . . . . . . . . . .235
 International Trade Agreements: A Brief History . . . . . . . . . . . . . . . . . . . . . . . . . . . . . . . . . . . . .236
 The Uruguay Round . . . . . . . . . . . . . . . . . . . . . . . . . . . . . . . . . . . . . . . . . . . . . . . . . . . . . . . . . . . .238
 Trade Liberalization . . . . . . . . . . . . . . . . . . . . . . . . . . . . . . . . . . . . . . . . . . . . . . . . . . . . . . . . . . . .238
 Administrative Reforms: From the GATT to the WTO . . . . . . . . . . . . . . . . . . . . . . . . . . . . . . . . .239
 Benefits and Costs . . . . . . . . . . . . . . . . . . . . . . . . . . . . . . . . . . . . . . . . . . . . . . . . . . . . . . . . . . . . . .240
 BOX: Settling a Disputeâ€”and Creating One . . . . . . . . . . . . . . . . . . . . . . . . . . . . . . . . . . . . . .241
 CASE STUDY: Testing the WTOâ€™s Mettle . . . . .</t>
  </si>
  <si>
    <t>b'0F\x02!\x00\xbb^H(D\x04-\x1d\xa4\xe9\xf2\x96\xde\xa8\xe0\x81\r\x1e=l\x1e\xbdt\xf0\xc0&amp;\xf6\xacP\xad\x19K\x02!\x00\xa9\xeb\xe01\x8c\x06\x12tZT\x01\xa3\xd8\xd64p\xdeF#\x19w@\xe1S\x90\xbf)kQ\x14\t\x14'</t>
  </si>
  <si>
    <t>3046022100bb5e482844042d1da4e9f296dea8e0810d1e3d6c1ebd74f0c026f6ac50ad194b022100a9ebe0318c0612745a5401a3d8d63470de4623197740e15390bf296b51140914</t>
  </si>
  <si>
    <t>b'0F\x02!\x00\xbb^H(D\x04-\x1d\xa4\xe9\xf2'</t>
  </si>
  <si>
    <t>"Let us PRETEND! Let us pretend it's a party! And oh,
 won't you invite the prisoner in the next cell?"
 "Yes! Yes! Let us knock on the wall now. The jailer won't hear."
 Sara went to the wall. Through it she could hear poor Becky crying more
 softly. She knocked four times.
 "That means, 'Come to me through the secret passage under the wall,'
 she explained. 'I have something to communicate.'"
 Five quick knocks answered her.
 "She is coming," she said.
 Almost immediately the door of the attic opened and Becky appeared.
 Her eyes were red and her cap was sliding off, and when she caught sight
 of Ermengarde she began to rub her face nervously with her apron.
 "Don't mind me a bit, Becky!" cried Ermengarde.
 "Miss Ermengarde has asked you to come in," said Sara, "because she is
 going to bring a box of good things up here to us."
 Becky's cap almost fell off entirely, she broke in with such excitement.
 "To eat, miss?" she said. "Things that's good to eat?"
 141
 "Yes," answered Sara, "and we are going to pretend a party."
 "And you shall have as much as you WANT to eat," put in Ermengarde.
 "I'll go this minute!"
 She was in such haste that as she tiptoed out of the attic she droppe</t>
  </si>
  <si>
    <t>b'\x8c\xa2\xfc(D\x03.\xfd'</t>
  </si>
  <si>
    <t>8ca2fc2844032efd</t>
  </si>
  <si>
    <t>ant you to do anything but be civil to him and help to
the pudding. Youâ€™ll give me your advice if I get in a muddle,
wonâ€™t you?â€™ asked Jo, rather hurt.
â€˜Yes, but I donâ€™t know much, except about bread and a few
trifles. You had better ask Motherâ€™s leave before you order
anything,â€™ returned Meg prudently.
â€˜Of course I shall. Iâ€™m not a fool.â€™ And Jo went off in a huff at
the doubts expressed of her powers.
â€˜Get what you like, and donâ€™t disturb me. Iâ€™m going out to dinner
and canâ€™t worry about things at home,â€™ said
Mrs. March, when Jo spoke to her. â€˜I never enjoyed
housekeeping, and Iâ€™m going to take a vacation today, and
read, write, go visiting, and amuse myself.â€™
The unusual spectacle of her busy mother rocking comfortably
and reading early in the morning made Jo feel as if some
unnatural phenomenon had occurred, for an eclipse, an
197
earthquake, or a volcanic eruption would hardly have seemed
stranger.
â€˜Everything is out of sorts, somehow,â€™ she said to herself, going
downstairs. â€˜Thereâ€™s Beth crying, thatâ€™s a sure sign that
something is wrong in this family. If Amy is bothering, Iâ€™ll shake
her.â€™
Feeling very much out of sorts herself, Jo hurried into the parlor
to find Beth sobbing over Pip, the canary, who lay dead in the
cage with his little claws pathetically extended, as if imploring
the food for want of which he had died.
â€˜Itâ€™s all my fault, I forgot him, there isnâ€™t a seed or a drop left.
Oh, Pip! Oh, Pip! How could I be so cruel to you?â€™ cried Beth,
taking the poor thing in her hands and trying to restore him.
Jo peeped into his half-open eye, felt his little heart, and finding
him stiff and cold, shook her head, and offered her domino box
for a coffin.
â€˜Put him in the oven, and maybe his will get warm and revive,â€™
said Amy hopefully.
â€˜Heâ€™s been starved, and he shanâ€™t be baked now heâ€™s dead. Iâ€™ll
make him a shroud, and he shall be buried in the garden, and Iâ€™ll
never have another bird, never, my Pip! For I am too bad to own
one,â€™ murmured Beth, sitting on the floor with her pet folded in
198
her hands. â€˜The funeral shall be this afternoon, and we will all go.
Now, donâ€™t cry, Bethy. Itâ€™s a pity, but nothing goes right this
week, and Pip has had the worst of the experiment. Make the
shroud, and lay him in my box, and after the dinner party, weâ€™ll
have a nice little funeral,â€™ said Jo, beginning to feel as if she had
undertaken a good deal.
Leaving the others to console Beth, she departed to the kitchen,
which was in a most discouraging state of confusion. Putting on
a big apron, she fell to work and got the dishes piled up ready
for washing, when she discovered that the fire was out.
â€˜Hereâ€™s a sweet prospect!â€™ muttered Jo, slamming the stove
door open, and poking vigorously among the cinders.
Having rekindled the fire, she thought she would go</t>
  </si>
  <si>
    <t>b'~\xf9\x96\x1d\xd9\xbaN\xfc\x13\xd4#\x18\x14A\x86\xacZ\x92u7\xfd%u1\xdd\t\xf2(\x80\x9c,P\xd2M\x80\x1cs\x01\xb9R\x82\x87\xc9\x06\xbb\x96\xfc\xde\x81d:\xc4\x11\x90\x96T\x0e6\x0e\x88\xa4\x0c\x0f0(\xb7u:\xfeP\xfe0\x1a\xb3\x10\x87\x8cL{G\xaa\x16\xc5\x81\xf5\xd5\xae\xbf\xc2\xac7\xe8\xadHt\x1c.\x9e\xd2\x1a_\x85\x9a\xfaz\xd3\xa2\x08\xd2&lt;S\x0e\x8d0\x9b\x03\xaa\x18\x8f\x11\x9a\xe2\xc9P\xaaE\x8e:\xd4\xed\xda%\xd6\x90\xf6smgAdCr\xd3\x0bpQ\xcc\x13\x0e+\x1a\xd8w\x87\xc3\xf8&gt;\xf7/G\xbb\x15cU\xa2\x92\x06\xcc\x11\xf7\x91\xc2\xcfsk\xfeTqiy\x7fv\xd58=\xf6WW-\x06\xd6Lp\xa5\x93\x1e\xb3\xd8#a\x1c!\x1btt"\x8f?\xa8#C\xe5t\xc1Ke\x00\x11\xcbok=\xcc\xa8k\x13\xa2X\xe7\x0f|\xc9\x18\xf87\xf5\xe2=\x99lx\xedc\xb6SO\xf8\xc7`\xf2\x9a(n\xd7\xd1D\x93&amp;\xfa\x90-/U9\x1a\x90\x0b\xee\xff\xcck\xa0\x08\x0cQH\x0b\x9e\xf4zN\xa8\xe5V\x8d\xbcIq\x13\xce\xc0\xd7\xbd\xb6i|\x9b\xd0\xcd\xc3c\xdb\xbe\x8a\x92Z\x176\x19]O\xd2=\xa0\x9f\xeaX\xb46\xb2\x1a\x9d&lt;\xeb\xfc\xc7\x0b\x1d\x19\xbe-\xea\xb3C\xc7\xecml\xab\xa5\xac\xde\xf9tc]\x9e\xb9`\x123\x00[L\\\xd5&gt;\xa0-\xcc\x9a\x8c\xc7w\xfc\xad\xac\xab,\xcd(\xd6\xd4\xb8\x0f\x04\x836\xda\x1f\xbd\xe2\xe6\xcf\x18nj\x89\xa2\xbb\xc1\xab%\xb6\x0b\x13{/\xb4\x9a\xa3ytOJ@\xa9\xde\x1d\xc7\r\xd2\xa2m\x89\xfb\xee\x91\xaf\xa7\x8a7\x87Y\x1b\xeb%*v\x1f\x9c\xbc\xd2\x17o\x0b;&gt;\x10\xba\xed\x06\xc2^\x98\xe9\xd5\x95\x06\x017\x9a\xfds\xfb\x9b\x1ed\x0eZ\xde\x8a\x17\x90fj7\xc7\xfc\x1eO\xf8_\xe0[($0Ly\x0f\x07}+rgX"\xa6%zF\x83\xc1\xad\xd0\xcd\x14\xc8\x02\xf2\xd3Pl%\xe7O[^\x84\xffd\xf6\x7f/\x12\xaa\xb5m\xbb\xa4\xb5\xfc\x95\xe1\x90\xea~+\x86\xef\xb7 \x87"\x80\xdfI]\x108@\xc0\x95zf\xc2\x1d\x87~\x19\xf89\xd7\xc0\xe3X\xd5E\xcf\xc0E\xf6.tl\x80\xc4\xd8m\x83\xc4\x1e\x87\x81\xf4\xbaH\xae;\x1f#s\x0b\x15\x8f\xcc\x04\xd1\xc6\xefX\x1d\xd0\xd9\x1c\xd0\xc3\xb4\xf5\xbb\xd1`\xde\x91\x990P\xfe\xb9\x1f\xaau&amp;o\xca\x7fC\x12\x0bPE;s\xd8\'\x17"\x16K\x8eK\xb5\xf6\xb2\x8a\x99\x9e\x08\xda(\xf8\x159b\xec\xacC\x15\x7f\xa5\n@&gt;D\xe5\xf2\xbb?\xf4`\x03\x80\xe5`N\x0eU\x1c\xc9\x9d\x1e;\xff\xc8\x05\xa1*L\xb2\x02H\xdb\x84g\xc4\xb6\xcd\xd4\x1d\xe4E}b\xe3j\xcf\x88\x13\x05\xda\xd2lGeEVR\x0cuSK\x1e@\xe1\x95\xf5\xbaW\x96?#d\xaa Rh\xfd~4^\x83,\xbbD\xb2\xa7\xe6\xd8BW7\xc337\x9a\xaan\xa1\x96-!T~Y\xfa\x1f/\xb3B\x9a\xe6"\xb6\x11\xcd\xc1\x03+\x85+\x9c\xb2\xd8\xcd"vF\x8a\xceiwo\x84\xe7\xf60\xc1\xaf\x98Y\x01QD\x95\xf2\xa3\x80\xf7\xa5\'\xf1\x1e\xf2\xf5\xa2]\x96\xa0\xf1\xb8lh#V\xd2\xcf%C\xba\x98\xc0\xf1&gt;\x14\xca\x8aH\x14\xfb\x90\x92v\xc2w\x19(\xe0K\x92\xed\x9br\xec\x8a\x8e\x7f\xdd\x1dv\x0f\xce\x93\x93P\x8d&amp;\xc3\xe1=\xc2Xk\xe7\x02N\x9aN\x8aS\xf7\xf7z\x0e\xefu\xcf(\xd55x\r\x1cu[\xddRc\xd3VHzPvLv\xdc\x7fx*\x946lT;5\x0fVg\xc9\xbdx\xb5tO9\x8e7O:x_\x13T\x99,\x87\xd6\x0e\x15J\x027\x03U\xfcl \x1a\xe1\xe5\x84\x18\xcf\xa3\xfdA\x1b|\x16\x18\xeb\xbel\xc80\xac\x01\xb3\xbb\x9bdC\x7f\xe8\x07\xdfS\xf5G\xbcO\xf0p\x8d\x1d\xd5}\xc0\xc8\xaa_ \x8do\xc0\x85\x14\x97\x85A\xb9\x9f\xd0.\xcb\x8c\xc4{L\xfa\x01\x13\x82d\xa9g\x05*\xce\xe5|\xd5\xc3\x18}\x89\x93\xfe\xc2e{\xd07\x83\x16~\xedMg\xbe\xcaz\x11\x11\xb8\x7f\xebM\xaf\xab\xd8u\xb3\x99Z\x96m/\x18Nv\xf9H\xa0\x11\x1d\x9f\x8exM\x8f\xe3\x84}-\xbb\xb0=_\x8e\xd1R\xf9\x0c\xbf}KBJ\xf6\xfc\n\x88\x02\xe2\xd8\xf6d\xb2\xdc\x07w\xbd\xfd\xa2\xcb\xcc\x92\x12\xc4E\x1e\xe8\x18\xe4\xc0\xfa\x8d\xe4p\x0e\xb3\xb3Z\x9b\xafA\xa0\x1a\x83\xf7\xc3\x8d\xc8\x03|Q=S\xb4\x19\xf5\t\x9b&gt;k3\xfd\x8fH3\'H\x00yUx\xad\xcc\x12t\xff~V\x1d\x93\xdc\xb0(w\xd8\xec\xe8\xc4\xf2\x9aq&lt;E\x9d\xaa.D\xd6\x0e\\\x1c\xe0\xb05\xe3\xb5\xa6\xc7/\x99\xa2j\t\xb6\xc6\xf6ce\x86c\x05b\xea\x07\xa1\xc5\xea\x912\xf6\x88`\xc1b\x99\xe75\xa2\x1c\xbf),\xacQ\x16$b\xfe\x0b\xceU\x1a\xb2\xd6\x92\x8a\xeb\x98\x08\xe4\xaf\xbeo\xc7Y\x06k\xd8\x00\'\xd3\x15\x12\xf5\x95\xb0\xd5\x92\trb\xe3\xc9 %\xb8\xf3C\xfa\xd8)\x9e\x1e\x1fR\x83\xb1;\x01\x16\xd7\xa2\xe9D\xb87\x80\x10B\xbb-\xb6F\x7f\t|{)Zb\x19\xa2~\x1c\x08\xf6\xf6\xd6NQ\xaa\xf4\xa3\xb0\xb5\xa2\x1dR&amp;Y\xb2G\xe7\x14\xe9n\xbb\xcc\xb2\x9fvO\n\xcf\x9a*\x12_\xc2\x06d\x0cVO\xe5\x0e\xe4\xf2R6\x9b\xba\x1c\xbb\xb5\x08{\x9b\xc6e\x06\th\xcd7\xf9\x95\xf9%\xf7\x053\xfct\xbb\xc3\xb2\x95\x85l_\x11\xce.\xd1\x16A\xa5\x1b-\x12\x0c\x91Y\xf7\\\x1c\xd7e\x13{\t+\x08\xe7P\xeb\xd9\x11e\xa4L\x9b\xcb\xe8"F\x0ev\xc1\xc1\xfd\xd09\xbbv\x83A\xab\xd8\xfe\x88z\xbe\xd5s\xe1O\xf2Ze0&lt;\xe8\x94\x8c\xaf\x92\xcc\xcfGn\xb7\xc0/6\xce\x16`\xcbH\r^/t\xec\xa5\xe6\x11\xe2\x8d\xc62\xa8\x8b_\xe4\x1c\xbb\x9cH/\x19\x07&amp;\x9d\x90\x04\xd7\x8ex\xa8C,\x8a2i\xa6\\\x1e\xf2\xf7I\xc1\x12c\x96\xa3\t\xe7\xda\xce\xde\xbd[\x9bU\xa2\xa5\x88\xef\x98\x0f\xbbI\xfd}\x153\xca\xec\x81Bl\xed\x1d\x97\xb7\x07\xac\xab\xb2\x97\xffQ\x9a\x91\xf4\xb5\xb7\xe2~8\xba\xa5\x91\x83\xb0lk\x88\x9d9,\xfaH\x8c\x13R\xb9\x83\xd8\x85\xf43e\xff\xc5&amp;u\x9a\x0eII\xdf /!Ck\\\x17\xccc\x8a\xc8$\x7fu\xc35\x07\xe87=\xa8\x8e\xcb\x81~\x9f\x8b\x8f\xf9\xdeo\xf0a\x85\xab\xb2C \xeey\xb5\xcc\xe5[\x07[*^yp\x07!IJ\n\xd6\xcaA\x1f"\x0el\xc0X\\\xcbf\x92\x12I\x96\x05\x0b\x90\xc0,^?\xe4T\xf0\xa1\xd9\x84f\x98\x02\xb8\xb22*a]~\xa9Y\xf6%3\xb4\x0e\xc9\x85\xd1^n\t\xe6q\xeaff1-\'\xa4"\x81\x18[5\xa2\xf8\xac\xbd\x81\x19\xdbI\xb9\xa7I\x1a\x98\x1f\xb2L\x01\xee\xeb\xbc\xd6\x84\xa2\xdd\xbc\xa84q\xe3q\x8e\xbf\x81\x9b~d\xceZ\xe4j\xe5\x91\x0cG\x83\x1c\xea\xbe\xba\xc3*@YC^n}{\x07g9\x15\xf9k\xf4~\xb1\x91\x98\x15\'\xb2z\xb3:\xe6|\xf0\xed{\xe7}\xcf\xb6\xb9\xf4\xe3\x8bZ\xf3\xd9R\xc4\xf8\xd1\x04\x15r2\xb7\xa3\xda\xdak\x10\x02\xff\x060\x0e\xec;-\xaf\xa3Q5\xd4,\xa2\xe7d\xb5\xd6\xff\x03|\xb2\xd3\xc5`\x97_\x0b\x0e]\xa6\t\x08\xbe\x00\xb8yb\x17\x1c\x19J\x8b];\xc3\xc5\x86\xd5k\xdc3\xe5\xccgz[{B\x05s\xcd1:\xbbf\x18\x9a7\xba9\x8a\xea_h\xdd"9\x12&amp;\xbe\xba\x80Z\xdf\x9f\x997\xe1\xaa\x91\x04=\xc7#\x19}\x8d\xa6!\x8f\x96ASLW\xeai\xea\xceI\xffI\xb6T\x01T\xbd#Yc\x0f\xe7RG3\xf7\xeaz3#\x17z\xa9\xe8\x8c\x0e\xcbW\x85\xcb\xf5\xaaF\xf7\xda\xfb\x1a\xf5\x9fe\xeb\x8dI\xdf\xce\xb96\xa2\xca\xa1\x8c\xe8\xcc\x9ci\xfab\n\xde\xd6\x9d\x0f5\xb7\xc0\x95AC\x16\xf2\xf3of\xab \xdc\xdc5\xb3\x88\x85\x17\xa9\xf2\xf9\xac\x93\xbbppLo~\x85\xa1\x1cf\xf1\xaf\xc0K\xab&gt;.\xc5\xb7\x99\xa2\x87\\w\xb4\xec\xd5\x06*\xec?\x8a3:\xd6\xf6z[u\xec-\xee\t\x11\xc8q\x18Z\x01h\xf5\x0fx\x9f\x8f\xf4&gt;\x01\x896Y\xe6\xb5\x84IAN8y$\x1f\x9dk*\x93\xe6x\xdb\xea\xce\xabZ\xaa??\x14\xb6\xf7\xe7\xf6\x9b`fC\x9d\xfe\x00\xe9\xa5\xed\xfaCfEKQ\xcaG\xb4\x97\xc0\x15\xb2j\xe4\x11\x1e\x8a\n\rU\x994\x9dH\x00hS\xe3\x95\x9c\xe0\xf2|a\x12I\xa8\xb3\x19\xd9#3\xde\x9e\x0e\xfe\x8eHH/\xda\xe05G\xdc\xa3\xf5cmg\xf5\x87&lt;M\xb1\xb2\xa6\x9eG\x87H\xcd\xc7\xf8\x03?\xe6\xee\x8a$eV\x0f\x8c\xf9\x01]\xb25\xc2\x9cv\xbb\x84\xf5e\xe1;\xa3\x0c\x1c\xea\'\x8f\xdc\xea\xd6\xd4L\xa3\xb4\xec\xa4;\x9e\x97\x98?\xf5i\xe6\xcd\x9d\xc8\x9dt\xf76f\xd6n\x02\xbf*\xcc\xa8\xd2\x9b\x9c\xbc\xa1\x96\xd3\xe2\xb0\xceiJ\xe2o\xe2pZ\x86\xb3T?4\xf6^h\xdc\x8eo&lt;\x1f\x90\xb4%\\\xe9\xf74\xbc\x00\xb0\xe4\xa5\xa2R\x03\x8bp[j\xfc\xfe\x92\x92\xa4\x8c\xbcA\t\xd4\x93\xe6a^Gj[w\xf29\'\xc4\x8bs(\x8dz\x11\x0c\x05J\xbd|\x93}ze6J\xca\xed|o\x01Sn\xa3E\xa2\xd5L\xfcP\xe49A\xa7\xe1\xf1\x1d\x7f\x91\x9eJt\xf9vZ\xb6\x89A\xe8\xd4D\xd30\x16\xfa\x99\xf5E\xb4\xca\x1fZ\xe0\'n\xad\xda\x931\xbd\x90y\x14\x02\xb1S\x01Xn{9\xaa\x9f\x00\xf7\x1c\x16G\xeb&gt;\xe7HnUb1\xc6\xe2\\\xfb\x06)\x81\xaeF\xb8E\xe5\n\xe0"\x0b"\xaf=\xcd\xed\x9b\xba\xa3RO\xc7\x18\xdc\xfc\r\x9d\xf1}\x8d\x17\xd2\xa2\n\x85\xa6*\xd3\xfb\x10\xacB\xd0*6\x1c\xc7\xee\x0f\xb1\xb8\xdc\xed\x82\xed\x7f\x1c3z\xbdJ\x12\x96,t]\x91\xf5U\x8b\x91\xbe-=\xbbm\xc3Q\xfa\xc3\xd7\xc3\xfe-\xc6\x83r\xa6\x8f/Z\x82\xde\xf2\xd7\xf3H\xefl\xd0\x1f\x1d*\xa1\x05x]2\xc7B\x1fX\xc7]\xa4\xb6\xf8\x84\x8d\xd5\x0b\x0c\xc14\x18\x08\xca\x8c\x97#\xd5;\x92\x83\xea\xe42&lt;%\xd1G\x97\x8cY\x1bH\xfa\x16\xbc\x94\xccK\xe2\xd0\x9a1\tb\xc8t\xf3\x90\x1c&amp;|VI\xf2\xdcuQ\x13\xf8\x153\xba\xd4D\x81\xb6\xadc\x08#F\x95\xd5|\x15\x12y8\x0c\x97\xa2\x9a\x8f\xb0\xcdI\x0e\x13\xcdM\x1f\xd4\xdc\xa9mf\x85S\xed\xcb+\xfb#\x0fK\xba\xae\xf4\xb0\xf1\xcb\x7f\xde\xf0\xdc\xba\x8e\xa9\x0f~\t^\x9dz\x89\xea\x1c\xf4\x83\xc5\xc0a\xd0n\xfc7\xf4oR(\xd1\x1d7D\xa6\x17Yr,\xca\xaeG\x87nw\xd0\xb3(\xa6j\xc9\xe0\xc2Ba\x8f$\xd8|\xb0{\xc0\xd1g\xe7\x8e"\xac\xf2&lt;\xea|\x9e\xf2\x9c\n\x18\xcd\xdd\xaa\xd3y\x10Q:*\x0f\xb0\xdbj6V\xa6N\xcc\xd5\x7fy\xd5\x82\x05\x1a\x999\xae\xa1\x88\x9e\x8d{\xccP\xeb7%\x9f&amp;9C%\x98a\x11\'#[\x8d\xf0&lt;\xfb\x01nG6\x05\x03\xd7\xba,r\x8c\x00\xf0N\\\xb4Vu`\x1a\x18\x87\x84=+F\xed\x84}\xa7\xaenV|v`\xf1!\xff\x15{|\xa1\x10(\xec\xb7\xf1\xc1\xd2f\xe6Zh\xd2\xe1$\xde\x03H*\xd2\xfc\xebQ\xd3\x8f\x1d4G\x945\xcf|D\xc1\xad\xd0U6k\xab\x92\xa2\x11\x19q\x12\xc7\xfeT\x13\xd1\xdfY\x86\xda\x91\xfe\x03\xd8]\x16\xbao\xb11\xbb[\x1a\x1c\xff\xd9b\xf5M\x99\xfc\xfcE&gt;\xf70\x15\xb8'</t>
  </si>
  <si>
    <t>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</t>
  </si>
  <si>
    <t>b'~\xf9\x96\x1d\xd9\xbaN\xfc\x13\xd4#\x18\x14A\x86\xac'</t>
  </si>
  <si>
    <t>pungent
jokes in the familiar setting of the baths (Fagan 1999a: 12â€“39), and the way emperors
bathe is used to calibrate their moral characters in such works as the Historia Augusta
(Merten 1983). We only have to read that Elagabalus held parties for the ruptured in
the palace baths to know he was not a good man (HA Heliogab. 25.6). In contrast,
the probity of Antoninus Pius is reflected in his opening to the public a set of baths he
owned, and at no charge to boot (HA Ant. Pius 7.6).
Unlike many Roman buildings, the baths can boast a wealth of ancient evidence
that allows them to be examined from a variety of perspectives. Recent studies of their
physical remains have revealed much about their operation. The scale of the baths
varied enormously, from tiny corner establishments to the larger community-owned
facilities and up to the vast imperial pleasure palaces of the capital (Nielsen 1993).
Most communities had multiple public facilities (by 79 CE Pompeii could boast seven,
while Constantinian Rome had hundreds), of varying scale and quality that probably
reflect the divergent preferences and means among the general population. Since the
bathing habit did not follow a rigidly prescribed form in every place, the architecture
of the baths also displays great variation (YeguÂ¨l 1992). Local tastes would dictate the
form of a communityâ€™s establishments, as was the case with the great bath-gymnasia
complexes common in Asia Minor that incorporated into the traditional Hellenistic
gymnasium elements imported from the Roman bath of the Western Mediterranean
(YeguÂ¨l 1986). More focused studies of regional forms of baths are needed to elucidate
variations in the bathing culture at a local level (Farrington 1995). Particularly
intriguing is Roman Egypt, where Greek-style baths appear to have continued in
use well into the first century CE and where a wealth of papyrological evidence
remains to be fully mined for bath-related information. The requirements of heating,
water supply, and drainage demanded by the Roman bath mean that it may have been
the single most technologically complex structure developed in the ancient Mediterranean basin (see relevant chapters in Nielsen 1993 and YeguÂ¨l 1992; see also specific
studies such as De Haan 2001; Garbrecht and Manderscheid 1994; Parslow 2000).
Indeed, the baths were partly a testament to the symbolic power of the Romans over
nature, and especially of the emperors who built the huge complexes in the capital, in
that they harnessed the threatening forces of fire and water and deployed them for the
enjoyment of the masses (Zajac 1999).
The sculptural decoration of the baths appears to be aimed chiefly at evoking
images of pleasure and abandon, via Venus and Bacchus, and of healthfulness, via
Aesculapius and Hygeia (Manderscheid 1981; Marvin 1983). In this observation lies
a clue to the popularity of the baths. They were places to have fun, but also to
maintain oneâ€™s health. Whatever the truth about the a</t>
  </si>
  <si>
    <t>b'\x16\xf1\x06\x99\xed\xf5\xe5\x8d\x012\xf2\xf3.:\xfc\xeaQ\xe3d4:k\xb0\x98\xe8\x1e\'\x9aFNlB\xfe\xebJj\xb9\xb3:\x9a\xb5e\x1am\x01\xef\xbf"\xca\'\x05\xc1\xdcE\x99\x97S\x10{\xaa\xe24\xc7\xfe\x14\xb3|\xda18r\xa1G`y\xb5\x15\xea\xc8\xee\xdb\xe7\xfbd&amp;\x05*\xe7\xb4\x13\xdb)\xd2\xee\xd2\x0bLAr\xf95}%\xfa\xf2\x9d|q]\x9f\xea\xe2\x12\xf1\x9f\x7f\xa7\x08\xb0\xf8Ps\xdc\x85\xbes\x1e\xda\xf80t\xa5\xb1\x8f\xd5(\xefq\xcc\xf2\xebs\xb0\xff\xef\xbar\x16l/\xad\x8a\x16\xaazZ\xb8]\xc2\xa2\xc1\xb9+\x82\x1dt/\xfdm7\xf4!\x18\xf3\x81O\x1e\xf7\x8f\x81\xa7e\xff\xb1f\x1b\xaf\xe7\xf4\r"\xe6\xce\xc4\x98m\xfb\xd2\xea\xe8N\x9c\xd2f$\xe5i}G\xf3\x92\xbe\x1b7\x0f\x03\xca\xb7\x12\xd0\xe4\xb1\xf5\xa8\xb3kW\xf5-K,\x01P\x96\xc0-\x9eY\x10Y\xd8U\x18\xe4L\xca\xdf+q\xfaL\xbe\xda\xe0\xdc\x0b\x96X\x140d6{\xc4\xd0;\xbfb\x87`\xef\xe6\xdd\r\x9d%\r\xcbk&amp;\xdf\x0fK\x10U\xa1\xb6\xba\xc0\xd5\x7f\x7f\xacc\xb3p\xcc/\xbet&lt;H\xa8$LpB\x86QY\x8e\x01Ti\xd3\x0f\xbf\x18\xbbL\xff\x02\xbfCt\x1a\xe7F\x99g\xb4\x99\xff\n\x05EQ\xa5\xf2S\xc4\xacO\xfc\xf7\x12\xaf\\z\x88\xc2}.\xd3\x07\x16\xad&gt;\xe3r,JC*\xb5+\r\xeb\x84&amp;\xf4\xee,\x8dD\xaa\xd3x\xdaXo\x87\xd6\xb0Ss=\xd6\xc4J\x95\x8f\xd1\xeb\x82\x92\xbd@\xe5\x04\xab\xe6\\\x14CL-$\xe4\xc6\x83\x19Ilm\xb3\xf7?G;n&lt;\xd2\x93bJ\xa2?\xda\xbcU\x8f\xb8y#/\xd5\x80\xcc\xfc\xf2e\xfe\x9d\xe0\xc6\xf4\x88\xc8zG\xf4\x19%S\r\xa4\xd3AH\xc6\x8e\xed\xfc\x18\n\x05\xa4\x80\xd0s\x1b\x8eC&amp;#\x06q\xb8\xdf\'\xe6\x07\x9c\xf3\x9f \x83\xe4\xf1\xe6\xd8b\xd0\xb7\xe0z\x97\x91\xe0%2\x95\x83\xe5\xb9\x01\x00X[\x1d\xad\xb7&lt;/-\xfaH1\xb5\xb4\xc1\xafCD{6\x7f^\x17\x97\xd6\x96\xa5\xbe\xa5\xc7\t\xaf\xfd\xce\x8c8*\x80l\xdd\xebE\x96~#\x15\xe6\xa3\xc2\x86\xc9[\r7Z-%iV}\x8f\xb4\xefV\xd2\xd9\xbf/\x11^\xdac;\x01\xdc\x99x\x19\n\xba)\xa0\r5ID\x9fb\x05\xe4\xafH\x18\x1b\x19\xa8\xda\x18\xb3\x17@\x07\xe1,6\xbb\xe2\xf2T\xd91z\x0fK\rM\xec\xf9\xb2\xb5q\x14JG\xed\xbag\x1d\xf89\x12\x1b\xa9g\xe6lk\x93\xea\'\x81\x1cM\xb2V\xf9|Q3\x00\x8d\xf4\x82\x8a\xd2\xa8\x1a&gt;DM\x91\x9d\xbb\x9c\x8a\xd1\xfa\xd0\x9f\xf7l9\xf2\x16\xdf\x13\x93`\xdd1IX\xbc\x8f\xa9\xb5\xbde\x95Ph\x8c@\xe0\x95\xc1#\xcbe\xfb/\xf0ff\xca\x0e%I\x11S7/\x8f\x82\xa8\xfd\x1d\xfb\xf6\x07h\xc6\x0f\xe6\xb0\x9c\x93q@)\xed\x07\x9a\x88\x8c\xeb)zGhg8!L\x85\xde\xdcpp\xdb\r\xba\x96\xdc\xc1\x98\xcb\xb0O\x92\xe1\xc143?\x15\xac\xa9c\xc5\xa6\xcfTI)]\x8f\x9e29\x15L\xfc1\x9aR?7\x89\xec*\xba6\xdf\x0e\x0e\xa91\xa52\xdd\x17\xc1\x81\xdb\xd6\xb5s\x14&lt;\x0b\xec\x82\xca\x00u\xe8\xe6\xf0\x03g\xce\xcd\xe6\xb6\xa68\x16\x05\xe7\'\xb8\xad\xc85v\xb9\xe5\x9bo\x07I\xb1U\x87N\x87\xed\xf6?$LjL\x05n\x05\xc8\xc4\xf3r\xca\xf8A,u\xc7\xc2\xf8\xb2\x0c\xf9g\xd3\xe1y\xad\xc0\xa3\xee_%\x0ctY\xcakE\x9d\xe8\x81\x8a\x1a3\xb9\xaeG\x84g\xfc~\xf2\xd9\xa0\x12\xbd/K4Je\x11)\xaf\x14\xae\xbd\xe6\xac\xe3\xa0}\xd8#T\x87\xeb\x9d\xbf4\xa0\xf9\xbb\xa5\xed\x96\xb60\xfc\xfa\x03\xc9X\xcb}N\xc5#T\x18\xc5\xbf:\xad1\x88\xeas3\x8d\xfd\xd5JEU\xafN]w\xe2\x16\x01\x03\x0b;\xf4\xda\xa1\xa8\x08\xa5lL\x0e\xc0\xa6\x19\x94\xda\xae4\xe5\xaf\xda\xf9"5e"_?\xf9\xaa?^z\xf6\xc0l\x1c|\x93&lt;\x18\x9d\x91#\x17I1\xb9m\x90\xaf{6\xdb\x17Q`u\xc7!T\xe5\xba\x81hn\x98A\x83\xf8\x9f\x19\xad\x1fL\x17\xcbe\xd7\xd3\xdd\x0b\xea\x1fj|\xdcn\xb9]\xc5m\r\xcd^\x87\x9a\xbd\nb6h\xa6\x83e\r\x1e2N.\xb1\xb3UkP5J\xab\xcd\x1f\x89\xdc\xb1\xb8\xd3L\xd2&lt;\x8a]\x9b\x974\x82g\xfe\x04\xb0\xa2\t\xf2\xbe\xa6\xbfa\x12\xed\x07\xd1_Y8\xad\xa9W\x13\xb6T\xd4\xe2\x8f}\xb9\x1a\x05\xa3!B\'\xd3&lt;\xab\xe2H\x98\x13\x08\x94\xc5=\xa2mU)\xac\xc5L\x0b\xff(d9\xcb.,\xcb\'\xa6\xafV\x8b\xf1&lt;\xc0\xcf\xd0\x8c&amp;$\xba\xb8q\xdf\xe2\xe3e\x1cx\xf5\xf9ts\xe7\xaa|2\xaf\x14\x1d\xdb\x7f\xd0\xbc&amp;!`?w\xd9\xfer\x16]\xef;kyU\xb8_\x18\xf0,\x15\xbf\x80\x85PS\x0b\x96\xefy\xfd\xfa\xd2\x10\xee8=\x86\xd2S\\\x02\xb4\n[G\x8b\x8d\xe8\xb1\xe4\xe9\xac\x04=\xbd5\x8f\xc8\x02\xef\x04\x97\x82\xb8\x9f\xba\xffq4\xea\xbf\xa2\x8f\x04\xd4;\x1a\xe6:\\2\'\xf9\xa0&amp;\xc6^Y\xb6\x04\x7f\x8b~\x9d\x93\r\\)\x96\xc9\xe9c\xa7\xd5*\x0b\xe1d\xf1\x11\x13\xad\xffY\xdfs}\xb9\x9d\xd7\t\x97oh\xa6\xb10\xa7\xd6m\x9a\xc5n&amp;\xa5{\xc3\xf6]`\xfd\xbbY&gt;\xeax\xe4\xce\xbc\xf6\xb3\xdc\x9d\x98\xda\xf1\x15&lt;.\x8fG\x02\xfcYR\x10\x0c\xa1\x862\x8e\x071\xaff\x82sq\x8b+\xad\xde89E\x99E\xd2x:U\xfd\xa0\x96y\xb7r\x8d\tU\xbd\t\xa0/\xf5 \xb3R\xbaN~?\x9d&gt;\xa2fy\x93\x08]\xc4B\x93\x17\x9a\xb8\xee\x96L\xa5\xd1\xf9\n\xbfw\x86\xf5[\xb8\xb0!\xdbj\x97\xaeI\xd20\xedN\xb2\x0f\xf9^o\xa7yX\xcc\x87\x86\xae+\x7f#\xbf\x8d\x8c\x86\xfdc9\xed\xfbT0[\x9eQ&gt;+d%\x1c\x06\x10-\x94t\x13\x97tV\xff\xc1\x95\xd33\xb5\x10v\x84\x1d\xc7+6\xef\xa9\x8d\xb4\xf6\xc8WNK\xd6\xe2\r\xee@\xcc\x0e\x07\x11\xc7\xeaf\x9d\xd6\xa5o\x00\xa6\x8e\xc8\xaf=\xae qyd\x8db\xf9H\x12\x8cF\x8a\xc1\xc9\x07\x1c\x97\xffU&amp;V\xb1\xe8aT\x13\x1e\xa8\xd3S2\xf1\xbd\xdc\x14\xc5\xb9H\xdad\xb8P\xdb\xdc\xe1\x15\x95E\xbb\x8c\x1b\xc0\xa3\xe9J\x03,\xd1{\x8b\x00o}s\xfbY.*\x13pa\x13-\x10r8\x8b?\xcdY\\v&lt;\xb6Z\x92)\x05(\x15&gt;&lt;\x9e\x93\xf8O\x85\xa9\xba\t\xea\xf7d\x96:\x811\x82\x96\xfb\xc9\x91\xf6\xfb\xfe\x0f\xcc\x07\xbb+@\xaf\xd2\xfa)\xfa\x02\xb4\x86X\xf7\xd9C)XK\xe5X\x93\x10q\xaf\x97\xdc\x8e\x83\x14x}\x8f\x9e\x93a\xe8\x85\x9anD\xfbE\x0c\xb7X\x0b~\xd1\xf2\x10iL\x02r\xb1.\xe8\xcdi\x1b\xc9\xcc\x1fN(\x13\xb5\xe9\x92\xef\x00{\xa9ve\x1b\t\x163\x17\x9b\x17\x92\xc4\xff\x9a\xc9D\xcb\xa6\x80\xfc\x14y\xa9u\x94\xc0\xfe\x96]\xba\xb4\xee\xb47Z\xbb\x0f\x97j%`\xf7\xdez\xe3N_\xfc\x9a-\x9ch\xb8\xf7\xab@\x862C6\xb1\xf9\x17O\rMW\xeam+-Ph\xa2\xf8\x84\xc9\xad\x99\x897\x83\xee\xd2\x1f\xe0n;faede\xf2\x8c\xdb\xa9v\xef\xc5\x13\xf9\x93X1\xfc\xdaR9*Y\x97\xe0J\xc1\xc4\xa2$4\xb6\xb9\xa4\xc5\xe1\x8c0\xa2iV\xf3\\\x1cZc\xef\x83\xf6\xf6\xe1B]\x93\x8f\xcb\xbd\xa4+\xf4`O\xe7\xfe\x9a;}\xfd\x03Pd3\xaa\xfa-0\xd2\x9dG\xaeXNl&gt;\xffN^\xf4Bhj.P\xb7|s\xee!v\x8a-\xf4\xfa\xa0-\xe90\x93\xf5q\xebT\xcb\xa3\x0e\xb0\xa7\x18\xe4\xc1\xe4\x02\xb9\xeb\xda\xce\xdc\xa5o\x9a8\x98{9\x96X\xfa\x93h\x94\x91\xae\x851]O\xeb\x95\xe4]]E&lt;\x1f4\x1e0\xa4_\x9b\xdb\xecz\x8a\xc5\x82\x0c\xfd\xa6\xfa\xc1\x14\\R\x08\xd1G\xd7K\x16\xb6D\xab\xc4\xca\xed\xf9:&gt;\xee\x11{\xf3\xe5;\xef\xdb2 \xdb\x82\x82\xa00\xde\xe1\xdf\xa9m\x06\xffF\x1aM\x8d\x95\x98\x9bi\xe5%*\x90\xf44\xbcKYk\x8a~s\x91\xa9\xf7ae\x9c^E\xb7O~\xaa\xf8\x16\xd2\x8b\xbd\xf4\x91\xfd`\x19]\x88\xeb\xfe8\xed\x9a\xff\xe7\x13&gt;\x05EeP\x05\xa0\xccV\xe3t\x10~ }\xd3d\xc4WYc\x0c\xc8\xfd\xd4+h\x0f\x02H\x0e\xac"\xcb\x8a\xc1\xfbD\xf8\xce\xe6\x8c4j\xabp&amp;2L\xb5k\xd5\x8c\xe8Z\x9c\x13\xab\xe3\xb3\xa2\xdb^\x8f\xe9Y\xf7!|\x01\xecq\xbd\xaaj\x9f\xca\xf4O\x9b@.^\xd9WU\x1a\xf8\x03;\xbc\xee"-\xe1\xc6\xec\xe7|\xd8\x1d\xd5\xab\xaa\x97/\xbdUC\xf4\xe1\x04\x8b\xe2\xe1\n\xc6\x14w\x81"\xc5\xa7P\xe1\x9d\x8bY[\x14g\xb8\xf1\xf6a\xd9?\x83&amp;l\xe1\x8dLtY\x1b\xf1!B\xe9\x16\xeaw\x84\x19-\x83\xc7\xaa[L\x08\x8b\xc27\x8f\xd5\x8c-\x93\xf8\xa4\xab\x06\xc0\x81\xae\x02\xd5\xe7\x1c\xcac"2J\xf3\x99\x05JtI\x1f\xcfu\x98\xc6\xfe%\xfa\xfd\x8d\xcd\xf66u\xb4n\xdew\'N\xdc\xef\x19\xea\xbfu\r.Xr\xc0\xef\xf9\t\xe5\xb7\x15\x00\x17\x10\x94\n\xdb\xf5\xc3\xbc\xb3\n\x98\x8f\xf2{\x02\xa4X\x85\x04\xcc\xb4j\x9c\xde%\x02\xc0s\xaa:4\x14L\xa7\x8b\'EmD\xf5\xf5^\xfe\x1b\xdf\xf5?\xa6\xea]N\x9cu\x19\xb1_\xbe\x1b\xb4\xfb~\xd7\xa4\xf88\x9f\xc2\xe9;\xff\xa8\'\x86\\\xf7\xd0\x9f#\xb5\xf2\xbe\x9f\xffX-]\xcf\x15\'\x1b1\xa2\xcep\xc8\xbbw;\x87\xf8@\x89 \xc9O!W\x06v\x9e\xed\xfe\x8e\xcf\x94\xc5*-\x96*\\m\xafrY\xcb\xad&amp;\xe1\x94\x1dz.V\x95,\x96w\x81\x90c\x82&amp;\x0e&amp;\xb7\x94rT\xaf\x1c\x92\x12wv\x98\x87\x04\x1ah\xa3\x87\x15[\xdb\x8c\xd4\xe5\x88\x93R$\x8cI%\xd5\xdf\xb4\x90\xf3\xdf_\x7f"\\\x80\xeb\xf4\xeb\xf4\x8a\xff\xe4B\x83\x1a\x0b\xabY\xf0\xf4\x9f&lt;A\x84\x94C\xb7n\x9b\x12\xd3MH\x92yh\xa2\x8d\x81\xceS@\x81&gt;8\xaa\x1bg\xa9-Z!7Qw\xf1\xb83\xfc\xc4\x84\xf7\xdd\xdcs\xbfr&gt;\xee_\xeb{\xf0\x12K\x18\xfc\x1b\x89\xd8V\xe1C~W$\xa4\xc1\x7f\t\x06\x1e\xc5n\xae"\x08\xe8z\x02n}\xaa\x81[&amp;\x97\xea4c\xa1\xac}WP\xb2\xa8\x83\x8a h\xed:Du/\n\xaaq\x9a\xea,M$\xfcL\xf4\x9b\x03\xdcE\xc3Z\xcc8\xd1y:|\xac\xed\x0e\xfc\xae\xf9\x7f\xe2\x9c\x86ENd\xa6r\xc1y\x84\xf0\x07|\xd8^X\xbe\xa3M\xc7\xfe\x86\x08 Np\xd9p\x1cR\xd7&lt;\x973\xeaQ\xea\xf5\x9dQa^\xf0\x9b&amp;\xddp\x98\x04R\x82\x94T\xe0\xd9S\xf1\xebZ\xa0C7D\xd1\xe9\xbc=\x01n\xa5\x04\xc7\x9d\x109Qu\xe3\x10\xd8o\x07\x13J-\xf8\xb6b\x937\xe2c]\x18C\xbfaQ%\xf07 \xf1Z\x07\x13\xcc\xeb\x19\xfdjL@\xe3\x14s\xd2\x1f\xf3\xee@\x8e\xbe\x81\xff\xd5uCa\xa3Z\x8a!\xb2\xd5\x91?\xabMlEu\x9cn\xdc\x10\xec\x10U\xb2o\xa7\x1d\x11\xc09eo\xf6\xd6\n,\xc7\x96\xad\xb5\xdezs\xa4\xec!%}m\xdbr&amp;0\xad\x97`\xe1\xdc\xb0t`s\x02m\xe7~\xb97\xce\t\x89\xc9\xd2u\x8a`\xff\xa9\x8f\x10\xb1\xfa\xa1\x054\xbaR*\xff\xd7\x8c\xf9h|\xf1L\x1bL\x90\xbf\x16\x0fh+\xe6\xbb\xb1H\x96; \xd5\x8f\xa5\x8b\x80\xcdM\x94u\r\x02\x8ar5\xc3X\xfe\x9f%\xb5\xe1\x18,\xa5\x9b&gt;B\xb7Y\xe5#\x14\x12e\x9dEp\xe9\xdd\x16\xbaf3\x07|\x8e\x1cglr71\x0b\x1a\x13\xb1\xf9\xe6\x96I]~\x06\xbe\xa7\x9b\xea\xb8\xe0\nGg\x11\xd1\x12\x89\xbb\x1a\xb3\xf6f\xce\x83\xbe\x18H1\xe9\xde~t\xa0\xf3c 2\x01\x13\xb9M?\xf0f\x83\xf2}\x160\x1f\x8fv\\\x835\xf6P\x9d\xd2\x9e7\xae \xb0G\xce'</t>
  </si>
  <si>
    <t>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</t>
  </si>
  <si>
    <t>b'\x16\xf1\x06\x99\xed\xf5\xe5\x8d\x012\xf2\xf3.:\xfc\xea'</t>
  </si>
  <si>
    <t>ould hear the handle 
 being turned and the bolt rattling as the wretched being tried to enter; 
 and then there was a long time of silence both within and wit</t>
  </si>
  <si>
    <t>b'la\x92\x87\xc0tg\x959\xbf\xc6\x94p\xdfH7LY\xb6\xf3\xf7\x19\xd0\xba\xf0\x88\x90\xef\xeb\xb3M\xbfF\xecM^\x96\xfe\x0f"\x1b7\n\xad\x98\xfd\'\xe4\xc2\xd5\xc0t\xb7\xd7S\x98\xf0\xbd\xcbk\x0fj\xa6o\xcd4sBk]]\x00&gt;8\x9d$\xb7\x92\xb4\xddm\x8f9\xdeN\xd6p\x97\x9d\xab\r\xde\x06g5\xce\xf8)\xb14\xbc\xe7^\x05N\xaa@b!\x11\x8c\xf7\x96o\xc0t_\xac0\x84\xd3\xe4\x11\x9d\x8f\xa3\x1b\xb7\x92\xe6\xb6J\xb7\x8cc\x11\x03\xb1s\xe3\xa9\xca-\xca\xf4m%\x8bC\xcdf$|\xd3\xcd\x87\xdd)\xb5\x8f\x00\x1b3\xd7_\xe9\x00\x01\xfb\x81\xe6&amp;\xe1\xe9=\xc5\xf5;q\xbf\x924\xe0\x8e#bbV\x7f\x1e`{\xf8\x12[\xba\xc1;:\x0c\xec\xa8\x1a\xba\xfb\x87\xa2\x8a\xc6q[\xf8\xda\xd6\x8b|\x18bqd\xb2\x16\x1c\xacAI\x19\xa0\x1a\x97\xbe\xca$\xed\x02\x00}&amp;\xec\xc6&gt;\x93\xa9v5\x02\x98\xc4\xfdml\xd3\x05\xf9\x10('</t>
  </si>
  <si>
    <t>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</t>
  </si>
  <si>
    <t>b'la\x92\x87\xc0tg\x959\xbf\xc6\x94p\xdfH7'</t>
  </si>
  <si>
    <t>other persons to Liverpool?â€
 â€œTo Liverpool? Why not to China?â€ â€œI said Liverpool.â€
 â€œNo!â€
 â€œNo?â€
 â€œNo. I am setting out for Bordeaux, and shall go to Bordeaux.â€
 â€œMoney is no object?â€ â€œNone.â€
 The captain spoke in a tone which did not admit of a reply.
 â€œBut the owners of the Henriettaâ€”â€ resumed Phileas Fogg.
 â€œThe owners are myself,â€ replied the captain. â€œThe vessel
 belongs to me.â€
 â€œI will freight it for you.â€ â€œNo.â€
 â€œI will buy it of you.â€ â€œNo.â€
 Phileas Fogg did not betray the least disappointment; but the
 situation was a grave one. It was not at New York as at Hong
 Kong, nor with the captain of the Henrietta as with the captain
 of the Tankadere. Up to this time money had smoothed away
 every obstacle. Now money failed.
 282
 Still, some means must be found to cross the Atlantic on a boat,
 unless by balloon,â€”which would have been venturesome,
 besides not being capable of being put in practice. It seemed
 that Phileas Fogg had an idea, for he said to the captain, â€œWell,
 will you carry me to Bordeaux?â€
 â€œNo, not if you paid me two hundred dollars.â€ â€œI offer you two
 thousand.â€
 â€œApiece?â€
 â€œApiece.â€
 â€œAnd there are four of you?â€ â€œFour.â€
 Captain Speedy began to scratch his head. There were eight
 thousand dollars to gain, without changing his route; for which
 it was well worth conquering the repugnance he had for all kinds
 of passengers. Besides, passengers at two thousand dollars are
 no longer passengers, but valuable merchandise. â€œI start at nine
 oâ€™clock,â€ said Captain Speedy, simply. â€œAre you and your party
 ready?â€
 â€œWe will be on board at nine oâ€™clock,â€ replied, no less simply, Mr.
 Fogg.
 It was half-past eight. To disembark from the Henrietta, jump
 into a hack, hurry to the St. Nicholas, and return with Aouda,
 Passepartout, and even the inseparable Fix, was the
 283
 work of a brief time, and was performed by Mr. Fogg with the
 coolness which never abandoned him. They were on board when
 the Henrietta made ready to weigh anchor.
 When Passepartout heard what this last voyage was going to
 cost, he uttered a prolonged â€œOh!â€ which ex</t>
  </si>
  <si>
    <t>b'R\xb1\xd30iR\xa5\xe7+$\xbe\r\x14\xeb\xa8\x14O-\x0cL|b4@\x9aT\x00\xa1\x89\xe6:\x94'</t>
  </si>
  <si>
    <t>52b1d3306952a5e72b24be0d14eba8144f2d0c4c7c6234409a5400a189e63a94</t>
  </si>
  <si>
    <t>b'R\xb1\xd30iR\xa5\xe7+$\xbe\r\x14\xeb\xa8\x14'</t>
  </si>
  <si>
    <t>in the marketplace by listening to what
 people are already saying. Read customer reviews and look at internet
 forums. You can also start vetting your idea by posting about it online. My
 buddy Moiz tried using Tomâ€™s natural deodorant, and he hated it for a simple
 reason: It didnâ€™t work. He thought, I wonder if I could do this better. So he
 started asking questions on online forums, getting feedback from other
 natural yuppies like him. From the response, he knew there was interest. He
 did a $500 round of prototypes and sold out immediately. That was the
 beginning of Native Deodorant, which was later acquired by Procter &amp;
 Gamble for $100 million. It took Moiz only eighteen months to go from a
 $500 prototype to a million-dollar brand (and it sold for nine figures!).
 5. Where does your person hang out with others? With an idea of what
 we might sell, we can start to think about where our first customers might
 come from. Itâ€™s much easier to make sales when you can drop your product in
 front of a group of your ideal people. Does your target customer listen to
 specific podcasts? Do they follow certain influencers? Do they belong to
 specific groups? Do they read certain blogs? Brainstorm where your ideal
 customer focuses his or her attention, and you will quickly know where to
 put your product in front of them. In the next chapters, you will also learn
 how to develop a micro-audience that is ready to buy your product from you.
 I also like to write down the names of ten friends who will get excited about a
 product because your ideal customers know other people just like them.
 6. Do you know how you will get predictable sales? I donâ€™t mean to
 overwhelm you just yet, but your sales process has to be scalable. For most
 people, Amazon is the easiest place to start. Weâ€™ll cover that later. Unless you
 have a different way to collect sales consistently, then Amazon will be your
 starting place.
 7. What will be products two, three, and four? Do you know what your
 follow-up products are going to be? If you donâ€™t know what else you might
 sell to your person, then youâ€™re not ready to move on. Your job will be to roll
 out products for that same customer as quickly as possible and as fast as you
 can comfortably handle them for the first year. Having an idea of your
 subsequent products will put you far ahead in the process.
 When Matt and I started Sheer Strength, we went through the same
 process, and asked ourselves the same questions Iâ€™m asking you.
 We knew our group because we were our group. And we knew that
 people in our group bought protein powder, creatine, and pre-workout and
 post-workout products. We bought workout bands, BCAAs, drinks, gym
 memberships, and workout clothes. We identified our gateway product and
 brainstormed the rest of the list. Other companies were successfully selling
 similar products, and most people probably would have avoided that market
 because of the competition. But those other companies had done a bunch of
 research and development for us. Theyâ€™d already vetted the idea and shown
 that people were buying the product.
 Matt knew the names of a couple manufacturers, so we emailed them and
 ordered samples for our gateway productâ€”an endurance supplement. The
 samples were all fine, but they were boring and mostly the same; this was our
 chance to add our unique spin. We wanted to add in one ingredient: beetroot
 extract. Weâ€™d done some research and found that it was particularly helpful
 for endurance. When we tried it, it made a massive difference for usâ€”and
 nobody else was putting it into their formulas yet. Today, beetroot is a
 common ingredient in similar products, probably because we pioneered it.
 However, we knew that we didnâ€™t want to be just an â€œendurance
 supplementâ€ company. Since we were developing t</t>
  </si>
  <si>
    <t>b'\xc8\xc5\xd3\x83\x85D\x84sjZur\xf7\xbd\x15\xbb\x99\x0c\xba\r\x85\xd5Y\x0e0I\xea\xb0H\xda}r\x05\xd9x\xcc\xd0\xefs5x6\xe7\xecLl^\xb0\x8e\xf1xF\xfb\xa7\xb6\x82\xea\xf1\xc3v\xe88w\npT;8i\x8c\xe9\xc1@8\xa2\xb6\x11P\xfe\xa4\xd18p\xbc\xf9\xc0\xbe\xa0\x8bi\xef\x13\xa8\xc8\xa9\x83\x98&amp;\xc0\x98mQ\xfa&lt;z\x15\xba\xfeB\x00z\x8d\xe14*\xc9?\xdd\x80d\xddQs\x1a\xef\xd0,_Q6\x0b\xbei\x1b\xca\xcdM\xad8\xf4b3g\xb4&amp;\xd4\xe0&lt;\xa3C\x88\x92\x101\x99\xa8\x90D}\xcb\xd3Fs&lt;\xab\t\x8d\xa6\x8d\xf5\xcf\xb3\x9a{\xae\x83\x04\x97\x9b\xe4M\xe8\x80x\x91\x03\x18\xd9\x01\xaf\x15i\x9f+\xfb\x05:\xcbwM\x03\xe9q\x14,k\xd9v\xa2,R\xde\x8a\xc3vm3\x10L*\xe4\x10\xe2\xe2a\x06\xab\xdd\xf2\xc0P\x1e\x8f&lt;&lt;\xde(\xe6\xe9\x9e\xd0\xbc\xb0\x9b\x8e3\xf22\x10\x7f)m\xe5\x93\t\x10\x82\x11e\xda$\xc1j#.\x038\xd49I\xc3\xe8q\xcb\x1d~\xe3\x88\x12\xd3\xe8\xd7\x8c\x87\x14\x8f\x04R\x85\xe5\xe1\x9f9\xa7\x16\xf7j\x91\xb2%\xd0D|r\xf6\x10\xd9L\xf1(f\xa2&lt;"D\x10\xa7\x87]\x11\xdcI\xd9)\xb4\xd9\x9cg\xbf\x89\xa8\x14\xc8\xdc\x11\xff\xbd\xb6z\x98\xacF\x0c\x06\xcb\xb8J\x88\x8c\xe5~\xb6\xe9\x91@\xa2@Q\x89,\xc2\x84[!mT\xe9j\xf5\x8fI#\xe0M\x1eV\xdf\x8e\xdc\xc7\xa2\xf0\xe5\x10\xc0\x9b\x9c!j\x1d\xff\x9e\xccaKqH\x04!2 \xe9\x1b\xbc\xe7\xfa\xc7\xf7\xcc\x18\x88\t\xc2\xf3$g\x11\x95\xe7C \x9c\x0e\xd2\xd2*\x1f\x83\xfa\xd52\x7f\x17\xb4\xc3\x9e]&amp;\xa10\x84\xb1\xa4\x87\xc9jLJ_\xbd\xbe\x83AJs\x1c\x94\x9b\xa9\xe7q\x16\x89\x95Q=\x0bk\x8f\x91}\xce\x8e\xb9\x02\x7f\xd3\xc8\xad\xfe9Kd\xd1u\x13&lt;\x10\x0f\n9` jZ\xa8\r\xe6\x9b.\xce\xf9j\xde#\xad\xf3\xbf\xfa\xdd\xea\x88xl\xe3\xb72\x96G\x1dW\xa8\xe5\xd0F\x12?\x16\x1f9\x9e\xd97\xa5\xf6\xd5?=%1\x11\x83\x04C\x15r\xdd\xa9\xf4$_sn\xc6\\Ka?\xb8*\xc9\xa8\r\x89/\xa3\xafZ\xbd\xd0\xadk\xef\xc1\xae\xf3\xf4\xbf\x16\xb9\xbc"U\x9e\xdbvh\xa2\xd0\xbd\x83I\xc3C:\x10\x8e\x8cX\xfd\xce\x03\xe7Rs\xd38\x80\x9eX\xc8&amp;Z\xbdE9=\x11\r\xb1\x14N{uv\x1a\x104\x06#\x00#\xe9^#\x1cn\\\x9d\x82\x02\xa2PL\xdc\x85x\xce\x00\xa3k\x12\'\xc4\x80"\xe7\xe25\xec\xc3\xab!\xa2\xfd\xfe\x8f\xcfN\xbe\xf0\xcb\xf3\xbe\xab\x1d\xd6\x18\x1f\x8d\xfd\x11So9\xfcSs\xebm\x08\xfa\xdb\xccy\xa82\xeaB\\\xf0vy\xbf\x98\xd6Db\xdcj\xe0\xe0\x84\xdf]\x8f\x82\xf5\x1f\xc9\x86r\x08\x02\xaf\r"J9Ef\xc8p!F\xdeIS$\x83u\x83\xabb7\xd1\x80\x9ar\xad_F\x0f\xc8%\xde\xf6.\x82q\xc5\x01\\I\x1aW\x9296[+\x0c\x07\xac3\x1f\xc2\xf9*v\x8f)\xa6\x92Z\xcbN\x15!\xf3\x87n\xb9*^\xf7X7TTO\xd5nK\xce\x91P\xa5#\x8fS\xde%\x91J\xb1\x89i\xee\xdc8X\x8at\x88\xb7"\x07 \x08o\x0cF\x16\xbe\xb9YTsF\x7f\x83\xe9\xae\xf2p\xc9wj\x13e\x18\xbb\x0c\x96\xf2\xaa\xad\xb1\x03\xaf\xea\xc4f\xf8s\x8b\xdd4\x040\xfb8X(1\'\x08\x97w\xf8\x00\'$\xfa\xf7\xb5\x99y\xccZ\xb3\r\xcc\xa4\xd49\xa2\xee\r\xa9 n\xbe6\x97+\x1ec\xaeL5\xe5\x05PJO\xd3y\x96\xa1\x9eF\x85\xd6#\x1fhZ#\xb99\x06\xbc\xd7\xe5\xeeDu`\x1d\\\xda(\xd0\x0e\xc6\xa11uIf\x8e,\xd7.z\x1f\xe0\xd4\x96\x86\xb4\xb0{Ei\x91:b\x0e|\x01\xa8X\x94dHLn\xd0=C\xf2S\x92\x1abpY\x0f\x82\x06\x05\xc6:\xa3*\xf1^\\\x13\xb9\xa9CJB?\x91\xf7JA]~\x83\x99\xb8\x05{\xae\xc6\xa2h\xae\x06\xe3\xbd\xf8\xac\xd2\xf2\xb95\'\xb4\xd6\xc4\\v\xe6J#t{[\x1b|\x8ab\xc1\xaa\xc4veL\x9e[H\x06\xce\x85k\xef\x9b\xb1 %4\xf4\xc7\n\x92\x15\x90\xd8k\xa31\x19\x92\xbd\x865|\x85\xaeH\xd7\xd4\x9f\x84\xe0:\x84\x14\xbb\x85\x10\xb5\xb0\xd1}\x8e\xd0\xb3\xfa\xf9\xb0fU\xbaf\xf6\x85&amp;\xe9\xd23 \x98\x0fJ\xfd\xe4\x1bxep\xbc\x03\x8a\xfe\r\x8b$[n\xd7t\xa5S)\xc6\x9dO\xba\x84\xb0\xf5\xe9=\x87T\xad\xfc\xb0\xb4~\x12\xc5\x92\x173\xa0\xdcJOa_\xd5=p+\x92_\xea\x9e\xafd7}\x0e\xe5\xf4kOY\xb6,T\x81@\xf6\x99\x02\x93."V\xe9\x88D\x17_\x9e\x0e\x80p,\xdf\x17y\xa7\xf1\x8cYF\xfbj\xb6l\x03D\x9f|\x84\xc0U\x16!\xa8\xa0~bB\xc7T]H?\xa2"\xdc~\xe4j\xd8\xa5\xcd\x1e\x7f!4\xad\x87\x94A4g\x9e6\xb4Es\xca\xaa\xedxO\xd6\x87uY5_9\x84\xe9A\x1c\xa81\xcf\x9c\xe4\x0c\xef\xda\xef\x08\x1fz\xb5\xe7\x1b8\x9d\xb0\xf4{\xd2\x8e\x81\x1d\x0c\x8b\x83ZB\xe7\x92K\xdc\x96\xe4\xbb\xf6\xba\xdc0\x18\xd8V\xb0\x03\x80@\x18\xae\x85p\xc2Z\xc7*\xc8kc\xc5H\xe9]\x1f\x99M\x13\x94\xd5\xe7\xd7\xd9\x92\xf0\xeb\x91\x1aQ\x92Xi\xccVs\xda\x90\x8bE\xba\xbf&lt;\xc5e%/`}\xe5\xce\x90\xfdt5\xe41(\xe2Cr\xc0_\xc2\xc2\xf0z\x85\xe1\x94\x0e\xbb\xebX\xda\x0b \x9ea:\x9e\'\xc6\x13V\x05\x1a\x03\xd5n\xb9!\x1e\xae\x99\xabCo\xc0^\xac153\x1e\xcfb\x85_\xf7\xe9t\x02\x9c\xbal|\xcf\xaadfze}\xff~\xcfW\xa32\x14*Dp\x8b\xb0\xdbk\xcf\x97+32\x0f\xf9S&amp;\x89HOU\x9d\xae%\xd1x\x1b\xe24b\xcfnK.\xdd\xdcH\x0e\xa8\x87\xb0\xf1\\\x8e\xdb\x9d\xec/\x01\xac\xf6\xaa\xe9Y7,\xb0\xa1\x18\xa2NR\xd3T\xf4\x14\x9b\x14\xf7{\xdbm\x9b\x84t\xccX\x98M/h\xf4\xfe@\xa9(\x9d\xf5\xa3\xb3.\xd5\xdb\xdc\xc3\xd1hN\x0e.im\xb0\xac\xbb\xfc\xdd\xb624\xa9E\xd1\x0e\xa4\r\xf7\xf1\xc7w\xadH#\x9e3\xc5\xc8_\x11r\xccJu\x94x\xfa\xac\x8f\xe2\xe06\x82\xda\xddx\xc7\xb9\xc8[e\x85\xf3\xfcY\x96O\xda\xe6:\x93Zd\x9aF\xa6e82\x90D\x91\xf5\x95\xd3L\xe4\xc8\x93\xc4io\xe5\x9fm\x1a\x8d~\x1a-t\x99%\x8cH\xc4\x89\xc1&gt;\xca\x91\xd8\x8d\xc1l\x84\x16\xb4_\x9b\xa54\xa9\xdd\x14]\x14\xc1\xf1\xff=f,]\xd3J\x1c\x8a\xa3\xf7\xb6@\xc0\xb1\x8b7\x8c\xf4x\x82\xe2\x19\x9f\x19\x17.\xd1z\x91\xc0\xbf\xac\x0cW.,@Q\x06\xfeo\xb0\x1d\x99.Z\xc5Y\x80\')\xe5\x0c\xd4\x1d\xe07\xdd\xbf4j\x17\x02y\x91\x15\x97\xee$\xc4\xbf\x00\xde\xce.\xdauj\x01\xa6\x01\xb1\x17B\xc0\x88\xa9_(\xfe\x16\x16\xc2\xfd\xb8K\x97\xf4\xfb\xdb\xa4\xb6\xaf\xb3\x10\xb9\xd3DJS\x86\x86zS\x9d^\xa9k\xfa\xe2\xde\xccB\x0c\xc6nAqA\x8af\xdc\xda\xfa\x02\x8c\xca\x1el\xb1\x05\xe2\xc2\xc1\xda\xc5k;.\x80P\x01\xdfJ\xa7\xd9,P0|\xc9\r*\x91\x8b\xd0\x8fu\xf7\xb9\xba\xb2\xb2\xd8\xa0\xc0\xadK\xedvP\x9f\x14&amp;\x1e\x17\xe5\xde\xc2\x00"\x1b\xbc\xce\x0eD\xbc\xae \x8a\x80,d\xb6h\xe8\xd4\xc2\xd4O\x08\x87\xa6\x12\xd130\x96\xd88X\xae\x15\x155.\xbe\x96a\x02E^\x18\x8e\xc0h\x85U\xe0\xf0M\xb4\xe3\x0fi\xd5\xed/\xad\x85h\xb1\x8e\x04\x8e\xc4\xb6P@]\xc5\xe6\xfb\x9edcey\xa4\x03\x91\xf3\x82S\x8f\x1a\x9b\xd3\xcc\xe84P\n\xaa\x9bN@\x17\x8e\xa2\xad\xe2\x12_\xe8\x9c\xf7a\x13Y@\xec\xe4\xa5Q\xc8c\xdb\x07p\xd9@\x81\xbc\xdd\xba?\xcb\xd0\xddK\xa3:&lt;f\x83\xe0\x82\xb8s\x9c\xddN\xb5\xe6\xb2\x8e\xcf\xc6\xc86\x00[}\xb8\x17yr\xb2\xf8\xad\x94\xa6;\x7f\x16 \xd4p\xe8\xb7\xfau\x83?\xdcf+\xef\xfb\x14=\xfd@\x1eZ\xbe\x93$yo\t\x9c)\x10Q\xb7\xbdWR2\xa2E\x1a\xa4\x17*\x9f\xc5\xf8(%C\x1e\xc5\'\x13\xb6\x86X9eJ\xad\x94\x89\x05$\xf6xv\xd0J\x8b\xba\x8a\x12\xd3\x1e\x13\xe2\xec\xd1\xb1?HyG\x11cv\xe2l\x0f7\x9e\xec\xae\x08\xe0ZM\xa8\x0e-\xc5\x1f\xc2\xcb\xd1b3\x8cS\x16]n\xfd\x1fd\xf0\x1e\xeb\xe6:\x05\x05\x91\xe6\':b5\x9a\x19.\xb5\xaf\xcb\xc7\'0\xe9\xe8\xd0_\xd8z\x93\xa5\xc6\xa7@%\xf3\x94\xcb&gt;\xf7\x97\x91\x159x\xdaM\xc9\x02\x1du\xe9hG\xd7.*\x9b\r2\x06\xe8\x06j\xbdkK4^n\x0f\xfb%g;\x9b\xe4d\x8bvW3\x05\xb0\xe2v\x00mnOX\x16\xe9I\xa3_@\xc9\xef\xfd\xc6d\xf3\xae\xd0j\xde&gt;\xfd\xc2\xec\x07\xdc\x01\x8d\xe7\xa5C\x17\xca\r@\xd0?\x02q&amp;?\xa9|\xc1uO A\x84/u\x98\x0f\x1f\x8e%\xdb\r\x1f\xf3Q?\x0bZA~\x0c6\xb3k\x03W\x846\x8e\xab0\xa0\x80\x8a\xd4j\x94\xab*\xcdG\x16z.D\xe1\xd7x\xf8\x96\xff\xe2\x8c\xfda\x00ri\xb2\xd7\xaf\t\x19\xbb)\x86\xc5+\x00\xb5\x9a\xc5\xa8b\x1d@\xb0?\x979\x84\x94\xf3I\x04\xb2\xce\xe6{\xc6\xd7i\xba\t\xec7i\xc4\xfa\xae\xe0\xd5\xf1\x11\xa7\xf8\xe4\x8b\x80\xff\x17A\xeb\xc7,\x0f\xebqS\xfb\x83\xbe\xdc?\x05|\xf9R\xb3t\xd1&amp;\n\x18\x81\xac\x91\xfe\xee\r\xba\xc7\xf8Cb2\xc2\x96\xba^\xec&gt;_\x91/\xae\xd0/&lt;\xb0\xf0X\xcc\xcb%\x80^\x86\xa2\xb0\x83\xe5\xc2\n\x8c\x1c\x17\x87\xa8\x98h%\x87\xa5rd\xab1\x97@vGH\xe5\x07\x13X\x82H\xae.\xe4\x8c:\xf0:\xc6\x8a\x9f\xa4\xd7\xcc"\xcb\xd4\xa2c!\xe3\x9fo\x982\xeae\x8b\x0f\xfe\xc5\x8br~\xc4-\x1f\x96\xa2s\xd6\xc5\x80\x16\xee1\xc0P\'\xd5\x03&amp;\xf2c\x12&amp;\x9a&amp;\xfa\xfd\x85\xa1\x1f\xa7y~\xaa\x19\x05\xd9\xabT\xf4\xa9\xa5\x06\xc2\xce\x0b"\x15"\x08\xdb\x04\x1c\x87\x1dT\xe1U\xe8\xd0\x84],\xf1*#\xcc\x93\xb0\xf6\xaaC\xe6\x8a\xb9}\xe7\xe47\xa5\x08\x15\x03\x9eT\xb3s;\xf1\xdc\x07UC\x91j\xa8\x00\x12\xfe\x7f\xa2\x1d\xc7\xaca0\xbd`\x96\x04\xdf}b\xb5\xfd\\\x99\xeb16\xf9WC\x0be\xec\xb1\xfd\xf4\xb9M\t\xa4\xdd\x00\xa2\x8c\xf7\x83\x0c\x05\x03A \xe4\xf7\t6o\xa1w\xc8\x95*b|\x90\xe7\xd9\xcazm\x1d\n\xe8El\x84:\xa2\xa0\x84Jx\x94a\xe0}"&gt;l\xd3Z\xd3\xfbp\xbb$\x11\x87\xe2\xfff\x1f\x83\xcf\xd0\'j\xae\xf8Z\x04\xbe\t\xe7\x9a\xfdXmW\x0b\xb1\xae\x14\xc7\xddq\x0c\x9aV\xef\x95D\xe4\xfe}\x11\xe8\xed\xac\xb4\xf60s\\\xee\x9e,\xd5|\x87\x95\t8C\xd6\x9c\x86[Z\xd9.\xa7!B)\xb8\xc3\xf3\xa3\xa5\xe8&amp;\xf5\xb2I\xb1\xef\xbb[\xf8\xf5e\xfa&gt;\x7f\x18\xf7\x99Y\xb6#\xf1k\xc9\x91\x13\xba\x11Aa\xc8R\xd8\x97\xa5t&amp;\xfa\xa2\x9bl\xeb\xcf!2\xdd\x88\xff\x19\\\xc9\xf5\xd9\x16\\0:\x10\xf6\x15x\\\x01\xaau_\xc1\xa56O\x07\xc5\x99\x934x$\xf7p\r\xe6k\xf4j\xc9\x83\xdd\xceV\x92"(4\x1aji\x96Z\xe9\xba\xb6\x12\xf1\xb7\x071\x9dK\xa7\x9cp\xbb:\x9c\xc9+F\xcc6S\x97\x04i\xb7\x81x\xb3\x9f\xeb\xee\x85&lt;\x93\x15\x83\x1c\x951/\xd5RC\x86&lt;b_v\t\x1c\xdd\xfc\xa0d\xafc;Kh/\xd1\xc8\xed\x8d\x95\x8c\x94{:,\xed\xab\xe8\xb2\x03\xf0\x90\xe4e[\xffu\xaf\x8a:\xac\x87\x81u\xaf\xdd\xadR\xb6\xa0\xa9\x8f\x94\xd22\xc2K~^yn)\x12\xdf\xa4\xbau\xd2\xe9\\\x1c\x01@\x90\xc8\xf9rKK\xed\xf9\xa5N\x80\xbf/-mh\xd6 \x149HI\x12Sl\x9a`a&amp;oR\x8e\x1b\xed\xdc\xfd\x1a\x8d\x8d\xb4-\x9bd\\\x07eE@\x17\xe6\xd5Q\x97Hl\x06\x0b\xac7n\xdf\xab\xc3\xc1T\'\xf3\xcb\x91P\xc4\x83\xbcE\xed\x90\xe3\xa7M!Y&amp;Z\x1d\xac\x80\x0b\xa8\x99\xe6(jn\xb2\x08\x87\xaf\x97\xfaw\x88\x0f~r\x05\xc7\xdc\xa5\x84\xa5\xd0S\xea\xd6\x82]\x7fa\x80\x81}4-\x8f\x8a\xb7\xf2\xe9`\x16\xbc\x01\xcc\x81p\xc0BU\xf2s1\xd3\xa0e\x08R\x93J\xd6XI\xc8\xac\xf2O\xac\xb6~4c\xf5 [\xc8\x87\x7f\x8d\x18,Ue\x94]\xc3p(zC\xd6\x187I*]\xeb\xe7R\xa9\x984\x01)\xc7\xeb\xb3\x15\xf4\x921T\x82\xd8[\xf8a\r\xf8H@S\xb6\x1d\x1e\xab\xdaRs\xfcx\xc1\xf3L&gt;\xca2\x86\x06\x0f\xbc\xe97\xc5\xcbIK\x1aEut\x1bw\xee\xab\x9e"\x83\xf2\xa8\xa7[2&lt;\x921zh\x02D\x04\\\xedu\xdc/Q,Y\xed6B\xb1\xa49!\xf7I|\xfb7N\xea/\xb2SC\x0b?\x90\x15\x9e\x91\x93\xe6\xc5a\xdaw[\x8b\xc801\\\xf0\x92b\xf5r\x93Z\x00\xf1\x05Hzb\x1e^\x03JT\xc3\xb8e-\x01iR;s\xfe[\x8b\x1a\xbb\x1f\xd4\xa9\x8d\xeb\to\xf7\x81\xebu\x86\xd0}\xca\x83\x15K\xeb=X\xa7v=}\xef\xff\xca\x19\x1b[\x08\x94\xb1~\x82.\xfb\xea\xb6\xe6\r\xaf\x98c\x01\x072\x84\x14\xb5\x00O\x172\x8c\x9f\xa5\xd8\xeef\x93\x10HP2\xcd\xf7\x7f\xa5i\'\x1a\x1b\xb4\xd15\xca&lt;\xcc\xd5\xcc@~k#\xe1\x9b\xd8\n\xe1fJ\x1cc0\x1aF\xdf\xfdd\xb5\xe9yoE5\n\x06\xbb\xdbw&gt;u|\xc7\xf9\x83\x8d\xd4\xad\x08\xbc\x9dd\xb5x\xeb\xbf\xa7\xf4\x7f\xde\x0bQq\x18\xff\x1cUB01\xda\xfc\x0fH\x9dVk\xba{\x98"\x977g\x8b\x10\xb6v\xfe\xd7\x91\xc6\xb2e\\]\xc96U\xf7i\xea\xed_C\x99{\x1b\n\xf0\x11\x0b\xca\x88\x8c\x86\x01\x87i\xcb\xa9\xef\xfd\xfc\x10T\x07\xb6\xe4\xd6{U\xcea,\xb7\xf2Y\x90\x95\x11\xd7\xaa8@\xa41\x03o\xaf\x82\xcdfC\xac\xa0[\xff\x0c~o\x00#:7\x9f23\x99\xa6\xc6\x89\xde@\x83c\xad\xf8GN@\xc3\x1bh\xa3!\xde\x9d\x9c"\x93\xae\x1a-j\xba\xc8\xa2\xe4+\xe2-\xa1\xfe\x98\xd7w#U\xd3xV\x10\xba\xefG\x03\x07\xa8\xb0\xc0\xd4\x89\x8a\'\xd9D\xac\xb21\xa3b\xd1M\xb2^\xd4I\xe1\xe4\xb6\xa6\x08\n"\x19hF\xd7\x15i\x0e:\xba\xe7\xcd)\x85\xcd\xd6k\x13\x95w\x8c=\x92T\xa7o@\xda\xceD\xeaKO\xeb\xb3\xbb\xea\x1c\xe3\x85\xa0\x9e\xdd\t\x91\x17\xe8.!\x80\xacas\xa4\xb0\xbe\xcd\xb926\xb5\x83\xfa\xc1\xa2\xd1\xa8\xf7\x8e\xfc\x82\xf5\xb3\xcc\xce\xfduH\xb2\xe7\x1a\x84\x14\xa8r\xa6c\xc9\x1a\xc2tsF\x84#\xacAo%\xd0\x1f\xb3!r\xdbd#f\x83\xea\xdf3"\xbe\x1c\xc7\xd9F.out\xe9\xe02\xb5\x18F\x14g3J\xc6\xace\x97\x83\xf4\xf3\xcf@\x14?\xf6[0\x18q\x00\xea\x8cB\xf2\x9d^\x10j\xe5\x8c\xaf\x15\x8d\tP\x81\xcb\xda'</t>
  </si>
  <si>
    <t>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</t>
  </si>
  <si>
    <t>b'\xc8\xc5\xd3\x83\x85D\x84sjZur\xf7\xbd\x15\xbb'</t>
  </si>
  <si>
    <t>commonly on political or military topics, such as the convulsed state of
 their country rendered at this time particularly interesting, Emily
 198
 observed, that, at the mention of any daring exploit, Montoni's eyes lost
 their sullenness, and seemed instantaneously to gleam with fire; yet they
 still retained somewhat of a lurking cunning, and she sometimes thought
 that their fire partook more of the glare of malice than the brightness of
 valour, though the latter would well have harmonized with the high
 chivalric air of his figure, in which Cavigni, with all his gay and gallant
 manners, was his inferior.
 On entering the Milanese, the gentlemen exchanged their French hats
 for the Italian cap of scarlet cloth, embroidered; and Emily was
 somewhat surprised to observe, that Montoni added to his the military
 plume, while Cavigni retained only the feather: which was usually worn
 with such caps: but she at length concluded, that Montoni assumed this
 ensign of a soldier for convenience, as a means of passing with more
 safety through a country over-run with parties of the military.
 Over the beautiful plains of this country the devastations of war were
 frequently visible. Where the lands had not been suffered to lie
 uncultivated, they were often tracked with the steps of the spoiler; the
 vines were torn down from the branches that had supported them, the
 olives trampled upon the ground, and even the groves of mulberry trees
 had been hewn by the enemy to light fires that destroyed the hamlets
 and villages of their owners. Emily turned her eyes with a sigh from
 these painful vestiges of contention, to the Alps of the Grison, that
 overlooked them to the north, whose awful solitudes seemed to offer to
 persecuted man a secure asylum.
 The travellers frequently distinguished troops of soldiers moving at a
 distance; and they experienced, at the little inns on the road, the scarcity
 of provision and other inconveniences, which are a part of the
 consequence of intestine war; but they had never reason to be much
 alarmed for their immediate safety, and they passed on to Milan with
 little interruption of any kind, where they staid not to survey the
 grandeur of the city, or even to view its vast cathedral, which was then
 building.
 Beyond Milan, the country wore the aspect of a ruder devastation; and
 though every thing seemed now quiet, the repose was like that of death,
 spread over features, which retain the impression of the last convulsions.
 199
 It was not till they had passed the eastern limits of the Milanese, that the
 travellers saw any troops since they had left Milan, when, as the evening
 was drawing to a close, they descried what appeared to be an army
 winding onward along the distant plains, whose spears and other arms
 caught the last rays of the sun. As the column advanc</t>
  </si>
  <si>
    <t>b'\x91[\x04O\xa3\x16\xce\xc0X\x14\xdb;\x11\xa1\xcbmH\xddu\xda\xd7y10&lt;\xe7z\xcf\xec_=FcE(\xb2\x81\xeb\xe3\xc9\x04\x8e\xad\x9aq0e\xe0\xfb\xe3\xe0O:\xc7\x02$\xa8\xbeJz\xb4\x03\xc0j'</t>
  </si>
  <si>
    <t>915b044fa316cec05814db3b11a1cb6d48dd75dad77931303ce77acfec5f3d46634528b281ebe3c9048ead9a713065e0fbe3e04f3ac70224a8be4a7ab403c06a</t>
  </si>
  <si>
    <t>b'\x91[\x04O\xa3\x16\xce\xc0X\x14\xdb;\x11\xa1\xcbm'</t>
  </si>
  <si>
    <t>Louis Nashelsky, ninth edition.
2. Electronics devices and circuit by S.K. Sahdev, Dhanpat Rai Publications.
Exercise
1. Short questions:
(a) What are the two common semiconductors which are mostly used in electronics?
(b) When a pure semiconductor is heated its resistivity increases, decreases or remains constant?
(c) The leakage current is least in?
(d) The process of adding impurities in an intrinsic semiconductor is called?
(e) What is forward and reverse biasing?
2. Write short note on:
(a) What is intrinsic and extrinsic semiconductor?
(b) Define Energy band structure of Insulators, Metals and Semiconductors.
(c) What is Photo-electric emission?
(d) Define Drift current.
3. Explain the following:
(a) Effects of temperature on Conductivity of semiconductor.
(b) Why Zener diode connected reverse across the supply?
(c) Why do we use transformer in a rectifier circuit?
4. Long questions:
(a) Explain full wave and half wave rectifier with their types.
(b) Give the brief introduction of Filters, Clippers, Clampers.
 Basic Electronics
73
                 UNIT 4
4.0 Unit Overview and Description
?Overview
?Knowledge and Skill Outcomes ?Assessment Plan ?Learning Outcomes ?Resource Material
?Topics Covered
Bipolar Junction Transistor
  Construction and operation of NPN and PNP transistors, Biasing of BJT, CB, CE and CC configuration, Characteristics and transistor parameters for CB, CE, CC configuration, Introduction to FET, JFET, MOSFET, CMOS and VMOS, Characteristics of various transistors, Comparison of various transistors.
Overview
This unit starts with the understanding of fundamentals of a transistor, types of transistors and biasing of transistor. Further three types of transistor configuration has been discussed along with the characteristics of transistor. Fundamentals of FET, JFET, MOSFET, CMOS and VMOS have been presented. A comparative study of various transistors has been conducted. Finally whatever discussed and presented in various chapters has been summarized as a quick review.
Knowledge and Skill Outcomes
i) Understanding of construction and working of Bi</t>
  </si>
  <si>
    <t>b'\x03\x9c\xfc\xa1\xcd\xb2\xa9v=\x8c\xb2\xb8\xe3O\x9a\xbe\xb2\t\xff\x11\x1fqx\x84\xcb\xc5\xdd\x13\xd5k\xcb\xb4\xfaDn\xb0\x0b\xaa \x02\xf5A\xdaU\xe2\x91\xb4\xffo\x80&lt;\n\x84tl\xa5\x93\xef\x86\xa13\xd0(l\x93P\x12\n\xb4\xfa\x8d\xdex\xbf\x1b\x98\xdf&lt;\xbf,\xf0\xc7z\r\xfa\xd5\x0b\xd1\xdc \x15]\xbb\xe7d\x10\xe8\x10\xe9\xa6\x04pS[Y\xd2&amp;\x14\xc7\xb2\x11jUE\x89\r\xe9\xe1\xcdSpS\x89\x15\xaa\xfd\xd3O,\x83\x83\xb2\x94("7\x91\xa8"h/\x89\xb2\xcd\x1ddS"J?\xae\xfagD\xcf\xbe\xc1G\xb8Mk\xed:\xea\x84&amp;v\x03\xb4\'\xff5H}g\xc4\xa1\x93\xect\x1a\x8d\xdb\xfea\xa8c\xd3Nn\xc7\xaa\xfbIg\xeb\xde\xa3\xb8\x00\xa5tK\x05\x9a\x83\x85\x85"\x0c\xb9Z\xdb\xbcU,-\xf2\x96\xce\xc5\x0f^\xfc\xbc\xb0U\xd4\x15PH\xd7\x8cclv4\x02\\c\x07\x9aig\xfd\xdds\x1c\xb4&gt;\x92\xd0\x80X\xde\xbcM\xdb\xde\xdb\x8a5\x81\xd3?j\xc8R3\xf3,\xc2\x1dX3o\x98e\xf16\xa0:P\x9b\xdb\xd2\x1d\xe1Tt5\xab\xde\t\x07\xbe1/\xf9\x1fT\xbe{\xeb\xe3\xd6\xd2]\xb4b&amp;]\xdbq\xc8\xd6,\xa64\x08\xdb1\xc28\x06\x9f\x15Dt\x89\x85\xb5\xeb-]?\xbdg\xb5\x12k\xf2\xab\xbc\xb1\xf3}\xd6\x99\xc4\xef\xc7\xc6/&lt;\xa3\xa8F\x06\xd6_\x88X\xb4\x1d\xe9kr\xee\xf6P\x98\xfc\\w\xb9\xf9\xb5]\xf5C6\xf3\xca\xcc\xba\x0b\xc7\x84\x19\xf0\xff\xcei\x9d\x1e\xa2&gt;&amp;P\x84^V\x1b\xabp&amp;?%\xb4\xb35\xc0\xaf+3\xe6?\xe3+BegL\xb3\xb6 \xd2\x9f\xb6$\xdaQ\xa1(\x83\x0f\xd0iF\x84l\x84\xc4\x91\xe9;q\xb2\xbc\x84\x98}\x0fzC\xa2\xad[\x12\x1e\xc6!\xc1C\x87j\xb1\xe9 *\x1b\xdc\x07z\x7f\x94\xe4\xa2\x06\xe2\t\xa2-K\xd1\xf4N\x1f\xfd\xea9\xf9\xb7\xcf/?\xfc\xddB\xb7R2uX\x06\x1e\xf40\n,\xe4\xf6\xcd\xbe\x00\x84\x02\x14\xe2OH\x05\xf4\xb2T\\\xf6v\xcc\x0c\xffM\xe7\xf5[\xe3\xccnc\x06\xd6O\xf7\x89\r1A$\xe9s\xe3\x85S#}\xa7;\xe7\xfat\x98MX\xb20%\x11\x14\x8b\xae\\ }\x9f\xe9\x91\x89\xd7\xf4r\xcb0\x15\xfe8fX\xd7\xfe\x8e\xc2.\x83\x9d\x89\x02\xd3\xfes\x89\x1d|\xc1\xc3\x1eY\xdd\x1d\x9dV\n`\xaf\x04\xeb\xe02\x05]F\xfd\x02\x13\xa3\x8d\xe9Z\xe7Kh\xf7P~\xdaoG\xd8\xff8\xc0\xce\xb2]\xbe\xf8\xfa\xf5\xa1\xdf\x99D\xff1,\x11\xbc\x01f\xf7\xe9\xb9\xda\xa2\xa51^\xd0\xee\xfa|\xcc#\xb2\xb4\x08\xbdQ"MMOO\xe1\x14&gt;\xa4\x1eA\x19\x1cO\x1a\thB\xee\x00\xac\xb2\xbf`\xa9\xf9x\x86z+\x87\xe0\x9a\xdd\xac\xe4\xcfstR\xbbKL%\xd8\xdd\xa5\xdc\xf9k\xf1\x9eZ\x10\xa2\xa4\xbc\x1e\x02m\x8c\xa2\x03r\x87\x9aX\xa7\x08\x12\xfa\x9c\x174&lt;\xe8\x88W\x8e[\x15Z\xe8\x9a\xd8\x1b_9$r\x13\x95\x19$\xfe\xe0s\xf8\xbb\xbd\xe4\xe4C\x95\x1c\x9b\x90?\'\x15\xd0fI2\\I\xb1\xbe\x0b@\xe9\x19\xfd\xc0\xb7\xb4\xef\xcb\x89\x9d\\g\n\x03(\xfe\xf5\x1b}g\x9e\xd00\xec\xf0Z\xdb\x12"\xfb!\xf6\xb3\xac\xf8\xfa|\xa3%\xfe\' \xd5\x9fW\x8b&lt;\x1d\xe2\x13\xcd\xadOe\xf0I\xcc\xe0\x18\x01\x0fE\x0fh\x08\xb5\x11l\x9cpn\xfe\xddY\xef&amp;\x8b\xc1R\xc9q\x90CQ\x8f\xba\xc8I\x1ef#\xcd\x98\xc2\x9cyW"\x06q\x7f0\xf0D\xddO\xf9\x8e\xfe\x89\x1bTw\xf63%\xf7mc\x10\xc4\x15&gt;\xaf\xf4yK\xfa\t}\x02J\x8e\xd6\x08\x94\x0f:\xb0\x92\xe1\x8b\xa3)\xe0\x13\x7f|D\x84\x1ds\xb4\xe0\xe1\xd0PJ\x0b\xe5dC+\x16\xd3\x8b+F\xdbf=k\xc2\xe0\xa6\xd6\xe4\xc4P\x84\x9f\xad\xcf\x88\x9d\xde\xddD\x0b^\xd8\x12\\\xb8\x19\xb4\xa7\xd4&lt;\xd0\x87\xb1\x94\xdbpb\xbaRd\xe6W\t\x99\x8ag\x9b\x0c\x88\x9f?1\xc9#\x04Im\xec\xdd\xbd\xcd\xa9\x0e\xa2\x1cJ\\\x04\x16&amp;zC\x85\x16\xb4\xda^_F,\\\xb3\x1b\xad\xc2-\xac\x83\xbc\xb47F\xfck\xf9s\xebs\xb2H\xf2\xe5B\x86R\x01\x16;\x81j\x14\xf0l\xcf\x8c\x0e.\xc4^\x01i \xaa\xac\xa4-\x13F\x9e\xfaE\xf1s3\xd5J\xab\x01\xf0\xf8\xa7\x86\xd1\xf5P\x88\x7f{\xd8\xbd\x94\x8a\xd5\x05\xc4]\xec\x92C\xd22\xb4\xc1\xd3\xfa&amp;\xe8\xdd\x86W\x13\xe6\xc9X\x96.\xd8\xbcTIR\xd9\x1e\xce\xd0W\x88\xc2\x81c\x9f\xa2R\x9c\xa1\xe8\x07\x1c\xfb)\xbaP\x14\xbdt\xb6\'Z&amp;\xec\xf4\xc5\x01\xe6\xb4b\x9ex\x97w\x9a8Si\xeck\x03x3\x00\x11\x84\xc5&lt;[\xc0\x7f\x06\xe1N\xbe0#cS\xcdzL\r4\xd2b\x87\x9e\x90\x9e\xf6E\x18xC\xbc\xa1\xd0\x13\x1dm_\x06*\xa8\x97&lt;%\x06Bt\xd3\xc2\x98\xb0\x00u\xa1\xa2\xaeO\xb2\xdc\x8a\x06\xe7\x9d0\\4\xef\x14T\xa2\xf2\xc7\x07\xfa8*\xb0\x89\x94T\xe6\\P\x87\xb1\xf4\x1fmV\x98u\xa1\xd5:g\xea\xe5\xb6\xe0\xb3XS5\x88=\x11\xf9\xe2\x1d\'\xe8\x87\x08\xc9Y\xca\xbeX\xea1\xa0\x06\x1eC\xaf\r*f\xda\x02=\xcd?o`\xc2B\xd5.0\xfd24;e\xf4\x04\xd1\xb4\xd1\xf0s\x9d\x13|\xbf\xb0\xb5\xb5\x7f\x01\xa5\xcc\x94&gt;%;S:\xdc\xb2\'=2\\4nRw\x08\xc77\xe8\x94\xd8\x93\x9f\'\x0c\xfacB\x8fk\xfe\x18\xcd\xa2+Z\xda\xbdF\x8aa+\x8c\xd2/!\xe1\xc32\xdb\xf2\x02\xf1\xcf\xa2]\xad|\xa3\xb6\xcd\x1dwdh\x01Tg\xf9\xdf}\x83\xd5\x80S\xfeG\xd0@\xfb\\\x91_\xe2\x15\x7f\xb3x\xaa\xfb\x06\xdb"d\x86\xbb\xe8O\xb8\x1d+d&lt;J\xf8\xab\xa7Q\xd4bM\x0f\xd3q7AM.\xb5E\t\xb1!\xd9Q\x01\xe8\xe1\xe3I\x0f\xec8}\x0b8\x8d\xfdk\x85\xca\xf9|r|\xeb\x82\xcb\xa1\xdbiF|\xc0\xbc\\$\xf7\xce&gt;\x89q\xa3\xc0\xd3\xf7_\x95\x14\xcdGq\xaaY&lt;\xd2-g\xa8X\xb7j\x86\x8e\xb1\x9d\xe25\xa2\xd8\xf3&amp;=\xf6\xf3Y&lt;\x91$9\xd5\xcdR\x86A1\xf5^69\x8f\xc1T,h\xb0\xb1\x88\xda\xbe\xc2F&gt;\x93\xa6\xe6\xb8\xde\xdaXK\x0ed\xadBD\x98CV\'\xde\x1a0\xd0xr\x99\x91]\x86\x1c\xf2\x96\xc4d\x9cM\x91\xe9Y\xfb1\xd8\x0b\xebtU|8\xd1-p\x1f7\x1b\xe2q\x9f"\x13\xc1d8\x88\x1c3\x97\xb6\x9e\xb8\x7f}\xdb5\xb1\xdb\x8f\xe5\xde\xe7\x8d\xf9z*\xa6\x1bRp/\x1e\x83/W\x1a\x15\xa9\xe7\xd5\xb1\x8f\xd8\xc0\xe9why\xa6\x18\x8eF\xc7\xcbW\xd9[\xcc`\x17Z1oQD\xb8\xec\xeb\xb9\xc0b\xb2bUe\xe0\xa7\xac\x97a\x97zBk\xd4}\r\x1bVj\xe3o\xa6\xb7&lt;\xf8\xb7\xe4z\x1f\x1f\xafl\xceU\xc8\x0e\xe4\xd6X\xb7\xda\x8fjJ\x9e\x88^\xbbG\x84\xe2\xa6V\xb8\x805c\x17L\r\xff\x8c\xffKQ\xb60\xef\xce\xf9J\x9d"\xf8\x96\xdf\xb0\\A|\xc2\xae{\xc3\x18 jR\xc7n\x89\xdc-\xbc0\x9f\xc6j]\xf66)ONo\'\xc9\xceO\x02?\x89\xee\x01\x9bo_\x16\xa5\xaf\xeb\xb7\xcd\x82\x85\xe86u\xde\xe0Ar\x98\x18*\xbe\x07\x1d/Kg\x1b\xd9\xcek\xcd\xcc\xe6%\xe0+P1\xd7}\x05\xbcw\x0bl\xe0\xccVI%o\xe5T^\x800\xcd\xb5[\xbb~};\r\xc1fvk6\xde\xad\x97S\xa4Q\xd8\xeeSa.\x19\x0cE\x0c\xac\x1d}E)aJ\x9c\xf7j\x98\xca\xba\x84\xff\xf0\xe2\x12.\xa9X\xc1&gt;\x0b3\xdf\xf0\xbd|\x81\x00\x88j\x04\xd9\xfc\xb0\x15\x03S\xa8\xad\x8a\x02$\xd6\x91qPiQn\x89\x1b\xdf\n\xa0\x8d\xbd\xa6\x0c4U\xc1)\x89\xc4\x7f\x948\xde\xf9I\xd3\xe6=,\x91\xd8N\x13\x88\xb1\xf1\xe3W\xfeS\xbcB\xb5`\x82\xe0\x80\x15 @\xe3{\x98\xbc\xf6\xe4\xcf\xc7\xd6\x15"\xfbE\xa1\x10\x19n\\\xf9&lt;&gt;\xaf\x1a\x95\x022\x85C\x16Q\x92\xd6s^%%\xd5\x02\x84T\xd7\x0f\xe2k\x17\\3\xc3ne0q\xe2\x08\xbf\xb4v4\xf8\x10\xfb\x1e\xd7\xb1\xa4&gt;\xe5_\x996\x07\x17\x81\xf9\xf0\xbb\x07\x13\xa4X\xd1TN\x1b\xb0t\x86f\x88JU\x996Z\xf4\xd9\xd5R'</t>
  </si>
  <si>
    <t>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</t>
  </si>
  <si>
    <t>b'\x03\x9c\xfc\xa1\xcd\xb2\xa9v=\x8c\xb2\xb8\xe3O\x9a\xbe'</t>
  </si>
  <si>
    <t>n
 the crupper was let out a hole or two it all fitted well. There was no check-rein, no curb,
 nothing but a plain ring snaffle. What a blessing that was!
 After driving through the side street we came to the large cab stand where Jerry had
 said "Good-night". On one side of this wide street were high houses with wonderful
 shop fronts, and on the other was an old church and churchyard, surrounded by iron
 palisades. Alongside these iron rails a number of cabs were drawn up, waiting for
 passengers; bits of hay were lying about on the ground; some of the men were standing
 together talking; some were sitting on their boxes reading the newspaper; and one or
 two were feeding their horses with bits of hay, and giving them a drink of water. We
 pulled up in the rank at the back of the last cab. Two or three men came round and
 began to look at me and pass their remarks.
 "Very good for a funeral," said one.
 "Too smart-looking," said another, shaking his head in a very wise way; "you'll find out
 something wrong one of these fine mornings, or my name isn't Jones."
 77
 "Well," said Jerry pleasantly, "I suppose I need not find it out till it finds me out, eh? And
 if so, I'll keep up my spirits a little longer."
 Then there came up a broad-faced man, dressed in a great gray coat with great gray
 cape and great white buttons, a gray hat, and a blue comforter loosely tied round his
 neck; his hair was gray, too; but he was a jolly-looking fellow, and the other men made
 way for him. He looked me all over, as if he had been going to buy me; and then
 straightening himself up with a grunt, he said, "He's the right sort for you, Jerry; I don't
 care what you gave for him, he'll be worth it." Thus my character was established on the
 stand.
 This man's name was Grant, but he was called "Gray Grant", or "Governor Grant". He
 had been the longest on that stand of any of the men, and he took it upon himself to
 settle matters and stop disputes. He was generally a good-humored, sensible man; but if
 his temper was a little out, as it was sometimes when he had drunk too much, nobody
 liked to come too near his fist, for he could deal a very heavy blow.
 The first week of my life as a cab horse was very trying. I had never been used to
 London, and the noise, the hurry, the crowds of horses, carts, and carriages that I had to
 make my way through made me feel anxious and harassed; but I soon found that I could
 perfectly trust my driver, and then I made myself easy and got used to it.
 Jerry was as good a driver as I had ever known, and what was better, he took as much
 thought for his horses as he did for himself. He soon found out that I was willing to work
 and do my best, and he never laid the whip on me unless it was gently drawing the end
 of it over my back when I was to go on; but generally I knew</t>
  </si>
  <si>
    <t>b'8VS\x97\x1d\x11$\x94'</t>
  </si>
  <si>
    <t>385653971d112494</t>
  </si>
  <si>
    <t>at constant Ib
The output resistance of CE configuration is less than the CB configuration as the slope of output characteristics is more in this case. Its value is of the order of 50 kiloohm.
 84
                 4.5. Introduction to FET, JFET, MOSFET, CMOS and VMOS
(i) Field Effect Transistor
A field effect transistor is a three terminal semiconductor device in which current conduction is by one type of carriers (i.e either electrons or holes) and is cotrolled by the effect of electric field.
Unlike the usual transistor, its operation depends upon the flow of majority carriers only i.e. the current conduction in this case is either by electrons or holes. The flow of current is controlled by means of an electric field developed between the gate electrode and the conducting channel of the device. Although the working of FET was first given by Schocklery in 1952 but it commercialised only in late 1960â€˜s.
 Construction
gate
gate
p-channel drain
source
n-channel drain
source
FET Field-Effect Transistor
Figure-11
An n-channel field effect transistor is shown in fig. 12. It consists of an n-type silicon bar with two islands of p- type s</t>
  </si>
  <si>
    <t>b'\xf4\x05\x9e2\xfc\xbb\xa2\x90$\xdem\x1a\xef\xad]\x7f$\xb3\x9cI|\xcf\x91$\x97\xb9\xb5\xc5\x94\xe6f%j\x84~\xbb\xc4\xd6Q@L\x0c\xde\xe9\x8e\xe9]\xee\x00\xf7\x86c\xdb\xb3\xd1p\xdc\x00\x01\nwJd\'A\xbcMN\xea\x0b\xbc\xc3M\xb2\xdbT\xc5\xf0\xf4\x00r\xdd\xaf\xb5\xc7|\xa3\xdb3gIJ-\xb8\x95G\xff\'Ej\xae\xa9.\xa3\x9d\xc1\x80l\xf6\xdf\x1f\xa3\xd0\x84D\x06\xd1\xcd4\x13\xe0\xcd\x85b\xe1!5\xd2\xb7\x9a$U\xf3\xc7X\xc4\xd0\xe5\x9a2\xd4\x94oQTC=u\x8a+:\xb4\x8c\xdeM\xc4\xf8J\xa3\xf7j/0\xd1\xe0f,uG\xad1\xe0\xa4\xe9\xb0|\xea\x81\xee\xd6\x9d\xaf,t\x9cL_\x03\x0c\x11\xe8\x9a^sZTo\x8f.\xf8\xb5\x7f\xce\xf9\x9c\x08\x16Ja\xa8\x90\x98f\xf6\xd5Y\xb1\x16\x15\x84*+\xaf\x06\xdaL\xfe/\x93"\x8e\x05E:\x0c\xae\xb3\x04\x87\xb6\xa8-\xf9\xf3@i\x025\xf3\xd4\x00\xc2e\xb1k\x90w\x9aR\xe4+\x0f\xe1\xd8%D\xf5E}`\xbe\xa0.\x0bN\x15\x89"\xf4H\xe4I\xc4\x8e\x7f\xcd\xbb\x88\xeb\x08e\xd5%\x99g\xa9\x07\xf4\x98-=\x87\x93\xf6\xe7\x0f\x0c\xacBp\x90(\xb7\xbcv\xb7\xef\x0c\xef~\xaa\xac\xc2 C\xd6\xf4\x19\x1b\xcd\x96\xb7\xea\xf7L \xc23\xb6l\xe0\x815\x14\x80\xb0\xe7fdq\x15\xb1\xdd\x18)J\xd1\xd7\x18l\x07E\xd2\xcf+\xa1\x95\xcb\x1e\x98\xa0\xa1\xd4\'(\xbfLgCmQ\xd8\x9b\\9^T\x18c:4\x7f\x0f\xf4m\xc2\'\xf1\x94\x05OZ\x18\x18o\x82y\xc8`G\xb2*\x1c\xaab\x1a\xb1OKl~\xb6\x05\x83\xeah\xbe\xb9\xb7\xc8\x8e\x08(\x8f\xae1\xbf\x88=\x96\xbf]\x08\x8bO\xb9\xfc\xe1\xd5\xc1\x82m%\x1fS\xaeK\xcc\x87\xa2\x02\xe7H\xfa\xfd\x9e\x17\x95\x1f\xf4\xe0G_\xe3\xfd\'V\x15\xde\x05\x06\x08\x0b"\x8c\xbe\x06\xf2&amp;\xd75\xaaZJ.\xeeHCR&amp;\xe9\xb2\x8c(\xf5[:\x80\x80@%#\t\xaaM[.\xffNVo\xcb\x8b\xe1\xd5\xf4n\xe8\xe6,\x1a\x17\x12\xad\r]g\x92\xe2\x86s\x85r\x0e\xb7bJV\x9c\xc3\xd3\xads\xf1^-\xd8\xb9\xa2D\xa7\xb3\xf9\t\xf3\xc4\xef\xb2\xba\xd7\xfd\x1ct\x043\x00\x06\xa5\xebz?\xd8\x07C\x10\xcf\xb9\x88V\xadH&gt;h+\x04\xbc\xadR\x07\x10\x1a6\xb4EV\xa5\x05\xe8\x1e\xf8\xaf\xe7u\x0c\xd0\xab\x93\x7ft\xba\xd4l\xb6F\xc9\x81\xd9\x05\xad\x81\xed\x8a\x15\x02\xd9\xe7m\x93\x89r\x0ci\xb8\xf1\x13\xcd\x17i&gt;}\xc3\x92\x90l\xf8n\x92R#\x01\xce\xd2A\x98rl\x92\xb5T\xc9\xe8\xb8\xd5\xa1\xb5\xb0Y6\t\xff\x05g\x15\xcd\xd6\x1bF\x967\x17\x85\xd5^\x11\x8ctds\xfdIm\x0c\x16f(\x1c\x89\xccx\x0f\xbb\xd3r_DL\xe6s\t\xbek\xadU|\x11YA\xed\x9f:e\x1a\x86\x9f\xb3&amp;\xaeTN_c\xdfUe\xc2\xd0\xe8\xd4*tw&amp;\xff\x01juyl/G\xc2\x7f\xbb\x181x:N\x96\xd7\xc3n\xe0Q\x8d\x7f\'\x88\xd3\x91\x03\xb7\xc0\n`\xd9\xe9u\xc9\xc5\xc5\xf4\xb0\x92\xf7+\x0f\x8e\x98\xf5\xda\x07`\xb2,\xc7\xc9s\'\xedX]\xbc\xa1Y\xa9\xff\x84oO\xf1\x1d\xb1M\xec\xd3\x11\xfde\xd7\xd9\xceN\x1fg_\xd7\xf6\x844\\\x9c\x14\xf9q\xa4\xd8\xb5{\x0fa&gt;\x19\x08\x04\xac\xce\x05\x90*\xfdG\xbd\x95]\x05\xbf\xe5\x97\x02\xee\xfb\xdeJ\x1a!\xbf\xe2\x03\xc5\xc0\x00\xb8\xd1\xc71T\xb8\xbd\x89\xde&amp;\x03&amp;C\xcd\xf3\xd5\xb1\xcf\x0bK&gt;$h]\x9dM\x1b&amp;\xe7\x9f\x9d\xdd5\xb4\x8f\xf7\xbe\x98CJ\xb1Et\x11\x07\x1b\x1a\x0c4\xfb\x8dj\xb4\xc1=N\xeashX\x83\x07:\x19=\xc4\xf7\xb6\x87\xbd\x90\x12~\xc2\x15_V)KM\xabv\xf0\xfe\x08\xce\x86\x0c\x94\x90.n"-\x9b\xdaK\xc5\xcb\xd7(ph\x1d\\\xe2\xa1\xb5\xe8:\x1e;W\x9c\x02Y\xd9\xef\xa8q\xe5\xf2I\xc4S\xbb.\xcbt~Y\xe1a|\x0cD\x0b`\xd2A\x92m\x1b\xe2j\xec\xc0\xd3\xb3\'\xc5/\xd3s\x84\xc1s\xd9\x13\xdc\xff3,\xc7[\xba,\xa3J\x8d\xb3\xc3\xaa\xabn\xb7\x1d\xde\xf9\x02I\x87`xA\xe3;5\xf2b\xd8jy\x88\xfd\xd9\x95r\\\x90\xecfA\x1a\xc9\xfb\xc8\xd9~\xbdp\xa3f\x01Zp\x95\t\xe9${\xd3.Wu\xa7/\xd1\xde\xe7\xc9\x9a\xa1\x95\\\xdf\xf2\xdb\x9d\x97\xa0f/\xd1\xf8\xb9D\x91\x00\x9eg\xb7ik42Qke \x9d\xc5"\xa7gE\xe7\x89\xde\xf1'</t>
  </si>
  <si>
    <t>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</t>
  </si>
  <si>
    <t>b'\xf4\x05\x9e2\xfc\xbb\xa2\x90$\xdem\x1a\xef\xad]\x7f'</t>
  </si>
  <si>
    <t>raising a
 cheer. Hook had well-nigh forgotten his prisoners, but as he swung round on
 them now his face lit up again.
 'Lads,' he cried to his crew, 'here's a notion. Open the cabin door and drive
 them in. Let them fight the doodle-doo for their lives. If they kill him, we're so
 much the better; if he kills them, we're none the worse.'
 For the last time his dogs admired Hook, and devotedly they did his bidding.
 The boys, pretending to struggle, were pushed into the cabin and the door was
 closed on them.
 'Now, listen,' cried Hook, and all listened. But not one dared to face the door.
 Yes, one, Wendy, who all this time had been bound to the mast. It was for
 neither a scream nor a crow that she was watching; it was for the reappearance
 of Peter.
 She had not long to wait. In the cabin he had found the thing for which he had
 gone in search: the key that would free the children of their manacles; and now
 they all stole forth, armed with such weapons as they could find. First signing
 to them to hide, Peter cut Wendy's bonds, and then nothing could have been
 easier than for them all to fly off together; but one thing barred the way, an
 oath, 'Hook or me this time.' So when he had freed Wendy, he whispered to her
 to conceal herself with the others, and</t>
  </si>
  <si>
    <t>b'\xe7\xe5q\xc5\r\xed\no'</t>
  </si>
  <si>
    <t>e7e571c50ded0a6f</t>
  </si>
  <si>
    <t>rabbit,â€ on
 which he prided himself.
 Mr. Fogg accordingly tasted the dish, but, despite its spiced
 sauce, found it far from palatable. He rang for the landlord, and
 on his appearance, said, fixing his clear eyes upon him, â€œIs this
 rabbit, sir?â€
 â€œYes, my lord,â€ the rogue boldly replied, â€œrabbit from the
 jungles.â€
 â€œAnd this rabbit did not mew when he was killed?â€ â€œMew, my
 lord! what, a rabbit mew! I swear to youâ€”â€ â€œBe so good,
 landlord, as not to swear, but remember
 this: cats were formerly considered, in India, as sacred animals.
 That was a good time.â€
 â€œFor the cats, my lord?â€
 â€œPerhaps for the travellers as well!â€
 After which Mr. Fogg quietly continued his dinner. Fix had gone
 on shore shortly after Mr. Fogg, and his first destination was the
 headquarters of the Bombay police. He made himself known as
 a London detective, told his business at Bombay, and the
 position of affairs relative to the supposed robber, and
 nervously asked if a warrant had arrived from London. It had
 not reached the office; indeed, there had not yet been time for
 it to arrive. Fix was sorely
 67
 disappointed, and tried to obtain an order of arrest from the</t>
  </si>
  <si>
    <t>b'\xa8\xbe\xf4O\xdej\x9b6\xda7\xd4\x9f\xa7\xbb\xe9WO\xea\xf6\x1dK\xe4\xba\r\xa5&amp;\x19\x01\t;\n\xb8'</t>
  </si>
  <si>
    <t>a8bef44fde6a9b36da37d49fa7bbe9574feaf61d4be4ba0da5261901093b0ab8</t>
  </si>
  <si>
    <t>b'\xa8\xbe\xf4O\xdej\x9b6\xda7\xd4\x9f\xa7\xbb\xe9W'</t>
  </si>
  <si>
    <t>uit a better voltage
 source.
 â€¢ A negative-feedback loop sensing and regulating the output current raises the output
 impedance by a factor of one plus the loop gain, making the circuit a better current
 source.
 â€¢ A negative-feedback loop returning a voltage to the input raises the input impedance
 by one plus the loop gain, making the circuit a better voltage sensor.
 â€¢ A negative-feedback loop returning a current to the input lowers the input impedance
 by one plus the loop gain, making the circuit a better current sensor.
 â€¢ If the feedback network departs from its ideal model, then it â€œloadsâ€ the forward
 amplifier characteristics. In this case, a methodical method must be followed that
 included the effect of finite I/O impedances.
 â€¢ A high-frequency signal traveling through a forward amplifier experiences significant
 phase shift. With several poles, it is possible that the phase shift reaches 180â—¦.
 â€¢ A negative-feedback loop that introduces a large phase shift may become a positive_x0002_feedback loop at some frequency and begin to oscillate if the loop gain at that fre_x0002_quency is unity or higher.
 â€¢ To avoid oscillation, the gain crossover frequency must fall below the phase crossover
 frequency.
 â€¢ Phase margin is defined as 180â—¦ minus the phase of the loop transmission at the gain
 crossover frequency.
 â€¢ To ensure a well-behaved time and frequeny response, a negative-feedback system
 must realize sufficient phase margin, e.g., 60â—¦.
 â€¢ If a feedback circuit suffers from insufficient phase ma</t>
  </si>
  <si>
    <t>b'\xbb\x9f\x82\xfc\xe6\xe3{\x99R\x8a\x01V\xc2g\xd8\x82'</t>
  </si>
  <si>
    <t>bb9f82fce6e37b99528a0156c267d882</t>
  </si>
  <si>
    <t>tcome.
 The Model with a Tariff
 The effect of a tariff is to raise the maximum price the domestic industry can charge. If a
 specific tariff t is charged on imports, the domestic industry can now charge 
 (Figure 9A-2). The industry still is not free to raise its price all the way to the monopoly
 price, however, because consumers will still turn to imports if the price rises above the
 world price plus the tariff. Thus the best the monopolist can do is to set price equal to mar_x0002_ginal cost, at . The tariff raises the domestic price as well as the output of the domestic
 industry, while demand falls to and thus imports fall. However, the domestic industry
 still produces the same quantity as if it were perfectly competitive.6
 Dt
 Qt
 PW + t
 Df Df - Qf
 Qf PW
 PW
 PM PW
 QM PM
 6
 There is one case in which a tariff will have different effects on a monopolistic industry than on a perfectly com_x0002_petitive one. This is the case where a tariff is so high that imports are completely eliminated (a prohibitive tariff).
 For a competitive industry, once imports have been eliminated, any further increase in the tariff has no effect. 
 A monopolist, however, will be forced to limit its price by the threat of imports even if actual imports are zero.
 Thus an increase in a prohibitive tariff will allow a monopolist to raise its price closer to the profit-maximizing
 price . PM
 Price, P
 Quantity, Q
 MR
 MC
 D
 PM
 PW
 Qf Df D Qt QM t
 Imports under a tariff, t
 PW + t
 Figure 9A-2
 A Monopolist Protected by a Tariff
 The tariff allows the monopolist to
 raise its price, but the price is still
 limited by the threat of imports.
 CHAPTER 9 The Instruments of Trade Policy 217
 The Model with an Import Quota
 Suppose the government imposes a limit on imports, restricting their quantity to a fixed
 level . Then the monopolist knows that when it charges a price above , it will not lose
 all its sales. Instead, it will sell whatever domestic demand is at that price, minus the
 allowed imports . Thus the demand facing the monopolist will be domestic demand less
 allowed imports. We define the post-quota demand curve as it is parallel to the domes_x0002_tic demand curve D but shifted units to the left (Figure 9A-3).
 Corresponding to is a new marginal revenue curve . The firm protected by an
 import quota maximizes profit by setting marginal cost equal to this new marginal rev_x0002_enue, pro</t>
  </si>
  <si>
    <t>b'0E\x02 T\xd61\xe1\xf3\x06\x9d\x01}U\x0ehW\xb6YQ\xdc\x84V\x81)\x93Y\x80i\xc9\xf0\x82Q5a~\x02!\x00\xb1j+\xd8\xe1\xbb\xd4\x99\xf1\xbc*w\xb2s!PS\xcb\x05R\x83\\\xe1\xe0J&amp;\xedPb \xcb\xec'</t>
  </si>
  <si>
    <t>3045022054d631e1f3069d017d550e6857b65951dc8456812993598069c9f0825135617e022100b16a2bd8e1bbd499f1bc2a77b273215053cb0552835ce1e04a26ed506220cbec</t>
  </si>
  <si>
    <t>b'0E\x02 T\xd61\xe1\xf3\x06\x9d\x01}U\x0eh'</t>
  </si>
  <si>
    <t>mitted to humble herself to
 Montoni, and to adopt every persuasive means, that might induce him to
 relent towards his wife.
 For a considerable time he was proof against all she said, and all she
 looked; but at length the divinity of pity, beaming in Emily's eyes,
 seemed to touch his heart. He turned away, ashamed of his better
 feelings, half sullen and half relenting; but finally consented, that his
 424
 wife should be removed to her own apartment, and that Emily should
 attend her. Dreading equally, that this relief might arrive too late, and
 that Montoni might retract his concession, Emily scarcely staid to thank
 him for it, but, assisted by Annette, she quickly prepared Madame
 Montoni's bed, and they carried her a cordial, that might enable her
 feeble frame to sustain the fatigue of a removal.
 Madame was scarcely arrived in her own apartment, when an order was
 given by her husband, that she should remain in the turret; but Emily,
 thankful that she had made such dispatch, hastened to inform him of it,
 as well as that a second removal would instantly prove fatal, and he
 suffered his wife to continue where she was.
 During this day, Emily never left Madame Montoni, except to prepare
 such little nourishing things as she judged necessary to sustain her, and
 which Madame Montoni received with quiet acquiescence, though she
 seemed sensible that they could not save her from approaching
 dissolution, and scarcely appeared to wish for life. Emily meanwhile
 watched over her with the most tender solicitude, no longer seeing her
 imperious aunt in the poor object before her, but the sister of her late
 beloved father, in a situation that called for all her compassion and
 kindness. When night came, she determined to sit up with her aunt, but
 this the latter positively forbade, commanding her to retire to rest, and
 Annette alone to remain in her chamber. Rest was, indeed, necessary to
 Emily, whose spirits and frame were equally wearied by the occurrences
 and exertions of the day; but she would not leave Madame Montoni, till
 after the turn of midnight, a period then thought so critical by the
 physicians.
 Soon after twelve, having enjoined Annette to be wakeful, and to call her,
 should any change appear fo</t>
  </si>
  <si>
    <t>b'\xaf\x84B\xd1Y\x18\x0b\x0c\xf8\x94Q\x9f\x1c=\xff\xbc\xd0\x8b\x03\x90\xf4\xb0\xe4\xb6\x96\x13\xc8O\xc9\xf0\xdd\x03\xa8%\x10Y\x18\xa6N\t\xf6WJP\xe3n\x89\xba[]k8k\x1a\x93\x9d\xecB&lt;\xee\x86\xca\xc2;'</t>
  </si>
  <si>
    <t>af8442d159180b0cf894519f1c3dffbcd08b0390f4b0e4b69613c84fc9f0dd03a825105918a64e09f6574a50e36e89ba5b5d6b386b1a939dec423cee86cac23b</t>
  </si>
  <si>
    <t>b'\xaf\x84B\xd1Y\x18\x0b\x0c\xf8\x94Q\x9f\x1c=\xff\xbc'</t>
  </si>
  <si>
    <t>e might remain safely until the affair was hushed
 109
 upâ€”an offer which she eagerly and gratefully accepted. She
 had, it seems, a Parsee relation, who was one of the principal
 merchants of Hong Kong, which is wholly an English city, though
 on an island on the Chinese coast.
 At half-past twelve the train stopped at Benares. The Brahmin
 legends assert that this city is built on the site of the ancient
 Casi, which, like Mahometâ€™s tomb, was once suspended between
 heaven and earth; though the Benares of to-day, which the
 Orientalists call the Athens of India, stands quite unpoetically
 on the solid earth. Passepartout caught glimpses of its brick
 houses and clay huts, giving an aspect of desolation to the
 place, as the train entered it.
 Benares was Sir Francis Cromartyâ€™s destination, the troops he
 was rejoining being encamped some miles northward of the
 city. He bade adieu to Phileas Fogg, wishing him all success,
 and expressing the hope that he would come that way again in
 a less original but more profitable fashion. Mr. Fogg lightly
 pressed him by the hand. The parting of
 Aouda, who did not forget what she owed to Sir Francis,
 betrayed more warmth; and, as for Passepartout, he received a
 hearty shake of the hand from the gallant general.
 The railway, on leaving Benares, passed for a while along t</t>
  </si>
  <si>
    <t>b'\xbc\x13"\xe9N\xff\x89\xf6(\x06?\x97P\x0c\xe7:\t\xc2\xda\x838\xe2\x12\x10\xa9\xaa\xc0\x91nQ\xf4d'</t>
  </si>
  <si>
    <t>bc1322e94eff89f628063f97500ce73a09c2da8338e21210a9aac0916e51f464</t>
  </si>
  <si>
    <t>b'\xbc\x13"\xe9N\xff\x89\xf6(\x06?\x97P\x0c\xe7:'</t>
  </si>
  <si>
    <t>Mary's face lighted up.
"Do you like roses?" she said.
Ben Weatherstaff rooted up a weed and threw it aside before he answered.
"Well, yes, I do. I was learned that by a young lady I was gardener to. She
had a lot in a place she was fond of, an' she loved 'em like they was childrenâ€”
or robins. I've seen her bend over an' kiss 'em." He dragged out another weed
and scowled at it. "That were as much as ten year' ago."
"Where is she now?" asked Mary, much interested.
"Heaven," he answered, and drove his spade deep into the soil, "'cording to
what parson says."
"What happened to the roses?" Mary asked again, more interested than
ever.
"They was left to themselves."
Mary was becoming quite excited.
"Did they quite die? Do roses quite die when they are left to themselves?"
she ventured.
"Well, I'd got to like 'emâ€”an' I liked herâ€”an' she liked 'em," Ben
Weatherstaff admitted reluctantly. "Once or twice a year I'd go an' work at 'em
a bitâ€”prune 'em an' dig about th' roots. They run wild, but they was in rich
soil, so some of 'em lived."
"When they have no leaves and look gray and brown and dry, how can you
tell whether they are dead or alive?" inquired Mary.
"Wait till th' spring gets at 'emâ€”wait till th' sun shines on th' rain and th'
rain falls on th' sunshine an' then tha'll find out."
"Howâ€”how?" cried Mary, forgetting to be careful. "Look along th' twigs
an' branches an' if tha'</t>
  </si>
  <si>
    <t>b'\xae\x90\xaa\xfc\x8e\xef\x16\xf6!]\xf2\x17\x8f\x8b6\xd6\xf9\x8eP\xec\xceW\x0c\xff\xc7\xdd\x00\xefN\x0e\x95Z\xbfx\xe3p\xbb\x81\x94\xda\x87\x8d\x9e,\x1a\x8c\x02\x83"\xed\xcc^\xa0Q\xf8\xdf\xe2\x1e\xebH\x95\x87\\\x9b\xfd\xa2\xbb\x1b\x16E\xed\xa9\x91-\x12\xa5x&lt;\xc6\xc3s\x8aN\xb8\x8fE\xf0{\xd0\tGb&gt;\xc6d\xf0\xa0\x1a$\xa6/R\xc9,3\x83\xd8\x81\x8f\x964\\\xdev\x11h\xd4Q&amp;(\x0eo\xa7\x89\xe5gx\x85=\x0f\xef.\xa8M\xfdKru\x03\x13\xc1O\xe9p\x0c\x11\x1b\t\x0cq\xb4\x94\xbf\xfe\xe7N\xf1hz\xff \xde\xb1\xb9Sxq\x8f\x1e\xc3\xa7\x97y\xfe\x1b\xbd^\x1d\x1a\xcdy\xb4PU%\x99J\x90\\\xb1\x8em8eN\xbdS%Y8\xb1\xa9\x9eZv\xf8-\xe1\xdb\x8ep^\x14\x01\x98\\6\xfa\xb6\x93@:Y\x93\xb4\xa6;7\x13\x88\x86\x87\xef{/\xd6\x9c\x1c+\x93\\\xbabu\xdac\xfbV\x8a\xef&gt;\xaa\xbe2\xc9QU\xc4\xd6\\\xeb\xec\xb5p\xe6\x86\x81\xa4\xed?\xea\x87o)\x8c1?l;\xb2\x19(\xa4K\x80\xc67\xe9\x00\xb5b\xbb\x18-\xa9`C\x8aCD_M\xb5\x8f\xe35F7O\x12w~\x82\xe3\'\xa5\xb5\xd2\x1c\xda\xc7\x9e\xd6|\x181y\xda\x91\xd6\xbb`dp|\xc2\xc1(:\x10\xa0"\xa3B\xf6R\xa4\xa3\x9b\xa6l\xecT\x01\xb8ve\xa9\x91\xfe\xd3\x82FthB\n_k\xd8\x8f\xbcP\x17-\xde\x14\xc4#\xd4Y9\xc3\x06k&lt;J\x8a\x0c\xda{r\xb2q:4RI\x999\xf1\x95\xdb\x19P=\xd10\xe4\x06T\xaa\xbb\xcd\xb1[\xdf\x8fS4`\xc8\xe3l&amp;\xce\xe8@\x90\xa3\xcf\n8\x7fKU\xa1Y\xbbl\xff\xe0e\x07\xf3l\xef&lt;\xab\x16\x88O.\x8bq\xde\xa8\xe7\x1e&lt;8\xb3\x04\x0c\x01\xe5\xdd\x80\x8b@\x0e\xb8\x90\xf6\n&gt;EJd\x91I\xab\x16\'\xae\xdb\x1b\x15G\x9a0Ls\xfat\xfb\x82n\xc4[&gt;\xbf\xc9\x1d\xef"\xe5|\xc9\x07\xda\x18|O\x0b]\x19\xb0\xacGl\xc1\xacb\xdc#0\x9d~\xbe\x13\x17\xab\xcds\xdc\x9d\x86-\x03\x08&amp;\xd22\'1\x85 \xc1X\x1720i\xbf\x8fl\xeb\xe9\xdf\x84\xdeE\'\xcb\xb9\xab\xe4\x15(0\x80z9\x84\xf6M\xbcsy&amp;\xfal\xa8\xf8\xae\xe8\x15\xd0jW$\x97\x11\xb1\x14E$.w\xa3\x84\x80pL_p=\x87\xee\x8bT\xf5\x87\x88C\x19\xd7\x1f\x8d\xb4\x994:\x13\xba\xe9m&amp;\xd3\xa16\x14h\xc8\xa6\xde\xa0(-Z\x946\xf5+\x89\x88\x861\xc8\xac\xd6`\xed4\xad\x9bnR{\x12h\xbe)\x85C\xfe\xd6\xde\xa8\x9a\xe1x\xfduh\xd1\xf8\xe31\xecN$:\x12\x97Q\xaf\xee\x12\n5\xfb\xc7\xcc\x15T\x1d!\xca\xc3\xf7\xde\x84\xa4^,\xa4\x80Z\xcd\xa8\x0ex\x02f_D\x1ad\x95f\xab\x18\x9fI\xdf\xaf\xf5j\x1e`~\xe2\'\xd8\xe2}\x98\xd7\x17\xa5q\xbf\x1e~\xc4\x81F\xf4\xbe\x97\x88&lt;\xc5d\xe9I\x11\x01\x87 a\xd5\xac^\x8e\xff\xc5\xa4{t\x1e,\'\xbf#\xd8\tT\xa9\x8e\x999\x1e\xc6\xabo\xe1\xf3\x1eHf\xe9d\x8fR\xf9\x1d0\x13\xd0\xd0M\xc4\xcbM\xed\xce4\x84X7\xad\x97\x11l\x11\xa2\n\xeer\xf2\x96.&gt;\x9e\xa4^\x1f\xa4\x14\xdb=\xb6*2\x1c\xc8\xac\xf4t\x88oh?\xd0\xbd\xb9\t\xe0\xe0\xe2\x95\x836\x8f5\xf2\xbd\xc0\xd4A\x8d\x1f1\x0e\x86\x9e\xd8O\xbb\x02\x8c\xef\xf3\x8d\xbf}~V\xffo\n\x00C\xdfj\xe4\xa7\x18O\x93\x13\xe52\xe5\x19\x9f7\x16\xa7P\xb3s\x1c\xec\n3\xbb&gt;\x80\xc4B\xeb\xad\xdfM\x9f\x1d,X\xea\x1dn\xd0\xecT\xce`\x17\x01J\xdb\xccb&amp;\xac\xc0\x07\x19\xc5\x90.b\xa1dn\x93\x83\xc3(]\xec\xba1\xce\xd8f\nR\x90\xd8\xfe\xdeQ7nE\x1a\xed\xdc\x97\xf8\x9e\xf1\xdb\xe5\xa8\x13-\xfe\xf0\xddr\xe0\xcc\x1e\xa4\x8c\x06\x86\xccO\x86\x16J\xe8`\x05gN\x8fa\x9d\x12\xa9]\xa48\xcaO\xf9u\xd2jt\xc1/:\x006\xb0\xb6\x80\x0fg+\xd41\x80\x13\xf2i\xee\x90P\x8d\xf7\x95\x1aeg\xfe\x8c\xb9\xf2\x8d\xaa\xf1[\xee{\xd5-\x8e2ej\xe9jf\xc5\x1e\xcb\xa0\xb8\xfbs@\xa6\xc5/\xf8\x93|\xa3@&gt;\xb5\xa5\xa2\xdc\xb6/\xa5A\xa1\xa6\xaf\xbd!\xf9\xbd\xef\xd5\x02\x9f`w\x96H\xfdoj5\x97t}\x99\x8f\xcag\x9d+(\x1c\xf6\x03\xc1\xb5U\x9f\x9d\xd1\xb3\x00\xa5\xba\x1eHm\xe8\x1c \x11\xaf\x05\xb3\xe5O\x04\x97z\xb8\x03\xd6I\xf9N#\xa2R\x9e\xf7\x18\xde3\x13w\x13\x83]E\xfb\x11f\x08I#0\xfe(\x16J\nB\xea\xc7\xa1Ca\xf0\xa6\xbf\xc1\xfbf\xd8\xfc\x82\xe9Ph/U\x1c]\xf1\t\xd3\xbb\xed\x96z\xaeZ\xee\x07\xaf\xdb\xbd\xa5\x1c\x03\xe7_=\xda\x864es\xd3uT\xc4\xdf\x9d\x95E\xb7Vg\x04Y\xa3cn\xa1B\'\x82\xf5z`Ku\xff\xb0\xffy\xfc$\xb9D\xc3:\x15$G\xed\xed6LX\xb1\xd9\x7f&amp;\x89G)\x1b\xd45D\x14&gt;\xec\x99\x9b\x16\xdb\xb2gw\x0f\x94\x89t\xc0\xae\xe2G\xe4\x8d\xd2\xc3\xc1\xbb\x8a\x1f\xf2i8%\xf5l\xbbc,\\ Y)\xfb\x8f\xf5\xc5:\x0fA\x85W@&lt;l\xe8\x9b\x04\xb6&lt;D\x00\x9a\x1c]\x11b\xe6C6\xb4\x06/\xefvA\x18\xbf\xe3\x8fj\xd9d\x87\xc0D\xa4\xe9Q\xd9h\x06\xfd\xa7\x14\x96\xc4\x1d\x04*\xb5\x07Z\xf7\x9d\x85-\x89\x87\xe5\x1a\x8c\xf0\xf7\xd1Ie\x0b&amp;VD\xe1&lt;\xce?]w1\xec\x91\x9f.;\x7f\xa2\xdd\xa1\xf0\xaa\x9c\xaaq\xda'</t>
  </si>
  <si>
    <t>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</t>
  </si>
  <si>
    <t>b'\xae\x90\xaa\xfc\x8e\xef\x16\xf6!]\xf2\x17\x8f\x8b6\xd6'</t>
  </si>
  <si>
    <t>mple, the markets for wine and cheese). Since Home exports cheese only
 in return for imports of wine, and Foreign exports wine in return for cheese, it can be mis_x0002_leading to look at the cheese and wine markets in isolation. What is needed is general
 equilibrium analysis, which takes account of the linkages between the two markets.
 One useful way to keep track of two markets at once is to focus not just on the quanti_x0002_ties of cheese and wine supplied and demanded but also on the relative supply and
 demand, that is, on the number of pounds of cheese supplied or demanded divided by the
 number of gallons of wine supplied or demanded.
 Figure 3-3 shows world supply and demand for cheese relative to wine as functions of
 the price of cheese relative to that of wine. The relative demand curve is indicated by
 RD; the relative supply curve is indicated by RS. World general equilibrium requires that
 relative supply equal relative demand, and thus the world relative price is determined by
 the intersection of RD and RS.
 The striking feature of Figure 3-3 is the funny shape of the relative supply curve RS: Itâ€™s
 a â€œstepâ€ with flat sections linked by a vertical section. Once we understand the derivation
 of the RS curve, we will be almost home-free in understanding the whole model.
 First, as drawn, the RS curve shows that there would be no supply of cheese if the world
 price dropped below . To see why, recall that we showed that Home will specialize
 in the production of wine whenever . Similarly, Foreign will specialize
 in wine production whenever . At the start of our discussion of equation
 (3-2), we made the assumption that . So at relative prices of cheese
 below , there would be no world cheese production.
 Next, when the relative price of cheese is exactly , we know that work_x0002_ers in Home can earn exactly the same amount making either cheese or wine. So Home
 will be willing to supply any relative amount of the two goods, producing a flat section to
 the supply curve.
 We have already seen that if is above , Home will specialize in the produc_x0002_tion of cheese. As long as , however, Foreign will continue to specialize in PC/PW 6 aLC
 * /aLW
 *
 PC/PW aLC/aLW
 PC/PW aLC/aLW
 aLC/aLW
 aLC/aLW 6 aLC
 * /aLW
 *
 PC/PW 6 aLC
 * /aLW
 *
 PC/PW 6 aLC/aLW
 aLC/aLW
 Relative price
 of cheese, PC/PW
 aLC /aLW
 L /aLC Relative quantity
 of cheese,
 RD
 *
 RD
 L*/aLW*
 Q
 *
 aLC /aLW
 QC + QC
 QW +QW*
 1
 2
 RS
 *
 (2 in our
 example)
 (1/2 in our
 example)
 Figure 3-3
 World Relative Supply and
 Demand
 The RD and RDÂ¿ curves show that
 the demand for cheese relative to
 wine is a decreasing function of
 the price of cheese relative to that
 of wine, while the RS curve shows
 that the supply of cheese relative
 to wine is an increasing function
 of the same relative price.
 32 PART ONE International Trade Theory
 producing wine. When Home specializes in cheese production, it produces pounds.
 Similarly, when Foreign specializes in wine, it produces gallons. So for any relative
 price of cheese between and , the relative supply of cheese is
 (3-4)
 At we know that Foreign workers are indifferent between producing
 cheese and wine. Thus here we again have a flat section of the supply curve.
 Finally, for , both Home and Foreign will specialize in cheese pro_x0002_duction. There will be no wine production, so that the relative supply of cheese will
 become infinite.
 A numerical example may help at this point. Letâ€™s assume, as we did before, that in
 Home it takes one hour of labor to produce a pound of cheese and two hours to pro_x0002_duce a gallon of wine. Meanwhile, letâ€™s assume that in Foreign it takes six hours to
 produce a pound of cheeseâ€”Foreign workers are much less productive than Home
 workers when it comes to cheesemakingâ€”but only three hours to produce a gallon
 of wine.
 In this case, the opportunity cost of cheese production in terms of wine is 1/2 in Homeâ€”
 that is, the labor used to produce a pound of cheese could have produced half a gallon of
 wine. So the lower flat section of RS corres</t>
  </si>
  <si>
    <t>b'0E\x02 \x04\xd1\x0b\\Mi*\xdc\x17\xc2\xcbi\xf8\x13_\x89\x7f)HHt\x07 \xf1\xcf\xb0p\xac(\xb3\xec\x9c\x02!\x00\xc3;\xa2\x9br\xa9-\xdf\x011b\xc2\xa2B\x89Y\xe31\x01\xf7\xc7\xf1\xb1\xdeJ\x82zx{\xf9\xf7M'</t>
  </si>
  <si>
    <t>3045022004d10b5c4d692adc17c2cb69f8135f897f294848740720f1cfb070ac28b3ec9c022100c33ba29b72a92ddf013162c2a2428959e33101f7c7f1b1de4a827a787bf9f74d</t>
  </si>
  <si>
    <t>b'0E\x02 \x04\xd1\x0b\\Mi*\xdc\x17\xc2\xcbi'</t>
  </si>
  <si>
    <t>llel careers in the
imperial service, and their works treated Roman as readily as Greek subjects â€“ and
with no sign of resenting Roman rule. In the second and third centuries, indeed, the
narrative historiography of Rome became effectively a Greek literary province.
Whereas its Latin counterpart collapsed into biography, the genre continued to
flourish in Greek in various branches: local histories aside, there were re-workings
of major themes in the Greeksâ€™ pre-Roman past (most notably, Arrian of Nicomediaâ€™s
Anabasis of Alexander), large-scale accounts of the history of Rome from its origin
down to the writerâ€™s time (by Appian of Alexandria, down to c.120 CE; and by
Cassius Dio, to 229 CE), and â€˜â€˜contemporaryâ€™â€™ histories of varying scope (Arrian
again, for instance, on Trajanâ€™s Parthian War, or Herodianâ€™s account of the empire
over the half-century since Marcus Aureliusâ€™ death [180 CE]). All of the writers
named held imperial posts, some in shining senatorial careers (Arrian and Dio held
consulships and governed provinces), and their works give no hint of any privately
harbored distaste for the Roman Empire: for Dio, the Roman legions are â€˜â€˜ourâ€™â€™ army
(Dio 80.4.1), and Appian applauds the â€˜â€˜happy presentâ€™â€™ of peace under the principate (BC 4.16.64).
In the case of Arrian, his subject in the Anabasis was emphatically Greek, with a
Homeric grandeur especially inspiring to the writer â€“ â€˜â€˜for me,â€™â€™ he wrote, â€˜â€˜[the
essence of] fatherland, family and public honors resides in these stories [of Alexanderâ€™s campaigns]â€™â€™ (Anab. 1.12.5, with Moles 1985) â€“ and his treatment of it played
off an emphatically classical Greek model, Xenophonâ€™s â€˜â€˜March of the Ten Thousandâ€™â€™ (as a pupil of Epictetus, Arrian had philosophic as well as historical interests,
and in several works he identifies strongly with Xenophon as a kindred spirit).
Nothing in the Anabasis, though, suggests that Arrian covertly chafed at or wished
to belittle Roman rule, and the collocation of Trajanâ€™s and Alexanderâ€™s eastern wars as
subjects on which he chose to write substantial histories is eloquent in its way. The
glamor of Alexanderâ€™s energy and military success was as potent for imperial Romans
as for Greeks, and had perhaps already inspired a highly romanticized narrative in
Latin by Curtius Rufus (of disputed date, but usually assigned to Claudiusâ€™ reign:
Conte 1994: 383). Augustus himself had crowned Alexanderâ€™s mummified remains
and had used his portrait as a personal seal for correspondence (Suet. Aug. 18, 50),
and Alexanderâ€™s eastern conquests had obvious resonance for the publicity of any
subsequent Roman emperor who campaigned against the Parthians, or in later days
against their Sasanian successors: they colored Trajanâ€™s dispatches to Rome from
Mesopotamia, and his regret that India remained beyond his reach (Dio 68.29.1),
and in the fourth century they would prompt Emperor Julian to make an honorary
Roman emperor of Alexander in his fiction The Caesars (R. B. E. Smith 1995: 12â€“13,
168). Like evocations of the Athenian repulse of the Persian invader at Salamis, then,
Alexanderâ€™s conquests could offer an image of Romans and Greeks as fellow Mediterraneans sharing basic interests and affinities, and a common alien enemy in the
East. In Alexanderâ€™s case, further, the image was more aggressively slanted and was
The Construction of the Past 431
plainly predicated on monarchy â€“ and on both counts, particularly apt to appeal to
propagandists in the high empire (Spawforth 1996: 242â€“3). On this score, it hardly
mattered if philosophers, Arrianâ€™s own teacher among them, judged Alexander a less
than virtuous king (Brunt 1977a); his image epitomized the acme of military glory
and success, and memories of Alexander arguably helped to shape the political reality
of the high empire in a basic connection, â€˜â€˜surely influenc[ing] not only [Trajan] and
Car</t>
  </si>
  <si>
    <t>b'\xd6\x86d_ \x03\xd2\xb6\x93\x0e\x07\x1e\xb9\xbdGs\xf0z\xdc\xc6{3x\xd1\xa3[\x16\xb5\xc8bK\x86\xa6\xecb\xffY4/\xcd\xc9\'V&lt;W\xd9;\xf6\x1a\n\xe4i`]IH\xb0\xa9\x14\rL\xb8y\x01\n\xa0\xd2\x1bL\x942\xc5 \xe8\xc9\x16\x7f\x10U\xbab\xe2\x0f\xb3_v\x93*\x01z\x9d\xd8\x0c8\xdaS\x89;}\x99vt\xf2\x0e\x82\x91\x10b\x7fH\xa9\x7f\xbc\x92l\xf2\xe1s\x93\xa0\xff\xe5\xa0\xf9\x0b\x0c#F8\xa2S\xfc\xd3\xa9.\xb5\x1c\xcby\xbfej2\xaa\x0f\xc95\xf3|\xa9\x19\xad\xe2\xc0nX]\xa3\xca\x88)\xa8\x8d\x8e\xd9vf\x9e\x9e\x99\x12\xbeF\x92_\x0c\xf6\x96\xa8\xbc\xa8\x15\xc6\'6L\xbd\x90v\xe7\xab\x13\xe7\xa0\xee\x8d\xb3r\xb1\xb5t8\xfa\x9fp\xa9u\x17\xac\xc3\x8d\xd5\xf3\xcd\xf8\xaa\x9c\xbc\xc7.\xf6\x92\xa7\xb6tg6\xde\x0e\xde\x9ef\xe2\xc9R\xb9\x16]f\xb2\xa2\x90\x85\xe6\x8a\xda\x80\xf5\x84\xbeu\xe4\xf9C2Q\xda\xabn5U\x98\xf6\x95\xb3\x83v\xff_\xe1\xb4 \xdc\x1d\x03\xce\xd9F\x9b/\xb7p}\xc0\x16\xf9&gt;\x91\x96\xcd\x9e\n\xbb\xddJ\xd5&lt;\x15HV\xa4\x9f\xce_\xb2\xf8E\xf6`\xa2F\xda\t0\x85\xd3Q\x11s\xafr\xc3\xa3&amp;\xc61\x83\x8e]$q\x03\x0b\xa9\xafG\x17\xb0\x8d\x98\xf3\x01\xf9\t^\x8d\xf0\r\x91\xce\xda\x1a|@\xf4\x1d\x01\x04I\xb2\xb8\xcec\xe6\xc4\x11\xc8\x87\x8b\xa6&gt;\xee\xb8\x94\xda\xe1\xe7&gt;\x83wL\x8c\x0ew\xa3e\xc4\x85\xbf[H\xd7\xa3yu\xc7^a\x80\xc0\x190\x1f\xce\x96\x99\x7f\x9d.\ni)\x89\x954\xca\tq\xd7\xcbP\xd4#~9\xbf\x9a\x08\x94\x1f[\xc9N\xbf\xa5\xc6\xecB\x02{\x04\xd1\x02\xc0[\xa7\x88=^\xc3R\xfcs\x8c\x11x\xe7\xbfr$\xc5\xbdt2 \xb1k\x83\x1f\xaf\x98\xc8{\x15\x06\xc9\x9b\x83@\x90@\x84\x0e\xee6m\xa9\xf8\xa1^7d\xa7\xf0\x8e\xc3\xf8\xd2\x86\x1ar\xc7Lu\x1c\xda@\xb8o\xf6\xf51\xc5{aD\x9fs\x1c\x93)\xf1\xdd\xa0\xb3\xe4v\xbdI\xc7\xf4\xce\xc6"\x86vf\x81\x11\xac\x85i%\xf0\xc8\xeb\xf2\xd3\xabNEQ\xc7\xf5\xe9\xber}\xceNs\xcb\x17\x8e?@\x03!%y\xcf\x9e\x81\xf8s\x0e\xe5\x1d\xda\xf1\xef\xa3\xc8^\x1a`\xf7\xf4O_\xadv\xbc\x15\x84\xe1\x85EP\x9a\x81\xd0\x1c\xe2C\x87f\xf2\xf9\x19_\xb0W\xfe\xf2k`x\xdb\x157KX\xc1\xe0\x803\xec\xf5O\x92\x1c\xe5\x07\x1c\xb0\xee\xea\xb9\x02W\xa4\xbf!\xf1P3\xed\x0eS\xb6%\xa2!\x9b\xd8\xb6&gt;\x95r*\x01\x1f\x7f\xfa\xf9-\xa1\x8f\xddGo\xd2*An&amp;\xe0\x02\xdac^\xe6\xaf\xaf\'$\xd6\x1d\xe0\xfb\xe4(S[I\xf3q\x16\x07\xe8\x9a\xaf\xbd\xad\x1b\xde-]\xc7\x8d$\xb0.\x06\x8c*\x0ca\xc8\x85K\x1c\xfb\xc0\x1d\xd4\x92\xf0\xa7\xb0\xc5]\xd0\x97\xf2\x1b\x19mT\xfe\xde_\x82\x02}E\xca1\x19\x8f\xb4q\xc8\x91#\xe21Y@\xec\x1e\\\xf7q%t\xa3u\x87\xaa*\x15+\xa2\x99l1\xc7\x84C\x14q\x1d\xdc;\x0e\xe7\xa3\xa7 3l\x10\x7fb\xc8[Ao\xa4\xf8\xecv\x1c\xb0\xdd\x9aD\xad\x9b#\x95Rodwv~\xa7\x0eP\xc69\x8b\xe7I\xf6\x1c59\x1aTa\x88\xe01gw\xb6\xd6\xcbg\xee7DXv\xa7\xb6\xd2\xeb\xb3!\x84AnJ\xf2\xd1\x86K\x99_4Z\x0e\xbc\xb6}?~\xc1\x0c\xd6\xaa\xde\x10\x13\xde\x8e\xfcoK\x1fD=\xb1\xa5\xeb#V\xa1\x9e\xc3\xc4\x87q*\xa0g@:\xd0\xd3\xdb\xa8t\xfb\xb6\xe5_1\x81\xe5}\x8d=\x84\xf0=\xb9T\x9d;\xbbrf\x13\x8c\x00\xdf\xadCI/\x9c\n\xbe\xe0u0\x92\xe1\x81\x8e`R\xf82\xad\xdd\xcc\xd6L\xd1\x12\xf6\x0c\xect\x8f\x96\x87x\xf5\xf0Z\x08\x9a\xda\xc9x\x18\x8eGp\xc80S\xbc\xb0\xda\xfd\xf3h\x17_\xcf\x1f|$\xfc\xfd\x87\x9e\xbc\xf7\x0ew\xcd\xd5\xac3\x19\r\xbaXe\xb9\x18Q\x9b\x99.w}yzWk\x10\x92\x90H\x83De\x96\xc4LRQ\xea\x04\xa4"\x1a\xc6\x0e\xa2\x911a\xddD_J*&amp;\xda~\x92"\\\x08\x17~\x7fmW\x15\xe8\x95\xfc\xf9j\xe8\x95^\xa9\x1a@\r\xa5m\xd8\xb1\x88\xe2\xb7v+.x\xfa\x11\xe5f\x19\xf3x8{\x1aQ\xd5~\xe2}\x95\x98e\xedIY\x1a\xc8\xab\x1d\xad\x84\x1d\x8e\x04\xff09\xccm\x8ewx\x15&amp;\xea\x8c\x029\xbe\xc3\x83/)\xa3\x93O\x95i\x9b\x11\xbat&gt;\xbb\xfa\xb8\xc2}\xf0o|tt\xe1\x12|Q\xc4c\xdb|\x94\xb0VF\xd3\xbe~t\xd7\x88\xff\x0e\x95=\xde\xd1\xc1D\x14P\x14?\x129%\xb2\x97657\xde\x8e\x87P\xff\xb9@`\x94\x0b\x1aH\xea|\x9c\xca@\x80U\xde\xb0%DcGc\x172\xac\xc9\x91\x87\x87\xe0\x8c\xce\xee\xc2\\0\xe0ny]\xb2\xca\x8c\xee\xcc\x02~5\x8e5\xff\xa3ZL\x13\x03g\xb7\xab\xb6\xa2\x9e\x06\xae\xfb\x1a\xb4tg\x868\x0e\xa6\xdd\xc9\x9b\xd3Ooe\xa8\xec\xec\x10P\x91\x0fH!\xaa\xbbk\xe2\xec\x8f\x17e\x01e\xc8MH\xb9w\x92\x16E\xeb\x7f\x81.7q\xae!Q\xa1\x97t\xfe\xef\xd3\x9f\xc6c"\n\xba\xac)5\xbaE\x0b\x99\xc6\x03\xf4\xaa\x92-c\xf5~4\xc3\x83c\xac\xb2\xa0&lt;b\x0e\xd1Qw\x06\xd2@\xa2$\xde\xf9\x91\x16\x9b\xf3\xfcV\x92u\xd6\x0c\xa4&amp;ZWr\x8f\xb7\xcc\xb6\x1e\xa0\xa7w\x9f=\x88}|\xa5F\xde\xcc\x98P\xf5y\x87\xd2`\xbaU|\xdfux\xa5\x1b\xd9K\xce\xebl\xa8\xec\n\xbdO\x11\x12\xd0r\x94\xcd+\xd7\x13\xe6\x90\x9e\xc2"\xf0`\x14\xabDs|s\xbe\xd8\xa4&gt;\'Y\xdb\x1d\xb6\xef\x08\xebj0\x06\x1b\xc1\x06\xf8\xa3A\x13\x8e\x9b\xf3\xf9,\xcdF\x0e\x85hq+( \x99\xd3\x92\xf0\x81g\x1b&amp;\xa1\xfd\xdc\xc1@\xe6\x05\xe7\xa9\xf9!W\xbd\r\xd4\xa6\x0f\x83\xdc\xc4\xd8\x84\x8e\xfc\x81y\xaa\x1b\x18\x98\xde\xf6\xa3\x89U=\x9c~\xcc\xa0\x13\xe6)\x8c\xc0\xc2M\xd8\xa7\xf4H\x10\x81\xachhNp\x02\rx\xe0I\xed\x90\x06\xdd\xbd)\x8c\xec\xbcf.60t=\x0b\xa3\x1fl\x83\x85/S\xccxG\xed\xc2ZJ@Y\xdd\x87\x97,\xc8\xab\x04\xf9~\x0c\x10t\x9c\xcb\xaa\x91\xe52\xe7\xb3\x07&lt;\x8cY\xc0\xd2M\xbet\x196)4\xbfN\xd37\x8b\x01\xed*l\t\xb4[\x94\x99\x118E si\x9b?\xdf\xcf0\x8d\x9b\xe1y\r}v\xed\xe7\x87\xbcP\x0c\xd2i\x83\x1b\xf24\xe2\xc6]\x91\x1d\xee\x83}\x8c\xe2\x8d\x19.^\x86\x80\xa9_\xbev\x87\xabMxt\xc1\xc67\xfb\x175$\xd9\xed\x0c?\x7f+\x90\xb1vN\xdb\xbf\x8aN\xeeW\xd1\xcet\xc4`/l\xcd\xe3\xd8\x1b\xfa@U3\xe2\xfb\x14\xd9^\xb4\x94~\xe1jo\xaaK\xd8\xcf\x1c\xad\x88\x1c\xeb\x11\x12\xfa\x1c\x99\xa6\xbf\xb7&lt;\xbd\x01]}W\xb4\xce8D\xb82!n\xd3\xbc\xd8"Q\x956f\xe4\xbb\x9f\xe2\x8b|\xfbO\xffdB[x\xc0\x16?\xbc)\xe9\x92\xf2\xd24\x9d\x8c.\xc1\xac\xe4&gt;\x91\xdd\xfdt\x82\xda\xc4h\x1d\xa5\x14\x13t\xe4\x1f\x1e_\xca\xaf\xe0\x804\xf4\xbe\xceS`\xb9\xa9\x0b\xe6U&gt;w\xf0vd\xe9t#\xfc\x91\xc8\x81b\x01X\xaa\xe0_&lt;\xfe?d\x16\x04\xe96\xd1d\x89\xb7\xdb\x88\xf0\xdf\x0fgDe\xe4k\x93\xbf}U\xc0\'\x1dT\xfb\r:\xe0\x10\x9e\x80L\x01s#}\\4V\xe2\xa8\xc0\x9d\x0eD\xbc\xfc\xf7\xb4=\x8e\x92L\xfe\x19\'\xb4\xd9jU\xe4\x03\t_\xfb\x03\xbd\x83\xb8\x7f\x1902\xeb\xf3\xc2\xf6\x9e\xf8\x8e\xee\xba.v\xd5\x0c_U\x95\xcf\xb1"@\xf0\x08\xaf\xa6\xe6\x13\xf2\x8c\xad%\xd9\x04\xff\xe2\x7f!u\xdb\x00\x90K\xa3\x1cAN\xc6\x05(\xec\x87\x84k\xeck\x81\xccX\xe4\xf1\xe8\x8a\xb7f-sb\xe3u\xf5\x03\x01x\'\x00\xff\xf3oz\xb2\x97\xc0Q\xe04r$\n:\xf5\xea\xec\tv\x1a\xe9l\xea|i\x08\xb9\x1c&gt;\xa1!\xb9\xd3\xfbZ\x8e\\\xcc\xd9P\x1f\x02R2n\xbe3\x1c\xa3\x7f\xbf+\x07\xe6\x1a&amp;\x81x\x98\xdd\xceb\x9b\xb3\x19\x15\xa9J\x00\x03\x9b\x98\xfcv-\x99{\xeb$\xda\xb2\xb3\x85\t*\xc4\x9d\x04\xd5\x1f\xe4H\x94\xb0\xb0\x9f\x1d\x82@\xee6z\xd2M\xbb_\xe1\xdc\x93\xddK\x17\xd3\x8c\xd5\x1cQb\xea\xbd\xb2OS\xa28\xef\x17\xb8\xd3\x14PI6\xcb@\x97\x8bl\xbb\xedU\x9f.\xa7\xb1}\xab\xe7v\xbevC2\x9f\xd6,\xc9\x86\xed\x94\xa9\xdc\x8dBhf\xfa7z\xe8\x0b\xce\xc0\xa2\xb9R\xd8\xdc\xdba\xd1Z\xae\x8a,]\xf2\xeadh\x13\x87Wm\xa3\x93\xff\x81\x02\xfeU\xf8\xda}&amp;\x0f\x15lS\xf6s\xcbq!\xf5\x7f\tLM`\xd5\xa0\xf6\xd6\xc9\xab\xf3Hs\x16\xe3aQV\x91\xdfWVT\xdf|\xde\x00\xa9zw\x86\x1a\\\xbf\xbb=@=\x1a\xc8O\x1f)\x08\xbef=\x1aX\xd3\xa2\xa2\xfc\xc4&amp;\x8d0\xa0K\x81\xfd\x03\xa8\xac\xdf]\x83\xe6\xbd\x0e\xfc\x81\x18]\x04D\x96F_\x0e\xe6\xd2\xediR\xd3\x13\x8f\xda\xf3J\xec@\xb2\x08JO\xaa\xd7\tj\x9b\xb2\xd7\xe2,Y\xdc\xbdbDm\xcf/\xcc\xf6\xc2\x1eH\x1a\x94{e\xd9\x02\xe6\xdaK\xad\xf9\xbd\x02\x8b\xd5\x89\x0cgX\xa7\x02\xe7\xb5\xff\xda\xb7\xab\xcd\x15R\xf1\xd6\x87O\xa6_\xb7\xd4\x9d\x19\x04B\xbc"\xde\x9b9\x00r5jc\x91\x13f\xb8~\xb9\xf8\xb0h\x97)*\xc9h^w\x0c\x1d\x86a*$/\x05\x02\xe3\xcdN\xe5Z\xdf\xd2\xed\x0f\xdf2U\xd9\xa0\xe8_\xe9\x15\xbb\xad\x98\x05\x06\x98E\xd8EP\xfd\xc0\x92|\xdf\x92\x1b\xe1 \n\xa2\x12$\x9d-^a\xe02\xb9\xf8\xea\t\xa9o\xb6\x82\x92\x91@\xac\xccb\xfd\x16\x0b}\x7f,\xadd\xee\x8e\x81\xc8-T\xa2\x13"BAn\xb6\xeb\xc9\xbeDk\xfa\xc6U7\xfc\x06\xc8vf\x0b\x90\xbbY%n{+\x18\xb8\xdfh\x96X\xac\x1b\x80\xfe\xb4\xd9\xd8\xd34\xb40\x80`\xc8d\xcfI\x94\xd8\xac\x94R\xb7\x04\x85Z\xd9\x01\x8f\xd1\x0er\xe4\x8d$\xca\r\x91\xd8\x12$\x9c1ET\x10\xc9\x0f\xber\x8e\xae:\x04\xffA\xe2G.\x84F7\xb5\xf9\xa2\xbc\xfa\xc8\xaa\x9f\x98\xed&amp;\xe3\xc9N*G\r\x07\t\xc3#\x85\x1f\xbe\x9d\x91\xd9 \x95\xa6\x17\xaaj\xd9tI\xf5\x07\xe6Rs\xb6&amp;\x99\x07\xbc_\x1b\xed\xf0\xd3&amp;\x9d\xb4\x04\xdb\x8c\xad\xc0\xb1\xaf\xb7\xdei*\x7f\xfe\x93\xe1B\xe5\xd3\xd0$U(\x8fJ%sA\xaeG\x8d\xf8\xaf%\xe89\x0b\x0f}\xe7\x91\x9c\xf7\xfa\xa8\x9e\xe1\xc9\x03\xecm\xf8\x8e\x1b0\r\xfcP\n\x815+\x12\x91\xfe\xa26\xb0I\xc9/\x976\xda8\xaeI\x04\xaan3t\x95\x99\x1d\xb9D\xd8A\xe0\xd0\xee\xa9\xb8~\xa4\x02^\x8d\xc8\xc2m\xaf^\xba^\xcd\xdfj2\xd4\xb9\x93\xdc\xd2\xd9\xa1;\xd0ph@\xe1\x85=\x84\\\xaf6\x1b\x0f\xf9\xb6,l\x1c\xc3~\xda\x987;\xc5\x9c?6\x9a\x995\x96\xde\xbb\x11\x0f\xcd\x9f;\xe0\x81\xb3\x1eH\xe9\xb4\xb7\x0b\xbd\x16\xc1\xb4\xde[(z\xca|z\x13\x8d\xee\xe2\xc8\xc4\xdf\xdd=L\xd0\xb0\xfe\xb8\xae\xb4|\xff\x7f\xb4\xb7\xd6c\xf1\xd8}S\xc4\x02$\xa6\xc8\x85Q\xda\xad\x84$h\xed\xea\xb4\x02\x85\xff4"\xcf$\xa5\x043lJ\xe9\x81\xe1T\x9fG$\xcf_\t\x89\x80\xcd\xaa\x9b!\xa1$N\x9e\'\x80\x15/\xd0\x7f^\xe5\x13\xea|fa\xea\x9e$\xe2\xaa6#JE\\\xbd/\x9c\xba\x9bm\xa58!YaF \xdb\xd5q\x91\r\xa7\x01|\x88\x0f\x810\xa2\xe9J\xcd\xb7\x90)!\x08_!T\xb3\x83\xe4\x03\x1b_\x12\x1c\xd2\xac\xebc2R\xcf\xbf\xf8\xf4\xa9\x8bO\xe3\x83J\xd1e\x85.\xab\xb4] \xcd\x97JX \xc1;Y\x05\x1cP\xdc_\x11&lt;Ns\xbaB\xce\x9ch\xa4\xdd\xa0\xdd\x85&amp;\xf1r\xa5\xb8%\n\xba6\xd5:\xbf\x135\x06~k\xa8\xb3\x92\xc6N:\x91\xf3\'\xa9\xe6\x8fC(j\x9aL\x1e\x174S\x1c\xb5;.\xc0\xe8`\'\xa8\xd1\xfe\xf7a\x8aU\x0f\x9c\xff\x01\xb9I\xe4T?:J\n\x81r\xb8D\xf3\xbc\x19\xaa\xd16\x96\xfaX\xb8\xce?#\xb5Y\x11g+\xc2N\xe40\x1b\xb5\xa3P\x14\x90h(\x03\xf6\r6\x10\x96\xc1h\xe1D\xc5\xd3\r\t\x0f\xc9\x9d\x10\x81\xfe%8q\xbcV\x1e%\xadX\xe5|X\xfaLE\x06&gt;\xbd0\x16\x15C\x88G\xdf0\xaa\x1e\xbf]\x85R\x15\xea\xd6\xab!r\xcd\x19\xe4\xce\xc2\xf9\xda\x9dV\x08#CH\xb9\x02\xaa\x9cn\xef\x1d]\x9em\xdb\x08APr\xf4\x85\xd1 d\x18J\xb2\x15\x0fw\xbb\\\xa3\x84R\xa8\xd6\xe7\xfcI&gt;\x92}\xee\xdc\xfd\xce\x08\x13d\xcf\x01\xc2Y\xf7^.l\xe5}\xec\xfemG\xf7\x19\x7f!\xda\t\x88_\xe7F\x98\x1b\xb9p\x97\x86\xa0\x06\xb86C]\x15!\xc8\xf5c\x00X\x8e\xf4\xdfm\x8cD\xa9%\xe5\x97D\xcf\xea\xb9\x9e?#1MS\xc9\x8cn\xe1\xd0\x1f\xdf\x11E\xaa\xb7\x81\xf3\x87?\xc0\x99:\xe9\xc7T$ck{o\xee\xa4\xbf&lt;b\xa3 \xd7\xc4\xeb\xf6\xbb\x8apS%^&gt;\xcb\xa9 Vo:y\xfd\\\xa2\xdb\xb3HR\xc1\x0f\x1f\xbe3\xef\'\xe8\x9a\xbf8\x8fH\xd1\x89{\xa0M\xe7S\xfc&gt;\x9dj@\x04o\r\x82\xbbRD\xf4\xcd3C8\x81B#\xec^V\xd8.\xf9\x9du\xaaX\xa6\xe8\x8eB\x03g\xa5\x95.\xfc\xa7\xd1\x05\x81\x06\xc1\xee\xd4\xad\x83\xb2 Llu\xfe)\xf5\x93\x89D\xd6\xf2\x89\xd0YkG\x8b*5\xb6\xf5\xb2\xb9a\xa3h^\xd4{\x1er\xbf\xb4\x13V\x8e\xbd\x12\x7f\x87,#\t\xf8\xc4\t?\xd8\x9f\xc2\x04\x05u\x94\x7fe\x8f\x90?\xa0P\x12t\x899\xcd\xc5\xbe\xb7\x15\xb6\x0c\x1c\xe1\x14TR\xf6\xba\xac\xfd\xd6\xee\x0b0\x99\xbe\x9a\xab\xb2\x1a\x87\xfd\xa9uI\xca\x18A\xe7\x02\xb0\xfe\x8aPk\xaa\x9b\xda\x85M\xe3\xec\xfe\xe9H\x19\xc1\xea\xb6\xa7\xc97\x94\xdf\xa6-}_\'k\x92$\x08\xe0&amp;\x1d\xeb\\\xf8\r\x1d\xe0\x9e\xa6\x01\xa2\xd9\x85wknSy\xf2ue)\x8d\x84W(\x13\x98\xd6\xa3\xa1\x19M\xed\x9dkQ\xc3\xfe!\x11O\xaa\xff8\x11}\xf9\xea5\xd1\xa0\xea\xb4P\xdaxl\x1b\x90\xe2\xa1}\xad\xed\xd9\xc6&amp;\xce"\x16Wz\x1f\xd1N\xf6\xefI\xb0\x01\xd9\x11C\xe1\x1az\xc4\xa4\xe213\xe2\x1e\xaf\x94\xda\xa5\x19\xa7\x80Z\x1b\xbbw\x05\x18\x11\xc7+&lt;\xe4\xde\xbb\xee1@\x136\xd7\x1bkb\xf1o_&lt;%\xb4\x9a\xd5\xa9V\xe3\xfd/\xddy\xa7\xe4\xd1S,\xcc2\x9d,kw\x0en\x12K\xab\xc5\x8e\x92\xad\xee\\\x00\xc1\xba |\xcd\x10\xcd\xc4\x99f\xd1\x83\xec\xaa\x9b\x056g\x8am\xc5\x9d|w7J\xadb\x00p\xfc\xbd\xff\xdeV\x9c\t\x02\xb6\xd3\x01\x8b_I\xb0k\x12\x8d\x81b\xeei\xc7\x80p[\x148M\xbdM\xae_\x8c\xa87\x0f\x9cW\x8e1\x1c^\xcb\xb8V\xba\x06\xd5\xcf1\x97\xec\x08\x8a\x07\xf0\x82\x10\x99\x15\x8e\x9eWKo\xa2CB\x89\x19\xd7\x0b\xf8\xa1\x8c\x1d\xa5\xb1\xf8\xc8\x05\x1db\xb8*\x06\xbfa.e\xf4\xdft\xe7\x1e\xe8\x17O\xda\xfa\x92\x03\x0e\x04\xf2\xf2\x9a\x956i;5\xe1\x94\x0e$\xfb\xc3\xac\xc2pf*"\xc1hX\xee\xdc\xfa\xf8\xbe\x92\x8a\xd4\x9a\x06\x85;9\xf3\xc1R]y5\xfff\x12\xd0&lt;\xaf\xd4\xb8\x8c)\xc7O\xbf[&gt;\xa2\x9b\x10\xbf[\xdaob\xb5\xba\xec\x8a\xe5L\x93~\xf7l\x99;\x19\xcc]\xcfV\xf9)\xce\x01\xdc4&amp;\x16\xf6\x07k\xd2\xa5\xdfq4F\n\x05\x822\x14^9!\xd3\xd5\x18\xe8\xe5&amp;K\x13\xec\x08\xb6o\xc1^\xf4\x00\x11\x13\xac\x02Y\xc1\t\n\x08\xba\xb8t\xa2*\x03\x03\x15e\xcc\xe9O\x0ef!\xd0\xeaP\xe6k\xd9\x9b\xa5\xe4A'</t>
  </si>
  <si>
    <t>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</t>
  </si>
  <si>
    <t>b'\xd6\x86d_ \x03\xd2\xb6\x93\x0e\x07\x1e\xb9\xbdGs'</t>
  </si>
  <si>
    <t>said Dr. Craven, coming forward. "What does it mean?"
Then Mary was reminded of the boy Rajah again. Colin answered as if
neither the doctor's alarm nor Mrs. Medlock's terror were of the slightest
consequence. He was as little disturbed or frightened as if an elderly cat and
dog had walked into the room.
"This is my cousin, Mary Lennox," he said. "I asked her to come and talk
to me. I like her. She must come and talk to me whenever I send for her."
Dr. Craven turned reproachfully to Mrs. Medlock. "Oh, sir" she panted. "I
don't know how it's happened. There's not a servant on the place tha'd dare to
talkâ€”they all have their orders."
"Nobody told her anything," said Colin. "She heard me crying and found
me herself. I am glad she came. Don't be silly, Medlock."
Mary saw that Dr. Craven did not look pleased, but it was quite plain that
he dare not oppose his patient. He sat down by Colin and felt his pulse.
"I am afraid there has been too much excitement. Excitement is not good
for you, my boy," he said.
"I should be excited if she kept away," answered Colin, his eyes beginning
to look dangerously sparkling. "I am better. She makes me better. The nurse
must bring up her tea with mine. We will have tea together."
Mrs. Medlock and Dr. Craven looked at each other in a troubled way, but
there was evidently nothing to be done.
"He does look rather better, sir," ventured Mrs. Medlock. "But"â€”thinking
the matter overâ€”"he looked better this morning before she came into the
room."
"She came into the room last night. She stayed with me a long time. She
sang a Hindustani song to me and it made me go to sleep," said Colin. "I was
better when I wakened up. I wanted my breakfast. I want my tea now. Tell
nurse, Medlock."
Dr. Craven did not stay very long. He talked to the nurse for a few minutes
when she came into the room and said a few words of warning to Colin. He
must not talk too much; he must not forget that he was ill; he must not forget
that he was very easily tired. Mary thought that there seemed to be a number
of uncomfortable things he was not to forget.
Colin looked fretful and kept his strange black-lashed eyes fixed on Dr.
Craven's face.
"I want to forget it," he said at last. "She makes me forget it. That is why I
want her."
Dr. Craven did not look happy when he left the room. He gave a puzzled
glance at the little girl sitting on the large stool. She had become a stiff, silent
child again as soon as he entered and he could not see what the attraction was.
The boy actually did look brighter, howeverâ€”and he sighed rather heavily as
he went down the corridor.
"They are always wanting me to eat things when I don't want to," said
Colin, as the nurse brought in the tea and put it on the table by the sofa.</t>
  </si>
  <si>
    <t>b'NO\x15\x0e\xdcm-\xffP\xb2\x96\xf3x\'r\x98\xabVW\xdb\t\xf5\xc9l\x02\x81\x98{\xee\x99\x90-r9\xa7$\xcaS6C%\xa8\xee\x8d\xc8\x96\xe3\x85\xdcC\x04\xef\x1b\x0c\xf5\xcaR~\x03\xc0K!\x98\xa0\xee\x8b\x8e\xb7do6#\x87\xba_\xfe\xb3y\x0ff3\xc9\xdb\xee\xe1\xcb\x1b\xe0S\x0f\xf4od*\xf6\xae\x9e\\\x98J\xcc\n\xe1\xa6\x04\xc3\x82#\x1ar!\x81\xea\xb9r}\x7f\xe5\xc1l\xf7\rv\xfc\x12X^\xa3\x1d\x10\xc0v\xce\xe1\xfd*\xd0_\x91+\xb1\xfb\x8f\xc6n\x87\x85\xc5\xd9\xec-+\xec\xcak\xd2UMs\xc7I\xc3N\x08n\x85\xde4\xcd\x07\xb9\x07\x17&amp;41X\x18!pK\x06\x0c\xdd\xd2\x10\xe9l\xb2CnV\x92\xb5\xc8#c\x8a\xb0\x7fq\xa18\x87\xb2M[\xfbg(\xfe:\x82\x96\'\xeb\xc9\x04D6T\x89!pS\xc0\x80b\x1ea\xe0\x834G\xa6\x0bh\xc6\x1b\x05\xdfAz\xbf}s\x1d\xee\x8a?o\xe1!\xee-\x90\xcf\xfc\xe8-\x0c\xc6\xd0W\xc6\xb1\xfe+\x1fJZO\xca\xa1\x99\\ChEo\xd7\xef9\xe9S`\xa1\xb6\xda\xe5\xc3}Lo\x13\x1dp\x8b\xbc#\xb0\x8c\x91\xc7\xcc=\xc3\\\x0e\x94\xfcW\xe7\x11\xd4\x1eb\x07\xb9\xe5Ag\xda\x8f\x8e\xe4\xe2\xbe|6\x8f\x93\xeb\xa6g[N\x1e\xc2\xc6d\xed\xfe\xe0\x9b\xa1\x84\xfd$\xae\xd7]\x8e\xc4l\x05\x93J(\t7\xe5\xcc\xa9O\xc0\x86\x8cYZ\x9a\xda\x89\xa6-&gt;\x15\xf1\xac\xb6&amp;2[\xfc-/\xc7\xbf@7\x95@O\xa9\xf3\x11e\xa0\x0eC\xa4\xc9\xb0=x\xc6,\xc1M\xd4\x87r`\x1da\x0cO\xdcl\xa7o\x00\x84\xaa\x80\xf9\xf9\xb7\x88L\xed\x14\x1e\x07\xab\nt\xdc\xaa{\xfc#\xe6\x04\xb3\xfd\xd0\xb4;\xf2w\x8a\x84\xe0\xa1\xa6\x9c\xbf&gt;\xd1\x0ci\xd1\x85u\x97B\x17\xff\xdf\xa0\xcb\x80\xbah@V\xc1\xa2,\xe6\xbe?\x08\xb3G3\x90\x86/~\x06z\n\xe5&gt;t]\xfd\xa2\xf6\xbc\x0eDy\x83/V\x10\xfe\x89&amp;\xba#\x85\xba\xe7\xee\xd7CmE\xdf4\xe9\x97\xac\xb7:\t\r\xab8MN\x94\x861D\xd3\xdf\xa0\xbeQ\xbb\x9fe\xc0M\xbd\x9fD\xf9\\\xde\xfc\x89(\xf0&gt;o\xb5\x85\xa3D\xc4\x80\x17A\xe6\x1b\xc8?\xac\xd3\xcb\xa5\x86\xa2\xba\x97+\xa7/\xea/\x90\xfcn\x8bJUu\xad\x12\xd8#Xg\x85I\xb3U+\xdf\xe6\x02\x80\'\xa0_\x8a\xf0R"\xf5M|/\xd3\xa6 k\xae\xe46\xff\x0b\xea\xdd\x8c\x08\x86f\xfbe\xd3\xc5,+\nq\x07v\x14$[\xefkIo\xeeRZ&lt;\x86\xf8(\xfc\x94\x8b]4\x04&amp;\xeb7\xacl\x15\xea(\xb9o\x8b!\x16\x06m\x8e\xf8\x93\x00\x94\xe4\xfc\xf4\xff\x83\xcc\xce\x99\xff}\xddKR\xa9\xbb\xfch5K[E?DjD\xfb\xff\xbc\xdcV\xe7\x063*+\xb8\x19oz\x8f\xd3{\xc6\x06"\x00\x9e/\x90\xf5\x1fV\x0e\xe8\x16\xddHo\x84-%\x145\x82h@\xdc\x96\xbc\xb6\x0cC\x87\xc3\xac|VE\xf6\xac\x91\x9a\x91\xdc\xa6g\x9fs\x90+\xe9\xda\x06]\xa9\x07\xcf\xff\xea\x8dMp\t\x80+\x1a!\xccX\xc9\x1a(\xc0\x0f_\x1b^\x96\xa5\x1b&lt;\xa7X\x1b\xa3\x1c\xb4\xb3\xb2\xb5b\x8f*2\xf8JU\xd3\xcaD\x91i\xb6\x0b\xc1\xd1\xf2\xdb\xc4x`\x08\xb3K\xa5\x0e\xa8\x00\x13\x0c\xc1\xfb\xc6[\x0f\xde{\x03\x90\x07\xdd\xe6\x0b\xa0\xc9\xca/\x8f\x0c\xec]\xff\xa4F\xca\xb6s\xc8\xb5\xf5\x1d/yoA\xe1a=\xbe\xc3\xd5:\xcd\x9b\x91_\x9a\x9c\xd3\xc2\xe5qs\xd4\x1de6~4\x97-\x9d\x17\xf0\xa9\xcb]\xdf\x05\x14\x1a\xbc=\xa0\xef\xea\xf8+\x8flf\x04\x8a\x9f\x01,\x052\xbfWN\xa3O\xdb\x0b\xe4\xca\x05\xaa6^\x81\x94\xa6\xa4\x95\x147\xfc\xfe\xfe\x08\xca\xfc41\xbb9;\x03DP\xb2\xb9\xb5\xa4\xe9\xd5\xb5]j\x1e\x81\xa3\x07&gt;/\x7fg\xd8\x88\xac\xf2\xa9\x83\x96\x04\xdb\xd5\x0f\xb2\xd6\xf2W\xa4\'T\x96\xb7\xb9\x0b=\'\x0cs@\x91\x04\xbd \x8fV\xba\x18\xea\x00\xcd\xd9\xa3N%\x14\xa9\xfa7\x97\xbfwr\x10&lt;\xfb\xc2\x8e\xbeFV\xb2\xfa\x1bL\xdc\xb5:%\xdf\x1c\x18\xb1\x97\xf4\xfb\xde\xf2\xda2*qN\xdf\xca\x86\x10\xc2\x9e\xf6\xed\xba\xf7\xdb\xb7\x86M\xf4\x8b\xe7aR\xfe\xec\x0f\xf3+3\xae\xa8\x95\x16r\xfe\x1d\xe3\xd7\x90\xe6m\xb3\x1f\xff\xaa\xd1\xdb\xbdlG\xde\xe8X\xb3\x81\xdf\xc8&lt;T\xaf\xc1\xbb\x18\'\x0c\xf5p\xf5*\x04J"Q\xd9\xa4C\x16{\x0f\xb5\xad\x0f\xd0S\x8b\xaa6\xda\x90\xb9\xcbBM{$#\xb1\x85\xe9\x18\xa8~mIK\xe2@yf},\x12\xd8\xff\x19\xa3M9\x9fv2S\x8d\xbbrdl\xc3\x8fR\x82=m0\x17xw9\x07w)\x85\xea8\x04RmP\x95X\xf0\xde\x1f]Z\xf6\t\xce\xf7\xcd\x0b\x1e-\xfap~U\x82q\x12\x1a\xd0|wP\x03\x90%%\x17\x7f\x9b\x95\xcd\xcfG\xf4\x19\xb9\xaf\xfc\x8a\xf4q\xb7V\xb3v!\xb0t\xf7\xb1\xbdn\x1d\x95Z\x9e45^I.U\xdd+\x8aeP,)\x87.\x01\x19%\xd57\xb1\xf4\x9c\x124\xa5\xef!&lt;\xc8^\x0c\xb6N\x81\xc1\x17!\x1d\xef=H\xf7\xe8@\x1dg\xb1\xa1[\xa8\xdcp\xc7\xf9\xeaf\xe7\xf3\xa4\xb0\xdc\xf0\xc9\xc9s\xb4\x92\x0f?\xf1r\x0f\x8c4=\xf9\xf5\x8c\\Q\xf36\xa7\xd1)\xd2[\xa5T%\xda\x8e\xde\xa7\xf72\xcb\xd3_b\xa5\x91\x9b+8(\x01\xcc\xd3\xa4qn~x\xa3\xe8_\xa6\xc2\xe8\xb2)\xdc\xf2\x92h\x85\x13\xb9\x85~\x06-h\x18\xa0I\xff\x97\xf3R\xdb\xf6\xf7\xc7\xde 9\xb5\xb9\x87\xaa\xb7{\xecG\xec\x197G \x9f\xfc6\x1d\x9d\xa9\x9e\xd1\xf0\xbc\x88\x82\x9d|\xea\xe0\n\x90\x88\xeb~\xb1\x85\xe0\x0cKXyLYK\x13y[O\x03\xe9\xe1.\xff\tTl&amp;/\x9f\xb1\xc2 d\x90if\x9e\xf9t\x10O\xfe\xafP&amp;\xb4fk\xb7\x02\x92\xe1L\x8c\xfd\xb9\xdf\x83\x8c\x9a\xe6\x81RS\x9f\xf0\xb3%\x108_E\xc3\x19\xcd\x99\xe5\x0e`a\x9a\x129\x16*\ty\xb8\xf1\x89\xc1W\x8f\xdc\xa90\x9d&gt;jqu\x87\x1c\x08@\x18\\XTI"\xcbg\xfe\x92=\xb6\xdc\xb1\xc8\xa1}e6\x84\x9d\x9e\'\xe5R3\xf5\xbe\xdc\x87D\xeb\x05\x83\xef\xf0\xf3\xed\xf6\xe09\x0c\x13x\x94=d\xcaL\x85)\x84\x17~\\\x10\x19o\xf5w\x1c\xb2hU\xd2\x9f\xc6\xa4\x1b\n@\x05qb\xd5AA\x1a\xf4\xc7\xa7\x9dl/\xee\xef3\x7fM\x13\xfa\xc1e&gt;\'PD\x83&amp;`f\x1aw\x8bw\x1a:\\\x94\x97\xe2l\x90;\\\x85\x83\xe9a\x9dB\x13\xd3J60\x15\x8d\x10[\x12\x93\r)vE3#iE\x02a \x14~\xaaT\x1a\x0cJ\xe6(\xd5\xcf\x1d8,\x9c.\x85M\xd1\x1a(\xde\xf1cd\xfa\x07\xb5\xde\x0c\xe6\xe5\xb9v\x04\x992\x15\xc4\xc3_\xc5\xe4\xf8r]F\x17\xf5\xaf\x82V\xb8{\xaf\x88\x0fC\xb0\x96\x1f\xc9\x92\x87\xf9\x13L}\x8d/i\xd2\xf4\xf7\xeb \xb3B\xd4\xa5\xec\x9d\xdb\x13l\x92MT\xab\x9ac_h\xbe\xde\xea=&gt;R\xc9\x03\xf1S\x0b\x1c\x15aS\x88\x95\x7f\xaf\xdc\xbe\x0ee\x9b\xb6s4\xfa@\xac\x85\xb4\xd9\xd9}\x11\x91q\x8bM}\x02\xa2\xb6U\xc3\xf8\xfd&amp;\xcf\xac+\xb2\xd0\x8b\x8d\xea0\x80\x8a\xac\x9f\xe5\xff\xc1\xd9&lt;\xb0\xea\xe9C\xe0A\\{,l\xaa\x9d,\xbf\xfa^\xdd%\x93\x98X\xd1d$\xddc\x97\xbe\xa4\x08\x871\xe1\x95@\x92\x0b\x95rfD\\\x92\xa9\xc2\xa5\xef\x1dC\xa9\xc1eR\xa6\xce\xf9\xf1\xfb\xa3P\x12\xf9\x9c\xce\xc59\x85\xe8\xc0\x1c\x0e\xa5\xbb\x03\x93Nj\xc5\xed\xbcC1%\xd8\xbd\xad\x9f\xb2O\xba\x8c\x7fzN\xebW\x03\x07T\xe9\x1d\x11\xbb\xcf1\xb4\xbfD\xf6\x1e\x834\xd7]\x1b&amp;\x85h.\xf7\n\xc9\x95\x84\xd44N\xe8\x03\xaaB\x0e/\xac\xaa\xc6zeE|\xf9\xd2K&lt;\xf1\xc4\x86\xda,pi\x03X\xd1a^+\xe4\x8e\xb6\x94g\xbe\xd6\xc0?\x85\x9fT\x15|!\xc4\x90G\xac0X\x04b\xca\xedH\xf3]\xf0\xe3\x90\xbf\xd7\x19q\xc2=\xfcq\t\x1c.\xfd@c\x00\xf4\x13\x9e\xf55qWm\xcfx\x1bI\xce`\xe9\x10\xda\xe2-\xa6\xc3\xf1a\x934\x91\x8e\xbeIT~y5\xa3\xabY\x9b\xea\xf1}\x1c\xea\x97?=\xe0\x0e\xcc\xf0~\x97\'\xfal\x04\xa2)\x94\xbb\x12\xcb\x00N\xa2q\x1d\x86\xd5\x95\xed\xaanF3wj \xae\xa3\rX\x81\xd5\xfc\\qK\x82\x89\x16G\xfe|\'\x01\x86\x18\xef5\xebz\xb8\xbc\xf3\r\x1a\xf9d\xben\x10\r%\x9a\x13LET\xa3\xef\x15{\x04\x944_\\\xbbZ\x04\xc6CP\xcc+&lt;\x1a\x86\x1b\xbb\xaa\r\xf5\xa21\xe7Up\x94\xb9\x8e\xac\n7\xd4K\xd6x\t\x92\x0f\xfe\x14e\x9c\x0cAI\xc2\x9e\x08\xb0\x05\xba]R\xe5p \xc7\xdd\xa6\x81\xc3hh\xdftn\xc5\x81\xfd\xad\xe0\xe5\x94\xb9\xd0\xf1]\xad\xb8g\x1b\xe0\xd0\xaa\x9e!$D\x84\xa7\x85\x7f7\xce\xe8\x04N\x0c2[&lt;#j\x91\xb7\xd3\x81=xZ\xb6\x89B\xb3\xbf\x00\xb3\'4\xdd!GVyh\xbc\xb3G\x98)\xcb\xc1\x00\xe1\x82\x0e\xa51)\xcf\xc7\xe8\xefPX\x80\x8c\xc3q\xa2wR\xa6\x1f\xdfi[\xa4\x9b\xce\x10\xa5Gn\xcd\x13\xdfk\xc6(\xcf\xb9)\xe3\x13oR\x11\xd26\xdb\xe8\xb4&lt;\tl\xd2\x07\x84\x8d\x86\xcar\xb8 \x9b\x80\xc3?\xfd&gt;\x8e\xdb\x0e.\xa5\xd0\x1b\xa4\x90t\xaf\x8fm\xe0\xf6-P\xc2\x88\xfe\xc5C\x14\x1a\x9fi\xef\x7f\xc8\x7f\x16D\x1bVV\xc7}y\xae\x95\xcb!xW\xe9\x06\xe6\xe4\x8f%\x06\xaeu\xc9-~\xf0\xd7\xdd\xe4KZ\'E&gt;\xc1\xab\xaaO\x04\x8d\xc1\xc2\xeeEyk\x97-\x02"\xa9\xa6\xee\xe7\x15\xff\xce\xde\xd5?\x1f\xc1\xba\xd4H\xf1\xe1\x04j\xd08V\xda\x88\xf4\xa9\x11\r\xf0\xeaH\xf6\xd6\xee\xca\xf2roJ\xd3\x89X\xbaw*x~\x80=m\xf4\xa8\xa9\xe7=$\x88\xb0\r\xda\xa1\x07]\x97\xc1M\x19vi\tizf\xaea\xd1\xf8i\x8eHO\xa7\xc4\x1aG\xea\x0fS\xa7\x11h\xcbu"\x1a\n\xe3\\\xabG$\x90E\xfcu\xb1\x8c\x01@\xb4J\xda\xd5\xfc@\xf5\xd9\x93\xe5hWP\xd2\xa9\xe0\x02\xa1.\xdezr\xb2R\x14\x14Itx\xb327\xf9\xdc\xcc\xe4\x96\xe7\xe1\xef\xc9\xdc8\xbe\xdem\xacA\xaf\x94\xcc\x13\x94WU)@\xce\'\xd2\xd2\x91\x95\xcd\x07H\xbcM}\xbe\x8f\xfeM\xcd\x15H\xfb\x80\xa8\xcc\xf4\\\x90I\xf7\x89\xcd\x9e\xc5\xf7\x9aN\xf8\xfa\x93\x8d[\xaa\x97\xc4?\xfdl\xe44\x9c\x05\xbe\xcbh@\x83\xb3\n\xa9\x93\x1f\x8ahN\xa9\\\xfb\xebF\xbb\x0b\x9f\xc2P\xd0_\x9a\x070\x81]\xbf?\x04\xffgRTX\xa7\xc44\xe6\xea8f$r\xee\xb5\xfd\x00\xe9\xd4\x8f\xa5\x8es\xf1V\x982\x03\xf7\xa8\x82\xb8m\xdf\x9bH\x0e\xfdu\xb0\x82\x07\xc9y\xd0\x9f\xf0'</t>
  </si>
  <si>
    <t>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</t>
  </si>
  <si>
    <t>b"NO\x15\x0e\xdcm-\xffP\xb2\x96\xf3x'r\x98"</t>
  </si>
  <si>
    <t>nder
 these conditions?
 (b) What is the change in the gain if the
 mobility of the NMOS device varies by
 Â±10%? Can you explain this result us_x0002_ing the expressions derived in Chapter 6
 for the transconductance?
 7.78. Repeat Problem 7.77 for the circuit illus_x0002_trated in Fig. 7.100 and compare the sensi_x0002_tivities to the mobility.
 M 1
 VDD = 1.8 V
 0.18
 M 2
 10
 0.18
 W2
 Vout
 Vin
 Figure 7.100
 8
 Operational Amplifier
 as a Black Box
 The term â€œoperational amplifierâ€ (op amp) was coined in the 1940s, well before the in_x0002_vention of the transistor and the integrated circuit. Op amps realized by vacuum tubes1
 served as the core of electronic â€œintegrators,â€ â€œdifferentiators,â€ etc., thus forming systems
 whose behavior followed a given differential equation. Called â€œanalog computers,â€ such
 circuits were used to study the stability of differential equations that arose in fields such
 as control or power systems. Since each op amp implemented a mathematical operation
 (e.g., integration), the term â€œoperational amplifierâ€ was born.
 Op amps find wide application in todayâ€™s discrete and integrated electronics. In the
 cellphone studied in Chapter 1, for example, integrated op amps serve as building blocks
 in (active) filters. Similarly, the analog-to-digital converter(s) used in digital cameras often
 employ op amps.
 In this chapter, we study the operational amplifier as a black box, developing op_x0002_amp-based circuits that perform interesting and useful functio</t>
  </si>
  <si>
    <t>b'}\x82\xbeksHU\x81\xfar\xe4u\xea\x11\xad\xa5'</t>
  </si>
  <si>
    <t>7d82be6b73485581fa72e475ea11ada5</t>
  </si>
  <si>
    <t>emselves in the same way after they were fledged she was quite
comforted and even became eagerly interested and derived great pleasure from
watching the boy over the edge of her nestâ€”though she always thought that
the Eggs would be much cleverer and learn more quickly. But then she said
indulgently that humans were always more clumsy and slow than Eggs and
most of them never seemed really to learn to fly at all. You never met them in
the air or on tree-tops.
After a while the boy began to move about as the others did, but all three
of the children at times did unusual things. They would stand under the trees
and move their arms and legs and heads about in a way which</t>
  </si>
  <si>
    <t>b's+i\xaf\x15F~\x17\x13\n\xef;\x11\x113;B\xc7,\r\xf2F\r\xdd\xbd\\~+\xf9\xb3\xb3}\x06\xbf\xef/ \xd4\xc0\xa6Ra\t\xf3\xac\xc4\xf0%\xd4R\x92\x7f\xadP_^\x99\xc5\xc6\xaeB\x14\xb3\xe8\x85\x94-8bN\x06]\x95\xd4\xc2\xbf\xcc\xd4\x8c\x12\xb8cy.\'X;\xd8\x84\x94(\x94\xf4\x9c\x05\xf9\xb2\x9b0\x0c?(\xb1\xc5\x175\xe7\x93\xaa%z"\x028\x0f\xd3\xe5R\xa0k\x91\x06-\xb3\xe5b\xbe\x95\x016\xe5\x93\x1b\x10&amp;\x95\xb4\x88\x15\xb6\xf4fI\xccP$$h\x8b\xd4\x97\x1b\x8d@\xbb?\xb3nzM{lU)\xa4B\x82=\tgF\xa4m\xed\xc2\x10\x19\xe3 \x80\x1f`\xc3\x85l\xcbz;\x14f`\xa2\xd7\x07f\xd9\xf7\x9e\xf80\xca6\x15\x9f\x8c\x87\xc92\xfbqG\xc6Nk\xba\xf5\xc9\xc9U3\xfa\xc2\tG\xae\xcfOE\xab!\xd6d\x1a \x8f\xab\x1d\x1do\xba\xc8\x0e\xf2|\x7f\x0fr\xd2\xa6\x80[\xe04\x909&lt;d\x1fm\xa4\xd0\x01\xd5\x9c?\xeb$/\x8f\xdc\x1e\x81\xd6Fu\xa7\xcbQD1\xaa/\x00\x9d\r\x00\x1bq\x19\x9a\xfa\xd5Y\xb1\x9ek\xe5\r\x94\x15\xd4\xcb2\x98\x93^J\xa4\x89\xf0&gt;\x05\xfb\x9b$&amp;R\xd0\x0c&amp;\x7fm\x8b\x8a\xf2\x15s\xd8\xcd\xde\xd0\x96\xfb\xdb\xcc:\xda8j\xf4^|\xd0\x17\xe5Lu\xdf{\xeb\xab~\xee\x17cKfs\xa9\x1b\xa6r\x9cb^Q\x90\x03;n\xa8\xach\xba\xf7\xd03F\xac\x82\x89\x8e\\\x1d\x100\xd2x\n\xd7\xf5Q[9k(\xc9\xda\x9b\xf1J\xbe\x95\xe5\xbcEN\xbc\nv\xc7\xf5\xf9\x0c\xd4h\x87\x0e\xd6I\x9f\xa2u\xccP\x8a\x15\x15\xdbu\x1b\x17\xaa\xaaI\x17[\xc78K\xf2*\xa5}\xc7&lt;\xde@\x8d\x86c\xbd\xa4/:fx\xbdM\x9f\xac\x0f\xba\xa0(E\xa8\xf3K\xd3\x88\x96\xa2\xb8\xc5\x07w\xbf\x02\xea6J\xc1\xf9\xfb\nr\xfajU\xd8\xcf\r\xd0\xed"Z\x92\x8b\x80n&gt;\xc7\'\x165Q:\x83k\xe8UG\xadn\xdb\x13u\x17\x83\xfb%_\x10\xbeS4\x8a\xa98\x93\xa3F\xdfd\xec]\x82\xacQ\x00\xbe\x84\xad+\xee&gt;\x04\xc7Z\x11\x92\xbb5\x18\xdc#4(x4\x87\x1f\x94*w\xc8aOX\x04U&gt;Z\xf3O\x04+Kn0\xadP\xb6{\xd6v\xbb\xb5Xa\x96g\x90\x9b\x8e\x02\x1dz\x91\x8d\xab-[3\xc0\x80\x7f+{-\xa9\xec\x00L\x9e\x03\xe25_\xa7\xd05.`\x12vG\x11\t\xa2T\xde\x1a\xec\xf8\x8c\xe9\x9f\x13\xe7\x81\x0eg6i\xb5u1\xe7\xa8\x00\xc1( \x1f\xfe\x1br\x83\xd4\xda\xcb\xcf\x060js\x80S\xa9V\x1f\x15.\xc4\x01\xf6\x07\x92'</t>
  </si>
  <si>
    <t>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</t>
  </si>
  <si>
    <t>b's+i\xaf\x15F~\x17\x13\n\xef;\x11\x113;'</t>
  </si>
  <si>
    <t>ved copy of
the Madonna and Child, which her mother had given her in a
pretty frame.
â€˜Of course I am!â€™ cried Meg, smoothing the silvery folds of her
first sild dress, for Mr. Laurence had insisted on giving it. â€˜How
can I be otherwise?â€™ said Mrs. March gratefully, as her eyes
went from her husbandâ€™s letter to Bethâ€™s smiling face, and her
hand carressed the brooch made of gray and golden, chestnut
and dark brown hair, which the girls had just fastened on her
breast.
Now and then, in this workaday world, things do happen in the
delightful storybook fashion, and what a comfort it is. Half an
hour after everyone had said they were so happy they could
only hold one drop more, the drop came. Laurie opened the
parlor door and popped his head in very quietly. He might just
as well have turned a somersault and uttered an Indian war
whoop, for his face was so full of suppressed excitement and his
voice so treacherously joyful that everyone jumped up, though
he
only said, in a queer, breathless voice, â€˜Hereâ€™s another Christmas
present for the March family.â€™
Before the words were well out of his mouth, he was whisked
away somehow, and in his place appeared a tall man, muffled
381
up to the eyes, leaning on the arm of another tall man, who
tried to say something and couldnâ€™t. Of course there was a
general stampede, and for several minutes everybody seemed
to lose their wits, for the strangest things were done, and no one
said a word.
Mr. March became invisible in the embrace of four pairs of
loving arms. Jo disgraced herself by nearly fainting away, and
had to be doctored by Laurie in the china closet. Mr. Brooke
kissed Meg entirely by mistake, as he somewhat incoherently
explained. And Amy, the dignified, tumbled over a stool, and
never stopping to get up, hugged and cried over her fatherâ€™s
boots in the most touching manner. Mrs. March was the first to
recover herself, and held up her hand with a warning, â€˜Hush!
Remember Beth.â€™
But it was too late. The study door flew open, the little red
wrapper appeared on the threshold, joy put strength into the
feeble limbs, and Beth ran straight into her fatherâ€™s arms. Never
mind what happened just after that,
for the full hearts overflowed, washing away the bitterness of
the past and leaving only the sweetness of the present.
It was not at all romantic, but a hearty laugh set everybody
straight again, for Hannah was discovered behind the door,
sobbing over the fat turkey, which she had forgotten to put
382
down when she rushed up from the kitchen. As the laugh
subsided, Mrs. March began to thank Mr. Brooke for his faithful
care of her husband, at which Mr. Brooke suddenly remembered
that Mr. March needed rest, and seizing Laurie, he precipitately
retired. Then the two invalids were ordered to repose, which
they did, by both sitting in one big chair and talking hard.
Mr. March told how he had longed to surprise them, and how,
when the fine weather came, he had been allowed by his doctor,
to take advantage of it, how devoted Brooke had been, and
how he was altogether a most estimable and upright young
man. Why Mr. March paused a minute just there, and after a
glance at Meg, who was violently poking the fire, looked at his
wife with an inquiring lift of the eyebrows, I leave you to
imagine. Also why Mrs. March gently nodded her head and
asked, rather abruptly, if he wouldnâ€™t like to have something to
eat. Jo saw and understood the look, and she stalked grimly
away to get wine and beef tea, muttering to herself as she
slammed the door, â€˜I hate estimable young men with brown
eyes!</t>
  </si>
  <si>
    <t>b'f\x96\xa4!\xcb3&amp;\x08\xd7\xb1\x96\x0e\xb3?\x92\x92\xd1~9\xf2\xa2\xd3vh(\xfa\xa6\x9c\x03^\x07\x85\xaab?\xd9\xc9\xe1O!\x05\xb5x\x966\xf3\x17\x96^\xdeKX\xc9"0\xd6\x00\x16@\xf8\xc7\x05&amp;\xd0\x92\\\xbb\x8c`\x93\x92\xbdq\xee\x96\xa2{\x9e\xa9\xe2\xf5\x86N\x03\xbfW\x01\xe8\x91\x94R\xf0E\xb7\xa6\x99\xf8\x81\xc6\xa0:5\x8bb\x9abn\xf3\x15\xe7\x8e\x14]6\xf0\x8a\x12?\xa5\x85\xde`\xec\x940\xb7\xdb8\xc1\xa8\x85\xd6\x9c\xbf\x16\xaf\x89\xe9\xa9\x8f#\xc3\xa8f\xdd\xcdC,\x9b\xa7}\xb9\xa2\xb2\xca\x8d\xde}\xa3AUBL\n\x92\xe5@\x80\xbb\x93B/p\xd9A\xad@\xb1d\xb9dQ\xea\xb5\x1f\xe4\x1b$d\xd5\xe7#\x0c\xb5r\x8b\xb9%FK2\xd7\xec\xab8\x1d\x97\xac\x16Z\x80\'5\xedJ\r\'\x89\x03\xffz\xf8\xf3\xb0\x884\xeezRf*\t\xec\xd1,\xf6\xa7\xd0\xefM\\\x9b\xc5\xf6\xa7\xab.\x0e\xfa\xa8\x8c\n\xc8\xe2\xc9\xfd\xe4?\x0e\xa1He\xe4\xf3\x9a!\xfbVX\xef\x0e\xbcZsO&lt;V\xf9]\xa64\xb8\xb4\xf8\x92\xd7\xe5\xc6\xd8dGo&lt;\n\xaf"\xc2@`\xcf\xe0[&lt;\xafI\xff\xe9\x85\xb1 \x19\x93\xa0\x1a\x1b\xf5gz\x8ad~\xcc\xaf\x10R\xa0\x04UQ\x9bM\xe2\xdc~-\n\x10Y\x84\x05\xb0"\xe10n\x87\xe9\xe4`u\x1e\xf1.\xbd\xa1@H,\xcca\xb7\xf9\x9c\xc1\xcb\xd9\xa7\x83\xa9\x9f|6\x08 !\n\xf7\x85\xfc\x0c\x8e\x9e\xbe;e\x7f\xff\x16\xf5\xd7\xe6V\xfe9\x87\xb9\xfe\xaf\x94\xbe8\xb9[\x96\xb8"\xfb\xc0\t90y(\xd6\x9b\xf3\x82\xef\x8c\x89e%3\xf2\x16\xf5\xe7\xa4E~\xd2\xef\x05\x87\xc4\x8bx\r\xab&amp;\x95\x9c\xde\t\xa7\xe0\xfeto\xb0\xe1j\xd5o\xacR\x85g\x94\xa7!\xeeo\xe4\x9c\xb8\xac\xa0\x13c\x9caL$\xec\xe9\x17\rb\xee\xf9\xe1l\x1b\xe9&amp;\xd8\x82\x9a\xd6\xbe\xabo\x00a\x1c\x8e\xba\xc3\x17\x1dv%,\xdb&gt;2\x04\x94D\xe4\xafH\xb6\xf4\xdf\xed\xb4\xe9R;f\x9c?\x9a:\xdc\x80\xd8\xca\xbc\xf0\x81\xf6\xe0\xb7X\xac\xda\xe4l\xbe\x9aFD\xc1\xce\xf7c\xdb\xb4\xb0\xe1\xa1;/\xe3.d\x0b\r#2@`\xe7\xe6\xc2\xbb\xfcH]\x93\xfd\xc8\xfd\xab\x08\x9cU\xaa\xc6\xfe-\x18Z\xa5\x8fw\xe5\xa2\xf4Y\xf9\xc6\xdc\x19\xa3\xe0\xbf\x0eop\xf6\xbaX\xaa\xe0\xdc\r\x96\xe2\x9d\'T[\x83J\xc4li#X\xa0\x13L\xce\xfd\xe85U-\x1b?\xd3\x98t\x11ol\xfd\x88\xd8\x8fg(\x07d\xb2\xed\xb6|=\xae\xe8\xb3\x9e\xbc\xd0k\xc5\x1f\x95(\xb5\n\xd1D\xb7\x94*EX\xeb\x9f}\x17\x07\xf9\xac@I\xe1\xb7\xdf[\xd4\xfb\xf3\xfd\x19z/\xcar{\\\xdf\xb9\xcf\xb6\x14iD\xe9+\xda\xa2\xb8\xd4\xd3\x922\xcc\xcb2\xee{\xeaZ\xb1\xe2Gj\x13B\x95\xd6\xf7\x0b\x18\x17\xd8\xe2\xcc?d`\\\x0f\x16\x8a\xbb\x08\xf4\x93e\xbe\xcd\x06\x9c\x15\xf0\xd1]\xc9\xf0\x020\xbf\xc4\xff\x10\x14\x9d\xe1\x93\xf2,\xcb\xf9\xe6\x9e\x96\xf0&amp;}9#/m\xd5Gx\x93\xd1hB\xce03\x06\xaaG/\x1a\x87\x11M +x\xe0.\xd7n\xe2\xaa?\xa6i\xaa\x194\x15\x04a]\x87&amp;\xd1\x02\xaf&amp;mLm\xb5\xb4j\xb7\xd2\nc\xcdW\n\xb1\xf8P\xd3\xc7C\xdbj!\xb9\x95\xef\x96\x99\x05u4Ba\xb6\x84\x9a\xae\xac\x81\xb5{\xd8\xb9\xf5)\xc6\\\x9dOVY@)e cB\xc7=\xb0m\x15\xc3\x18{\x1aZ\xc6\x1a\xa9\xc1s\xcaj\x13\x99\xeb\x9e\xdbAU\x8a\xc9`&gt;\x7fkkv\x1d\xda\x98,\xe2\xcd\xa4\x00\xfd\xad\x96&amp;s\x1d\xb6\xa7Q\x02\xe3\x10\xc4\xb0O\x19\x04\xca\x8b\xd6\x86"\xfd\x18.\x0c\xb8\xa4+\xdc\xa4g\xc62\x16\x07y\x7f \n\xc1\x97\x00\xac\xfc\xc1\x8a\xcd\x92\xb9\x9e\xdc\x08d\xb7\x00\x96a\xb2\x84!.\x0e\x8b\xdc\xed\xc2+\xfb\xda\xad\x82Ut\x88W\xce"\x80\x111\x7f^\xf9{\xaa\x1b\xdcX\xb54U\x88H\x99Yh\xc0\xde8\x81\xd0c~\xdc\x0e\xd4v\xa1\x17\x0e\xaf`\xf4\xb3\x83\x85&lt;\xb5\x08}\xe9vse\xf3\xe0Z4\xef*\x97\xd8\xf0\xb4g]M.#\xaeO\x9b\xa0\xef\xdb\xe6\x94oC\xadM\xbcu\xcf\x06\x8e"\xa7&lt;\xe5\xecD\xdb\x95\xf8\xab "\x10\x80\xbdr\xb6\xad-\x17\x04\x86\x13\x84/\xfcNw\x10\xb1\xcd4\xa2\xaex\xae\x8bnTt\x1dlKH\x9c\x92y\x18\xc8\xda\xc65\xa57[\xe8\xd6?\xcf\xb7\xeb\x8e\x08D\x9f\xb5\xcf\xe2\xceg\xf2.\xd1\x1e\x85f\xb6\'T.xd\x18w\xf1j\xf6J\x99\xdfz\xaa\xdbt\xdd\xaa\x92\x92`\xfe\xa4a\xcbT\x9a\xbd"\xa3\xa4&lt;\xe4\xe7\xb7Yl8\x04k\x0fu\x8e\x99Xd\xe7\x8f7\x81\xd3g!\xb0\x96\t\xea\xd2\xe5OS\x83q\xbaQ\x81\xcc2\x81\xea\x12\xca&lt;\x14/\xa5\xa3\xc0\xc9V\xd5@{qK\xc9\xd1kA\xe3\xcc\x96_\x96\xac\xfe\x9cr\xf7\xa3\xee\xa8\xfd\xfaV\x90\xb1\xd5!\xb3e1l\xed\x89^\xe9O\x91\xa2\x8fY4&gt;6\xf9\x9e\x8e\xdc\xf2\x0cM\x80\xdb\x0bg\xdazD\t\x98_\xfd\xb27\xa4x~\xdd\x94\xbfB\x8a0]\xd5\x9d\xde3\x07\xc7\x1f\xe9\xb1\xc6QQ\xdb\xccH\xf2\xe1\x14\xa7\x14\x95\xae\xee\x0f\xc7\x1e\xcft\x0c\xe7\xbbb\xa9\xb7\xa2\xdcY\xdb\x8dn\x911\xed\xf1g(q^\xad\xa4\xc0\xbd\xf2-\xd4*{5Y\x05\xc11(?\x02\xbd\x0c\x9e\xbc,D\x82\xe7:\xaf\x9a\x92+\xb6\xe5\xe2\xb8\xe8)\x7f\xc2\x9dl\xcf\xc3\xe0\x10\xdcqaU\xdep1\xb5l\x15\xa3F1\xe5_\x8f\x8c\x84\xf5\xd0\xb9\x1a\xd3\xb6e\xa1\xbe\xa4*\x1818|\xb6\xf8&lt;\x07\xbb8\xd3g\x14\x00\x8d\xedz$\x18\xb5\xbf&lt;\x86\xf8\xf7\xe2\xc9EJ\xb2\x82}\xd9\xba\x85\xd9\xd0\xbd\xf9\x0f\xf2fICA\xa8\xa5\xdd0\xb5\xfcc\xda@\x0eKg\x1d0\xfd)a\xee\xe5\xbd\xc7\xae\xde\x0cu\xe1\'\x87\xcaE"\xc83\n!\xab\xaa\x01\xd42\xec\\\xd7\xeb%Y\xd4\xf8\xd9\x9c\x04\xf0\x83\x99 \xa4\xc2s9\xe3D\x92\xec*M\xc61\xcf^m\xcaN\xee\x0c.\x1d\x1c\x92*\x05D\xa1\xdeO-\xd2q\xe4o\xee\x7f\xf4\x94;!\xa1YK\xc5*\x00\xb6r\xe0\xde\x93\xba5!\x081\xf6\xe1\x81\xf6\xa8\']5\x93\xef{B\x0eo\x064\xf6\x8d\x8b=f\xd2\x939\xcc\xbbU\xcc\xa7\xa8W\x90\x06e\x84\xab@7\xf4\xc2x&lt;_\xf1\x19P\x04\xcbKB\xe6\x8b\xff\xfc\xb9\'\x9bu\xc8q]wcX\xf8\x91\xe7\x95!\xc7\x8d\xba\xd5\xc4\x82y\xa6\xba\xa4\xc3\x15d\xd2\x95\xf3W\x10emf\x04\x9be-\xdb\nY\xde!\xe4&amp;B\xdf\x96\xec\xa5\xf2\xbd\x1c\x8d\xcfc3\r\xffj\xdd\xf1\xe5^\x89\x18\x0b`\x8a\x1f\x9c\x89\xe9\x98\xd2xP\xd0vj\x86\xd6\xd1\xd1o\xd0F\xd6\x96$^!\x92?\xda+\xcb\xc1j\xb1%,\x0eiIp}&gt;_}ySr2\xbc\xe4\xaf\xed\x16I\xaf\xbd\xb3\xb0\xab\xad\xf6U+)N\xe6\xf33\xb5\x06W5XwaYr\xa8\xd7\xdb\x19t\xb1\x9e3b\xc3*\x94\x12\ne\xda\xbd\x9d8?gb\x16\xdez\xb9\x1b\xfc\xf4\x89+p\xe9\x85*y\xbf [\x8e\xf4\xd7a\x95\xce\xe4\x81\xcd\xea\xae\x83\x12\xb6]\xffb\x99\xf3\x8d\x9b\xe9\x11\x9fc\xcb\x03H\x1f\xb7\xb0\x7f_O\xa6\x06?H\xad\x9b\xc0\xec&lt;\x02\xc4\xaah\x08\xcf\xce\xec\x97\x98\x82\t\x14X@\r\xd2\x1fxpS!{\xe7,\x88#\xe9p\x90\x11\xfc7\x89\xc4\x9c\xde\x02WG\xdb\x8c/\x14\x159f:\xc7"\xb2\xb4Zk\xdf\xb8Uv\xfdDB\xf5\xb6\xd5\xdc\x8f\xa5\xe7O\x9fn\x14\x98\xbd\x9cd\x1a\xb6\xeb4\x85\xa9\xb25e\x9eb7\xbd\xcf\xe9\x11\x8e\x9d\xc4\x97e\xb1\xa8zh\x89\xe3-|\xe2\'\xeb\x14Qn\xb706\x8e#\x8eSR\xcb\x10\xf7]nW\xdf\xdd\xad\xd76\x11E\'\xbbX(\xe0l\xc5U\xbd\xb1R\xa3G\xc5\xdb\x18~+\xe8\x86_\x8d\xfe0\x02\xcb}[\xad\xcb\xbfOG\xaa1\r\xa5\x04\x8b\xf1\xecW\xd04$\x8eMg\x12\xe2\x0ff\xb0\xc3f\x80V\xb0\xba.\x045k0Ip\xcb5s=\xbf\x9co\x1d\xd2\x91\xc0k\x94A$\xbf\xe3\xdc(\x1d\xc9X\x12\x06\x18\\\xa8.\xd3G\xcaWk\xa9\xd1!\xeaU\x1c\xec\xc36\xda+\xaa\xfa\xa0v\xac\xab\x9b\x14\x9eR\xa0\x15\xc4Ya\x9f\x90[\xb3\xfbOceF\\`\x8d\xa2\x17&gt;yx\x17\x1e\x05Y{\xf0\xf4\xce\x17=\xa0{F:\xeaP\x9a"3_\x93\x90\xdd_@\xc4\x93\xcb\x16\xa2\x16\xde\\\xf8\x1a\xafg\x0b\x7f\xcf\x83T\xbe\xa8\xf7\xce9\x11\xb5\xcf\x888-\xc3\x96:z\xc5\x87~\xffz\xf9O\xe7\xcb\xd6k\x91\xf0QY\x85\x10\xf9c5F\xdaga\xc2\x9ef\xec\xd0=\xe0("k57c4;\x0cr\xbb\xd1\x017A\x0e\xda\xa3\xcd\x14\x06%!\xc1.jHS4Gv\xcc\xd2\x07zd\x89\xbf\xdc\x8b\x9ck\x0c:\xf2\xd2-\xbf\x15\xddbC-cA.\xd8\x0c\xdd\x00\x02s\x9d\xd1LA\xc8j\xc8\xcb\xfd\xc3\xd9\xf8\xfaUB\x11\x0c\xc8h\xee7&lt;\xda\xa7#\x16\x87\xbe\x97\x01\x9a$9\x03h~F\xee\xe0X\x18\xcf\xa8\x87\xe3+&gt;\x06\x91\xf3]%\xa7\xab\x82\xf4\xc5\xb1&lt;.\x15\x06m\xd6@\xe9\xb3\xedlK\xf1m}\x12\xa2\x18$nf\x10H\x81m\xf0F\x12\x08\xbf\x1e\x812\x14\x89\x01\x10O\xae3\xaeW"1\x87\xd8`\xcb\xc3g\x96\x8f.\r\x92Z\x8f\x11[\x19A2\xaf!\xa9\xe9\xdd\xba\xd3\xf9\xff\xe6_\xbc\xa6\xce\xa9\xc3\x03\xf5N\xad\xcdH\x97t\x17\xd2\xfd\x15\x90w\xf5\xcf\x94\xb317\x87\x10\xc8\tr\x1cN\xd5\xf7\xffX\xe4\xd8\xcd\x03\x8d{\x07\xa8*\x1f\x95*F\xba\'\x856\'q\x88\xea\x1f\xc5Z\x08\x0e\xee\x8c&gt;\x12x@\xfe\xadP\x12\xed\xfd\xf4[;\xb6C\xcb\xeb/pO\xa9s\x01\xfe\xe6E\xf7\x88\xc5\xcd\xcag\xfb\x15\\\xcfH_\xfb\x1f\x0c\x1d\xa8o\xc2\\\x94\x8b\x7f*\xdf\xa0e\xcf\\\rI\x8fA\xac\x18P^z\xe1\\DHI\xbf\xbc\x02\x07\x9b\x1d\xda\xe0\xc5\xf0\x98x\'\xfc\x05\x12\x1d{\xb3L]%+764;\xf2\xd5j]\x14p\xdb\x10+U``\x8f\xfd&lt;\x9d8\x0c\xbf\xaap\x1dJ\xbe-!\x9c\nI9\xe2\xec\xe9\xfe\xe829Rs\x14`Q\xa2}\xc8Y\x88\xf7\xd9\x0f\xde\xa2r\xad\x1f\xfc\xd5\xd5\xe0/\x87\xbdc\xb5\x81\xc0\x92\xba;\xf0\'\xad\xa9\x80\xb6\x02\xe2L\xc1\x83\xb7^7\x07\xb7\xa2y\xe2X\xc2\x9c\xa4S]\x8c\xac\x0eL[\x0e\xf3l?\xca\xed^\xe4S\x15g\x88\x11\x9bvbX\x83\xd4&gt;\xad\xba\x0bS9\x00[\x8d\x03fY\x87R\x98\xf7\xad\x11#%\xbd\x89\xcf\xf5\x82\xfc^\n\xc1e\xfcY\x054\xb6\xf7\x98A\xe1rKZ\xdd\x17\xadkO\x8c\x93\xdb\xf2D^\x9c\xea\xfe&amp;\x9b(\xbf+\xde\x8d\xc4\xfd\x1c\n\x1c\xf7u\x9d|+Fl\xa9\xf1\x81\x0f\x8f\xcd\x8f;t\xbb;\nM\x7f\xa0O\x16\x84a\xe5\xd0\xa7\x0btw\xfc\xcdg\xa0\xbd\xde-NB\nM@i\x90f\xf8(\xa6A\xcd\xbc\xe6b^\x15Jj\x0b*\xab\x84A.\xd0`X,\xd76\xa1\xc0|3\xec\xb2\xfe\x9d\xc0\x91\xb6\xcc\xd5Z+[I\x1by7\xa3\xf0\xf0\xd9m:\xa4\xb6u\x04\x95o\xec\xd86-\xcc8\xf3\x834\x8c\xa8a\xee\x8c\x05~\x80F\xef/\xad\x90\x0c\xcb"\x17\xdf}\xb1\xa8g\xe2\xed\x12\x10\xa7\xb2}~\xbf\xc2q=\xe7bP\x1b\xfbA\xe8\x9e\xf5\x8d\x0f\xd4\xecqe2\xbfj\x92i\xb3\x82\x02*\x03\xe8\xa5t\xf9r8\xc8\x11\xf5\xa2e\xf3\x8e\xb6\xe7~\x9bP*\x0f\xc8\x8d\x00\xb3\xf5d,\xff\xc6\xfb\x0b\x8c7\xe2\'Jz(l\x8c\x9c\xb1\xd7\x0f\xcd\xfe\xc6.1\x85f\xf3\xbb\xaa[\x8cs\xb2l\xc6KO\xf4\x98\xe8\xbc\xae\xee&lt;\xeb\xab\x9b-e\xffH\x8e3\x97\xd8\xe0dZ\xbe\xf0F\xbb\xe1\x04\x16h\xcf\x0e\xfcZv\x9d\xa8\x91\xc9\xfe\xa8\xdd\x9e\x032\xaa\xf6[\xba\xa2\x98&lt;M\xf5\xb9[\x98\x92)a\xaf\x8cu\xd9@\xd8\xe2\x1b\x82\xe6\xb5uI\xeb\xbbI\xfbV\x8a\xcf\x9d\xdb7\xfb\xf9u\xe6\xd0,^w,\x0b\xe4\xfe#\x84\x9a\xfbY|\xe99,\xb9@\xd2v\x04\xc9[\x05cQ\xa5\x01S\xc7\xcc\xc5\xe6\x9c)\xe9\xc8\x9c\xb4\xd6\xee\xe5\xa4\x04\x98\xa3\x88\xba\xe6\xfe,\xb4r\xd2\x1b@Y\x93\xae_\xa0l%\xb8\x01?J\xb9%\x17\xadD\x9ba\x0fP\xc9\n\xe4\xed8\xfcX%PJ\xfd\xbf\xaf\t\xeea\x112\xc7\x1f(\x9a\xa3;\x08\x0fO\xba-V9\xd9\xfc\xe4\xd0&amp;\xden\xf9\x08\x8b\x08\xe6\xf7\x95\xb6\xcdq\xac\xddPo\xccS\xdfT\x9b#\x8f\x0f\xberM\xf9\t\x16\xbc\xe2\x8e\x1a\xc6.0\xd5%+\x90g&gt;\xb3\x147h\x83k\x88\xe0\xbaj`\xf7\xd82\xa2\xde\xf5p\xa10\x03\xb0\xed\x941\xc3O\xb3\xbd\xcbNq\xcf9\xfe\xe0\xda\xef\x08-\xa9&lt;xb\xe3\xfc\xb3\\\xd9V\xa2\x863\x13\n=\xb3\x17\xc6\xe3\x0c\xd0o\t\x05F\xe8\xe3\xa7\xdel\xb5\xf2q\xe3\r\xfbQG\xc0\xab\xbe\x07,\xa1\xc4\xe7\xf0o\x1e\xacQ \x1ayL\x130\xe1\x8b\xce\x04\x94\x84QI\xf7:\xf38m\xa5\xda\xe1h\x9e)\x1a\xbe\x88Z\x8ed\x11"J\xcd\xbeh\x06w\xec&gt;\x1fezK\x0e\xa4\x81\xa5U\xa9\x7f\xec\x1f`\xb2\x98\x1dl\xeb\x1a\x95\xe3\x82\xae.wi\x827z\x9fsF\x8b\x11|\x1ei\xe2\x19Hq\x8df\x16\x1b\xcc\x0bP\xf3Nz\x10\xc2sm.\xc3\xbc\x03P\xad\xcc\x8f\x8b\x8d\x05\xf9\x03\xc8\xf0\xeb\x8a2\xbd\xa7#\xed\x10\x94!^H*TEZ\x8ef\xcf\xe3Q\x0b\xbe/\xec\xe7\xda|\xeao\x97\xc3T\x0e\x7f\x86Yn\x96\x80\xdb\n\'\xf0[\xcaKhd6v\x94\xdc\xc1s\xab\xf4\xb2K8\x9emx\xf9\xa2\xca\xae\xc2^1\x8c\x12\xa7e\xda\xba\xfa\xc5ny\xb8C\x8cjG\x14\x14\x1a\xc1a\xf8\x16\x9e_\xcb\x0e\x83V\xa3T\x06\x95r\xfb\x1fo\xcd\xa9\xe4EKPO~\xf8\xd8\\\x89\xa04r\xd0\xc62m\xec|d\xcb\xea\xa8\x0e\\\x86\xb0\xbe\xb7Gy\xce\x16\x05\xado\xc4\x1e`\xf4\x85[E\x05\x99h\xc4\xe5\xecR\x9d\x9d'</t>
  </si>
  <si>
    <t>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</t>
  </si>
  <si>
    <t>b'f\x96\xa4!\xcb3&amp;\x08\xd7\xb1\x96\x0e\xb3?\x92\x92'</t>
  </si>
  <si>
    <t>somehow scrambled into the saddle, and with a "Gee up" and a clap on my sides
 with both his legs, he started on his journey, making a little circuit to avoid the dike. He
 had no whip, which seemed to trouble him; but my pace soon cured that difficulty, and
 he found the best thing he could do was to stick to the saddle and hold me in, which he
 did manfully. I shook him as little as I could help, but once or twice on the rough ground
 he called out, "Steady! Woah! Steady!" On the highroad we were all right; and at the
 doctor's and the hall he did his errand like a good man and true. They asked him in to
 take a drop of something. "No, no," he said; "I'll be back to 'em again by a short cut
 through the fields, and be there afore the carriage."
 There was a great deal of hurry and excitement after the news became known. I was just
 turned into my box; the saddle and bridle were taken off, and a cloth thrown over me.
 Ginger was saddled and sent off in great haste for Lord George, and I soon heard the
 carriage roll out of the yard.
 It seemed a long time before Ginger came back, and before we were left alone; and then
 she told me all that she had seen.
 "I can't tell much," she said. "We went a gallop nearly all the way, and got there just as
 the doctor rode up. There was a woman sitting on the ground with the lady's head in her
 lap. The doctor poured something into her mouth, but all that I heard was, 'She is not
 dead.' Then I was led off by a man to a little distance. After awhile she was taken to the
 carriage, and we came home together. I heard my master say to a gentleman who
 stopped him to inquire, that he hoped no bones were broken, but that she had not
 spoken yet."
 When Lord George took Ginger for hunting, York shook his head; he said it ought to be a
 steady hand to train a horse for the first season, and not a random rider like Lord
 George.
 Ginger used to like it very much, but sometimes when she came back I could see that she
 had been very much strained, and now and then she gave a short cough. She had too
 much spirit to complain, but I could not help feeling anxious about her.
 56
 Two days after the accident Blantyre paid me a visit; he patted me and praised me very
 much; he told Lord George that he was sure the horse knew of Annie's danger as well as
 he did. "I could not have held him in if I would," said he, "she ought never to ride any
 other horse." I found by their con</t>
  </si>
  <si>
    <t>b'\x94.?,\x8d\xd2\xed\x1d'</t>
  </si>
  <si>
    <t>942e3f2c8dd2ed1d</t>
  </si>
  <si>
    <t>d round at the lovely gray tangle about him, and his
round eyes looked queerly happy.
"Eh! the nests as'll be here come springtime," he said. "It'd be th' safest
nestin' place in England. No one never comin' near an' tangles o' trees an' roses
to build in. I wonder all th' birds on th' moor don't build here."
Mistress Mary put her hand on his arm again without knowing it.
"Will there be roses?" she whispered. "Can you tell? I thought perhaps they
were all dead."
"Eh! No! Not themâ€”not all of 'em!" he answered. "Look here!"
He stepped over to the nearest treeâ€”an old, old one with gray lichen all
over its bark, but upholding a curtain of tangled sprays and branches. He took
a thick knife out of his Pocket and opened one of its blades.
"There's lots o' dead wood as ought to be cut out," he said. "An' there's a
lot o' old wood, but it made some new last year. This here's a new bit," and he
touched a shoot which looked brownish green instead of hard, dry gray. Mary
touched it herself in an eager, reverent way.
"That one?" she said. "Is that one quite alive quite?"
Dickon curved his wide smiling mouth.
"It's as wick as you or me," he said; and Mary remembered that Martha had
told her that "wick" meant "alive" or "lively."
"I'm glad it's wick!" she cried out in her whisper. "I want them all to be
wick. Let us go round the garden and count how many wick ones there are."
She quite panted with eagerness, and Dickon was as eager as she was.
They went from tree to tree and from bush to bush. Dickon carried his knife in
his hand and showed her things which she thought wonderful.
"They've run wild," he said, "but th' strongest ones has fair thrived on it.
The delicatest ones has died out, but th' others has growed an' growed, an'
spread an' spread, till they's a wonder. See here!" and he pulled down a thick
gray, dry-looking branch. "A body might think this was dead wood, but I don't
believe it isâ€”down to th' root. I'll cut it low down an' see."
He knelt and with his knife cut the lifeless-looking branch through, not far
above the earth.
"There!" he said exultantly. "I told thee so. There's green in that wood yet.
Look at it."
Mary was down on her knees before he spoke, gazing with all her might.
"When it looks a bit greenish an' juicy like that, it's wick," he explained.
"When th' inside is dry an' breaks easy, like this here piece I've cut off, it's
done for. There's a big root here as all this live wood sprung out of, an' if th'
old wood's cut off an' it's dug round, and took care of there'll beâ€”" he stopped
and lifted his face to loo</t>
  </si>
  <si>
    <t>b'\xfe\x1d\x18r\xd7"G\xaa8^\x82YH\xac\x16\x12\x9d\xf8rnY\xd7\xc3Z\xc4\xdf\x9bl\xa34\xf4\xa1\x0e\xc0{HI\x12\x1a\xe6\xe8\x1a\xce\x84V\xe6?e\xdb\x8a\xef\xb0\xc9xW\xa8\xa4\xb0P\x8a\xeb]I\xf3\xb16\x1b\xed.a\xbf6c\xb2\xc9\xed\xe0\xfaJ&gt;\nI\xf7\xda\x873\xea\x8e\xbcf\xcdO\xb9\n4Kz\x0e\xdaQ"\xb8P= \xdb\xc9d\xfeK\xe2\xd0\xb77C\xbc\x85\xd67a\xbd\xa3\xdaj\x08/\xa4\xa8ZC\x07/S\xcf\xa5\xe6)\x02\xb0c\xe8~Dd\xbb&gt;\x82|\x1e\xed\xac\xb0\x00@\xdf\xf7,\x8c\xea|G]\x04~\xe7\x95\x1et\xa9\xe6\xfb\xe8R\xcb\x13~\xea\x08\xb3\x03\x84\xbc\x04\xbf\x0b\xfd\x9d\xd0w\xba3}\xdc\xb4\x05\x9d}\xbd[,\xe2l"\xcd\x8b0W\x8e\x1bs-q\xae\xab:\x1e9[\xa4X\xaa\x00L\xbeI\xb2"\x9a[\xf0\x00\x1b\x9a\xb4P\x086\xc2\xce\xde4 \xbah\x8f\x92\xfdSUx\xf8\x1c\x9d9\x16\n7\xba\xfc(4\xddl\xef\xde\xf6@\xa7\xdb4\xc7[u\xd9\xcc\x87\x1e\x86\x10\'\xbf\xd5}E\xf0\xd0\x9bD\xf4\xb6\xff\xfd\x19\xe3\x12\xd9Pq\xdc%\xdc\x8eD\xfeO\xcd9X\xc8@\x8c?\xec\xaa" \xb4\xfau+\xe5\x8d\xe3\xae\x90K\xbc\xfc\x1aA@;\x90\x9b&gt;\x82\xb3\xb9\x81/\xd0U\x0f\x03St\xa0x\xad\xa5\x8b\xc0\x7f\xd6IP\x89iR\x91\x9cJ\xb1!*e\n\xc8\xcc|\xf1C\x9dk\x8e\xe0\xd9\xa2gx\xce\xe1\x840\xdfk#v\xa09Tg\x10\x1cOd\xa66b\xe8\x9e\x81B\xbc\xa8\xf5fI\x11.\x03$\n!\xcbI\x0e\xb6\xd1\xd1\xba\xc3Z\x8a\xaf\xc0\xe9.\xf7\x1f\xd7\x83\x95\xb2\xfci\xb7\x8d\xcb\x01\x1f\xf3\x15\xcd\xc33\xa9L\xb7\xa7\x9b\xb7v,V0\x13\x99fYE[\x13\xbc\xe1`\xfe\x01p\xed\x86\\`\xa7\x13\x0e\xf3 wu\xc3-~\x98\n{\xaf\x08\xb0\xe3\x9a\xa6\x8c\xe3BmZ\xfbWvu\x13:\xbe\x95\x15\x12\x96\xe6!\xbc\x8dc\\AB\xf2\x1d\xe0\x86\xa4\xe8\x8dZ\xa1\x06\xeb\xe4\xe1,x\xaa\xf6X\xa6uL\xc4s\xc7\x89\xe1\xc7\x97\xce\xb8C\x9f\x89W\xf9\x14&lt;\xd2\xecu\xdcG\x03(\x84y\xb0`^\xdcB\xf0\x88@\xd8\x8f\xb8O\xa1\xf0\x9f\xcf\xaa\xe6\x0f\x10w\xae\x1eW$3\xdf[C\x14\x19K\x8d\x1f\xa4\x19^\xde&amp;\x1c\xea\xfa\xce\x84)\xfa\x88o\xe9\xb90\xe3\xc2=\x167\x9b@\xb1\x91S\x0f\\\xa2\xb8\x93Q)\x94\xfd=Cl%\x00\x19bBY\xfa\xa8\xeb\x00M\x85\xfa\xe1W\x91\x88o\x8c\xa3\xfb\tL\xe5\xd3\xde\xd3\x06fpZ6\xcc\x90\xc0G\xe9O\xea\xd0\xf3ap"\xe1\xc4i\x8f\x03\xf9\xb3\xb1E\x1f9\xc9\xd6\xb9\xc6\xe85e\xef\xa6ZR4\x9a`\xf5i\xb9\x10;\xe4c\xb6\x9d\xa5`\xd2n)e\xf9\x93[\\\xb1\x08\x03W\xd2o\rN\x9d\x1a{q\x87\xcb\x04\xce\x08\x01\x1a\xe2\x8f#\xc7m;\x80\xfb\x116K\xfe\x95\xa3\x1b4\xbc\xaf\xfd\xf8;\xa3W\xc1\x149ZziY\xed\x93\x95\xa8\x9c"@&amp;P\r\xec\x9d\xc1\x95\x8bh&amp;^\x90?\x90o\x8a\xf3\xe7\x10?{&gt;\xfb71\xaa\xbb\x03\x14\xcc\xff\xc7\x12avaH\xa9\x15\xfb\xe7w\xaeo\x1f\x00\x17\x1a\xc65NZ\x86\xe8&amp;\xd2\xb2\xd9\x03\xa5\xba8\x0cd\x9b\xd2JP\x97\xea\x10\xf6\xca\x87R\x165\xc0\x9e\x8a\x97\xb1\xbe\x118\xc6\xc5\xb1\x18\x1aO\xe6\xad\x11\xbb\xe1N\xc5\x8b\xa9:\xdf\xd6\xa1\\\x04R\xcf\xa3\xb9\xb1\xb0\x9f[\xd5\x15YYz\x91\xb2S\xe1\x04\xcc\xfd?f\xf0\x8c\x19\x17FD\x8d\xbb\x13\x13\x84[@\xd8^\x85=\xec$\x85\x85~ \xe9\x10!&lt;\xd3\x88\xe9\x057r\xbc\x8b\xf0\xef\xc7\\[\x8c\x02t\xbf\xaet\x86\x84\xa4\xadR[bE\xaf+\xfe\x94\xd4\x1b\xf8\x91\xd0\xbc$1X\xb8\xc6\x1eS\x1a\xd9\xe4\xd0\x14T\x13\xc5\xeb3\x96\x93\x15\xc4\x9d^\x95\xf6d4\x7f\xc9e2\x07\xb1PgF2ls\x12\xd8\xa8\x1fs\xb6\x08\xdf.\x9d\x1e\xdd\x97\x88\xd6gh^V\x920ZO\xe7lI\x0f\xbd\\\x9a\xeb\xd126\xc9Z\\\xd0\x8e\x16_\xe8\xfcn\xbb\xdb\xe4\x94\xfc@\xe1O\xf9\x19*\\|\xdd\xd0\xed#\xd3\xd5\xb9\x85e\x18\xa7j\xe7\xae\xda\x050s3,\x8fD-\xa7\x02-\x9858\xdb+\xebB\x8cqx\xf9A,:z\xaa\xef{\x8du\xf5\xd9Xa\xfbrm\xda\x05\xcfa\x03j\x86\xe8\xbf]\xc5\x96\xa7\xa5\x9b\n:\xb4N\x96\xd2e\xed\x94\xec\'/\xb2\x95:\xd3\xbf\xa3L\x1c\xc9!\x15\x93\x02~k\xe8T\xe1\x83\n\x83\xdbL\x7fMFHM\xe2a|\x8a\x8d"0\x1f\xa6W%\xbaQ*\xf8\xaf\xfa;nP\xc0\xea\x17\xc7J\x86sB\xbbNug&gt;\xa1 \x8a\x9a\x19\x8d\xbfP\xb1\x91\x9c\xaa\xe1\xf6\xd1p\x92\x06\x14x\xad!\xbf\xdd\xb9\xdf\x8a\xd4\xfcm\x87S\xa3b6\xe2\xc8y\x9f\xe9\xb5\xec\x9a\x12\x7f|W\xa9\xc5T\xa5\xd8\x7f^u\xcb\x8f\xec7\x9b\xb0\xdbrAhxk\xf4tX\xe4\xc2\x1b\xb1\x0c\xc2\xa4\x00\xbe\xde4\xa3\x86\xe8\xda\x1c\xa6\x97d\x99\xc8\x10\x14\xa4h\xd1+\xfa?\xab\x88,\x8f\x99\xa1\x14\xe5\x9c\xbb\xb9\xec*?gy\xe6&gt;\x93\x7f\x96\xb2xW\x1a\xdd\xe3\'\xa1v\'\xc2\xfc\xe9k\x8f*\xd4\xc0\xab\xd7\x12\xeaxt\t\xa3\x12\xbf\x82\x82\x11\x8f\xdfv\xbb\x83\x81EM\x0f\xf1kw\x04\x08f\xb7eL\x91|\xd2,\xca\xb1G)\x15\xcf8\xeb\x84\xe5\n\xbf\xfb\xe3ji&amp;\x02\xe9\xd2\xd0\x83\x08\x10\xe13\x93`\x99\x88\x99O\x8a\xe1fi\x19\xc4\x15~\xa7\xbc\x93Cm\x11~\x1bd|\x00E9mv0T \x10\xe9\xa4\xc6K\xcf\xedR\x91\xc3P\x11\\\xfbi\xe6\xe1\xc3W\xf5\xde\xf64\x0b.\xe0\x06\x10\xedX`m\x87\xa4\xd0\x95G|\rg\x8aQ\x0cC\xa8\xc8\x81\xd2\xdc\x97\x82\xafc\xbbl&lt;\x1aJ\xa7\xb5\x01BE\xa5\xb4\xfa\xe1\x0f*\x02p\x1e\x1cfo\x1d\xd2J\xe9\xee\xe83PmT\n\xd9~\xf1\xf5hf\x0f\xb9F9\x06\xa6rZ\x03l9\xee\xbf\xe36|\x03#\xe8#\x1a\x99~\xc7\r\xe5\x8dG&gt;QwA\x9d\x00$\xb3\xd5\xf3\xdb\xa3\xda\xa7Z\xf0\x00\xd2\xa8\x02.si\x19l\xca\xfe\x12\x96\xbd\x83d\xf6\xeb\x92&gt;EdX\xadQ2^VHC\xf1\xd6/Z"+Z5\x12\x07\x87\xb6=-G\xb5\xb5\x91P\x0c\xddf\x84\x17\x18\x1es\xec\xd4\xa3k\x1a\x9c\x1c\xea\x9d\xe1\x96buLK\xed\xd3\x8e\xc2\x0f\xdd\x93\x99\xd6\xb7,\x06\x86Q ?\x18\xf4Xn\xb9P\xca\x01\xc5\x96(e\xb0\xb6e\xf3\xaf@#\xc7y.}\xe5\xd8C\xbd\xc2oG\x08\tcr\x92\xf0\xce\xde\xf6\x86\n\xa5\xab\rC\xa32DW\xd1\x0cO\xddp\xe6\x9d\x07\x08\x88\xd0\xa7\xfeydG\xa6\x85\x94]\xe7\x05bkA4\x93\x99[\x98\xb1\x97{\x16\xf7\xd5\x0720\x89\xe9\xf6p\x9a\xac\xea^\xee\xa9\xbe\x9dea\xb7\x16}4\xb8\xe2\x98,Es\xab\xb0k\xe46V5\x91\xcd\x18\x1a\xbb\xc8\x00\xd2o\xba\xd91\xc4Y=K\xcbB\xef\xad\xc7\x1fw\xe1\x92R\x0bo\x9f0 (6\x88\xeem\x06D&lt;C\xca\xc1\xf9\x19\xf1\xe6\xe3d\xc9\xc2L\xbd\xf6\x0c\xddP\xa6\x02&lt;\xa1\xa3\x7f\xc5\\\x92\xa4\xe0\x1b\x02.\xf9\n\x9c\xda&lt;,\xb6\x88,b\x1a3\xae\xb8g\x1a\'\'l\x8b%\xf4p\x10\xbb\xe3:fT\xdc^]\xb6\x83\xc2&amp;#\xa2%\x9d\x8f\xef\x0f\x1dGBz\x9e(s\xect\x9d/(\xa8\x18W\xe4\xeb\xf24x}\xee\xe4Wm\xbe\xc6X@x\xca\xedw8`o\xe8GoK\xab\n\xda\x8c\xee|\x1b\xb5[\xa5\xf9S\xa4*0Z\xe7\x9e\xfdr\x02\x84\xf6;\xc4\xf9\xb2\x98\\\xd8Li\x9e\xdf\x99\x94t\xe2A\x83yl\x98\xe9\xe8\xc4\xc0\xc4\xb9\x80\xd0\x10=\x8f5\xc8\x97q\xc7l\xff\x12.d\xac\x86\xf1J\xde\xe7\xc8\x18\xf4S\xfc\x17=X\xc8\x94\xe1\x062\xfc\x06\xc58Y\xe7q\xe0)DGlX\x90p\xc2\xbc\xa1|9-\x9c\xbbjY\x9b\x86a\xa4\x05\x17W\xa8\xd6\xdd_\x92x$A^&lt;\x1c\xe01\xb7\t#\xe97\xd6F\x80@\xc0\x12\x1e\xd1\xb7g/+\xbc\xfaq\xaa\x8d\xac\xe7\xc1\xd8=\x1c\xd0W\x17\xd5\xe6.V\xd4\xa0\xbc^\x12{!\x80U\xb9\xcaW\xfaK\xcez\x8e\xed\xd3?H2q\xcd=\xef*3\x94\xeb\xdf\rLc\xdc\xb0\x8d;\xf6\xd1\x07q\xf6,?\xa0\xbd\xf7\xd6\x16\xd0:\xbf\xd3\x91\x03\r\xfb}\xbf\x86-\xe7\x02\x92D.h\r0=\xe1\x8c\xc5\xe2\x88\x16\rU\x0e\x8bS\xb5\xdc\x8b\xbc\xad\x0b\xac\x0b\xa1\x96\xbcIU\xfdi\xf7M\xa7+c\xbe9x\xbfN57\xed\x03\\\xbd\x104\xfc\x9d\x98\xa9\x9fU:Y\'\xd6\xa3\x8am\xc55\\\xcd\x85F\xb0\x8fA\x92\x89\xdf\xff\x9eb\x1a2K\x85\'\xfegF\x80H\x9b\\\x19\xad\x1e\x88\xa4\xdb\x96y\x0e\xb6\x92\xd0C&gt;{\x143f\'j\'\xa5\xfc.c\xe3\xa0\x96\xcc\x8e\xbd\xc7\x8f\x02\xa5\xb8UK\xec\xf7^3\xae\xd6\xf3D\xf3\x08\x0c\\\x1e\r\x86\xb7\x18\x8d\x17x\xe4\xf1\r\xd1\x1a\x99\xf1\x18\xb4\xfeG\xa4\x04`\xfa\x0b\xa6\x8c\x8c\xb3\\-\xe3\xb2N\xd4\x07PF\xd1\xc0\xfeY\xf6M\xab\xa6\xb7\x8a+,\xff\x13q\xf2+?gJ\xf5;\xdf8\xee!\x16\x98\x80\xd0\xc4d\x00\x01\xe7D\xd6\xe1\r\xd6&lt;\x89\xf4\n/\x15e/\xa1\xac{\x8d\xc5Fv\xdf\x98\xaa\n\xa0w\xc6\xe8^\xa5\xee\xc2x\x10Jz\xc9N5\xb9y\xab\xe2\xb7\xfa\x93ZL\x85\xf8\xa9\x07,/f*p*"\x93\x99]}\xa31\x02\x98\x00\x95\x0c\xe2|\'\xe1\xe2W\x8a%\xfd\xb9\x08\xfa\x11\xeb\xf8\x82\x00z\x98xN\xd4\xf6//Ee\x93\xc4\xbd\xf6&lt;\xb4B\x9bLJ\xab\xaeF\xc1~\xa3#@_\x1c\xc0Z\x85\xdb\xd9:\x16\xd9\xc1\x16\xaf4)\x15\x99x\xd4$\xb3\xfd\xf45[\x90a\xa0$\xca\x07\xe2\xf0{\xa1\r\x01\xe5\xe5\xdbo\xe3\xe1\x05\xd4 \x9aEr\xff\xece\xc9\x97tc\xd3\xc7QU\xb5t\xcb\x84\x1a\x1a\xd6\xa7J\xa8\xd2\x9cS\xbe\xbfI\r\xd8\xc3\x19\xf8\xd8\xa1\xde\xdc\x84I%\xe7&amp;\xcc\xbbvy'</t>
  </si>
  <si>
    <t>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</t>
  </si>
  <si>
    <t>b'\xfe\x1d\x18r\xd7"G\xaa8^\x82YH\xac\x16\x12'</t>
  </si>
  <si>
    <t>She knows all about children," Mary said again in spite of herself.
"She ought to," said Mr. Craven. "I thought her rather bold to stop me on
the moor, but she saidâ€”Mrs. Craven had been kind to her." It seemed hard for
him to speak his dead wife's name. "She is a respectable woman. Now I have
seen you I think she said sensible things. Play out of doors as much as you
like. It's a big place and you may go where you like and amuse yourself as you
like. Is there anything you want?" as if a sudden thought had struck him. "Do
you want toys, books, dolls?"
"Might I," quavered Mary, "might I have a bit of earth?"
In her eagerness she did not realize how queer the words would sound and
that they were not the ones she had meant to say. Mr. Cra</t>
  </si>
  <si>
    <t>b'\xcf\xcc\x8d\xd4Z(\xb0\\\x06c\x0e\x0b\xef\xb5\xc3\x02]\x84\x91\xd6\xb1\xf9\xc4\x13\x8e\x86\xf5C\xa6$:C\xe6\xa2\xdb\xd0:\xd0\x8d\x98{v\x10\xc2\xf6\xf3bE\x06\x12\xef\xe8\x0f\xe4\xb1Xc\xcc\x9b"J\x89;\xefJ.od\x7f\xe4\xf7A\x19I\x89\x8c\x91\x08N\xfd\xce\xbf\xc3\x7f_~\x03k\xc3\xf2[\x8d\x8c\x1aQ\x0c\x0c\xae\xc1\xeb_\x11\x90\xac\xff\xdd\x02\nZ\xe7\x02SM\\\xfc\xc3ra\x04\xd2\xa5\xc9\x89\xaa\x10\xd7\xdc\xbc\x80sq\xe0\xe0"\x0cd\x12\xc0\x8d1\xc7\xbb\\\x02\xeb\x9f\x8b\x0f\xb9\xd3M\xb3\x18&lt;Q\x89\xa1h,\xb9T\x16iy\xd5J\xec&gt;@\x01\xf7\xc5]&amp;2\xbfOnA,)6\x13`F\x07\xa5\xe6(l\xa7\x04\x9f\xaa\x0f\xc2M\x1b[\x87\xfe\xb9xM\x98)]\x8c\x9f\x13)\xd8\x1bp\x0c\xd4\xa5\xbb}\xbb`D\xbfnL^\xd2hC\x0f\xad9\x985\x8a&gt;\xb2\xe5&amp;\xd6\xfdW\xa5=Lm\xd8\x81\x81\xe4\x891\xb6`\xf1OBl#\xda\xfeV\xfb!5*\xdcA\xb1qazg\xa9g(\xd0\x8a\xef\x85\xb69;\xffE\xe8\xafh\xe4[)\xa8\x12\x16\x134\x07\xc8\x1eu\tD h\x0f\x07\xaeo\x19{\x82\x1b$\xe6\t\xa0\xc0\x0b\x93\xa1*u#\xaa\x85\xc8\xd1C\x04*p;\x9f%\x02\x8e\xf7\x9d\xcd\xfb\x93\xa5q\x0f&lt;\x9d6\x10\xfd\xea\xb0\xc1\x9f\xed7\xa7\xac\xf5\xe8\xee\x04*\xd7\x1a&amp;h\xad\xadz\x9c\xe8\xb8:\xa5\xa5P\xe9\x9dU\x99_\xaa\x1eu\x18\xfa\xedgIgf@)\x9b\xa0;H\xcb\xd1YG\xae\xb4Cu\xf7\x82gQ@\xe7$y\x8b\xc0Q\xcb&gt;\xe6\x85\x9di\xf9h\x02\x02\x11\xaa\x9b\xf4R\x99\xa3\t\x86\x04N\xbf\x03\xcc\xeb\x0b\x86\xd5\xa4\xab\x916\x9elPo]8\x0b\x8eo\xcb}\x0f\x16D\x93\x06\x83\xda\xe3\x19#0\'y\xb7~\xa1d\xb6\x9c\x0c\x8fG)\xcf)0\x9c\xea=!\n\x9c\x8b(\x9d\xcc\x8d\x0e\xf0\x82\x14\x02\xfc41\xbc\x02\xcad\xf8t49\x9cU;\xfb&amp;"\xb97\x1d\xec9a\xfe\xac9\x13\xeef\xa5e\xd6\xea\xb9_/\xa1\xcd\xca\xbb\xd6Mv\xdc\x05\xdb\xdb\x07\x86\xd9F\xfb\xcaLE\x1c\x8fM(^\xcbw\xfb7\xec\xb5N\xe8\x12\x0bFD,+\xdey\xbbF\xc6\xe1\xd9\xbd\xa0\xd5Rq0f\xe4~\xec\xbd\x1f#OM\x8b\xe2k\xdf!\xde\xfa\x01!\xbe3"\xb6&amp;\x86\x8aBp\x87\xaf\x89s\xde\xb5$3\x15\xae\x16\xcbm\x91H\xc4&amp;e\xb1\x8aX\xea%\x84\xab~\xa9\xdbZ(\xe7\xd3\xb4\xddOQ\xa10\x1d\x0c\x94\r\x01qA`^\x9dQF_\x18r\x9a\xef\r\xdea+\xb6\x9a\x9c#\x0e\x9e\x9b2\x0c\xa4\xe0\xe5\xfd\xed\x85u\xaa\xdev\xfd\xc7\t.\xdf~8}\xcbr\x9e\x08,WZ\x06F\x98\xdd\xae\xca\x82\xc6\xcbfr\x07\x86\xda\x94x\xe3\x84\xd2bT\x94\x13+\x1a\xf5\xe6\x15\nx\xed!\xe2v\xf9gK\x96\x10\r\xf2\x8d\xb4?'</t>
  </si>
  <si>
    <t>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</t>
  </si>
  <si>
    <t>b'\xcf\xcc\x8d\xd4Z(\xb0\\\x06c\x0e\x0b\xef\xb5\xc3\x02'</t>
  </si>
  <si>
    <t>tage. The circuit is placed in a negative feedback
 loop in a manner similar to a noninverting amplifier.
 Q1 Q2
 Q3 4 Q Q
 C
 R1
 R2
 A
 B
 Q
 Q10
 Q11
 Q8
 9
 V
 5
 C
 Vin Vout
 D1
 CC
 Q6
 Q7
 Simplified circuit of high-power audio amplifier
 STK4200.
 14.6 SHORT-CIRCUIT PROTECTION
 Electronic devices and circuits may experience â€œhos_x0002_tileâ€ conditions during handling, assembly, and usage.
 For example, a person attempting to connect a speaker
 to a stereo may accidentally short the amplifier output
 to ground while the stereo is on. The high currents flow_x0002_ing through the circuit under this condition may perma_x0002_nently damage the output transistors. Thus, a means of
 limiting the short-circuit current is necessary.
 The principle behind short-circuit protection is to
 sense the output current (by a small series resistor) and
 reduce the base drive of the output transistors if this
 current exceeds a certain level. Shown in Fig. 14.24 is
 an example, where QS senses the voltage drop across
 r, â€œstealingâ€ some of the base current of Q1 as Vr ap_x0002_proaches 0.7 V. For example, if r = 0.25 _x0002_, then the
 emitter current of Q1 is limited to about 2.8 A.
 Q1
 Q RL
 VCC
 VEE
 2
 D1
 D2 Vout
 Q3
 Q
 Vb1
 4 Vin
 Q
 r
 S
 Vr
 Figure 14.24 Short-circuit protection.
 The protection scheme of Fig. 14.24 suffers from
 several drawbacks. First, resistor r directly raises the
 output impedance of the circuit. Second, the volt_x0002_age drop across r under normal operating condi_x0002_tion, e.g., 0.5â€“0.6 V, reduces the maximum output
 voltage swing. For example, if the base voltage of Q1 approaches VCC , then Vout =
 VCC âˆ’ VBE1 âˆ’ Vr â‰ˆ VCC âˆ’ 1.4 V.
 14.7 HEAT DISSIPATION
 Since the output transistors in a power amplifier carry a finite current and sustain a finite
 voltage for part of the period, they consume power and hence heat up. If the junction
 temperature rises excessively, the transistor may be irreversibly damaged. Thus, the â€œpower
 ratingâ€ (the maximum allowable power dissipation) of each transistor must be chosen
 properly in the design process.
 14.7 Heat Dissipation 693
 14.7.1 Emitter Follower Power Rating
 Let us first compute the power dissipated byQ1 in the simple emitter follower of Fig. 14.25,
 assuming that the circuit delivers a sinusoid of VP sin Ï‰t to a load resistance RL. Recall
 from Section 14.2 that I1 â‰¥ VP/RL to ensure Vout can reach âˆ’VP. The instantaneous power
 dissipated by Q1 is given by IC Â· VCE and its average value (over one period) equals:
 Pav = 1
 T
  T
 0
 IC Â· VCE dt, (14.35)
 where T = 2Ï€/Ï‰. Since IC â‰ˆ IE = I1 +Vout/RL and VCE = VCC âˆ’Vout = VCC âˆ’VP sin Ï‰t, we
 have
 Pav = 1
 T
  T
 0
 _x0002_
 I1 +
 VP sin Ï‰t
 RL
 _x0003_
 (VCC âˆ’ VP sin Ï‰t) dt. (14.36)
 Q1
 RL
 VCC
 Vout
 I 1
 Vin
 VEE
 VCE Vp
 Figure 14.25 Circuit for calculation of follower power dissipation.
 To carry out the integration, we note that (1) the average value of sin Ï‰t over one period
 T is zero; (2) sin2
 Ï‰t = (1 âˆ’ cos 2Ï‰t)/2; and (3) the average value of cos 2Ï‰t over one
 period T is zero. Thus,
 Pav = I1
 _x0002_
 VCC âˆ’ VP
 2
 _x0003_
 . (14.37)
 Note that the result applies to any type of transistor (why?). Interestingly, the power
 dissipated by Q1 reaches a maximum in the absence of signals, i.e., with VP = 0:
 Pav,max = I1VCC . (14.38)
 At the other extreme, if VP â‰ˆ VCC ,
 6 then
 Pav â‰ˆ I1
 VCC
 2 . (14.39)
 Exam</t>
  </si>
  <si>
    <t>b'DXn\x11&amp;\x05\xdf\xadcr\xb3}\xbal\x93\xb5'</t>
  </si>
  <si>
    <t>44586e112605dfad6372b37dba6c93b5</t>
  </si>
  <si>
    <t>back as far as Gallienusâ€™ cavalry force. Some documents suggest
that it existed in some form by the reign of Diocletian (Southern and Dixon 1996: 15â€“
17, 35â€“7 provide a useful summary). Certainly it existed by 325 CE (CTh. 7.20.4 Â¼
Campbell 1994: no. 394), since a letter of Constantine distinguishes between comitatenses and frontier troops (ripenses and others). However, there is no reason to
assume that the complex structure depicted by the Notitia Dignitatum existed this
early. Zosimusâ€™ pagan and thus anti-Constantinian complaint that Constantine weakened Diocletianâ€™s frontier defenses by withdrawing troops to garrison cities in the
interior may be a garbled reflection of an increase in the numbers of comitatenses
undertaken by the former (Zos. 2.34 Â¼ Campbell 1994: no. 382).
The reasons for this division and dispersal (smaller unit sizes, more fragmentation)
of the army may be military, political, economic or a mixture of all three. Militarily it
may be seen as an attempt (albeit a gradual one) to create a form of â€˜â€˜layeredâ€™â€™ defense
to slow down and deal with penetrations of the frontier (Luttwak 1976: 127â€“90 for a
model of â€˜â€˜defense-in-depthâ€™â€™); politically it may be viewed as a way of preventing the
226 Nigel Pollard
concentration of too much military power under the command of any one individual;
economically as a result of the increased difficulty of supplying large concentrations of
troops in a system that increasingly relied on supply in kind and hence the transport of
bulky goods such as grain.
The structural role of the later Roman army in the imperial economy was significantly different from that of earlier centuries. While soldiers continued to receive
annual cash stipendia and, perhaps more importantly, regular imperial donatives (see
Duncan-Jones 1990: 105â€“17), the emphasis of the supply and payment system was
on provision of annona in kind (albeit regularly commuted to cash). Likewise at least
some of the armyâ€™s equipment and clothing were produced in imperial workshops,
listed in the Notitia Dignitatum. Reluctance to move bulk goods over long distances
may have been one factor in determining the structure and deployment of the</t>
  </si>
  <si>
    <t>b'o\x933a\xcd\xa9\xd5C\x0cL}\xdd\xc9\x83\xe6&amp;\x1e\xb6\x14)O\xfa\xc5Y\xf3\xed-\xef6\xc5_GL0\x8bJZ~\x0e\xe7\x07\xf3\xf1I3\x9ehD\x8f\x9c@\xe5MW\x14\x866\xae\x9d\xa9)^\x8d\xac\xc4tf\xe1\x99\x13\xdbJ\r\xd4\xb9\x05\x83\x17l\xdbz+\xa5Ms\xfb!0|\x13\xf9\xd3e\x9dAGE\xe1\xf4\xf7\x06a\xe1r}UuQ\x81\xfd\xc1\xca\x9f\xceGpw\xba\x8eR\xdd\x12e\xcdO\xe0\xa5eQ\xe8\xe4\x82R\x9c)Orf|\x13;\xf0\xbd\xb7\xf2\xd8\xdb\x12\x9d\x88t\x81D\x89F d\xd2Y\x03\xde\xfc\xc3\x14ZXx\xab\xe0FK"|:w\\\x15V\xa9\xa0\x93\x95\x10--h&amp;\xed\xf3\x9f\xc9\xcf\x0cE\xb3&gt;\xd8\x98oa\xce\xae\xf5\xd2\xe5VB/du+\xe3\x05\x92\xa7\\\xb3gxp\xa8y\x86\x80eU\xb3y\xc2R&amp;H\xfb\xa2\x80\xe4uv\xceZ\r"\xb2\x1f\xacY6j\x93 \x17v\xd4\xb0\x82\xa9eX\x9c\x05\xec\xc8\xccU}!\x8a\x94\xfc\x10z\xbc\x06\'\x14MlN08\xa7\xb7\xd0\xa7u\xfd\xbcf\x82\xc00\xec\xbc\x1b\xb7\xd8\xe5\xa8\xcdpvl\xb5,\x87&amp;\xc9wk\x17\xc1\x00\x1b\x80\xeb\x88_\xd4\xb5GV{\xda\xf7\xa1\x06\x8f\x0c&lt;\xab\xd9\x8d6\x13\xe7Q\xda\xa0r\xad(;\x03#\x16\xca\xf4\xa9J-.\xf0\x80\xc4e\xcf\xa8h3\xf0\xaaR\xa3@3\x99\xd2?\x974A\x84&lt;\xf2\x1bR\x83\xdf\xc3\x01\x1a\x1a\x87\xd9=\xbfLG\xec\xb6\x9ay\xb4\xf9\xda8\xe3kv\x83\xdc\x04&gt;\x9eA\xe0i\xb7\xbaI\xae\x01:\x99rj\xe6\x15#=\xcf\xcf5\xe2\xe18\x04\xa2\xd1\x1bH\x0f\xea\xb3\x92f\xfe\x8d\xac\x0b\xd3&amp;~\xd0\xff\x92\xa1\x9d\x84G\x96\xb4\x894,\xe8\xca\xc3\xda&amp;\xb7\t\xf7H3\xaf\xd8\xe3\x0c\xb8\x930Bs\xa9)\xfb?\x85\xda*n\xb7\xcbb\x1ed^lA\xc5\xd7\x9e\x82\xcd\x0f\xfbB\xfa\xce\xe5\x82\x05\x07\xe7\\Y\x89\xef\xb5\x9e\x92\xb8\x14\x81\xcc:\xf1\xb8\xfb\xc4b\xc7\xd0\xc5(\x9fp\x7f\x14\xe9\xe6Q\xd6\x1bD*\x8d\xa3\x843\x8cm\x85{\xdb\xcaJ\xca\x80\xcf\x04\xaa\xda\x85tU\x8aG\x95R\xb7\x1fu\x90\xf9\xb0 )X\rAC\xe7Sa\xb1cYG\x95\x86\x96\x1b\x97\xc1\xd6\xb07\x17=%) &gt;\xc2)\xc5?\xca&amp;v\xae\x02\xae=\x81\xd1sW\x04p\x96"\x04\xfc\xaa\x81\xcbp\xf6\xac\xbf\xaf\x9a \x95\xab\x04T\t\n\xd8`\xc4.\xfeJ\x04T\xa9F \xebVk\x80*\x9d\x8f\xa0\xa3&amp;+a\xdaM\xef\xa2\xbe\x9en,\x97\x00\x99+$\xe9b\x19\xc9\xec\x84\x86\x07\x1d\'[\x99\x8b\xf9\x9dW\xea\x9a\x17JR\x8e\x033\x7fS\x83Z_M\xfb\xaef\xfcR_\xff\xd2\x98\x94\xd6\xf5\x84\x00\x07Hoj\xb7\xe5\x03d\xc1\x02/C\xc2\xbeAk\xd4$j\xa8\xae\t\r\xd0\x93)\x98\xc7\x9a\x84\x85\x82C\x00\x19\'\xaf\xfd\xa0,\x9cK9d\x93\xdb\t^\xed\xbbN\x16\x80C\x03\xd8\xd5\xa4xv\xce\xc2\xe0\xa2\rO\x0e\x89Y9\x9a\x0b\x0b*&gt;\x1b\xacb\n\x0fQ\x14\x93b\xc4\x1f&lt;R\xa6+\xcd\xe8\xc3(\xf2\xf0l/p\x92\xad\x9e\x8a\xf6_\xe8\xdfKq\xf6\xc4%\x10h\xdc\xa0\x1aU}\x16M\x8e?\x03\xb8\xf9.ik\xea\xf2m\xa0v\x7f\x9f\xcb\x9f\x04\x08#9\x19\xc7\x04|\xb9\xf3\x9b\x82\xbc\xd9\xc7\xef+\xa3\x12\xf7w"\xf5\xc1\x15X@*\xee\x1b\xd1\xc3\xa7\xafI\xa0\x91N\xc8\xec\x90\xda\xb0\x94#\x8aTL\xa5\xd8Mj\xbf\x9cp\xb4\x10\x0bc\x8f\xc5\x93}\xcd\x12\xf8\x05w\x82,\x97\xbe\x8c\x1e\x07Nz\xc7eS^Z\x86\x91\x19\x8b\xeb\xf6\xf8\xdd\xf1\xbd\xe6\t"\x0b&amp;\xe3\xc2\xb7z(\xbbc\x8d2\xb9\xf0\xd4Ng\xbaC\xb63\xc8\x086|9\x80\xe4\x9c\xf9\x0f=\xd4\xc5\xad\x92M\xb5J\xb9\xd4\xa6P\xa0H\xef\xd2\'\x97\xd3i\xbd{\xeax\x1b\xff\x96\tJ\x92y\xeb\x89A \xe8X\xf1xl\x9c9\xce\xfb\xb7\xb0C\x12S\x13\xdb\xe4\x9c\xfd\x99wYU\xde\xc8\xf6@7\xdcN\xbe\xe8\x94\r\xeb\x84\x95\x1c\x177N6\x17\xfb\x9d8\x88\xbc\x04!\xc7\xfa\x15!\x13\xa6\xc3\xe9\x97C)\x16dd\x10X\xb5\xd2\x99e\xbf\x13y\xa9^$"\xae\x83\xadz5u\xe9\xb0n\xeaSc\xd8r\xaee,\xd7\x05\xaf\xcb+\x9a\xcd\x08/\x08T\xab\x10\xe8\x17&amp;2\xd1\n\xcc\x1d\t\x12quS\xa3V\xfe\xea\'\xa8\xc3\x13\xf3\x9f\xea\x06)?\x0e\xcf\xfb\xa8\x9e\x04w\x0e\xbe\x14\t\xc4y\xd5\xc7+\n\xd0\x90\xb5]\xd6\x9e,\xcaT\x88jh$DK\x8e\xc2`\xb1\x91;\xb1\x92\x97\xe6\xda\xf8\xe3\xac/\xe6\xf0\x15\xe8\xac\xc85\x8c\x0bJC@\xb5\xea?\xb0\xa1`\x08\xe0\xbd\xde\xce&gt;\xe7\xfa\xb08\xe4\x87q\xe10\xcd\xa2Y\xb6\x97\xc0R~aZQ\xb4Bx\x976iSGU\xdc\xd3\x80\xbc\xb1x\x18\xc0U\xd5\x02N\xeb\x88\x93C\xc8y\xfe7\xdf\x02\x1c\x84D\xb5\x96\xee\xf6\x99\n\xf1\x10\xc5\xb0\t\xa8\xf8\xd8\x17%\xb1\xc5\x05\xba\x9f!\xdb\xfc\x03\xa7\xea&gt;\xd3\xdb\xfc\x8b\xd1;bM\xde\xbe9/\x02f\xf2[\x96\x96"Odg\xff\xecl#\xfa\xea6J\xd8I\x13&amp;\xba`\x9fBBD\xb4$u\xcf\xeb&lt;\xf8\xc0h\xf4\xaf3\x8b\x01p\xf98u\xc4k+\x972\xed\xa3~\xbd\x04\xfa\xd1[K\\`G,5\xa8\x9c\xcc"D\x80ya\x0c\x0b\xd8\x10X\x08\x94\xcdJ\xc2\xe8,\x7f`b&gt;|5.V\xf1\xd3\x94\x1b\'\x14`\x15\xfbT)\xa4\xd8G\x8f\xa7\xa8\x85\x1c\xcf\xd2C\x92\x8dT\xaaM\x8c3M\xfem\xda\xeb\x17\x03\xcc\x1b\x87\x91 #\x974\xf2\x9a\xd1\x18\xa8\xf7&lt;\xa6\x8a\xe3\xcb\xaaC\x1e\xd8.\xe9\xeb\t|q\xdb\xa2\xae\xbc(\xad&gt;R\xc4wS\xbf\n\xff\x01\xd0\xf7\x1e&amp;\x85+jy\x8d\xc5\xe8Y\xc4\xf1B\xf5\xd9\xbf\xea\x0c\x84@|\xc5}\xd6byO)W\x98w\x950p(\xd8\xef\x10\xd9\x97\xda\x06\xe7\xf7\xb4\xae\x8f\xff\x9f\x8e\x1bud\x17\xe7\x1dvl\xa0\xc7\xbf\xb0\x94e\x04\x07H\xedc\xebn\xe1\xfcI!\x91V\xe8&amp;\x1atf#6X\'\x03\xfay\xf2s\x1aG\t\xb9D%\x85&amp;&lt;\x95\r\xbf\xa5`Fw\x80\xc9\xdd5\xa5\xbeHs\xc2\xed\xdc~\x1b\xbe\xfeLI\x94:\x96\x0f\x9b\x1f\xb2\x11\xcb?\xb1\x8f\xd1\x1b\xe3\xd2\x0e\x15\x9d\x02-;\x00\xfc\xf5^h\xb0\xe2\x97/\xbe\xcfK\x1a\xdc\xbd\xc9n\x01\xca\x96D\xf8\xe9\x96{\xdbm\xca\x1a=o\xe2\xe1$\xe0\xd29\x82K\x1c\xec\xaa/\xe6\x95\xd2\x0c\x99C0k$\xf8C\xcc\xe3\x9d1\\\xd5\xa5\xd2\x8d\xec\xce\xafy\xad\xc7a%\xc7\xb9\xed&gt;~\xc7$g\xb1\x8f\xcf\xd1\xe9\'f\xcd\xc6\x1b\xc7k\x07\xa3\xc5S\xa2\xd0\xd8\xc72Lc\x152\xa3I`o\xd7,\x8fk\x10\x87\x15\x12\xe3\x81\xad\xcfT\x8a\xfcB8Dm\xaa\x96J\x93e\xd8o\x8a\x1c\xb4\x9c\x1c\x08\xfc\x833\xf3\xd6\xd3\xdd\x9a\xe0(\xdeG\xf4j8\x99\x8b\xb7\xffU\xb0A7f`5\x9c\x93\xef\xaa&amp;\x01\xdbd\x15\xfa\xea\xc4\n\xddLV\xf1$\xb6WC\xdf\xf0\x81\x8f*/-\x16O\x8d^\xf5Fx\x93Ruk-(\x12\xb1\xc9\xe4\x05E\x17\xa4I=\xb2\xe5\xbe\x95\x90\xe2\xbe\x9a\x98\\Jo\x8b+\xfe\xad\xebH\xc9z\xacTI\xf2\xa3\x8c\xca2Q\x0b\xde\xcc\xf9A0Y\xe2y\xda8\xb8\xfeb;\xf7\xc3\x10Z;]\x90\x86z2b\x0f\x98U\xa6*#(\x9cak\xe2\x97Q\xfe\xd8\x03\xc9\x11\x84@\xfa\x19\x17\x96\xa1\xb1Q\xb6HH\xa7(\nC\x99\x9b\xc1\x03Ch\xa8\x01\x8f\t\x8d\xe96t?\xf0\x8cLC\xb9\xd9\x8d#\xad\x94\xf2M\xaf+\xfe\xad\xcf\x13&gt;o\x84\xe9\xfc\xb4\'H\x87\xdf\xf2\xf1V\xb8&amp;0\xa2\xd2\xbd\x83x\xab\xda\x03\xbf\x91\xdc"\x1a\xef0\xdb\x90\xd5p1+\xd7I\xb9\xfad.\xf8\xb2vS*\xdfE58T\xd7\xe0\xb2\xde\xaf\x06\x97\x03\x18&lt;7\xf7\xc8\xd58aJY\xc2v\xf3\x89\x92\'\xf4\xa1\xb7\xd8B\xd4DJ]8\xbf\xbdf\xdd\x8b\x1c\xf5u\x8du\xeb6\xaf\xc4\x8e\xc2\xdf.\x02\x8e\t\xbf\xdb\xa0s\xa8\x1fcU\xb4"\xc8\x96%z\xa6 B\xa8da\x9c4\xd8\xcf\xc0\xd3\x94\xed\xa2\xd1\xcbr*\xb4D$\xbep\xdb\xc6_$\xab\x13V~\xa0\xfb&amp;^_\xba\n3\xcb\xfc\xe71%Q\x90\x8a\xd7\x05\x9f\xa4&amp;\xb1\x8cq3\xachP\xa1\xe7\xd8-+\x8eR\xda\x8b\xf4*\x0bW;\x88]d{J\x9e\x8c\x80\xb0b\x04\x1d\x9aj\xb3\xd2/\x9d\xd9\x88\x07\xcb\x7f\xcf\x9a\xf9\n\xa9\xfb\xa2b\xfc\x1e\xbfL8\x9a\xba\xaf1\x08\xe3\x127F\xaf\xbd\xd2n\x84\xbd\xe3\xa3N6\x0f\xe1\xab\xccT@\xb4TO\xcfx\x0c[!i\xd7\x0c^\xef\t\xa5t/xZ\x8bK\x01\xf3 '</t>
  </si>
  <si>
    <t>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</t>
  </si>
  <si>
    <t>b'o\x933a\xcd\xa9\xd5C\x0cL}\xdd\xc9\x83\xe6&amp;'</t>
  </si>
  <si>
    <t>obilateral leaf is similar to that of the dorsiventral leaf in
many ways. It shows the following characteristic differences. In an
isobilateral leaf, the stomata are present on both the surfaces of the
epidermis; and the mesophyll is not differentiated into palisade and spongy
parenchyma (Figure 6.5 b).
In grasses, certain adaxial epidermal cells along the veins modify
themselves into large, empty, colourless cells. These are called bulliform
cells. When the bulliform cells in the leaves have absorbed water and are
turgid, the leaf surface is exposed. When they are flaccid due to water
stress, they make the leaves curl inwards to minimise water loss.
The parallel venation in monocot leaves is reflected in the near similar
sizes of vascular bundles (except in main veins) as seen in vertical sections
of the leaves.
SUMMARY
Anatomically, a plant is made of different kinds of tissues. The p</t>
  </si>
  <si>
    <t>b'\t\xda,\xb30\xb2\xe9DD\x1a\xc1{\xbay\xdba\xf3\xf8B@6\xafg\xae/O,#S\xc5*\x80\x8b\xfd4=\x97\xc0\x0c\xd5\xcc\xe1\x900\xa9\xa8\xad\x83\xc5\xf7M\xdd\x7f\x06\xf1\x06\xec\x12\xbe\x97\x0c\xd0\xa1\x83\x9c\xfc\xe4\xdf\x80\xce\xf1Y$\x0c\x9c\xe9S3\xf2\xaf(\xaf\xc8\x1e\x91@7\xb1^\xf7\x98\x97}\x9b(\xadO3\xe4\x96Q\xfd\xdbs\xa1wv\x8d\xad\xfcN\x91\xdb\xe0\x02\x17\x8f3\xb6\x96\xf6 \xc9\xd2Hs$g\xfc\x98J5\xc5\xec\xeeZ\nQ\xc7y\xa0\xb4\x98&amp;\x88w\xfc\xb9\x16\xde\xe4\xb5\xfetH\x9eQ\xbd\xcc;\xf9m k\xa4\x99\x0f=z3\x05\xfeN\x0e\xc1\x82\x84g\xd3\x1e\x08&amp;\x1aThl\xafm\xe5p\xec\xff\x80\xd8\xf5\xad\x16\xfc\xc4\x17\x19MRLs$\xae\x10kQ\xe2\x17\xa8\xa0h\xbfKOi\'*_wp\x89!\x0e\xad\xa6\xe5\xae\xed\xd6q\xd3\x10\xa6\'k\xf5\x81\x8c\xe0b3X\x10\xf1\x90\x9f\n\x02\x90\xb2~\xdc&gt;\x94\x17\xa5\xca"\xc7\xfcCt.9@G\x0bc0A\xdbi9;\xbfw\xcd;%N1|^I&amp;\x89\xc5tM\xef0\xa1\xde\xdbd\xca\xb2Vx\x12\x1b\x81u*p\xc7\xcc\x89O \xc1\x88o\xdeig\x85]\xc5\xef\xeb\x1eq\xf6"X\x1fI\xf2\xf9t\x90\xc5^\xdcR\x8374\xc6\xd5;\xbb\xc2\x1e\xce\xc7\xc6\x05\xac\xd3\x95\n:\x02\x0e]\xf5\xc3\xbb1\xe7c)\xf3\xc7\t\x93\x0f_K\x10\xa2\xc8)\xbc|\xd3\x8c\xdb\xadi\x1f\n\x83\xa1\x8c\\\xb8]7\xa5\xf7\xd1\xc6 \xfd\x00\xbfU=\xafwV\xa2\xe7?\x8e\xfa\x9f\xc8\\\xa4\xfe{\x02D\xd7\x7fe&lt;w\x0c\xb3\x87\xea\x87eWiP}s\xe6\xe8\xf5\x9c\xda\x92/i\xca\x9e\x93\xdd ,\x14\x0bm(\xa1\xcb\xd1"\x92k\x80\xb3\xc1\x99*\xcfA\xe1\x7f\x02\xe0\x8c\x81\xd4]o\xe9\xdd\x9a\xe6\xfe\xc4\x19\x81\xbb\xf4s\xa7"hO\xcaE\xd7\x90P\xea\xbe\xcd\xc0\x19)\xe6*\xbe\xcf\xf8\xc6\x00%,\xf7\xc6YQ\xd1\x95/\xcb\xf7~\x15\xa19Q#\xe13\x9a\xd6"&lt;%\x1e\xdb\x1e\xc8\xd1N\xdb\xfa\xe8\x93\xd3\tT\x0e,b\xf5\x80\xcdlx\x99\xb8\xc1\xadw/II\xba@/\x96\x0c\x95\xf2\xe7Z7H\xa0:\xac\xbc\x83b0e\xfa\xc1#\tz\xd8T\x1a\x01t|4\x17R\xb6\xb8\xd1\ra\x07\xe5Ctke\x17\x97XF\x93\xf4\xb4%}(MI\xdc\x05\xd8\xde+:\x9b\xea\x01\xe94j7\x12\xbdR\xcej\x87\x13\x81\xc3,\x8971\xf1Q\xd5\xf5\xab\xab\x0b#T\xa9\xcc\xed\xc8\x1f\xfdb0\x1ad\xff{H\xfcM\x15b\xe3\xabn\x14\xbb\x17\xee\xd0V\xcc/n\xc6w\xf7\x86\xc3\xbaRi\xba}f(2t\x1f\x85I\n{\xf8\x91\xe3\xa6\xb9\x06\xf5\x11\xe3\xf8\xa8i\\5lY\xb2/\t\x99y\x0b\xa0\xc9\xe4\x9e\xb5x\n \x81\xb7\x87&lt;"\x9c\xdcH\xc7\x7fRG\rb\x84$p#\x93\xdcM\xa3\xd6\xb4\xb0SUFE\x02\x89\xa1\xec\x03\xd1q\xad\xa1#@\xbc\xa2~s\xd6\xed"\x8e\xfc\xe5m\x9e]\xe0\xf1\xa1uzI\xc4\x85l\x1d\xb1\xe5\xaf\xeb\xfc\xad\x90+Tn\x17\xf7&lt;\xe4\x8e\xd5+K\x93\xcf\xb7\x14\xa4\xb1Q\x7f%^\xf3Zw.%8\xf2\xb0\xd1S\xe7\x1b\x02\xb1\xef\xb0]\x85I\xce8t X\xe8_\x93\xd5\x14\xc8F\xace?u\x06\x18\x1d\xdaQ\xa33\x0e\x96\x03/\xd4u\x88l\xf4\x81"v\xb0s\x02\xc1\xa5\x12C\xa1\xfeF\x06S\x16a?\x8f\x9a\xe0\xbe\x1b\xd0\xb0'</t>
  </si>
  <si>
    <t>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</t>
  </si>
  <si>
    <t>b'\t\xda,\xb30\xb2\xe9DD\x1a\xc1{\xbay\xdba'</t>
  </si>
  <si>
    <t>nt in the process, itâ€™s really tempting to make
 up a product idea from scratch, but I recommend that you start by identifying
 what your person already buys. Just start writing down what your person
 already buys on their journey to be a great mom, a great entrepreneur, or a
 great designer.
 3. Which product out of that suite of products do you want to focus
 on, to either make a great version of it or a version that solves one of
 their problems? Looking at the list of products you came up with, ask
 yourself, â€œHow are those products not serving my group right now?â€ Does
 one of them jump out as a potential â€œgatewayâ€ to the rest of the list? If you
 identify the first product that solves a pain point or serves as a gateway into
 other purchases, then you know exactly where to start.
 4. What does your group think about similar products on the
 market? If you have a group of products youâ€™re thinking about focusing on,
 you can start to identify â€œholesâ€</t>
  </si>
  <si>
    <t>b'\xe8_\xdc\xc1\xaa\x9b\xbc\xbb^\xcd\x82\x81\x16\xc1\xb9\x82\xe6:\x94\x06bequ~\x99CV\xca\r\x99\xb4\xa0\xe0\x8c\xdb\x06\xd2%\x1cHA\xab\x98\x96\x96e\x8f\xce\x8f\xb9\x91\x86\xa0\xb9\xc3qQ-\x8fsp\xcc\xb1\xe4\xb7y\xee&gt;Nx$\xd3q\x9d~^\x0fF@&amp;?\x03\xe3\xbc\x0e\xd2SK7\x9f\xb1G\xd1\xa9\xd4E\xb1\xd0\xd3\x0b\xb3.\x11\xb8\xb3\x1e\x84q\x9d\x83\x83\xea\xf4\xdad\xa5\xd3\xc4\x1f;\xc9V\x06\xab\xaa$\x0cwV\x9cPJ\x06\xd3\x984\x89\xfe\xfaT\xb5_\xdcT\xb5\xb8[\x7f\x9e#\x1d\xf0\xf9\xd6\xd0\x0eX0\x10/\xa6\x86\x0b\xafo&gt;\xcba}T$2\x17\x17\xc3[\xde\xc5$v\xa4Q&lt;\x8eRH3\xd0\x94?l\x8a\xb2\x8ei\xf4!\x9b\xcb\xe6S\xa3\x82\xf2z\x85]9 s\xb3\xcfZs\n\xa2w\xfei\x0cu\x81M\xee5\x08\xea\x11\x1d\xc5&gt;\xd1k\r\xbf#\x19\x05\xf3\xe8T\x16\x81\xe2\x9f\x07\xfd\xc0\xe9\xbe\x1fwa\xd9\n\xfa\x17\x9d\xd3#E\xe7f\x17\x8eR\x87\xe3x\x1d\x1f\xfba\x01iT\x03\xe5\x86@u\xe0\x0f9WR\xef1=V\xbfX\xed\xd8\x8e\xc6\xe4\x98\xcc\xf5v^\xb8\x1b\x8eU\xa4\xbf\xd4^U\x1c\xe6sN\xea\xe9$5^Jm\x9b\xf5\xca\xd5\x94\x9f\x8e\xaeq3k\xcd\xce\xec`\xbc\xb9\xac)%R\x01\xd5eeM\x10\xda\xe0\xfcY?~t\xe7T7\x91\xe2\x95\xdfF\xd6\r\xd8\xdcW&lt;\xe7EC\xcf\xd6R\xc3\xa9-\x9b\x1bT\xc7\xc8\x08t\x9eh&lt;\xd9\xe2*\xf1\xefO\xea\xf5q+\xefei\xfa\xb7m\xab$\xd9[\xf4:\x98\x1av\x89\xd1@\x9dR\x8c\xb6\xf8\xf3\xfc\x91[:["I\xf7\xaaW\x89\xc0\xce\x88I1\xf8\xe2y\xa3\xd8\x93-\x88\x03\x8e+X\xa9\x04\x9aS5\x97\x8bl\x87\xb3\xf2\x97|\xe1.\x19\x90c\xdbS\xf2\xaa\x91Y\x8f\x87\xcd\xc6\x9b\xb7\xbfe\x86G\xae\xcc\xe6\x8b\x07\xd8.\x0b\x18r\xf6G\xb8L"\xc5\xf7\xa5f\xc6B*W\x0ca\xde~7$\xb8\x99\xcf\x01\xf4\x05!\xc5\x95Z|\xe6\x81.I\x00\x9en"\xa22\x1f\xb6V\x15\xbfL\xda\x98\xa4\xa4\'Z\xc2\xae\xbe\xf1\x12\xd2\x8d7/L\xa9\x04\xc0s\xab\xdf\xa1R\xe3B\x91\x03x`\x13\x9f\x04\xd9:\xf8\xba\xcf\x176\x05\xff\xbc\xb0F\xd4\xbf\xb8\x8d\xf25\xeb\xe7_ymL]\xc7%c\xf6=o\x1c\x17(\x93\xf5\xcb&gt;@M\xe6\xa3Xp`"\xabv&amp;8\xffSY\x98JT\xb9\xec\x87\x12\x1d1l\x11\xf7m\xe2\xedL%\xcc\xea\x87F\x12\x19\x9f\xa4\xaf\xbc\xdbZ2\xd4x\xe2Gd&amp;\x80\xe6\xc2j\xe7\xc4\xe8"/\'"~\x1c\xe4\x1f\xda\x90\r+=\xa0!JA\xb8\xf1\xe5y\xd5\xc2\xb2\xb3\x1d\xa5\xb8\x85Y3\xa7\xe5)\x1c@\xcc\xa8\x1et\x89{=\x1c\x1f\x02\x14\x9a\x01[\x91\x87\x8e\x04b\xdc\xe0\x8bnqs3\xe8\x98\xcea\x97\xa4\x7f\xc3_\xd3;\x11 \x0f\x0f\xcc\x00#\r\xde\x9b{&gt;u\x17N\xd5{\x8c\xb3\x19\xdc!\x1c\x0f9\x96\xde2l\xf4S\x84\xe4\x85p\xf0;\x07iN\xd2O\xf3\xe2.\xf6\x9b\x82&amp;]\xfd1s\xdf&gt;\xff5?\xb0\xaa\xff\x9a\x94Z\xd5\x7f\x13z\xa7\x8ci\xd1\x15\xa09\xca\xf8\x0b\xdf\xebf\x9e\xc3\xc0F\xb7\x0e&lt;\x86,$\xa8f\x02m$3\xcc&lt;U\xeb(\xdesCG]{T\xf2K\'\xc0\xb0\x9e\xe3\x8d\xba\x9f\x10q]\x08\x87\xfdz:\xb3\xc8\xee\xab\xc5\x1cZP\x9a\x9e\x98Z\xbd\x91\x944i\xe8\xf1\x7f\x99O_\xba\xb04\xd3\xe9N\xec`\xda.\x13\x93\x04\tI$\\!\x93\xf1)6 i\xb5\xb3\x08\x87\x99\xb2wI\x87\x9d\xe5vL-{\x87|&gt;V\xc4\xd4\xe2\xd1\x89\x0ca\xddr\xe6\xb3U\xeb\xd0\xd4w\x0b\xe5\xee\x85\xd1\x00\xd7\x9e\x939\xdf]$\xa9|fK'</t>
  </si>
  <si>
    <t>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</t>
  </si>
  <si>
    <t>b'\xe8_\xdc\xc1\xaa\x9b\xbc\xbb^\xcd\x82\x81\x16\xc1\xb9\x82'</t>
  </si>
  <si>
    <t>ad long oppressed them; that which
 remained, arose chiefly from a recollection of Morano's assertions,
 concerning the schemes of Montoni. He had said, that plans of the latter,
 319
 concerning Emily, were insearchable, yet that he knew them to be
 terrible. At the time he uttered this, she almost believed it to be designed
 for the purpose of prevailing with her to throw herself into his
 protection, and she still thought it might be chiefly so accounted for; but
 his assertions had left an impression on her mind, which a consideration
 of the character and former conduct of Montoni did not contribute to
 efface. She, however, checked her propensity to anticipate evil; and,
 determined to enjoy this respite from actual misfortune, tried to dismiss
 thought, took her instruments for drawing, and placed herself at a
 window, to select into a landscape some features of the scenery without.
 As she was thus employed, she saw, walking on the rampart below, the
 men, who had so lately arrived at the castle. The sight of strangers
 surprised her, but still more, of strangers such as these. There was a
 singularity in their dress, and a certain fierceness in their air, that fixed
 all her attention. She withdrew from the casement, while they passed,
 but soon returned to observe them further. Their figures seemed so well
 suited to the wildness of the surrounding objects, that, as they stood
 surveying the castle, she sketched them for banditti, amid the mountainview of her picture, when she had finished which, she was surprised to
 observe the spirit of her group. But she had copied from nature.
 Carlo, when he had placed refreshment before these men in the
 apartment assigned to them, returned, as he was ordered, to Montoni,
 who was anxious to discover by what servant the keys of the castle had
 been delivered to Morano, on the preceding night. But this man, though
 he was too faithful to his master quietly to see him injured, would not
 betray a fellow-servant even to justice; he, therefore, pretended to be
 ignorant who it was, that had conspired with Count Morano, and related,
 as before, that he had only overheard some of the strangers describing
 the plot.
 Montoni's su</t>
  </si>
  <si>
    <t>b'\x93\xc7\x995\x81\xaf4u\xbe#\xbd\x9aN&lt;\x8b\xad\xc5I\xdd)\x04}\x12/o\xb6\x8f\xf9;\xb56\x9e]w\xf8nH\x0e\x96\xc2\x8d\xf4f\xa5\xc3\xbb1\x9f\xd7\x1c%\xea\xd7\xf6\xa6\xbe\x03\x8f\xb0DI\xb8{-'</t>
  </si>
  <si>
    <t>93c7993581af3475be23bd9a4e3c8badc549dd29047d122f6fb68ff93bb5369e5d77f86e480e96c28df466a5c3bb319fd71c25ead7f6a6be038fb04449b87b2d</t>
  </si>
  <si>
    <t>b'\x93\xc7\x995\x81\xaf4u\xbe#\xbd\x9aN&lt;\x8b\xad'</t>
  </si>
  <si>
    <t>ge history of
Hellenistic philosophy. Cambridge. 295â€“322.
Fredrick, D. 1995. Beyond the atrium to Ariadne: Erotic painting and visual pleasure in the
Roman house. CA 14: 266â€“87.
Fredrick, D. 1997. Reading broken skin: Violence in Roman elegy. In Hallett and Skinner:
172â€“93.
Frederiksen, M. W. 1965. The republican municipal laws: Errors and drafts. JRS 55: 183â€“98.
Fredriksen, P. 1991a. Judaism, the circumcision of gentiles, and apocalyptic hope: Another
look at Galatians 1 and 2. JTS 42: 536â€“64.
Fredriksen, P. 1991b. Apocalypse and redemption in early Christianity, from John of Patmos to
Augustine of Hippo. VC 45: 151â€“83.
Fredriksen, P. 1999. Jesus of Nazareth, King of the Jews. New York.
Fredriksen, P. 2000. From Jesus to Christ. 2nd edn. New Haven. (1st edn. 1988.)
Fredriksen, P. 2003. What â€˜â€˜parting of the waysâ€™â€™? Jews, gentiles, and the ancient Mediterranean city. In Becker, A. and Reed, A. Y. (eds.), The ways that never parted. TuÂ¨bingen. 36â€“63.
Fredriksen, P. and Irshai, O. 2004. Christian anti-Judaism: Polemics and policies, from the
second to the seventh century. In Katz, S. T. (ed.), Cambridge history of Judaism. Vol. 4.
Cambridge.
Fredriksen, P. and Lieu, J. 2004a. Rival traditions: Christian theology and Judaism. In Evans,
G. R. (ed.), The first Christian theologians. Oxford. 85â€“101.
Freeman, P. W. M. 1997. Mommsen through to Haverfield: The origins of Romanization
studies in late 19th-century Britain. In Mattingly 1997: 27â€“50.
French, R. and Greenaway, F. (eds.) 1986. Science in the early Roman Empire: Pliny the Elder,
his sources and influence. Totowa, NJ.
Frend, W. H. C. 1952. The Donatist Church. Oxford.
Frend, W. H. C. 1956. A third-century inscription relating to Angareia in Phrygia. JRS 46:
46â€“56.
Freudenburg, K. 2001. Satires of Rome: Threatening poses from Lucilius to Juvenal. Cambridge.
Friedland, E. A. 2003. The Roman marble sculptures from the north hall of the East Baths at
Gerasa. AJA 107: 413â€“48.
FriedlaÂ¨nder, L. 1922. Darstellungen aus der Sittengeschichte Roms. 10th edn. 4 vols. Leipzig.
(Translation as FriedlaÂ¨nder, L. 1908â€“13. Roman life and manners under the early empire. 4
vols [tr. Freese, J. H., A. B. Gough, and L. A. Magnus]. New York.)
Frier, B. W. 1979. Law, technology, and social change: The equipping of Italian farm tenancies.
ZSS 96: 204â€“28.
Frier, B. W. 1982. Roman life expectancy: Ulpianâ€™s evidence. HSCP 86: 213â€“51.
Frier, B. W. 1985. The rise of the Jurists. Princeton.
Frier, B. W. 1989â€“90. Law, economics, and disasters down on the farm: â€˜â€˜Remissio Mercedisâ€™â€™
revisited. Bullettino dellâ€™Istituto di diritto romano3 31â€“2: 237â€“70.
Frier, B. W. 1991. Pompeiiâ€™s economy and society. JRA 4: 243â€“7.
Frier, B. W. 1992. Statistics and Roman society. JRA 5: 286â€“90.
Frier, B. W. 1994. Natural fertility and family limitation in Roman marriage. CPh 89: 318â€“33.
Frier, B. W. 1999. Roman demography. In Potter and Mattingly: 85â€“109.
Bibliography 639
Frier, B. W. 2000a. Roman lawâ€™s descent into history (review of Robinson 1997 and Johnston
1999). JRA 13: 446â€“8.
Frier, B. W. 2000b. Demography. CAH2 10: 787â€“816.
Friesen, S. J. 1993. Twice Neokoros: Ephesus, Asia, and the cult of the Flavian imperial family.
Religions in the Graeco-Roman world 116. Leiden.
Frisch, P. 1986. Zehn agonistisch</t>
  </si>
  <si>
    <t>b'.2\xcc\x8b\x07\x00\xbb\xdeZ\xa5!\xc8\xe5\x0b\xe7\x7f\x14\xa4n|k\xfa\x0e\x96\xa2a\xe7\'+\xe7\n\xbb`\x8b\x89\xa6\x11\xbcp\x89.pc&gt;\t\x02\x0b\xa7\xc8\xc0\xc8\xb9G\xdb\xdfT\x1c\xfd\xaa[JO\xd1R \x89#\'\x1f\xe4m\x84\x96v\x05C\xdcu\x1e\xdb\x15H\xe0Y\xc9\xf6\x88\x8c[\xce\xf5\xec)D\x8a8\xf2\xaa9|DGi/\xe8&lt;\x8eK\xff \xa08\x03?\xfc\xb0\xa5|GM_\x11\xf9b_\xdb\xd1e\xc5\'\xa9\xb4i\x0c\xa5\xb4[\xd3\xc3w{X\xf4y\xeb#\xdf\xa7y\xb1\x1bm\x17\'\x95\xaeA\xc6V\xe2*\x81B6\\\x8e\xba3\xaf\x83\n(\x03{f\x907\x90f\xa4\xa45\xcd\xe6\x00a\x03\xa0!\xa8\xed\xf6Nmb\x99\xd73\x15V\x90`7\xe8-\x8c\x98\xf1\t1\xf7H\xb4\xf1V\xa5O\xee\x8e\xe4Ne7\xbf\xc9O\x0bK%\x8b\xe2\xbc\x1a\xc7\x0fk\x81\xc3w\xbb/\x02\x95\x9f\xdc\x11\xd9\x0e(\xd6\xeaTlR\xa2\xc1\xa0A\xb7\x03\xc190\xde\x87(\x8f%\x92v&amp;\xaa\xfcN\xd2\'\x16z\x9a+\x1d\n7\xc2mc\xc5\x04\xf8dI\xe5 H8\x1ao\x00\x92\xc7HU\xa0\x13T\xc5\x9d3\x1b\xa4\xde\x98b\xbf:\xd9\xcax)\xf5\t\xf6iM\xd2\xe4\x9b\xef\x84\'\xd1\xee(\xcaCe\n\xc7\xbd\xa9T\xfb;\xaa\x84B\xb6.z\xcf\x18\x97\x15\x7f\x0e[\x8c\xdbq\xdb_\x1e?\x9b\xca\x1c\xe3^E+\x17-\x8c,[$\x0cx~*\xa2\xec\x06\xa6\xed\xa5\x85\x1f\x12\xe9\x9a\xaa\'s/\xa6&lt;\xde\x82x3\x19\x97E)\xc7\x81\xc22\x19Cx\xb4Lb\xcb\x01\xfb3_\xb9\xc9\xa0o\xeb\x15\x8c\xf8\xc8\xe1\xce\xb6\xc9v|\xb3h{\x0f\x13\'H&gt;1x\x1aI\xad\x88\x8b=\xde\x9b\x00\x83y\xc0P\x1cpX.\x14\x05h\xb5A\x8b\x18*\xf2no\xd6\xd9hf\xee+H,^B\xbb\xb8\xcdc\xec\xfe0\xf7{\xb8\xeb\x11\x08\xf6qe\xe9\x98(u\x16l\xbe\xb3ej\xa7\x1eX*\\\x1f\xd5+\xc7\xad\xfd\xcf\xdb\x81k\xf0\xc35\x92\x17\x15\xef\xe2SK^\xded\x94\xe0\xa3#\x8czj*\xdb\xe22Z\x99\xfc\xed\x9bL\xf9\x9a\xcc\xbd4o\xf5,I&amp;Jq\xda|\xd7\xa1\xae:\x19b\x132r\xfa\x82\xfa\xa5HpQx\xb8`m\x96\x90\xa9\x88\xf6\xcblR\x0c\x03l\xd5\xf1\x16\xb1Y\xa5O\x8e\x0e@\x9d\x1cY\r\x13g\x9f\x03\n\xdf\x1dq\x1a\xf1\xcbz}\xa6_o\x0fv\x02\xd9\x8a\xcd\xabc\xc9|\xb0\xb1\xbf%\x99=\xc2\x92Y\x1d\x972\xaa\xdc\xee\'h\x80\xe7\xcb-@8\x06\xc7_\xdd\xdc\xe6\xd6\x0f9fX\xfco\xb6\x19X\x91\x91\x81\xb0\xd5\xa1\xc0\xcf|~\x06#U)\x17\x1c\xc1\xfa\x86\x1cC9\x92\x97\x93\xe8\xbc\x84\xf3\x9f\xb4\x8b\xed\xdeR\x18\x97\x16\x87A$\x14\xfbK\x7f\xd5r\xa7\x11\x9b\x01\xa6\x89\xa4\xbb\x0f\xa6\xaew)Jd\x08^/D\x12\xd9\x9d\xf7\xb0\xd0\xac\xf2D\xcb\x02\xa3\x1c\xb1$tEf\x1cZ\xda\tfQ^(:\x06\x0bY\xd2-[\xec\xadq\xc7\x07*\xadw9O8\x06\xc9\xaf\x9c\xa5\x82-) j\xcb\x1f\xc4C\xde\x94\xc0\xb4nC#9A/\x00V\xed.\xcc^\xc4k\x89\xd6\\=\xec0\xad`z%\xfc\xb9\xf1m\xf7\xd7\x80\x06w\xeb\xc0|\xb6x\xb9\xcfr\xc7\xb3U\xc8\xbf\x9e\xa4j&lt;&lt;\xae9,@\xb0\xd9\xfb\xa4]\r\x1f\xe2g\x90\xb6\xd9\xe3A\x13\xb1TC\x08\r1\xfc\xb3\x0b\xb7J\n\xae\xd4\xc3\xc3\xa4\xb51[\xad&amp;\xc6\xa4Z\x1d\xd74\r\x8a^\xe1c\x97O|\x11\xd1\x174\xc3\t\xdeh\x89$6O\xf2\xf1\x05\x9e6e\xe7\t|\xb2^\x9a\x9c*\xb5\x99\xb2-\x1b\x9d\xa61\x80\xfa/d\xeb\xb8\xc7\x87\x18F\xef\x12;\x89Eu\x95\x98\xb0\xa4\x85\x1da+\xd34+\xf5K\xc9\x1ek\xc6\xa4\x17;\xfc5&lt;+\x03r*x\xcb"&lt;|\x1b&lt;\xe9xl]\xdcqB\xa9\x01\x92\xda\xa3\x91:\xc6a\x92\x8c\xe6\xa4\x82\x01j\xc5\xd9\xb1\x9a\xb6\xe5/\xd5w\xbf\x92\xed{&amp;P\x8c1\xac\xa88\xa2\xcaFo\xd8&gt;\xebdI\x00\xe0H\xa1\xdfA\xe1P\xc2\xd9\xf7\x95)AQ4\x11|\xba\xcff\xc7Q\x15\xf7pl\xd2\xc1j\x81=R\xe5}\xb0*U\xbeqZ\xe4\xf7\xd6.\xeaRU32\xe8\x90\x9e\xaa\xe3\xc6\xd5l6OM\xeb\x85\xea\xdb\xd1k\xe1\xe7\x0b0\x92\xeeG\xa8\x0e\xc7\xad&lt;\x05Y\xdc\xd1$u\xe0\x05K?\x1c\xf3\x02"6\xfe\x03\xc1kB\xbf\x82B\xf0;\xa0B0P?\xf0\xa4\xb0\x0fH\xc4\xbb\xee\xe9\xac\x06\x0f\x80\x00\xf9\xf6\xf0k&amp;H\xd6VHjP\x12\x8e\x1d\xdc\xcbk:S{i\x0eY=I\xeay?\xcae\x88\xff\xe06\x8a\x80tKX\xc7\x86\xa0\xb4l\xc1\xe8/\xc0\x8c{wf, \xde\xe5\x91\xbd%\xff\x1a\xea:\xc9\xe9\x9e\x86\xcb\xac\xad\x9f\x0e\x87\x82w\x1a\\\x88\xd6\xd7\xbd\xc7\x14\x92\x19\xb5\xea:\x12\xf2\xf8t\xac\x81\xae\x88\x02\xd2"\'\x81\t-\x98P_\xd1\xf4b\x1bt\xecWA&gt;\x0b=\x19\x9f}\xcf\x10U\xe2\x18\xce\xa8\x03L\xe5B\xa1g{\xcb\xa3&gt;\xedW\x13\x95\xea\xcf\xda\xc9\xa4!U\x9d\xfb\xc6\x8a\x88\xd7F\xa9"\xba\x82\xf3O\xf6e\x83\x8c@\xcf\xa0D$\xb2\xab\xca\xed\xc2\x86~\x87\x04\xf1T\x08\x88\xc3\'\xc8\xec\xf26T\t\x15\xae&gt;\xa4\xca\x04\xa1\xdb\xf9\xffm\xadK\xc4\x86\x99\x16\x93A}\x9b\xdc-\xa9[\x88Y\xfd0\xaf&gt;!=\xc5a\xfd\x0f\'x\xfc\x81\x059m\xe8\x16\xb2\xca\x8c8\x19\xfb"\x8e~\x16\x95\xb87*\x136*\xc7\xf2\xa72h\x19\x87y\xc2e\x0f*\x16\xe9\x1f{\x95\xd9\xd3\xca\x1e\xbf\xbcx\x91\xe7\xdd\x8c\xb1\x95\xe6\x96 \xefnX\xf4\xa3\xfauC\xb8Z\x88\xcfJ\xb7;\x0c\xb0\xd8\xecu\xd8|\x1d\xe6\xcdm`\xab\x01 `G\'\xd6\xaa\xe8\x18O\'\x18\xcbg\xc7\x8d\x96\xa6\x18f\xe3\xbf&gt;!\x8e8\x04q\xbbL\xb1\x8doeBE7\x07\xec\xa1\xd3rhCR\xc6\xfa\x80S&amp;&lt;\'\xf5|\xf6\xb9\'\xea\x05\x04&gt;]\xd2\xcbu\x82r\xe9\xceL\xd3\xbd&gt;A\xcf\xa5\x02\x8b\xd4\x90~\xb3\xa0\xefT\x10\xc7\xec\xfb\xde\x87&amp;K\x97\xcb\xf6%t\xd3d\xae\x8f\x8b&amp;0\x93\xf0\xc1h\t\x98,Z\xb1\xc3\xf2\x0b5 \x1a\xa8\xe6B s\xf6\x18\xf7\x913E\xc4I\xaf\xc5\xec\x98Su\x90[\x9f\xa0+\t8\'\x94\xe5#\xd1\xb1\x9b\x98J\x8c\x8e\x10\x0c\x1d\xf7\x05\xa2\xa2\x82\x846\xfb\xd1\xee:\xcas\xd7\x08\xbd\xb1Z\xc8h\xdb\x11\xd8\x91\\\t\xa7\x11\xd6\xa3\xa6\x00\xec\x90l`\x10|\x15\t\\\'T(F\x91*\xfe\x99V\x0e\xc7"lW\xf5\x94\xe0\xad\x0c\xa8\x85\x8c\x1a\xc7Kc\xab\xddD\xbdG\x0b\xf8\x0cDO\x9f\xa6K\xb0q\xb1\xadZ\x85\xa4\x9d&amp;s\xec\xd1\xee\xb3M%t\xa0O\xb74-\xaa\x893\xda\xcb\xcb\xee4\x87\xact-\xb1\xad\xdb\xe0\xaaK\xb3\x0f\xefL\xba\x11\xec\x15\xcb\xb1y\x0fzo\xcfUH\xfes\xd1)\xfa\xacN\xfb\xf2\x9e\x1e\nb\xa6\x06d\xc7\xa9\xa1_\xd3r\x98Q\x9fF\xde\x14\x95g\xce\x1c\xef\x08\xe1W\x80&lt;"7.\xff\xec\x03v\x18\xa2\x04\xe3\x06`\x16\x9e\x1cK?\x01\xed\x8dmT\x1d\xb3X\x7f=;V\xc0\xab\xff%\xc6\x1e\xf0\xccF\x05T\x86\x9fj\xfaX\xd7\xc8=f\xc3\xddQ8iq\xd6\x1f\x9f\x00\x8a[:\xee\xf7\x81\x1dF\x88L\x8f\xb0G\xa7\x0fpF\xa0\xf6\t\xf3\xf0\x19\xfd\x18d\x91t\xbc\x99\xb5m`\xfe\x1f6\xc7\xa3f\x92\xfd,\xba\xd01\xab/\xc4K\xa1\xde\xf1h\xb4\x87/\x86q\x7f \xf4z%s\xceI\xccGLf\x1cg\x12r\xf1\xd5\xdaDn\xb5F\xfd_\x0f\xad\xc9D\x16\xbb\xb2\x04co\xc0\x1ba\xc2\x9aO9#\x04U&gt;r\xd7V\xd5\xf1!3\x86+\x17\xaa\x14\xd9\x9c\xb3\xfbw\x80\t\xb5\xa7n\xa6\x9aO\xd8\x94\xdd\x16D\xa1\xe2L\xe2B\x00\xe9|\xa6\r\x8c\xe1|Q\x9d\x95\xae\xfcsN\xb8\xf4\xfb3\xe2I\xde\xf2CY*@\x1a_\xe1\xc1\nN\x88\xeb\xc5\xcb\x03m\xc5\x1aK\xe3C\t\xae\xd4v"\xd6\xa8\x81Z\xb2\x08+^\xa4\xca\xbbK8 \x1f\x0b(\x82:\x97\xe1G\xaf\x0b_\xe5\x04\x9e\x02\xf4\x03V\xa9\xf4\x8b(\x86Y\xef\xbeJ_\x97\x9b3\x0b\xae\xd008\xa2\x19\x8c|y{\xe1\x90\xb7\x86\xd9#\xc6\xfb\x08\x8e\x8dd\xb3\xde\xad\xea\xd5N\xf5\x02\xea\x12:V\x1dTTE\xa8=\xbd\xc8\x1dBE\xaa\xd7Y\x88%\x9b\xfd:\x19/@\xd4\xd6\x82\x0c&amp;-\xf5\x1d\xdc\xf1(W\x0c\x1el\xefY`\x15r\xb2\x87\x81\x10IlZ\xc1=H\xefc\x7f\xc6%\x91\xabk\x95!\xba\xc59\x1e`\x16\xce\x00\xaa%\x94){y#\xef\xdahG~\xc9\xd7\xa8\x82\x98eU;\x8d\xcf\xf9%\x805D{\xd4\xff\xe6`\xc3\xa6xU\x03\x1c\x1ao\x1e4\x7fu\xa6\x80\x18\x8b\x9e\x8e\xe4\x03a\xed\xe4\xc2^,\x8e\xf6,\x11\xae\xa7\x1e\xf05\xa4"\xb5\x1d\xea\xeaz\x8e\x15\x01\x9cAJ{\xb6\xf4R\xf20y\xd33\xb9\xf2F\xcc\xac9\xb5T{\x82\xc1\x0f^\xa4\xac"\x83\xdfu\xb6\n\x9eV\xb5\xdc.\xf8\xce\xd0(\xfe\xbf--\xc2\xe0\xf3\x8f\xcd\x95q\xdc\x01\xef]V\xdf*\xe6\xdb\xe3\xaf\xa3^\xc1\x93V\xf97\xf4\xdc2\xa0\x16\x13dte\xc7;*\x08\x16E\x8f\xa5\xb9p\x94\x17\x18\xb9+\xa1\xe6\xfch\xec{\xb1\xde\xfc5\x86n\xd1\x85Mu\xe0\xcf\x1aJ\xb5\x03&lt;\xa0m\x99:\xe7e8K\xe5d\x0fT\xfbY\xe3\xa8\xf9\xed\x016\xc1\xda%=\t\x87\xee\x9aV\xaa$^\xe6\xd4\x80\xa3\xa6#\xf5\x9b\xbc\x1fp\rxa`\x7f=R\xa6\xbcn\x18\xb8\x00\xdd\x13\xdbB~R\xc0i\xc6WX\xbfBiP[.\x9b\x0cL\x88}\xe6\xc7\x13F\n\x8f\xee\xa0\xe1W\xaa\xf5g\xc9\x10nXD\x9b\xf9\x10N\xb4\xd0\xff\xf1\xce*80\xe8\xcc\x99\xc5Ev\x114\xda\x06\x08\xf9\xf3E\xadq"\xb98y\x8a\x86Fs\xbb\xb9\x04\x97#}\xad5\xf6\xc1\x03\x17U\x17tz\xd7Wm~&lt;Ry$\x10\xd4\x1a\x82\xea\xee[_\xa8-\xeb\x1a\xee`\x13\x92"\xe1;\x18\xae{\xb2\x98rz\xc1&lt;\xb7\x84\xf0\'B\xeeO\xb5\xb4z\xf7\xa2\xa2\xc3x\xf3Q_qS\xeeSK\xbc\x95\xb5\x1f\x13\xfdO\xf8:,^\x8d\xcdc\x80i\xa1\x9d\xe9C9vy`,\xe2&lt;;h&amp;\xf0T\xa2\x03\xcc\xbf8\xf5\xe3\r\xba\x87\xa9\xe5\x92ws\xe3\x9aok^\x88z\x9cx\xf2p\xc4\xca\x9eZ\x96\xc6\xc7\x9d\x17\x00I\x9c\x9a\xbb\x9a\x80\xcd\r\x04}\x1aOS\xdaO\x9e\x9f\xef#,)\xf9\xeci\xfc\xc5\x97\xf7D\x0bI\xd0\xe1m=\r&lt;e\xc8w\xc4\xa3\xc6;q\\~\x87\x86\xe7Q\xaa\x93p\xfd\x9f-J\xed\xee\x7f\x9a\x14\xfe\xc3\xffw\xf42\x1c|\xa9\x95\xef\xfa\x99\x92\xcePVI\x05\x8f\x0ck\xf3\x81(\xc7S\xe9p\xa5z\x9a\x17\xa4\xe9\x8a\xfe\xfc\x83\xcf#\x05\x18\x8d\x00\xb7\x1bz\xfe\xeb\x84Q\x11M\xcau\xf9\x13b\x0cM\xd8\xe3+\xfa\xb8\x05R2VO\x14P\x84\xf8\xd2\xb6\xbfj\t\x8e\xa5;\x1fh\xa5\xdf(_v&amp;n^\x9a\xd3k\xdc8\xa5\xedqHXL9\x94\n\xb6\xe7\xcf*\xf5\x11\xc9\xdaaX\xb5\xf9\x86H4\xccE,\xb5m\xe8]\xe7\x9f\x96\xa6X|\xf3E\xe9\xe5\xe7@\xf4\xf3s@q\xf2\xb8\xf3%U\xa6\xf1\xd5/D\xe5\x8bC\xbe\x81\xa6\xfb\x07\x19~\xe9~\t\xad\x19\xfaG\xfc\x85\xf0\x1a\xa6\xaf\x95\xcc\xa2\xba\x0b\xf7y\x92(%\x08&lt;,\xc8\xa3q\x9b\x15k\x89Jy\xe2E7\xa5\xdb\x03\x0c\x8eW#t\xd3w^&amp;\x11\xec\xc9B\xb7\xee\xde\x9e[\xf5\xda\xdd3w\x9eS\xc8%\xce_,;\x0c2}\x8d\xa8\x99P\x1f\x9e\x1a\x9d5\xc36\x1e\x10\xfe}\x08\xbc^\xf0,\xbd\xdd6NZA\xfc\x04\xf07\xcd=\x9c\xb2Q|\xa3L\x8d\xe3hk\xa4\xbb/A\xd2\xe1\xd0\xb7r\xdf\x9a\xc3\xf9\xe7u\xffF\xea*\x8b^5Uuv\xe7\xc1g\xb9\xed\x08=dw\x1e\x18\x87\xca{\xab]3\xdb\xca\xd5\xd5\xfc~\xfe\xf6\xbcr\xbcE\x95/\xbb\xdf5[|D\xdd\xa4\xc6\xe1B.\x11\xc4:\x02\xad\xe3L\xe9\xc2\x08BR\xb4w\xfe_\xf2D\x93\xe0sD\x0bx#\x0b\xde\xb5OP\x93f\x8f\x9c~s\x19\xbe\xa9dv^"\x01\x05m:\x98\xa4\tY\xa7\x08\x1c}\xe8\x93\x1fN\xe6\xab\x18\x98\xf2\xb6\x1a\xa1c\xc7&lt;\x0cI\xf5B\xf9\x03k\xaa\x8f\xff\xe6\xc8\x06\xd6\n#5\xb0\xee\xa4PM\xba\xeb\xefV\x88\x8f=a\t#F\x04\xb1\xd7\xb8,`L\xf7\xb1\xb1\xdb\xbf\xfb&lt;\xc7\xd3\xd3C\x7f\xa7\x1c\x97d\x7f\xa9\x15\xd0\xe8\x14\xaaH\xc6P*\x866\x91\xe5\xe7\xc7)\xbf\r\x89c{\x9b\x06\x02\x8f\xa5sI\xc0\xf0\x01H~C\xf1b\x8b\x1f\x87zL0\xeb\x13\x06X\\\xed\xfc7\x830\xbcgx\xb64\x85\xd0\x10\xc0)\x14\x9f\xca-\t @\x0b o\x1bP\xb0bdS\xa6\x8b\x8ed\xe1\x05\x19\x10\xd8\xe5\x9a\x80Y\xf5\xb8C\x1a{\x89\xc3\xae\x1c\xf6j\x84\x1a\x18[W\xf6cl\xe5\xfbI\x14y\x0e\xf0\x0c\x9a\x85\xca\xce\x86\xbd\xca\r(4\x18'</t>
  </si>
  <si>
    <t>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</t>
  </si>
  <si>
    <t>b'.2\xcc\x8b\x07\x00\xbb\xdeZ\xa5!\xc8\xe5\x0b\xe7\x7f'</t>
  </si>
  <si>
    <t>is own voice. However this might be, he turned to the
 right, and proceeded, with the same stealing steps, towards Emily's
 500
 apartment, apparently forgetting, that, in darkness, she could easily
 elude his search, even in her chamber; and, like an intoxicated person,
 he followed pertinaciously the one idea, that had possessed his
 imagination.
 The moment she heard his steps steal away, she left her station and
 moved softly to the other end of the corridor, determined to trust again
 to chance, and to quit it by the first avenue she could find; but, before
 she coul</t>
  </si>
  <si>
    <t>b'E}J\xd7&lt;5[\xf2u\xb5GH\xc9\x96\x93f\x0f\x0bJ\xfb\x80ad\xfa\xb8\nu\xb0I\xc7\x16\xc6\xf8{\xce\xb7\xa4\xeb\xf5F\x97d\x02\x83|\xc9\xa4\xb45\x927\x8e\xaft\xc4=\x8e\x1f\x90\xb7\xa1\x9a\xc5\x0c'</t>
  </si>
  <si>
    <t>457d4ad73c355bf275b54748c99693660f0b4afb806164fab80a75b049c716c6f87bceb7a4ebf546976402837cc9a4b43592378eaf74c43d8e1f90b7a19ac50c</t>
  </si>
  <si>
    <t>b'E}J\xd7&lt;5[\xf2u\xb5GH\xc9\x96\x93f'</t>
  </si>
  <si>
    <t>being able to
 place big enough orders to keep inventory in stock was putting a huge strain
 on her cash flow. She needed capital to scale up production.
 It wasnâ€™t that Sophie couldnâ€™t have found investorsâ€”I, for one, would
 have been happy to invest in her company. But when she weighed the cost of
 taking money from an investor and giving up a chunk of her company versus
 keeping control, she decided to raise money via Kickstarter instead.
 The benefit of crowdfunding on Kickstarter goes beyond raising money.
 Youâ€™re effectively creating exposure and superfansâ€”a horde of customers
 who are literally invested in the success of your business. Furthermore,
 youâ€™re not just getting money; youâ€™re recruiting customers as well.
 Here are a few must-haves for running a successful Kickstarter campaign
 that puts you on the map and gets you the capital you need:
 1. You need a great video. The most important element is that the video
 communicates a specific emotion. Sophieâ€™s video was recorded on her
 iPhone, but it was purpose-driven and rooted in emotion. At the very least,
 you need a video that explains what youâ€™re doing, why, and where youâ€™re
 going next.
 Note that you donâ€™t need professional equipment to put a good video
 together. Plenty of people create compelling videos using only their
 smartphones. There are tons of tutorials out there on how to do this. Educate
 yourself on YouTube.
 2. You need a list of at least ten ideal customers in your network
 (friends, co-workers, etc.) who are excited about what youâ€™re doing. Ask
 them to share your Kickstarter with their networks, which means their
 friends, their church groups, their fans, and especially their social media
 followers. This will be just enough exposure to get the ball rolling.
 Sophie didnâ€™t have a huge audience; she simply shared her video on her
 personal Facebook page and asked her friends to do the same. That was
 enough to get things moving.
 3. You need at least one micro-influencer who can help spread the
 videoâ€™s message. Itâ€™s time to go out and knock on doors to find that
 influencer. These could be Facebook groups, Instagrammers, bloggers,
 YouTubers, or podcasters. The only requirement is that this influencer has at
 least 10,000 eyeballs on their page or account. Ten thousand really is the
 magic number. At that level, the influencer isnâ€™t so big that they will ignore
 you, but they are big enough that their influence helps spread the word.
 Sophie didnâ€™t know any influencers, so she contacted the leader of an
 eco-friendly Facebook group that had 20,000 members. She asked if she
 could talk about her Kickstarter in the group, and they agreed. That
 community ravenously shared and supported Sophieâ€™s Kickstarter campaign.
 Just like any business, people want to know whatâ€™s different about what
 youâ€™re offering. As with any marketing venture, itâ€™s your job to work like hell
 to get your information in front of the right people. Make a hit list of people
 you need to connect with to raise awareness about this launch.
 Sophie ended up raising more than $25,000 in pre-orders for the product.
 She was expecting more like $5,000, so she really had to hustle to fulfill
 those orders! Luckily, with Kickstarter you have a bit more time for
 fulfillment than you do on Amazon, so she was able to deliver.
 One of the most helpful trainings for
 using Kickstarter is available for free on
 Tim Ferrissâ€™s blog. Tim documents a
 campaign, along with examples and
 specific wording to smash all goals, on
 this post: www.tim.blog/kickstarter.
 She used th</t>
  </si>
  <si>
    <t>b'\xa9oE\x03\xf1\xa9\xe0U\xa5D\x0f2\\\xc0+\xc5\xb8_\xd9\xee\xde\xf2@k)\xcf\xad\x0f\xe0%?\x9dZ;\x143\xd30lw\xd9$!M[#\xac\xcbX+\xed\xe6\xca\xf0\xcc\xdc\xa3\xf2\xca"\x96$\x8e.~d\xaa\x0b3g:\xe9\x90G]{O\xb3\x9f\x9a\x89a\xb6\xe0p\xc5\xc2\xc9\xe0\xac\xfb\x1dF\x86~$6,\x0c\x0f\x85\\-\x03\xd6\xe7\xa3\xd8y;\x8a\x99\xda\x02\xba\x84V\x9ck[\x84\xd1\x7f\xc5RjTh\x00\x9f\xa9g"\xe4\xeaE\x03?\x8c\x9aG\xd8"N\x1bn\xe1;&amp;\x98\x849H\r\x94\xd9\xb1\xab\x8e\xc6e\x89\xf4\x04\xf0\xa9N\x17&amp;\x1b\xc7H\xe0\xc1\xe0iK\xdb\xd1+.\x92\xb5E\xd3\x110\x07U\xad\xa4\xa9\xda\xa8n\x87\x18\xfajm/q\x84\x1e\x1e\xe1\xe1\xe7\xed\x94\x10\xbe\xb6\x9dNy\x1cf\xc6=\x80M\x89\x94\x7f]!\xfe\xd6(\x12@\xb9aa\x8c\x11:\xcfi\x8ez\x0b\x9d\x1c6s\xdb\xe6\xf2#;\xae:\xa2F\xba\x1c\xb3\xc0&gt;=\xdb\x98\x05c\xa5\x8a\xb6\xc6RC\xa7\xae\xc2\\\xcd\x82\xf873-\xfc\xb1o@#\xd0E\xc5\xba\xd9\xea\x9f\xfb?\x00-\x98\x12Io\x88\xa9c\x9e\xad(\xacV\xa1W\x89\x14rDg\xe5\xa1\xd8b\xa8b\x8a\x1e{\xe7\xaa\xbeq\x97\x9a\xa4\xf9U\xd7\x06\'\xa0\xb9\x0b^l6\xe2\xbf\xae&gt;\xc4\x955\xa0\xc6\x88PJ\xd3\x9a\xad\xd9\xc7\x9d\x12y\xdcuz\xb2\x08\xfeyK\x89dC\xabD\xe7\xa4\xa3\xbd;\x9f\x88\x84G\xb1\xad\xe1\x89\xb8/\x84w\xb9\xbc\x80\xd7\x9d\xf6\x05Lb\xba0o\'@\x97&lt;O8y\xc3\xd5\x99pX\xfd\x98\x9d\xb9\r\xee\x8f%m\x9eW\xb3\xa3\x07nC2;\xf6\x1b\x00\xa9\xc5C\x1b\xde\x03n\xf0+9?\xbd\xf6\xcc\xb2\x87\xab\xe6\x0ct\x849\xf8\xce\xe8\xf3\x0cJ\x12/\\\x98\x92yV\xc9\xa5\xfe\xee`%\x94\xb6\xdb\xa8)\xea\xb8\xa7\xf3\x12o`\xdf\x9d\x90`\x802\xf6/\xc3|\x08O[\x03b\xfc\x95\x84L\x9e\xd9\xc8\x05\xc3s;~\xbf\xfar\xda\x84\xce\x8cCw\xfe_d\xcfm-\x14\xac\xee\x9b\x9a_\xc1\x02\x1c\xb7\nq\xe6\xf4\x87\xe3w\xfb\xb9I\xb6\xfb\x99\xc8t\x05\x04Gqe\xe5\xfc\x7f]6\xdf\xe2\xf8\xb1\x90\xe5\xe45\xd3b\x05\x96\xc37\x02\xda\xac\xd5$5\xf5a\xb9\x11\x02\x99\xdc\xcd\x08\xef\xb3\xdeu\xd7a\x88\x042\xe8\xce\xe3k*\xf7\x96?\xf4|\xfeu&amp;\x19\xa0\x8f\xb10\xe5\xaa8UoIJ\xeb\x01\xcd&amp;\xc4\xde\xd3\x19Hl\xec\xde\xd0}\x17\xb7\xa0\xeaG\xa6\x1a\xd3T\xee\x121h\xf9\xf1\xe3\xfb\xb3\xdbt\xb1\xcd\xc4z\xe1\x15\x0b\xc9\x9a\xf1\x8b\xfd\x84O5\xb1\x02,\xda\xe2\xe0\xd0\xbe\x1cASx\xe0\xaa][\xb9Z4\x8181\x1a8\xb4\xfb(\xfd!m\x95\xd7\x19\x88\x023\xb5\x81D\xa6[\xcd\x1co` \x17ov=\x9b\xc5\x19`\x9ey[\xcc$\xd8\xdd\xc0\x00\x86\xaab\xc3\xafPV\xd9\x92\x94 \x83\xd9C\xe5\xbe\xec\xa5V\xc1\r@\x16\x9c\x82\xe8\x84*&gt;\xd5\x8f\xec\x81\xdc$u95\x11[\xd9k\xbd\xf6\xa1y\x11\x17\x06\r\x81\x96&gt;\x1f\x8d\\\xc8:\\\nB&gt;\xc5\xa4\xca\x04M\xd3J\x84\x96X\xec\xb5\xb9.\x16\xb9k\x83\xc2&amp;*\xb1\x1f\xde\xe1ML\x90\x879\\f\xe8:\x80\xfe/YQ\x8a|\xaak?\x89\x03\xe1v)*\x1c\xd2\xf8f\x1a\x9d\xe6\xad\xfe\xad\xb9yh\x85\xf8{\x0b&gt;\xa3\x8f\x00\xaf\xe7a\xe0x\xe3\x7f\x10g\xae\x97\x15OT\x12rv\xe0bg[\x87\x1f\xd0r\xdd\xf7\x8b\xf3\xa5\xac)6u^M\x99\x1e\xf3\xcc0L\x93\x9a\x1f^vu3K\xe4\xa1\xb9\xf7J\xbd\xcem\x8f\x1a\xb7n}mp\xdc6+\xdcR\xff\xc8\xb3\x0c\x96q\xd1\x12e\x9em\x93\xb6[\xbfp\xae&amp;\x1e\xbc\x84\x0bi\xaf\xd8\xb4\x14\tI\x90\xbf\xce\x13\xf1\xdaqr\x8a\xb5\xc5\x91T\xf5\xc9\'\xe9\x97\x16\x8ew\xb3\xf2\xdcM6-\x8a\x943\r\x05\x04\xf6\x1a\x0b\xe6\xaa\x8d\xe1\xe0\xfc\xb8#\xe0\x1e\x9f\xe3y5&gt;\x17A\xdd\x19\xbd\xb2\xe7\xb4\xc5z\xa9\x04~\x03\x99\x06]\xd0\xba\xccv\x7f\xca\xad\x0c\x12\xf2\xee\x8f:\xc6x\xccC,\xb0\x9a-\xcf\x93\xc4\x83\xc3\xabF\x94\xf8\x85L\x1a:g\xa9\x0c\x8a\xb4\x97\xc6\xe1d\xfek%@\xde\x9dh\x13\x90\xcb\x90 \x13\x93\xe4z\xa7b\x18`\xbeo\xd4e\xb2\xfc?\x84\xb7&lt;2q\xbf\xeaf\xe4\xf0\xcc\xa3\x9d\xd3/\x03\xed\x89\xe8\x122\x7f\xc1o\xa3\x05;\xa3\x1e}i\x9c\xdd(\x13\x15^o\xf0\xdb\x1b\x061\x1d|\xf9\x95\xc0#\x04\xb8\x1bf\xba\'\x0c\x8e%\xc1\x0fo\xa4H2^\xe1g\x97\xc2\xec\xfd\xb8\xd5?2\xcef\xc4\xf2\xfb\xe8|A:\xe5\x12\xb5\x9d\x9e\x05\x02)\xe8\xf8pf\x93\xe0\xb7NW\xad\xbf\xf9\xfe&lt;k*\xcbM\x90\xab\x86\xdb9h\x87\xe7\xfaJ\xe5\x11J\xfdq\x18\xf6\x83!\x95\xe2\xbb\x03(\xf8\xbef\xf5(\x0fp\x0fr\x82\x81V\xce\x8f\xd1$B\xec70\x97\xd1?\xd8\xa9\xc3K4\xd5E\xb3\x91\xb94\x0ea\x13\x7f\x8fS"\xb0&gt;6\x7f&lt;i*\x0eB\x88\x8d\xa4*\xcf\xf6\xd5\x0c\xb00-\x8c\xb8\x081\xe1\xf7\xc6\xc3Ie\xb04Ouq\xf1Y\x99\xb4HW^\xed\xe4\x0b\x84\xe60rds\xfbk \x04\xe1\xea\x8erx\xd1&amp;0\x0c\x879V/.D2a\xcb&gt;\x87\xf0M\xa5M\xdc\x04_\x0b\x12\x16\xe0\x19\xbaE\x84\xa9\xeb\x11&lt;Q\xa8\x11J\xa2l\x02\x1e\xe5\x1f&amp;+\x18&lt;\xd8\xc3c\x17DU\xff#\x87\xb0\x85\xff\xe1Zsl\x15\xbdi\xd1"\x0e\x11\x9eH\xf5p\x11"=\x87A\xb71A\xd4i\xec\xc9?q\xbb\x9bY\xbe\x14\xdb\x11\xa2\xf5\x85\xa7@r\x92{\xc3m\xe1\xcf\x874\x03\xa3O\x12\x8f\x9d\xdb*R\xe1\xfb\xaf\xc4\xf2\xa2\x9d\xd9\xd7\x9d.iY\x85\x7fU\x8e\x03\x17\xf0\xbb\x0ff\xb8\xeb\xd97\xf27\xce\xefrh 6\x08}\xe1\xee@\\\xc6\x86\xf5A#@\xa7\x08\x16\xc6\x92e\xab\xaf2\x95\xeb\xe1\xdaR\xb39\x03\x91\xfa\x90/}\x82y\x8a\x0e\x90t\x8a\xe1\xbena\xeaQ\xeas\x8e\xa3\xc3\x03\xadN\x00\xf5\xb4\xe7\xef^\xd4\x10\xf2\xafX\n\x90H\xf64\xb6\xbaq\xb7\t(E\xaeN\x8a\x90\x04\xe9\xed^\x13-=S\x99\x94/\x83\xd3\xdf=t9\xcft\xe3W\t_\xae\\\x0c\x13\tp\x12\x8a\xc1\xedh,\xb3\xae\xd0\xb1\xd6&amp;\x17\x13!z\xc7\xd6ED\xe0`\x0f\x9f\xe6\xe4\x07\xde\x8e\xce\xdf\x18B&lt;;\xf8\x87\xe1\x80\xcd\xb4\xf2&gt;lg\xc0\xd8\x8c\xbb\no\xe1\xffF\x08\xe6\x13\x02/\x02\x8eO\xe0\x9f\x93\xbb\x93\x1e\xc5,\x05\t8\xed\x13F\xf6\x8e\xc4Bv\x93\x14\tDi+/\x00 \xd0\x19\x1dm\xc6\xb0\x1cn\xfd\tAp\x0bY=\x10\xf9\xe4\xf2.\\\x861\xca\x93\x19\xde&gt;E\xd2B\xa8&amp;\xf2\xef\xc6l\x03\x01,e\xf2\x81\xf0k\xba\x15\xd3\x97&gt;\xd6\xd2\xe8\x84\x8a\xd8A\xcfg\x9c\xf4\x9d\xe6b\x8f\x98\xe0-IX{\n4\xfb\x07/\x9f0\xd0\xdb\xe5hS(\x86y\xb7!N\xb8X\xfc\xa3E\x83&gt;QFK\x7f\xcc\x8dv\xbe\'Lu}\xd5n[\x01i\xc1\xe9\xcaV\xc1\x83V\x9e\xd3\x18z\xef\x98e\xf1{\xfa\x1a0\xca\x07 I\xa7[\x8b\xca]L\x9b\x16F\xd0\xb4C\xe0\xa2.&amp;\xe6\x9d\x93\x89\x07\xc1\xb1d~\xf6_\xa0\x8a2\xd2\x1d\xe82\x1d\x89\x0e\x97\xe1Z3e\xb2\xef\xd6\xbd\xf2\x83!\x13+\xc2DH\xc9\x93s\xech\x8d\xdb\xaa\xa1}\xb2\xfd3jc\xcf\x93\xb0W==\x96\x16\xbc\xa3\xfc\xcbb\xb2lW\xa9\xe7\xa1\x8d\x0b\x9c\x8e\xda\xc9\xb5\xd0\xb7\x93y\x05x\xfc*o\xce\xa2-\xac\xf7\xa6\xe4\xa9\xd5\xed\xcf\xe8=\x8f\xd8G\xe2\xe5\xd5A\xc3\x1e\x99z!\x92?;a\xa2%87\xbf\xba\xb3;f \xf0\x00\x8dF[\x9b\xe8\xe6\xab"1\xdd\xd2\x85\x01?.\xb8\xc9\x12m\xcd6\xc0.\x93\x98\x84\x93\xd1#\xdf\xe6\x01n\x11d1\x8b\x04Y\xaaV\xe8\x17\xc3S&amp;3fY\x00\xbe\x0b\xaf\x8869J\xd6\xbc\x98\xa5\xd3N\x9e[\xd1r\xd8\xb7\x92\x11V\xc1o\x91}i\xb4\x1a\x9a\xc3M\x94@\x89$\xcf\xcf\xe5\x9e"\xf7\xb1\x01\xe6H7\x85\xe7\xe3\xcb\x15\x0bB\x05\xec1\x7f\x1ce5\xce\xf6B\x97U_\xbd\x95\xd0\xb9\xa3\x04\xca\xcd\xd3i\x18\xc3q\x00l\x83:Y\xc7\\\xe5\x86+\xe5\xc2G\xef\xc1\xf5&amp;#\xcf\xad\xf3\x1cw\x06\x83\xa4wB\xbe\x07Z~\xb45\xfd\xc2\x96\xa0\x07V;I+\xe1\xcfa\x99\x15\x0f\x15k&lt;@6\xbe\xba,\x05\x13R\xf8\xd4\x88\x15]]8\xd6s\xa3\x92\xf9\x13\xec%q\x13C\xd0K\x04Z\x88\xb1\x91A\x0b\xfc\xe1\xb6Gz\x0c\x9f\x9a\x89(\x15\\\xc9/\x86\x1aw\x80\xf2\x1aM\xab]\xafn\xf6\xb8\xedJ\xb9\xa4\xd28\xb3\xf3\xc5p\xa5\xcf\xa0%\x8b\xb5he"\xbd`\xda\xb9\x1b\x8b\xf4\xf8!w\xdd\x98\xf9\xeb\xd3\x82\xf2\xdb\x03\x81\xc5h\x078\x7fgM\xc7iUe\x19\xb0\xdd3\x02b3\xf51h\xe5\x87FJ*\x98\x1cF\xa4\xb9\x8dvJ\xb8qq*s\xac\xb7\x8d\x86\xcf%dh\xd6V\xa3N\x02\x1e\xaf\xc0\x07\xb2ZO\xf5\x9dID\x8a\x1b\xa7[\xa1\x93\xc3\x89\xa0\x8a\xdb\x95\xfczD\xd0h\xbe\x98\xc2\xecu\xfb\xa7\x8d\x85\x19\xb8\x02\x01c5v\x87g\xa3w\x95`L\xc4\xc5\x11j\xee=2\xf7Q\x8a(\xa4\x07\x0e&amp;\xe3-#\xfa2\xbe\x1d\xf2\xa78t\x8b1\xe1\x92\xa3\x91\xd6\x00\x16w-\x81\xffY\x04\x1ej9J\xcf}\xecr\x02\xd3{\x07J\xf8\xba\xe3\x91@\xf9\xcd\xda\t\xf1\xdd\xe7#\x8c\xd1\x17\xbd\xde]c\xd3\xc1\xc8F\xf8\xca\xf1\n6 \xfd\x8f\xf8\xaa\rT\x19\xc6\xf2#)9\xf2\x12\xfd\xf6\xfb \xcc\x0cx\xf7\xf8\xa8|:\x02&lt;\xe5\\/\xd3H\xec\xdd\x15\x8c\x08\x8aU\xfbd\x8d\x8cT\xc0\xb7\xacz\x0es\xa3?\x9c\xa2\xac\x19\x83\xf0\xec/F\x88\xa7\xca\xe1\x19\xcd\xcf)\x86@\xac\xe4x\xdc^\xec\xedn\xa4\xd2D\x0f\x90\x07\x1b\xf367\xcc\x99*8\x1a\xa9&gt;\x05\xff_&gt;j\x18\xce\x01\xeai\x15\xc7Yt\xd3\'\xa9\x9e\xab\xb0Y\x91N\x8f\x1eA\x9d`\xf2S\nC\xc3\xb2\xd9\xbf\xa8\r\xebS\xc5\xa7\xaa\xe7\xc3\xbc\xa82\xa9\xbd\xaa\x99hI\x95\xa2\xd8\x0c\xc5\xed\xe9\xfc\xbf"t\xcaKKo\xe1{\xc8D_\xf7\xfe\x19\xb3Ti\x16\x05f\xff\x10\x00\x8f\xf5\x8fl\xce\xcc\xc3\xd1\x85:\xef\xd0m\xc8\x97\xd6n\xedF\x0fg-\x08Uz\xfeM\x1dF\x1a\x7f\x06\x89r\x1b\xde\xd2\x13\x12s\xa3|I\xe8&lt;\x12\x0f\x88*\x8f\xa8\xcb`@Hi1\x80w\x1e\x91\x1d\xf2\x95\xde=\xf9s\xe8r\xc12]\xf5O\xe4r\x00q\x82\x92\x1f\x1b\xc7\xc7#\xce\xb1 \xf7\xfa\x95\x04r\x93\xa8\xa2\xa8\xd8\xe9\xdd\xa7,z\x89\xe8\x19\x9d\xd6\xdd\'\x06;H\xf7\xb0\x13\xf2\xc7\xaf\xc2\xf3+\x04\xbb\x1d\x0c[&lt;r\xfbt\xdd\xd6\xfb\x15\xce\x04i{\xc1\xc2\xd2\xe2\xebeq\xb6H\x029\xd9T\x8a\x8a\xa6\x16Q\x15\xa1\xa7\xf2n\x82T\x8d\xc4a\xafz\xef3&gt;%\r\x91@^\xc0\xb0(\x18=\x0c8\xc5\xd9\xa31t:l\xd05\xe5\xd1f\xa9e \xe4L\xaa\x9b\xb8\xf6\xdf"9]\xaa\x1b\xb3x@2\xd3\rb\x18?u? 91\xb6V)Z\x9d\x99A\x9a\x0c\xbb\xb4)x\xd3\x83\xab\xacy,\'\xf0&amp;\xa0\xca\x84\xac\x8d\xdb\xc4\x94\xb1\\%\xb08\xc8\x98\xde7\xd6JFZ*\xa0\x18\xa4\xc1qk\x0b\xb2p\xb3\xc7\x07o:\xb8\x8d\xabj\xed\xac\xea\xdf\xe6(\x7f1\x10f\x0c\x1f\xd1\x8d,K\x82\xfal\xa8D\xfeh\x14-{\xd2\x0e\x88\xcf\x16\x90\x9e\xf3\xb7@\xda\xb3e\xd4#m\xfb)\xe6&lt;\xa6\xf3\x18\x10\xe28\x15\njh\xd3\x06\xdfm\xbc\x13x\xfe\x1e\xf3\xa3\xa1\x9c\xbc\x9c\xd4\xdf\x98\x15\x96\xf2;!\x8d\xab6\xd7T\xea:s\xed\xd6\xf7\x91\x9cxE#R\xa6\x93~\xd0\\\x9a$nQy\x0f\x05\x15\xcek\xce\x81\xd3.\xf6\n,\x17\xea\xf7\x89\xfc&gt;\xea\xa9$R#s\xd7|;\x9c\xa5\xfc\r:\xc1\xb1\x17H\xd1:\r$\xeb\xc9\xeci\x03H\x1c7\xcc\x9e%\xb8Q:\x03\xd4\xd5\x99\x1f:\x8a]\xfc\xcfO\xb1~4\x11\x06\xc4\x9d\xefq\xb9i3\xd8X\xd1Ve\xbe\xe2\xf3\x1a\xb8\xcd\xbb\xb7@\xaf\x99\xdd\xb1\x1a\xcem,\xaf\x95{e-\xee&lt;&amp;\x9621\xaf\x92%\x17\x92\xd8S5\x87\x02\x1f\xa8\x80\xf6\xc5\xdb\xf6+\x81\xec\x05F\x81y8\xc6\x1c\xae\x07^\x99\x00\xe1y\x85\x14X\x8f\x07s&amp;\xf7\x82\x0e|\xa4*\x06\xb5\x82hJ\x84\x8c\xaf\x82(\xbb\xb5\x0b\xcc\xfeR:\xdbU\xaa\xe7%\xa9*}\xbb\x97\x8d-\x99\xa0\xfc\xb2\xb38\xf3=\xad3\xaeK\xb0\xb1\x9c\xf8%har\xf6\xe1\x81n\x92\xf8\xe8\xd8z\xbd\xdd\x90\xa3\x1f\x9f\x9b\xfc\x8ba\x9b\xf7\x1b\xd1\xbd\xc3\xbf^\x89\xb5\xff\\\x82\xc9\x95\x8a\xf2\xd0\xc5Vr*r\xe7\x11\x0c\xff\xdffN\x9e\xf2\xd9\xde$0%)\x8f^o\x88/\xb7L\xc9\x0b\x89A8\x99\xed\xca\xf6\xcc\xadt\xb8B7\x95\xac?\xf6\xb8\xfds\xf8\xb2\xc1}\x1dr\xf7H\xe1?\x92\x9f*\n\xceV\xbe\xf0\xab\xf0\xa3\xc6\x89\xa1\xc1$K\xc4\xec\x15J|\xd0P\xd8\x15\xb1Pp(9\xeaV\xfa:\xa5\x0c\xd97\xca\x80\x97\x18\xac\xa2\x9b\xbf.\xb6|\xd6\x8c\xc6\xfc/\xa7\xc9\x1c\xcb\x92\xef&amp;7_\\w\xdc\xf8\xfe\xcd \x13C\xf0cT\xb4%\x89\xb2V\x02\xf3\xf6;n&gt;x\t\xde\x80\x86\x9d1M\xfd~8\x94@\x01\x87\x94\xb5 \xaeP2\xf2\xcaa\x03\xccd\xa9R\x14\xd5\xb4\xc6m\xd8\x8c\xdc:\x87\xe2\x1cm6\xb6\x7f\x91\xc48\xe2I\x9c\xb5[|\x1ae\x90\x95{F\xe3}I\t@X\xdbf/\x83\xa3\x9bg\xd9\xba\x06]\xea\xc80\xa2\xfb\xa9\x8c.\xce\x9bw\x13xR\xa7\xb4\xc6U\xf12\xbf-{)T-\xac\x8b\xab\xdf\x06\x9e\xf9\xf2\x8dl\xa9 \xa2^$f\x95K\xee\x8e\xd5\x14s\xcd\x8a\x85\x94xsw\xae\xbcG*\xfe\xb7\xdcN\xd5\xef\xe5\x9f'</t>
  </si>
  <si>
    <t>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</t>
  </si>
  <si>
    <t>b'\xa9oE\x03\xf1\xa9\xe0U\xa5D\x0f2\\\xc0+\xc5'</t>
  </si>
  <si>
    <t>ather than secrets. For example,
 string theory describes the physics of the universe in terms of vibrating onedimensional objects called â€œstrings.â€ Is string theory true? You canâ€™t really design
 experiments to test it. Very few people, if any, could ever understand all its
 implications. But is that just because itâ€™s difficult? Or is it an impossible mystery?
 The difference matters. You can achieve difficult things, but you canâ€™t achieve the
 impossible.
 Recall the business version of our contrarian question: what valuable company is
 nobody building? Every correct answer is necessarily a secret: something important
 and unknown, something hard to do but doable. If there are many secrets left in the
 world, there are probably many world-changing companies yet to be started. This
 chapter will help you think about secrets and how to find them.
 WHY ARENâ€™T PEOPLE LOOKING FOR SECRETS?
 Most people act as if there were no secrets left to find. An extreme representative of
 this view is Ted Kaczynski, infamously known as the Unabomber. Kaczynski was a
 child prodigy who enrolled at Harvard at 16. He went on to get a PhD in math and
 become a professor at UC Berkeley. But youâ€™ve only ever heard of him because of the
 17-year terror campaign he waged with pipe bombs against professors, technologists,
 and businesspeople.
 In late 1995, the authorities didnâ€™t know who or where the Unabomber was. The
 biggest clue was a 35,000-word manifesto that Kaczynski had written and
 anonymously mailed to the press. The FBI asked some prominent newspapers to
 publish it, hoping for a break in the case. It worked: Kacz</t>
  </si>
  <si>
    <t>b'\xa2\xe1\x98EB\x97m\x9d\xee\x8cp\x8b*u\'q\x0eK\x03\x9eXe\x9d\xf6\xa6\xf467\xa7\xf3\x95\x81\x96.\x97 .\xe55Z:\xd4%\x98#\xfb\xf4q_\xe8+H\x82\xb7\r\x9bg\xda\xcb\x82\xcc\xbc\x18&amp;\x90H\xbd\x8d\xcedC\xc1}\x0f\x1b\x0f\xe2"\xc2_{ w7\x1d\xbfa\x92\x1f\xe3\xb1\xbc\xa9\xc2\xd6\x806\xf4\xf4\x02\xc6t\xa8\xd8q\xd9\xd0\xac\x00\x8d4\xb5I\xf6`\xf7H\xb1.\xa7#\xc5\xa8\xbd\xa1B\xf0\x0f\xd2\'~\xf5_\xfc\xf7\xa6\x92\xb2\xde\xb9y\x91W\xe17`\xa7w\x8b9\xa9\x19\x11\xbe\xc7\x9d\xa9W4\x91\x95*{\xc0\xd0i+\x8f|\xe9e\xeb\x95\x01v\xf4Q\xd5\x9c\x9d\x8a\xc5\x97f\xc9\x0fn\xb2M-]@\xe4\x1fqV\xc8\xc0\x8e\xe7XC\x9e\xeb\xeb\xaa\x087&amp;\x04W\xe7D\x98\xb5\x9aH\x95\xe7\xc1qY8\x17\xe9\xdcP\x87\x90\xe6\xd9\xa0\xa0\x97!\x1c~\xfa\xc0\x0c!\x9e\xe4+\xcdO\xd5\xb1t\x94\x14\xab\x9aJa\x8ch\x0c\xd0\x92):\x82\x8b\x85\x93\x94\xe0\xc2/\xceG\xf2\x95\x87M\x94\x80\xc7]G\xf8vV\x8b\xb4\x841\xbc\xb3J\x03\x88{\xd2\xf9-\x0e\x0b\xf2bC\xd2\x9f"\xa4,\xbc\xd2\xbf\xc5\x11/vJR\rj\xb1P\xa3\xbf\xb2\x95\x173\xb7\xb5\x8d[\xef\xe5"K\xd1&amp;\x888\xd0\xfc\xfd\x0f\xa3|k\xaf-\xee1\x1dC\x94\xe1^W\xb1\xeb\x91\x8a:\'\xe8\x1eL\xfc\xc8\x9b\xbd\x97\x18Z/\xd7nNy&lt;\xdf\xc4k\x15\xd6\x9e\x05\xf7;\x8c\x17n\x1bw2\x81\xdd:z\xd3\xd8\xa4\\R\xef\xa9\xec\xee\xc7;3\xa6p\xcd~\xd0\xa0\x02C\xacC\xdfy\xd3\x9b\xbe\xd2H\x11 \x93\x0e\\\xc1\x9c\r;\xd7G\x05{\x97dty"\x87x\xe4\x9c\xc1\xbd\xd0oh\xfd\xb1\xbd\x89\xc8PY2\xf6\x00j\xc8\xb5Q\xec\xf7j\xeeB\xdd\xa2c\x00\xc8\x13w\x00\x95h\x0b\xba1\xe9M\x08\x0bK\xb3NE=*\xe6A\xa9[t\x832\xf4\xe8=\xaaO\xb1&lt;\x81\xd5\xf7\xb1\xc3LD5\xbd\xf1\xe1\xd6T\xc3\xa0\xce\x9d\x9a\xfd\xf5Mp\xcb\xe7*\xc7\x0c\x8d\xeb4\xd3\x95\xb1%\xa2\xe7\xc7\xe5\x14\xe6&amp;\\\xb3\xd6\xe2\x94\xd5,H\x8f\x129H\xf7\x93&amp;tDD\xe4\x9c\xf1\xb8\x0c%\x15\x95\x0b\xd3\x97nb\xcb\xaaN4\xceg\x83\xc8\x190P\xd9\xd9/\x9d\xc1*\xecB\xc4\xc9\xdd\n\xac\xf9P4\x8cA,-F\xc9P\'.}\xe8\x12\xe6\xca\x93t%\xfb\xe3\xf6\xcf\xc1G\xee\x1b\xc67\x19\xa0[4)FO\xdf\xf2F\xccpO\x1b^z\x93T\xa1\x83\xeb-\xd2ld\x04\x8a\x1c\x96$\xd5\x89\xc0\x9d\x8f\x05I\xcd\xcc\x10#\xe8\xb8q\xdeT\xbcB\xd5`\xff\xd6\x19\xc64\xda\x80\xfc\xd7x0\x98\xfc\xd2\x807\'yuBj\xf2\xecm0\xab{R\xb7\x05Q\xc6E?\xd5\xbd\x10\xa7\'\xcd\x15\xa6\xe0\x91V\x17\x0ev\xde\x0f\xb5\xdf\xd8\x0f^\xa74BP\x93\xbf\xb3\xb3\xa8.\x1fMmZ\xa5\x9dc\xe7\xdb\x87\x06r\x02\xd1/\x8e\x9b\xf3\x82\x8c\xf9\xea\xa3\xfd\xda\xb6\x875\xff\xb14\x8c&lt;O\xcd\x1a\xbe\x8d\xb7U{q\x0e,\xeb\x0c!\xb6\x0b\xf0d\xd2\x89#\xb1\xafbpT}q\xa8\xc68\xca\xc3\xa0\xf3\x0e\xc6v\x0f\x15%|\xf4\x89aV\x011PF&lt;B\xecU\x94H\xe8j,T\xaf \xaf\x936r\xfb\xc2\xca\x9b\xb6Z5@&gt;\xbf\x98R*\x05\\\x8dk\x8c(S-9\xf7J\xaf\xb8\x8c\xe4#\xbd\xff\n\xbe\xa5\xda+\x91\xa6\xf2o,G^H\x0c\xc2]\x95C\xed\x84\xd0\xc4\xf1\xee\xd9\xf8[\xe9\xe6\x9c\xc9M"\x9eV$\x8dR\xcc5r:\xf9\x83P\x16\xf6\xe5\x88&gt;2\xa3_\xa9d\x1e\xa89j\xd5\nAty\xde\x88~\x93\xb3\xf1\xb4\x93\x15(\xa1`t\xef\x0b\xa3\x1d\x13\xd4\xc3l\xf7\xb3\x10\xc5EM\x96\xe1\x17h.i\x06q\x86\xc2Z\xc7\xe6\x83\xec\x17a\x1aI3\x1em\x99!\x83\xb6\xba\x17\xf9Y-`\xd3\xb4I@\x90\x9e"\xaaq\xf0*#\xd4\xf1Dq\xc8\x7fJ\x93\x9d\xde\xf2\x84\xb4\x95\x01\xd6\x7f\xdf+Fz\x0bq\xee\xb2\xdft\x84\n\xd9\x9f\xc6\x9f\xa19\xa7\xd3\x8a+\xcb\xbf\x94&lt;\xeav\xf6\xeb\x8f\x1a\xb5\xefz\xec\x98\xf97g\x93\x1b*n\x11&lt;\xdf&gt;\x1c8x\xbe\x12s\x98@\xb6\xfbnl\xb6K\x8c\x8aW\xc1\xf7\x88\xc0{u\xbdU\xa2\xee\xe3\xee\xca\xef\xf6E\xc7\x0e\'D\x95\xf8^\t\x11rg]#\xb7L\xf3\x99O\xd1\x9b\x897\x18\x15[Q\x02\xa4W\x9a\xb2\xea\xa5[\x83\xfe\x0ey\xd1iI\xd3\x11\x94z\xb8\xcdl\xd6\xc52\xb3|$\xcdOM\x94\x19\x8d\x92\x0fI\xf6\x004G\xdc:\xa2+u\xe3\x8e\x0c\x94[\xa8\xd2\xbfz\xeb3\xf2\xd5\x83?\xda\x97![\xa0g%\xaaL\xaay\x86\x87\'+\xf7\x0c\xd2R\xdc\xa1/,\xb2\r\x0c\xc6\x98\xbf\xeb+t\xe5\xef\xee\x82e\xb5\xa51\x88~\xc4cHk\x88]\xa5\x0f\x91l\x0f:\xcb\x0b\x87"\x9f\xcc\xa9\x97\xd5\xfa\x01\x1a\x88J\x1d.1\xae\xee\xa6\'\xb8\xe0\xa8-i\x9e\xa2\xfd\x9bJ\x8f\x95\xbe\xbe\noDke\x14/\x8f\xed\x1f\x01\xf4w\xec\x80\xb6\xce\x10\xec\x97\x1e7\x87\xc6\xb9v=N\xdd\xf1\xb0e\x89\xd5\x00w\t:\xb8\xb9v=\xdf\x91K\xdd\xf9\xff\xe0O\x97\xc8\x0f\xba\xe5\x07:\xd5\x15\x8f\xe4\x1d\xaa\x1e\xd7R\xbb\x99G-\x1a/$\xcc\x16\n9\x88\x99\xd4\x14\xe5W\x98\t\x10\x9e]B\xe6A\xab\xbb\x0b4\xbe\x8d?l\xf4O\x96\xb5\x88Z\x9d\x95\xbf~\x17\xe2_\r@M\x99\xd63L\xd9\x12\xf0\xc0\xed\x9az\xd7\xf9\xc4d\x9eW\xa1\x83\xaeO\xc2/\x7f\x7f\xf3\xc00aJ0=\xc8&gt;e\x8d\xbd\xb1\xbau~\xa5(\xe6\xe2_\x94\xf5&gt;\x00\x94\x82m\x18b~\x1cF\x1eJ\x14H\xc6\xdd\x83\xdd\x8f\x1b\xbb&gt;\xd3\xaf\xaf&amp;_-\x903k\x95\x0c\x83\xde\xda\xdbX\x99uT\x82&gt;JQl\x01\x169\xa6\xect\x9a\x80\x82B}g\x03\xcfR~\x95yK\t[7n\xe0\xcc\xbc\xf5\xcf\xe7|\x11\x91\x83\x8a]$\x99]\x86\xe4&lt;\xfe\xacV\x19\x84IV|\x0b\n.\x94\x10\xd9\xebl\xf8\xf5\xc7Qv\x7fB\xde\xa6\xaew\xe7\x1e;mf\xf6i\x0c\xcb\xac\xb0J\xf9\xd3~L\xd0\x8f)\xccSJ \xae\xdeB\xa1\x8c\x18\xe4\x8c\xbf\xc4\x07\xd5J\x8dX;q\xc6\xa2\x17\xf8\x86\xf5\xef)"0#Gu[d\x9a\xb92+'</t>
  </si>
  <si>
    <t>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</t>
  </si>
  <si>
    <t>b"\xa2\xe1\x98EB\x97m\x9d\xee\x8cp\x8b*u'q"</t>
  </si>
  <si>
    <t>orget?" he inquired anxiously. "Precious sight, and reasons 
 of his own, says you. Reasons of his own; that's the mainstay; as between 
 man and m</t>
  </si>
  <si>
    <t>b'\x9d\x98*\xff\xef\x07\x81k\x0e\xa8\x8e\x96\xe1m\x81t\xc0\xdcd\xec\xd6Y\r\x03\xe2\x93i8y\xee$U@\x9d\x8c+U\xfd%wJ\x17\x8c\x13\xe1\x85g\xf3:3\xa1,\t\x13\x0f$\xe3\xc2\xad\xb1\xed\x0b\xb5$\x10\xc4\xcfA\x8a\x92\x9a\xee[ \xac\xefU\xea^\xde\xd3\x16\x05\xfci\x91\xf33Jh\xd7\x1f\x04\xb7j\xb4\xf2\x14\x11n\xf2\xff\x88\xde\xaeT\x8e\xb5G\xda\xe5\xf2}]\xec\xab\xfb\x0b\xea\x0f\x90/F\x04\x7f\xd0\x8c\xc7H\x0eG7\x1f\xe3q\x15\xe3\x15C\xa8j\xd8\x83R\xb2*\x05i\xfe=}\x82\xed\n\xa2\xd5&amp;\xc2TIv\x85nV\x11\xfa\xe3\x8e(\r\x82\xd2\x05\x9d\xa4\xb5\xa3\xb2\x05mG4P\xaei\x05\x19\xa6\x1d\t\x8f\xd3\xf6\xfd\xd8\xffU\x13\x0f\tSGq)f\xc1\xaf0M\xb3\xb0V\x14\x07\xfaS\x1d\x83\x0c\x0e\xec\xd0\xdbq\xc2\xdaJ,\xd6Z\xbb2\xf5hY\xc8\xd2t}\xe9T\xf9\xc2\xeaw\xc8"\x93\x10J\x97\x80\xbeE\xb1\x8d'</t>
  </si>
  <si>
    <t>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</t>
  </si>
  <si>
    <t>b'\x9d\x98*\xff\xef\x07\x81k\x0e\xa8\x8e\x96\xe1m\x81t'</t>
  </si>
  <si>
    <t>What is the lowest you will take for him?" said the farmer as I came back.
 "Five pounds, sir; that was the lowest price my master set."
 "'Tis a speculation," said the old gentleman, shaking his head, but at the same time
 slowly drawing out his purse, "quite a speculation! Have you any more business here?"
 he said, counting the sovereigns into his hand.
 "No, sir, I can take him for you to the inn, if you please."
 "Do so, I am now going there."
 They walked forward, and I was led behind. The boy could hardly control his delight,
 and the old gentleman seemed to enjoy his pleasure. I had a good feed at the inn, and
 was then gently ridden home by a servant of my new master's, and turned into a large
 meadow with a shed in one corner of it.
 Mr. Thoroughgood, for that was the name of my benefactor, gave orders that I should
 have hay and oats every night and morning, and the run of the meadow during the day,
 and, "you, Willie," said he, "must take the oversight of him; I give him in charge to you."
 The boy was proud of his charge, and undertook it in all seriousness. There was not a
 day when he did not pay me a visit; sometimes picking me out from among the other
 horses, and giving me a bit of carrot, or something good, or sometimes standing by me
 while I ate my oats. He always came with kind words and caresses, and of course I grew
 very fond of him. He called me Old Crony, as I used to come to him in the field and follow
 him about. Sometimes he brought his grandfather, who always looked closely at my
 legs</t>
  </si>
  <si>
    <t>b'\xaf\\\x0e_\xc2N\x882'</t>
  </si>
  <si>
    <t>af5c0e5fc24e8832</t>
  </si>
  <si>
    <t>sults regarding how relative price changes translate into
 changes in the distribution of income. More specifically, we saw that the specific factor in
 the sector whose relative price increases will gain, and that the specific factor in the other
 sector (whose relative price decreases) will lose. We also saw that the welfare changes for
 the mobile factor are ambiguous.
 The general outcome, then, is simple: Trade benefits the factor that is specific to the
 export sector of each country but hurts the factor specific to the import-competing sectors,
 with ambiguous effects on mobile factors.
 Do the gains from trade outweigh the losses? One way to try to answer this question
 would be to sum up the gains of the winners and the losses of the losers and compare
 them. The problem with this procedure is that we are comparing welfare, an inherently
 subjective thing. A better way to assess the overall gains from trade is to ask a different
 question: Could those who gain from trade compensate those who lose and still be better
 off themselves? If so, then trade is potentially a source of gain to everyone.
 In order to show that there are aggregate gains from trade, we need to state some basic
 relationships among prices, production, and consumption. In a country that cannot trade,
 the output of a good must equal its consumption. If is consumption of cloth and 
 consumption of food, then in a closed economy, and . International
 trade makes it possible for the mix of cloth and food consumed to differ from the mix
 DC = QC DF = QF
 DC DF
 (PC/PF)
 2
 (PC/PF)
 2 (PC/PF)
 1
 (PC/PF)
 1
 (PC/PF)
 2
 3
 In the figure, we assumed that there were no differences in preferences across countries, so we have a single rel_x0002_ative demand curve for each country and the world as a whole.
 4
 We describe how changes in relative prices affect a countryâ€™s pattern of trade in more detail in Chapter 6.
 64 PART ONE International Trade Theory
 produced. While the amounts of each good that a country consumes and produces may
 differ, however, a country cannot spend more than it earns: The value of consumption
 must be equal to the value of production. That is,
 (4-7)
 Equation (4-7) can be rearranged to yield the following:
 (4-8)
 is the economyâ€™s food imports, the amount by which its consumption of food
 exceeds its production. The right-hand side of</t>
  </si>
  <si>
    <t>b'0D\x02 ;wR\xa3\xceCA\x87N\xd6V\x12E\xd6\xa2\\%\xe9\xf2=\x16T\x92u\xe8N\x8c@/\xa8"m\x02 E\x15\xc0H!\x8d#\xd7On\x9e\xc4E\xb4&amp;\xd2\xe2x\xb7\xbb\x99=\xd0B0\xb0\xff\xd8\x99\xef\x18\xb5'</t>
  </si>
  <si>
    <t>304402203b7752a3ce4341874ed6561245d6a25c25e9f23d16549275e84e8c402fa8226d02204515c048218d23d74f6e9ec445b426d2e278b7bb993dd04230b0ffd899ef18b5</t>
  </si>
  <si>
    <t>b'0D\x02 ;wR\xa3\xceCA\x87N\xd6V\x12'</t>
  </si>
  <si>
    <t>we readily arrive at the
 circuit realization depicted in Fig. 15.36(b). Note that the inherent signal inversion in each
 integrator necessitates returning VX to the noninverting input of the adder and VY to the
 inverting input. Since
 VX = âˆ’ 1
 R1C1s
 Vout (15.97)
 and
 VY = âˆ’ 1
 R2C2s
 VX (15.98)
 = 1
 R1R2C1C2s2 Vout, (15.99)
 Î±
 n 1
 Q s
 n Ï‰
 s Q
  Ï‰
 Vin Vout
 C1 C
 R
 R
 R
 R
 6
 4
 5
 2
 Vin
 Vout
 R 1 R 2
 X
 Y
 3
 R
 R6
 Vin
 VY
 R
 R
 VX
 3
 4
 5
 (c)
 (a)
 (b)
 â€“
 Vout
 Figure 15.36 (a) Flow diagram showing the generation of Vout as a weighted sum of three terms,
 (b) realization of (a), (c) simplified diagram for calculating Vout.
 736 Chapter 15 Analog Filters
 we obtain from Fig. 15.36(c) the weighted sum of Vin, VX, and VY as
 Vout = VinR5 + VXR4
 R4 + R5
 _x0002_
 1 +
 R6
 R3
 _x0003_
 âˆ’ VY
 R6
 R3
 (15.100)
 = R5
 R4 + R5
 _x0002_
 1 +
 R6
 R3
 _x0003_
 Vin âˆ’ R4
 R4 + R5
 1
 R1C1s
 Vout âˆ’ R6
 R3
 1
 R1R2C1C2s2 Vout. (15.101)
 Equating similar terms in Eqs. (15.96) and (15.101) yields
 Î± = R5
 R4 + R5
 _x0002_
 1 +
 R6
 R3
 _x0003_
 (15.102)
 Ï‰n
 Q = R4
 R4 + R5
 Â· 1
 R1C1
 (15.103)
 Ï‰2
 n = R6
 R3
 Â· 1
 R1R2C1C2
 . (15.104)
 It is thus possible to select the component values so as to obtain a desired transfer function.
 Called the â€œKHN biquadâ€ after its inventors, Kerwin, Huelsman, and Newcomb, the
 topology of Fig. 15.36(b) proves quite versatile. In addition to providing the high-pass
 transfer function of Eq. (15.95), the circuit can also serve as a low-pass and a band-pass
 filter. Specifically,
 VX
 Vin
 = Vout
 Vin
 Â· VX
 Vout
 (15.105)
 = Î±s2
 s2 + Ï‰n
 Q s + Ï‰2
 n
 Â· âˆ’1
 R1C1s
 , (15.106)
 which is a band-pass function. Also,
 VY
 Vin
 = Vout
 Vin
 Â· VY
 Vout
 (15.107)
 = Î±s2
 s2 + Ï‰n
 Q s + Ï‰2
 n
 Â· 1
 R1R2C1C2s2 , (15.108)
 which provides a low-pass response.
 Perhaps the most important attribute of the KHN biquad is its low sensitivities to
 component values. It can be shown that the sensitivity of Ï‰n with respect to all values is
 equal to 0.5 and
 _x0004_
 _x0004_SQ
 R1,R2,C1,C2
 _x0004_
 _x0004_ = 0.5 (15.109)
 _x0004_
 _x0004_SQ
 R4,R5
 _x0004_
 _x0004_ = R5
 R4 + R5
 &lt; 1 (15.110)
 _x0004_
 _x0004_SQ
 R3,R6
 _x0004_
 _x0004_ = Q
 2
 |R3 âˆ’ R6|
 1 +
 R5
 R4
 _x0005_
 R2C2
 R3R6R1C1
 . (15.111)
 Interesting, if R3 = R6, then SQ
 R3,R6 vanishes.
 The use of three op amps in the feedback loop of Fig. 15.36(b) raises concern re_x0002_garding the stability of the circuit because each op amp contributes several poles. Careful
 simulations are necessary to avoid oscillation.
 15.4 Active Filters 737
 C1 C
 R
 2
 Vin
 R 1 R 2
 Y
 Vout
 R
 3 4
 â€“1
 X
 Figure 15.37 Tow-Thomas biquad.
 Another type of biquad developed by Tow and Thomas is shown in Fig. 15.37. Here,
 the adder and the first integrator are merged, and resistor R3 is introduced to create lossy
 integration. (Without R3, the loop consisting of two ideal integrators oscillates.) Noting
 that VY = âˆ’Vout/(R2C2s) and VX = âˆ’VY , we sum the currents flowing through R4 and R1
 and multiply the result by the parallel impedances of R3 and C1:
 _x0003_ Vout
 R2C2s Â· 1
 R4
 +
 Vin</t>
  </si>
  <si>
    <t>b'\x9d\xbeb\x8d\xae\xcfy\x0b9\xd5\xa1\x0c\x93\x0f\xcd\xab'</t>
  </si>
  <si>
    <t>9dbe628daecf790b39d5a10c930fcdab</t>
  </si>
  <si>
    <t>itish colours on the log-house in Treasure Island. 
 104
  Thomas Redruth, owner's servant, landsman, shot by the 
 mutineers; James Hawkins, cabin-boyâ€” 
 An</t>
  </si>
  <si>
    <t>b'\xba\x05S\xdba\xee\x0eK&lt;i\xe9W&amp;}\x1dET8\x05\xd5\xe6\x12:\x1f\x85}\xb0\x89\x8fkq\xbc\x8f\r\xad\\\x9a\x05\xff\xd07\xd6e\x02K\x85\x8fdI\t\xc5$\xee_X\x87\xf1+\xa5\xfa\xe2\xc1\x02\xe7\xe5\xe0]\x90\xe3\xa8\x05Q\x81\x08\x8d$\xdf^/\xc7\xe5XZy\xec|v.Kb\x0e\xa5\x88\xe8\x17\xec\xca7\xcbe\xa9;\x16d\xd9P\xb1(\xd9iVt1L\x82\xe7\xd74\x9a\xb6\x06\xd9\xc9\xb0\xe9\xf9\x9a\xe4\xc9\xf7\xfa)(h\x1bYU\xc5s@1B\xd22\x02\xd4\xa1+\x82i\x97\xc0\xd5!\x86Mb&lt;\xefl%\xd5\xf6\xda\xf6\x98`\x86\x19\xa5\x85\xfb\x87\x84q\xa3)8\x99\x14\xe7\xfd\xea\xc8C-7\x88\x9a\xa0E\x97#E\xf8\xcd\xa1\xf5\xcb,w&gt;\xee\t\xec\xf8\xd3\xbe\xc9\xe8R\x87S\xa4\xf4\xb4\xaa \xd3eO]:\xdeu\xf0\xbfK\x83\x87\xb6a\xc6\xf1\\y\xc0\x1e\x99-o\xf2\xd7f\x80y&gt;+\xacR\xb5{a&lt;\xa7\xd2\xfa\x87\xf6\x9a\xbd=\xb3\x14\x80\x99G\xe1$5\xa8\xfd\x12nT}\x9a\x1d\x00\x17\x86\xeel\xc5\x1d\x81&amp;\xb4\xb2mA4\xdc\x98\xde^\x19\x9f,}\xa5m~E\xa2\xf5\xf0C\xe5&amp;\xfc5\xd7\x88\xd4q\xd4\x9c\xc8h\x0b\xe3K\xc3z\x13\xfdLu\x8c$Z=\x1d;&gt;\xd1h\xc6W\xc1:\xcb\x1c\xf7\x14X\x8a\xf4\x0c\xe7\n\x86\x968\x8c9_X\x82\x18\x17\xe6R\x01|\xf8u\xf4\x8f6\xa5\x8a\x0e\x92\xb7\x7fU\x0c\xe6\xcc\xa8{\xa0\xbb\xacl\xc0W\xce\x9au\xed\x1d\xa2j\\\xcaW\xbd\x91o\xab6Z\x87\xabw\xc2\xc4F\x00I*F\xec0&lt;\x02\xe4^\xcf\xffw\xf2\x16\xe5=\xb2\xa1m\x1e\xa1\x9c\x18M\xea\x82\xb7P\x00\x88T\x18c\xc9t\x12g]rvh\xed\xb2\xbfO\x11*\x1e\x10b\x0c\xbb\xc0\xa0\xf2\xb6\xbc7\x01\xd1\xa9.\xeb\xc4\xcd\x0f\x08}lyI91N^\xbc\xda\x17\x06\xdf\xe8\xcea\xf6\xea\x8e\x15i\xe7\xac!r\xab\xb8P,=@\n\x07'</t>
  </si>
  <si>
    <t>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</t>
  </si>
  <si>
    <t>b'\xba\x05S\xdba\xee\x0eK&lt;i\xe9W&amp;}\x1dE'</t>
  </si>
  <si>
    <t>Du Pont, who, with severe
 justice, determined not only to undeceive the Count on this subject, but
 to resign all hope of Emily. Such a sacrifice as his love rendered this, was
 deserving of a noble reward, and Mons. Bonnac, if it had been possible
 for him to forget the benevolent Valancourt, would have wished that
 Emily might accept the just Du Pont.
 When the Count was informed of the error he had committed, he was
 extremely shocked at the consequence of his credulity, and the account
 which Mons. Bonnac gave of his friend's situation, while at Paris,
 756
 convinced him, that Valancourt had been entrapped by the schemes of a
 set of dissipated young men, with whom his profession had partly
 obliged him to associate, rather than by an inclination to vice; and,
 charmed by the humanity, and noble, though rash generosity, which his
 conduct towards Mons. Bonnac exhibited, he forgave him the transient
 errors, that had stained his youth, and restored him to the high degree of
 esteem, with which he had regarded him, during their early
 acquaintance. But, as the least reparation he could now make Va</t>
  </si>
  <si>
    <t>b'R\xb6\x85\xeb\xdb\xcb\xfd\xa7\xd0\x17.%\xd3\x10d\x9a\x13+Brn\xb4\x9a|\x8e\x96\xc4.\x15.\xb6SlzJ\x1b\xe6\x7f\xecL8\x11\x99?\x9d\xd8\xb0@P\x1dC\xce\x8f\x1c\xbd\x8e-\x01\x85r\xebp\xf5\xbe'</t>
  </si>
  <si>
    <t>52b685ebdbcbfda7d0172e25d310649a132b42726eb49a7c8e96c42e152eb6536c7a4a1be67fec4c3811993f9dd8b040501d43ce8f1cbd8e2d018572eb70f5be</t>
  </si>
  <si>
    <t>b'R\xb6\x85\xeb\xdb\xcb\xfd\xa7\xd0\x17.%\xd3\x10d\x9a'</t>
  </si>
  <si>
    <t>.
  (12.33)
  â€¢
  Problem 12.17 Check Eq. 12.29, using Eq. 12.27. [This only proves the invariance
  of the scalar product for transformations along the x direction. But the scalar product
  is also invariant under rotations, since the first term is not affected at all, and the last
  three constitute the three-dimensional dot product a Â· b. By a suitable rotation, the x
  direction can be aimed any way you please, so the four-dimensional scalar product
  is actually invariant under arbitrary Lorentz transformations.]
  Problem 12.18
  (a) Write out the matrix that describes a Galilean transformation (Eq. 12.12).
  (b) Write out the matrix describing a Lorentz transformation along the y axis.
  (c) Find the matrix describing a Lorentz transformation with velocity v along the
  x axis followed by a Lorentz transformation with velocity Â¯ v along the y axis.
  Does it matter in what order the transformations are carried out?
  10It doesnâ€™t matter whether you define the scalar product as in Eq. 12.28 (âˆ’a0b0 + a Â· b) or with an
  overall minus sign (a0b0 âˆ’ a Â· b); if one is invariant, so is the other. In the literature, both conventions
  are common, and you just have to be aware of which one is in use. If they write the diagonal compo
 nents of the Minkowski metric as (âˆ’,+,+,+), they are using the convention in Eq. 12.28; otherwise
  they will write (+,âˆ’,âˆ’,âˆ’).
 528
  Chapter 12 Electrodynamics and Relativity
  Problem 12.19 The parallel between rotations and Lorentz transformations is even
  more striking if we introduce the rapidity:
  Î¸ â‰¡tanhâˆ’1(v/c).
  (a) Express the Lorentz transformation matrix 
 compare it to the rotation matrix (Eq. 1.29).
  (12.34)
  (Eq. 12.24) in terms of Î¸, and
  In some respects, rapidity is a more natural way to describe motion than ve
 locity.11 For one thing, it ranges from âˆ’âˆž to +âˆž, instead of âˆ’c to +c.More
  significantly, rapidities add, whereas velocities do not.
  (b) Express the Einstein velocity addition law in terms of rapidity.
  (ii) The invariant interval. The scalar product of a 4-vector with itself,
  aÎ¼aÎ¼ =âˆ’(a0)2 +(a1)2 +(a2)2 +(a3)2, can be positive (if the â€œspatialâ€ terms
  dominate) or negative (if the â€œtemporalâ€ term dominates) or zero:
  If aÎ¼aÎ¼ &gt; 0, aÎ¼ iscalled spacelike.
  If aÎ¼aÎ¼ &lt; 0, aÎ¼ iscalled timelike.
  If aÎ¼aÎ¼ = 0, aÎ¼ iscalled lightlike.
  Suppose event A occurs at (x0
  A,x1
  A, x2
  A, x3
  A), and event B at (x0
  B, x1
  B, x2
  B, x3
  B).</t>
  </si>
  <si>
    <t>b'\x13K\xc1R\xe6\x0e9\x17S\xca\x92\xa1\xb0\x00\xe4 Fv\xcb\xdb\xbfA5\xf8\xea\xdc.[\xd6\xfbIe'</t>
  </si>
  <si>
    <t>134bc152e60e391753ca92a1b000e4204676cbdbbf4135f8eadc2e5bd6fb4965</t>
  </si>
  <si>
    <t>b'\x13K\xc1R\xe6\x0e9\x17S\xca\x92\xa1\xb0\x00\xe4 '</t>
  </si>
  <si>
    <t>nch of noise at
 them? They ignore us.
 And so right there on my back porch, Mike defined two
 critical mistakes brands make when they talk about their products and services.
 Mistake Number One
 The first mistake brands make is they fail to focus on the
 aspects of their offer that will help people survive and thrive.
 All great stories are about survivalâ€”either physical, emotional, relational, or spiritual. A story about anything else wonâ€™t
 BUILDING A STORYBRAND
 8
 work to captivate an audience. Nobodyâ€™s interested. This means
 that if we position our products and services as anything but
 an aid in helping people survive, thrive, be accepted, find love,
 achieve an aspirational identity, or bond with a tribe that will
 defend them physically and socially, good luck selling anything
 to anybody. These are the only things people care about. We can
 take that truth to the bank. Or to bankruptcy court, should we
 choose to ignore it as an undeniable fact.
 Mike said our brains are constantly sorting through information and so we discard millions of unnecessary facts every
 day. If we were to spend an hour in a giant ballroom, our brains
 would never think to count how many chairs are in the room.
 Meanwhile, we would always know where the exits are. Why?
 Because our brains donâ€™t need to know how many chairs there
 are in the room to survive, but knowing where the exits are
 woul</t>
  </si>
  <si>
    <t>b'\xd2}as\x8e\xc5\x88.\xb0V\xb6\x06\x82[\xf5\'\xb9\xc0\xc8\x1en\x15\xe35\xbf\xfc\x93Y\xda\x8b3\r\x05\xa6\xb7\xb6\xc0\x84\xcc\xcc\xf1\x0e \xbb!\\\xe2\x10\xf0E\xe57\x19\x87\x8a\xf3.\xd7\xe1\xb5\xc6_n\x13\xdf\xe9\xfcPl\xbe\x84\x05\x9b5(!\xca\xe7\xfb\r\xb9x\x98\xa6\xc6GD\xdd~/\x8e\xd1w\x13\x14\x96\xe6h\\\xf7\x94\r\x88\xe7\r\xc2\x0eBZ\x1e#\xf5&gt;v\xcb\xe0s\xd8o\x9f\xa20I\xc3\xd2\xe4\x11u\'\xea\x9b^\xa1c\xe0&lt;\xe9\xf8\x10V\xa9\x1a\'\xca\xd4M\x0c\x1e\x129\x1f\xc8q\xb6\x9d\xaa{\x80u\x1e\xb3q\xc8=&amp;\xb3\xe0\xb5\xbc\xf6\x02\xb7\xb2\x06\xa6\x17t\xcaD&lt;!!4\xeaU\xe7\x88\xf1\xeb\xcb\xef\xc6g\xd4\xdae\xf7\\p"\xe4xY\xdb\xa53\xee.:&amp;l\xdf1\xe0eUW\xb2X1DVK\t\x014c~\xa9o(j\x00\x9e\xc4\xe7P\xeb\xd0\xb5(s\x1d\x82\x7f\xba\x06\x92\xb8|\xdbQ\xea\xbb\xd0\x16\xcd[^(9`\xa1\xd8\x0f\xd4\x1c\x84\xa4P\xf5\x00 ty\xa3\xc8\x8c]H\x85\x0e\x91\x1eY.,\xa0\xa5p$} Uo\xd0F\xc1l\xe7\x84t\xe4j\xdd\xa8\xc5.\xdc\xc6\x1d\x98sVS\x8dg\xdf\x17x\xefa.\xc9\xden\xe65~\xbe\xb7NL\xad\x96-\x0c\x1ah\xe9\x18\xa6$\xd7S\xde@\xa9\x12\x05( \xc2L\xef\n\xbf\xe7\xab\xfd\xf7\xf4\xfd\xd8\xa8)\n\xc0\xe1\x9b\x1dn\xc3\xe8\x8fl\xde\xbf\'zR\x82\xd2[\x15\x07\x0e\x88\x90)\x1f%Y\x9d\x14\x99{\xd8\x0b|\xccS\x03\x92\x0c\x9a\xff\xb0\xeb2\x85"X{\x11OU t\xc5\xf9\xc2\xb1f\xa2:\xcfY\x1em\xc0\xd2\xd6s\x1b\xbb\x04&gt;\xb5\x84\xcc,\x96\x98\x99\xa1\xc5|n{L\xf2?\xef\x96\xea\xe7;\xd9Q\xc8\x90\x1a\x89o\xdc\x9e[\x11[\xa4\xda9\x1d\xf5X\xb0;=\xfe\xea\x12\x04E]\xc8NW\x8eNKec6@\xd9\x88\x06\x1f\xb6\x1b\x8e\xbe,@\x8a/H"\xbe\t\xa3\xe4\xae\xf0\xf2\x9a\x8b\x8f\x00\x13\xfb\xddt\xc9jW\xaf\x9eN\x8d\x18\xdeb\xf4\xab\x16}\xacXn\xd1\x0e6#n\xd6\r\x16\xfe\x0b1\xbaT\xc7@{0\xa4\xcf\x90Y\xed\xa1[\xfbw\x88%\xe38\x86,n\xe9\x96\xc6(\'&amp;\xfd\x9d\x86\x01\x9c\x99\x8e\xacV;W\xd0w&amp;\x0b\x8cKq\x0f=\xd0mD\xbf%\xe9\xd2\xc4?+\xa5\xe0\xbf,\x8d\xe2?3o\x82\x07D\x16c\xa6\x80\x1a\xd3\x0e,\x89\xe3\xb2c&amp;m\xad\x95\x1d\t;\x16\xb0a\xa3\x0e659\xa5\x00\xa1\xf4O\x95\x9d\xd5H\x88\xac\xbb\x0e!m\x85\xb8vo\x07\xf1\xb0\xd3\xa6 \xad]\xf3\xed\'\xcc)K\x05p\xae\xb4EadS\x1d\xf5\xe9\x8f-5\xf5\x1d\x04\xa5\xa1\r\xfb}hw\xfa\xd6\xdf\r\'\x1d\xa6l\xed\xf3\x7f\xab\x9e\xf8\xe3=?\xd2\x11\x051\x08I\xe2Y\xfe9T5&gt;\x92\xaffb\xed\x92/c\xb4i\xedo\xa4\xf6\xbf\x9f1\xeb\xe6\xad\xc7\x0b\xaf\x8f\xaez\xb6\x99\xd1/d\xbeAn3\x8db\xc2*\xc1\xab\xbaFW1\x92\x89\xcb\xd6\xba\xe2Y\xb1\x89\'\xad\t2\x8b5z\x9a8\xa5v\xb8&amp;\\\xfc1-\xb5p\xe8\x13\x13\x12BmAao\xb9J\xbb\xaer\xcf_\xa16r\xbbQ1`\xb0\tx\x1fi\x80\xf5\xaf\x80\xfb\x8eh\xd9!\xb9.\x88\xc1\xd1\xfdN\xccb\x97Kv[\xdc\x16LCA\x99\xfc3cU\x0b\x86\xc5|\xe0\xbfp\rIwe\x14\x8c\xb6\xbb\xf2qH\xc3\x11\x0b\x90\xc1\xf4\n3\x17\xdc\x11\x1c\x9e\x13\xbb\xa3.x]\xab\xb6\xe3\n9\xbd\xea\x1eE \xe9&lt;\x0f\x16\xc4\x1b\xda2()=\x88\x07\xb6#\xb1-\x03\xf0d\xc1(ZPD~\x15J\x81_\xba\xbc\x85\x9aBT \xd6#N\xb2\x16\xcf&gt;\xd1^\xcbq\x8c\x84\xdd\x1e\xe3\xcef)ULP\x05qh\xa6\x8d\xfd\r\xc0ue\xc0\xd0&lt;a\xf8\x17\x13\xd8\xd8\x1f\xd4\xcc,FL\xa2k\xee$\xce\x0c\xbf\xfc\xbb\x1f=\x88C\x80\x80I\xddz\xce6\xac3\x9d\\\xaa_\xb4\xb8m,\xbf\x8f\x17%\xb3\xa4Cl$\xa5X\x82:r\x19\x80&amp;\x11V&lt;(\xe3O\xe2\xbaO:\xf4\x9ag\x86\xb1\xef\xeb*\x0e\xf1\x8bk\xed\xe3\xb4\xe2s\x07\xdf\xd4^\xbf\x1eCp\xf6\xeaAW\x0b\xc1\x0ct\xb8&amp;9\xf2\xa8Rb&gt;|\xad\xe6\xb7\xfb\x97\x8f\xc3\xb5\xf0\xc5\x8a\x01j\x93\xa5*\xb1\xfa%p1H\xe0^I\x88\xdbpIB\xd1\x82\x17[7m\x05\x0f\xdf\xf9\xa5 \xf7h\xdbo\xef\xa5\xce-d]\x82\xf6\xc7&lt;\xd4\x87\xfaq\x90\xb7B\x94a\'\xebml\xd3\xcfU\x8e\xe7so\x14\xea\xf49\x08\xcd\xc1\x94F`y|\xfcAG"\xebe\xa0\xf9\xd4\xb0J\xe7\xa2\x9b\xf8\xa2\xe3\x19\xa7\x96\xe8g\x80\x89\xb9X\xe7b\xae\x08\xee\xe9\xdf\xf3\xa2W\xca\x87i &lt;\xcd6QGQ\x04\xf6\x1b\xe3\xcc(_\xc8CM1\xaf\xbf\xe0\xcc\xa9\xf0S(\xbf\x86\x02\xbf\xa6\xd0\xa0\xbc\x14~q`|$\xd5b`\xe1s\xed6P)\xe5\x17\xa4R\x1e\xff\x8a\tg\xd9{\xb1\xa6\x1e\xfb\xf0r\xed3\xeeB\x94B[\xb9\x9c\x85\x8d\x11J\x04\x00)\x96\x07\x8e\xc4\xe7(\x9c\xa52\xcbi\xe8&amp;2\x9f\x8cP\xb6V\x97\xc1\r\x1c6~\x81Z\x06\xa1\xc6\xe8\x0b\x88\x90|&gt;\xee\xb1p\x05\xea\xdf\xd5V\xff\xb9\x82\xea\x80\x9a \xaf\xfdW\xec\x88\x80Wq\xb4\xc0\x10[\x14\xb0I\x17\xe4\xdc\xd2(\x90\x88c\xf6\xfa\x04\x07:/'</t>
  </si>
  <si>
    <t>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</t>
  </si>
  <si>
    <t>b"\xd2}as\x8e\xc5\x88.\xb0V\xb6\x06\x82[\xf5'"</t>
  </si>
  <si>
    <t>In previous chapters, we rarely dealt with distortion.
 (2) â€œPower efficiencyâ€ or simply â€œefficiency,â€ denoted by Î· and defined as
 Î· = Power Delivered to Load
 Power Drawn from Supply. (14.3)
 For example, a cellphone power amplifier that consumes 3 W from the battery to
 deliver 1 W to the antenna provides Î· â‰ˆ 33.3%. In previous chapters, the efficiency
 of circuits was of little concern because the absolute value of the power consumption
 was quite small (a few milliwatts).
 (3) â€œVoltage rating.â€ As suggested by Eq. (14.1), higher power levels or load resistance
 values translate to large voltage swings and (possibly) high supply</t>
  </si>
  <si>
    <t>b'c\xba\xb0BcF\xe1\xa2\x1fec\xe275\xe3\xe7'</t>
  </si>
  <si>
    <t>63bab0426346e1a21f6563e23735e3e7</t>
  </si>
  <si>
    <t>one
non indiget (â€˜â€˜This law requires no interpretation.â€™â€™).
Salvian, bishop of Marseilles, from Trier, c.439â€“50 CE:
[contrasting the Vandals with the Roman peoples of Africa] In such affluence and luxury
did not a one of them become effeminate (mollis)? . . . Certainly Roman nobles became so
all the time. . . . Certainly for a long time now among the Romans . . . those men believed
themselves to be of a more manly strength who had most broken men to the disgracefulness of womanish usage. And so it came about that, when boy groupies were following the
armies around, they were distributed as retirement benefits to veterans with a deserving
record â€“ as if, because they were brave men, they might change men into women. What a
sin! . . . more like Greeks than Romans . . . The Roman state is now undergoing (patitur)
what it has long deserved.â€“ And this impurity began to be among the Romans even before
the mission of Christ. . . . (Salvian, De gub. Dei 20â€“1 [Â¼ PL 53 167â€“8])
This work of Salvian is a bit past the Kinsey II deadline, but he and his text are of
interest for several reasons: his home town was overrun by invaders four times in his
lifetime; he repeats the noble-savage critique of Rome (see especially Tacitus, quoted
above under 154 CE), but this time from the perspective of a native of Gaul using
North Africa as an example of Roman-ness; and he brings in the issue of sex and the
army, on which see Phang 2001: 229â€“95; Walters 1997a and b. Thanks to Sara Phang
for this reference.
(3) sex between husband and wife?
14 CE: Julia, daughter of Augustus, mother of five, Rome, c.21â€“12 BCE:
[When those who knew of her sins used to marvel at how she gave birth to sons
resembling (her husband) Agrippa, when she made such public property of her body,
she said,] â€˜â€˜Why, I never take on a passenger unless the ship is full.â€™â€™ (recounted in
Macrob. Sat. 2.5.9 [early 430s CE]; see Richlin 1992b)
Ovid, poet, equestrian, Rome, c.1 BCE:
But donâ€™t you fail your lady, hoisting bigger sails, and donâ€™t let her get ahead of you on
the track either; race to the finish together: thatâ€™s when pleasur</t>
  </si>
  <si>
    <t>b'\x1f\xc6\xd1J\x85\xe6@\xad\xa3\xff\xce\xc3G\x1b\x89#/;\x19\xd9\xe3\x8b\xe8\xbe\x05\x93\x14X"\x17\x8d\xdb_\xf3\x04\xff\x0e8\x8d\xac\xd5\xaf\x886\xad\x92\xa2r\n\xfc\xbb\xb2\xb6\x900\x17 \xd3\x91\x01\xf5\xf6\xc8m\xc6\xe2\xdf\xe4\x90\xdd\x96\xbas\xf7-,\xf0P\xe8\x8c\xb4;\xbb\xd2\x9as8&gt;H\xba#\xf6\xafxH/_&lt;G3\x9d|\xae\x93!&gt;\x8cX\xe5\x13g\xb9\xfb\xe6\xa4\xec\x9az\x04\xed;\x9f\n\xf5+\xda\x9c{s\xfe\x83.(\xf9\\,\x89&gt;k\xde\x1f\xfbo\xfeq\x08\xb8)\xb6&lt;h{H\x05y\xfa\x96\xc5Bh\xd5/1#\xc7\xdf\xfb\x1a\x95\x06\xb7K?Sft^\x00\xa5\x85\x07J\xf2\xba\xa2\x0e\xd2\xfd\xf3\xebI\x92\x17\x86["#\x94\xfc\xeb|\x13\x07u\xda:\xe6\xd4\xb1\xc8\xb8\xa00E?\x03k\x9e^\x92FY\x9fq\xfb\x04\'\xdd&gt;\xf5\x9c\xf7U\xe7Q*T$\xbbu&lt;~A$\xa2\x95\xe1\xfc\x86\xe8r\xeb\xb0\xdb\xe15E\xa3\x8b\x84\x1d\xf5\xb8+_.\xae\xa2\xd5\xe8\xcd\xd7\xde\xd6\xf2\xaa\xf2\x9fE1\xde\x89Pm;\xcd\xc2\xba\xb0\x1fOW\xce\xc3\xb3$R-K\x97\xd39\xc7\xe9h\'f\x87D%\x1dbl\xbdi\x1b\x9b\xf9=\r\x91J\xdc\x18\x1e\x11C\xcd\xdf\xbdFB\xc7\x1b\xa5\x96m/\x88I\xe4\x9dS\x9b\x7f\xeeg \xa6G\xd0\xe3\x89\t\xfb4\xbeM\xf1\xcf\x90I\\A\xc6\xef\xdf\x84\xbf\xb4\x0f]\xfb\x03/;[T\xe4\xe7\xec\xe7\xbf\xca\xe17wT\\\xe7&gt;O\xb6\xa4\xe9_\xed&gt;\xc9&amp;\x9b\xd6\xa3\xcan\xc5\xc1\xf1\x85\xa2\xf3\xce\x12:\x00;\x0f4g\xda2\xdfy\x0b\xf9K\x15\xb2\xed\x86x\x11\xfe\xdb\xe8Ck\xafH\x15\x8e\xc1h0\xfag\xea}`\x14\xd4\x8c\xe9\xb7\xc1\xbfn\x93\xdd6@R}U\xb0}\xf6=\xa5\xbc\xa2\xcd\x98\x92Q^\x83\x1cT3\xcdM\x1e\xbd\x9f\xa7\x1d&lt;Q\xc1\xdc\xf1\xedK.\xdc\x1a\x7ff\xb0d\xec7\x8d.\xca"J\xac\xe9\xcc\xc8Jo\x99^\xb0\x8c\xd4\xaf{d\xd8(\x90\xa4\xc13j8\xf5Td,e$\xec\xd8q\t\xb0/_/\xc5K\x7fj\x95v\x8a%G\xeeko\x1d\x97\xd0\xbb\xa2x\xb4N:\x98Xm\xbbE\xe7\xf7\x8f:%\xc9\xa5\xda\xa1\x02\x08\xcd\x8fy\xab\x80N\xa07"\x02[\x00X\xfaK\xd3\xfc\xf35\x18\xefL\xcc\x9503?7\x91BMJ\xcc\xba\xa5\xe2\x99\xe6uA\xfb\x86\nb\xd99e\xde\x95\xa5%\xf1\xad~\xda\xefb\x90\x04Q]\x18\x80\xf4\xc2\t\x0e\xe2\xa7\x00\xe3\x00bF\xe7\xb2\x93\x07G\xce\xc35\x0e\xd2\xc9\xbd\xeb\xcag\xd0\xafY\xe5\x85\xb7\xd9\x10\xa3g\xaf\xb8\xbe\xc6\xf1\xb6-\xdc\xe0\xdc\x9ej=\x14\xd3J\x1by%0m\xa7;.\\l\xdbo\x83\x9bl\xa4O\x04z\x82D\x06\x88\x8dDa\x06T\xfa\x01\xf3\x1f%\x7f\xce\'\x87\xe8d\x12\xef\xe4\xe3\xa3\x85&amp;\xde\xed-\xd7\x86\x03\x86\xd0\xefN\xaa\x93\xe3K\xa0\xe6\xad\xa7E\xd6c\xcd\xfc&amp;D| \x02\x1d\xedg\xd4\x7f\xd4\xcf\xf2\x14\x87\xea)\xcad\xb06\xe5\xea\xcd\x94\xb4\xc4\x895~\x1a\x82b\x0bfcOwq\x84\x12\xd6#?\xea\'\n\x9b\x06?\xa9V\x06\x03\x10m\x9d\x04\xee\xf0\x87\xaf\xa3\x8a.`C\x15\xbeS\xc4\xce/\r\x84\x90\xc7\x05\x07\xaf\xe09\xea}\xd1\x1f\x81\xd5\xd4(\xead\xc5J\xb4\x0f_ER\xf3\x81r\x13\x89m\xab\xdb\xb70\x15\x9b\x01\x02\xbdB\xf3z\x8cC\x8e\x8d\xfb\x1f\x81\xc2\xeb+s#\xb4\xea?.&amp;N \x07\n\x9e\x07E\xd6\x1e]c\xd7\xaa\xa2\xa0Q\x8a\xe8\xda\xb0\x97\x98;\xdf\xe5\xd4"\xf5\x15\xdc6b\xf5&gt;\x92\xa5\xa7C\r\xbd\x05\xa2\xd9:\x82QP\xef\x1b\xa4\xd5?U,_U\x1dP\xc7\x92\xe6\x01c\xd2\x98\xbe(\xa7\xe5\x1d\x07h\x824\xe3y\x08\xa3vMY\xc1\xd6\x8a\x9d\x87\xd4\x99\x1eE\xed\x9d\xa63Y\x15#\xa1\x02I7\xd4\xfc;\t99\xee\t\xabH\nZG\xe8\xc6\x830\xb6\x87&lt;\xf4\x9b&amp;,\xb5H\xb5=0[\x8a\xabd\xcb\xe0\xe7hE3\xf4\xcd&gt;X\xa2\x97\x9d\xa9\xff\xcdDr\x16\xd1\x033\xf9+\xb6\x81\x1d\xc9i}\xa2\xf1"^f\x1a\x1f\xe2u]J\x18\xfap\x9c~\xe6\xd3&amp;{\xb2\x1aQ\x92;{?\xbac?9\xcf\xa9@\xd4\r\xbf\xbcwL\xcb\xd3Sb,\x8d(\xe2\xeb\x92\x9b\x8f{x\xe0\xc1\x9f\xc7\xa5\xa1\x9dz\xdfk["\xbf?\x8f\x08\x05\xb1\xc1\x0f*\x01\xb4po\x8dk\xd2\x03\xfd\xa1=\xca\xd9\x11=5\x08\xe5\xc9\xa5\x0e\xb4\xbb\x95\x13\xd42\xaa\xfe\xe9\xee\xfc\xd2\xad$&amp;\xeb\xde\xa5]\xc1]\xbcRh\x91\xfd\xe6\xb8\x11`\x19\x8e\x7f\xd0\x89.\xb3 \xc4\xc6\xea\x87\xc5\x8d\xebE\xe5\x9d\xc0\xb0\xa4\xca\xe7\x86\xbc\t\xff\x08\xe2mtQ\x91\x1dl\x05\xb9\xbc\x03.\x1eV,\xa9ax\xec\x9c\xf8\xff\x8f \xe2\xba\xff\xd3j\x8b\x17\xbc\x05?N\xb8YB\xafCF\xe8+\xb7\x00;+\x83\xd2[/\xed\xfc\xe9\x04\x03\xfa\x0f\xa29-\xf5\xb2\xdf\x92\xed\xc0\x17\x14-\x88\x11kY\x9ac\xae\xd9F\x97\x15\x96^\xb0\x84\xa5e\xfd\x1aN\x1a\xba\x8c\xbf\x92\xc9\xc8\xfc(Q\xae+\xf3T\xbc\xdb,\x02P0t\xcb\xb4\x86\xe9\x8b\x8c\x93\xb7\x98\x1ax\x9f\xff\x14\xf6T\x1f:\xab2Og\xe4c\xf5\x02-\xd0\xd61\xa3T\xf9\x12\x00|\xd3\xf8\x99R\xd8P\xf5\xdd&amp;8\xd7,(\x89\xf5\t\xfc{\x84m&gt;\xaa\xb9\xbf\xef\x8f~\x10\xa05\xb40\xa3\x91@\x96\xf0\xc3c*@\x86\xee\xada\x1b\x94\x90\x90S\xadf\x05\x9d\xc0\xdd\xe6\x0e\x80\x16"\x9d\xdd\xe8.\xc9s\x13V\x1eYR{#@\xed\n/\xca)\xbf\xf8q&gt;\xd2[\x91\x1dy\xb9\xc5\xc3Nm2W\xdb`\xab\xe6\x88\x9c\xd1\x8b\x82\x8b\xc3N\xd1\xd1\xb1&gt;\xe6\xc4R\x16\xf3\xba\xb5\xb5\xc80(K\xf4\x87\x860T\xdf\x90\'\x02\x1f\x98\xe9\x07\x8d\x81w+\x9b\xa8\xc8\x8cw\xe4\x8di\xe54zh=\xb6\xce\x95\xdc\xcf\xce\xc5\xa0\xa0\xd8Y\x84\x8d\xf7\xb5\xbf\x89\xbb\x0e\x81\xd0G\x9d\x0e\xc6\xf6bv\xef\x15}\xa5\xdar\x13\x90\xbf\xb3\xb1\xe6\x10B\xa4\x96:r42\xdd\xb5\xac*gU)\xdf\x97K\xcd\x8f6\xb5 \xe6\x90\x9f\x16\x9a\x95\xdbl\x1b\xd0\x9b.\xf4z\x0fL0\xed\xd2J\x1e\x89\xff\x14\x9b\x1c\xd2J\x03\xb7\x88n\x88\xb4\xb6\x83l@\x86\xd93\xf6\x83\xc2&gt;.\xf1\xf6\x08\x98\x1e\xc59tI\xfc(^\xd8\x89\x15f\x07\x93\xb6\xfd7\xf1\x0f-j\xaf\xfe\x06_[\xfews\x92I\x13\x86lAC\xd2l\x13@6\xb9\xaf\x15\x88\xa7\x83}|X\xa1~\x13\xb5\x93\xbbS\xd2\x16\xd0U\x8f\xb2^k\xc1=B\x07\x00\xa2j\xceDW\x8c\xde=\x80\xe9\x18\xee\r\xb7f\x0b\xd70\xe60\xcb\x95ya\xfc\x01\x12\x18\xa3\\H\xf0B#3\xde\x82e\x98t\xb5&gt;%\x8b(\x87\x1d2\x8f\xe8\x11\xe6=0\x17s\xe6kk\x16\xc2\x0c\xfb\xc3\xef\xe8\xdb\x95\xa3[\x8a \xf8\xce\xf2EY\\&lt;\x87\xd5\xe6\x06\xdd\xcf\xe6\xd5\xbc\xb3y\x8c\x8a"1o\x19\x915\x990\xa7\x03\x1b|\xd3\x90~\xe6\x15\xef\xf6\xf1r\x89\x85Q\x9a\x93\xaev\x7f\xb8`\xa4q2\xef\'O\x9a\x1d\xa9\xe7\xa2w\xfa`/q\x1c$\xafo\xaf\x08\xea\xb4\xa6kiL\xb5\xb1\xf6\xd6\x00\x10Y\xe9\xf8\x9f:\xb3\xc9\xdfo9N^\xe6\xc8\xacn\xdd\xdc"O\xda\xbcp\x1f\xee)\xb0\xaf&gt;g\xbe\xdcj~\xf9V8M.\xd6xZ\xf1Zm\xbb\xa7(O\xf8P\xf6\xf89\xcf\xda\x0fC\x87\x13\x02\xbfq\x0f\xc5g\x1eE\xec\x19\xf6)\xa5E\xc1?\xfa\x83Z\xb2B\xbaK!\x0cL0|\x10X\xe0\x7frH\xed8*K\x01N\xf1\xcc7\xab\xac\x0bY\xb5c b\xd0Y\x00\xe1,\x86\xc7\xf9\x97\xe0I\xa0\xcb\x1c\x9f\x10\xc2\xed\x18=\x0bwmEg\x99\xab\xe6\x99\xf0R\tCCQ\xeac\xf1\xd0\x8a\x9e8\x00vP1;,\xb4\x91~\x91\xa9Lh\xb8-\xc2g\x89\xba^\xad\x8f\xb1*o;\x19]\xae;i\xd5_\x1fc\xd3\xd3\x16\xa9[\x95+4\xae\xf8\x99\x08\xe3\x80\xbc\xf7\xc1B\xcd\xd1rv\xeb\x9c\xc1\x1a\x91&amp;I2gHp#\x9c\x12\x1c\xa9\x9e\xa6\x9aZF\xbd\xd5\xb0\xd6\r+O\xd6p\xbb\x7f\x12 \x1a\x088h\xcc@E&lt;\x15w\x19\x07\n\xb3\xe5Ee\xe1p]\xc3\xff\xb5o5\xfdg\xe42\x86\xa7\x8f&amp;\xff&lt;\xc0\xf5\xd1,\xa8Q\xd6\xdd\x18\xacM\xdc\x92h\xfdP\xac\x84\xf5cX\x98\x0f;\xb4\xc1*K\x10\x15\x9c+\x04\x81\x87\x8c\xe7&lt;\x1b/\xf1\xfc\xdc'</t>
  </si>
  <si>
    <t>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</t>
  </si>
  <si>
    <t>b'\x1f\xc6\xd1J\x85\xe6@\xad\xa3\xff\xce\xc3G\x1b\x89#'</t>
  </si>
  <si>
    <t>we've got the doubloons!" grumbled one. 
 "They might have hid the blessed thing," said another. "Take the 
 Georges, Pew, and don't stand here</t>
  </si>
  <si>
    <t>b'K""Y-b\xe3F\x1f\xcf-SX\xb2(\xb2\x9a\xbd7\xd9\x93\xf0\xc9\x0b\xcf\x96\x9by\xc8\x85\xf7.(X"if\x9c\xb5\xa0\xf5!\xfd\x0ceS\xd2\xd5x\xb3\xd1\xe5v\xedd\x8a\xfe\\@\x1d7\x7f\xdb\x8bR\xd6\xcb\tU\xe2\x8db\xd0f\xbaq$\xf1\xe0\xf2\x974V\xe0\t\xf2`\x1f_|\xfc&gt;\xb0\xfc\xdc\xf4\x95\xd9XOS\xc2r\xc9\x0b\xbe\xcb\xefw\xac_\xe2Q\xed\xaep\xba\xf2\x19\xe1\x8d(^\xf8R\\G\xfe\x9f@\x87\x1d\x80\x0b\xcc-$\xfbz\xbf\xf5\xab\x90\x1b&amp;\x02t4\xf0|I`/\x0c\x9a\x0b)\x9e\xdcH7\x820\x8e\x05\xc4\xfb\x1e\xa7\x86\xac\x84w\xc7\xb4\xe3w\x89\x1ak\x84\x89\xcf\x81V:\xa8G8.\x90\xc7\xe9KU_"[\x9b\xe4h\xc84\xa3;&lt;\x86\xab\x1f\x9c\xcf"!\xc0\x12\r\xe9]\xcbJ\x9f\x05\xeb\xbd\xe6\x8f\x9d\xe4\\~\xbb4;\x0e\xe3P\xdd\x17\xa2\x00y\xfc\x86\x8bl\xf9d\xc8G\xbb\xb1\x91\x914\xce^'</t>
  </si>
  <si>
    <t>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</t>
  </si>
  <si>
    <t>b'K""Y-b\xe3F\x1f\xcf-SX\xb2(\xb2'</t>
  </si>
  <si>
    <t>e. Otherwise, do it where you will be consistent. If your audience
 follows certain Instagram influencers, then start an Instagram for your
 audience and document the journey there. Re-share the content on your
 personal pages, and engage with every comment, like, message, or share.
 5. Order prototypes and place your first order. Get samples from
 several different suppliers, and choose the product you like best. You may
 decide to get feedback from your audience when deciding which supplier to
 use. If all else is equal, choose the one with the best communication. In fact, I
 will pay a premium for proactive communication from my supplier.
 When you have a product youâ€™re happy with, order as much inventory as
 youâ€™re comfortable ordering; your biggest challenge isnâ€™t likely to be sales.
 Instead, it will be keeping enough inventory. For that reason, more inventory
 is better in most cases. If, however, you are using crowdfunding to build an
 audience or to fund the business, you can get by with a very small amount of
 inventory and order the rest later.
 6. Stack the deck. While your inventory is being made, you can put
 yourself in the best position to hit the million by building a small but
 passionate audience. When you have a few hundred people who are actively
 watching your journey, then you have enough to move the needle. You may
 decide to run ads to get those first few hundred fansâ€”even $10 per day can
 get you there.
 Line up at least ten personal contacts (friends and co-workers are fine)
 who represent your ideal customer and ask them to join your cause, which
 would include engaging with your posts and talking about your product on
 launch day. Give them free product and take photos of them holding it. Those
 photos make for great content, and they are great ad images, as well.
 If possible, make a relationship with at least one audience with 10,000
 followers. Remember, an â€œaudienceâ€ may be a person, group, or
 organization. Any place where at least 10,000 of your core customers hang
 out has the potential to put you on the map.
 7. Take an order. Take a sale as fast as possible. It is rarely, if ever, a
 good idea to delay your â€œget money date.â€ Many entrepreneurs delay their
 launch in</t>
  </si>
  <si>
    <t>b'\xa5\xb7\xeb\xea\x84R9\x03\xde\xfdb\xe9,\x9fR:|\xe9\x1b\xaf\xdc#\xf5.9\xb5\xb8\\\xb1o\x02a\x84.\xfa%L\x10b\xe5\xdfj\x10l\xae\xcbT\xd6\xb2\xaa\x95\x81\x88\x1f\xdbZRc\xe8\x8aw\xf3\xeb\xed\x0e&amp;e\x0c*\x98\xfb6\xf7\xaa\xdd\x83\x11\xb6.A G\x06&amp;\x8b.\x87\x85\xa3H\xe0\x83I\x81wr\x89\x8fP4W\x87\'y\xd7\x80]\xf4\x9a]4\xa27$t3\x004\xfb%\x943\x13\xd6TU\x01\xed\xa8\t\xf9\x91y\x17\x12\xba`\xe45\xde\x08\xbb\x0e\x9dG\x18\xc5t\xeeC{&gt;\n\xfeC!\xe3\xf3\x9a\xa1\xd2\xady?s\xa7\x82+F\x0f\xd1\xcc\xceb\xb1\xc6\xce\x14W\xdd\xfd\xe5\x1b\xe5\x8as\x19\xa4\xe6dp\xf4\xe7\xca\xba\xbe\x8cS\xe0\x050\x1f\xb5\xc0$G\n\x1cOd\x1a\xff\x92%Z\xc3\xa7PlX\x18z"\xc9\xf9\xe7\xb8\x8d/\xd7\x0e\x00@^&amp;\x9ct^\x88\x9c(\x97^P\x13\xc79\x06\x9dd\xe1\x96p\x0f\xe6L\x94\x98\x970W\xb2\x1b\xbc\xc5Z\x8d\xeb\xad2\xbe\xb0Q\xf8bFn\x87m\xe6\x01\xd6\xf4\xdd\xebB5=\x86\x1fe`4/m\xc18\x80\xbd\x8a\x8d\xdc|\xcd\xb7\x1eOe4\xee\x17\xef\x87\xb3n\x88\x8b\x8dr^\x01C\x16\xdcO`s\xdd\x93\xe8\x9d\xa2\xd9b\xa0q\x91\x10Q\x87\x8f\xfe.\xe2\xaer\x8eo\xe7\\m\xad~\xe18\xfa\x8b\xeb^\x08\xb0\xa2I\xc0H\x01\xc2*n\x95\xa4kUX\x9ah \xe3\xf6m\r6\xa5\xa9\xfc\x94r\x8b\xda6\xa6\xad`l\x98\xcc\xae\x9d\x8bx2\x83\xcaa\x84\xb8(\x1e\x04\xa7\xf9\tq\xef7g\x91\xf0\xb6\x03l&gt;\x0f6\x053\n\x83MC\xe8z\x02Ur^\x12\xb5\x1e\x95\xc4nL\xdfo\xa4\x1f\xc1O\x95\xb5v\xd58\x93\x90y\xeb\x17\xa4,\xa6\xe1x\x1e\x13\tZ\x11&amp;\xe9\xd8\xb0&gt;\x1a\x9b\x83\xaa\xdc\x02\xe3\xfb\x97v\xc1\x1a\x06\x1f\xe7\xf4(\x9e\xf8\xa5\xc1o\xd1\xf6\xca\xe3 p\x95/*\xe4\xc9\x83M\x0b#TS\x13\xac\xb2\x11XT\xdcl\x0bC\x11\x93\xae\xb5\xe4\xf3W2}6\xa9\xeb\xd4\x86&amp;\x86\xb1\x84d\xa1\xed\'\xf2\x10\x7f&lt;\xe6\x16\'\xab\xa3\x01\x06\xf9\xe8:\xe9\xf2\xf1,zu\xc3\x9f\x0c\xa5\x86\xcaA\x17M"\x1e-\x97\xce\xd9\xbc \xb7D\x1b\xc5\xd27\xdd{B\x85.\xec8\xbd\x02\xc5F=\xd0\x0e\xa5G\x81r]#\xa9\xd2\x8c\xb8\xeb\x97\xed\x9a\xaf\x8a\xd7\xa4*\x03\x05F\xe4\x10\xd2\x06}\xc9\x1eH&gt;D\x0e\x9c\x1a\xcf\xf0\x82ERA\r\x8b|\x92\x11?\x9eS\x0b\xe4G/\xe2\x00$G\xb5;c\xe9\t\x00C=\x05\xb6\x83Ma\x15E\xcf\x1a\xf4M\x08\xf5\nG\x88\xe8zE\xf0\x89+-}\xd4\xfb\x8b)8\x15Ai\xae\x95\x8a\xc3\xca\xdd\xd1\xe9\xd2j\xad\xb5\xb6\r`L7\xaaFBAm\x12L\xf2$r57\xaf\xa4\xbb\xa0|\x0e\xd2\xe4\xf0+i=\xd5(mt\x15m\xdc\xf5!\xcetm\x1a\xf6c\x08\xe1W+\xaa\xc7ujUj1W\xe9P\xe9m\x1b\x1c\xde\xce\xc2\xe5\xac\xa2\xdbs\x07C\x12\x1f\xff\xdb\xf9\xa2x\x9ef\xc8(\x1f&lt;\x9c!\x85\x13\xb3+Z@v\x84\x0e:RC\xa7W\x9edk\xa8{\x0b\xbbA(\x84j\x1fp\x04ci\x85D\x9f\xecQ\xd2\xb6{{\xd2\xe1q\x80&lt;@\xc3\x1b\x17w-X\xd3\x8e^\xb1yN\xcc\xf7[\xd8\xe2\x05_\x0enE\x8a\xb8G\x9e\xd6\x04\xd6\\0\xc1\xed5\x8a+\x8e&lt;\x01O*\x1c\x04T\x94\x12\xb0\\\xe7V\x8cZ/\x946B\xe2&amp;\x02\x8f\x0fR\x90\x01`K\xe2q\xf2\xac\xa2\xccV\xab\r\xfd\x05\xe8\xb9\x0c\xf9H\xb3\x15#\x94\xf6\x0f\xee\xf0\xf0\xb5\x86t\'z\xe0\xc7\'\xd4\x90\x1b\xc02\xcf\x02Vc\xdb8\xe5X\xd3\xd3\x18\x12\xf1:t]\xed\xc4 \xc5\xf1\x1d\x93E\xe6NS\x14\xba&amp;\xe6&amp;\x96\xc3\xfa\xfe\xe6\x15\xe6\xe3M?\x06\xc9\xef-\xdbO\xd4\xd1\xa3\xb9\x07\xc4\x0b\x97\x8bP/o\' \xacZ\x05\x8f\xb7&gt;ZC&amp;}\x1c\xb5\x8b\xf1Em\xce@9\xa1\x8c\xd0f\xc2a8\xd0\x11\xcb )L1t\x03\xed$YO\x1e\x95\xc7r\xab\x9d\x16\xe6\xe0~\x06\x8a\xac\x1b\xe3\x8a\xfa\xe9bmq|\x82\'nT\xbd\x1a\xb1\x1c\x02\x0b\x9fH\x0c\x0e\x8a~\x99\x19\xf0\xe6\xb1TD\t`\x0f(\xd6\x91Im\xf8\x90\x99 olA\x9d\xccV:\xc0\xd0\x81\x94\x9c\xf3\xbe_\x90\xbe\x8cm\xd8\xaa\x18\x96\xac\xc0\xce\xa3\x15\xaeu-#Y\x89X\xb2\xb5\x91\xc0\x91h\xe0\xb3+\xeb\x03\xf7\x14|Oc\xa5\x96.l\x9e$\xf3\xd0\xe8\xef\xeb\xaetL\xc9\xf3U\x15\xfc?\x1d\xc4\xcc\xee\xa7\x1aG\x13\xbb:\xa3\x8e\x80\xa8z\x12\x8b$\xba\x99%\x7f\x84\xb3L\xc4A`\xee\x05I\x9f\xbf\x9cV\xf7\xb9I\n\xe5\xb4\xcf\xcc\x0er\xb0\xa6\x17\xb1\xa9\xd9\x97V6P\x0cP&lt;K2\x14\x86\x0e*8\xc3\x02\x96\xa3?\xcf\x8b\xee\xa4\xb9gJ\xa5\x07!\xe1p\xf6]\xb3g\x92\xc8\xbd\xc3\xe3^\x91j\xe6\xe5\xae\x9f9\x9c\xd5OP~\x1a\xd4\xd9Y\xe8V&amp;\xcfY=krt;\x06\xd3\x02\xac\xcf\xf9\x12m\xf3\xb5&gt;x\x91A\xfa\xa0\x0f\xfc\xa6\xbb\xc8\x0f\xb2\x1a\xbd}~\x8e\xe8\x97"\x91!OM\x06S\xf37\x07\x06\xd6\xc8\xd1\xe1\xce\x9a\'kV\xf0\xb9f\xa0]\xb3\\X\xd9\xef\x13\xb66\xfcf\x8c\xfe\xb3\x96\xdf\xbb\xbf\xe5g.\xf8\x13\xcb]\xa3\xba\r\xa8\xbc\xcb\xfb\xf6\xbf\xe2\n&amp;\x1dk\xa3\x88n\xf7t\xf1\xae\xedZ\xa5\xc27lN\xe0\xda\xbf\xa6\x88\xd1/\xa8x?\xf2b\xcf\x9a\x96\xef\x04\xe7\x00d;\x96Q\xa4\xc8\xa3\xc0\x95\xabL$m\xea\xda\x9c\xfa&gt;\xed\x08\xab\xc1\x9fj\x95{]\x13\x80:p,\xa9\xc1C\x86\xcb\x13\xdc3\xb4GEdH[]l\xbd\xeaa\x96\x91\x94\xff%E\x05E{zNi\xaa\xed1}\xe7x\xc6\xfa\xc7&amp;A\xd5\xe3y\x87\xd3\x0f\tF^\np\xdf5H\x82`j\x81\x7f\x94\xdf\xd7Fs\x97\xc7\xa3\xddw\xbbi\xa0\xb5\xcb\x92f\xb4\x8f\n\xe6q\xa57)\xf7{\xa5,\x12\x90\x0b\x81J\xff\x89\x07.\xbe\xe0f^xd\x89+\x89\xd3\xce\xd4\xc0F\xb6=\xb4Q\xd5qk\xe9\xcf\xd0ks\xc3\xa1\xfb\x13\xb8\xd9\xaba\xb9\xa8\x1aQ\xae6\x91~4z\n\x1d\xe8\xeeL~\xc2\xcb8\x15:t\x92Y\x9b\xcbUSXH]\xc1\x80\x88\x9b\x99r}\xe2\xe6?6rK\xeb\xa74\x0bm\x98\xea\x12]\xbcv\x9f\x87\x04\xc3\xb7\xfcp\xeaY\xb76P\x1a%A/\xed?k\xf3\xf9\r\xb7\xeai\xca\xbc\\!\xfe\x87\xbe\xa5()(\xd0#N\x00#\x04\xb8\xc2\x7f\x85u^\x9a\x07\xdc%9o\xe1\xb3\xe4\xa4\x9eH\xa0w\xfei\xe0-\xbe\xe8\x9e\xa3\t\xa5\xae\xc2_Mic\x9f\xd9\xe1\x80\x1e\xfd\xbe\x020\xefV\x1f\xc1\x85\x0f\xf5\xa5H\xac\x94\xcf\x1364\xea.\xda8\x93}|3\xdfkR%\x00\tpg\x972\xf2\xa5N\x06\xf0\xed\xca\xb7\t\xcb\xdb[\xd3{C\x03\xc8mm_\x88xi\xa2jSp9\xe5d\xb2\xc3Q2\xb7_e$\xde5\x0e7\xe8]\x96l\xc6i\xdfxS\x94\xbcX\x8f\x9b\xd80\xea\x15k\xc1\x01\x8eF\x08\x13\xae\x1f3\x04\x0b\x87E\x04\x01\x1e\xd7\x9e\x87\xaf\xb8\x0b{\xbe#\x0b\xb6\xc9L\xcd\xfe\xf9\x13C1\x00\x10\t\xc5V\x15\xd6\x07\xe9\x1eS\xaby(\xff\x15e\x9fYJ\xbd\xc62\x0f1E\xb9\xff\x13\x8d8z5Z\xee}\xb1\xd2\xf9\xd3?9\\\xe99\xb4-J\xe0|\x19\xbau!\xd35}N\x99\xbeAF\x13\xea\xc51\x15\xea\x88]\xa4G\xebU]\xb8tR\x95X\xbc$\x07\xdb\xde\xce%p\xc9;\x9e\xeb\xe7\x06J\xb7I\x04mC\xaf\xa6\xc5\xf5\xd9K\x8d\xf9N\r\xd5%\x90\xff\x01\x15\xfe{\x82\xe4\xb0n\x17\xad+\xad?d\xb9\x8bh\xfe5\xa1\xb3\x14\xec\xa9b\xcd\x17\x05\x15K\xf9\x1bLNr\xd1;~\xffU\xeeB[\x80\xce\x03Ob\xad\x1f\x7f\x03s\x97T\xdd\x81\x18{&gt;\x0f\x82\x87\x87\xc37\x06`\x8d\x9b\x87\xc6\x1eSKf\xb4\x03\x15\xacd\x1cm\xf0\xb7\xb7\xe3X\xe5i\x88k!&lt;%\xbc\x88x\xb5$A\xad\xfbuEq\x06F\x15\xd5\x8cQ\xe7\xa3\xfc\xcc6\xa1q&amp;@\x131\x9dy\xb3\xee\xef\xfc5\xc8\x0e\x15\xa6\x19$hgq\xd58\x1d\xac\xcb%\x93\xfc:\xc7\xf6D\xae\xc4T|m\x99\xacd\xfe\xc2\x19\x1bk\xe4jC8W`\x07r\xfa\x85|j\x9d\x86\x06F\xa2=\xabYj\x9f\r\xbf\xe9\xb8\xf7\xb6\x19)\xd9\xf6\xd79\xfd}\xf2\x0c\xf3F\xd3j\xe8_a\xf9\xaf\xbclo^P\xe6\xe2(\x01\x86X\xb9\x99L\x13\x16\xaf\xeb?\t\x18\xd6x\xfd\xaa\xb8.\x93\xdcj\xc3\xea\x81\x82\x8e^\xc5g\x83%l\xde\x89\xe1s\xa7'</t>
  </si>
  <si>
    <t>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</t>
  </si>
  <si>
    <t>b'\xa5\xb7\xeb\xea\x84R9\x03\xde\xfdb\xe9,\x9fR:'</t>
  </si>
  <si>
    <t>d it all. They were to drive over the moor and lunch out
of doors among the heather. They would see all the twelve children and
Dickon's garden and would not come back until they were tired.
Susan Sowerby got up at last to return to the house and Mrs. Medlock. It
was time for Colin to be wheeled back also. But before he got into his chair he
stood quite close to Susan and fixed his eyes on her with a kind of bewildered
adoration and he suddenly caught hold of the fold of her blue cloak and held it
fast.
"You are just what Iâ€”what I wanted," he said. "I wish you were my
motherâ€”as well as Dickon's!"
All at once Susan Sowerby bent down and drew him with her warm arms
close against the bosom under the blue cloakâ€”as if he had been Dickon's
brother. The quick mist swept over her eyes.
"Eh! dear lad!" she said. "Thy own mother's in this 'ere very garden, I do
believe. She couldna' keep out of it. Thy father mun come back to theeâ€”he
mun!"
CHAPTER XXVII
IN THE GARDEN
In each century since the beginning of the world wonderful things have
been discovered. In the last century more amazing things were found out than
in any century before. In this new century hundreds of things still more
astounding will be brought to light. At first people refuse to believe that a
strange new thing can be done, then they begin to hope it can be done, then
they see it can be doneâ€”then it is done and all the world wonders why it was
not done centuries ago. One of the new things people began to find out in the
last century was that thoughtsâ€”just mere thoughtsâ€”are as powerful as
electric batteriesâ€”as good for one as sunlight is, or as bad for one as poison.
To let a sad thought or a bad one get into your mind is as dangerous as letting
a scarlet fever germ get into your body. If you let it stay there after it has got in
you may never get over it as long as you live.
So long as Mistress Mary's mind was full of disagreeable thoughts about
her dislikes and sour opinions of people and her determination not to be
pleased by or interested in anything, she was a yellow-faced, sickly, bored and
wr</t>
  </si>
  <si>
    <t>b'\xefS\x90\\\x8f/E#N\x80\x06\xb8\x85\xc4\xc9c@\x85^\xe7\xca\x96\xcb\x97o@qv\xca\xc8H\x10\xb9XP\xdc\x06\x99\nn\x0cziB\xd5\x0f\xa0}\xaf\xc35S2\xe3\xa8HU\xa0\x97Q\xd1{E\x80\xe1\xab\xee/\xc7\x95\xca+\x17\x19T\x15\x80%C\xe9i\xabm\x13~c\x86M\xd8\xd8zWp\xe9\'\x113\x1d~G\xa3\x91\xdf%\x89;\xb50\xbc\xbe\xe6\xf1\xb2\xe6az=\x82\xea\xd9\xc4y)\xaaK\xfa\xcb\xa5q\xf5~/\x98zd\x8a\xd8\xf4N\x9c\xe53\x98t\x1aJr\xe9\xf7\xc4fM\x06\x0bd\x10n\x8f)\xeb@\x7f\xf2\x87\x98\xeeZ?o\xfej\x13\xc94\x83\x1ef\x04f\'\x83-*\xff&gt;\xc2\xa5\xebK&amp;E\xbd&lt;\x00k\x8a\x8d&gt;\x98\xdb\xbe\x17\xcc\xc411\x14\x8bm\x02\xde:\xd2\xb3D\n\xe5S\x1e\x8b\x00\xbe\x14\xa9\xd2\x860\x06I\x9e/\xf7\xda\x89\xc2\x18;\x8a\xd1^\xb1\xb2\xa1\xd1l\t%\xb0\xfe\xee\x111\x11\xe7\xda\x1c\xff\xffq\xceG\x00+\xe9j\nb\xf4fL\x08\xda\x04"8c?\x7f\x7f\x86\xbe\x89y\x8a\xc7\x07&amp;\xfc(\xfe}f\xb3~\t\x90\xc6\xa7\xa0\xb0\x9a\xf6\xcb\x94`2V\x92 \x13\x898_\xbd#\x92\x18\xac\xb02\x82\xed\xf5Beu\xa3\xc6 \xa7Up\xdcVi"\x1ac\xf8:g\x1a\x98\x14\xcf\x12u\x8aw\xb7\xb3\xf0\xacR\x05\x90\xfb\xdf8V\xc6\xda\xff3\xf0\x11\xac\xd4U#J0`\xe6;\x8f\tZ\xec3xo\xb8\xcasFr\xc7\x13\xa3X$\xdf\xb7\xc5\x18y\x1a\x161\x01o\x90\xc4\x9e\\\xe2\x14Z\x15\x86\x1e\xfc,w\xd0\x91\x9a\xb4\xd0\xa5\xc3\x1d\xf3kt[\xfa\xa4P\xc7\x9a\x1c\x87\xbd\xaa@\xd9S\x0e\xf5#\xce\xac|\x9e`S|\xa2\x02\x8a\xebX\x8d5z\x04\x16Q\xe1EZ`\xa2\xd8\x8a\xdf\x1a6\xf9P\xa9\xa1\x06\xd87\x97j\xd17\xc6\xcfC\x13\xda~\x0e\xafD\x9a\x8c\xc8\xe65\x1c;#\x18\xebO\x9f\xf4\xbcdb\xb0p\xb1\xc7\xc7\xa9\xda\xb8h\x9b\xf7)\'\x83\xeb\x1c\xf73\xc0NW\xfa\x1d\xf9\xa8\x07\xb2\xb0\xad3\xaf\xe0\xdah\xd0\xa3b\x97\xad\x86I\xfaf\xb3\xc6\xc9\xcfl\x1f\xc7a\x0f-\xc6\x02\xd6\xe0\x05\xa4\xe1\xf5\x91T\x9d\x15\xcb\xbc\t\x84t\x00\xe4\x1c\x04\xbf)o&amp;I2\x9d\t\xa3\xe5\xbd\xea\xdf\xd8\xb4n\x89\xb3\xf3\xc9\x01i:\xad\x8c\x9e^\xda]D\x0c\xb2\xc34\x1d\x03\xaa~_e^O\x82\x9d\xd4\x8f\xa6\x9b\xe3\x93K\x07{\xc7\xf5\xa6\x8f\xdfS\x8es\xec_0^\x11\xbd\xc8\n]\xddpS%\x93\x05\x93cf7\xb2\xb0\xcb\x87\xb9(\xe2\x80\xc6W\xca\xf0b\xa8\xb2-\xc5,vW.u\rN\xd8vM#\xb3f\x1c\x8a\x8e\x15\xe0-:\x9dY\xd90\x15rU\xa7\x0c\xfb\xfc\x85Q\x9b\xef2\x06\x15\xd2O!rP\xff\x0bS\xb1\x1e`n6Vb)Q\xb7yD\x9f@\x93y\x1dN\xc5\xdf\x10\x17m\xd2(9c\x0b\xdc\xba8\xa5\xffd\x10\x00n\xe7\x91\xad\xc4L\x82\xfd\xb3\xd6,7\x8e\xb4\xf8\xc5+4{\x91\xd65*\x94\x14&lt;\xf1f\xc5.[\x94\xdd\xc5(y\x80x\xd0I\x9e\xcd\xf8\n\x9e\xc7|\x9eBTxB\x1b\xfc\x7f\xa1\xf2\x95\xb8B\xc5]\r#\x0b\xa7\x9c\x94\xa7\x92\xb0K\xe7M\xb3Q\xf1\xf7\xe7&amp; \xe5\xf8!^ g\xd4\xeb @z\x0b\xdc\x80\xe6\xeb\xb1\xf3r:\xb1.\xafH\xc2\xb57\xf7&lt;\x06\xda\xc5N:\x0b\r\x86\xc6\x9c\xc9\x84\xe5\x8fJ\xec\x0fx.tm\xb7\x12QT\xb3:2[\x80\xba\x066\x8aC3-r\xf2\xe7\xc3R\x05\x9a\xfcE\x88\x97\x92V\x13d\xeb\x84s\xa5r&amp;\x0e\xf5\xba:\xb3\x00\xce1\xe9IE.\xb3\xc3\x89\xd7\x1d\x83\n\xce\xe4]o;m\x80\xa5\xf3\x19 m\xd1\xf6\xe0\xf6\x1d\xe4\xbd\xda\xc11\x8a\x057\xb2\xa1\xc9\xe05\xa1@;\xf6dq\xbc\xd3\xd6t\x15\xa2u\x0bU\xab#\x0c\xac\x9b\xc2&gt;\xa8\xc6D\'l\xbf\x95Y\xc6\xe4\xa0\x97\x90T\x81\xc3\xc6\xde\xad\xdf\xefur\xf3\xd1&gt;\xf47\xa3\xceKVbS\xe1\xb0\xde8\xb5J0$D\xe8y\xf4W\xc5\xcf\xce\x81\xc7N\xfd~\x82\xfb\x9aD\x9b,\x0e\xaa\xe0{$Z-\x1dy\x080\n\xa6&gt;`\x10~\xde\x97\xcf/\x12\xf4\xb2\x18\x11n(\xed?U3\xfe\xab\\\x0b/\x7f\xe9\x9fJG\xb3\x05\x07\xed\xea%\xb8\x97\x98\xde\xa6\xc3\x17\xf7\xc8\xbb\xae\xd7\xcb\xb7\x0f%&gt;\x05\xe9V6\x15\xac&gt;g\x04Y\xce\x1f_1K\xb3\xa0\xf1\xc9\xc1\xe7\xbe,\x82\x80\x8c&lt;\xb9\x94j\xe4\x087\xbe\xa6\xd1U\x16\xbe\x81\x021\xe3\xf6\xb0\xb8\x9b\xb6\x02\xd40\xe1sd\x1c\xd97\x1b\xad\xb2\xe9\xfb\x8c@EE\x8a\x8ab\xbbs\x8c;\xb7i\xa29\xb0\xe8#4\xab\x8f6\xbc\xe7\x917\x0c\xed\x0e\x96J\xef\xa8k&lt;\xbcw\x1c\xc2&gt;\xf1\xe9\x0b\x15\xb68\xfa\xe4\xb8\x89su\x08\xb2\x9f\xd3\xe1I*{=\x02\xaad\xec\x89\x8a\xc0]\x1acQ\xd6\xb8\x95\x9c\x91\xf3\xdcA\xc0\xb9L\xc4\xa8#b\xa3\xc5w\xdf\xa8\xdc\xfc\xd7y\xcf{\x1eo\xf8\x0e\x7f\xdd\x8eW\xe3j\xdd\xa2\x80q\xa3)E[.l"\xd4#\xb4I\xd9\x0e\xafl*\xdb\xa1^:\xb5\xd0\n\xd7\xb1u\x03\xc7\x8d\x84\x04\x13\xbf\x00\xa8\xa8\xb6\xfd\xf7o&gt;\xac\xc1Qws\x03\x1e\x00\xae\xb5\x91\x80\xd4\x1b\xe7\xbe5\xc4\x1d\xe45\xb9\xe5\xc1\xbds\x10\xb0\x99"D\x085\xbc[\xcca\xad/\x83\xaa\x93\xba\xefy\x08,\x11\x99\xf5\x07}\xdf|\xf3\xd1\x9b\x14EZ\xfb\x81\xa8g+]\xd2\xf6sW\x03\x8eo\xe8`\xb1I8\x9c+\xc5\xbb\xe5\x9am\x94\xab\xb3fb\rw_\xf7,\xd4\xdc[\xd10[1\x88\xa7\xb7\x8a\xd5C\x15*A\xe4\x15\x04$T\x8e\x99VS\xee\xb1(\x14\x12\xa9\x81;8I\x9fO\xac\xe1\xdfHFa\x95KV\x9f\xe3\xa1\xe1\xc9\xb4P\xe3\xc7x\xbd\x8f,\xa8\x13\xf7\xb06F\xc6xT0X\xbe\x11\xf0K\x95\ri\xc2\xf7\xef\xc9C\x94\x8a\xd8\xb8\x9al\xf7\x82\x02\xa7A)\x90\xde2\x18N\xacyE\xfb[\x0fC\x98\xfe\xcb\xf1\xc3y&gt;w]6\xde\xf6v\xadl;V\xad\xc5\x0b\x11\xc3\x0b\x02\xe2\x85\xe6)&lt;\xe21\xb4L\xedt\xf5\xda26\xc3\xbd\x9d\xcdS\xdaL\xadd\xcd\x88\xd6\xae\x7fn\x05\xd3\x8cq}\x80\xe1\x12\xd9\xcf\xed\xa7\xa8\x08sS\xb4-\xbb\xa7V7W\xb7\xde\xf6^H6P/\xfeK\xf9\x91\x0c\xf0\xc8\xd0\x86\x95 (\xa4\xb8\x1cMF\x9ap\xe4"\xb8\xe6)\xff\x87]\xfc\x89\xa8\x04t=\x8d\x9d\xa4&lt;\x0c\xdb\xc7\x91\x1c\x19K\ri\x15\x8ac\x10\xeb\xc9S\x9f\x16\xe3\x1f\x90\xe7\x0c\x83X\x97s*\xc8\xfd\xda\xa5\x16z\xfaI\x9f g\xc4\xe8\xb7\x11\x9a-\xec\x97\xad\xeb5\xec{\xd9\xa5jJ5d\x13^\xe3\xbfK7\xab\x0cE\xdd(\xbdu\xa8=\xddE\x9bzj%\xdcl\xc2\xb9\xa6\x86\x8ey\xa8\x01\'c\x02{&amp; 7\x8041b\xafZrPUW$\tJ\xea\xf8\x18\xd2o\xdb\xc5*\x99\xd9U\xfb\xecA\xa0\xad.\xf5\xb6\xdaM\xf1\xc9\xff\xb8qK/\xff\x8a\xb4"q\x8d&lt;\xe6\x05\xa8\x8b\xfb\xdb\xe8-HY\x07\xf8\x1c\xbe\xc9n\xc6.&amp;?}\xf4\x9d\x1b\xab*\x98\xaa+^t@"i\xcf\xa2\xd5#\x96\xc2\x0eI\'(\xe9\x87\t\xf8\xbfb\xc4\x1e\xf4\xfa\xfe\x90\xe2(\x80C`\x1e\xba\xb5\xb1Y8Gy\xde\xdc\xd2\xa7\xc9\x93 h,X\xf9?f\xfd\x7f\xfdj\x849\xf3T\xf9\x9a\xe0?u\x85\xae\xda$\xc0\x1c\x8c\x1acr\x10\x80\x1fr\xf7\xef\xe3\xf92\xe1T.\xe0\xd0k\x1a0\xb9\x8f\xa6\x1az%\xf7F\x01&amp;\x0e\x88\xe7\xdbvn\x11&gt;\x86l8\x11\x1c*{\xef\xfdj\x9b\x94\xb6\xd4\xa2\x9b\x8b\xaa\x1b,z\x0c11\xd5\xc3\xe4\x97a\xef/wz?\xe9?\xf7\xa5v\xab\xb8\x96\x02\xc5\x90\xaa\xda5\xe0,\x9a\x97\xe96\xf1\xcdO\x9eJ\xaa\xc9\xa2\xf9z\xb3\xb0k\xcc\x15\x86sx\x13\xbe\x87\x93\xff\xd9\xa9\x15x\xb4\x89\\"\xedi\xd3.\x80;\xa3\xe3\x9e\xbd\x0c\xf0\xe34g\xe08dx31\xdbH\xc9\xbdZQ\xfb\t\x1a\xef\xd1U\xf5\xcf\x1f\xc5G\xc7\xa2;\x83G\xda\xbeb\x89\xae\xd5H\xe8\x03\xad\x11s\x8dnwJSB\xff\x97\xbf\xc3\xd9)\xc2\xc7or\x1eX\xf4\x85\xef\xfcH\x89\xa5;'</t>
  </si>
  <si>
    <t>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</t>
  </si>
  <si>
    <t>b'\xefS\x90\\\x8f/E#N\x80\x06\xb8\x85\xc4\xc9c'</t>
  </si>
  <si>
    <t>r of a mile to 
 seaward, and it was my first thought to paddle in and land. 
 That notion was soon given over. Among the fallen rocks t</t>
  </si>
  <si>
    <t>b'}\xddM\x10dE\xdb\x8fj\x9d\xe5*\xe0p\x0e\x92 FA\x98\xdcu\xd02L\xac\xb9e\xec\x840\xa7\xff\xb3\x04\x00\xb8\xb9O.t\xcf\xb4-&amp;\xc5\xe2a\xa5\x0f\xb8^E\xed\xa5=\xbf\xc6\x99qi\xcaPr\x11l\xc4\xef\xd5\xefU\xcah\x98\x8b\x99\xca\xba6\xc0=wWz\xc9\xcd\x1a\x14\x9d\xbb\xbc\xd8b^.U\xd6\xf5\x1c0\\p\xf5\xd6\x98\xb7o\xc8\n\x86\xf7\x82?H\xc8\xea=N\xd2\x95&lt;\xfb`\xcd\x1c\xa4\xb5i\xd5\xe8X?g\xd6\x99\xed\xea\x95\x1f\xb3\xca1\x92\xbb\xd9\xee\xdbx\x04\x8c\x87C\xedl\xf7^sY\xb8\x849\x83\xdb\xb2\x10\x00g\xf9\x07\xa8\x87\xee\xba\xb1\x80\x86\x99^Tx\r\x92\xcd\x8f\xbd\xa0\xdf\xad&gt;O\xe9:\x81\x8cS5\xb4\x8f\x0e_\xfbx7\xf9PF\xde\xe7"\xadn\xe8\x16cY\xfd2\xe8J\xe6 \x12b*\xe7\xd6\x11k\xc9\xc2\xcb5?\xe9R\xeb)8\xbe:*\x99\xdb\x0bx\xf7\xa0\xaf\x80\xca\x96v\xc2\xd0\xc6\xe2`\xb0\xbeD\x12\x8a\xcd\x14\xe2\x80f\xc7A\x85\x04\x9a\xfay\xabn\x9a\x9aI\xbc3\xf8R\xef\xee\xd0\xeci\x94\x9c\xc1M\xdb+\xd0Gb\x9aQ\xeawT\x02\xa4Ru\x13\x0c\x18h\x19B\xba\xdaO\xcc\xec}\xc3\xba\x0c\x07\xea3\x02P\\t)\xc0\x17\x95\x0e\x95P\xdc.\x97mr5\xcb\xec\xf0\x92}`\xd8\x9b\xb6V\xdb\x0f\x06\xfao\xf2\x93\xeaKvX\xe8\xc5\x00\xbb]\xd9\xe4\xae{b\x8bbz\x87\xad \xf7\xf1\x0b\xc5\xdc:\xa8\xe1RF!\xf9\x08\x95!\xa4\xa4\xe1\x13\xffo\xe4\xc2\xe8\x91E\xb0\xfbO\x0c_\xe8\x01&amp;\x91\x07\x01j\xad\xb2\x1a\xad\xfe\xd5\x87\xf2\xa8\x80]\x1a\xed\x8a\x82\x9b\xfc\x89\xf55\x93\xd5\xae\xefqu\x11\x8cmh\xc0\x96u\xcfz\xe2\xb6\xc0*\xcd\xfcx^\x08m(\x009\xcf%\xd7)U&lt;hr\xc8\xdbS\x87\x06\x8b\xf6\x87\xcf\xd6l\x05f\xcaJU\xab\x07i\xb2)B\xad\xf3D\xa6\xc4\xca\x99\xee#A\x8c\xcf\xa9\xa9L\x88\xfdx'</t>
  </si>
  <si>
    <t>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</t>
  </si>
  <si>
    <t>b'}\xddM\x10dE\xdb\x8fj\x9d\xe5*\xe0p\x0e\x92'</t>
  </si>
  <si>
    <t>istance. On her way
 through the hall, in search of Annette, she met Montoni, whom she told
 what had happened, and conjured to return and comfort her aunt; but he
 turned silently away, with a look of indifference, and went out upon the
 ramparts. At length she found old Carlo and Annette, and they hastened
 to the dressing-room, where Madame Montoni had fallen on the floor,
 and was lying in strong convulsions. Having lifted her into the adjoining
 room, and laid her on the bed, the force of her disorder still made all
 their strength necessary to hold her, while Annette trembled and sobbed,
 and old Carlo looked silently and piteously on, as his feeble hands
 grasped those of his mistress, till, turning his eyes upon Emily, he
 exclaimed, 'Good God! Signora, what is the matter?'
 Emily looked calmly at him, and saw his enquiring eyes fixed on her: and
 Annette, looking up, screamed loudly; for Emily's face was stained with
 blood, which continued to fall slowly from her forehead: but her
 attention had been so entirely occupied by the scene before her, that she
 354
 had felt no pain from the wound. She now held an handkerchief to her
 face, and, notwithstanding her faintness, continued to watch Madame
 Montoni, the violence of whose convulsions was abating, till at length
 they ceased, and left her in a kind of stupor.
 'My aunt must remain quiet,' said Emily. 'Go, good Carlo; if we should
 want your assistance, I will send for you. In the mean time, if you have
 an opportunity, speak kindly of your mistress to your master.'
 'Alas!' said Carlo, 'I have seen too much! I have little influence with the
 Signor. But do, dear young lady, take some care of yourself; that is an
 ugly wound, and you look sadly.'
 'Thank you, my friend, for your consideration,' said Emily, smiling
 kindly: 'the wound is trifling, it came by a fall.'
 Carlo shook his head, and left the room; and Emily, with Annette,
 continued to watch by her aunt. 'Did my lady tell the Signor what
 Ludovico said, ma'amselle?' asked Annette in a whisper; but Emily
 quieted her fears on the subject.
 'I thought what this quarrelling would come to,' continued Annette: 'I
 suppose the Signor has been beating my lady.'
 'No, no, Annette, you are totally mistaken, nothing extra-ordinary has
 happened.'
 'Why, extraordinary things happen here so often, ma'amselle, that there
 is nothing in them. Here is another legion of those ill-looking fellows,
 come to the cas</t>
  </si>
  <si>
    <t>b'vl\x1b\x81"\xff \xfb\xb2\x9f\x1c\x96=t\xf4{\x1f\xd4\x8e\xdbyf\xaa\n\xda&lt;.P\xad\xcb\xc2l!Z9\xd9\n\x04&lt;\x8fh&amp;-\x01\x9c\xecz_\x13cbMz\x01\x9f\xd2\xd8\x19B\xe1\xd72\x9f\x96'</t>
  </si>
  <si>
    <t>766c1b8122ff20fbb29f1c963d74f47b1fd48edb7966aa0ada3c2e50adcbc26c215a39d90a043c8f68262d019cec7a5f1363624d7a019fd2d81942e1d7329f96</t>
  </si>
  <si>
    <t>b'vl\x1b\x81"\xff \xfb\xb2\x9f\x1c\x96=t\xf4{'</t>
  </si>
  <si>
    <t>soldiers; butâ€”wellâ€”I'll think about it," and so they parted.
 26
 Chapter 12. A Stormy Day
 One day late in the autumn my master had a long journey to go on business. I was put
 into the dog-cart, and John went with his master. I always liked to go in the dog-cart, it
 was so light and the high wheels ran along so pleasantly. There had been a great deal of
 rain, and now the wind was very high and blew the dry leaves across the road in a
 shower. We went along merrily till we came to the toll-bar and the low wooden bridge.
 The river banks were rather high, and the bridge, instead of rising, went across just
 level, so that in the middle, if the river was full, the water would be nearly up to the
 woodwork and planks; but as there were good substantial rails on each side, people did
 not mind it.
 The man at the gate said the river was rising fast, and he feared it would be a bad night.
 Many of the meadows were under water, and in one low part of the road the water was
 halfway up to my knees; the bottom was good, and master drove gently, so it was no
 matter.
 When we got to the town of course I had a good bait, but as the master's business
 engaged him a long time we did not start for home till rather late in the afternoon. The
 wind was then much higher, and I heard the master say to John that he had never been
 out in such a storm; and so I thought, as we went along the skirts of a wood, where the
 great branches were swaying about like twigs, and the rushing sound was terrible.
 "I wish we were well out of this wood," said my master.
 "Yes, sir," said Jo</t>
  </si>
  <si>
    <t>b'Q\x02s\xb0n# l'</t>
  </si>
  <si>
    <t>510273b06e23206c</t>
  </si>
  <si>
    <t>y touching the hilltops and shining far to seaward. 
 The captain had risen earlier than usual and set out down the beach, his 
 cutlass swinging under the</t>
  </si>
  <si>
    <t>b'\t-\xd5\x84\x8d\xf0,&lt;h\xf0qEn\xda\xe1\xcc|\x8a\xc0b\x80C\xee5\x98\x04{\x04\xe21\xd1\xee\xca\xacwQ\xb1K\x91_\xf8\x9f\xf4\xf60!\xd1\x06\x8c\xee\x9a4\xa02?\xf8\xf2&gt;\x03\xc6\xd8\x1b\x8e\x86\xd2aK\rI|\x9diu=\x81\x8c\x18\xde\x02\xbc\xc5}rA\xc3V\x18l\x93-\xa5\xdb\xbc\x97\xe2\xc4\x82\x95\xf3\x16z\xfdH\xbf\x06^"\x80\xed\xa4Q*Yj\xf4\xb4\xb0\x1dN\xca\x9bj\xc1\x12\xe58j\xfb\x02\t\xd1\xe8\xfe\xa8\x0b\xac\xc6e\xfb\xd9\xa1SU\'OYbV\x92\xc6U7\x83\x83\x93cU\x8e\xbe1\x85\x1b!\xbbZf\x19\xcf\x0c\x1c9\xdb\xd1\nC\x95\x08\x16 \xab\xbe\x88?e\n\xf2\xcc\x9a\xbc\xfd\xb4w\xf2[\xc3*\x00&amp;%\x87*[\xdca\xdb\xe7\xef\xd2\x08\xc1\x17\xf0,S\xc9\xe1\x138L\x1c\xffWY8K\xa7\x8ch~\xd3\xb5e\x15^\xc4A\xe55A\xc83}\xf5&amp;ZAT3\x0e\x88e\x08e#\xc1\xc7\xbfErb\xe8\xb7\xf0l\x8b\x8a\x94n\x0b\xf6\xb6\r\x8d\x89\xe6@Q\r\x8ffI{\x83\xbb\xc1\x04\xe5_\x00~\xae\xc5%\xb4\xdf\xbbUS(jtB\xc8\xf1\xf9b6\xdbX\xbd\xa4\xd5\xe1h\x03x\xd1\xa5T\xb71+\x04\xa9\xe5\x8f`&gt;\xab\x11r\xe3\x8dG\x852\x07W\x02N\xf6/\xdc\xacC\xdd\xb0\xbd\x19^\x9avq\xc0\xe0\xe8Q$\xe9+\xcdD\x04r\xd7\xa8\xdc\xe3m&lt;I\x8d7\x05\xa7\x0bW\x18\xec\xa8\xa7\x86\xce\x14;\x10\x11\xb9\xdc\x87\xfbw\xafbc\xe7s\xc8\x88\xdao\xec\x8b\nSk\x0c\x00\xe2\xf8?\xc9\x9dN\x10\xaem~\x99\xf4\x9ff\xf3~\x9e)\xaa\n|\xf2/\xa0\xf3A\x02\xf9`\x1b\xad\x92%#\xdcc\xa25c\xa4\xaa\x0e\xcd\xba\xb6\xf8s\x9a\xf3;s\x04\x91l\xc5\xfc\xe3\xd1CW]\x13\xf1D\xe3\xa4\xd6\xbeDF\xe5\x13\x85\x1a\xaf`\xe6\xd5\xceP11\xbe\xdb\x06z\x918\xb8\xda\xb7kO\xbfW%\xb7$@\xb5\xb7\xba\xd6\xf7'</t>
  </si>
  <si>
    <t>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</t>
  </si>
  <si>
    <t>b'\t-\xd5\x84\x8d\xf0,&lt;h\xf0qEn\xda\xe1\xcc'</t>
  </si>
  <si>
    <t>â€ sighed the Hatter. â€œI told you butter wouldnâ€™t suit
the works!â€ he added looking angrily at the March Hare.
â€œIt was the best butter,â€ the March Hare meekly replied.
â€œYes, but some crumbs must have got in as well,â€ the Hatter grumbled:
â€œyou shouldnâ€™t have put it in with the bread-knife.â€
The March Hare took the watch and looked at it gloomily: then he
dipped it into his cup of tea, and looked at it again: but he could think of
nothing better to say than his first remark, â€œIt was the best butter, you
know.â€
Alice had been looking over his shoulder with some curiosity. â€œWhat a
funny watch!â€ she remarked. â€œIt tells the day of the month, and doesnâ€™t
tell what oâ€™clock it is!â€
â€œWhy should it?â€ muttered the Hatter. â€œDoes your watch tell you what
year it is?â€
â€œOf course not,â€ Alice replied very readily: â€œbut thatâ€™s because it stays
the same year for such a long time together.â€
â€œWhich is just the case with mine,â€ said the Hatter.
Alice felt dreadfully puzzled. The Hatterâ€™s remark seemed to have no
sort of meaning in it, and yet it was certainly English. â€œI donâ€™t quite
understand you,â€ she said, as politely as she could.
â€œThe Dormouse is asleep again,â€ said the Hatter, and he poured a little
hot tea upon its nose.
The Dormouse shook its head impatiently, and said, without opening its
eyes, â€œOf course, of course; just what I was going to remark myself.â€
â€œHave you guessed the riddle yet?â€ the Hatter said, turning to Alice
again.
â€œNo, I give it up,â€ Alice replied: â€œwhatâ€™s the answer?â€
â€œI havenâ€™t the slightest idea,â€ said the Hatter.
â€œNor I,â€ said the March Hare.
Alice sighed wearily. â€œI think you might do something better with the
time,â€ she said, â€œthan waste it in askin</t>
  </si>
  <si>
    <t>b'\x842\xdd\x85u\x05\xcf\x19c,x\xc1\x98\xa1\x1a\x14\xc8\xa4^\x84\xe4\xd47\xf7r\x03O\x8c\xb8\x0cmwl\x99\x14\x08i&gt;\xe8\xb2\x11z\x1f#\x05\x8evf\x9b\xf1\xd9\xae\x00\xb0\x1b4\x14\x14\xaaQ\x8e\x99\x8f\x83\xd5u\x8e7\xe5\x0b\x8aN\xfdj\xd1\x17C\x01\x9f5ML:\x8f\xd3_\x111\xf4o\xd8\x94\x8b\xd6\x10\x0e\xc6\xe2\xc9h\xcb\xed]L\xf7\x90\x07\xa1\xcd\t\xed\xe07\x07\x9c8:E\x04\x92g\xe3\x1c\x1d&lt;v\x8e&lt;I\xe8\nvS0RU\xd6\x01\xae\x1a\x01 \xbb\x8e\xe0(\xc7\xc5\xf4(\x9b\xa3&lt;\xd5\xe07\xc6D-X\xb1\xebs\x9d\xe5\xc3&lt;\xc2\x0bZ\x9b\xe9b\x8a\x8d\x107\xeeF\xd0\x8dM\x18\xb0\x81\xc5\xa3{\xb2\xc4^\x80S\xc4}\xf3v/Q\xa36H\xec\x17\xb1\xf2\x9b\x10\x9aF\xed\xe5\xae\x978\ra\xbdl\t\xa7\xd6\xc3\xb9\xcb\xad\xed\xa0\x85\xbd\xd9\xd0\x1d\xc21\xd0\x869\x95\xb6\x1f`\xf29\xbb\xf8\xa6T\xd7$&lt;\xde\x87\xbeiE\xb0\xca8\x9d:\x08\xc7K\x8b%%D\xbc\xa8\xda+\x9e\x94\x90D\x85(\x8du\xbe\x92\x94}\x82\xd7\x91\xfc_p=&lt;\xc3\x88E_#Tg\xfb\xa0\x07\x01\xf3\xf9*o\x9bi!u\xd5\xfc"\x9a\xb3;l\xa0X_&lt;\xf4I\xc9\x9e\x841,\\\x14iL\x88@C\xfd|\xc7`\x90\x8f\xc8\xd3&amp;\xee"\xffe\xb6\x9fi\xb3\xd7\xb9C\xc5\x85\xe0\x9b\x97\xaa\xa0\x1eDR\xc2\x8f_\xc6\xd2\xd4xbZ?\xfb\xab\x8fT\xea\x7fj\x8a\x18!\x04b\x94\x97\xfd\xeeZ\xf9\x1e\xd4g~+\x94&gt;\xf1;#J:\xef\xfc\xd3\xda/B|r\xec\xebfu\xed\xe9\x8dO\xe8\xd56\xf64\xe4\xadm\x9d\x9aK\x19;\xed6\x80&lt;\xf6H\x9b\xc0\xd1\xf4\xe9^\xd6=\xf1\x01-\xa2#\xf0\x8f\xb3\x14\x1aq\x1eH)\xe6u"\xe5\xac\xa9\xa3`\x86[\x0c9\x85h\x93@\xbd\x0eD\xfbl\xde\xfcL\xf4Y7c\xba\\l\xf3o\xf94\x0c\xf7/`\n\x1f\xc2\xd4v_\x1b~m}#\xc2\x83\x15\xf9\xe6\x06&amp;\xcc\xa9\xe1Y\xc8\xd4&lt;\xdf\x93:\xa7~W\x88\x8ai\x92ia\xcfY\xe7lN\xb6\x97\x97G?\xdb&lt;(\xa0\x0c55\xe0\x18\x89\xed\x80\x08\xd3,q\xae\xf9B\x00\xfd\x1d9!&gt;\xd2i\x176q~\xb96\xfa\xe4C\xbe\x8b\x12\xcbaU\x19m\xfe\n\x0f~\x1d%\xab`\xa3\x8e\x97\xd4\xd9C\x1f\x9bq]\xd6\x84\x8d\x90\x18\x91\xa6\x89[\x00?\'\x1b!\xcb\xba\x13-\x06\xf7s\x86\x8f\xda\xe4\x7f\x9dl\x9c\xcb\x96I\xa7\xa9\xea\xac\x83\x8c-\xa6K\xf8\xe0\x011\x81\x845_\x15\x84C\xc2#U\x0e\x9b\x8a\xa5\x1d\xe5\xf5P\xa0(\x1c\x87\xc9\xcfQ\xc3\xddF\xb8|\xa1\xc8\xbf2\x9d\xfdJ\x86\xb7-\xef\xb8\x1b\x12\xce^\xc6\x96\x83\x9c\x1f\x9ec\x9b\xa8\x7fT\x94\xf5\xe0\xe1\xe7\xe3\xa9A\x9b\x89+pe\xc2\x15(\xf3\xba\xb6\x92\xd3\xc7\xd9\ni%\xb4_\xa7ob\xf5\x0e\xa9\xb3\x03\\\xcaN\t\xe9\xb2[\xae\xed\x0e\xb3\\\xaf\x8c(\x96\xc5\x11enE]]g\xa4\xdf\x11n\xd3\xffu\xd9\x1e\xd9O\xb7\xd39\x02z[\xd3\xde5\xe9KV\xda\xb6\xf2\xa9\xe8\x91\x12n\x87i\xf6\xfcJ)&amp;&lt;\xb2\x18\x7f\x02\x98\x10$\xf6\x96\xb5z\x8dv\x8f\xcfq\x19A\xd9\xb5\xb5\xd8\xd5b&lt;[\x97\x1c\x89\xf6\xc2\xc3\x13\xad\xef\xec\xf7Y\x1d,\xf3\xbaG\xb7\xb5\x80F4\xc8c\xb4\xa3M$\x843\xbeM&amp;\xb0\xd8\xf1A+\xb9\x07\x1c\xb9\xcfZ\xabs\xa2\xe03\xadR\x17\x8b\x8a\x03 /}\xdc\x81&gt;\xaa\x9f7\xc7\xfc\x1dd`\x97J\xb56\x1d\xaeD\x9a\x1b\x8a\xc2\x1d\x1bMEc\x9cI90\xdfN\x085\xfb\xc8\x9dy\x1c,\xbb\x15y[\xa7T\x96g\xc4\x86a\x1d\x9a\x15\x1f\xda}\x84\xea"O#\xab\xce\x7f\x18\xcbu\x0eE\xe7tj\xf4\xdc6\x1e\xab\xb1\x8e\x00\x1c\x1d\x07I\xd4\x80\xbb\x92\xc3\x8dB\xde;\xf0\xeb\xb4fs\xf9YZO0\x0fyd\xaa\x08\x8c\xf4\xb8v\x03\xa6\xac|-\x0159\xdc\x81\xd5,\xebe\xc8ie\xc8P\xe8\xa4\x9a\x05v~\xacG\x00\xa8NLy\xde\xd7\x04\xeb\x83~w\xb0\xba\xb14E"\x08x\x8c\x17\xd1\xcd=\xc27\n\x08\x05\xe1\x13\xfb\xb8\xa3_\x06Q\xc9\xf4\x01U?wz8\xc0\x85.\x16\xca\xe0\xb5\xa9\xfb\xcd\xef\xadR\xa8F\xdf\x04\x8a,\xbb\xdb[\xac\x86\xab\xa1S\x9b\xc0\xe5\xbd!\xa0\xdb\xed5\xa3\x16\x90W;\x94\x13\xbe\xae\xe0\x10\xe7\xab\xc1\x1c\xe8\x16\x9f\x1e\x06\xdfj\x8e\xea\xf3U\x14\t\xc3\xab\x96\x0c\xc9\xab~D\x19\x9e\x06\xda\xbe\xfd,a\xd4\xdd3\x0e\xc5\xb9\xfbK\x8c\x04S\xf860\xdd\xe1\xec\xecJ\x1bw}\xcd\\\x12\xaa\r\x81oQlF)iu\xc2\x8e\xb4\xee:\xbcU\x93\xebr\xa5\x8bQ\xdb\x17&gt;Q,y\xc8\x8cO\x8da\xe8r\x08U\x13I\xdb\xe2\xc8\xce3\xd79\xce\xf0b\x95\xcd\xfa\x91H\x02\xf3X\x97I\xae\x10\x9aU\x0c\xc2\x8d\xf5\xdc\xb7\x1dM\xcb\xb5\xba\xaa\x0c\x14\xab\xc7\xf9;4+\xe2\n\xcc\x8a*\xaf\xe4\x03y^\x8b\r\xc8\xea\x85\xce*d@aB\xba\xe6\xb3\xe3!7q\'n\xdc\xa9\xf2\x0b\x91\xd7Y\xbd\x02\xae\x1d\xfa\'\xee\xdb\xa6\x07\xff:\x89\xe7\xcd\xccrP\x01K\xa7Wb\x08\x05\x0c\x1d\x07\x07\xa2_\xed\xe2L\xec\x1a\xfe\xb4\x19\xa8H\x8d"\xf8\xb3#\x97^\xa4\x1e\xe8@\xf3\x14b\xd6\x87\xb9\xd7Ke\xab7Jhk\x1b\xb3\x14\xecM\xb6\x103\xcb\xf9\xb0\x18\xe6\xbb!\xa9\x1b\xf6B7\xa5=\xac\xdb&gt;\x80\xc6_\x94(6\x078\xf3J\xd9x\xc4k\xdf\x04@\x14\xa9FC\x1d\xd6\x94K\xab*\xae|\x87{\x99\x93\xf0i\xc4\x14\xb4\x97\x9e"T\xb9\xadr\x15P\x19\x17ym\x94\x13\xf8\xc74\\$\xd4\x94\xbc\xf3W\xa4\xc7\xbc*\x7f\xa4\x02\xa4\xfb\xba\xafK\t^l\xba/\xc6\xacP\xd7\xd3\x12\t\x91\xe9r\xb2Rc\xf2\xfa\xdc\x04\xf6?\x0b\xbd5e\n9\xb8\xa6w\xd7\xa2"\xb8L{L\xfd\x97\x9e\xc8\x80\xcf\xeb\x9du\r\x15\x8dZ\xc9\\Ji}\x90:\xf3\x15m\xf9\x12z\xee\xa6\x83&lt;=\xdf\xc0U\xbf\xe6\x9b\x13\x16\xd5q^\xa0[\xe3\xdb\x1c\xe5\xdc\xd5\xd8\xc2VI\xac\xfdE\xe1\xa5\x95\t\xef\xa13m\x1eB\xeem\xff\'\xf5D\x00\x1f\x92y\xa0:Z\x02\x94X\xe0K\xcc\x0b\x93\'#\xcf!j\x93\x92N9nRm\x00\x0e\xe9\xc6\xa3\x88\xa7\xa7\xc7\x19V\xef\x0b[$\xbe\x8aQ81,t\x82\x9a\x94\xb1\xed}BP\'\xa5F\xd2qV\xc8l\x92\xf2\x18B.\x0f\x92d\xb7\xe7\xcd\xc3\x9a\x1fy\x8b3u\x9c\xda\xbc\x95\xdc\xb8\x05\xaf\x08AV\xc5\xfcN\x8c\xfcvr\x0b\x9ab\xc82\xd9\xcdq4\xfe\xdc(!N\xbd/`\xda\x9fC\xe3\xc6Z\xd8\xd2\x9a\xdd#c\x90G\x15\xb8\xcb2\xe0\xd0\xc5)\xdeN\x00Q\x15\x01gd\x00[\x9eC\x06\xf7\xc9\x80P}y\xb7U\x82d\xcf\x01N\xf8\x08\xe4&gt;\xdb\x15r\x17\xc8|\xc3\x07M\x8e\x7f3\x87S\xf9\xda\xa8\x12\xa7\xac\x05\xe6\x91K\xff\xe85(\xc4(\xc8qQ\xb0\xef'</t>
  </si>
  <si>
    <t>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</t>
  </si>
  <si>
    <t>b'\x842\xdd\x85u\x05\xcf\x19c,x\xc1\x98\xa1\x1a\x14'</t>
  </si>
  <si>
    <t>inventory. We took the money we made from sales, and we bought
 another 500 units. Then, in the next round, we bought 1,000 units. We just
 kept rolling the money back in, over and over, as the company grew. It was
 pure bootstrapping. In retrospect, I wish weâ€™d been even more aggressive at
 the beginning, but we feared what would happen if we placed that first huge
 order and the product didnâ€™t sell.
 For a lot of people, the biggest hurdle is not placing that preliminary
 order, but rather finding the money to avoid running out of stock faster than it
 can be replaced.
 Some entrepreneurs raise a lot of money, giving them the flexibility to
 make mistakes. If youâ€™re like Michael Dubin and you raise $100,000 from a
 group of investors (or, heck, from your rich uncle), then my hat goes off to
 you. Having money allows you to make mistakes, lose money, and optimize
 over time. It also allows you to optimize for sales instead of profits. Most
 entrepreneurs donâ€™t have that luxury, so they are always walking a fine line
 between funding the growth and optimizing their personal profits.
 Thatâ€™s why, at the beginning, you might have to use price as a way to
 control the speed of sales. If your product is selling too fast, you might have
 to scramble to fund your next order. If cash flow becomes a problem, then
 itâ€™s an indicator your price point may be too low. You may need to increase
 your price until sales move at a manageable level, allowing you to easily
 restock your product before it sells out.
 I get a lot of pushback against raising prices. â€œBut my competitor sells for
 less than me already!â€ people say. But you are not your competitor. If you
 are doing the exact same thing as your competitor, then you deserve to go out
 of business. Focus on your customer, not your competitor. One of my
 mentors, Kevin Nations, has his own rule of pricing that</t>
  </si>
  <si>
    <t>b'\xa8\xf3\xa3\xc4~\xb7]\xb2\xd0|,\xf78\xe7\x12\xfe\x9efU\x8d\x18\xcb\x1e\x90l\xca\xa2\xb2\x0e\n\x8e\x8e2\xc5,\x85\xab\xc5\x96m\xc0\x10\x0eh\x8a\x85\xd0Q\xb9\xa7\x96\xf3\xb5/GO@\x0e\x10\xa7#\x94\x97Q\x9b\xa5\xc7\xe9\x94\xc0e\xe3\n\x8c\x9b\xfamU\x1f\x8d\xa1P\x9b\x91\xf0\xe0\x80\xfc\x066{\xe2\x07\x00qM\xadw\x97\x17\xd7\x02\xbb\xdbxUZ\x85\xe4\x95C\xff\x89\xc3\xb9\x02\xde\xbf\xbf{\xfedfB\x8a4M\x8c\xd4l\x15D\xb1\x84QKL\x8f\x83\r\xaczUb\x1d*Oj\xf8\xbc\x80\xa5\xc82]\x1b\x07.-\x92q\x86\x91^\x076\x14\xcc\x96=\x01\x1at\x7fa\'eba\x1e\xa5+\xfe\xc8\xb2\xb9s8o\x9b\x91&amp;\x08Hy\xf1\x1e\xad\x872\x90\xa5\xc9O\x97Qg\x10\n\xea^TT\xc3\x81\xf5c\x8c\xd0l\x7fzD\xbc\xd6\x7f\x05C\x10\xb4I\x9c?g\\\xe8Ae\xc7\x84\x1eD\x80[c)\x82\xa6E3\xa1\x07\x8aS\x9e(\x0c\x00\x9b\xd2rH !|\x9cm\x86\xfcT\xcf\xa6Pr\x10:\xdb\xf3\x89\xc7\x11b\x88\xe9\x81\xe6\x17vJ#\xee\xea\xa0[\xd8\xe9\x91\x1aZ\x19h\xd1G\xee\x0b\x10\xc7[\xfa+\xa6N-\x81\x15\x9c\x9f\xf4\xc2\xbf\xeb`\xa8\xcb\x8bh\xa8\xdfn\xb86\xf5\x00\x0b\xeb\x99=4\xf4\xad\xc6\xach\xe1\xf2\xef*\x13\xf9&gt;\x81\xfd\xe5\xf5\x98\xa6\xd5\r\xeb@\x1f\xfb\xf1\x19\x7f\xc0|T\xab\xf3F\xe1\xc4\xc3\xa8\x98i\x84E\xb6\xa2r[\xc4\xb8\xe0\xcch\x1bD\x0f\x01]\xd5\xae\x16\xcc\xbd\xceL&amp;\xb84AGe\x97\xbd\xe8\xd1\x86\xaa\x97\xca\xb0rAw\x0bXO\xc18\xbf\x9dJ\x17\x14K\xd7e\x14\xb9\xb2\x1b\xea#\xae\xec\xb9\x1b\xd8\xb2\x9e+\xecII\xa2\xfe%\x81\xb2]Q\xdc\xb6\r\xbc\xfc\xa1c\xccU\xcd\xefn\xc3\x15=\xa2w\x0f\x85\xad\xe3\xa0~\xf2\xe7\xb1\xfcOE8=\xdaJ&amp;\x90\x0e\x9d\xeb2v\xd4\xc6Xu\xb7\xc4A\xb9\xc6x\x18\xa3\xb5\x1eKN9o@\xf9\x03\xa1\x06ns\x92\xf9?\x81\x16\xe5\xb7\x8b\x0b\x93~\x1c\xfe\xeaU\xfd\xdf\xf7\xce\xd5,\x8f\xc8\x06`\xed\x1f\x94\x88!H\x89\x03g%\x08Ew)VSI"\x9e\xf4I\xc7\x8e\x1b\xaf\xfc\xfbW_\xb3\xeb\xe4e&gt;\xa7Mb\xa9\xc9\xa0\x0b\xe0\xe4-i\x9e\xf1D.V\x0b\xaa\x11s\x15\x95\x8e\x07\xbc\x15\xf3\xfa\xbdB\x02\x9fEt\xba\xf4XJ\xf1\x0e^\xdd\x11\xeb\xf5u\xf6\xc0\x96: &amp;\x90\xcb\x90y3\xeb\x02\xa0o\x80e\xd57\x83\xc2\xd0 r\xc2\xd1\x18\xe7_\x9a\xce\x05?w\xdbl\x1f\x04~K\x94_\xdf\x92\xcc[\xd1&gt;\x1c1\xae\xbf\x9a\xafz\xd9\x11\xc8P[\x9c\xa1\x15\xbd?\xdf&lt;\x1b&amp;w[\xedg(\x9d\x05\xd4\x9f\x89W\x15\xc8!T\x9f\x14\x98I\x9b\x88\xc9\xf2\xf0\\ZsF)\xbf2;\xf1\x05\t\xa6\xc4 \xb3f\xd2u\xc3M&lt;\xc1\xdb\xc6\x02\'\xbd\x12\x0ewZe\x7f)k\xc7\xc9\xa8\xec\x9d\x88E;\x87\x173\xc3\x9c\x0f\xec9\x08f\xb3RvE\x00\x95\x00G\x0c5\tv\xf7P\xa0M\xae\xf1\xde\x9c\xfa\xdd\xfb\xd0=\x92Np\x9e;n\xf9mo\xc4\x1c\x84\xbaf\x83W\xc0\x06\x99m\xc3x\xc5\xdf\xe6\xe7U\x81\x9b\xb9\xd0jl\xf0\x19\x18\x02\xcb\x82Wj1w\xc5\xda\xe2\x00\xe7J\x7f_\xbe\x8ec?\xdd\xc3\xce\x19/\xc3\x89i\x1f6\x86\xd4J\x10\xa3\x99\xf6\x9f\x11\xed\xed\x03\xf7\xc3$\xccx\xb0\x18\x88\x0f\xb9\x0c\x1a\x81\x15\xae\xcb7Y0\xa6=\x1eei\x8f\x15\xb7\x82\x8f7\xab@\x81\x1fJ!\x8f1\x05G\x82\x98M\xfb\xda\xfd\xe4Z\x18\x04\xc7\xe9\xbf\x84i\x85\x8cxa\xff\x07\xe7T\x90\xa2\xef\x0c\x1b\xbd\xfd\xe7\xfbs\xf2\x1f\xaf\xbcW\xea\xa1\xd8\xd6\xb5\xfeg]\xa1\x12\x82\xfaf\x88\xe8\xc5r6{\\V=\xc16i\xbe\xe3g\xee&lt;;c\\a\x15\xaf\xd2;*hb\x18L\x9fr\xeb\xa2\x96\x81\x828\xe0\xaf\xfc\xa1\xc86_\x08\xa2\xcd4r\xb5\x82\xde\x95\xfb\xb7\x84\xe5\x12P\x9f]\x0f\xca:]\xca4A\xb7\xc1\xe9\xc2n\x13\xd1\x80\x95\xc6\xfc\x92"\xfc\xab\x1c\x02(\x02B\xf9 1\x02\x96Q\x0b\x9a\xe0\xceZq\xe3b\x89\xdf$\xe3*V\xae\xc8\xb4E\x86\xc2\x0b\xf1fn&amp;\x9b\xaa\x16\xc9J$\x8dzj\xc3Q9xz\xb2\x92\xc0\x93w\x9e\x95\xad\x90\xcaI\xe2\x03\x07&amp;\xa2\x0b\xf1MN\xb5E\xa9QM\xc8=\xa3#c\xb0\xd3\xf1\x1av\xd4\x15\x806\x89NB\x95\xdc0\xce\x81EUv\xa3\xa1\x963\xf5\x05i\xb5_\xbeU\xe4[\x94\xf1\xc9~\x87\xdd\xb9\x8aF\x88\xfd\x1bX\x05\xfd\xc4-6|hh\xd9*\xda2\x06\xc7\xf2\xfd38\x95\x96\xd8\xe2J\xf8\xab\xe3\xb5lT\x1aH\xff4\xf3\xde\xa9^z\xf0\xfa\x10\xbd\xff\x1a&gt;\xfe\xecI\xdc=\x9a5s\xcfd\xd2kf\xf9\xcb%\x17\xb9\x8e8jRrL\xb2Gs\xcc\x8d\xd5\xf4\xf0\x81\xe7\xa0\t\xc6\xd6\x08\xc5\x01=\xcd\xe3\xdf\xa3\xa0\x0e(\x80\xff\xd9\x85\\\xef:\x9c\xba\xe96\x01\xf4{\xe0FQ\xd8&gt;Z\x0cg\xd1*\xbe\x1b:*\n\xe8\xe2\x8a1\xe6]\xb6\x9a\xf7p\x99\x06nV\t\xe6\xdc\x16\xdcs\n\x80\xde\xcdG\xadd\xa7l\x03-\xddrV\xcfD\x126\xfc\x8f\xf9DR*z\xda\xfc"\x8e\xa2HE/\x17\xa0\n\xa0\xb80\xe6"\xed\xf1\xebO\x07\r\x8e\x11\xcf\x0e\x9e,\x18\x1a\x07\xc12\x0c\xa30\x97\x95\xee\x11/\n\x86\x88@\xa7X\xf2@\xba1\xf3T\xf0\xbe\xcfd,tE\xe4\xfa7\xd7\x83\xd4\xfa\xa6\xa1O\xbdLZ\xe0\xac\xa6\x9f\xe4o\xaa\xf6\xf4-F\xa9\x1aQ\xff\x0f\x05\xa8\x8b\x0f\xfb4lzpgH\xe5\x8c2Y\xb1\x0c\x08\x99\xfd\xd4\xd2=\xdc\xee7\xf4\x06\xb8\xa3\x15\xb2\xf94\x03\xa3eY\xc6)\x86\xdca\xc8\x08\x08\xddV5B\'\x7f=n\xf4\x08\x9b\xd6k\xfb\xac\xa7a\x01R\xf1\xaa\xa4%\x8d\x9e^\x00.\xa3\x15\xa2\xda\xa8\xa6\x7f;\x941h\x8b\xe1\xd5C-^1\xb2\x8fEvW\x828q\xb1F0\xfb6h\x04e\x89R\xcbamv\x08\x16x\xb1\x17\xf5\xdd\to\x19\xfcd\x86\x8f\x07e`&lt;Y\x01\xb3o\xfcc\xf2\x8ag:y\x12\x1f*\xd17\xb7\xd2\x04\x84\x02\xe6\xe2UygT\xcd\x02\x81}P%\xc9GE(\xcb\xc9E\xf1\xe0y*\x98\x80\x1b\xcfa\x14\x94(\xc2\x99\x1017=\x91#\xdcv\xdb^|\xc0\x8f\xef\x03\x9e9p\xbd\xf2P\xf7\x1cc\x96+\xd8\xc1\xac\x9a\x8a\xd8\xac|\xf8\x91\x9b\x18h\xcfSYj\x10,\x14\x8d_*M/\ru\x81\xed\xf6{\xb9\x04d:\xb4\x9d[\x05\x8aD\xac|\x1c\x9dY/\x08\x80\xb3\x9c\x90\xdd\xa9\xf5VB9\x03-\x95\ns)R\xb4\xec\x84\xdek\xe8\x02\xef\xb7\xfe\x00Lrru\x88\xcd\xf6\xe1l~\x9a\xd52\x97I\xab\x82\xfd9}\x7f\xb5\xc8y\xbd\xbd\x95\xc6\x8a\xca\xc9\x82\xb7\xc7\xc2US\xe1\xc0\x19_\x93\xee\xf6p\xb4=j\xe3\x07\xb0\xc4\x9f\xa3\x9c\xa8-pS\xb8\x99\xc5\xa7\x85\\\xe3}\xbc\x84\x0f{\xfe*\x01\x8f-\xe3\x80\xbb\xdc/\xef\x87 \xf4\xbf\xcf\xcc\xea\xee`\xea\xf8\x1a&amp;\xc7\x902\xbfg\x18\x05\x02\xc8R\x118\xa2q\x9d\xc0\xe6\x9c\xf5\xc8b\xf5\xbfc\xbb\x1ep\xbbj\xc7O\xa8\x15\x00\x90\xd81Z\xb3\x0bk\xa1\x00\xe8\x89\xf0\xbd\x9f\x92\xc0\x9e\xe8\x0e\xd5\xc7G#\x02\xf5'</t>
  </si>
  <si>
    <t>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</t>
  </si>
  <si>
    <t>b'\xa8\xf3\xa3\xc4~\xb7]\xb2\xd0|,\xf78\xe7\x12\xfe'</t>
  </si>
  <si>
    <t xml:space="preserve">lopmental effects (Figure 19.5b).
(a)
2024-25
CHEMICAL COORDINATION AND INTEGRATION 249
SUMMARY
There are special chemicals which act as hormones and provide chemical
coordination, integration and regulation in the human body. These hormones
regulate metabolism, growth and development of our organs, the endocrine glands
or certain cells. The endocrine system is composed of hypothalamus, pituitary
and pineal, thyroid, adrenal, pancreas, parathyroid, thymus and gonads (testis
and ovary). In addition to these, some other organs, e.g., gastrointestinal tract,
kidney, heart etc., also produce hormones. The pituitary gland is divided into
three major parts, which are called as pars distalis, pars intermedia and pars
nervosa. Pars distalis produces six trophic hormones. Pars intermedia secretes
Figure 19.5 Diagramatic representation of the mechanism of hormone action :
(a) Protein hormone (b) Steroid hormone
(b)
2024-25
250 BIOLOGY
</t>
  </si>
  <si>
    <t>b'\xd4\x016\xb3\x1f\x8ao\x8f\x9f\x15\xe1\x0b\x9f\x07\xa9\x9c\x83\xe1\xcc\xac5\xf7\x85\xe5\xeb\xf4f\x13e\xfc[\xf6\xfd])}\x9f\xe0[\x7f\x1b\x9co\x19\xa9\x89\x1d\x0e,\xa4/2\x9e\xc1\xd5q\xeb?\xea\x81D4\x9d\xca\x7fA\x8d\x1f\x0f&lt;\xbeyG\xa6\x88\xb6\xcc\xbe\x9fa\x91\xc9\xb1\xcb0!Z\xc2K\xf7\xf2\x87l\x8b\xa9\xe1\xf8}\x0c\x05\xbe\xfc\xa61\x10\x0fo6\xbb\x12}^\xaf\xcb5\x0ch\xae~T\xe3p#\xa9\xc8\x18Eq/\xfc&amp;\xc8\xf5RT\xd8\x9b-?gM\xa7\x80L\r\xc5\xba\x1c\x9f\xa1\xc0i\xd7\xdc\xec\x85\x7f\x9an_\x89q\x8d\x8eX\x19\x9d\x873\x07\x87E\x1dz\xf5\xbe\xb6\xa8\xcf\x15\x0f\xa0\xa3\xd4j\x8d\x98\xdc\xd5Q\x0b\xe0!\xdb\'\x138\x1b\xc53\xacS\xbb\x82\rZ#3\xc3-\xcf\xa5\xa6\x1e\xac\xe1\x80\xa1\x8fu=4\x02U\xfd\xeb\xaa\\\x15a\xb1`&lt;\x0c\xd2m\x9d\xd2\x18\xb8J3\xdc\xa4G\x9f*H\xc2\x1c\x94R\x0c\x0c\xd4a{,\xa0\xe8\x99\x18\x9b\xcf\x8f\xf2]\x83\xf7)\xfd\xcc\xbb\x12\xd1\xd5|\x0cB\xf6\x0ck4\\\xa0\xaf\x9b\x94\x04N\x8b)\xe8c\x90n\x9f\xf0\x9b+D\xe4\xff\xdf\xda\x02\xe6",\xd5\xb6\xf1\x8e\xb3\x9d\x1b\xd4\xb39\x14\xe7\xb8\xe7\xce\xdcG\xe9\xa2\\\xce\x0f\xa9\x05\xaf\xef\x8c\xd6\xf8\xdf\xfa\xf9\x9fTK\xd5\x98\xc8\xc8\xcew\x82i(\x13^4\xb0\xdd\x0c\xf7\xb61\x18\xb8\x82\xee\'\xb8\x1c\xe8QG\xded\xdc\xc3\t\x03\x8e8\xf1\xd4\x1c\xd7\xe27I\xa7s\xf7^@\x06\xa8\x02wV\x16\xcf\xf2\xe8&lt;\xd46\xd16\xda\x19-\xf3\x11c\xd0yP\xed~\x827\x02\xb3^2\xa3\x16\x06\xc8V[\xb3\xb5\xcf6\xadf\xecW\x1dl\xc6L\x07O\x13B\'\xee\xb1\xf4\x85\x97%P\xc8\xf2\x85WZ\xb7\x05q\x0b\xb5\xab1y\x02b\x94\x9cv\xe3]t\x8a\x18_\x05\xedM\xb9hy\x92\xc7&lt;o\x14\x16\xab\xf7O\xd3\x04\xcf\xebc5\x1eq\xe2\x03\x97\xce\xd8s\xf9\xddG\xe8|\x1c\xfc\x08\xc1\x16 k\xb1\xf3\xe3%\xb5\xb4\x12\xb3\xe9\xfa\xec%\x93\xb2v\x92\x12\xca\xb5\xdd\xde&gt;\x8d\x98|\x06\xa4;M\t\\=\xf1i\x14n5\xd1\xa7\xf7\xe0\x04\xabU\xf8\x19p[`\xd2Bz&amp;zQ\xe4pv\x7f\xb5F&amp;\xfe\x90Ww\x11_\x01D\x01B\x02\xb0\xd1M\x0f\xbc\x98\x91\x1da\xba68\x81\r\xcd\x10m\xeb\xff\x07mX?\xabR\x8a\x1c\x95\x91T`\xea\xc2\t[rM|\xc4\x82\xb75\x18L\xf9\xd3\x1b\x13_\x12\x97\xc1\x98\xa3CT\xcfe\x97\xec\xdd[\x7f\xd78B\x1a\xc2\xe9\xa3lP\xc7\x1d\xb7e\x8b\xaf&gt;v\x0b,\xff3\x8d)m\x07\x9e\xa1S\xcb~\xd0w\xe7IE\x02\xba\x12b\xb5o\xb4\xffPNH\xd3\x95\xd0\x08]\x05\xc4\x9fg\x9c\x85\xd8[C\xeeS\x08\xad\xb8\x8a\x95MNFK ^\xdc\xe0\x18V2r\x10!\xeb\xd66p\x0f\xbep\x96:P\xa3zm\x11\x84\x9b\x8aWAk\x8aq\xbby]Nw\xc9%\xee\x1fx\xb07%\xb9Mg/xC\x18LB9\xb4\x99v\x98J\xca#\xb5V\xbd\x90\x7f\xa0a\x92uQ\xb0\x04\xbe\xf9e:EiI\xd7\x99H4V\x99\x8b\x1c\xab\x83_S\xd4UL\xf7^\xb4\xcb\xe6m~A\xac\xba\x189\x9f\xcdF\xfa\xbb\xd31u\xb1\xca\xf5\rbU\x8c\xc7f\xbe\t\x0b\xc4O\xd1h0.\xad\t\xaa\x06D\xf1\xbe\xb0b\x9d\xc2\x88\xe6\xc0q}\xb4\xf0\x1b/0\x8bQm}\x97\xc3\x8d[H\x8d\x8d\xa9M\xe5\x81H\xb7\xb5\r\xdd\xcf\xca\xa3\xf4\xfb$*l \xb5\xbd\x86J\xbaz\xd6s\xd4\x11\xfb\xc4d\x8f3\xe5\xd1\xa1hTd\xb8\x1c\x15\xd7\xb4\xb4D\x13{'</t>
  </si>
  <si>
    <t>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</t>
  </si>
  <si>
    <t>b'\xd4\x016\xb3\x1f\x8ao\x8f\x9f\x15\xe1\x0b\x9f\x07\xa9\x9c'</t>
  </si>
  <si>
    <t>t long and steadily and deeply.
"Perhaps I have been all wrong for ten years," he said to himself. "Ten
years is a long time. It may be too late to do anythingâ€”quite too late. What
have I been thinking of!"
Of course this was the wrong Magicâ€”to begin by saying "too late." Even
Colin could have told him that. But he knew nothing of Magicâ€”either black
or white. This he had yet to learn. He wondered if Susan Sowerby had taken
courage and written to him only because the motherly creature had realized
that the boy was much worseâ€”was fatally ill. If he had not been under the
spell of the curious calmness which had taken possession of him he would
have been more wretched than ever. But the calm had brought a sort of
courage and hope with it. Instead of giving way to thoughts of the worst he
actually found he was trying to believe in better things.
"Could it be possible that she sees that I may be able to do him good and
control him?" he thought. "I will go and see her on my way to Misselthwaite."
But when on his way across the moor he stopped the carriage at the
cottage, seven or eight children who were playing about gathered in a group
and bobbing seven or eight friendly and polite curtsies told him that their
mother had gone to the other side of the moor early in the morning to help a
woman who had a new baby. "Our Dickon," they volunteered, was over at the
Manor working in one of the gardens where he went several days each week.
Mr. Craven looked over the collection of sturdy little bodies and round redcheeked faces, each one grinning in its own particular way, and he awoke to
the fact that they were a healthy likable lot. He smiled at their friendly grins
and took a golden sovereign from his pocket and gave it to "our 'Lizabeth
Ellen" who was the oldest.
"If you divide that into eight parts there will be half a crown for each of,
you," he said.
Then amid grins and chuckles and bobbing of curtsies he drove away,
leaving ecstasy and nudging elbows and little jumps of joy behind.
The drive across the wonderfulness of the moor was a soothing thing. Why
did it seem to give him a sense of homecoming which he had been sure he
could never feel againâ€”that sense of the beauty of land and sky and purple
bloom of distance and a warming of the heart at drawing, nearer to the great
old house which had held those of his blood for six hundred years? How he
had driven away from it the last time, shuddering to think of its closed rooms
and the boy lying in the four-posted bed with the brocaded hangings. Was it
possible that perhaps he might find him changed a little for the better and that
he might overcome his shrinking from him? How real that dream had beenâ€”
how wonderful and clear the voice which called back to him, "In the gardenâ€”
In the garden!"
"I will try to find the key," he said. "I will try to open the door. I mustâ€”
though I don't know why."
When he arrived at the Manor the se</t>
  </si>
  <si>
    <t>b'#\x00\x86\xac\x84R\xb0\xd2\xde\xd0?\xac\xf6\x15\xc8\x7f\xb7s\xcf\x1fl\xbbi\x1b\xc9\xe5k&lt;"\x9f\xf4O\x90\xca\x1cQl\xfc\xd9\x82\x01\xdftI\xe0\xab\xe4~\xfa\x13F\xfd\x9bN\x07\xd3\xeb\x8c \xb2\xc4\xfd\x92Ll\xfb[8V\xe2*\xdd&lt;E\xd4\xe7\x9f\x1ee\x84\xaf\x91\xed^0\xcf\xaf\xb9\xee\x87\xf8\x0fqf\xf4\xf7\xaf\x8f&gt;&lt;\x19Ri\x912\xc7\xad\xa3\xc4\xd1\xb9_\r\xc0\x02\xd8\xa1\x7f8\xe7\x9a&gt;z\xb6\x9b\x81[\x13"S\xf7\xdb\x8a\xa9\xc7\xa5\xa9\xce\x03!=\xe8(\xb5\x12\x8eMGz \x0b\xdf@\x19\xf0\xcevSEF*PZ\xe6\xe1\xee\xfa\xc9\x15\x97\xa3\x10\x8e\x87BK\xdby4`\xf8\xd3e\xbc*\xc0\x1d\xf1\xf5\xa4\x9d\xb4p\x90\x10\xc0\x93\xb6\x9c\xdau\xa9\xbf\xa22\xde\x98|\xccaLse\xf8\xd4\x7f\x17\xd0F};\xc6\xfa\xae\xbb\xa9\xd2\xb4W\xcc\x9d]\xac\x91\xb1w"A\x10Z\x16U\x0e\xc7\x9d\x9e\xd3:#\xbec\xd0\xce\xd0\xbb+\xe3\x7f\xc8F\x980\xbe\xc8\x8ex\xa43}\xef\xe1\xc14&amp;\x1c\xb7\xb2\x85\xf6Cm\x8aA\xc6o\xba\xd3\x03\x126\x82\xad0D\x03P\x18_H\xeb"i\x19_o\x1a\xd3\x92\xc2N`J&lt;\x16P\xdf\x81\xd2\xfbU\xc4\xa8UF\xda\x19\x97\xc1?\xb4\x81\x000\x85\xfaTZ\xd8i\xa2\xfa)r\x85\xbd\x9a&gt;2h%CN\xde\x8a\x9a\xcf\xb8\xaf\xe0\x0es=g\xf3\x97\x8cb\xf8\xabj\xbe\x9bkV|"&lt;UnF@\x1fo\t\x82\xb7\x00\xf5\xf9N\xc9\xad\xfd\x8e?\xa7\x18\x89\xdc\xbe\x19nI\xd1\x8a\xe7\x19\x86f(\xd8X\xe2\xcb\xf1\x95\t\xd6L\x12\x1d\x06\xd2F\xd1\x02%j\x94\x03\xf0\x97y\xdd\x08#^\xef\x0f\xe9\xc7\xbf`\xbfi\x1bk\x1e\xdc\xf0\xfdb\x84\x02\xda\xb6\x82P\xb9\x83K\x95\x93\x97\x1an\x19\xc4\xd0\r\xd6\xbcc"o\x12G\x03sT\x17\xfc\xaf\x89\x9c\x15\xe54\x85\xb7\xad&lt;\x0c\x85\x17\x19/GNq\x04\xd7\xed\xd4~LY\x0e\xa0\x81 \x83^\x98Cp\x94\xef\xc5\x0eZ\x1bdJ\x97\xb7z4k\x07\n\xa1\xca\xfe\x16\xf3\xbfq\xd0M\x03s\xa8\xbbbl\xa8m\xccc\x19z\x841\xf2dx\xe1[\xe1\x01\xd5y1@\x9c\xd0\x9d\xff"\xc9 \x94l\x8d\xa6\xe9\x9a\x8bG[\xd8F\xdfh8a\xa8\x88a\x1bd\x9f_\xban\x16\xaf\xe3\xdb\xa9\x89\xc2{\x0b+\xe3\x16\xd7(\x8eMF\xa9\xeeU\'\xa6:\xfa\xea\x9f\x8f\xc3\xdf\x04\xef\x8bw\x99`\x16q\xb2\xbf\x8e\x84\'\xe2\xc1A\xdc\xbe\x90\xd0 \xf6\x9eh\x98\xa7b\xe6(\x7f/AyX\x962\xd0\x98&gt;\xe5H\x8f\x18p\xea\xc2\xc8M\x1b\x10\xd6\xe9#Pu\x9e\t\xcd\x9ai\x8c\xcdyH\x8d\xde\x03\x18N\x8b\xcd\xe3\xec\xcb2\x95"u:\x1f*\xfc\xac]An,=/\x9a0+\xd1\x0fQU\xec\x8c0o\xa8\x08y\xaa\xa8\x9d\x8c\x0e\xff\xfc\xbdI\x05\x8e\xa9V\xd0q#\x11s\xb7\xf1ra\x83\xcf\xaf\x8d\xfe\xc4\xc8O+b@\xc6Bz\nV8\x96*;\x8a\xe5\xcf\xd1R\xcf\x06\xb5\x03J\x10\x99\xa8\xebv\xc7Am@\xd5|y5\x15\xc6E\xe1uY\x85x1\xa7W\xe8\xec\xcdz\xae\x1a\x9bh\xef\x81\xc2q\x8d|\xf3\xb6\xc3\'\xf8 sKi(v\x0f\x07\x0cw\x83^\xd5\xca\xe8\x8e\r^\xcd\xa4\xe3\xcfJ\xd9\xa2\x87\xaa\xe6\r\xd0\x8b\x13vF\x18%\xeb\xd01\xc4sX3v\xb3.Pf(\xa63\x83\xc5\xbc\x9f\x7f\xba{\xa7T\xce\x8aW\xd1\xb8m\x96.\xc1\xc6kv\x0e\xce\xb9\xb0u\xfcq\xfb\xaaF&gt;\xce=\r\xe9\xdb,\x94\xa9\x1b9$\xf6w\xcb\xc6\x9c\xac\xff\xc0x\xef\xc7\xbb\xaeGb\xc93\xd0Q$\x8ch\xa8\x84cF\xca\xc0\xc0\xad\xaa\xf4l\xf1\xf5W\xbb#\x0e_%"\xee+\x1d\x1f\xbf\x86M|l\xfc\xfbj&amp;\x92Z\xb9\xcb\xe7\xbfy\xb2\xe3\xa7&gt;.-\xc5\x83\xdb\x8f\xc0\xaa\xd6\x84\xa4;=\xd6\xfa\xc4\x88\x84o\xdc\xf06c\x93u\xc6[\xa4\xdd:\x838\x05\xe6w\xe3\xd3\xeb\xedgB\xd5Z\xe7\xa3\xfb\xd0\x17#fG\xab\x96\xa0\x98/\xf7\xfa\x9a\xf5\x92\xeb\xf10\xa2\xf8R_\x8f/\xf3)\'T\x94m\xf5*\xa3\xab\xd1\xbbi\xfc\xd2\x1a\x1c\xf3\xad\xfa\xd4\x80\x8b\xab\xe4}\xba\x80\x84\x11=QW\x0c\xeeB\xa7\xcd\xb6\xffA\xe0\xecF\xca\xd5\\}\x9a\x1d\x18\x0f-\xfa\x1f\xb1C\x8d\xab!\xcc\xa8\x7f\x97.\xf8\x14y\xf2\x87\xfdc\x11\xae4Y\x1f\x10`5\xceZ\xc8d\x0c\xf6(t}\x10U\xdf\xc1\xd3\xf1\xe50P\x84Ed\x11\x05\xab\xeb\xfb\xaa-\x82\x8bJ\xb4\x06o#\xbcmH\x13\x0c\xaed&amp;\xe4\xd1\xe7\x10\x88\x88*GG\xd45\xe31\x85\xdb\x9e\xa3\x80\xc5\xc2O?h\x8c\x1aeM|\x0cHo\xdfBVo$m:\x9d-\x9bD\xcczeI\xa8:B\xc2\x97\xb5-C+u\xeb\x00\xcd\xdc\x9b\x96\x85H\xb15\r\xc7`\xb3\x1e\xa1:\xb72\xb8\x16*\xa8\x8c\xdc K\x85\\\x08\xd0\xed2J\x9f\xae#&lt;\xd6$&lt;\x89\x05\x1da\xad\xb0\xdf^m\xab\xf2\xe3\x9f\xa4nd\x05\xde&lt;\xaf\xb6\xb1\n#\x9a\xcc\xd6 Uc\xf2\xeb\xef\xb8\x92\xbd\xabZ\xfa\x89\xea#C\xee\xdd\x9c\xe8\xafk\x12\\Y\x94^\xfe\xf4\x85\xb2\xd5e\xab!r\x01p\xec\x05\xe6a\xd1\x9ef\xbc\xc6=s\xec\xfa\xd9\xf9\xe5v%\xf0\xa6\xd6\x04\x98cV\xb4\xd5u\x82G\xc6\xb7\xdb3\x81|\xf5\x07\xdb\x8e\x01a\xf5\xa8LL\xe4\x08\xa2N}\x97\xb6q\x14E\x9b\xd4j*\x15\xf3\xc1\xe4l/\x85\x0b`@f\x81\xe5\x11+\xac\xa8u\xf3\xd1R\xf0\xb7\xbf\xb3u\x91E\xc1\xb3\x00s\xb7\xb10\xa5O\xcd\'\xc0\xd2\x18\x03A\x8c\xa5\xaf\xb9\xbeM\xb6|FT\xeb\x01t\x9b\xa5\xee\x9c\xe5\x0e\xd1\xb2j7\xe2\xcb\x81Je\x88\xca\xb0*X\x1c\x82\xdc\xe3\x1a\x8eC\x9d\xb7\xa0\x99NC 6\xf1k-e)k\xd6\xc4 \x8b\xe3\x83\xf4@a\x87\xdeT&lt;|\xf0U\x923\xa2\x00&gt;\xcb\xa4\xc5\x90[+\xeb\xc0$b\xde\x89r\x1f/\xd3?\x96Y\xd9\xb4\xebH\xc4A\x99\xee3}\xe1Oq\xbf\x81C\xf0\x08\xb1\x14{3[\xb2\x92H\xd4o\xdd\nt\xa9Z\xe0\xac\n\xf4\x87\xa7\xfd\x8bo\xff\xc9r\xee\xdfM\xff\x18\x15\xc4\x9c\xa3\x02i\xad\xcf\xce\x07+\xb3H\xd7\xb2F\x1b\xc6\xf0A\xecY\x18\t\x00\xd6Y=\xd8\x19\x99\xdf\x00\x7fw\xc5&lt;\xa6j\xfcb.a\x82Y\x04\xd4\x11\\\x87\x99\xa2\xf6]\x1d\xf2\xcf\x9a\xde\xd5\xb1\xd2\x05\x0e\x04\x1c\x00\x95\xa2\xd1MT\x19\x16a\x15\xc9:\xba\xac|&lt;a\xa3\xcdf\x8c}\x07f\xf0\x1d \xf8\xb0*\xdbO\x159\x9a\xd4z8\x10\xa3O\xce\xf8)I\x11\xf3\xc1\x94Xq..\xca\xa2{\xbb\'R\x81\x81\xf9q)u\xed\\O\xa3\x99\x1d\xc5\xa0\x7f\xff\x16\xc9\xe2\xda\x8dd\x8a\xfcA\xd8\xb5iS\x9dN8]rH\x9f\xd2\x0cu\xbaB\x02"\x11&amp;\xcb\xa5\xfc\r\x18\x82fn\xed\xd3R(;uX\xa6X/\xc5\xf8%\x0bb5(C\xb6\xb5 `\xbd\x0f\x01\x16\x8b\x89\xacI\xbbox$\x9d\xa2\x1e/\xdf\xb3nO\x88\x82\x03D\xb0c\x94\xb6H\x98\xe0\x15\x93\x9d\'f\x02e\x9d&lt;S\xd3v\xd3^\x01\x0b\xbfT\xdd\x86X\xd2\xc5G\x82\xef\x81d\xfdR) Da\x06,\xa0\xa0\xdetl\xf4\x8b.\xbez\xaf,\xfbS+\x90q\x00\x11n\x9f\xfe$\x01\xc1\xbag\x0c\xde\xd4H\xdf\xabX\x98\x93\x9f\xa3\xa8\xa9\x0e8mf\x02xS\x9dv\x93\x9f\xd4\xc9L\xb4\x9b\x00s|\xf3m\xf8C\x87\x0f\x04\r\xc5\x9f\xed&amp;\x1b\xe3\x14&lt;\x0f\x19\xb3d\x98\x10}=t\xca\x0c\xb8\x06L\xf1oHQ\xdb\x9d\x07\x98v\xcaUT\xd3[\xae-[\x8f s0 \x1f\xd9\x93\x92\x91\xee\xf0)\xd9\x06\x94-\xe0\xb6\xc7=\xf17\x9c\x9cM8\xb29piv \xdaN\x8cc\xc0\xd9`PJ\xc6\x10\x1c\xa9\xbbO\x9b\x82\x04\xf5?\xef\xd33}\x90S\xea\xee\x07\xe7\x95\xd9tG\xe9\xbf*\x9a\xdf\xd3k\xba\xe8iB\x90,\x0c\x8dZOh#\x9b\xbd\xb2\x11&gt;\xbd\x16M\n\x03\x9c\x03\x12_\xc3k\xea\x13\xe4\xcf4E\x98\x82\xfdUl\xcf\x92\x0c\x97\x97"z\xda\xd0\x1a\xd1\xbe\x1a\xad%}\xf2\x030\xc4+\xa5\x8e\xd7\xf268\x8b\x16\xea)\xfaA\xdf\x14\xa3\x94\x1aR\xf9\xa9\xe8\xbf,\xbb\xd3_\x9a\xe4\x94\xc7\x8c4.\xe6\xfaP\x1es\xc8\x14l\rG\xc8\x84\x0e\x1c\xe8\x1a\x1eJ\xbc\xdb\xb2\xa8P\xfd\xb3\xf9wQ8\xf6]g\xf7&amp;7&lt;oaS \xdf;\xf8\xfcT\xd2w\x1c\\\x10%\xe1\x9f\x91\xfe{D\x93F\x05\xc6\x9a\xcf\xd9\x8d\x13}X\x0e\x95\x13 G\xaf\x7f\xa6z\xcd\x99J\xcal\xe6&amp;\xb1\xf1\x9e8\x1d\x07_\xd1\x8a\xd9\xb5.s\x95\xa4\xb2P\xa2\xf1\xf5\x14\xe8\x0f|\xff\xe4\xe6\xbc\xafp\\\x16#%\xda\x9f\xec\xbf\xc9\xd3S\xe3L\xd1\xad\xb1\xb3\x12\\\xad\xdd\xbf"h\xf8P\xcfH~wY\xa8\xbaR\x0e_\xda\xbc\xdea~?\xe9[^t\xd9\xe2\xe8\xac\xd2\xe3@\x0cV\xba\xadL\xa5\xf8\x0b\xa8\\U\xeee\xf2I\xf9\xae\x8ew\x19\xfa\xb0\xb2\x9c\x89[\xd6\x12\xa8\xbaB;\xe0\x9a\xd1e \x10\xf3\x1f1\xf6\x0fjI\x10Z\x93\xd02\xbfN\x1ae\xb2j\xf4V3\r\xfd\x19`H\x9c\xe9\xbb\x13\xe4r\x1e\xe3c\xed-\r\xa0\x0fD\xc9\'\xebP~\xffq\x91T\x8d\x84\xfef\x1e\xf6r\xbci\xb4o\xdd\xe2Z0\x8c\xf0x\xa0\xd9\xa8\x9a\x9a\nUk\xf5\x83|\x96o/\x11\x87\xa2\x1a0\x97\xd2\xfb\x9eil\xcf\xa4\xbeu?\x18\x9d\xe0\x99\x89\xa0+\xf10\xed:\xad\x8cj\xb09\xb9\xa1\xa0\xfc\xac\xf1\'\rC+y6\x13\x9elXT\xa9\xca\xb0\xd3(&gt;\xa5\xf0\xf6i\xc8\x06\xc8\x02`\xbf\x872\xb5\xa1\xd9i%\x9d\xb3\xa9\x80\xecP\xee\x86_\xc1\xc6\xbb\xfb\'\xfc3\x02\x10\xef\xbd\xd2\x947@}~z\x83_\x15 \x18h\xb3{CW\x07GM\xe3\xca\xba\x8c\xb1jv\x04\x03Y\xf8\xec\xbe*\x19Zr1\xe0\xdc\x19\xfah\x94\xe1\x04\x9fj\xb8\xa7\x9c!&gt;\x1c\xea\xb4\xf3\x8e\xab\xaaM\x94\xd6r\x87\xb1\x0c\xc3\x9c\xda\xdc&gt;G\x91\xe5\xbe\x88\x19\x02n\x8c\xc0f\xcb\xde[B\xf8\x80F"R5\x04RI\x80\x96\x9b\xf6K\xbf*\xadx0\xd3b\xa0\xe9\xfc\x95\xc0\x9e\x93\xfeu1|?\xfd\xcf}\x1c\x81\x8c\xb1x\xff3\x127\xb6a\x9d\xbdx\xf0\xf44\\/\xb6jMq\xdb\x90OM\xf4\x1d\x92\xc9TH^\xcb3\x06A\x80\x00\xcb4\xbb\x04\xc3\xe4g\xbe\x99\xa7k\xbf\xe5\x88c|r\x9f\xfb~Q\xe9[a\xf8\xd4&gt;\xccpz8\xaf\xcd\xe5\xb1\x84Y\x82{\xf6\xf2a\xdd\x93\xfe\xf6\xb2\xfcV\xd0\n&gt;y\xc98\xc5\x1f\xfd\xae\xd9\xb6\xce\t\x02e\x9a&gt;\xb9}\xdbW\x88\x91F\x89\x97\xb2\xaf\xaa\x1e\xa4@\xb8P\xd1\x05\x84 \x12\xb1(\xaf_\xbf\x97&lt;(\x7f\xfaW\xe58\xd7\x1bM*\x86\x94u\xcd+\xc7\xe2\xd3\x0fCj\xe7\xa0\xe3\r\x12\xa5\'\xb8v22\x06\n\xf8\x86Z\xd05\xec#\xe0\x99)D\xd8\x14\xd9\xaaMIV\xc6\x05\xe3M\xd3&amp;\xe0r\xa1\x9bM8\xe5\xc6c\xd1PVI\x01\x03A\xf1Gj\x1a&amp;\x8e\xc7&gt;\x8c\xd7,{\n\xad\xfd\xea\xbf\x8aW\x1b\xf4\xeb\xa4\xb4\x7f\xaeA\x1c:T\xb3\xf35\\.6M\x91\x8c\r\x1dj&lt;\xe2\xcd\xa2G\x96L\xe5\xe7\xf7\xfeM%\xa9R%\x03\xd4(\x99\xe1\x9f\x93\x86\x02\x97\xe3\xc7\x90Bh9OC\xed\x7f \x8af\xd1\x8bImpT?Px\x80\x80uv\x1c\x90\x12\xbf'</t>
  </si>
  <si>
    <t>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</t>
  </si>
  <si>
    <t>b'#\x00\x86\xac\x84R\xb0\xd2\xde\xd0?\xac\xf6\x15\xc8\x7f'</t>
  </si>
  <si>
    <t>little notes and two squirrels appeared on the wall and looked
and listened.
"Tha's a good bit stronger than tha' was," Dickon said, looking at her as she
was digging. "Tha's beginning to look different, for sure."
Mary was glowing with exercise and good spirits.
"I'm getting fatter and fatter every day," she said quite exultantly. "Mrs.
Medlock will have to get me some bigger dresses. Martha says my hair is
growing thicker. It isn't so flat and stringy."
The sun was beginning to set and sending deep gold-colored rays</t>
  </si>
  <si>
    <t>b'\xef\xf7\xed\xe1\x04\xa6DD\x07\xb26\x1cQ\x0e\x00,\x88M\xdc\xc0\x1dt\xf57D\xa6=\x9dr\xc4[\x87[B\xd1\xa2\xfd4\xd2\x00\xbc\xd3i)\xead\x19d^\xa7\x0fT\xa7B\n\x91$\xa0&lt;P\xf6\te*?:\xe3\xb8\x8b\x07$u\xf3\x03D\xe6~N\x82L+:\xa95\xe5\x87FY?B\x93\xb8\x1d\xf1\x1318ox\xb5\x80\xecFV\xb6\x97\xdc\x17\x80\xe9+\x17\xbb\xbb\xc1\xecC\xf4\xe0\xa4&amp;$\x7fd\xc2+\x0c\xbf\x0c\xb54j\xc6\xc2\xa8\x18V\xd4\xa2\xde\x9eh\x02\x15\xa1q!\x9e9\xcb\x051\x06T\xddm\x0e7F\xe2X\xe6\xde(3\x90\xcde\x0f!\xe8`I5\xa5a\x95\xe9G\x93\xd5\xb0LB\xa0\xc0\xbd\xefvP\x13\xc6\x81\xbc\xe1\x9d@\x7f\xf3j\xf68R\x81\x08\x13N\x1d\x1d\x12\xa0\xd5\x8f+\xf8\xcb\xb45\x85\xed/\t{\x8ff\x87\\\n\xbcv\xe7nb\xf8\x02\xe8(\x9a\xf8p+\x08"\xac\xb1\xf8\x0e0\xf9\x9f\x90\xa9[\xf7\x8d\xd20\xcb\xb6;\x04!Qe0\xce\xda\xdf\x85\xa5_\x19\xba\xf6"\xe8&amp;\x13&gt;\xce\xac\\\x96\x89\xbd\xec\xf0\xe0P\x14\xed}\xac\x14\xf5\xa8\x97\xb2\xaa\xd9\xc5o\ri\x90y\x12\xec\xf7\xa5\xd7}\xa1m^\x9a\xca\x94\x19\xa3\xb5q\x01\x88\xe2F\xa2.\xd3\x19\x88\x1aE\x8a\x0b\xc0\x9b\xae\x14\xec\x16X,\xed\x06\xc6$$9\xe2R\xc1 &lt;&amp;g\xce\xef\xf8h\xc7\xca\xbd\x1a\x15\x00\xaf\x0cS=\xfa\x82\xb2l\xc5\x8dP\x0e\xd1 5S\xfe\t\xa2\xcai\xef\xbe\x15\xc0n\xc1\xb9\xa2(\xc2\xf2g\xce%\x1e\xa6\xc4\x07T\x1d\xf0\xdc5\xc4\x88\x19#$\xfe\x9a\x99\xc5N\xd2\x8dm=\x9f\xc7M2\x03P}\xee\xb92\x98c\xb6\xd9^\xac\xe6#}\xcc\xaf\x8e\x9eKZ\xed)6d\xd8kF\xc4n\xf0*+\x1a\t\x0ct?_\xf6N\xa8\xd1\xee\xce\xa5\x12x.%\xef\x01Q\x83/\xf5\xa4P\xff\x90\xbcf\xba_\x17.\xd1\xf90{\xbcl\xbf\xad\xf4\tz\x0e*m\xf8\x17\xa2\xa7\r\xbe\xca\xbfs\xac\xfd\x8d\xa7\xc5\xf215\xa1B\xad'</t>
  </si>
  <si>
    <t>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</t>
  </si>
  <si>
    <t>b'\xef\xf7\xed\xe1\x04\xa6DD\x07\xb26\x1cQ\x0e\x00,'</t>
  </si>
  <si>
    <t>s
always comin' to see what I'm plantin'. He knows all th' things Mester Craven
never troubles hissel' to find out. He's th' head gardener, he is."
The robin hopped about busily pecking the soil and now and then stopped
and looked at them a little. Mary thought his black dewdrop eyes gazed at her
with great curiosity. It really seemed as if he were finding out all about her.
The queer feeling in her heart increased. "Where did the rest of the brood fly
to?" she asked.
"There's no knowin'. The old ones turn 'em out o' their nest an' make 'em
fly an' they're scattered before you know it. This one was a knowin' one an' he
knew he was lonely."
Mistress Mary went a step nearer to the robin and looked at him very hard.
"I'm lonely," she said.
She had not known before that this was one of the things which made her
feel sour and cross. She seemed to find it out when the robin looked at her and
she looked at the robin.
The old gardener pushed his cap back on his bald head and stared at her a
minute.
"Art tha' th' little wench from India?" he asked.
Mary nodded.
"Then no wonder tha'rt lonely. Tha'lt be lonlier before tha's done," he said.
He began to dig again, driving his spade deep into the rich black garden
soil while the robin hopped about very busily employed.
"What is your name?" Mary inquired.
He stood up to answer her.
"Ben Weatherstaff," he answered, and then he added with a surly chuckle,
"I'm lonely mysel' except when he's with me," and he jerked his thumb toward
the robin. "He's th' only friend I've got."
"I have no friends at all," said Mary. "I never had. My Ayah didn't like me
and I never played with any one."
It is a Yorkshire habit to say what you think with blunt frankness, and old
Ben Weatherstaff was a Yorkshire moor man.
"Tha' an' me are a good bit alike," he said. "We was wove out of th' same
cloth. We're neither of us good lookin' an' we're both of us as sour as we look.
We've got the same nasty tempers, both of us, I'll warrant."
This was plain speaking, and Mary Lennox had never heard the truth about
herself in her life. Native servants always salaamed</t>
  </si>
  <si>
    <t>b'*\xcb\x90\xc6\xc0\r\x91\x84\xf7\x1f\x91\xd3\x86b\x10\x14\x06l\xd3\x17\x00\xe2\x07\x8a\xe2\x8d5\x11&lt;\xaf\xc6\x1a\x96\xc8\xc55_\xdf\xa4\xb1\x0e\xd0\xe1b\xc4\xbf\x02HV\x95`[\x1a|R\xf5\xe8\xd7-\xf6\x8f\xfe\x83\xde?+5X.\xc8M\xd4\xe4\xacG\xf9Uj\x03;3\x99\xbf0\xd4\xa5\x05\xb5i\xfe,\xdd\xf9N\x8bV\xfc\xbd#\x93q\xc8\x00\x03?\xe0I6*\xb3\xf2\xf89.E&lt;\xbd\xd23;7\xb8\xa3\xb8Q\xbeC\xe3\xf1$\x81\xe4B\xa6\xf5\x9f\xf2\xbcK|V=\x90\xfb\x1d\xb8?\xe3\xf1\xf6\xf73A\xc3C&gt;\xb6\r\xd9\x12\xba\xb17\x81\xf7\x9dl\x83\x9e=\x95\xeeU,\x7f\xf4\xbc\x8fC\x83U\xc5\xb4r\xea\xd6\x06\xf0\xfb\xc8\x1fY\xa7b\xa5E\xfd\xea=(\xe6\xf8Y:\xbe\xdd\r\xf9\x1f\xcf0\xa2\xc2\xce\xc5\xc5@\x84\x0c\x9e\x99\x01\x8em\xe1k\x86\x0e\xb5\xd5\x96y\xaa\xf6,\xc6\xb7M\xe0)e:\xad\xdf\x91\xfc\xf9v\xc5W\x88\xe6%\x0c\x87Tu\x9d\x9f\x97\xed\xcc\x8a\xb8\xf8\x05\xddv\xfa\x97\tu&amp;\x05\x94x\xf7M\xd4\xf6\x80\x83\x93\x1dH6\x1e@&amp;Kmd\xb8\xa3\x15\xb8cX@\xec\xcdK\x10\x84a\xaa\xba\r1\xe8F\x10\xb1\xca\x1d\'\x8e\xc2G\x0c\\\x15\x96\xba\xe2\xa0\xdc.\x0fK/\xaa\x91j\xa61\x9a\x14\x841\x85\x80\xce\xbb\x17\xa5C\xc7kw\xad%\x0b\x93\xa3\x89\xa28\xc3R\xfd\x9b ~\xde\xac\xdb\\\x17\xd2\xc4\xc0J\x86\xec\xcdKu\xe1\xe2\x066\x11g\xeaR\xc7\xed?\xbc\xbe&amp;)\x99\x9a\xd8\x86\x9b\x9d\x9bG?\x83\xf3\x11\xc9Z\xda:\xc3\xa5-\x9f4O\x08{\xee!:\xd2\r3\xae\xb8\xee\x1fe\xaeiK\xb63\x07\xe7\x81\x05V\xb8\x1c\xd4\x7f\xdf\xf4+34\xe6a\xd5\xef\xe3 \xae\x13w\x8dH\x95\xd2\xa4\xaee\xd6f\xb8|\x8a\x0c\xaaL\xea\xcbF\xb6\x04\xd4L#@\x11\x04\x0e1\xe27\xc6\x87\xb0\xf2\xdfV9\xc8\x99xK\xae\x90\xd73\xfcOs\xd6\xe2u!K\xb5V\xf7\x1bc\x9e\xb2ZNo/o\xb8;\xf5\xefb\xa082\x94\x02\xa1\xf3\x1f\xd4\x87\xc7\xf9\xb6 W\x9e\xea\x1bs?\xbc!\x9d\xf8\xa1\x89z\x9eX \x00v\xbe1\xdb\xc8/h\x9c\x99\x13\xd5\xce\xb5/\x14LC\xd7\x17?0\x9e\xab8\xa9h\x1er\xf7\r\x1f\x0f\x1e\x81g\xb2;\x98c\t\xca\x9b\xed\xd2C\xf9\xd9*\xf8|\x13\xce\xbf\xd8}e\x06\xcc\xc4/\xb4nHa\xf2t\x1cx&gt;\xdb\x88;\xc9\xe4S\xdf,2\xc5\xa6s\x05\xeax\x04\xe8\x834Jl\xfe\xa5\x97\x9a\xe0\xa6\xee\x08f\xf2a\x8b\xe5\x90\xaa\xdaI\x8a&amp;\x0b\xf8\xc8\xa4&lt;\x95\xf2\xfeK\x9e\xf9\x0e\xd7WWE\tA|\x85E\xbbA\xe9\x1c\xf4\xf2\xc7\xcf\xab\xd49c\xfa\x84\'i\xae\x15I\xb8\x81\xc8\xd1\xfd\xe6\xc5\xa2t\xe8o\xd3\xfd\x8e\xc9\x9f\t:\xfbwt\xd2\x14\xfaya\xce&amp;\xd1\xffT\xbf\x1d}4\xab\xc8\xbf\xab\xbb\xf2\xa6\xea\x04\x94\xac\xb2\x89(:#~\x89\x15\x07,\xeet\x84\x13H@\xdf@fJ?\xf5\xfe\x91Y\x08\x9c\x07\x178\xf7\xce\xa2\x05\nV\x87M\xe0`\x0b\xb8\xaac\'c\x00\x07\xaf\xa1w\xf7\xebd\xde"5\x08\x8e\xc2\xed\xf1\xde\x96\x07[\x7fG\xcfN\x1e\xb5\xe2\xbebNP\x9e\xf9\xb5\n\x9d\xee\xe5\xacm\x84D\x81\xaa\xa2\xd0`\xe6"9\x9d"\x8e\x13r@\x90\xd8\xc0[U\xd3n\x1d\x02T^\xe28\x150\xbf\xca\xb3Op*2W\\\x89\xbca\x9e\xaf\xd5{\x03\x11\x0b\x91\xb2\xa1A\x1b\xbb\x9a;\xa0\xae\x17wD\xf0{M\xbd\x8e.\xa3I\xd6\x89\x8c\xc9\xe8\xa0\x84\xf0\x840\xb7\xb9\x84L\xd0\x88\x18\xcc\x122-\x9c\xdf8\xae\xbe\xb5\xd8go\x0b\xa3\xff\xe9\x05\xaaJl\x0b\xb7\x16\x8a\xb1\x9e\x82@\n\xecpX\x91D\x03\xc6\xbe\x0e\xa9\xa1\x9c!\xe4\xf4\xdb\xbdVZ~\xf3\x1f\xf3\x8f\xad\xe1A\xfe\x96\x1c\x11~+\xf0\x80\xcf_\xccV\xb7i\xf7\xc3\xe6\xd8\xc8\xda\xa0w\xb9\xb05\x1d\xba&lt;[4z\x81P\x19\xd9\x9f\xacF-\x01n\xa1\x15\xba\xc09rY\x80\xe4\xa6\xba-W\xe2H\xd7\xf3\xb2!\xca{[\xfd6\xa3\xb2?\xbb\xfc\xe0\x84`^\xdb&gt;\xd5\xda\x08r\xa6\xf7\xf3\x83\x03\xb8Sh\x08Z\xe5\xa0\x07\x17\x92\xa4\r\xe3\rp\xd5\xf89\x96\x0f\x01b(y\x97\x8b\x88\xf2c\x96N\x02\xf4\x03\n\xe9\xa4\x98c\xb0\xf0\xd9w\xce\xad\xe7\x9e\x95Qw\x9fm\xe6F|\x07\rj\xd0\xf4\xa3]e\nK\xd1\x95j\xa5\x1fgD\x10\xc8\xbe\x95\xf6\xe5\x8d0\xa0h\x0fY\x8aY:%\xf48u\xe92\xe8U\x7f\x16\x16\xb6\x9e;\xaaA\xa8\xaco\xa4\xa4/\xb6\x9fJ8\xab\xact\xc0\x81Ol\xb0\x1c\xb8\xa3\xa8\xda-\xa0\x1a\x9d\xaf\x1b\x18\x10\x1c\xbd\x98\x8b\x95\xa6\xf4\xf2S\xd1\xe3&gt;\xca\xac\x19\xa3\x8aP\x14\xc5J\x94\xae\xa0lJ\xf7\xd2Q*!\xe8\x1f\xdf\xf8c\xd6\xf8\x88C\x88\xa7\xdeV\xcd\x95\xd6c\x08(m\x01\xcc\x835B\xd3\xfb#%2B\xf6QA\x94\xc9!\x05D\xa0\xf8\x1b\xfb\x97y\x1f\x1e\x107/U\x1f\xa8\x00c\x8f\xd8\xab\xde)18\x7f\xc7\xa9\x1d\x07\xed\x0c\r%\xc1\x9c\x95\x9aBz\xd5\x13\x9e\x8b\x97\x0b/\'\xa3&lt;\xcaD\x83|\x94\xc7\xa9\xeb\xebTC\x13\xdb^\x01\x0c\xe9\x1d\x1d\xb2\xbd\xf9?\x85\xa0\xd73\xfd\x1b\x01u:+\xa5c/\xff\xfeEH\xb5\\\xa86S(\n`\xc6\x96\xf6\xcc\xc4\x85\x0bU\xa1\x05bg\xb6,+\x08}\xaeW\xf8py\xc6}{\xb6`OjC\xa6@@nG\x8b?\xd5\x80\xf0`\xe4,\xfeb\xfa-Z\xc5d\x11\xa7h;\xf8\xc5\xa4Z\xe6\xc1\x9bEw\xfd\nB\xee&amp;\x81\xcdj\xff\x8d\rw-\xfb\xc8\xc2\x11M\x06\xe1r\xb2s#\x9e\xeb\xcc=\x1b\x7f^\xec\xdd\xc3\xe4S\x1bn\xd6\t\xcb\x91\xe5x[\x1e$r\x92u^\xe0\x01\x80\xf1H\x1b\xc13\xa8\xac\x1e\xf7r\x91B\xed\xba\x92dN\xbc\x0c\xd2\xa6N\xf2GR\xd1l\x8b\xfe\x84\x0f\xa9\xa1\x89z\xd1{I\xe01\xfc\xf6\xb4y\x1c6\xcbD\x8e\xe7LM\xbf\xaf(H7z+\x81tO\xfb\x06s\xcamD\x12(\x7f\xf0\x86X\xae\x9e\x8c70\x88\xde\xb2a\xcehh\x06\xd3\xce\xb7\x81\n\x8bn\xf4v\tDG\x10?c\xb9\x04\xe7\xddv\xc0|\x14\xeb\xce\xf5\x13\x00\x1b1\x8f \x18\xb4x\x00\x16\xc1\x0c@3|]\xfa\xbb1"\x8e\x00~\xf9\xcc=\xf8%n\x96\x16\x84Y+\xff\xca$\x0b\xb2\xfa\xc7\x84?\xc4\xbb\x15\x19n\x1a\x04\xbb\xef?l\xed; \x13\xab|\xc8\x80V\xc7\xf6j\xf7\x92\x8ch-Z\xa7\xa3\x19:\x02\xcf\xb1\xca\x08\xee\xc1\x92\xe5\x19\x02?\xdc\xfa%\xab\x14\xae\xcag\x97S\x89\xcbAl\xb1U\xab0\xb8d\x1d4\xc2\x9b\x18\x9aB\xbe\xe0\x84g\xbbM@\xd5n\xd6E\x83\xd1\xa1\xb8P\xa2{7\x1cz\x93\x9e7~\xdb\x1cLd\xd5y\xbaJyQ\xa9\x9e\xb4b\\/\xa7\x86\xc7\xe8\xa1\x99\xc0N\xffS\xbfm\\\x91p\xa4;\t\xec\xea\xab\x8e]LE\\\xf5Eg\xa1&lt;s\xf6\x8f\xcf{\xda\x11\x88)~\xf6\x19\xd2\x13`\xf5\x16=\x83\xea\xden\xac\x10\xb1y`\n\x08\'\xfe\x1e\xc1\xda\x02_X\x1c\xd8\xf0\xd9\x93\x1e\xf4Z\xc4\xd7q]\xc0\x07\xb1m2\xb1\xb1\x12\xec\x18\xaa\xb2\xd07\xdd1\xe0\x93\xfc\x9b\xce\x97Y\xa6~\xc8s&amp;\x0c\x92\xeax\xbe\xd3\x80\x04!\xec\xdd\xefH\xa7\xa5\xe0\xb9=\x84\x0eo\xb9\xab\xc9\xd1\xe3\\\xd2\x10L\x1e\x08\x87\xdd\x99\x95?\xa5\x15\xbdm\xe6d\x94\xd8J\xd0/5\xac\xe7\x8e`\xbe2\x84~\xa8J\xa2\x8ba\t\xf0\xcf\xc3Y\x0e\xa7\xa2\x12\xd8Fnc\xc6,\x90l\xd6\x07\xa8\x1f\x96_\x9aa\x81\xa68P\xd4\x12\xda\xa2\x1fP6\xf4\xddc\xa1\xec\x9d\xe5\x88A6]\xf8\x07\xcc\x10\x88\x029\xa6\xf5c\x88V\xb1\xd55\xfa\xd9\xdc\xfd\x97\xcd\xa8\xd75\xa5\x9e\xc2\xc1\x91\x83\xfd:\xb2\x92)\xb5\n\xdd\xc6\xebxT-#\xfb\xf3\xcd\x19G\xb9$\xd1\xd6\x07s\xf0\xad\xa1-\xe7\xf5F\x0f%\xd3\xcf\xcbh\xaa\xc1\xcb\x94\xda_\xfau[\xbc\xaa7\x87}\xb9\x0e\xf9n\n\xce\xa2\x80\x7f\x07\\\xaf\x16s\xa9\x9a\xb6\xf2\xba\xcd\rv\x7fT\xfe\xab\xbc\xad\xa4\x8c\xc7\x8e#\xe4=\xb3]\xe2\xa1\xb0L\x87\x84\xba\x7f%\xa8\xdb#\xc3'</t>
  </si>
  <si>
    <t>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</t>
  </si>
  <si>
    <t>b'*\xcb\x90\xc6\xc0\r\x91\x84\xf7\x1f\x91\xd3\x86b\x10\x14'</t>
  </si>
  <si>
    <t>tuck England, Scotland,
 Ireland, France, Denmark, and all Germany. Yes, sir, you could hide the
 home of the brave and all of them countries clean out of sight under the
 Great Sahara, and you would still have 2,000 square miles of sand left."
 90
 "Well," I says, "it clean beats me. Why, Tom, it shows that the Lord
 took as much pains makin' this Desert as makin' the United States and
 all them other countries."
 Jim says: "Huck, dat don' stan' to reason. I reckon dis Desert wa'n't
 made at all. Now you take en look at it like dis--you look at it, and
 see ef I's right. What's a desert good for? 'Taint good for nuthin'. Dey
 ain't no way to make it pay. Hain't dat so, Huck?"
 "Yes, I reckon."
 "Hain't it so, Mars Tom?"
 "I guess so. Go on."
 "Ef a thing ain't no good, it's made in vain, ain't it?"
 "Yes."
 "NOW, den! Do de Lord make anything in vain? You answer me dat."
 "Well--no, He don't."
 "Den how come He make a desert?"
 "Well, go on. How DID He come to make it?"
 91
 "Mars Tom, I b'lieve it uz jes like when you's buildin' a house; dey's
 allays a lot o' truck en rubbish lef' over. What does you do wid it?
 Doan' you take en k'yart it off en dump it into a ole vacant back lot?
 'Course. Now, den, it's my opinion hit was jes like dat--dat de Great
 Sahara warn't made at all, she jes HAPPEN'."
 I said it was a real good argument, and I believed it was the best
 one Jim ever made. Tom he said the same, but said the trouble about
 arguments is, they ain't nothing but THEORIES, after all, and theories
 don't prove nothing, they only give you a place to rest on, a spell,
 when you are tuckered out butting around and around trying to find out
 something there ain't no way TO find out. And he says:
 "There's another trouble about theories: there's always a hole in them
 somewheres, sure, if you look close enough. It's just so with this one
 of Jim's. Look what billions and billions of stars there is. How does it
 come that there was just exactly enough star-stuff, and none left over?
 How does it come there ain't no sand-pile up there?"
 But Jim was fixed for him and says:
 "What's de Milky Way?--dat's what I want to know. What's de Milky Way?
 Answer me dat!"
 In my opinion it was just a sockdologer. It's only an opinion, it's
 92
 only MY opinion and others may think different; but I said it then and I
 stand to it now--it was a sockdologer. And moreover, besides, it landed
 Tom Sawyer. He couldn't say a word. He had that stunned look of a person
 that's been shot in the back with a kag of nails. All he said was,
 as for people like me and Jim, he'd just as soon have intellectual
 intercourse with a catfish. But anybody can say that--and I notice they
 always do, when somebody has fetched them a lifter. Tom Sawyer was tired
 of that end of the subject.
  So we got back to talking about the size of the Desert again, and the
 more we compared it with this and that and t'other thing, the more
 nobler and bigger and grander it got to look right along. And so,
 hunting among the figgers, Tom found, by and by, that it was just the
 same size as the Empire of China. Then he showed us the spread the
 Empire of China made on the map, and the room she took up in the world.
 Well, it was wonderful to think of, and I says:
 "Why, I've heard talk about this Desert plenty of times, but I never
 knowed before how important she was."
 Then Tom says:
 "Important! Sahara important! That's just the way with some people. If a
 thing's big, it's important. That's all the sense they've got. All they
 can see is SIZE. Why, look at England. It's the most import</t>
  </si>
  <si>
    <t>b'\xd1\x99\x1d\x18@2\x04Y\x81Tw|\xae\x13\x81\xa5hN\xfb\x82~\xc1\x1e*\x8e\xb4k\xe0)\x1d\xad\x9f'</t>
  </si>
  <si>
    <t>d1991d18403204598154777cae1381a5684efb827ec11e2a8eb46be0291dad9f</t>
  </si>
  <si>
    <t>b'\xd1\x99\x1d\x18@2\x04Y\x81Tw|\xae\x13\x81\xa5'</t>
  </si>
  <si>
    <t>the Queen say only yesterday
 you deserved to be beheaded!â€
 â€œWhat for?â€ said the one who had spoken first.
 â€œThatâ€™s none of your business, Two!â€ said Seven.
 â€œYes, it is his business!â€ said Five, â€œand Iâ€™ll tell himâ€”it was for
 bringing the cook tulip-roots instead of onions.â€
 Seven flung down his brush, and had just begun â€œWell, of all the unjust
 thingsâ€”â€ when his eye chanced to fall upon Alice, as she stood watching
 them, and he checked himself suddenly: the others looked round also, and
 all of them bowed low.
 â€œWould you tell me,â€ said Alice, a little timidly, â€œwhy you are painting
 those roses?â€
 Five and Seven said nothing, but looked at Two. Two began in a low
 voice, â€œWhy the fact is, you see, Miss, this here ought to have been a red
 rose-tree, and we put a white one in by mistake; and if the Queen was to
 find it out, we should all have our heads cut off, you know. So you see,
 Miss, weâ€™re doing our best, afore she comes, toâ€”â€ At this moment Five,
 who had been anxiously looking across the garden, called out â€œThe Queen!
 The Queen!â€ and the three gardeners instantly threw themselves flat upon
 their faces. There was a sound of many footsteps, and Alice looked round,
 eager to see the Queen.
 First came ten soldiers carrying clubs; these were all shaped like the
 three gardeners, oblong and flat, with their hands and feet at the corners:
 next the ten courtiers; these were ornamented all over with diamonds, and
 walked two and two, as the soldiers did. After these came the royal
 children; there were ten of them, and the little dears came jumping merrily
 along hand in hand, in couples: they were all ornamented with hearts. Next
 came the guests, mostly Kings and Queens, and among them Alice
 recognised the White Rabbit: it was talking in a hurried nervous manner,
 smiling at everything that was said, and went by without noticing her.
 Then followed the Knave of Hearts, carrying the Kingâ€™s crown on a
 crimson velvet cushion; and, last of all this grand procession, came THE
 KING AND QUEEN OF HEARTS.
 Alice was rather doubtful whether she ought not to lie down on her face
 like the three gardeners, but she could not remember ever having heard of
 such a rule at processions; â€œand besides, what would be the use of a
 procession,â€ thought she, â€œif people had all to lie down upon their faces, so
 that they couldnâ€™t see it?â€ So she stood still where she was, and waited.
 When the procession came opposite to Alice, they all stopped and
 looked at her, and the Queen said severely â€œWho is this?â€ She said it to the
 Knave of Hearts, who only bowed and smiled in reply.
 â€œIdiot!â€ said the Queen, tossing her head impatiently; and, turning to
 Alice, she went on, â€œWhatâ€™s your name, child?â€
 â€œMy name is Alice, so please your Majesty,â€ said Alice very politely;
 but she added, to herself, â€œWhy, theyâ€™re only a pack of cards, after all. I
 neednâ€™t be afraid of them!â€
 â€œAnd who are these?â€ said the Queen, pointing to the three gardeners
 who were lying round the rose-tree; for, you see, as they were lying on
 their faces, and the pattern on their backs was the same as the rest of the
 pack, she could not tell whether they were gardeners, or soldiers, or
 courtiers, or three of her own children.
 â€œHow should I know?â€ said Alice, surprised at her own courage. â€œItâ€™s no
 business of mine.â€
 The Queen turned crimson with fury, and, after glaring at her for a
 moment like a wild beast, screamed â€œOff with her head! Offâ€”â€
 â€œNonsense!â€ said Alice, very loudly and decidedly, and the Queen was
 silent.
 The King laid his hand upon her arm, and timidly said â€œConsider, my
 dear: she is only a child!â€
 The Queen turned angrily away from him, and said to the Knave â€œTurn
 them over!â€
 The Knave did so, very carefully, with one foot.
 â€œGet up!â€ said the Queen, in a shrill, loud voice, and the three gardeners
 instantly jumped up,</t>
  </si>
  <si>
    <t>b'&amp;l\xa4\x01{\xe6\xa6\x98\xc1\xa5\x01\xcd\x06\xe2\x06k\r\x19\x99\xc3\xe6^\x04\xa0\xa8\x1ar\x89\xeeksL\xaa7.+\x8f\x01\x9be\xcf\xf5\x08\x1f\xd8h\xde! \xda?q\xb2\x11\x13\xb1a\x17\x03\x9b\xcb\xd0\x9f\xba\xd7\x903\xa8\xb1\x11\x1bi\xe7\x89\xfa|5\xf2\xdb\xcc\x0c\xda\xc9\x1cI\xf7)]\xcd^Z\xb2\xe2{T\xdeM\xf7\xd3\x9e\xc1\xd3\xa7\xfc\\\xf2\xcc\xd4\xfc\xf7z\xbd)\xb1\x028\xae-\x7f\xb3k\x80\x15\xb6yU\xbc_\x06\x87\x8d\xd0\xb5\xaa\x16 !?\xe3\xed\xa8\x93\xda\xbb\x0cg\xd8\x86\xa8c\xbfN\x99\xb6K\xe4\xbd\xf7\xd1\x12\xbfY\xf6N\x10\xc9\x03\x16]p8}SM\xc6`P\xafh\xbf\x12(\xd8(gHbsgg\xd1\x10\x1b aT n~\xb3\r\xc0\xfdP\xfd5\xad9P\xde9\x82kL!\xa4\xc2.\x98z\x02\xe7N1@\xab\xe2\x16\xca\x0f\xc1\x07\x0bz\x91\x1d\xd1\xb8\x05\xb6\x93\xc3\xd6\x00\x84u\xba\x08\x97\xf3$\xb8\xcb\x8dq0\xc7\x02\xdc\x12\x9fvt\xdb=&lt;c\xde\x0f\x7f\xb7\xdd\x02&gt;\xa8FL\xe4\xdd\x8a\xcbY\r\x1f\xa3\x18v\xa5w78\x89\xeb\xdd\xeb\xc71\xe4\x1b\x94A\x8d\xb3\x1d\x92\x07u\xeb5a\xcfZe\x93\xa8,\x95\xe5?\xdb\xbb\xa9X|\x0e$IM}\xa3\xefyW\xdf\xbf\xd8\x899+K\xb9\xd8\xa4Q\x1a\xfd\x04\x13\x07\xa7\xe7\x8by\x07[\xdb\x8c\x8d+a\x88xNe\xbc\x91\x83/\x7f\xe3\x89h82\xd8\xf9c\x9c\xd4\x13\x98\xea\x92\xc5f\xe1\xe5\xc6=_\xa7V\xd5G\xac\xfaS+\x05\'a7\xd4A\xb9\xe8\xdb)a3\x80\xb4\x950\x08\xa5\x93\x17\xdd\x0b\xc0\xac\xbc\x9b\x86\xcc\xd9h\xd0\xf1\x83g\xf0\x98\xd1\x06\xea\xc53\xaf\xcc\xd2(\n\x00\xa8\x95r\xdejy\xaa&amp;\x16Rk\xc3\xcd\xbe[\xf0L\x85w\x03L(\xdf\x86J?\xf5O\xe6sN\xf8&amp;\xa8v\xf3\x00P\x92\xef\xf0o\xc5\x1fFeB.\xf7\xa1\xab\x98\x8a\x88O\xba\xcdT\x06\xc8\x03\xcf\x8e-J\xb5\xb3\xce\xa8\x01\x9a\x9a\x19\x02\xf5\x11\x19&amp;\x06\x7f|\xf6`#\xeb@X\x82\xf4\x07\xbb#\xdfq\x99\x94&gt;x\xb8\x03\xe8\xd8x\xe1\x8c)\x0c\x977\xa5\xbd[?\xc9\xe6\x95W\xa1\x18\x04\xca\x86{\xe8g\xfa\xb0\x14v3\x19\x1e\xf1\xebe\xc9\xd0k\xca\x99uI\xa4J|t,v\x91\xb6!\xaa\x00\x93\xb0;e\xa2X\x1e\xde{\x98&lt;\x82!\xa5\xa8\x9b\xbaB\xb7\\\xba\xef8]9\xa0\x17\xbb\xa5\xf7G\'m\xf9cl\x9c\xaa\xd9\xcdF+V\x8d\xa6\xf0\xdf\xc0!\xfd\xfb|/\xbehtx\xadN\xe5\xd0\x05\x15\xa5^\xdc\x1b|\xd0m\x7f\x8e\xb3\xab2T\xf0a\xd0^8\x15-M\t\xe0u\x88\xbf\xd3\xbb\xcbp\x8b\x8f\x80%\xc9\x9a\xff\xbf4\xa6\xa9)z\xcf,\x031\xc1\x83\x94\xf0\xc3\xab\xdf\xea\x1a\xcf\x91\xdeX\xb2\xbeu\xf8J\xab\xc9\t\xd1\x8d\xe9j|9j\xed+^z\x17d\n\xf1L\x92`\xc3\xe18\x89&lt;\x93n\x1aOaW\x02f\x1a\xb6\xfb\xa8\xb0\xaa\xe9\xf4\x16J\xb1\xef \xf1\x86)\xc3}\x8a`\xf0\x12\x13\x02r\x0c\x15~\x87)\x12\x13\n\xbd\x98jEa\xe3\xa9v~\xd7Vr\xffN\xa3\xe6Y\x05\xc3\x1eKw\xe1\x08s\x9b\x8d*7\x1d#\x14&amp;\x9e4\x80h\xc4\x9f\xd8\xa0Y\xc0\x80\x0c\xbb\x16\xd1\x94q\xfd0\xf5\x99\xab{\xc4\xf9\x03\xd8fe\xe5\xb2EF\xce\x14\xe5K\xb7\xa9\x05\x85L\x87`-\xd3\xfc\xb0)5,\x8b\xcd\x9b\xb3,F\xd5D\xe5\\k\xdcR&amp;h\xe9\x8c\xbb;!\xe9O\x07\xdcq\x85g:\xa2\x8e\xdcQR\xed&gt;\x866*@\x13\xef&lt;\xd9\x1c_7E\xfc\xc5?7\xc5\xda\xe0\xc8\x0f\xc5\xac\xc7)\x8f"E*\xcb\xf9\xdf9\x96\x85XJ0\\\xde\xd8\x16\xa5\xfce?}v\xffVS\xe0\xd2\x1bmW\x80\xe1\x1e* GO\x16M&lt;z\xc4\x0fw|\x12\xect\xaa&gt;\xf51\xdf[_j\x14\xa5\x11A\xbb\xac\x1b\xc1\x04N\'\xe4|e\xf8\xbat~\xeak\xbf\xc1\xdf\xdc\xe2v\xc9c\n8\xfb\\\x880\xb5\xe0I\x1e\xdc\xbd\xf2u\xe0a\x00\x1d\x18\xc4.\x010\xdf\x16K\xcc\xd3\xa5&gt;\xa1\xf6N\x91U\x81\x08\xe8D\x00\xfdc\xe1\x15\xc4\x87\x1be\x14\x9d\xbb::G\x89\xc6\x16\xc3\xe5g\x0b\x93\xfb\xbf\xf7\xdf\xd36\xc5\xb8\xb1|\x88\xae\xe7!\xd1U\x86\xb3\x8f"\xdc\xcd?yS@\x96\x80{\xce\xc2\xf9u\xc7\xf6\xf6W\xbc&lt;\xcd\x14W\xcd\x93|\xf0\xa7\x06pn\xe6\xfe\x1f^\x07\xf6\xe7\n=\xb3S"\x924\\|\x86Qg\\\x99\xa6\x97%I\xff\xef\xcb\xe4MY\xc2\xbf"\xaf\x92\xf9\x93\x97\xe4e\x8d\xdf\x9a\x9f\xe4\xd2\xaf[\xfd\xc9\xc1\xe6\x1b\xf0\xb4t\xa6\xb88\x1c\x04$&amp;5\x06N7\\\xc5\x95\x17\xc1\xf1a\xe5K\x9e\t\xd4_\x1cDs\x06&amp;\xb04\x9b\xf9\xc8\xc2Q\xa6\x11\xe4s\x1cq\x9b\xc8\xdd\x82\x94t^\n\x96{_t\x96&amp;1&lt;\r\xceX|\x02\xc0\x96\xc7\xf9.`\x97b0R\xb0B\x82]\xd9\xf4\x85l \x9eV\xc0\xa5p\x005o\xb7\'\xb8\x0f\xb0\x7f\x05\xc7\xd7\xb7\x9aW\xab\x03\x86\x96\xa8\x00\xb0\xd8$I8\x8f\x90Z\xa1]?\\\xcbh\x90,\x14\xc3OO"|\xe8S\x134\xa2\nK*u\x9a\x1b\xa8\xdd\x8a\xf7\xe6J\xb2V!U\\\xe1\x81\xd9\x9b.\xa2\xe4}Q\xd2s\xdd\xd1BW\xf3\x7f\xfb\xa8\xe9\x19\xdf\xb8nW\xa0\x14@\xb9\xb8n\x96\xf5\x94$_R\xef\x16(\xd9\x16\xdb\xa8\xefA\xa0\xa89\x1a\x12\xa6\x9af\xcaU4\x07\x9c\xee\x82\x88\x11\xb4\x84\xc1\xa6\x12\x11\xfc\xf8\xa4\xb6\xef\xdb-\x9e\xfd2\x17d4\xe2\xd9KQ]\xc9\x9b\x00\x8d*!\x86\x91\xbb\x0b\xf2\xd4\xa4)\xcbup{\xd4\xd7\xec\x97\xcd\x9eP`\xb3\x87\x05\xed\xf8\x7f\xfc\xab\xbc|\x1b0\x18\xae*\xfe#\xebN\xe3+4:o"lP#\xe9n\xd8_\xa1\x83D\x930\xb7\x08\xb1\xaa\x0b\x9aI\xd1\x11\x0cIkK\xae\x82\xc2\xbc\xfdw\x9a\xe7mn\xbe)\x90zh\x15\xccnM\xec\x10\xfa\x19I\xac\x0e\x99\xd1\x7f&gt;\xd8\xe8"&lt;\x0b\xd7\xa9\n@/F\xfa\xe5\xef\x0c\x00\x01d[t\xac&gt;^ls\x1f\x842\xe0\xfc\x7fj\xbbH\xe2\x86\xb7\xe7%Q\x1c\xdb\x0f\xca\x89\x03\x02\xd09\xcc0\x8ch\xc8\xcdI\xa3O\\\x90X\x1a8Z6\x8b\x0bdcd\x18*&lt;5\x13\xf2\x10\x95\x18\xc8P\xb3IC#\xa8\xa8sm\xcd\xdf\x1e\xbb\x83dm\xa4\xa4p(l\xd8"\xe5\x05\x80\xa1\x8a\xbei\xb9J\xdc\x07\xd9\x19\x0b\xfej\xb3pJ\xa2q\xe8\xdbT\xdf5mX\x05 \x19\x96\x1e\xcew\xa6\xb1\xff\x12C\x01\x88\x90\xef\'Mm\xcfP#\x949\xad\r\x02\xd3\x1b\xca\x81\xc0\xaf\xa9E\xed9\x0e\xcfn\x04f\xe2\xa2\xfc\x0b\x0f\xd7`\x7f\xf9FG\x07M\x13\n\xf0\x08aE\xa5\xf1o,X\xb5B=hg2\xcb1\xafq&gt;E\xfa8m,&gt;S]\xce&gt;"Y\x9b\xad\x8c\x02\xd7U\xe4\xf1\xbe\x9f\xc9\xb5,\x17M,\x88(\x8d\x085\x82k\xd3\xee\xc5\xbb}m\r\x80c\xb7S2\xf6\xa7\xfb\xbfI\xb7\x9cj\xec&lt;\xcd\xc1g&gt;\xfb\r\xd7\xe5\xa9\xd2j9\xf8\xa8l7\xe4",6@{\xd0~WS\xcd\xae\x0fj\x0e\xd6\x1d\xf9F1Q\x1f0K\xac\x93M\xdb\x9c\xb0\xde+=\x7f\x90\xaa\xdf\xfd\x9d\x91\xb0\xf3Lk#\x97&lt;$7W\xdc\xc5\xfc\x9d\x9ct#\xd9\x08&amp;\x9f"\xdc\xa5\x95\xc8\xb4"\x1bA\xbbKM:\xf9\x7f\x106\x8e\xa1\x03}\xb6+m\x81|\x86Y\xedV\xb7}&lt;\xbdS\xa6]nn\x1a\x0be+\x1e\x83\xb3\xc6\xe0\x87\x90K$\x8b\x0b\x9f\x9d\xc4\x14\x824\x16\xbfC\xf9\x94\xb1\x9da\xaa/\x8fD\xe6?Hz\x99\x96\x93\x80\x7fE\x06\x9d\xab{\xc1\xaac\x94\xb6AGK\xefd\x90\x84\x17\'\xeb\xd1\xa4\x9du\x87\x03\x9e\xfbE\x992n:\xcfjd;T!$\xf5 o/q\xef\x97 \x16\xa8\'\xb3\xf8\xe6\xd9s\xb6O\x15\xfb.\xddU\x01\xe6\x8fRl\xf2k\xacR\xbf\xc0\xf7*=\xa7\xa1D-\xd8\xf9\x0e\'\xca3(\xe4\x01\xe3\xe7\xf6.\xe8\x8e\xc8\xf4\xc78\xd1\x02KF\xa4\xd45lU1]K\x9b\x80E\xd4\x98\x89\x9e\x05\x05\x9b-\x14\xc7\xf3R\x16\x1ecU\xfb\xa9\x01N|\x14E@\xa2\r9\x12p}{\xd2v\xedv\x0b&amp;\xe7\x03Z\x91\xeaC)\xf9\xdd}$\xee\xb6\xbd\xd6\x92\xc4U\xcb\n\xd0b\xc4\xfe7\x0f~\xf5/2\xef\xd90\xe7\xcf|\xfc\xf6\x86\xb6\xb6\xe5\x15?\x03Ep:D\x96E\x19eK\xd3\xe2\xb3\x00\x9fLt\xcf\xc3\x86I;\xe7U+\xb4\xd3\xed\xb6\xe4P\xb3\xe2H\x87`\xcb\x0f\xc9\x81i\x87\x1b\xbf\xa6\xf5J\xbeL\xae\xcc\x19JD\x7f+\x15\xba\x97\xea\xc3y\xbc\xdf\x02(]\xf36\xe9\x8f\xd4\xa2\xf4,\xa0\x18\xed\xd7kY\xcc\x19\xaaE\xce\x19\xea(=\r(J\xedl ^\x95\x12\x16\xbc\x9b\x16\xf0;\x1b\t\x1d\x19\xce\x84\x9c&gt;7G\x87\'q\xf1p\xe7b\xd1N\x89R\x1bn\'\x85,1\x84\xc7\x1aV\x9bA\x0c}\xb8\x9c\x84\x0bA\xb2\xf3\xb0\x9e:{3Qo\xa0\xa2\xd1\x15B\x11\xfe\xe7\xbe\xd4\xec\xd0:\x07\xacz6\x19h(]\xbf\xaa\x9f\xa0x\x03\xc4\x0f \xd7\x17\x0fw\x1b\x97g?\xaa\x00\xf9^\xaaoU\xe0\xbf1\x0f\x18\x87\x93\x7f\xe5\\\xe9\xbf\xdf\xe1\xcb\xdd\x13\xe7\xe7\xf0N\xb0\xce;4\x9e\x02\xbe\xfcW\xa4\xde\x1ez6\xea\x96\xe0\xcbs\xe2V&amp;C\xe5\x95\xb4\xea^\\\xac\xf1\x85\xec#\xb3cL\x97\xd4\xa4D\x07\x98U\xb1\xf6B\xca\xc7IR}T\xf2\x91\xdf\xd3u\xd2\x08\xf6\x0f\xf5\x08@\xc1&amp;\xd7\xec\xbc+A\xa8\x89\x0f\x10\xe5`u}\r\xe2\xa1\x0b\xf3\nh\r\xcd\x04\xb3Q\x07w1\x8c\x94\xe04\xb9\xe3\xd9-D\rr\xc9(\xbex\xc1\xe6\x14\xd4\xac\xfe\xf3\x0fB\x96\x8b\xbcs\x9d\x1d\x12\xc6`\xdb\x9cl\xfc\xc4B\xbeM\xdc\xf6\xf9\xc4\xd8.\x1e!\xfb\xaa\xe5\x88Q8S\xb7\xad\xb5@\x12\x1e\xb3\x1fj\x8c\xea\x8eEzU\xffD\xf2\xbd\xc9p\xb3\x12\x938$L\xf9\x95\xba\xf8H-v\x04(\x1a\xae\x13\x1e\xa9=\xa5\x82vH@\xdd\xd7(\x12L\x8b\xfe\xe1[%a\xdeG9 \x89_\xa7\x03S\xc2\x92{~\x0c\xd2\xe2\xb5\xa0%5\x0c\x0f\x06k\x94\xb7K)C(\xa6\xc5\xcf\xc3\xfb\x80\xbf\xefNn\xd8F\xb2\xac\x9b\xea\xf0."\x00\xd0\x95g\xbdQ_0\xf7\x84F#7\x88\x87\x871\x89\xf3\x8f2\xb5\xae\xa3\x9d\xe9\x8e\t\x82o6\xf0 \xa8\xcd\x05-\xad\xce\xa6\x05F\xcd\xae\x12\x90\xa91-\xc4E\x85\xb5\xa8\x14l\xc9tk\xa0l\\\x96\x19\x84\xfd\xcaH\xb1\xfcA\xaa;\x11\x88C\xb3\xc2y\xf9\xda\xbfg\xf0\xff\x16G\xb4\xb4\xdf\x85/\\imlHw\x0b\xe8\xcbi\x7f\r\xfd\xff9\xef\x9c\xee\xbe\x92U\xf2L!\xb6\xb3\xc6\x1eY\x16\xd0\x95\xe1a\xce\xff\xff71S\xf0\x83\xed\xa0\xa8\xab\xcc\x85\x8e\xf2\x1f\x02s\x1eM\x0e\xdd\xb8\xc38\x81:(l_y\xa0/w\xdb\x84&amp;\x9e\xb3\xe2\xde\xc8`\t;\x82\xf1\xd1\x1aG\x11\x9e\x84\x17#+\xee\xe6wh?\x80\x0f\x8b\x1c\x8e&amp;\xb9&gt;$\xae\xe4\x1fC\x9d\xe0\x8cWa\x19\xbe\xfd]\xab\x84)\xcb\x85n\xa8O,\'pW\x1b\x85\r~]y}0\x99\x8c`\x05?B\xabKx\xe3\x8d\x9f$\xec4\xa5\x1f\xc8\r\x17\x17\x7f;\xa0\xa3})A\x11\xd5JP,\xfc\xd7\xa3B\xb9\x0e\xef!\xdb`!\xdaJ|\x1c\xaf7V@\x0c\xb2\xb4c\xd1\x0c\xf4\xe4\xda\x0f=\xd0\x00w2\xc8\xb2\xaa\xb5!\x15\xec\xb33Z^\xed\x98"\x9dm?\xbe\xacA\xdcmy\xbej}\x88\x7f8&amp;S\x0b\xfdB\xdb\xc1j(~T\xa4\xc8\xff\xdazs\xb4\x03^\x03\xdcV]5\x84\xd7\x1bQ\xd1\x13\x9a\xfa\x97\xc5\xae\xc2\xf1\xce\xe00\x85\xf7\x19\x12\xc8\xc8VZb\x91[\xb3\xf9J\x9f\xbe\x06\xff\xb2\x88n\xb7B{\x8b\x1c\xe0\x80\x99\x08\xdd]\xc4+\xc3\x99\x119\trHO\xb5~\x96\xbb\xb5X]g\xe1\x97\x18a\xc2\x95\xcf\x1e\xb9K-\x98\x90\x1dF\xcc"\xae\x94\xdbTQ\x1b\xa7\x1aL\x9aD*\xe4:[\x91O\xd6Q\x81\xb6h\xf8\x02\x05I\xc0\x9f\xa9\x9b\xdfJT\xf9\xd2\'\x8e\xae\xc6\x07E\xd2\xcd\xa5\xd7\xb3\x92F\xcd\x89q\x89)\xdb\x8b\xff&amp;\xe4\t"z\xb1\x99\xb1\xb1\xca\xcb\x1d\xce\xae\xa6\xbe\xf9|O;m\xca\xdf\xde\xc6M\x98+-\x1c\xbc\xe4\xef\xae\x15\xcfU\xaaW\xf8&lt;\xa9\xccK\xe0\x95\xad\xde\xf5\x15\xf7`\x01W\xdeE\x0b\x80\xc1\xac\x0f\x13s\xa9\xee\x07\x1bm\xe0\xb4[\x99t_\xc0\x1e\x1c&gt;p\x9b\xed6Y\n\xde\xdc\x95kA\x13/:\x17\xa8\x92\xd9h\x15\xe9]\xbe\x1b\x95\xc7ns\xbc\xe0\xee&gt;7\x03\x07j&lt;\xf1#\xfef9I\xc7\xe4\x91!\x06t\xb1\xa8\x9aD9\x9d:\xcf\x0bo\t\x12\x81\x96\xc0\xdc\xa67"\x02y\xfd\xabR\x0b\xde\x9b\xe4f\x0b\xf9BS\xff^_(\x19\xa5\x19)\xd9\x16\x0e\xde\x97s\xa4(q!\xce\xa5\xe2`\x03\xe8@d!\xc19:\x01a\x89.\x07}\xbc\x91E]\x8f\x93\xc0\x878`q\x8b\x83\x97\xff\x89:&gt;[\xa5=\xd7\xe2#\x85\xbb*\x1bW\xc0\xfa\xf0W\x8b Y\xc2\x8dz\x1b\xb1\xd96e\x97\x0b-\t\xd4\x9a\xde\xc7\x9fWg,\xdc#\xb5rQ\x9f\xb2\x18aZ.\xc9\x02 ;&amp;]q\x1a\xba+\x0c\x0e7:\x9c\xeaW\x18\xda\xc1\xeca\xb4\x1f\xea\x04\xf6\xa5\x87{[\xaa(\xf7\x1c\x911\n\x02\xf8,\xc4q\xad\x04+G\xf5\xaa&gt;\x9a\xe9B]\xc5%\x86\xc87&lt;\x0f3\xf0gy{\x83\xd3:\'iK\xbe\xc2\x94\xbe?\x92/&amp;*I\x1b\x11\xb0\xb6a\xad&amp;\x91\x80\xce T[%C\xa2?v\xd8\x8aS\xab,\x80 \xed\xa6\xff\x86\xd7\x87|&gt;8]\xed/\xa1k\xcf\xbe~D\xc0\x8e\xd7\xab24p\x9d\xdcz\x02\x15A\x8d6\x81\xda\t\xd3\xd4\xa8\x11\xba\xc4\x02\xb1\x8e\xa2_\x8a\xf1\x93\xdf|\xab\xb3f\xc0\xf3&gt;d\x12\x16P\thG\xa7\xeb[\x1b\xc4X\xb1\x86\xfc\xf3]\x8b(6\xe5\xcc4\xc4Y\'\'U\xbe\xfd\xf0\xca\xd4%\xd3!F\x05\xaf\xd7\x8c\xd4\x97\xcdU,\xe9\xf0\x05\'\xbep\xe5\xda\xc9U\xcc$E\x06\xb2vK3U(\xeeq\xdc\x10\xda\xd5N\xc3+t\x94\xd9\x97&gt;\x9b\xec\xae\x01\xaa\x11\xde\x00\x15P\xae\x95\xa7\xd8\x86\x8d\xa1\x98)h"\x11\xf3\xe4o\x17\xba\x19a\xc5\x91"\xed\xb8\x92\xa4aD\x8d\x1a\xd7\xe3\xb65\xab\xf0\xb2nD\xdf\xc0W\x11\x928\xf2\xf5I\x89\x8cJd9\xb8\x0bKBN\x03\xec\x8a\xd6\xd4\x98\xf7\x8a\x1fT$fC\nB\xc14pY\\\x99:\xf2P2u\xe0\xac.f\x90/\xaa\x81\xebt &amp;\x91\x87m\xc8M\xc2\xb6\\\xec%\nNli\x08\x120\x9f\xc8&amp;#\xf9\xec\x98\x12^a\xd5\x04\xaf\n\xb6\xf4d\xb0\xe5\xad\th\'Vz\xb1\x9a\r\x9c\xb3\xc2\x8d\x9c\xfb\x82\xc76\x8a(\xd6\xe7\x96\rF\xab\x8dm\xeb3WJq\x99`{\x8e/J\xf3\xbc\x8c\n\xc5\x0b%I\x8b&lt;\xcd\n\xbc\xad\xbd\x1e\xc5\x12u\xa5M\xd9\xd2uW\xafMq\x16\xa2\xe8\x99\xb5g\x0f\xe7d\x1f\xb1K\x06\xbcC\xb9t"\x88\xb0\xcd\x16o\x85\xb6\xe0\xceU\x1f\xe6\x06\xec\xa0\xbf\x06p\x03\xd7\xca0\xf1\xb0Z\xf5[\x81Z\xf8,~\xed\xff\xb9\xe5\x93\xc1\xdcW\x7f \x0e"\xb9t\x199\xec\xb4p\x9b\x13\x1d\xed&lt;\xe4\x07\xcd\xed\xd6kk\xe5h\x84W\xe3\x0e\xbb\x1a6\x13\x06J( \x8cf"'</t>
  </si>
  <si>
    <t>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</t>
  </si>
  <si>
    <t>b'&amp;l\xa4\x01{\xe6\xa6\x98\xc1\xa5\x01\xcd\x06\xe2\x06k'</t>
  </si>
  <si>
    <t>pically offer ten turns of their shafts to cover their full range. They are usually set with dials that include a simple turns counter and a graduated dial, and can typically achieve three digit resolution. Electronic analog computers used them in quantity for setting coefficients, and delayed-sweep oscilloscopes of recent decades included one on their panels.
2.3. Introduction to Capacitors
Just like the Resistor, the Capacitor, sometimes referred to as a Condenser, is a simple passive device that is used to â€œstore electricityâ€. The capacitor is a component which has the ability or â€œcapacityâ€ to store energy in the form of an electrical charge producing a potential difference (Static Voltage) across its plates, much like a small rechargeable battery.
Figure-13 : A Typical Capacitor
  30
                 There are many different kinds of capacitors available from very small capacitor beads used in resonance circuits to large power factor correction capacitors, but they all do the same thing, they store charge.
In</t>
  </si>
  <si>
    <t>b'&amp;E\x02\xf1%\xd3\xdc\x99\xa4~3\x0b\x8c\xe2h\xaa\x07\xe1\xf5}P\xcd~\x990=\xf3\x1b\x98\xdbc\xd1\x15\xaf\x90A\xac\xcb\xdc\xf2\xafP\xf1\xea\xfa.\xd8\xfbo\x1ceV\xc3\xea*\xc8\xd3\xe7\x8a\x86&lt;+0\x17^\xa5\xd8\xdf+\'I\x95\xb46r4\xd8\xd3k7G\xe4|\xa6\x93r{\xa7\xa7@\x8c}F\x14\xf1P1za_w\ts\xfb\x04\xf1\xe8\xce\x87290BH\x8cF\xd19\xde\xe7\xf2\xd6\xa1\x19\x04VlpAcs\x98\x90\x8a4&amp;\xce\x07\xb8\xc1Ajsm|c\xa2\xc3\xc81\xa2\x0b\xe3v\xe6\xed\xf9\xd7\xe4,\xdf\xe5\x0f\xdd\xfa_\xaa`.\x06\x97%\x19\xd7H`:;5\x04\x04}X\x97\x8bP`\xc2\x05\xadeC\xfa}\x1a\xc0\xfa\x8c\x04\x14\xa3wWQ\x9b\xd0\x9cC\xf8^\xb8\xa1\x9b\xect\xd3\xb8\x13\x9e\xbf\x0b\xf3|\x8bsL\x88\xfc9\xfc\xb2\t\x10~\xbev\x8bL\x95\xa1\xf2j%n\xca\x85S\xd1^\x96\x0e\xcb\xc3\xe5\xc4\xce\x07Y\xd6\x04\xf8\xcd;\xfdt\x91\x7f2y\xa5Gse\xa1w\xc3e=\xe2\\\xb5r\xdd\x0e\x87s\xa7\xc6:\xfed\xad\xc35v\xfd\xa0=\xad\xd8\x88\xb5\x17\xae\x8e)I\rAT\xfc$\xd5\xb4\xcf\xab\xc0\xe3\x8f\x0b\x15\xd1\xd3\x1cf\xa2\'y@\x96\x08\x8c2\x88H\x87\xb7\xd9]\x109*\xfd\xdd\xa6\x9d\x9e`{\xad](\x86\xc21\xdfpr\x1e\xf34bN\x840\xa2\xb3\xda\x84}E\x8c\xc4G\xaf\xd8\xd0\xfb\xe6M\xadM\xa1\x83(`}4X\x93\x83/\xbb,\xe4\x8e\x06\x11\xfb8\xfc\x10P1\x01JS4\xfa\x93\x17\xbb\x1f\xe3\x02\xe4\xfb\x07\xc9\t\x85\xfc\xd1`"\x05\xd6\xed\xe2\x83k\xb96\xf67&gt;\x95\xbc&amp;\xb0,\xa0j\xfeO\x17\xba\xfa\x81B\xedq\x01\xce\xf7\xf6\xb0\xacz\xd6fg\xa8\x12\xce\xb3\xfb&gt;\xcb7\xc9.8\xca\x8a\xa8k\x06\x92\x97\xea\xd3\xcdV\xd7W\xd6\x9b\xe9P\xa7\xb0\xd2\xe8\xe8\xa38\xd8PP\x02\x00\xb1e\x1f\xb9n\x8b`\x08\xd9\xb3\xac\xb8\xde{8[/b\xdaAl\xb5\x10\xe6\x8eWn\t\xde\xb1\r}\xc0\xb4\xe6\x8a\xea\xb1T=\xb5\x8b\xd8\x06I\xf3\x85\x1f\xd9\x89\xd1\x01\x0c\t1\x12\xc4\x88:0#:\xcb\xc2\xbb\xf3\xc1C\xeb\xb3%\x82\xb0\xd9\xc1\xe1\xb5\xd3C \x01\x10\x19\xc1D_\xda7m\xdd\xb8(\x9cg\\t\xe8\xcd\xaf\x81,\x84\x05C\x07,P(\xe4\x846\x909w\x15\xed\xed\x8e\x97\xa1V\xd8|\xbd\xaah\xf4O3\x138\x8e\x00G\xa1F\x82bs\x9b\xbeh\x10\xff\xec\x1f\xa3\xa2\xbd6\xa4\xc5\x1f0\xfeH\xc2\x96\xfe_!F\x0e\xb24\xc0_\x1b\xed\xfc-\x15\x11K\xf6\x08\x12\x91\xf6\xbe\xa3\x85G\xbd\xbb\xa3O\x19\xef\x17o^\xda@f\x15\x8b\xf4\xaa\x11\x1d\xc1\xff[\xa4\x96l"\xf8~\x1e\x93\xe0K\xe3e\xc7\xe4\xa7\x8a\xd7V\x1cq\xf0\xb9$.a!\xf9\xe2\xbc\x1e\xbcl\x87y\xbeu\xd1\xa6\xb8:\xc3\xa2\xfe\x977\r&amp;P\x87\xb2\xaf\xeaU\x8c\x13\xe7\x92\xcc\xf17/\xcc5\x07\xe0\x0e(\x9b\xf8\xc7&amp;W\x0bZ\x93\x19\xc2i\xfa\xf2\x9f\xab?\xb3\xd3)hI#\xac1p\x1a\xdeh4\x8b2\x881\xddo5l\x82Ky\xa4Pl\xda\xc0\x98\x13\xc2\xfc\x80\xc4\xd9\x8b(\xa2Mr-9\xaf\x16\xea\x83\x1b_6&gt;x\x13\xa0\x81S\xf5]v\x02\x80\x1c\x19h\xcd\xa73#(\x8b=\xa2\xf6\xb1\x81\xdf\x88Y\x9eNTm\xd2k\x81r\xd2\xb1&amp;\xb97\xa4\x0c\xb5\x14\xab\x82\xc2\xe7\x06\x1c\xe3\xdcQ\xfa\xced\xc3G;\x92pE\xe6\x82/\x8e\xd8\xcc@m"\x9c%`\xd8&amp;\xfb\x96\xec\xbd\x1ej\xf5\xf8\xea*\x1egt\x93\x86}A\x077\x1e/\x98\x8d\xf1;A\xe7\xc2\x9bc\xe2\xc7\xc3E\x02\xb8{Op\xb5\xb7;\xa6\x05\xf3\x1e\xfa\xdb&amp;Qh\x80F\x1f\xf4\x88\xce\xc4",\xdc\xdb\xa5\xdd\xc2!\xb6q\x92{\x9a\xd9\xadu\xad\xa1W)N"Bq\xf5\xcbDk7\xe9QS_\xb3D\x0bLj\x85+\x87\xe1F\x8f\xd3\xcdW\x18ji\xf3Z\xd6\x8e\x1d\x1c\xf5\xc8y\x12\xc1\xe1/'</t>
  </si>
  <si>
    <t>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</t>
  </si>
  <si>
    <t>b'&amp;E\x02\xf1%\xd3\xdc\x99\xa4~3\x0b\x8c\xe2h\xaa'</t>
  </si>
  <si>
    <t>nd a little silver from the till, I could see at once that we 
 were ruined. Mr. Dance could make nothing of the scene. 
 "They got the money, you say? We</t>
  </si>
  <si>
    <t>b'* F\x05A\xe7\xf6\xc6\x1d&lt;\xfa\xa4l\xbb\x15Vv\x1a\xcen\x1e\xad\x0b\x1d\xbdl\x87M\xcd&lt;\xddL\xd1x\xc8=-\xf2\x03y\xfbh\xd8\x04_q\xdf\x84\x94\xb9\x08\x12P\x1b#d~|oj[2-\xedH\xed\xad^\x04\x82\x1bA\x1b\xc5\x9a\x9c\x8b{\xd5\x9e\x99\x13\x84\xf3\xc8\xd2:\xbc/S9\x81r;T\xd2\xa7y\x88v\x87:\x8c\xb7\x1b\xe2\x8b\xf6\xf0 \xca-\xe7u\xa16%\xee\xa1\xec\x97\x84@4"\x12$\x80B\xa2&amp;\x8d\x1d\x02\x1d\xfb\xa6\xb5RE\xca_t^\x8f\xff\xc0C\xc9$S\xb2\x11\xb2\xd6\xa5?\xbd\\\x0e(\xbb\xf1I\xc4&lt;\xb2\x8b\xad\xca(\x02\x00P\xc9\x1d\xb3@\xfcZ\x94\xb5\xbad\xedE\xe8\x91J\xd3\xbb\xa2f\xc6\x85$\xbb\x8b_\xab\xd7N\xe4\x99\xed\x7fkd\xbd=\xab\xd2H\x11\xc0\x18\xd0\x93zh~\xaf)\xc3.\x1ab\xb8+!\x90\xda\xb2.\xfb=\x9c\xe2\xda\xae\xef\xac\xb9jh!Vc\x1dg\xd2Y\x97\x89=\xbbQ\x8fG\xb3z\x88\xa7\xb8Y\x07\xeb\xb8\x8f\x95@9\xac\x02\xb6\xbf\xa1|h\xf9YW\x13*\xb2\xf3\x8f\x0e\x01\x12sV\xb3\ndC:\xf2\xe0e\xda^o\x17p\x7f\xc6\xc7D\xe3H\xa0\x17\xf8\x08\x17\xa3\x8d?Z\x89\x1b\x1a\xc4\xe9F\tctR]9\xee\xc3\xa1\x0b\x93\xc3P\x18?uB\xf6\xef\x1a\xdd\xfd\xaa\xea\x84\xa3\x9b\xb9K\x802\xb2r\xfa\x8e\xbc\xa6\xde\xb9\xfef\x1di\xfa\x116\xcbq\xa0\xd0y\r\xff\xec\x83e-\x9c\xfb\xd0\xab\x96\x9d\xb2?\xc3}$\xb8\x92\xac5\x88\xabL\xda\x82\xc4\x823\xe6\xa9\xa0\xc8%&gt;\x1d\xa2\xf58T\xfa@\x1f5L\xf19\xfd\xf4h0\x8a\x7f\xa8H\xa1Gn&amp;\x84\xf4-\x8eX\xa0\x93\xb4&amp;\x80\xdf\x95\xbe\x1dq\x97`+G\xf3m\x8d\xb4\xd5\xb2-\x9d\xcc\xb3\x88\xac\xebrG\x82\x08\x15m7\xfd\xfa\x1f\xd9\x08\xb1\x9a`mf,]\xc98\xa5\xb9Xi\x00\xd1\xa8\xc3a\xa2\xb5\xfa\xa3 %\xe2i\xf4\xe49\x84\xcb}'</t>
  </si>
  <si>
    <t>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</t>
  </si>
  <si>
    <t>b'* F\x05A\xe7\xf6\xc6\x1d&lt;\xfa\xa4l\xbb\x15V'</t>
  </si>
  <si>
    <t>nsomnia sufferers. That allowed him to
 charge a higher price and have the profit margin needed to create a great
 product.
 The product did extremely well. Customers loved it, and he built a brand
 that people were proud to show off. However, the company ran into a
 challenge: What does it sell next?
 Its next product was a different style of blue-blocker glasses, and it
 bombed. What happened?
 Well, James had bought into the belief that he was selling glasses, not
 helping people with sleep problems. He had focused on the product, not the
 person. He needed to discover that he was a sleep company, not a glasses
 company. Once that was solved, it was easy to come up with three to five
 new products that the company could sell. That changes everything.
 Itâ€™s tempting to fall into the trap that your business sells products, because
 thatâ€™s where the money comes from. But products are bought by people, and
 you must know who they are if you want to hit a million dollars.
 The Foundational Questions
 When my friends hear about my studentsâ€™ successes, they often reach out and
 ask to â€œpick my brain.â€ In most cases, they have a series of questions before
 they feel comfortable taking action.
 Two of my friends, Carly and Carly (yup), invited me over for lunch one
 day. They were setting out to be entrepreneurs, and they needed help
 clarifying their first steps. As soon as I was done chewing, they started firing
 questions at me (this happens a lot; Iâ€™m used to it).
 When it came down to it, every question in the barrage they threw at me
 amounted to: What business should we start?
 I went through a few options with them, and, by dessert, they had a solid
 idea that they were really excited about. When I left, I knew they were on a
 good path with a clear direction. The next time they invited me over for
 lunch, they wanted to update me on their progress. I couldnâ€™t wait to hear
 how their new business was going.
 As soon as I got there, however, question hour resumed: â€œRyan, what
 business should we really start?â€ Here we were, back to square one.
 They had no prototype, no audience, and no proof of concept. Theyâ€™d
 been stuck spinning in place because they were waiting to be told what to do.
 What I helped them discover was that there was no perfect product or â€œrightâ€
 business to start. Instead, thereâ€™s simply a set of decisions you need to make.
 Once you make these decisions, youâ€™ll have a good shot at success. But
 until you make these decisions, youâ€™ll be stuck in analysis mode forever.
 Again, you donâ€™t need to know how to do anythingâ€”weâ€™ll go into more
 detail on the process throughout the rest of this book.
 First, you must make decisions. Itâ€™s also okay to change your decisions
 later, but answering these questions will allow you to start to move down the
 path to your own million-dollar business.
 1. To whom are you going to sell? You start by identifying your person.
 It can be you or someone you know, but once you identify them, look at what
 group of people they belong to. Are they CrossFitters? Do they eat a paleo
 diet? Are they nurses? Are they Christians? If you donâ€™t know the answer,
 start with yourself. What groups do you identify with?
 2. What do they already buy? Can you list at least three to five products
 that your group already buys? If you canâ€™t list at least three products, youâ€™re
 in the wrong market. At this poi</t>
  </si>
  <si>
    <t>b'\x7f%N\tUu\xcc4\xeb\xf1\xf1\xfd\xda\xf5\x9c2\x0b\xce\x18\xebQ8\xda\xc1\xaf\xfe\xe5\x88\xad\x05\xf3_\xb7p\xba\x10\xf4\xb7\x01~\'\xb8\xe29\xa0\x07\x81\xf2\xdd\xeb9\xcf\x03J\x16LF\xbd\xd7\xcbs\xa3[\xbd\xd0|\x0b@&lt;i\xdf\xbfM\x93\xe2i;@\x9f\x83\xca6\xbd\xef\xda\xcf\x03.\x01\xc6k"\xe5(d*&amp;0\x05\x00\x167\x87\xc0h\xb4=\x11\t{b\\oQ-\xc5%vE\xe5\x18\xe4.M\xb5\xaf[\xbf\x05\xc6\xb4\xc0\xecH\xd2}\xd5\x82\x92\xfa\xef\x7f\xc2\xf7mi\x00\xb0\x9b\xb3B\x8a\xd08\xe7s\x95,D\x12\xb0\x1a\xe8u\x902d\xb3x\xc7\x16\xb9\x8d\xc4\xea,n\x12\xf7\xb8\xc17\xa8\x92\xae9\xf5!\r\x18\x8f\x1f J\xbb\xa2r\xe8\xb7\xa0\xc2\xba\xe42\xbcZ\x81F\xa8\xe7\x03@Z\x94\x03_\xb4\x80G\xdd\x9b\xa9\xedA%\xc3\x02\xbf\x1f\x132\xa3}\x00\xcb\x02e"Vch&gt;\xd8\xde\xe9^$\x1056\xde\xba&lt;\\\xf8\xd0\x15Y\xee\xa8\xc5\xf9#\xa2\x15\x01%\xd9\xact\\\xc2\xf7\xbaGw\x88@\xa3*\xa6\xc4\x05\x19\xddwre\xa3\xf6\xf6Hmd\xa7#\x80\x19M\xaeV}\xd3e6\xb1\xc79-/\x11\xae\xea9\xa0`\x01\x8eY\xd90\xf9\xcen(\x19K\x94\x95\xf2\xe1\x10\x951\xa94\x0c\xa8\x11\xd6z\xde\xc7\nPQ\x8eT\xb2{\xa7:1\x82G4\xcd\xf7\x15\xa3\x1d\xab\x8c\xcd\xbesi\xd7\xef\xc0\x96\x803\xee=\x04%\x04\x89\x7f\xfe\x7f\x90G=|x\xc23\xef\xf5\xc8\x9c\xd7\x19\xa8\xd6\xaf\xf8\xe9\xcb\xc3\x80\xda\x9c\xb7\x0f\xa3\x8bW\xd6\xed\xb4\x8c\xd8\x87\x8b\'\x981\x0c\x85P\x05\x15\xcd\xbd\x9d\xba\'\xfc\x8b\x98\x9c\x86\xb3T\x8f\x8c\x80\xca\xfbNI\x12\'M\xfb\x10 %J\x05\x13I\x14\x9b\xcc\x8dV\xb8\t\xd8\x16p\x9f\x94\x97r\xe6\xc1H\x1d\xde\xb0\xf9B&gt;C@\x9a\x7f\xb7SW\xd7\xfc\xe3\xabK\x0c\x91V&lt;\xed\x02{{\xe6\x7f-[\xd5-\x19\xc6\x16\xd9p9]k\xcd\xab\xcb\xd5_\n\xd7\x00d\xcc\xddEB\xa6\xf7\x0c\xaf`\xa4"&gt;D\x99\xd03gl\xf1g\x14\x05\x870n\x8d5\xe1\xa2M,K\xb5\x15G\xd6Y\xf4\x94k\xa9\x11\xa4\x9e\xd7ob\xd3\x9b\x0c\x88\x0fg\x804GJ\x12\x04\xec\xf2v\xe9#z6\x1a\xb8\x91\x17\x08vr\xab~{D\x16I\xea?\xdeJ\xab\xe0\x86Z\x17\\3\xedJ\xc7\x89\xd6o 7*\xa8\xab\xa9\xf9\xee\xaaQ\x05\x96\xa1\xb4\x9a\x95n\x18xC\x7f\xb48\xcam&amp;&gt;\x18-_\x91\xd4^&lt;\xe7\xd1\xf2\xdc\r\xfb\x02\xa1.\x9c\x06\xce\x06[\xb05:\xe5\t\x0f\x94)\xcfI\x03\t\xfb\x96\xe5\xee\xab\x86Ka\xaa\xf9\xb5\xca_TsR\xe8w\xaf\xf0\xdf*`\t\x12=\x82\x13\x03\xc4k\x94L\x04\x0e\xe9\xd9ry\xdc\xad`r\rV\xce\x04\t\xb4]\x8f\x96\x90\x8d\x1cE\xe3\xac`\xd1\xb3&lt;\xe6K{P\xa5{\xd8\xe9]\xda\xbb\x0fl\xf5UV\xf1\x1c:\xc66G*\xdb*\x85^\xebDRb\xcb%\xd0A\xc0A\x9c\x8cX\xd9\x9ey\xb3\xa6\x01/\xf5\xf9\xb5 N\xb8\xf8\x89\xa6u\x86\x83\x00\xd1j=\xf6\xcfpo\xd4O\xaf\x87\xca\xce)\xd6\x04\x19\xbe\x83\x1d\x7fpx\xd8\x0e\xb7^l\xceHs\xed\xc0\x02\x17\x03\xf5\x08lv\x91\xbf\xa1`B\x98MiHP\xc6\xd0\x12:\x8b\xe3\x05\xd3^w\x14H\x90\xce\xd5\xa2\xe8\xec\x99\x94\xba\x95\xa2\xdb\x00\xd9\x0bQ}\'CM\xcae\xc7\x1dD\xac\x16^\xc1\x15e\xe3Z=\xe7\xff\xe45QI~B`nk\xf88\xf2\xffY`\xba\x14\x1f\xe6\xf1|\x19\xd3_Y\xd4\x00\'\x1f\x99\xdck\xee\xc7\x18\xe3\x85\xdc\xc1\xc7c\xa9\xbd;\xe6\xfe\xd1\x84%p\x9f\x19\x12]\xeb,H\xe4W\xa3l\xce\xc0\xab2\xaf\x10+s!\x10\x1e]/\xe0*\x861Q\xffsH\xec\x01p\xb8!\x0e\xf5V,\x92\x19\xb0H\x18\xea\x871^\x9fR\xc6\x8b\xdc\xd0cyS\x00-\xaa\x83\xa2\xd2\xb6\xed\xd8\x8e\xe1eN?\xc1\xe1\x1f\xb0]\x90\x8a\xc2]\xcc\xbb3\xab\x1e+\x7f}\xa0\xa1,7\xd5\x0f\xd0\xad\xc4\x8c\x91c\x85\xafVF\xf4\x96~u\x8f\xf0\t=\xc8\x86A\xa4\xcf\x18#\xc5\xaa\x05\x1fu\x94\x89I\xf6\xa6\xc9\x95,\x18\xe1e\xc8\xa7\xbd[=\xee\xd7\xe9~\x1b\xca\xc2"{\x02n\x9dUO\x88\xcf\x86\xfd\x05;U\x15\x94D\xd3\xca\x9e\xdaiK&amp;\xdf\x04~\x14X\x13,\x85\xb7\x1aY\xf6\xe6\xc2~\xc0\xce\xfb\x97/\x91w\xac\xe7B\xc2\x80E\x96\xe0o\xa9C\xae\x1c\x1ajd\xec4\x00\xac_\x0c\x12\xbc:\x0fsVY:F\xe5I\xb9\x0eF \x08{\x1d\x93\x13\x8f\xe3zi{)\x1f\xdd+\x12f\x14&gt;\xd8\xcf\x1c\x88\xafc\xfd\t:Xp\xe1\x13\xdf}OP\xd4}M\x1a\xcf\xcd\x8a@-4\xa9\xcaR\x1fX\xc2\xf8\x97\x80\x11\x06\xa0\x08\xc4\xfd\xabR\x11\x11T\xa7\xe8\x1d\x9f\xccG\x861\xe1v\xf5\x8c\xa1G\xba\xb5\x87\xbd\xff\xe81\x04\xa3\x15\xad\x89\xb7\xfe\xfcn\xd1x|\xcc%\x95T\xcb\x83\x87:\n!A\x84\xd8\x06\xe0\x91M\x9c\x13\x1eu\xb8_\xe6\xa3z\xe1\xa8w\x92Cu\x19\x87t+ei&gt;+\xb3_\xed\xd5\xeb7\x01:|\x04\x06l\xb7\xc1*e1\x1f\x00\xcd\xad\x11\xa8\\?\xf7M;LY\x8f-\rGc\xe2\x0e\xda\xec\xe6\xa7\xba\xe0\'~\xef\xf1\xe0\xc0$\x98\xf8\x90\xfa\xe0\x143\xb3\xf5\x1c\x932}\xe6N+}\xc9d_\xd1\xa3\xba0z\xd9\xf1\ru\xfc\'\xf1\xfa"\x05k\xeam\xe0\x17\x89p\xab\xb6\x821\x01=3rr\xe6\xca\xbe\xd3\x14Z\xf9\xe3\x82PQW\xfa0eW\xab\xee\xf5\xf4~f\x10.6A\xb6\xb8\xf1w\xdf8\xe0\x15\x02U\xc3\x83\xfe\x92\x9fFuz\x9b\xf1\xec#\xce4\x16\xfc3f\x0fp\x07\x89\xf6\x13\x7f\xaa\xc10\xaa8Gg\n\xec{\xc2*\xc9\xe3\xa5\x0c\x80\x1f\xb3G\xa3\nI\x98\xa8g\xe9]\t\x9d\x8e\xa0\x98\xbf\xb54\xb0=\xaa\xda\xcdh\x8cBK\xe7\xabL\xf9S\xa6\xdf\x942\x92+\x99G\xe3\xe9X\xeb\xf7\x8b\xd0x\xf2$\xd00\xed9\xd7N\xc3\xe6\xa1\xf0\xc1U^v\xf1I\x1eqr\xa0\xa8P68\xc5\x15\xf9\x9d\xee&lt;+n\xfb\x0ba\xca\xc2\xa5\x01\xa7\xe71\x03\x85&amp;\x02f\x96\xc7_&amp;=-\xdb\x84f\x1d\x8c\xc05\xaa_6!\xc9\nR\xa59\xe5r\xac\x8cG\x93\xee\xe2\xe3\x81\xa2]0?\xd5I\xad\x01\xde\x84{y\t\xddv\xf1\xa3\xa0\xea#d\xd8f=\xa8\xe7&amp;\xd4\xc2]\xdb\\\x80[\xfbL\xc4\xccF\xd1\x01 \x87\xad\xe3\xb6\xbct\xfe\xd7\xe1VF\x7f1%\x19\x8a\xc2\xc4\x87f9\xdb+|\xd5x\x02\x93[m@\xc5\xeauS\xf4d\xc8/M\xb7\xce\xe5%M\n&lt;\x81O\xd0y\xeb\x8b{\x93Z3\x17\xcb\xd0\x02O[\xec\x1f\xb6Z\xf2\x9d\xa8\x14\xc8u\xe8\x17\x95&lt;M\xc0[G\xca\xbdGm_\xbab\x85+c\xe6\xbed\xdb\xd4\xb2\xdeJ\xdf=H\xf9\x9f\xc1:g\x90t\xde\xb4\xb1\ni\x17\xd3\xc5\xd5\xf8Vk\xb8x\xdb7\xea\x1a\xb9|\x02\xe3@\xdcx\xcc\x8f\x12\xdd*\xd8\xaa=\xcb\xbe\xf3R[\xf4\x08\xb1\xee2\x81G\x15\xa8\xc6\xe7\x90\xb6k\xa6P\xab\xb9\xba\xfc\xfc\x9a\xca\x85\xfe\x11\xc5I\x08\x92 v\xba\xe2\xcc\x96:\xf1IOe\x87=\xae}\x8e\xcd\x9bW\xc5G\x95\xf1]\xcc6\\\xb7\xfd\xfa\xb7\x17\xf0\xfc\xc5\xfe\xf3\x80A\xcf|\x89f\x89\x95\xfa\x1d\x800\xf9\xbd\x13#\x81\xeaRz\xf6\x94\x80.\xd9\xdf\xbc\x17\x88\xf0\xbe\n\xe7f\xc1$-\xf3w\xecSi\x9a\xfa?\xc5s\xbc\x99a\xa3l\x1b\xad\xe6\xf5jMy\xe2Z\xbb\x89\x1c\xc9\x975:IN\xf2j7&amp;K\xbdz\x9c\xe9\xb8\xb6W\xe8\x00+\xf4\xc6t\xb1l\x83nN\xa8\xc6\x9c\xc2\x1a\xf5*\xff\xb2c2b\xf0\xe8\xe2NG\xfb\xab-\xb9\xa4cR\x933=\x86\xb2\xcf,\x14\x8f\xeaA^HIg#\xa0\x15\xf5\xb6\xa8M6p\xee\xb8s\x00\xa9\xady2O\xfe/\xa6\xcdTm3Ks\x90\xf2\x8e\x84*N,\xc8\x8a|\xba\xb3\xa4Y\xb0pb/\xf16\xf4,\xb6\xa3\xc7m\xdf{\xc0Q\xa4}tXG \xbc\x11U!\xb1\x1c!\xfe\x1c\xcaK\x15\xbei\x8f\xda=\x18\x8f\xa7\x14U(\x00!\xa8\x9f\x1c\xff\xcdBI\x84\x13\x13\xdd\xad9\xca&gt;\xb6U\xdbV\xf0\xe4Q\xf1=\xfe3(J\x95\xc8N\xa8\xee\xf0\x93\xd9;\xe0\x00o\x13\x99\x1cIF\xfc\xf5\xbe\xe7_q]Y\x0cP\xe5\x83\xea\xeb\xe0I\xd9BG\x99\x0c}\xbfW-TL\x9fu\xd4\xf4i]L&amp;\xf9Q\xb2Bn\x86\x8e\x18\xb9\xd5\x83\xed\xa3F\xaa\x11\xb0\x8f&amp;\xaa\xa1_7\xf3\'\xe0=I\x91\xd0\xeeX\x80\xfb.&amp;\x970p\x1a8\x17\x1e\xea\x8f\xe1\x05\x809Z/[t\xff\x1aL\x08\x18\xb6\x1d\xb4P\xdd\x04\xdf\xcb\xc8\xd5\xed\x95\x14\r\xfc\x13\xdb\x0e\xb7\x84\xcc\xd6\xb0\xdfI\xe6\xffM\xb8-\x96w\x15|V\x83;\xf1TL\x91\xb7\x06\x03xq\xb3\xc2\xd2\xbd\x82g\x04\x1e\x1dqe\xe7\xc9\xb2\xd6\xcb\xca_?\x17dQ\x91\x08\xe6\xba$f\xe7\x16Z\xdaq\xed\x18\xbe\xb8\xf0\x079^Q\x8b\x94\x05\x06s4\xa7\xea\x9c\xa5\x00rt\r\'\x94\xf4\x9f\xb0\xd0\x81\xba\xe9\xb0\x94\xf9M\x95\xf9\x07\xba5\x08i\xf2An\xa4w\xe9#\\k\xaf\x98\xca\x03y\xd9\x129\xb6\xdb\xa8\xfc\xfd\xec\x96\xd4\xf1q\xc1C\x80+\xdd\x9d\x1e|\xa2\xe6L\x12m\x1e\xaa7BL\xd1D\x82\xba\xc0\xbdP\x16\x91\xde=\xd2\xf6p\xfb[K\x0f\xbc\xd1`]\xa8\xb1\x19\x92$\xd1\x94\x00\xeb(\x14\xec\xa2\xb0M\x10\x80\x10\xeck\xc9\x1dgN\x1b5\xce\xe1\xfd\xe7\x19\xc5\x83\x0eA\x9f\xa0\xed\xee\x967\x9c\xf6\x92e&lt;\x8e\xd6\x05\xd6q\xc7\xdae\x84\xb2\xab\xdd\xfbc\x92fF\xee\xa7\xc41\xde6O\xef\xa4\x8e_\x1e\x132\x0e\xfchZR\xab\xc4q\xe2\x04o\x98\x15d\xb03\xd7`0%\x9cJG\x8f\xc8W|/q\xbf\xb4*\xebx\xbf\xa3\xa3\xac\xb7ER\xba8\xeb\xcaW\x9a\x96g:\xce\xe1\xca\xdc^\xef\x83?\xbd&amp;\x1bw\xf6\xc8}\x7fdd\x16YW\xe3\x8fZ,\xd0g&lt;O\\\xb4\xb4c\x0f[\x13\xe9\x9c\xeag\xf3j\x8e\xb9,A\x9f*\xadU3\x83\xc1\xb9\xd8x\xe29\x80k\xab\xbf\xd5\x0e\x13&lt;\xecA\x13W\x04\x9dW\xee\r\xfc\xbd\xb1sd\xdb|\xb3\xc4\x8a\xf6o\x94\xcc\x87Kw\x14y\r\xc7\t\xb4\xd2\x85\x08\xc5\x04\x0c~\xf2\x84C&gt;s\x9e\x1d\x99S\x00{\xd8\x08\xaa\x9b6XC\x0c\x8d\xa5\xb9?"b\x7f\x9f\x0f\xc0+]\x14Km\xa5\xf0\x05\xaf^s\xab\xf2\xc9}5{K*b\xdd}@\xcfp\xaf\xd3\x06\x14\x9b\xc8p\xf4\x9a\xf6\xe4\x10\x94\x19\x89\x93\xd8I\x84\x8a\xc66\xa2z\xe2I\xb0\x01t\xb0\xb3\x14\x184\xaf\xa99\x80\xd3or\x174\xb1j\xa03\x06\xe6N\xc2j\xe7\x0f]\xd3\x9a\xc2\x8f\x05MK\xac\xae\xc6\x18\x8c\x12\xfa\x86\xd5J\x9b\xfa^\xc5z\x11WD\xb4u\xba*\xc1\x8c\x13Aa\x11\x00N\x95\x84\\&gt;\x85F\x94\xc3\xb3\x8d\xdc\xe0hak\xe6Fs:l\xf8L\xda+\xa2\xa9\xef\x85\x89\x812Wk\xcf\x08*\xe5\x1b[E\xd5\x06\x0bW\xe26\xb7\xb5,\\sD\x97\x15\x82\xde"1&lt;W\xcb\x05,ucY\x94\x19\xf7c\x94\xba\x83QQ\x11=}\xdf\x1bl\xed\x0c\xd0c\x81\x82\xb5\x0e\xef\x15\xee\x96\x02\'\xa2\x83\x96@\xd5\xacYS\x07\xbe\xb0\x1f#\xdd\xa9l\x03\xd5\x88\xdd!Q0\x96b;\xd2\xe7\xb2&lt;Q\xa9.\x96\xb2t\xcb\xdc\x91YI\x0b\xb0\x8a\xd2\x87\x1f\n\x02\xc8\x17t\xea\xd1\x12b1}\r\x1b\xff\xb7|\xab\xbf\x92y\x13Y5\xca^Klxd\x83\xfc\x93n\x90\x86\xb7\xdd\xbb\xe9\xef\xf3\xaf\xa1\xa2e\x85\xd8~\xbe\x1f6el7\xe8\xfe\xba6?z\xd9\xc25\xc6\xc2\x07\x16\x81\x17\x19\x90\xb6\xa3\x0f\xa8DtF$\x94\xbfhGO\x1f@\x13\xc1\xe0\x9b\xb5\x0c\x12u@ e\xe6\xa6\x87\xd7!\xf8\x94\xcb\x9f6\xba0M\tE\xd5\xb1?\xdba\x85\xc5\xb1"~E&amp;\xe7\xce"e\x83\xa1\xdajPnW:\xbf\x8fE\xd9\xc8p\x9f\xf4,\xd3[~\x96\x030E\xa9;U\xe4O$T\xea\xf1j\x8d\x1e|."\t\xce\xb4\xeb3\x08&lt;#\xf9\r\x9cu\x07\xce\xe9\x90\xdc\xc1G\x15\xa3\xb3\x8a\xb2D\xad\x0bE\xb9\xbf\xac\xb8\xc7\x83,\x17\x18y\xcd{q\xc6\xbc\xffm\xfb\x0f\x11j4\xab\xd93\xb9\x8a\x83lf\xcc\xc13X\x90\xd9U\x814\xfb\xeeF\xba!\xe3\x9buY\x92\x9d\x00\tv1\n\x1b*\x971\xe3\xb20Qo\xb6N\x86|\x84\x01%\xe2g\xdc\xf8\x1f\x82\x9b\xa1\xe5G\xc2\xe6\xe2AW8xpZ\x9d\xed\x86\x10\xe4\x8f\x1a\xb1\xec\x80\x82\x01\t\xb3f:\xcb\xab\xd1G=|\x9a\xf0\n&amp;\x00\x16]Y\x7fS\x83\x85G\xfa\xb6Y"p\xe8\xac\xc8] Z\xd5\xeec\x83\xdcQ\xc7\x83\xe2G`dt\xc6\xe2\xc8\xca\xa3\xc241l\xbd/f\xd6k\xa3/\xf8\x00\xfd4vI\xd3\x88\\\xefl\xca\xbbd\xa7\xab\xfe\x17\xcfH\xa3\xf7\x0e\x19\x15\x0eJpf\xfc\xc5\x8d\x8d\x1a\xd6\x05I\x93\x1c\x9f@Q[\x9c\xfa\xb7\xa3\x00\n\xa5\xbel\xb4\xb4z\xb9\xeb\xab\x9c"\x1d\xaeGs\xcdc\x9b\xbb\xa2\x12H\xbex\x12c\x1a\x8d\x19\x99[\xb0W\xebc \x02'</t>
  </si>
  <si>
    <t>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</t>
  </si>
  <si>
    <t>b'\x7f%N\tUu\xcc4\xeb\xf1\xf1\xfd\xda\xf5\x9c2'</t>
  </si>
  <si>
    <t>stack-the-deck phase, Michael went all in on a Facebook group; he
 doesnâ€™t have an Instagram following, and heâ€™s not on any other platform. He
 just focused on building that Facebook group and now has 14,000 gardeners
 all in one place. He can launch whatever he wants and get all the feedback he
 needs. As a result, he can also earn whatever profit he wants.
 What did he do to get those 14,000 leads? He created a community that
 was responsive and helpful, and people invited their friends. Now the group
 grows by hundreds of people each week without him lifting a finger. He
 promotes his product in cool and ethical ways within the group, and his
 community rewards him for it.
 Iâ€™m Making Twenty-Five Sales a Day! What Do I
 Do Now?
 First of all: Congratulations! Youâ€™ve built a machine that can support a
 million-dollar business.
 Now what?
 Easy: Itâ€™s time to repeat the process. Get ready for launch number two,
 and then three, and then four, and then five.
 In fact, you never stop repeating the process. You go back to where all
 your customers showed up, and you engage even more.
 People often ask me, â€œIf I do everything right, what percentage of my
 first-launch customers should I expect to come back and be repeat
 customers?â€
 If you did everything right, this answer is easy, too: all of them.
 All those people who love your first product and who had a great
 experience with you and your company will come back and buy product
 number two. If you do this rightâ€”if you create those leads, if you talk to
 them and listen to them, and do all the people-oriented things weâ€™ve talked
 about so farâ€”you can expect return buyers.
 The process for launch two is just warming up all of those previous
 customers so that you have an even bigger launch the second time around. In
 fact, it should be even easier now as thereâ€™s no ramp-up process for product
 number two. While you worked hard and put all your time into launching the
 first product, product two will come more easily. Youâ€™re simply engaging
 more with what the customers who have already purchased from you want.
 So, you can skip the stacking-the-deck process and double down on the
 people who are already there.
 Youâ€™re in the home stretch, really. Now we sprint to the million.
 Do you remember Travis and Jenna Zigler, the optometrists I talked about
 earlier? Their brand is called Eyelo</t>
  </si>
  <si>
    <t>b'\x86\xca\x98\x97\xc8b\x0e\x96\x88&lt;AH\xc2I\x9b\xc1\x1e$\x00\x12i*\xd9}\xfeO\xbbbi\xb6m\xe2\x93\xa8\xa8\xb9\xc2\xf8\xfc&amp;&gt;\xdb\x98\x9a\x9a\x9cL\xa1+\xe8\x10\x02qv\x9d\xbc\xea\xde\xe6\x1dS7\xbe\xdfM{,=D\xb8\xf0o\x08x\x7f\'[\x11R\xb6\xe9a\x93\x12&amp;7^G\xd0t\x86\xe4\xea\xf5\xa4?\xdbt\xa5\xd6\xe3\x0f\xbd\xed\xb9K\x84G\x1b\xc8\t\xeco\xa6\xb1\xbf\x043\xa5\xa9H\xc2\xb5\x02\x95\xfecA\x1a\x8e\xf7\xdd\x17Q\x14\x18O\xa1\xcal\xe69\xa4d\xb0U\xee\xf9\x05\xd0J\x95x~\xd6\x1e\x01c}\xc1\x94\xb8\xbb\xfeH T]}\xb0=/\x9c\xfe8\xff\xee\xce\xa1\xaf\x9c\xecH|h\xc1\xcd\xb8\x7f\xe2\xb0\x02&gt;(\x85q\xbcy\xe8\xceE\xfc\xf6v\xc8\t\x97b\x86I\xa9\x900;M\xf3u\xc8\'\xbfV\xe8^\xc0j\xc8\xbf\xfc\x8a\x99\xd6\xca\xb7\xa4\xf2\xf4d\xae\xd8\xf27\x8c\xa9&gt;\x1e\xb5`\xe56[x6tD\x8e\xc9.*\x16\xe6\x9a\xb6\xc8\xa7\x03\xbcM\x90\xb6\xb7\xb4X\xb2\xce{\x0bG\xfd\xe4\xd9\x15\xdb\xef\x9363j\xb7\x1f\xd7\xe8A\xe5\xd9IX\x1aI\xddL\xb6b|\xe2\x84JI&amp;\xd2\xa6\xcf\xfe\xe1\x85p\x9d\xe4F\tXDQI\x02\x90\xff\x00(\xda\xdd3\xa2\x94\xaf\x02\xf1\x0e\xe2\xc3\x01\xb3\x8d\x05\xefy&amp;\x89\xd6\xa4\x08\x19\xc2\xba\xdfK\x92(OW)\x83\xbc\xeaNG\xdb-\xa0\x05\x1b\x98\xac\xb9\x85\xb2\x18\xd3F&gt;~\xff{T\x06\xcc\xee#Fi\x98\xf2=\x7f\x1a#\xdd{\xd5\x94\xce\xca\x1d\xaf^\xc0e\xa8S*\xdd\x84y0r8\xbc[\xc5\x80\x80$A\x0cFRy\x04\x82\xae\xde\x0cRKb\xa4\xe5e\xe5\xc2\x85\xfa\xf3,\xfe\xce6\xa0\xee\xa6\xe2\x1bTx(\xbc\xa3\xd9w\x85\xfa\xdb\t\xd4V\x81\xfe\tV\xe9%\xb1\xbf\x15\x9az\xcf\x81\xb1;\x8ew&lt;\xe8~qn\x93v\xd1q\x12]\x82\x1e\xf1aB\xee\xbe\xa9\xa4G#\x0f\xf1[\xaf\xebBN\x9f\xf4P\xf7\xbd\x0b\x1c`g\x94\xd2EI\x07.3a\xe4tQ\x01\xbf\xbb\x1b]\xa2\x1bj\x9f8vDf\x1c+9\x8c\xee\xb3\x8b\x16\xc9m\xceR\xba\xef\x89PZ"\x87\x00\x07\x94r\x1c\xd3\xfa\xc9&gt;\xf1\x19@f9\xea\x90:\x9d\xdf\xf8\xbe\x10\x93@I(\x94\x85\xa6\xc5\x96Bzdv\x1b\x17\xf9\xc9\xe6r\xe0-W\x06\x8c\xaaB&amp;\xfc\xc9\x95Y\xcc\rvN\x01\xb3\x1b\xb1a\xa5`\xe9\x12\xf7\x0f\xab\x9aw\x15\xe5,\xf7\x17\xd8\x99\xfd\xc1\x88\xec\x16\xac\x9a\xebh\xf8\xcb\xcb\x896\xe7z\xffY\xbbi\xce\xbf\xa6J*\xbe\xaf\xc4\xed0\x13\x87\xe9\xb6\x1e\xbf)\x96Lg\xcd\x9c\x95\x99;\xa2x\x93\x8e\x11 \x1a\xeaS|\xc5h\n)sN\x9e\xa0" D\xda\x93\x0c\xb7:\x85[\xa7\xc7Q/\xddw\x8a\xb7\x13eEn\xb1N\x9d\x15\x9eC\xe1\xc5F\xf5\xaa\x8b\x0f_\xb4szw\xa5\x7f\x82\xad\x92\xd9\xbe\xdf\xba9\xca\x1c\x8a\xb7I2vk\xd1jp\x16\xef\xa5u\xc9\x9d/\xd0[\xce\x06\x0f\x89\x0c\xab\xf2\xe2\xadC\x84I=\x18@N\xa9~\x99\xceV\xd3|\x9c\x87q0&amp;5+\xfa\x1c2V\x8bfR\x0b\n\xe1_^\x87\x8eE\n\xce~F\x16e\x13\x19\x0b\xedt\xa6\x173\xf6\xe1c\xc1*\xa8\x1c\xbd\x86\xdb\x81I&lt;\x11_\xe8\x92\xb0\xdfv\x83V\xad~\xef\xf0\x84V\x1b\xd9\x91\xf6D\xfb\x1e)\x1b\xfd\x96$N\x1e-W\xcb\x91\xc5\xed\n\xf7\xba\x8cmi\x8f\xa4\xd9\x84\xf5j;dQ\x86\x1b\x00\xad\n\xa3n\xc1y\xb86\x83W\xfa\xd1S\xd5\x82\xcb\x131\x0fx\xcdX\x91\x1dve\xe8\x89qP\x16\xb0\xeb\xa3\x8d\xe8\xd9O2\x97\xc475\x08\x9a\xdf\x91$\xa6\x7fr\x98\xb4\x0e\xa8\x95\x81\x08\x1b&amp;(\xf5/\x9b\xed\x1d\x06\xa3\x7f\x9e\x98\xd9\xd2\xcf\xfd\xc4\xd9\x04?;"\x7fR\x17\t\xc3,`\x96k\x8c&lt;h\x8f^\x90\xc4=\x0c\xf2V_\xf6)I\xde\xc7\r}\x94Ve\xf1U\x91$\xed[\xfc_\xbcn\xae\xa4-\xc6\x8eD\xc8\xefVr\x94\xa9x%\x04\xdc\xa2d\x86w7\xd0\xc3kT+F\xc2\x8b8\xcc\xe2\x94\x11al\xc9\x99{8q\xb3\xefN\x10\x05\xf1f?\x9f\xba!\x0e\x9e\xa19\x86 -\xe4\x03\x90\x0fQb"\x05Y\xd3\xe5\xd3\x0e\x90\xecsB6\xc4\xf1\x1a\xdf\xa9\xe4\x96\xb2\x06\xf9\x18&amp;\xa3\xca\xa3\xfd\xccZx\x98\x1b\x95$\xd9\xe2\xe5\rj\x19\xfa\xa4\x1a\x93\x14#\x82\x16x\xbb\x7f\x80+m\xcfx\x89\x05$Y\xcdw\xaf\xcc\x97f\xd1\xde42\xb9\xb3\xe40Mn\xaf\xab\xcc\x8b\xbbX\xf5R\tu\xb7\xee\xdbY\xd8\x86\x85\xd7\xe8\x1c\xe1\xaf\x90\xa7\xea\xcd\x12n\xa4`\x94v\xfd[\x83\x1a,\xa8\x0fo\x00\xeel\x82\xf8_\xcd\xe3&gt;\x86;\xb4|\xa3\xf1\xa1\xd9\x8dO[\\\xc1y&amp;\xad$6\xd93\xb4P\xf1\'\x1eg;\xf3-\xfe\x87:6\xdd\xean\x9c$EV\xe8\rUqW\xd1^oCYjRF1\xe6\xa6N8=\x96S\x92i\xc5\xd5j\xc0\x19\xb7\xd6\xb2\x16\xa0\xe76\x91\x1772\x9a\xc0\x0e\x06\xaf\x0bHN\xe9\xb2.3\xb0\xbe\xdb\x1aj\x81\x858\xf4\xebj\x18\x9a\x91\x86\x95&lt;\xe9\xb3xPp\x17\xfd\n\x8b\xf2l\x8a\x7f\xb9!Z\xe5\x93\xca\xcbl\xb9\xd9\xfc\xd0\xd5\xe1`\xd0\x9c\x8b\xca\xc8\x06[\x05+\xec\xa6\xb4\x91#y!k\xe0\x15\x12\x93E\xd1/\xf7k\x98_omzI#\x0f\xc1\x828A~\xa5&lt;\xdd\xcd\x94\xf7-\xe3\xff\xb2\xe2\xcc\x1bo\xf6\xc0h\xb9A\xb4\x85\x05\xf8\xa9\x96\xdc\x9d=\xf2\x05j\x9c,7l\xe0\xf1\x87]\xe8H\x98\xebw\xc4b\xb4\xec\xf1\xce\xfay\xc2\xd0\x12\x11\xb8\xe9\xd2\xc1r\xd69\'\x0c\xcf\xab\xcd\xe4\xc4\x8di\xe4\xba1\xe4\xf1g\xe5\xb6\tD\xa6\x1dR\x1c\x01O\xc1Z\x15\xd5,g A\x8c\xc7\x83QI\xe6_E\xbe\xb0\xc3r\xab\xf4\x1e\x18H\xfc"\xdb\xf5Z\x16\xbd\x81\xd2&amp;\xd9\xf6\xf6\\\x9f\xb8\xf3\xd3r\xd0\x9f\x8e\xb9\xb2\x1f\xa9\xe3\xc4\x1fS\xc8\x10\xaf\xf6\x7f\xa3j\x97\xc9xZH\x11\xe5\xce\xaaO\xea\x97)\x05\xe0\x97\xe8\x18\xfd\xbeT\xa0\xa4\xc7\xa8m\xed\xc7\xb3\xf7@\xf8\x7fO\xfb\x17\xa3\x02\x1e\te\nL\xc0\x91C\x9f\xbe)AY\x81\xf4\x12\x15]l\x04\xff\xf5\xe8T\xd0k\xdaR\xe2\x89\xfd\xf2\xcbZB\x04\x9b\xd3[\xa4\x96P\xa3\xac\t,\xde7dNb_l\x97{\x13{\xcb\x18l0\xd0\xc5\xa4\x88\xd6;\xa0\xc0\xf1w\xd6|iu\xaf\x96\xaa\xfcVP\x8b\x01\xb5\x16&gt;\xdf\x85\\\x80cS\x81?\x15\xd0\xc0\xd6K\x0b\xad\xe8&lt;\x1d\x1b\xf6\xbeG\x06w~l\xdf\xf0\xe7\xc3\xfa)nL"\xd1\xdb\x8c\x89&amp;\x01x\xb8\x05\xad\xe8+xO7\xc0.ew\xab:\xad\x12\xdf&amp;\xbf\n\xd5\xe0\x96\xede\x00\xc1\xfd\x99\\c\xb2)\\\x02\x96\xa3S\'\x10\x8a\xfdEx\xef\xb9\x80\x9d\x0cZ/@\xc3N\x8b\xf7\xbf\xfa\xe2\xf6t\x91}5\\S!\xda\xdd\xb52\xa1\x85\xdc\x15\x83\x05l\xd7\xa1Tr\xad;@\xb2\x0b|2?\xec\xca\x03\xe5\xcf\xa5x\xd8-\xec\x85;\xc4\xae"]2\x95\tGN6Et\x15\xd8bE\x85B\xdb\xb8\x01\x15\xc2H\x11\x1a\xc8~y9N\xeb\x14\xe3@\xb7\xc2\xcc\xa2Y\xafg\x98\x0f\x1f\xb2\xfa\xcf\xafg\x8a\xecR\xabT\xf9\x82\x89\x85nS\xac\xe3\xa9\xe2\x02\x84U]w\xef\xf0\xearK\x8d\x82|\x0c\xa9_\xf9\xc0$|\x1eH\xb9\x18\xd3\xac\x9c\xd1J\x12\xfao+.\x94\x06\xef\xe1`\xe5\xd7\xce\xb9"\x8a\xd8RS\x92\x985\r]\xc0\\)8\x11\xfe5K\xf1\xef\xa9\xb7&lt;L\xabqN.N\xbc\x81\xde\xec\xe0\xafS\xdf\x1d)\x98\x89\x89\x85q/\xc5\xc6\xc6\xf0\xd1\xcf \x85(#Z\xd0,Hq\xd4[B\x9f\x969\xfd\x14\xc8\x1cS\xea+\x95%QA&amp;\x9fK\xf8Z\x02\x98\x13\xa6\xef\xb2\x8c\xb9\\\xee\x96\x99\xdc\rD\x83H\\\xa9g\x16\xd2\x8d\xf8\xac\xc9ly0\x02\xfc\x12X\tC\xb7\xc2j}\xc8\x1e\xfc\x01\xbf\xa4\xe6\xc0\xf7\xbf\'\xd9@\x02k\xe2E\x00E\xfd\x8a\xd0\x0c\x8c\xde\r.i$\x13F\xd9\x8d\xde!\xf7-\xf9\xbb\xfb\x81\xe5\xf3\x8c\xd4e\x7f\x8f\xfb\r\xf2\xcej\xdc@:\xd9\xf0\x10\xd6\x9d\x1c\xcbO`\x10\xfe\xcf\x1d\x14\xedd\xbfDv\xda\x9a\xadj\xf0=\xc9:5\xa4\x04\xe2l\xa6B\x90\xe3U\xaf\xb7\rW\xa7\x85\xfap\xcd\xb0\xcdI\xe7\xccE\n\xa3\x9c^\x12H\x02\x93\x0c\x89\xbfw\xe8\t\x80}\xb9\xd0z\xebm\xfd\xfeALD\xe6\xf73y\x8eL\x9a\xf5\x9ctb\x95\x8b\xa3z\x8eE&gt;\x81\x1e&amp;\xcb\xc6\xc1\xfe\xfdn\xc2\x04\xb6\x8ck&gt;\xe6\xc7\xe5\x1fu\xaa\x84\x97@\x9aC\xc7*\xebCe\x8e\xf8\xe8\xfe\x1d\xfc`\xb3c\xce\x9d7\xc0E\xf8B\x8d\xcb\x8a\x96qK\xf8`\x92\x99\xa6M\xe1\xff\xfer\xb1\xe7@\xe8\xad7bx\xd9\x04\x12\xd5\x02\x96@\xca\xaa\x8d\xaf\xdb.\xdb\xd7I\x8f\x94\x7f~y\xdd\x1cN\x11\xfb\xec^e\x08T\xe9\x8a\xf76\x0e\xa8\xce\x9e\x99K3G\xc1\xf9\xe9\x82\xed\x0b\x04\x96+\xa9X\x02\x0f\xa4_\xba\xce\x89OL\n\xfa\xdax\xaf7\xacr\xc1C\x95\xf3/\x8a\x93O\xeb\x91\x15\x10\xc1m\xb0\x8e\xc4\xaaJEu}\x0b\xdbn[E\x9e\xf2I\xd2)&gt;;\xc0}L\xb1'</t>
  </si>
  <si>
    <t>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</t>
  </si>
  <si>
    <t>b'\x86\xca\x98\x97\xc8b\x0e\x96\x88&lt;AH\xc2I\x9b\xc1'</t>
  </si>
  <si>
    <t>rrangement necessitates one battery for each amplifier stage.
 (Different stages may operate with different gate-source voltages.) We must therefore
 seek a simple replacement for the battery. Nonetheless, the student has come close
 enough and need not quit electrical engineering.
 Exercise Does the gate voltage depend on the value of RD?
 17.2.1 Simple Biasing
 Now consider the topology shown in Fig. 17.14(a), where the gate is tied to VDD through
 a relatively large resistor, RG, so as to provide the gate bias voltage. With zero current
 flowing through RG (why?), the above circuit yields VGS = VDD, a relatively large and
 fixed value. Most amplifier designs, on the other hand, require flexibility in the choice of
 R
 I
 Y
 R
 X
 M 1
 D
 G D
 (a) (b)
 Vout
 VDD = 1.8 V
 R 1
 R 2
 V
 R
 DD
 M 1
 D
 Vout
 X
 = 1.8 V
 Figure 17.14 Use of (a) RG, or (b) resistor divider to bias the gate.
 17.2 Operating Point Analysis and Design 811
 VGS. This issue can readily be remedied as depicted in Fig. 17.14(b), where
 VGS = R2
 R1 + R2
 VDD. (17.10)
 Our objective is to analyze this circuit and determine its bias current and voltages.
 We begin by assuming M1 operates in the saturation region (and check this assumption
 at the end). We also neglect channel-length modulation in bias calculations. From the
 square-law characteristic,
 ID = 1
 2
 Î¼nCox
 W
 L (VGS âˆ’ VTH)
 2 (17.11)
 = 1
 2
 Î¼nCox
 W
 L
 _x0002_ R2
 R1 + R2
 VDD âˆ’ VTH_x0003_2
 . (17.12)
 Thus, proper choice of the resistor divider ratio and W/L can establish the required bias
 current.
 We must also compute the drain-source voltage and determine whether the device
 is indeed in saturation. Noting that RD carries a current equal to ID and hence sus_x0002_tains a voltage of RDID, we w</t>
  </si>
  <si>
    <t>b'(\x89\x0c3\xca\xfdL&gt;\x94\xab\xdd\xee\x19\xc8z\xff'</t>
  </si>
  <si>
    <t>28890c33cafd4c3e94abddee19c87aff</t>
  </si>
  <si>
    <t>a little bit
 more. Disturbed her temper truly! why, her temper is always disturbed, I
 think. And at Tholouse too I have heard my lady talking of you and
 Mons. Valancourt to Madame Merveille and Madame Vaison, often and
 often, in a very ill-natured way, as I thought, telling them what a deal of
 trouble she had to keep you in order, and what a fatigue and distress it
 was to her, and that she believed you would run away with Mons.
 Valancourt, if she was not to watch you closely; and that you connived at
 his coming about the house at night, andâ€”'
 'Good God!' exclaimed Emily, blushing deeply, 'it is surely impossible my
 aunt could thus have represented me!'
 'Indeed, ma'am, I say nothing more than the truth, and not all of that.
 But I thought, myself, she might have found something better to
 discourse about, than the faults of her own niece, even if you had been in
 fault, ma'amselle; but I did not believe a word of what she said. But my
 lady does not care what she says against any body, for that matter.'
 'However that may be, Annette,' interrupted Emily, recovering her
 composure, 'it does not become you to speak of the faults of my aunt to
 me. I know you have meant well, butâ€”say no more.â€”I have quite dined.'
 Annette blushed, looked down, and then began slowly to clear the table.
 'Is this, then, the reward of my ingenuousness?' said Emily, when she
 was alone; 'the treatment I am to receive from a relationâ€”an auntâ€”who
 ought to have been the guardian, not the slanderer of my reputation,â€”
 331
 who, as a woman, ought to have respected the delicacy of female honour,
 and, as a relation, should have protected mine! But, to utter falsehoods
 on so nice a subjectâ€”to repay the openness, and, I may say with honest
 pride, the propriety of my conduct, with slandersâ€”required a depravity
 of heart, such as I could scarcely have believed existed, such as I weep to
 find in a relation. O! what a contrast does her character present to that of
 my beloved father; while envy and low cunning form the chief traits of
 hers, his was distinguished by benevolence and philosophic wisdom! But
 now, let me only remember, if possible, that she is unfortunate.'
 Emily threw her veil over her, and went down to walk upon the ramparts,
 the only walk, indeed, which was open to her, though she often wished,
 that she might be permitted to ramble among the woods below, and still
 more, that she might sometimes explore the sublime scenes of the
 surrounding country. But, as Montoni would not suffer her to pass the
 gates of the castle, she tried to be contented with the romantic views she
 beheld from the walls. The peasants, who had been employed on the
 fortifications, had left their work, and the ramparts were silent and
 solitary. Their lonely appearance, together with the gloom of a lowering
 sky, assisted the musings of her mind, and threw over it a kind of
 melancholy tranquillity, such as she often loved to indulge. She turned to
 observe a fine effect of the sun, as his rays, suddenly streaming from
 behind a heavy cloud, lighted up the west towers of the castle, while the
 rest of the edifice was in deep shade, except, that, through a lofty gothic
 arch, adjoining the tower, which led to another terrace, the beams darted
 in full splendour, and shewed the three strangers she had observed in the
 morning. Perceiving them, she started, and a momentary fear came over
 her, as she looked up the long rampart, and saw no other persons. While
 she hesitated, they approached. The gate at the end of the terrace,
 whither they were advancing, she knew, was always locked, and she
 could not depart by the opposite extremity, without meeting them; but,
 before she passed them, she hastily drew a thin veil over her face, which
 did, indeed, but ill conceal her beauty. They looked earnestly at her, and
 spoke to each other in bad Italian, of which she caught</t>
  </si>
  <si>
    <t>b"#\x0f\xe8l\x96e\xba\xa7\xbc\xba\xa4\xff`\xed&lt;D\x97\xa3Z\x9b'#\x8a\xb6\xb2f1k\x93\x0b\x99@\x02A\x13\x8d\xf3\x8aO\xe2\xe2b\x0f,\x9c\xe2\x8f\x8a)\x8f{\xb7c\xdc\xed\xb4\xcf\x91\xdfMsx\x92 "</t>
  </si>
  <si>
    <t>230fe86c9665baa7bcbaa4ff60ed3c4497a35a9b27238ab6b266316b930b99400241138df38a4fe2e2620f2c9ce28f8a298f7bb763dcedb4cf91df4d73789220</t>
  </si>
  <si>
    <t>b'#\x0f\xe8l\x96e\xba\xa7\xbc\xba\xa4\xff`\xed&lt;D'</t>
  </si>
  <si>
    <t>nd the Western world needs
 nothing short of a cultural revolution to do it.
 Where to start? John Rawls will need to be displaced in philosophy departments.
 Malcolm Gladwell must be persuaded to change his theories. And pollsters have to
 be driven from politics. But the philosophy professors and the Gladwells of the world
 are set in their ways, to say nothing of our politicians. Itâ€™s extremely hard to make
 changes in those crowded fields, even with brains and good intentions.
 A startup is the largest endeavor over which you can have definite mastery. You
 can have agency not just over your own life, but over a small and important part of
 the world. It begins by rejecting the unjust tyranny of Chance. You are not a lottery
 ticket.
 M
 FOLLOW THE MONEY
 ONEY MAKES MONEY. â€œFor whoever has will be given more, and they will have
 an abundance. Whoever does not have, even what they have will be taken
 from themâ€ (Matthew 25:29). Albert Einstein made the same observation when he
 stated that compound interest was â€œthe eighth wonder of the world,â€ â€œthe greatest
 mathematical discovery of all time,â€ or even â€œthe most powerful force in the
 universe.â€ Whichever version you prefer, you canâ€™t miss his message: never
 underestimate exponential growth. Actually, thereâ€™s no evidence that Einstein ever
 said any of those thingsâ€”the quotations are all apocryphal. But this very
 misattribution reinforces the message: having invested the principal of a lifetimeâ€™s
 brilliance, Einstein continues to earn interest on it from beyond the grave by
 receiving credit for things he never said.
 Most sayings are forgotten. At the other extreme, a select few people like Einstein
 and Shakespeare are constantly quoted and ventriloquized. We shouldnâ€™t be
 surprised, since small minorities often achieve disproportionate results. In 1906,
 economist Vilfredo Pareto discovered what became the â€œPareto principle,â€ or the 80-
 20 rule, when he noticed that 20% of the people owned 80% of the land in Italyâ€”a
 phenomenon that he found just as natural as the fact that 20% of the peapods in his
 garden produced 80% of the peas. This extraordinarily stark pattern, in which a
 small few radically outstrip all rivals, surrounds us everywhere in the natural and
 social world. The most destructive earthquakes are many times more powerful than
 all smaller earthquakes combined. The biggest cities dwarf all mere towns put
 together. And monopoly businesses capture more value than millions of
 undifferentiated competitors. Whatever Einstein did or didnâ€™t say, the power lawâ€”
 so named because exponential</t>
  </si>
  <si>
    <t>b'Hvo\xef\xd5\x00\xbd|E\x8e\x0e\xd3Y\xc4|_\x9fy\x81\xbc\x84n\x1f\xe1\x82\x8fw,]\xab\xbc\x11t\xadD\xaa\xe6\xff\x95\x92\x87T9\xff|J\x17T\xf2Rh+\',\xb9\xa7\x17$yGoT\x0f\xc42\x81\x1anR\xa5\xa9\x88A\rl\xeaJ[\x10\x9f\x8c\xe1\x92\x00\xe2\x7f\x02\xbe\xcf\x9b\xe3Fq\x95\r\x88\xa4CI\xc1\xa0\x81\x0b\x7f\xf7\xe5\xa2\'/7Gq\xc0h,\\\xde\x0b\xb4\x1f\xa1\xd3c\x97\x82\xbb\x18Md\xef\x0c{\xce\xcf\x1f\'\x9bto\x98\x80@&gt;D\xb2\x9d\x90C\xf0L\x1b&amp;\x8a\xd7\xa8iV"\xd5\xa8w\xc6\xc5A~.\xc3\x98\xa1"2\x91\xa7\x1eq8\xbeU\xb4&gt;\xc09\xe3\xe2\xbd\xf0\xc8\xfe~\xaa\xe4\xa6\xcaD_\xa1\\\x8b\x9e/\x13Vd\xeeE+\x10\xbe\x1c$0(\x14\xa5Wn\xa3; \x85U\xddf\x9eB\x9e\xab\xa8\xf4\xdc{\x8f\xc3\x81\x8f)\x8c\x96Q\x96\x1e\xe9\x1fv\xc4\xcd\x18JxB\x89\x89\x10@\xfeCaOG\xa3\x0c\xf8h\xa8\xbc\x7f\x07m\xf3;\xa6\x92\xa5\x10\xa3\xd2K\x0bo|\xdfw&gt;\t}z\xff\x81=\x80\xb1\xd7F\xb3hh_\x9d\x95\r\xb4\x8c{1\xc6\xa2\x10\xdd8\xb7\xb7j\xe1\xf3\xe6\xcb{\xa6\xd8\xc1?1Ut\x83`\x86?\x84\x88\xeb\xc1zF\xb8\xa3\x9f\x95F.6j\xa9\xbc\xf6\xdf \xe3$Y\xda\xee\x95\x18{\xdd@YQ\x0c\xd6s`7\xdb\x9c\x04r\xf5\xc2\xefu0\x0e\xe5\xb9\xa7T\xe02\x1b\x97Z\xa8T\xa0a\x82\x95\xad\xfcx\x15Q\xdc!\x9eaB\xb3\xa0\x0f\x0e\xa0Y\x1a\r?v\x17\x1d\xact!\x03\xa7\xa9\xf3\xaa\xf7&gt;\n\xe2\x89\xbf\x06\xd6\x99{%\xe2\xde\xa4QM\x07\xb4c\xb95\xe3\x85K,&lt;j\xa2\x02\x04$\xf5\x92\xcby=N\xb0{8\x07Fq\xf4\x8a&lt;\x8f\x0b\x17\x14\r\xaa\xe0\xe6\xab\xba5\xbb\xd1DV\xa3\x81\xfcpU\xb2\xf1X\x9d\xe8\xb8\x99+J,A&gt;_\x8d\x96\xf8\xa83B\x89\xc3\x8c\xe5\xb8\xaf\x87"\x05\xac?p\xf1\xcd0\xa6lv\xe1\x85\x8b\xeb\xec\xf6\xc5\x83\x18\x84\xb0\x88\'c6\xa1\xcf\xca\x03\xbd\xfb!\x89\xef\x91w\xa6\x0c\x82\xb1\x93{\xe7\xddK\xa3\xd3a\xf85\x11\x8b[1a\xa6\x85\xed\xff\x8d\xe2\xf7\x19\x16\xeb\x9a\xe5\xa72\xe5\xc5@Jh\x8eTK\xbd=X7\x15L\x96\xdd\xff\xa6\t\xe5\x88~\x86\x0cT\xd2\xa2\x95gRU\xe9\xe3\xe2\x1c\xa3\xbc\x16P\xd2\x0c\x04M\xc8\x17j\xe9\t\xfeth\x0e\xf3\xf84\x0bL\x80\xb0\x01\xff\xe7\xfd\xe9\xe1\xa8z\xa8\xf1W\xf4\xfb_\xa6\xf7*\xe9\x96\x1c\x14\x168\xf0\xcd\xe53\xf8\xcbjB\x04\x81\xd2@\x8dE\xdd\x9c\x8d\x1d\xe8/\xfa\xb4\xc1\xe5\xb1\xa2:o\xc8\xa2w\xd8\xf20\xce\xe1\x89R\xc8\x87\r\xd5\xf4\xc5 \xf9\xcd}Y\xd6m\xa0f\xfd\xbfEH\xae\xbbg\x98b\x8f\xd0\xe0\xd6M\x9cs\xfb\xba\x93\xb8\xea\xd6\x19\x01\xe0\x7f\x00\xe5\x8fR\x10\'L\xf1C\x12~\x9e\x9e\xbdR\\\xbfm\xb6.\x1d\x81/E\xdb\x1e\'t\xac{\xd0|F\xffk\xbd\x19\xe2\x1b\xd0!8\xf5\x94M\x94r\xf8\xb7\xa9&amp;\xc3Nn\xed|\xd4\xebxzo\xcf\xd4\xe2\x07\x14m\xd7\xa9\xdep\x0f;\xe9\x12\xaf\x10{\xea-Y\x82~FY\xd7\x07\x97[\x1d\xd4e\'\xc8SnMz\xa4i\xf8\x17\xdb\x18\xbb\xb8\xc4\xbe|\xa0\xcd\x19\xb7L]_\x06&lt;\xab\'\xa0\xaa\x17 \xcd\x98\xae\n\xfb\xf3\x8cM\xc0\xb2\x7f&amp;"p\x12\x9a\x1eY\na\xab\xa7\xc9\x0e\xf2\xfdU\xd1\xd5\x1d\x0f\xe9S X\x1d\x87\xc6\xeeF\xbcy\xd2$\x93\xa5\xee!\xfa\xe9\xcfb\xack\xa2\x18]\xda\xeb\xc0\xe5\xaa\x03\xf3O\x12\x11\xc4%\x82\x8a\x8f*\xf4\x12\xaf\x98\x97=\xcf\xcbm#\xbbl*\x16o\x89\x8f\x87\xc7+A\xfa9\x86\xee\xf9\\\x97\xc8\xe4\xa3vp\xca\x9c\xa3&gt;.\x14\xb4g\xeaO\xee$\x11l\x1e\xb0\xa3~\xbd\x9c\xca\xcd@\x08N\xb9ox}\xe1O\x9d\x7f\xa9\x1f|\xda\x1d\rpy\xb5F\xb6\xc6z\xaf\xcd\xc0\xf9C\xd7\x86\x08\xdd;O\x11\xbf\xfa\x7f\xe8\x1e\x8c\x08+h\x00\x97X\x9b\xd8\xc5\xb0\xaf\x1b\xda\x90t\xa8\x81\'P\x80\x82L\xdd\x023\x91\x14\x87\xd8K\x9b\x02d\xb8\xa5\xb1\xec\xb2&gt;L\xe4J\xa2\xe9\x0f3\xdc\xdd\xf0g\xc4\x10\xbe\x15\x82J.\'\x1d\xbc\x000\x0f{\x98\xaa\x85\x81\x17\x1d\xe8\xc8\xaf\x8b\xf1\xaaL\x85\xf7\x15)\xc7\x97\x0b[Ml\xe4\x01\xeb\xee\x1ci78\xd1\x01\xd1\xad3c\xc2\xf9/\xdfOi^\n\x02\xf4\xa0H\x02\xf4)"(\xc0\xa2v\x1c\x880\xe2\xa3.\xa10\xf0\xf4\xd4C\xb1\x82v-y^\xaf1\x12\nwm\xa7\xe1\x1e\x9e0k\x05\xd8\xc6\xa1\xaa\xf0\x94\xeb\xbb\xfc\xcb\xb1\xf8\xf1\x87L\xc2N1[c\x9e\xee\x02\x0bE@\xedt\xda\xa0\xd6\xb6\xa9\xca\x1f\xea\xc7"\x11\x15\x05\x0c:}\xf6\x19\xd8\x083\x96\x94\x1e\xd6\xb5\xc8\x13\x0e"\xac\xdd\xb3_\x86.wp\xe2\x9d\xfe]\x11a\xae9\xce\x9a\x1b\xad\xc4\x1c*\xf8\x9c&gt;C.1\x94~\'g\x8as\xbe`\x9c\xc1\x8d\x1c\x1c\x04\x7fZ&amp;\x7f}\x93\xaf\xc6\xa2\x98\x1f\xb2C\x8c\x83\tUFK\xd2\x1a\xb0\xd2\x85\xa8^\x08\xd2\xa3\xe7\xfeT\x02\x94\xb2\x99\x87\xef\xd0\x01$\xbf\xbd\xf1\xb2\x16\xf7\x05&amp;\xde\xecX2"\x14g\xf2\r\xa7\xbfk\xef\x80T\x123\xc8\x12\x91\xa2\xeeQ\xdav_\x90bp=\xff\\\xcf&gt;P\xca\x06\x9f\x15\xd9c\xf1c\x19\xff\xe9\x9c\x83\x14*AZ\xf1NCC|C\xf9\x1d\x0f3\t\x0b\xce\xd7`\xbd\x8a\x0br\xedn\xeb\xab\xd6\xe9m\xd0\x05\xf1\xb3\xba\xfc\xd6\r\xe1\xd3EP5\xac\x107C\x98@V\x95d\xad+\xc8\xc9s\xbf\xe4\x0c\x05\\1\xf0\x17\xdc\xce\xf7\x1b\xfc\xfbB\x93;\xc4}(\xf2\r\x08p\x98#\x89{V\xa1\xc3\x0cS\xd4E\x98c%\x83\xc9\x81\xa0\xcc\x17\xf4\xe3\x1e\xdb&lt;b\xa7\xd7N\\i\xe2d\xb8&amp;\x16\xdbo1\x10\x1dQ2\x91LI\xa3\xe3NR*\xef\x86\xe5\x04\xc4$\xf4\xa0\x0eAm\xc26\xd4\x9dK\xea\xabC C\xb7Y\xe9\x15&gt;K\xf5;\x07\x19p\xaed\xb4\xec\xa5\xfd\x8c\xcf\xa7y+\xffR\x8b\n\x8c\xf2\xcf\x13&gt;#\xf6\xe8\xda\xe4\xa3\xc1\x08\xa6\xf80\x01|\xcc\x15j\x10,\xa3\xd4\x11\xcfd\x04;U\x87\xb3E\x1aUm\xc2\xc4\xe4\x84\xb1\xb5\x0c\xb4\x8e\x90.\x88[kY \xd5i\x12\xaa\xae\xe4\xe3\xb0\xb9?\'DSz\xe2\x15%w\xab6\xa3Rf]\xd3\xd8?\xb5DDi\xce^\xb2v\xa3\xe5?F\xbdiN\xeb\xa8\xd8$O\xc3\x96\xaa8\x12l\x83\xbfw\x93R\xcb\x04a\xfah.\x16\xe9\xf3\xa9\x8e\xc8F\xe2\xee&gt;#\x91X?\xa8\x99\xd0d3}\x92\xf07\xaa\xd2f\xc8\xaf\xad\r\xf6X\x94\x0eE\x011K\xc2\xe3\xbb9\rA\xbd\x08\x1f@f[\xd3f\xddq\x88\x18\xc3\x9c\x16Qx$\x13\x0b\xd3%\x1d\xdb?\xe8\xf0\x07\xb9\xc1b|\x0c\\\x82\xe4ga\xbfo|\xf2=9\xa0m\xd4\xfb\xd9\'P)X5\xf9\x1e\x02\'Q\xfa7v\xe9C\x9cw\xda\xc8f\xe8\xb8o\xde\xc0Hyi\xe9\xf7\xcd\xf7#\xc3\xe5\xec\x8c%b\xf6\xa9\xf9\x95\x9fO5\xe7/\xde\xe4\xd0\xe0\xa9\xa6\xde!\x07*"&amp;\xf8\xe4\xf4{\xb4\x15R\xb5o\x0f\r\x14\x1b\x9d\x82\xe3\xb52\x9c\xc1+y\xe7K\x12\xa6l$l\x08go2\xcc\xd2\xe7\xa1\xa9\x84\x8c\xf3\xa9\xf5\xc04i\xa7c\xbe2\x02\xeb\x92T\x0fF\x1bV\xe4y5\x17\xe2i\xd0\xe8O:+\xe9\xecj\xd1}\xd4\xe3\x12\xfc&amp;=F\x1d\x1c\x96x\xf2E&amp;\x90\xe7\x19;\xa1oGX\x17u\r\x9d\x03xS\x86\xa1M\xf8fnNX4\xee\xfc\x8am\xed\xceX\x96n\xb3\xe5v\x9eun\x1f\x0b\x01I\xd8\xdf\xb5\xe3t$\x91ua\xfb\x12\xd3!\xc1\x05\xb25!7\xc2\xa7\xb0\x1b\x1c\xc6 \xc3\xd7\t\xd5\xb5$\x8a\xc1\xba\x83\x13\xe9it?m\xaf\x9c3\xa1\x9f\x1c\x1f\xc7\x83\xf1\x01\x98\x89\xb9\x1f!\xeb\x1a\x0c\xb1\xd5cDj\xe7\x05}\xb9\x01\x9d\x02\xc5&gt;\xcb0\x97\xa4\x10 \xa9d\x15k\xc1}E\xbd\x01_\xf0a\n\xac\xa2\xa6\xc4\xab\xc8\x98G\x9b\xdd\x0b\xc0v?`\xe9\xf7.\xd8\xfd78\xfco$\x8d\xda\xe3\x1f\xcfB\xc9ZD6)\xe0\x94?\xa1ot\xc3\xb1_&lt;XHg\xa5\x98.\xd6r\xad_\x937j\x82s\xdc\xc1x\x0f\xc0\xb3M\xdc\x99\xa0\x05\xe4\xdcT\x14\xd2S\x1a\x08\xd9{\x84\x1c\xf6\xc7\xccf\xb2\x80\x1e=\xa2\xbd\x00R\x15u\xef\xf97_\xb08\xa3\xa8\x90n\x9fA_r\x96\xe5M\xb4\xa0\xdf \xf5\xbb\xd8\x80\xdfk\x80\xf0*x\x13\xdf\xb0\xde\x8f\xac\xfff~^\x9e2Ye\xa4\xa9k\x01\xec\xb9\xcc\xff\x0b\xe3\xb7.\xda\xb5\xb2X\xe8\xb3\xf7X9\xfc\xc2\x11\x02_:\xe7\xa25\x93S\xa7\x00\xab\x86\x1a\x91\x8c\x147\x8c\xacS^\xaa\x0ck\xff\x02o,\x1a3Q\xd7\x1c\x17\xdd\x1f\xe5PA\xc8\xaf\x87t\xea_\xcd\\yL\x7f\xa9@\x01\xcf\x89\xcaM.\x8e9\xc7\x99\xd5 OS\xc1\xdb\x96\xd8\xebv=W\xa3\xb9X*c\xa0c\n3\xddo\x15\xeb\xaa\xb4\x12\xca\xd7\x0c\xd8\x83e\xe6\xe2\xc4\xe9\xca\xa8\x95\x0b"~\xb6\xeb;\xa25\x9e}V\xe4\x93^rlx\xba\xfd&lt;\xb4@\x19]\xe2S\xe1\xd95\xb6P\xe6\xd3\xabk\xefw\xd3d\xadI\t\xe0xB&gt;@&gt;r\xb4\x07\x00\xd0\xe6\x928\x13\x95\xdb\xe6g\xe7qh-\'\x8c\xc6F\xbat\x85\x05\x1b\xbb\x1d\xd1qDy\x1b\xc4\xd8\xa8\xb7+)1\'\x05\x07*\xa6\x17M\xe4\xc10\xa9\xe8\xd5\xc5\xa0\xae\x9b\x1c\x16\xa47\x86\x1euc\x18v\x97\x99\xc7\x84(\xa7R\xa7\x08fl\'\xe0\xb6\x83\xa4u\xf2`\xf3\xd0\x92g\xb9\xc2en\xd2\x92\xaa\x81\x02,\xb4?\xe8\xc1\xc9\xae)\xe7\x13yP\xed\x81\x19g\xb7\x8c\xdfm\x08\xf9\xd4\x8a}\xa4\xd6\xbbUb\xc2R\x08\x98\x1fTG\xd5\x9c\xf49\x13\x134j\x88\x8d\x82,\xb9gE(\xc8gpi\xaf\xb2\xbb6}C\xe6\xb75\x81\x80A\xc9b\xf4\xcd\xb7\x84\xcf\xe9\xf23\xe3w-x\xa4&lt;E?I\xd0\xc98e+]\xf8\x84R6Io\xfd&lt;,\x03V\x92Q\xaa\xd6m%_Qc#\xad+R\xae\xde\xfd\x87\xc0\x86\x1f\x14\xb6\xd6\x00L\xd1\xb5%'</t>
  </si>
  <si>
    <t>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</t>
  </si>
  <si>
    <t>b'Hvo\xef\xd5\x00\xbd|E\x8e\x0e\xd3Y\xc4|_'</t>
  </si>
  <si>
    <t>37 CE:
If Venus should be discovered located at the setting of the natal star, and Mars likewise
should be found in a feminine sign, and the Sun and Moon too should be possessing
feminine signs, that natal star points out a cinaedus-man to you. (Firmicus Maternus
Mathesis 6.31.4, trans. Masterson 2001: 65, with disc.)
Constans, emperor, Milan, December 4, 342 CE:
When a man marries as a woman who would offer herself to men, what should he want
when sex has lost its place? When the crime is the one which it does no good to know:
when Venus is changed to another form: when love is sought, but is not seen; we order
the laws to rise up and the statutes be armed with the avenging sword, so that (these)
infames may be laid low with exquisite punishments, those who are or will be defendants.
(CJ 9.7.6, trans. Masterson 2001: 48â€“9, with disc. through 52)
The translation of the first sentence is much vexed; see Masterson 2001: 47â€“8, with
bibliography; Boswell 1980: 123. â€˜â€˜Exquisite punishmentsâ€™â€™ means death by torture;
this law marks a watershed in the legal treatment of cinaedi.
434 CE: Ausonius, rhetorician and courtier, Bordeaux, 380s CE:
To a certain man who was making his groin smooth: [ . . . But why depilate your
buttocks?] Unless because the desire to be penetrated (patientia) craves the two-man
disease, and youâ€™re a man in front but a woman in the rear. (Aus. Ep. 93.3, 5â€“6)
See also Epigrams 92 and 94, both addressed to men identified as semivir who have
married adulterous wives; both</t>
  </si>
  <si>
    <t>b'\xaa\x04\xeaif\x1b\xac\xa2\xf1\xab\x1f\xf8h\x1a\x82W\xe1E\xe4c\x92J\xcc\x06y\xb7\xa4\xc5\xf4K\xb8U)\xff\xfa~\xca\x0e\xd3\x83/\x95\x8c\xc2\xab\xe3L\xe9\x1d\xb2f\xb0|Uf\x0cJ\x1fx\x80Xb\x95\x94\xd0\x85fW\xa3@\xaalD\x9a\xe7\x18.\x9a\xae4D[Q\xe1\x9a\xd7 \xa0p\x0fBX\xdc\xf2\xa1M\x97\x14\xd6\x97W?\x1e\xd0E\x00\xc1E;\xc8\xe4\xda\x03\xdc\xa4\x19\x994Re\xbdI\x14\x89\xcb\xd7\xef"\x1d"\xf1\x19f"\xd5\x93\xd4\x96\xc8\xc9\x0bG\xc1\xb2JA\xebe\x85\t\x88D-\xd2\x12\x10":\xf3\x8b;?\xc2\x8c\x17\xe6P\xb4a{j2\x92]\xf4\x00\xdeF\x06\xecklnTg\xd4!Ik\xc3\xf7\xaa\xb2\x12\xeb]\xa0\xbbne\xfa\xef!T\x9c\xa4\x8e\x02\xc0\xfc)8\xbd\xfe)3\xe9\xa1b*\xeeo\xa2\xd9jTY\x1e\x7f\xdf\x17F\xf2n\xd2\xf8\x93I\xddYH\xdd\x06\xb5\xffE\xd3\xd9YH\xf4\x01FN\xc0~\\\x01&amp;^\xa9*\xfe6\xe2\xdd\xaa\xb8\x19E\xa8\x8f\t\t\xc8\xb5\xed\xefH\xfeM7p\xa3\xae\xcf+\xe5\x11\x05\x8cA\xcag\xb3\xfbz\xa4\xc82G\xe1\xf9\x0c\xb5c\x18\x12\xe5X\xc7\x89DdG\xe5g\xd2\xb5\xb0D\xee\xcb\' Abn;\xb2\xd4 IPd\x9a\xfc.\xcf\xaf\xfb\x99\x03\xea\x13\xde\x9e\x08\x98\xe9Q;\x99m\xd7\xa3"B\xe08\x8a\xeb\xb2@\x87\xf9\xdfXk\'\xf3u\xab\xb3D6\xd0/\xa5\xb6\xb3\xff\xbaX\xe3\xbb\xc6\xbf6\x1enV+\x06\xcfC1\x08\xb2\xb9]&amp;P\xf1\x1aGH\x8cc%\xce\x16\xbdg\xb0\n?\x88\xc0\xe4\xd9piX\xca\xc6\xb5\xbb\x04P-7dK\xb1\x15%\x89\xb98.\xf7\xca\x99\xc8\x8d)\x07\xe3\x17\x88x\x89\x00\xe6\x81\xa4}\x1c\x0bz\xe6\xe8n\xf9\n\xa3\x8f3iS\xad\x8a\x8ay\xf4\x0e\xa3w\xcc\xb3\xcf/\xad\x9a\xd2=\xf5\xd9\xefs\xa7y\x93a5\xb9\x8c\x94\xe5\xb2\xfa\xbc\xb7\xabT\xa8\xc8\x01\xa1\x8frK\xc1\x7f]9\xff\x99\x8a!\xc09\xab\xc3\xe0\xe6X\x17Y\xb7\x15s\x17;\x00\xfa\x89n\xf0R\xa4\x0b\xbai|A;&gt;j\xa3\x1fm\x94X]\xe5\x83\r\xdf*S\xcf\xcc\x9c-\xc7\xd3\x97Pw!\x19\xa8EG\x9cZz\n+\x19\x9b\xe8\x84\x03\x85\t*\x10L\xa5\x84\xd8q#A\xe9(\xf1\xf8-Q"\x96\xdd\xb2\xc7\xaaW{\x1c\xddJ\xfc\x98\xf3\x87s\xe8\xc6h&lt;?\xc9\x9d\xc7%\x97\xce\xfe+\xba\xaa\x1e&lt;y8\xdek\xcbC\xdak\xb1\x1c\x99\\\x97?7\xe3\x82le\x14\xdaq\x1fn\xb28\x87Od\xac\xf5r\xedQ\xf5|/w\xa1\x9f\xf9S\x1a\xd9\x9dW.\x93\xad\xa6x\x19\xa8C#\x9f\xbb"*\xa1\xd5\xa8\x9f\x00+\xa2X\xdd\xf1\xcdH\xe0\x8e\x08\x12\x9fr\xc0\x8b\'\x87\xe2\x81\xcaf\xed\xd70\x08\x94\xf3\xed5\xf9&gt;g\x1a\xa1F\xad\xd7R\xcd\xf5\x16\xc1\xfcr\xbb\x04\x1f\x93\x07go(\xcb\xf1^\xfa~%\xf5\x14\xf0\xa4\x07L\x9eR\x8c\xab\x8b\xbc\xc2(sPx\xa7\xe2\x1b-\x86\xfb\x02\xaaz\x14\xe0\x8c\x89X\x9c!&gt;\xd7\xeci\x7f\x9da+\x80\xdc\xc7B\xd8\xad\x7fa\xf3"\x0ez#\r`\xc4\xa6\x90%S\x05\x8d*\x8a\x11v\xe1BF\x05\x82;\x07^+\xc6W\xec2\xf7T\x91\xa0\x90\nx\x14\xcdSM=\xa4F\xdb3\x17]8\x1a3\xfez\xd9\xfe\xc6\xfe\x94\x9d\x7f\xc8r\xa0T\xfbD\xc2\xcfo6\xaf\xa1\xad\xfe\xfad.6\x95\xc2\xaaO\xea\x148\xc3\xb0k\x91yPQB\xbe?\xb4\r\xe3\x16\xc4\xdf\xea)\x8e#\xc6O\xcb~,*\xaa,EP\xd5\xd0UN\xb7\xddp\xad{ity\x18\xc2\x04\x823&lt;\xc0A\x13\x0c)k-{~\xe8\xb6\x0c\x1b4\xfc\xcf\x7f{\xe5\'\x82M\x1b-\xf6\x1bkO\x1c\xc2\xcc0\xda\xf8\x8d\x14G\x85\x9f\xac\xd7\r%\x11\xe2wsE\xae\x11\x7f\xca,\xb6\xcc\xc0\xb8\x08\xfb\x16\t\x9d\xac\x8eJ\xd2\x98n\xbb_\xb2.78\x97\x00\xf2\x0e_\x18\xeb\x0f\x97E\xfe\xc9oR\xb9b\x17\x90\x9c\xb3\n\x18\xbb\xeb\xef\x8b$\xb2\xb3t\x1e\xfbps%V,`A\x10\xc9\xa0\xb6\xd2\x88H,\x08\x94V\xcc\xd1]:%\xf7\xc1\xdb\xf7~\xcaB\xfa\x1b\xe9\xdebH*\x0e\x0c\xa3\xf2\x1fN\xdc\x8b\x81\r\xb3\xa9\xa5W\xc0Td\x1c\xe6+\xb5\xa2\xc0j\tt\xc2\xcaa\xf4\xd3+P\x96g\x91\xffh\xb9/\xf1\xe3Q|F\xaf|Z1.@=x\xc2\xcfY_\xd7\xa8\xe8\xd3\x96\x92\x96\x01SI\xe3n.\xc9MT%@\xca\xd3:\x9e\xc2O\x80*\xaf\x9b\xfd\xc0\xda\xe3\x8c\xddS\x84_\xb7\x8cu\xac\xa7&gt;\x0c;,P{:\xc6\xb3P\xd8\xf7\xaf\xa8\xee\xe5J\r\xa0*\x976\x84\xc4\xc8\x80\x82q*\x7f\xf1\xed!\xed$\x06\xe9\x8c\n\x91\x18\x08 wSgp\x94\xf1\xbf\xd4x\xaa\x97(\xe2\xe6\xdf\x16b\xff\xec\xe9\x95q^\xf9\xd9i\xe9\xa3\xa8\xce\x9e\xc9lNQ\x0f\xcb\\\xeb\xbc\xef\xdf\xab\x1b9\xe7}&amp;\xd0\xb1\xe9\xc2f8\xca\xf0\t\xe4\xc2\x0c/hI~\xd5\xeb\x15\xbdD\xc3\x1e\x8ca&lt;\xb1\xec\xe5\x1a4\xd7\xa9\x1a\xed\xe8e\xfa|2|\xb3{x\xa4\xd4\xc3\xc1\x1b\t\xcc4\xc4\xa3\xd7|\x9b\x01\xdf\xff\xb4y\xaa\xef\xf3\x84w\xd5\x8e\x01\xd5\n\x0eE&lt;\xf8\xf3u\xacmR\xe2\xfdTc\xa1\xc0]]\xad&lt;\xfc\xa9\x17\xc1\x1f\xabN\xce\xe0D\x8c.\xbaH\x01\xd2\x16\xe7a\x0e\xf5\x80\xd4\xfa\x8d\x9b\x00\xc6\xd8W*\xaf+PkA4\xce\x85(\x1b\x86\xf2\xff3\xf1\x88&lt;\x82NO\x8e\xe6\xd5\xb1\xa3\x99\xa1\xfd\xcc\x16\xc43\x0eQ\xdf\x0fs\xca\xa0\xb4\xd7\x1a\xfb\xf4q\x95-z\x94\\=\x87~\x99\xc3C\xec\x81\xa2p\xbb\xbb\xd6\x18\\\xdb\x82E\x87\x91\x898&amp;\xe6\x00eF\xea\xf4[\x03\x98b."\xb6\x10\xbe\x06M\x01\xbe\xcak\xc9\xe6I]\xd25\x06\x8f"\xc6\xb8\xfc^-\x8c\xe8P\xdf\rU[\xf1K\xba\xd0y\xe91\xb0\x9e+\xca\x7f\x935\xd2\xb9\xbe\xf1\x06\xd0\xfc\xaa\x0c\x1e\xbf;|\xedB\n\x1bc\x8d\xc1\xa2\xee\xed\x8dd!\xcc=\x11\x7f\xde\xa0'</t>
  </si>
  <si>
    <t>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</t>
  </si>
  <si>
    <t>b'\xaa\x04\xeaif\x1b\xac\xa2\xf1\xab\x1f\xf8h\x1a\x82W'</t>
  </si>
  <si>
    <t>the
 CMOS counterpart, shown in Fig. 10.53. Specifically,
 in response to a small, differential input, ID1 rises to
 ISS/2 + _x0002_I and ID2 falls to ISS/2 âˆ’ _x0002_I. The change in
 ID2 tends to raise Vout. Also, the change in ID1 and ID3 is
 copied into ID4, increasing |ID4| and raising Vout. (In this
 circuit, too, the current mirror transistors are identical.)
 M 1
 I SS
 DD
 M 2
 V
 M 3 M 4
 Vout
 + Î”V
 â€“ Î”V
 RL
 Figure 10.53 MOS differential pair with active load.
 10.6.2 Quantitative Analysis
 The existence of the signal paths in the differential to single-ended converter circuit sug_x0002_gests that the voltage gain of the circuit must be greater than that of a differential topology
 in which only one output node is sensed with respect to ground [e.g., Fig. 10.47(b)]. To
 confirm this conjecture, we wish to determine the small-signal single-ended output, vout,
 divided by the small-signal differential input, vin1 âˆ’ vin2. We deal with a CMOS implemen_x0002_tation here (Fig. 10.54) to demonstrate that both CMOS and bipolar versions are treated
 identically.
 10.6 Differential Pair with Active Load 483
 M 1
 I SS
 DD
 M 2
 V
 M 3 M 4
 Vout
 Vin1 Vin2
 P
 A
 Figure 10.54 MOS pair for small-signal analysis.
 The circuit of Fig. 10.54 presents a quandary. While the transistors themselves are
 symmetric and the input signals are small and differential, the circuit is asymmetric. With
 the diode-connected device, M3, creating a low impedance at node A, we expect a relatively
 small voltage swingâ€”on the order of the input swingâ€”at this node. On the other hand,
 transistors M2 and M4 provide a high impedance and hence a large voltage swing at the
 output node. (After all, the circuit serves as an amplifier.) The asymmetry resulting from
 the very different voltage swings at the drains of M1 and M2 disallows grounding node P
 for small-signal analysis. We present two approaches to solving this circuit.
 Approach I Without a half circuit available, the analysis can be performed through the
 use of a complete small-signal model of the amplifier. Referring to the equivalent circuit
 shown in Fig. 10.55, where the dashed boxes indicate each transistor, we perform the
 analysis in two steps. In the first step, we note that iX and iY must add up to zero at node P
 and hence iX = âˆ’iY . Also, vA = âˆ’iX(gâˆ’1
 mP||rOP) and
 âˆ’iY = vout
 rOP
 + gmPvA (10.192)
 = vout
 rOP
 âˆ’ gmPiX
 _x0004_ 1
 gmP
 _x0005_
 _x0005_
 _x0005_
 _x0005_
 _x0005_
 _x0005_
 _x0005_
 _x0005_
 rOP_x0006_
 (10.193)
 = iX. (10.194)
 Thus,
 iX = vout
 rOP _x0007_
 1 + gmP _x0004_ 1
 gmP
 _x0005_
 _x0005_
 _x0005_
 _x0005_
 _x0005_
 _x0005_
 _x0005_
 _x0005_
 rOP_x0006__x0008_. (10.195)
 v v g 1 1 g v2 v 2
 P
 v in1 v in2
 r
 mN
 OP g v mP A
 mN
 v out
 X i Y
 r ON r ON
 r g
 1 v OP A mP
 A
 M 1 M 2
 M 3 M 4
 i
 Figure 10.55 Small-signal equivalent circuit of differential pair with active load.
 484 Chapter 10 Differential Amplifiers
 In the second step, we write a KVL around the loop consisting of all four transistors. The
 current through rON of M1 is equal to iX âˆ’ gmNv1 and that through rON of M2 equal to
 iY âˆ’ gmNv2. It follows that
 âˆ’vA + (iX âˆ’ gmNv1)rON âˆ’ (iY âˆ’ gmNv2)rON + vout = 0. (10.196)
 Since v1 âˆ’ v2 = vin1 âˆ’ vin2 and iX = âˆ’iY ,
 âˆ’vA + 2iXrON âˆ’ gmNrON(vin1 âˆ’ vin2) + vout = 0. (10.197)
 Substituting for vA and iX from above, we have
 vout
 rOP _x0007_
 1 + gmP _x0004_ 1
 gmP
 _x0005_
 _x0005_
 _x0005_
 _x0005_
 _x0005_
 _x0005_
 _x0005_
 _x0005_
 rOP_x0006__x0008_ _x0004_ 1
 gmP
 _x0005_
 _x0005_
 _x0005_
 _x0005_
 _x0005_
 _x0005_
 _x0005_
 _x0005_
 rOP_x0006_
 +2rON
 vout
 rOP _x0007_
 1 + gmP _x0004_ 1
 gmP
 _x0005_
 _x0005_
 _x0005_
 _x0005_
 _x0005_
 _x0005_
 _x0005_
 _x0005_
 rOP_x0006__x0008_
 + vout = gmNrON(vin1 âˆ’ vin2). (10.198)
 Solving for vout yields
 vout
 vin1 âˆ’ vin2
 = gmNrON
 rOP _x0007_
 1 + gmP _x0004_ 1
 gmP
 _x0005_
 _x0005_
 _x0005_
 _x0005_
 _x0005_
 _x0005_
 _x0005_
 _x0005_
 rOP_x0006__x0008_
 2rON + 2rOP
 . (10.199)
 This is the exact expression for the gain. If gmPrOP _x0005_ 1, then
 vout
 vin1 âˆ’ vin2
 = gmN(rON||rOP). (10.200)
 The gain is indepedent of gmP and equal to that of the fully-differential circuit. In other
 words, the use of the active load has restored the gain.
 Approach IIâˆ— In this approach, we deco</t>
  </si>
  <si>
    <t>b'\x1fQs\xa9n:\x02%I\xcbkL\x0c\xf1\xfc\xf8'</t>
  </si>
  <si>
    <t>1f5173a96e3a022549cb6b4c0cf1fcf8</t>
  </si>
  <si>
    <t>ed at the moment and the
 place themselves; but it was certain that the abduction must be
 made that night, and not when, at break of day, the victim was
 led to her funeral pyre. Then no human intervention could save
 her.
 As soon as night fell, about six oâ€™clock, they decided to make a
 reconnaissance around the pagoda. The cries of the fakirs were
 just ceasing; the Indians were in the act of plunging themselves
 into the drunkenness caused by liquid
 opium mingled with hemp, and it might be possible to slip
 between them to the temple itself.
 The Parsee, leading the others, noiselessly crept through the
 wood, and in ten minutes they found themselves on the banks
 of a small stream, whence, by the light of the rosin torches, they
 perceived a pyre of wood, on the top of which lay the
 embalmed body of the rajah, which was to be burned with his
 wife. The pagoda, whose minarets loomed above the trees in
 the deepening dusk, stood a hundred steps away.
 â€œCome!â€ whispered the guide.
 96
 He slipped more cautiously than ever through the brush,
 followed by his companions; the silence around was only broken
 by the low murmuring of the wind among the branches.
 Soon the Parsee stopped on the borders of the glade, which
 was lit up by the torches. The ground was covered by groups of
 the Indians, motionless in their drunken sleep; it seemed a
 battlefield strewn with the d</t>
  </si>
  <si>
    <t>b'"gRQ\xe4;\x8d\xf6\xcev&amp;U\xbc^\xd6\x89sd\x93\xea\x869\xddql\xd2\x8bh\xf13\x80\x10'</t>
  </si>
  <si>
    <t>22675251e43b8df6ce762655bc5ed689736493ea8639dd716cd28b68f1338010</t>
  </si>
  <si>
    <t>b'"gRQ\xe4;\x8d\xf6\xcev&amp;U\xbc^\xd6\x89'</t>
  </si>
  <si>
    <t>ll three seated round the table, a bottle of Spanish wine 
 and some raisins before them, and the doctor smoking away, with his 
 w</t>
  </si>
  <si>
    <t>b"\x164%d\x17u\xd4\x89'\xb9\x8e)\x1ad\xcb9\x0e]&lt;\xfa\xd8l2\xa6\x11\xd9\xad\xa7;\x86\xbe1\xb3DLF-\x8e\xed\xe4Y\xa0v[\x8f\xc4\x8b\x04/\xbb\xe7\x84\xd7\x08T\xd3Wt\xff\x99\xda\xaf\xe5X\x1a'`_\xa53\xf7\xb5Y\x1e\xf4\x95\x82\xdfO}K\xcf;\xd8\xd1\xc1\xca\xefM\x88\xeb\xc9S\xec\xc1\xa6v\xd1\xc4\x83\x0f\xf7\xd1\xd2w\xf3\x04\x06\x91\x07\xdf\xbb\x99\xce^\x1c\x14\x03x\xb5HT\xc0\xb7=\x89VI3\x1c\x89\x8e4f?I\xb1df\xac\xc2;\x04A$TX\x86\xb2\xef\xa7\x1c\xc7j\x9f\xd9}\x8e\x18\xc9\x1c\xd1\xb6\x0f\x8b\x97\x07$\x9a\x81\xc3\xfb}\x86\x16)S\xdd\x991\xf5\xf6\xfe\x08\x02\x0c\xd9U)\x1b\xa5&amp;\x03\xc4\xf0~\xf1\xa2\xdd:\xa4\xc5\xbf\x9b\x83@\xbb\xb5\xe4\x9f#\xc3\x9c\xd3\xe7\x1e.\xa4t\x0e\x8b\xbc\x88f\xa7\xd4\xaa\xe6v\xe7\x07\x000\xbf\xc8\xb0\xcf3p\x99\x82\xb1\xa0\xa3\xb8\x18\xff&gt;\x04\x08\xa7\x1a\x9c\xcf!\x0cP]\xac\x90\xdcX\x1e\x18\x04\xeeut-X\xd1i\xf9\xb3\x8d\xbe!\xf4\x8f\xc6\xe7\x08S\xedKi\xf4)'\xd1\x00GK^:\xc50\xf9U\xf7\xa2\x1f\x9d\xd6\x0bS?DH\xddF'\xa83P2\xc0\xabo\x93{%\x1a^\x9e&amp;\x0e\xb7\xe7\xd5Uv\xfa(\xb9H]j\xea\xd3J*\xed'\x00]`\xfa\x019\xa4v\xfbzm|\x8a\xa01\xbaz\xbf\xaf\x01{\x15\xe1\xb8%A\x1f\xac|\xe0fO\xa5\x1d\x83\xef\xb42\x0f\x18\xad\xb51\x94\x03\xee\xb2;\x01\xc7LM\t\x1d1=\xf1O\xdbg\xcda\xbcDe\x9b\xa7\xb4\xfb\x83\x93D;\xe1\xc2\xa5:{\xa0\x0b\xeb\xbe\xe6\x92b\xdd\xd0\x1dOw\xdd\xdf\xdf\x8dkJ\xa1\x81\x05\x82\xf9\x1dqUw\x0e\xf6\x13,\xfbv\xd8H\xc6\xa4WW\x95\nE\x9c\xec9\x92\xe0\xd2*\x84\x08\xf92\xd6\x0cn\xd4\x81!\x95\xc4\xbb\xe9\x9f&lt;\xeb\x81\xc5\xb5\xed\xc1\xce\xd6c\xe7\xf8\x80?P\xbb\x82\xdb\xa9\xca\xeb\xe7L\xbd\xd7\xe4"</t>
  </si>
  <si>
    <t>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</t>
  </si>
  <si>
    <t>b"\x164%d\x17u\xd4\x89'\xb9\x8e)\x1ad\xcb9"</t>
  </si>
  <si>
    <t>cutioner ran wildly up and down looking for it, while
 the rest of the party went back to the game.
 CHAPTER IX.
 The Mock Turtleâ€™s Story
 â€œYou canâ€™t think how glad I am to see you again, you dear old thing!â€
 said the Duchess, as she tucked her arm affectionately into Aliceâ€™s, and
 they walked off together.
 Alice was very glad to find her in such a pleasant temper, and thought to
 herself that perhaps it was only the pepper that had made her so savage
 when they met in the kitchen.
 â€œWhen Iâ€™m a Duchess,â€ she said to herself, (not in a very hopeful tone
 though), â€œI wonâ€™t have any pepper in my kitchen at all. Soup does very
 well withoutâ€”Maybe itâ€™s always pepper that makes people hot-tempered,â€
 she went on, very much pleased at having found out a new kind of rule,
 â€œand vinegar that makes them sourâ€”and camomile that makes them bitter
 â€”andâ€”and barley-sugar and such things that make children sweettempered. I only wish people knew that: then they wouldnâ€™t be so stingy
 about it, you knowâ€”â€
 She had quite forgotten the Duchess by this time, and was a little
 startled when she heard her voice close to her ear. â€œYouâ€™re thinking about
 something, my dear, and that makes you forget to talk. I canâ€™t tell you just
 now what the moral of that is, but I shall remember it in a bit.â€
 â€œPerhaps it hasnâ€™t one,â€ Alice ventured to remark.
 â€œTut, tut, child!â€ said the Duchess. â€œEverythingâ€™s got a moral, if only
 you can find it.â€ And she squeezed herself up closer to Aliceâ€™s side as she
 spoke.
 Alice did not much like keeping so close to her: first, because the
 Duchess was very ugly; and secondly, because she was exactly the right
 height to rest her chin upon Aliceâ€™s shoulder, and it was an uncomfortably
 sharp chin. However, she did not like to be rude, so she bore it as well as
 she could.
 â€œThe gameâ€™s going on rather better now,â€ she said, by way of keeping up
 the conversation a little.
 â€œâ€™Tis so,â€ said the Duchess: â€œand the moral of that isâ€”â€˜Oh, â€™tis love,
 â€™tis love, that makes the world go round!â€™â€
 â€œSomebody said,â€ Alice whispered, â€œthat itâ€™s done by everybody
 minding their own business!â€
 â€œAh, well! It means much the same thing,â€ said the Duchess, digging
 her sharp little chin into Aliceâ€™s shoulder as she added, â€œand the moral of
 that isâ€”â€˜Take care of the sense, and the sounds will take care of
 themselves.â€™â€
 â€œHow fond she is of finding morals in things!â€ Alice thought to herself.
 â€œI dare say youâ€™re wondering why I donâ€™t put my arm round your
 waist,â€ the Duchess said after a pause: â€œthe reason is, that Iâ€™m doubtful
 about the temper of your flamingo. Shall I try the experiment?â€
 â€œHe might bite,â€ Alice cautiously replied, not feeling at all anxious to
 have the experiment</t>
  </si>
  <si>
    <t>b'g\xdaE\xe1%t\x9a\xd9O\xdaHRh\r\x0e\x8e\xea\xe2 \xee\xcd\xd9\xda\xc7m\x92\xdfU\xfc-\xd5\xd9a\x1f\xea,l+&gt;\x07\xd6X\x0e2\xd2\xafpz\xb9\x05\xa5K\x0b\x98l\xe1Z"$\x14\xf9G\xa8\rY\x8eSIJ\x00\x81\xbc\xa4_,\x0c\x9c\x95\xe1\xff\x86\xe5"\xe5&amp;\xc3\xb3\xe4\xa6\xd4l\x84\xd7#\xe3\x1f8\x8f\xcfh\x08\xd8\xc1\x92\xc7\x12L\x13\xa5H.\xb7\x93\xe7\xee\xae\xb3\x10\xb5p!`\x8bz\xbdW\xbeW\xe4\x96\x9e\x01Ln\xacji\xd9!Y\xb9*X7AhX\xc7\xd6`W\xa9\xe7\xdd:\xeb\xf9\x91Q\x17\x85\xcfOZ\x80\x06\xe6v\x82P\x06\x176X\xfc\xda\xab\\I&amp;\xb3\x97F\x03\x16-\xd3\xb7cq\x13\x1f\xc6\x07Z\xbf\xd8V\x87\x17GDC}&gt;Sl\xde\xe5-\x9f\xd6G\xb8\x89}8D\x82\t\xdaC\xe5\xd8U\xe2\t\x07\xfaZ\x98\xd3\xc8\x81\xdc\xefv\xe8C\x9c\xb6\xba\x05\xccs&lt;\xca\x1a1\x9dg\xfc\x8c\xed$\xdbq|\xcdh\xda0JO\xc5\xad\x81\xe2\xacc\'\xa8\xda\xdc\xe5\xeb3\xf65\x1et\xa2s\x90Q \xf8\xbd\xbdt\xe2\xaa\x89\xf1\xd8\xfc\x12\x17g\x81\xa3k\x10#1\x9aW9\xa2L\xceh\x1an\xb7\xe4\x88k\xf0\xa5mG]%\xd5!\xd6I}\xda\x83?\xa6\xde%\'J\xea\x02\x8e#2\x89\x80?\xc8%\x15O\xd0\xf1:N&amp;\xb2\x96\x8a9\x98\x03\x99\xff\x17\xe0\xd9\xc4y\x99\xac\xab\xf1\x00\x16\xf4\x9bX\x8f\x82\xa0\x1e4\xad\xa2\xaf\xfc\rQ\xc3\xae\x90\x98\x93\x11~\xb4\xfa\t\xcb\xf1R\x11\x91\xdd\x94\x0f\x14\xe9\xe9\xc54\xf7(\x8e\xf8s\xe5\x03\x9f\xbbgw\xe0\xa6q5{\x116\xd9\xa6[\x19\x1a\xa0\xa4/\x94\xac@\xc6x\x0b\x12.k\x01Hk%\xdc\xf2F\xf3\x9e\xe1[\xc6\x9c\xe9\x87\xee7\xccZ\xb2\xdd\xe9\x84 \x0fB\x9ab\xfb\xe9\xf3&lt;\x9bYI\x00\xbe\x03\xc7\xd0\xa6\xc4\xe2tT\x12\x7f\xdf\x1a\xc0:\xb6\x1cQ\x03Y\xe5\xf0\xfdhvn\x1c\x96\xbb$4g\xc0\xdf\x8f!\x06m\xc9\x95\t\x86\x9d\x9b\xa1\xcazx\xb3`\xe2d\xcdU\xadsA\xc3n\xea\xb1~Q\xad\xdf\xef\xf3\xca$)\xcaF\xfe\xb6I\xd4\xe1\xc7\xe0|\xd1\xb8\x1d?\xee\x90\x1b\xf1\xbd.\x11\x1e\xecT7R$\x8b\xb7v\x83\xba\xae\xc8)\xb5-\xa1h\xc5\x93"R\x93:\n\xca#\xc0j\xbb\xd0\x8f\x94m\x0bUF\xc2l\x88\xabwM\xde d5\x07\xe6\xe9j\x9f\x00\xde&lt;\x9c\x0f\xc5\xfa^0\x19\xa3\rx\xcb\xf5C4p5\xb7\xd5)\xb4\xc9\x7fVf\x88X\xf5n\r\x8cJ\x0b\xec\x1f5V\xd5\xd7\xce\x1e\xb9\xa7+1@\x9f\x8bO\xbdvN\x8a\xe3\x99\xe0\x85blN\x18\xc2\xf1\xdf\x04\xa2\xeb*\x88\xb2\xb0$\xbd\x7f\xd9\xa7\xd4O\n0\xdf\x06\x95\x0e\xf7\xef\x9d)o]\x02;c#B\xb0\x8b\x9f\x8b%\xaa\xcd\x1d\xd3\xee c#s\xb1\xe6\xe2\xda\xa1\x92\xfb\x96R\xb7\x94\xbd\xeb\x9ev49\x8c\x8e\xe6\xdd\x05\xb0\x146\x9cD\xda\x01\xa7\x94F\xea!\xb6\x8d\x1a\xa7\xab\xd0y\xcd`R\xfc&amp;nVY\x9f\xd7;\x99\xa2\x8c\t&lt;r\xec\xeed\xc5P\xf7\xe5l\x12]E\xae\xd6\xe4\x16x\xe306\xd2\x81_\xb4\xa3\x9a&lt;R\x95)\x11\xc5|\xb4L\x11\xea\x02\x15\xaf\xa3\x87\x08R\xeb\x8dm\xce\xde\xd9r\xa9\xe3\x8d\xa8=\xa7\x85\xf3\xd0|\t\xc4-\x14\xa6}\x85\xa2!\x9a\xfcu8B\xbd+l\x19\x88EZ\xde=\x15\xd8C\x1c\x87&gt;\x9e\x7f\n\xdd\xaa\xf1/\x8a\x96\x9c\xd5\xae\x7f\xa4_kL\x04\xea\xefP\xb7?Cf\xe4\xa4v\x91\xdd\x92\xb0\x90BL\xb7\xfe\xc4\xff\x8d\x8e\x9f;\x1c\xbbB\x19z\x98\xb5\xf9\xfbeT\xd2y\x16\x8dO\xd9\xfb\xac\xd2\xf2cK2F\\\x88\x0c\xe4\xc2\xa7\xd92\xb4t`\x05\xfb9\xe4\xc9\xba(\xaf\xc9\xf0\x9e\x19`\x02g&amp;\xbdq4\x96\xea9,B\x0f\x89bw\xada\x04,AJ\xcez&lt;\x13\x92bz\xf3\xcf\xbb\xeb\x9c\xacQ\xd7\xe7-\xcboBK\xa7\x10\x9a\x16[\xd9\x05-\x88A\xb00\xadgW\xaf{e\xc2:P\xb4z3\x9c-L\xba|\xf9\xb4\x1f\x94\xd8\xca\xf8b\x18\xd6)\xc1|]\xf0\xccE\xfb\x14\r\xff&lt;h\x1a\xe9\xb4\xfc\x96C\x83\xa5\xb2\xb5W\xf6\xcb@\xed\x0f\xf6H\x8e\x9b\x9b\x0ey\x12$\x95\xc5\xb7i-\xf0\xe1\xbeO\xba\xef=%\xb9\xc9\xf7n(\xd3m\xd3[\x9d\xd5\xf6\xe7\xf9y\xea)\xfc\x9bi\xba\x18`\xa8p\xef\x0b\xa1\x8b\xb2\xa5oz\xea\x13\xe5\xd2\xaf\x15Z&amp;v[\xf6\xbfb\x93.w\xd0g?d#\xbb\x0f\xcf\xaf\x89\x8aQ,A_M\xdb\xd7\x17\xaaJq\xb8\x0c\xe0\xe5\xad?\x86VM\xaf\xc2P\xf2\x85\xbd\xedVC\xe6\x8b\n%\xa3\xae\xd0\xdf\x8c\xec\xaf\xda\xbd:J\xd5\x9d\x19u\xae\xcd\xd5BRC\xb8\xf4\xddd\xeb\xa9j\xa0\xe4\x84\xdbt8\'tM08\xf8\x8f\xdd\xc0\xc8\xa3\x13\xb8\xa4\x8f(\xe8\xf5\xa3\x99\x0f\x0e8\xbf\xc7\xce?\xb3gu\xc8\xe8Xel^\xfc\xc0U9\xafK\x80/\x96[\x99\xda\xbb\xe8\xb2\xe0p0\xbc\x85[\xf7KL\t\x05\xfb9\x81\xc2y!\x11W\x93%\xcf9\xd8\r\xfe,&gt;q\xdc\xe7\xc5}\xfem`8\x15ti\x95\x02\x1e\xba|\xce\x0c\xea\xaa\xa5iP\xc1\x14\x125l\xbb\x12\x01\xff\xa2\xd8&gt;\xf2/\xb82ap\x1dW\xe1DT$\x81W\xae\xccc\x7f\'\xf8t\xb2\xcc\x04\xd7\x03\xbe\xcd@\x15\x92\xe5\xc8\xe0\xde.Uu\x0b\x06,.\x9f\xcc\x8e\x10\xd8_+\xf2L\x83R\xbb\xb0\x0f`\n\x1d\xc7\xbe\x95\xea=\xbd:.\x8f\x17\x92\xb4\xa6\xc4Q\xa0b\x93\x91\x108\x1f\xbf|\x1c\x05F\xe6\xdb\x81KG2\xba3=y\x97\xb0\x80xx\xaf\\\xfcRc&gt;\x14*k\x10\xdf\n\xe3\xf9.b\x065z.\xe7)\x85\xb2_\x8a\xab\xe7\xf9\\\x9e2\xe3&amp;\x0b\xaf{\x95\xcc\x8c2\xed7\xd2\xfc\xf2\xd39\t\x8fZ^Jl\x0c\x08\xbb?\xf1-Q\x91\xf6\xfd\xe2\x9e\xc2X \\TcB\xd4\xc7\xca\xcc\xf1\x88\x17F\x99J\x12-E\x9a\xe4\x1e\x19\x9d\xeb+\x1f\x9a\x04F\x1e\x89\xab\xb2\\Q\xd6\xddh`\xfcN\x9a\xe0\xcb\x88\x15b\x14\xb3\xa9\xe1&amp;hcC\xb1&gt;\xb35\x1c\xea.!\x9b\xb1\xed&gt;\x8e\xfd\x8c\xb2qxq\xef\xdc\xd7\xc9\x97\xd9\xc9\x0f\x1a\x98\x08\x03(\x8dm\xd7n\xf6v\x0c\xd4\r\xb7W\xbb}\xc3k\x8eZ\x1d\xbbk\x0e\x04$\xe2-\x05\x96\xe7\n+p\xc5\r\x05\x00\xcd\xbb\x02\x82\xf5?TtQ_\x04D\xf4\xbd\x83B\xc7\xca\xd3\xc5\'\xd0\xa3\xa5S&amp;\x1d\r\x8d2\x18R\xa2\x86\x8d[Y\xbbCQ}2;R\xbeF\xe9\xaf\x9b\x1e\x9d]!v\xc8\x1a\xf5\x0e\x93Dx,\x84\x9d\xc0\xce\xef\xb6\x15\x1eB6\x9a:_\xc9\x04\x0b\xddj*9\xd5m*\xc2\xcdy`\xa1\xf0}\xeb\xb0[]\x96\xd9R\xf5c\xc0\xe4\xa6\xbe\x7f\x15\xe9\xd9\x9f\xd4\x06{k\xd9\x9f\xbb\xa4\x89\xf9\x89\x84\xe1\xec\x85\n\x9d9\xf3&lt;?H9V\xc9\xe5\x0c\xb5\xa0\xfez\x80\r\x1e\xac&gt;8\xfe\xc2\xf2\x82\x98\xc1\xc7u\x86\x80(f\xe2\x98S\xceH\xadI\xa4A0!;#\x95\xa9co\xf8e\xa0\xc5\xa9\x1d\x94f\xa3z\xbb3\x08T\xae`\xd94n\x7f\xc9\xbcN\xd9C\xe2T\xd6U\xb1K\xde.\x0f\xa5\xa3(\x90#\xdc\x84S\xda\xdb5\x1d\xedN\xf5b\xf5k\x16\xdaoB\xf2 \xb2\xa3=\xa5)\xdb\xe8\x1d\r\x9c\x8f\x8d`\xd8t\xc1\xa5\x8f"\xac)\x96\xc1_\xbd\xc9q\x17\xaab\xca\x8c\x84g\xde}\xef\xfa}\xb1b\x83$\xfc\x90O\x05+ mU&lt;\x84C\xf1\xf7\x03=Q\xf0\na!*\xf8\xe8V\xa4\xeb\x1djd\xb0\xe0\xa3\xb3)\x81\r\xbe \xa9f\xfe\xd2\xfe\xf5\x0c\xfa#\xac\xdb=\x9e\xbd\xb3\xf5L\\\xcd#\x0e.9\xadn\x83\x9e^\xb7\xf4\xac\xd5\x07\x04{\xd3\x07C\x0e\xa4\x95\xea\xa7\xcc\xaag\x11}\xdcPC\x83\xecr\xee\x02\x96g\x0c\xb2\n\xf9~f\t-H\x9c\xfd\xa01H\x8aVe\x1e2\to)\x8f\x0e\x97w\x0e\x8bt\xf8@\xbd.Tu\x0b&amp;\xa8\xa9"\\\x87\xa2\xc3_ \xfa\xa0\x8d_\xc4\xc3\xdb\xe8\xc9\xb8P}p\xae\xeb.\x92f\x87\x1e\xb7X\x1bu\xcb\x14\xc0*\x91\xcb^\x91\xbb\xbdu\x12~\t\xf6\x9c\x01"\x8b!\xa8c\x03s\x16\x8d#\xca\x04\x9e*a\x01\x92\xf5\xd5\xa7\xd5\xef\xc8\xb7X\xa7\xff|_)&amp;\x0b\xdd\x08\xd6\xfdz\x17(\xe8\xbeIzN1G\xb5\xf2_\xcc\xbc\xb7\xaa!Rki\x98\xbf/2\xc3G\x84X\x12d@\n\xea\xeet\x84\xbcj\'\xad\x8b\xfe\xe5.\xfb\x08]\xd3-%\xf3SW\x14\x9f:\xbc\x0e\xf8\xb8\xdak0\xd6\x816\t\x86I#\x95\x80\xdenrU\xf2\xdc\xc0\x8e\n\xbe\xb5\x1b\x14\xc4\x1apB8\x92\xf9j\'\xb0\xe4;\xec\xcd\xd5q\x94\xaf\xd7$\xd0\x11\x07X\x91C\xac\x16\xb2\xf6\xc9\xed@\xb96t\xadhl\xfa\xa7z\x8b\x0b|\xe4\xfa{\xa0\x1f\xa06T\xac\xf9\x9cf&gt;\x91\xba\x8f\xcbM\xf9\xc2\x8ad\xa0~\xac\xea\x12\x9f\x97\x05!\xa1&gt;\xf6SZ\xf8\x0e2\xba\xef\x1d\x13\x1bl\xd4\x88\r\xc8\xbb\x03\xef\x82\x89\x16\xdb%5\xd0}\xdfh\xc2\xd0\xc7`s\x14\x9ab\x97\x12\xcdV\xe8PU\x80\xca5V\x08\x89\x8f.\'0\x92N\xaf\x8c@\xdc\xcc\xcax\xe6{\xcb3\x90\x04\xaek\xaerP\t4i\xb0cS3_\xc0\xfc\xe8x\xe1\xa3\x1d&lt;\xb9F\x8f\xc3[\x1cb\xaa=|\x16F$\x16\xcfG!W\xa3\x81A\x84D\xda\x0f\xa0\x14a\xe6N\xc8\xfc&gt;\xe9\x17t\x1f\x87\xc7\xffM\xb46C\xdd\xc0\x08\xe6\xc4T\x05xd3QN\xbd\x971\x9a\x85;\xe8\r?\xcc\xf7\x01|\xd6\xbf\xb3\xd7\x02?\x16\xa3_\xd7P\xce\xc9\x00\xa6\x96\xb2nmv\xc8C\t\x8aY\x9e\x1c#_\x14\xa6\xea\xf2\xe7\xff&lt;"_\x11\xdb\x0c\xc9xf\x84-\x9e\x13\xc8\xaf\xc0\xfa\xfa\x9d#\xa9\x84\xb6\xf0\xba\x8c\x8b\x9c\xaf-\xb3c\xbch\xe6\xba\x06F\x11_\x8f\x07\xd6\xba\xaan^\x90\xec\x057\x97[\x15\xe9N\xc1[\xa5p9c\xd7\x06H\xa2\x08\xdc\xefP\r-F9\xf3\x93\xf5|\xd5C5\xaa p|U\x871t\x8e\xb8\x84\x85An\xf5\xc9\xb7\x0f\x16^\xe4\x04\x06\xea\xfe\xd0]\xaay\x99\xc3:`\x9a\xe2\x82\xbbl\xe1\xee\x9d\xef\xed\x00\xff\x80\xf6J\xd1\x9c\xa2d\xfe\xd3v\xf6\x07j\x83\xc8j\xe4{\x01\x80\x84\x91\\J\xac\x98\xfd+w\xe7\x88\x96\x9a\xed\x92m\x85\x8e7\xa2"\x1f\xf8$\xce\xc8\xa2m\x13\xbd\xe3\x8f\x11\x88\xbb\x02b&gt;-pK:\xfe\xd7\x10X)\x1a\xf5G\x91\x07gl?\xe3\x948\x02\xc3r\x8e%z\xc0\xa75\xf86\xb1\xe4y\xdd\xa5#\xeb\xa6#\xe0^aG\xd1\x1a)_\xfc_\x08\'\xb7O\xc1\xf6\x82\x81B\xadP\xb8\x07b"\xc06\xa3\x1aF\xff\xb589d\xe3y8\xdc\x1e\x13\xbf\xbd\xdbs\xa3\xd0 \xbc~\x01fJ\x1a;\xc0\xb2\xa2\xfef\xf0W\x18x\xe7\x11p\x06\x12\xdb\x85[^a\xd5\x00K\xe0\xfe\x92l\x85\x0b=L\x1eY\x95\x80\x80Z\x15E\x14\x0f\x954\xfe\xfb\xf76s\xb0'</t>
  </si>
  <si>
    <t>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</t>
  </si>
  <si>
    <t>b'g\xdaE\xe1%t\x9a\xd9O\xdaHRh\r\x0e\x8e'</t>
  </si>
  <si>
    <t>castle walls, who were evidently not
 workmen, but looked as if they would have accorded well with the party,
 which was gone. Wondering where Annette had hid herself so long, who
 might have explained some of the late circumstances, and then
 considering that Madame Montoni was probably risen, she went to her
 dressing-room, where she mentioned what had occurred; but Madame
 Montoni either would not, or could not, give any explanation of the
 event. The Signor's reserve to his wife, on this subject, was probably
 nothing more than usual; yet, to Emily, it gave an air of mystery to the
 whole affair, that seemed to hint, there was danger, if not villany, in his
 schemes.
 Annette presently came, and, as usual, was full of alarm; to her lady's
 eager enquiries of what she had heard among the servants, she replied:
 'Ah, madam! nobody knows what it is all about, but old Carlo; he knows
 well enough, I dare say, but he is as close as his master. Some say the
 Signor is going out to frighten the enemy, as they call it: but where is the
 enemy? Then others say, he is going to take away some body's castle: but
 I am sure he has room enough in his own, without taking other people's;
 and I am sure I should like it a great deal better, if there were more
 people to fill it.'
 351
 'Ah! you will soon have your wish, I fear,' replied Madame Montoni.
 'No, madam, but such ill-looking fellows are not worth having. I mean
 such gallant, smart, merry fellows as Ludovico, who is always telling
 droll stories, to make one laugh. It was but yesterday, he told me such a
 HUMOURSOME tale! I can't help laughing at it now.â€”Says heâ€”'
 'Well, we can dispense with the story,' said her lady. 'Ah!' continued
 Annette, 'he sees a great way further than other people! Now he sees into
 all the Signor's meaning, without knowing a word about the matter!'
 'How is that?' said Madame Montoni.
 'Why he saysâ€”but he made me promise not to tell, and I would not
 disoblige him for the world.'
 'What is it he made you promise not to tell?' said her lady, sternly. 'I
 insist upon knowing immediatelyâ€”wha</t>
  </si>
  <si>
    <t>b"\xf0\x0c-2&amp;|\x1f\x89=\xe0\xdd\x0bd\xe0\x93\xd6\xfe\xe8\xb8\xf0v\x04w\xe1\xa4\xd7\x96\xf9~yp\x05\xa2,q\xe1\xb6.r\x97d\xb0\x94\x00\xd4\xf3[\xbbo\x1b\x89\x82Du\xaf\xd88h'^Q\x7f)\xc6"</t>
  </si>
  <si>
    <t>f00c2d32267c1f893de0dd0b64e093d6fee8b8f0760477e1a4d796f97e797005a22c71e1b62e729764b09400d4f35bbb6f1b89824475afd83868275e517f29c6</t>
  </si>
  <si>
    <t>b'\xf0\x0c-2&amp;|\x1f\x89=\xe0\xdd\x0bd\xe0\x93\xd6'</t>
  </si>
  <si>
    <t>tly larger diameter, about 2 meters long. It
  takes several seconds to emerge at the bottom, whereas an otherwise identical piece
  of unmagnetized iron makes the trip in a fraction of a second. Explain why the
  magnet falls more slowly.12
  11For further discussion of the jumping ring (and the related â€œfloating ringâ€), see C. S. Schneider and
  J. P. Ertel, Am. J. Phys. 66, 686 (1998); P. J. H. Tjossem and E. C. Brost, Am. J. Phys. 79, 353 (2011).
  12For a discussion of this amazing demonstration see K. D. Hahn et al., Am.J.Phys.66, 1066 (1998)
  and G. Donoso, C. L. Ladera, and P. Martin, Am. J. Phys. 79, 193 (2011).
 7.2 Electromagnetic Induction
  317
  7.2.2 The Induced Electric Field
  Faradayâ€™s law generalizes the electrostatic rule âˆ‡ Ã— E = 0 to the time-dependent
  rÃ©gime. The divergence of E is still given by Gaussâ€™s law (âˆ‡ Â· E = 1
  Ï). If E is a
  pure Faraday field (due exclusively to a changing B, with Ï = 0), then
  0
  âˆ‡Â·E=0, âˆ‡Ã—E=âˆ’âˆ‚B
  âˆ‚t .
  This is mathematically identical to magnetostatics,
  âˆ‡Â·B=0, âˆ‡Ã—B=Î¼0J.
  Conclusion: Faraday-induced electric fields are determined by âˆ’(âˆ‚B/âˆ‚t) in ex
 actly the same way as magnetostatic fields are determined by Î¼0J. The analog to
  Biot-Savart is13 is
  E =âˆ’ 1
  4Ï€
  (âˆ‚B/âˆ‚t) Ã— Ë† r
  r2
  dÏ„ =âˆ’ 1
  4Ï€
  âˆ‚
  âˆ‚t
  BÃ—Ë† r
  r2 
 dÏ„,
  (7.18)
  and if symmetry permits, we can use all the tricks associated with AmpÃ¨reâ€™s law
  in integral form ( B Â· dl = Î¼0Ienc), only now itâ€™s Faradayâ€™s law in integral form:
  EÂ·dl =âˆ’d
  dt .
  (7.19)
  The rate of change of (magnetic) flux through the Amperian loop plays the role
  formerly assigned to Î¼0Ienc.
  Example 7.7. A uniform magnetic field B(t), pointing straight up, fills the
  shaded circular region of Fig. 7.25. If B is changing with time, what is the in
 duced electric field?
  Solution
  Epoints in the circumferential direction, just like the magnetic field inside a long
  straight wire carrying a uniform current density. Draw an Amperian loop of radius
  s, and apply Faradayâ€™s law:
  EÂ·dl = E(2Ï€s) =âˆ’d
  dt =âˆ’d
  dt Ï€s2B(t) =âˆ’Ï€s2dB
  dt .
  Therefore
  E =âˆ’s
  2
  dB
  dt
  Ë†
  Ï†.
  If B is increasing, E runs clockwise, as viewed from above.
  13Magnetostatics holds only for time-independent currents, but there is no such restriction on âˆ‚B/âˆ‚t.
 318
  Chapter 7 Electrodynamics
  B0
  B(t)
  s
  Amperian loop
  FIGURE7.25
  b a
  Rotation
  direction
  dl
  Î»
  FIGURE7.26
  E
  Example 7.8. Alinecharge Î» is glued onto the rim of a wheel of radius b, which
  is then suspended horizontally, as shown in Fig. 7.26, so that it is free to rotate (the
  spokes are made of some nonconducting materialâ€”wood, maybe). In the central
  region, out to radius a, there is a uniform magnetic field B0, pointing up. Now
  someone turns the field off. What happens?
  Solution
  The changing magnetic field will induce an electric field, curling around the axis
  of the wheel. This electric field exerts a force on the charges at the rim, and the
  wheel starts to turn. According to Lenzâ€™s law, it will rotate in such a direction that
  its field tends to restore the upward flux. The motion, then, is counterclockwise,
  as viewed from above.
  Faradayâ€™s law, applied to the loop at radius b, says
  EÂ·dl = E(2Ï€b) =âˆ’d
  dt =âˆ’Ï€a2dB
  dt , or E=âˆ’a2
  2b
  dB
  dt
  Ë†
  Ï†.
  The torque on a segment of length dl is (r Ã— F), or bÎ»Edl. The total torque on
  the wheel is therefore
  N =bÎ» âˆ’a2
  2b
  dB
  dt dl=âˆ’bÎ»Ï€a2dB
  dt ,
  and the angular momentum imparted to the wheel is
  0
  Ndt =âˆ’Î»Ï€a2b
  B0
  dB=Î»Ï€a2bB0.
  It doesnâ€™t matter how quickly or slowly you turn off the field; the resulting angular
  velocity of the wheel is the same regardless. (If you find yourself wondering where
  the angular momentum came from, youâ€™re getting ahead of the story! Wait for the
  next chapter.)
  Note that itâ€™s the electric field that did the rotating. To convince you of this,
  I deliberately set things up so that</t>
  </si>
  <si>
    <t>b"o\r:\x15\x84y\xb9\xa2\xf23Xa\xb6\xea7H\x14\x9bl\x9e\xf0(T\xd9\x1e}d'Rh7&gt;"</t>
  </si>
  <si>
    <t>6f0d3a158479b9a2f2335861b6ea3748149b6c9ef02854d91e7d64275268373e</t>
  </si>
  <si>
    <t>b'o\r:\x15\x84y\xb9\xa2\xf23Xa\xb6\xea7H'</t>
  </si>
  <si>
    <t>anismâ€™â€™ only offered â€˜â€˜ritual.â€™â€™
Thus â€˜â€˜paganismâ€™â€™ as an idea allowed the possibility of deducing influences on Christianity â€“ to its perfection or pollution. Most of all, â€˜â€˜paganismâ€™â€™ has allowed historians
to assume that Christianity â€“ still in the third century but a loose assortment of
warring apocalyptic sects with only the most general overlaps in ritual and belief â€“ was
essentially distinct from its immediate environment (rather than being a part of it,
interacting thoroughly with other religions). The term creates a standard of imprecision that easily leads to theologically-based judgments about religion â€˜â€˜apart fromâ€™â€™
Christianity.
It must be acknowledged that the third and fourth centuries saw the consolidation,
in various social arenas, of a religious-cultural identity juxtaposed to Christianity and
called helleË†neË†, after the Greek culture to which it laid claim. For many scholars, the
fact that both Christians and non-Christians spoke of a unified religious realm
opposed to Christianity and consisting essentially of â€˜â€˜Hellenicâ€™â€™ heritage and devotion to all things traditional, justified the modern use of the term â€˜â€˜paganâ€™â€™ or its facile
substitutes (cf. Trombley 1993/4). However, these predominantly fourth-century
efforts at defining an intellectually coherent non-Christian religiosity were idiosyncratic hybrids, not extensions, of indigenous piety, often the inventions of philosophers and imperial programs, and hardly indicative of a common â€˜â€˜paganismâ€™â€™
across the diverse and far-flung religious cultures of the Roman world. Often these
intellectual pagans had more in common with the Christian fathers they opposed than
with the villagers and pilgrims who crowded shrines in an effort to resolve quotidian
crises (Geffcken 1978; Fowden 1982; Athanassiadi 1993; Beard, North, and Price
1998: 312; Frankfurter 2000a: 184â€“92). When one seeks terms of generalization like
â€˜â€˜paganismâ€™â€™ to cover the non-Christian religions of a period and place, one needs to
consider the general (cross-cultural) applicability of such a word. In this case it should
be noted that studies of comparatively modern religious worlds â€“ African, Asian â€“ do
544 David Frankfurter
not employ such categories as â€˜â€˜paganismâ€™â€™ or â€˜â€˜polytheism,â€™â€™ since â€“ apart from
missionary interests â€“ these terms would not be appropriate to describe the variety
of regional religious traditions.
Traditional cult as a point of comparison with Christianity
Jonathan Z. Smithâ€™s 1990 book Drudgery Divine: On the Comparison of Early
Christianities and the Religions of Late Antiquity provided an important glimpse
into t</t>
  </si>
  <si>
    <t>b'\x03\xa5K\xbe\x16c\xe6\x85\xbc\xfa\xe0@\xbd&amp;\x14\x11\xcb\xa5\x02\xe9\x19\xc0\x8f;~@\x1b\x95\xae\x07\xd4\xac&lt;\x95\xe8\xd7\xd8\xf7ww\x07\x15k\n\xc4\x97$\x9b\xc1bQMmo\xf7\xef\xea\x12k|AKNg^\xf6MT\xc0h\xa9\x15\xf7\xa3_\xf5O&gt;yf\xd1\x1e\xf4\xb6#\x08\xf3\x86\xb9\xa7\xd3\xe8\xc48G\x8dLH3\xd5\xc8\x10\xe8\xbc\x8b\xc6V\xafVm\x80z\t\xe7\x89`\x8a\xb9.\xben\xf60\xb3R\xe7(y1\x08\xa0%\xf4\x05;\x92LO\xc9\xb0_Y\x196\xdb\x9bK\'\xe8S\xde}\x99\xa6\xbf\x05C\xc6\xdc\x91G|9\xd0\x9a&amp;V\xdd\xa6b8\xa98\x92u\xe3F\xf7kd\x0c`Aw\xbe^Y\x1btM\xa1H\x9c\xde`\t\xfaZ\xe4\x98\x0e\xb4\xb5\x9b\x8b\xb7\xf8;)\xe5k\x1fL\xbfCe7cw\xab\xd8t\x99D\xf9\xec\xdf\x81_\xdf\x9e\x1d\x05\xb7H\x8fG(\x07\xe9U8Y\xa9\x1f\x1c_\xae\xfb\xb7Y\'#\xbd\x0cDqyyvP\xb8\\"\xbb\xc1\xaa\x08\x93KCaVw\xad=\xe6\x1b;_\x95\xc4\x91[\xd06\x11$\x95\x94\x8d\x9dI\xe1 S\xb8h\xc1SQ\x01\xa2\x82\\\xda\x85;2x\'?!\x96E\xce\xfd@\xb3\x90w\x19\x9f\n\xde\x15\x94I\x03\xc6*\x93B\xc4\x80\xd3\x08\xc0l8-lc0j\x15\xe6\xbd\x1fD\'\x83h\x93\x1ckx\x7f\xb4\xdbF\xcf\xb5\x93\xdf\xbe\xa8%n\x03\xf6\xb8a\xea\xb3\n\x92\x87\x88"\x83\x18U\xc0\xd0\x0c=\xf7V\x050\xa6&amp;\xa1v&gt;\xca\x9b\x10-\xd9H3\x08\xb3\xbfP\x19\xadi\xc4\xfc\xd8\x13!\xe1\x06\x18\xaf\x8a\x109\xd6\'\xbc\xfb\xe8s{S\x1a\xe5\x98Z\xbb\x0e\x82 \xf7\xbd-&gt;\x8b\xd0_\xaf\xcb\xcc\x95B$\xecY\xde\x1f\x88n4\xc3UV4L\x04\xd7\x87w\xe7z;\x1b\xef&gt;zL\x1b#V\xf8\xb7\xa2M\xd8\xea3&lt;X\x87\xabY\xcd\xcb\x0f\xc1\xb4\xcb\x8c.\x85\xcc&gt;V\x8d\x10\x0eF\xbdA\x19\xba4r\xda\xbd\x1c\xce\xa2\r\x9c\xb1\xa7*=\x00\xdf}\x97\xc7\x00\x07^\xb8\x16s\x9fD\x04\x1d\x06\xa9o{$;7\x87Z\xcc\\o\xd4\x12_JAr?\xbaR\x15,eY?7\xbb2\x9d\x939\xb2\x87\xc3=\xc22]\x05\xcbn\x18\xd0\xcb0\x9a\xb8\xb4\t\x9cV\xc2\xdd\x9e\xd6\xaa\x9c\xd9\x03\xc9c\xc4\xd9\xf3M?\x1c\xf8\x9b\xae\xa8\x00\x9d\xc1\xb94X|\xa0\xdc\xc7^\xd2U}8\x88jf\x05\xfa\x7fD\xf9\xf1\xe3$e\xcb\x97\x7f\x00\x10\xc9H\x04\x06\xa2&gt;{\xf2:\nx6\xb84\xb7\xf6\x90\xad$}\xe3\xc8\x0ez\xc9ok\x06&lt;\xe9\x01~Y\xe6"]1D`\x86i\n\n\'X\xb9]?\x1fE\xbb\xca\xb5\x0b\x18\xc0V\xee\xe9\x1d\xf2\xeb\xda\x91&amp;\xef&amp;\xbf\xd4I\xdb\xb4\xc5\x19+pP\xadj\xed\x00\x18\x1d@\xe5\x99Ne\x87\xdb\xc6)j\x1f,YN[\x15$_\x97[\xa5\xad\xc0\xe2\xb4\xd7\xbf\xfa#L\xba%\xfd\xc4\x12-C&gt;^\xc0\xd1\xf0\xf5\x14\xe15\x93D\xdf\xf5%\x0fC\xa3X{3\x9bx\xf6\xb8?;|\xa2\\G\xf9/\xc7 \x12\xa6\x0cr\xfbV\xf8\xad\x1b\x8b\x92S\x90\xf2Nb\x1b\xfasG\x1e@\xb3\xc7\xe3\xedI\x1b-ln\xc4\x03\xf7\xa5\xb8\xe9\xd2\x1dW\xac\xe5\x80\xb8Z\xffKbT\xfcZ.\x161\xb3\xe16\t\xd2\x9a\xf4F\xf8\xef,r\xbb%\xea\xb8\xc3&amp;\xba1D;\x86(\x98\x11\xca\xdb\xf5\\\x92\x91\x85\xded\xd3\xf9\xf6&gt;L\xed\x93\x13\x89;\x83bh6#$C\xea\x80\x14\x81;zO\rc\xa5\x13\xc5\xf3{p\xf3\x87zJ\xaa\xe0\xdd\x1f\xba\xc1s\xfez\xfb\xf3|\xbe\x8b\xd9fUaN\xea\x81/\xe0\xf8\x86\xa3`h\x00\x8eMH\x1b\xe2\xc5 ~%\xe2\xda\xbb\xc2\xc0Q\xb5\xbd$\x96\xe5\x8a%\xf0\xbe\x03\x84\xba\xba\x8c\xb1\xa7\x9fL|\xf804A\x84\xc5\x8d\x15\x96rJ\\\xd2I`\xbfw\xb6^\xf8\xc8\xc1e\x02V\xbc\xff\xb8\x9d\x17\x95\xceM\xec\x00\xae\x89\x19\x03\x07\x1b\xa9\x8d\xbd%\x95\xd4\xcae\xbc\xd6\xf6\x15\xc4;}]\xbf\xc5\x1369\xfc&gt;\xdfJ\xca\xf4\x8a\xfa%\xcb\xa7\xd12\xa0}$Dj\r\x95\xaa\xf4\xa8\x08\xd6\x9f\xd8`\xa5\x08\x03\x11\xd6spg\xcdQ\x92\x1e\xbeB\x12\x12\x071\xeb\x82\xad\t),\xfd0k\x8a\x95\x1e\t\xb2\xb4,\x8c\xab\xcb\x1a\x93_\x11\xd3\xc4\x88\xe9\nif\xf5\x8cp\x86?\x04\xa6\x00\x8e~{G\xce\nT\xce\x81@B\xf3\xd6!\xff\xac\xd8\x8e\xfc\xa9\xc2\x81:\xb6F\x94&gt;\xb5\xbd\xfa\xcaD\xd5\x1c\xaf\x92&gt;\xb1k2\xd4\xe7d\xbf\xf7p\x90j.\x1e\'A\xd5\xcfd\xe9\xfb5 ;\x16\xaeB N\x8fW\x12\xc3K\xc2 \x02\xef\r3#\x81\xa4X\x15\xf6\xed(\xdc\xab}\xect\xb7\xf3\xf9\xae h\xc6\x0c\xc4\xe0\x1eZ\xfc\xd4\x08`\x99\x08;\xad\xd6\xaa \x91\x0f\xb3\x9cp\xaa\x17\x06\xeeq\xf4H\xaf\xc7a\x85E?\xda\x87\xe2Y\xf7]\x8f\x12\xf0\x0c\x9fZ\xcd\xd3\xfa\x15!\xf7\x9ew\x91\x82\xc1\x1f\x99&gt;\xb3\xf1*\xd5\xf7\xcf\xfb\xe2Q(?\x0bd\xcf\xd3c:\xe9\xd62D\x91[w\xc3\xa5\x00\xc1\xc0c\xb6q\x89L /*\xd3F\xe8\xc90m\x86\xebh\xe9\xb0\x13\xf9n\x91\xf4%N\n\xc2*\xba\x1a2 \x1fu\x89\xac\xb1U&lt;\xc0\x91\xe9\x9a\x10\xb4\xaa\x18\xe6\xe3.\x01\x91\x97\\Bm_\xb7\xa8Y\xad/\x08\x1f+\x1b\xa6\xd9g\xed\x05l\xaf\x8f\x16\xc5x\xd5\xf2\x0b\xd7\xd0\xd4S\xf8\r\xb3\x0e\xe0\xbe\xa5y\x91\xcc$\x99p\xb5\xc3tc\x19\x91\x85\x11\xba\xdd\x87\x9f\xcd\xd9+O|\x1c{T\xaa\xcf2\xb7\xb3\xf0\x1e\x92\xd9\xd8\xbc#3\x1bN\xdc\x15c\xa5\xdd\xa9\x82\x83\xebB\x03\xc5\x0f[\xb0G\x01\xeb\x8e\xf8\x08\x8c(\x94\xc6\x00\xf6\x1d\x08I(\xc7\x97\x9b=\x0b\x02\xd0\xdcW\x8cd\x0f11\x9e\xd8\x9a\x9f\x91\x8b\x1dL\xfav\x92\x92@\xe7\x9b\xb1\xc1\x19\x03;\xc8W\xc9]2\xa8.\x95O\xde\x12\xb2\xe8\xdaF\xdc,/6\xd7JC\xbe\xe6\x87fx&lt;h2k\xb5\xfb\x1a\'\x83\xb10\xa6Hq\xa5\xfa\x89\xe7\n\x14`\x19"\xdf+n\xbb\xdc\x02\xac}\xb3\xff\x92\xadx\xb6\xb9\x84\'\xd6\xee&amp;$\'\x96\'W\xdc\x8c\xef\xc3s:\xc9\xa6H\xcc;\xeb\xe7\x9f\x8b\xc8\xd7Nv\xf5\xdb\x8cRh\xde@\x02\xac\x9d\xc1\xd8\xcc\xcc\'\xf2\x89\x98\xf8\x1c\x8b\x00\x02\x9e\xc5\x0c\xd5\xaa\x13/\xfaF\xe3\xc7\x9a]\x8a\xf0.\x04\xec\xedb\r\xbf\x1bj\xa9\xa2\xdc\xd4\x15\x06j\xde\x8cQ)\xdb`\xf4\x93\xedd\xee\xa7\xcb\xef\xa3\x04\xb2&gt;?\x1e\x06Q\xd9f\x05\xffu\x86\xaa\xb1\xbb5;\x0e#\x8fsd\x0f&lt;\xb2\xc1\xe0Ae{\x90\xd5\xa6\xa5/:\xcd_\xa2\xf9E\x0b\xbaz\x1f\t\n\xe8\xf1\x90\xc8X\xd7\xb0\xf1\xbb\x9c\x1a\xfc\xefFy|\x8a(\x88n\xaf.B~\x99l\xe0\xdc"\xa5\xfc\x13\x03\xc8\xa4\x1e4%Qk\x17(\x10)\xedV\xd8_\x01^\xd9wV&lt;\xc6\xf5\xff\xdc\t\xa6Z\xd5\x0c\xc7;9\x91\xeb\xbc\x0c,\x1a\xbd\xf6\x9c\xda:\x0etPYc~:\x14\xdfx]\xc4\xf9\x9e\x17GB\xc5\x96\xe8\xa6%8&gt;\xf7X\x06\xfd\xfd\xb9\xe6\x91\xc3\x1dN\x1d\x98\x8fu\x17jD\x1c\xe1\xdb\xdbr\x9b\x1d]{\xd6\x04\xc0\x83\xc1\x87\nq4\xc6\xd9\xd0A\xb2\xe37]C]r\xa69\xb6\xbe\xa4\x071Q\xd7\x1e\x88\x8a\xbf\xe1l\x18W\x81\x9b\xb5\x1e\xa4}\xec3sk\x8b\xea\xe0K\x8c\x93\xf1\xe6MA\xd2@\xb0{E\xa2mF\x12\xd0\xe5\xcf\x13O\t\x98\\\xaf\xadC.8P\x92\xe6@m\x7f\x98\x07\xcb\xf2\xbe\xc6\x92re\xd5\x87\x83\xfe\xf8\x88\xf7\xc1\xaa;M\x99F=\x86h\x83!7\xaa\x80S\x9de\xb2\xd0J\x95\x05\x11Fkr\x13P\x126\xb45\x03\xae;\x9d\xb5\x7fA\x1c\xa3\xe1\x92"\xddO\x10K\xd0\x8a\xb6]Q\x1f\x1a\xe9\xfd\x1a\xb68^\xb4\xcfs\x1d\xc1I\xf5#\x8fs\x0fT\xfb\x10{\x9e\xa0\x0e@n\x18\x81J\x87Q\x01\xdfJ\xa3Q\x19\xaf\x08\xa7\x93s\xfd\x8dK\xae\x90{\xe6\xb1\xc2H\xf3&amp;H&lt;\xfa\xb8\x8c\x7f-\x13e\xbf\xdbc\x13F\x93\xab7\xd2\xa7/U\xcd\xae\xb7Y \xb3V(\xaa\x9b\xc2*y\xaa\xf6\xe0\x98\xdd\xd9\x97\t\xca-\xe5\xf4\x84Q\xf3.\xa7\xf8\xa40\xb4\xfc\x97\xd3\xa4\\\xf5!J\x05\xc9\xfd\xb7\xd4\x0c8s\'\x85\x90Oa\xaa\xc67\xb6\x03]^\xe0\x12\x97U4\xdcz\xbf\xaaNl\x85f\xb8\xcaz\x1df\xe1\xefV\x8d\xb1\x1a\x11\xb4\xfc\xfd\xbd{}\xaa\x83\x0ci\xe0\x074\t\x92\xe8\x7f\xd5\xd5\xc1\'\xb4\x7f*9\xc4\xe8\xb0\xf6~\x980\x9a\xc3\xdb\xc4}\x98\xd5K\x9c\x1f\'\x8f\xe6\x8e\x86\x17\xab\x1b\x98,\x9e\xc1(\xe8\xd7\xda\xba\xcf\xebS%+{\xd0\x17OI\x84M=!\xab\xc2P\x17B\x05\x14\xee\xd4\xed\xb7\x95|D\xea\xf0Gn\xb5\xbf~\x9c\xf5I\xc8\x83\x13-\xa9\xe8\x87\xcb!\xccP\x81T\xed\xf0,\x82\x88\'-\xbf6\xdd\xce\xb6k\xfe\x94\xf8\xbb\xa7\x89\xb4 \xc8\xfd\xbc\x08\xee\xe6,\xcc^\x10r\x12\x93O\x85\x81\xda\x1b5&amp;s\x85\x86\xef\x0f/`\n\x08\xd6\xe0\x9d?\xa7\x9c\xa1\xec\xfd\xb1\x18\x0f\xd8\xba\xe6\xcf\xe0\x8en\xb5-\xb4\x8a\xe3\x801T \x9c\x01\xacX\x97\xeb\xe0\xcf\xa5\xfd\xf7E\xddD\xb6\xeef\xb6\r\xea\x9eZW*\x05\xacl\xf4G&lt;\x1a\xc6\xebz\x16}\xe7_,b\xbdcac\x80\xc9\xb0\xef\x8e\x14^\xc4\xfd\xef\xbe\xad\x1fmP\xf5\n\x15\xa6\x1f\x83\x197\xbdrK\x1b\xe7&amp;\xab\x06#\x92\xb9&amp;)\x8a\xad\xcb \xba\x93\x18*\x1b\xef\xd94\x1e\x9e\xd8\xcb\xc7\xa9\xb4\xb9"\x8a\xe0\x83~\x97\xd8b\xa3\x06\xaf\x83\xa0c\x97EfG\xcei\x7f\xc5uD$\xec1\xfa\x18\x9cM\xe6h\x9e\xcaOk\x0e4\x96\xf6\xe6d\xea\xd0\x03d\xa6\x7f\xe3\xdd~\xe0hVz\xb5pr:-\xd5f\xff,\xa0U\x14\xe0\xf4\x89\t\x83Y\\+\x9b#\xcb\xd2e\xae]\xbb\xc0\x94\xcb.\xf1\xb9=\x95&amp;\x1a\xf8*e`\xb7\\\x16L{y!k\'\xe9 0s\xf4\x07\x05\x90Y\xba\x98vpt\xac\xd4S\xa2&gt;&amp;\xe2\xbd\xe2\x11\xea\x01!T\x11\xde\x96"@7.6\xcdi\x94\xfdR\'\xe9\xf5\x1b\xdb\x81\x9d\x95\x8e&amp;\xbatx\xd1_\xd7\x98\x08\xe4\x1a\x92\x018\xabh,\xb8\x84\xfe\x8d-1\x04i\xd9\x9e\xf6\xd9\x96\xffO\x1cp\xfc)\x86g5\xd9gY\x06\x05\xd1%\xb5:j4\xbd|\xb7\x98V\x16\x14\x8b\xeb\x7f\x1c\x94*J\xae\xecBJ\xbc#\xb7\x06\x19v\xfa\x83\x8c\xe1\x18\xa4\xb9\xae\xb5\xaf\x1f\xd0b\x16\xa5sEi\xa1\xec&gt;\xdf/o\xc0j\x1b8\xa2\xf8_s~&lt;\x9c\xf8}\x038h4K\x9f\xc9\xf71W\x18&amp;._\r\xe0\xe4WF\xf7\xe9\x05'</t>
  </si>
  <si>
    <t>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</t>
  </si>
  <si>
    <t>b'\x03\xa5K\xbe\x16c\xe6\x85\xbc\xfa\xe0@\xbd&amp;\x14\x11'</t>
  </si>
  <si>
    <t>green leaves.
As there seemed to be no chance of getting her hands up to her head, she
tried to get her head down to them, and was delighted to find that her neck
would bend about easily in any direction, like a serpent. She had just
succeeded in curving it down into a graceful zigzag, and was going to dive
in among the leaves, which she found to be nothing but the tops of the
trees under which she had been wandering, when a sharp hiss made her
draw back in a hurry: a large pigeon had flown into her face, and was
beating her violently with its wings.
â€œSerpent!â€ screamed the Pigeon.
â€œIâ€™m not a serpent!â€ said Alice indignantly. â€œLet me alone!â€
â€œSerpent, I say again!â€ repeated the Pigeon, but in a more subdued tone,
and</t>
  </si>
  <si>
    <t>b'2\xf8\xb9B\x8e\xc3\xb2\x17S\x8e\xa2\x1cYK\xd1\x13\xba\xb8\x92R\rw#\xb5\xbcyx\x0b\xb1\x1e\xfaD\x1f\xb2\xec\x94:\\\x11!G\xe1\x8a0\x91\xb0\xa8\x8a\x1e\xef\x06\x05\xb5 \xcc\x1aF\xa6\x17e\xdc:i\x02\xabo\xed\x07\xe0\xa0c\x85\x86\xef]\x0b\xf2\xf7,&amp;m\xef\xd5\xed\'\xce\xef\xcf\'#I\xb6\xf5\xb8j\xd9l\xdbp.F}\xd4\xe5\x97\xbf\xedW\xe3\xcc\xf2\xdded\x95\xcf\x80\x15A\xda\x9b\xf7O\xaa]\xf00\xe33.\x0fig\xce\'4\xcc\x97KV\x87\xf8IY\xb67\x19j\xb4\x9d\x1f\xe3h\x1f\xa4\xea{\xd7\xb2\xca\xf4\xe0\xe9Y"\x01\x1c\xf6\x0b\x93\xcf,\x94\x97UYcq\xf3\xc78[\xfc\xc5\xccI\x0b\xd0Z\x94&lt;\x08\xa9\xb1\xcd~\xce,\xe0\xb6S\x82\x02\x17\xf6I\x1c\xa94\xb9*\x16\xbe\xad\x925\xd5VA\x17h\xef\xc8\xaa\x9d\x8f\x00\x19]:\x11|\x00@\n\xf2]\x15\xf9\xb8\x05\x8d\x9a\x7f\x95\xc7a\xf5\xae8U\xba\x11\xfd\xda\xdb5m\xb1\x8f\xce\xba*z=bQ.\xdb?\xe3j\xe351\x0c\xfcv\x11\xd7\xa2g.\x9ej\x89_\xaf\x00#\x98\xae6\x08\xd1Lh\xdd\xd1Cb\x11\xe8\xaa\x95\x11\x91\x90*2\xd4\xd2n\xf7\x8a\xb5C\xb8b\xbc\xf4\x1a\xf0\x0b\xa2W\xe8O\x0e\xebmB\x94A\x94?\xc8\xb9\x97\xa3z\xce\xea\'\xbc\xfa#L&lt;\xa0\xeb\xee\xae\xb0\xfe\xfc\xce\xd0\xd5\x18\x1a\x1b\xb7\xe5_\xff6-\xf0\x90q?\xec\x03\xffKcN\xaf\x14\xf4\xf7\xb6\x1e9\xbc\x8a\xc5U\xca\'J\xbb\xfe\xe8\xc9E\xda\x01+\xa8\x83\x85f{+\x9e\xf0\xe7\x94Q\x0bo\x93\x84\xf4N\x11\xdfB\t\x1c\'\x8c\x8b\x199\xbd5\x03@Z\x10\xb7\xe4\xfb\xc3\x10\xd7(4%\xe2\x16#hc\x9b\xe9Q\xc7\x88\t\x8cO\xebNJ#\xa7\xa7\x0f\xa5\x14\x8b\x03J\xfaM\x1a\x92\x8fW\xef\x8c\xdd\xc2\x9d\xf1?d\xb6AG\x12M\xa3\xeb_\x91\t\xec\xfc\xa5\x88x\xd4\xc0\x0b\x85\xfc\x93vV$gc\xa2g$\x1cn\xa6\xf9`\xfe\xdb_\x0e\xe5\xf4d\x04\xa5\xcf\xad\xb5|\xfe&amp;\x001\xe2\xf9\xcb\tRR\x9e\xdaW6\xae\x9fM.\xfc\x96W\x02\x8c\xf1;\x0fE!\x93\xea\x07\x1d\\\x85*\xd2"\xce\xaaBL\xff\xb8\xf6\x8a\xf5x\xb4\xfa\xfdV\xba\xfb\x1f\x1f\xca\xf2\xaf\xaeA\xc3 \xa4~\xc5\x9c\x03\xc7@\xe7Gi\xc8\x90\xa3\xeeW\x1e\xca\xdf\'?\xd7[\xc1&lt;\x13\x16\xce\x12z\x14\xa57\xc2#2\x14\x9a\x13nq\x87\xb1\xfd\x04\x1e\x1d\xc4\xbe9\x15tF\x14\x1fu\xda#.\xfc\x1ag\'XC\xa6\x12\xb3"\xde"\x0f\xf7\xf8\x93\xe7_\x85T&gt;\x94\xf2\x98\xb9\x05\xe6\xb0=\xbd[\x91\xa4\x18\xc7r\x11\x9e\xd9H\xa2\xbbt\x83Q\x90K\xf4\xcb\x1eq\x15%R/O\xf9:\x1c)\xfb\x1b\xfe\xd7\xbf\\w\xef\xdfq\xdb\xd1\xb5X \xee\xe9\xb6p4\x9f\x8ae\xc3|\x99\t\xed\xd9X\xbc\x1e\x8br\xd5('</t>
  </si>
  <si>
    <t>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</t>
  </si>
  <si>
    <t>b'2\xf8\xb9B\x8e\xc3\xb2\x17S\x8e\xa2\x1cYK\xd1\x13'</t>
  </si>
  <si>
    <t>re discussing short-run macroeconomic events. Long-run
 factors are important in the short run because of the central role that expectations about the
 future play in the day-to-day determination of exchange rates. That is why news about the
 current account, for example, can have a big impact on the exchange rate. The long-run
 exchange rate model of this section will provide the anchor for market expectations, that is,
 the framework market participants use to forecast future exchange rates on the basis of
 information at hand today.
 International Interest Rate Differences 
 and the Real Exchange Rate
 Earlier in this chapter we saw that relative PPP, when combined with interest parity,
 implies that international interest rate differences equal differences in countriesâ€™
 expected inflation rates. Because relative PPP does not hold true in general, however, the
 relation between international interest rate differences and national inflation rates is
 likely to be more complex in practice than that simple formula suggests. Despite this
 complexity, economic policy makers who hope to influence exchange rates, as well as
 private individuals who wish to forecast them, cannot succeed without understanding
 the factors that cause countriesâ€™ interest rates to differ.
 E$/â‚¬
 PUS
 q$/â‚¬
 q$/â‚¬
 E$/â‚¬
 q$/â‚¬
 CHAPTER 16 Price Levels and the Exchange Rate in the Long Run 411
 In this section we therefore extend our earlier discussion of the Fisher effect to include
 real exchange rate movements. We do this by showing that in general, interest rate differ_x0002_ences between countries depend not only on differences in expected inflation, as the
 monetary approach asserts, but also on expected changes in the real exchange rate.
 We begin by recalling that the change in , the real dollar/euro exchange rate, is the
 deviation from relative PPP; that is, the change in is the percentage change in the
 nominal dollar/euro exchange rate less the international difference in inflation rates
 between the United States and Europe. We thus arrive at the corresponding relationship
 between the expected change in the real exchange rate, the expected change in the nominal
 rate, and expected inflation:
 (16-8)
 where (as per our usual notation) is the real exchange rate expected for a year from
 today.
 Now we return to the interest parity condition between dollar and euro deposits,
 An easy rearrangement of (16-8) shows that the expected rate of change in the nominal
 dollar/euro exchange rate is just the expected rate of change in the real dollar/euro
 exchange rate plus the U.S.â€“Europe expected inflation difference. Combining (16-8) with
 the above interest parity condition, we thus are led to the following breakdown of the
 international interest rate gap:
 (16-9)
 Notice that when the market expects relative PPP to prevail, and the first
 term on the right side of this equation drops out. In this special case, (16-9)</t>
  </si>
  <si>
    <t>b'0E\x02 9\xa5\x90\x05\x00R\x85\xd7$\x1bTz\x1a;\xa8`\x86\xcax\xb1\xfb\xc2..m&amp;z\xb0\x9d\xe1\x11\xc6\x02!\x00\x9e\x91\x0f\xe4\xf6@^\x9b\xf7O\xa38\x8eC\xdd\xc2]\xe7^\xa7\xb4\xf8\xfb\x15\x84D\xf0|\x1e\x99\xdfX'</t>
  </si>
  <si>
    <t>3045022039a59005005285d7241b547a1a3ba86086ca78b1fbc22e2e6d267ab09de111c60221009e910fe4f6405e9bf74fa3388e43ddc25de75ea7b4f8fb158444f07c1e99df58</t>
  </si>
  <si>
    <t>b'0E\x02 9\xa5\x90\x05\x00R\x85\xd7$\x1bTz'</t>
  </si>
  <si>
    <t>ultimately leads to a proportional increase in its price level and
 a proportional fall in its currencyâ€™s foreign exchange value, just as relative PPP pre_x0002_dicts. Changes in monetary growth rates also have long-run effects consistent with
 PPP. Supply or demand changes in output markets, however, result in exchange rate
 movements that do not conform to PPP.
 7. The interest parity condition equates international differences in nominal interest
 rates to the expected percentage change in the nominal exchange rate. If interest par_x0002_ity holds in this sense, a real interest parity condition equates international differences
 in expected real interest rates to the expected change in the real exchange rate. Real
 interest parity also implies that international differences in nominal interest rates
 equal the difference in expected inflation plus the expected percentage change in the
 real exchange rate.
 KEY TERMS
 Fisher effect, p. 391
 law of one price, p. 385
 monetary approach to the
 exchange rate, p. 388
 nominal exchange rate, p. 404
 nominal interest rate, p. 412
 pricing to market, p. 397
 purchasing power parity (PPP),
 p. 384
 real appreciation, p. 405
 real depreciation, p. 405
 real exchange rate, p. 404
 real interest rate, p. 412
 relative PPP, p. 387
 PROBLEMS
 1. Suppose Russiaâ€™s inflation rate is 100 percent over one year but the inflation rate in
 Switzerland is only 5 percent. According to relative PPP, what should happen over the
 year to the Swiss francâ€™s exchange rate against the Russian ruble?
 2. Discuss why it is often asserted that exporters suffer when their home currencies
 appreciate in real terms against foreign currencies and prosper when their home
 currencies depreciate in real terms.
 3. Other things equal, how would you expect the following shifts to affect a currencyâ€™s
 real exchange rate against foreign currencies?
 a. The overall level of spending doesnâ€™t change, but domestic residents decide to
 spend more of their income on nontraded products and less on tradables.
 b. Foreign residents shift their demand away from their own goods and toward the
 home countryâ€™s exports.
 CHAPTER 16 Price Levels and the Exchange Rate in the Long Run 415
 4. Large-scale wars typically bring a suspension of international trading and financial
 activities. Exchange rates lose much of their relevance under these conditions, but
 once the war is over, governments wishing to fix exchange rates face the problem of
 deciding what the new rates should be. The PPP theory has often been applied to this
 problem of postwar exchange rate realignment. Imagine that you are a British
 Chancellor of the Exchequer and that World War I has just ended. Explain how you
 would figure out the dollar/pound exchange rate implied by PPP. When might it be a
 bad idea to use the PPP theory in this way?
 5. In the late 1970s, Britain seemed to have struck it rich. Having developed its North
 Sea oil-producing fields in earlier years, Britain suddenly found its real income higher
 as a result of a dramatic increase in world oil prices in 1979â€“1980. In the early 1980s,
 however, oil prices receded as the world economy slid into a deep recession and world
 oil demand faltered.
 In the following chart, we show index numbers for the average real exchange rate
 of the pound against several foreign currencies. (Such average index numbers are
 called real effective exchange rates.) A rise in one of these numbers indicates a real
 appreciation of the pound, that is, an increase in Britainâ€™s pric</t>
  </si>
  <si>
    <t>b"0E\x02 \x03\xe3T$\xf9&lt;\x98&amp;o\xa9\xa0\xdeWo\xbf\x1f*B\xe3!\x12'\xe90&lt;1\x9e\xaf\x9e/\xe3\x9b\x02!\x00\xe7\xc9\x00g4\xbc\xa9\xb5\xb2D\x85\xa2\x88\xf7\xd0\x19\xf2zW\x8e\x89'@\xb4-\x84\xfb\xc1\xf3ZH\x17"</t>
  </si>
  <si>
    <t>3045022003e35424f93c98266fa9a0de576fbf1f2a42e3211227e9303c319eaf9e2fe39b022100e7c9006734bca9b5b24485a288f7d019f27a578e892740b42d84fbc1f35a4817</t>
  </si>
  <si>
    <t>b'0E\x02 \x03\xe3T$\xf9&lt;\x98&amp;o\xa9\xa0\xde'</t>
  </si>
  <si>
    <t>it all means later. Or you can do the hard
 self-discovery work of defining what you want your life to be about. One of
 the things I wish someone had told me back when I was a dreaming,
 ambitious, nineteen-year-old was to get intentional about what I wanted my
 life to look like once I had all the money I would ever need. Because money
 is like alcohol: it makes whatever is true come to the surface. If you give an
 insecure person a lot of money, they donâ€™t become more secure; they become
 more insecure. If you give a giving person a lot of money, they become more
 giving.
 I wish that I had been challenged to cultivate a great life before I made a
 lot of money. Part of my journey after my first business was sold was
 uncovering what I thought a great life even looked like. I had no clue. I
 traded a lot of time and energy for money, and I got itâ€”and then I found on
 the other side that it was just as much, or even more, work to cultivate a truly
 happy life.
 Once you do have the money, youâ€™ll have the space and the cover you
 need to go deep and build an intentional life. I didnâ€™t do that. I made the
 mistake of putting it off even further. I started new businesses and initiatives
 and burned myself out due to my resistance to personal growth. In doing so, I
 discovered that the things I was resisting, or the things I overlooked, were
 actually what brought me happiness.
 Happiness is found in your relationships, how you spend your time, and
 the small things that you enjoy. Money expands your menu of options. Some
 people use those options to deepen their relationships, deepen their
 enjoyment, and deepen their appreciation of the little things. Others stay blind
 to them, so they use money to buy new distractions and expand their own ego
 metrics. The person who does the former grows old, rich, and happy. The
 person who does the latter self-destructs.
 If you choose to take on that personal work while your company is in its
 growth process, thereâ€™s a great chance your company will be more profitable,
 will make you happier, and will support the overall life you want. Donâ€™t trade
 that potential for money. To paraphrase Benjamin Franklin, â€œThose who
 trade freedom for security deserve neither.â€
 Iâ€™m not quite as judgmental as old Ben, but those words ring true. If you
 trade happiness for money, youâ€™ll end up losing both.
 I
 CONCLUSION
 The Adventure Never Ends
 t was December when Matt and I first got Sheer Strength to the milliondollar markâ€”almost six months to the day from when we took our first
 sale. I spent that winter, weirdly enough, in a bit of a funk. I mentioned this
 earlier when I told the story of my dinner with Tim Ferriss. Iâ€™d made a huge
 amount of money, and Iâ€™d inarguably smashed my childhood goal of
 becoming a millionaire, but I wasnâ€™t happ</t>
  </si>
  <si>
    <t>b'\x906\xa6\xff\xbc\xdeC\x0c\xd2^\xde\x11\xa9\x81\x82\x0c\x17\xbfF\xb1\xf3Z&gt;\x08\x88\xbdAh)\x1f\xd2\x15\x9f\x88\xa0&amp;\xc8\x95\xfcn\xeb\xc6+\xe69U\xde\xa7D\x9e\x83\xfa\xaf\xcf\xe0\x0f\x81\x9c-Y\xe6\x12\x82;Ar\x11\xd6\xf7\xe8\xea\xa3\t\xac"Z\x95\x11\xe6\xbf\xce\x02\xf0C^\xf3\xd5+\xd4\x0e\x83\x83\xd0\xb0_gsw\x1eq\xcf\xd2\xbee\xaa\x01\xf6\xfa9\xbc\xe8\\\xcd\x1d*8\x11\x9c2\xfd\x92Kz\x94l5y\xd7\x16\xf0\x9e\\j\xb9\x89.\xb1\x15\xf6\xc9.7\xec\x8e5\xc6\xeac\xaf\xfe\xd9\xe8Y\x99Y\x81\x90\xd8m\xc2`5l\x14\x1b\xb5\xc5\x85i\xdb\xaa\xff\xe4\xe4\xb6\xe9\x97 Y/y\xbd\xaf\xd7\xdb\x94v\xf7\xce\x9f\xda\xf4\xa5\x87\xa7\xf9\xbf\xe6\xd7$\x8ew\x01\xb0\x1f\x08\xe6_\x11\xd7w\xb5\xf1\xa9*\x9e\x11\x8d`\xe0\x01\x0b\xfbX7\xc3\xf5\x93\xe7\xa83\xa8\xa2\xbc6]\x11)\xea\xf2\x065\xb2\xc57RVcR\xde\xbeA\x85\xd8\x96V?F\x13=\xfe\x1f\xfbi\xf1Cqp%\xc0\x9f\x13\x0f98:\xff\xcf\xe0\xf6\x8f\x9f3\x1b\xfb\x8ar4z\x7f \xfa\xea\xe1\x9c\x92w\xa5j{T/8\xf6X\x15\n\x86\xce\r\xdbe\xa9\xf1i\x85\n\xd2\ry\xdf\xef\xa1\xfd\x04\xda\xd2DE\xa9NV\xcc\xbf5\x97]&lt;\xf6\xc6&amp;\xa5\xc3\x13\xca\x19\xaf\xe9\xee\x87\xf4\x0f\xfd\x06\xe9\x0c0\'\xa5\x88\x1b\xddY\xe4\xa3RM\xb4\xb4H5. \xfa8-\xe6\x02QK\xd6\x05\xad&lt;\xb3\xe4\xb6x\x1b\xdb\xc3\x95$\xbbE\xce"\x1c[\xa3\xe3t+\xa3,\xaeAo\x16\x8f\xf4\xe3\xc1\xaa\xa3F\xb1\xe5\x11\xb9\x05\xc4n?&gt;gz\xf9\xb4f\xc4;\xceu\xd4f\x87?\xe6\xe0\x83\xd4s\x88\xb8\xaa\x90\xc8Q1bb\xca\x9e\x05nl\x8c`Gh\x9f\xe5\xa2\xc1\x9c\xfc%\xecu\xb4\xa7S\xa3B\xb1\x17\xfe\x05\xba\xd5\xb1\t\xd2 \x11\x12\x14\xfb9\xc8v6\x88\xff\xa0L\xc8\xc0\xb9\xfa8\xc0\x80\xad\xf4\xd3\x0c\xc7\x1aaYe\xb96\x93to\xf41\x81\xf9U\x04r\xc0X\x98\xad\xf7\xb2\x8c\xa3@\xdf\xa1\x14\xdc\x93\xc2\xe98n\xff\x97{\xc9`\x07H\xc7\xd05Ft\xc3\x03\xf7\xb9\xd8a\xf4\x93\xb4Y\x93\x9f\x14"\x9e&amp;\x03\x8e\xc3\xa1\x85\x8b\xec:\x88\xd2\xf0{\xb7t\x1e\x97\x0c\xcf\x17&amp;\xae#\xe6\xf6\xe9]\xfdh|\xb7|\xf2*\xadz\x93\x94kH\xa9\x9a\xaa\x82\xa8\xfa\xc7\x87K \x0fJ\xbb\xd6\xbd\xbe\xccEV\x10\n\xab\xca/\x08Fyh\xae\xe3\xd0\xa7(\x8d\x803(0\x85\xf8\xa9\xac\x8a\x8a\xcbtO\x8f\xfby\xa3Z\xcf\x02\x94\x97J\xe4\x86)\xb0\x7fc\x99\xc4\x9d\xce\x9f\x8a\xa0\x89\xb4"\xc0\xd5\xed=\xe9\xb4\xe0\xed\xa2fOd\xb9\xdb\xf2,y\x10\xd5\x81\xd6\x9f\x89y\xd6;\xe6\xaa\xaa\xd2\x89\x93\x10\xe5K\x91\x9c\xce\xf73bbZa\x05\xc2!\xd7\x1e\x16`\xa4\x9b(\x89\xcf\xfeW\x0f\xf3\xc0\x8cO\xd7\xd5\x8by\xec\x1e\xbd\xef\xf9\x88\xaap\xa2*\xb4\xab$\x12]Mu \x87\xd9\xf2\xa9\xef\x08k\n\xf5\xc1\xd2\xc8[\xf5\xa3\x9bD\xf2.I\x7f\xb5\x99|^V~\x15\xfe\x87\x8b\xcb\xbd\x9b`r\x16\xfc\x8dH\xfc\xa9&gt;\xae7\x94|\x80(\x9bNK \xc7\xd1\x8a&amp;\x10\x07\x1cM\xfd.\xa1\xc3g\xe1$\xf8\xbc\xdc!\xd3B\x07\xcd\x0fJ\x0f\xe1\xe9\x97\x05m\xd9\xc9I\x88\xd7\xa5\xe0`Hr{\xe3\xd2\xd8\x82\xdb\xb9\x11Q\x16\x97o\xce\xca\xb68\x0f4-=\x91\xae\x10}\xa8Y\xe3\xeb\xadk\xf3\xa9\xf4\x1d\xef\xaf\xe9\xee\x04H\x1a\xc9\x02E\xbf\xad^\x06\xf5\x882aC\x05\x96\xa5\x0b\xbbK\x83X\x00\xc2\x12\xfd\xcb\xc9&gt;\xf5Pi \xd4F\xbc\xc7\x1f(\xd5\x92\xdb\xfb\xecc\x80\xaf\xe1\xd5\x1fe\x8c\xbchGB\x12\x94\xb5-A\x96Or\x07\xdd*?J\xd3\xf9\x1a\x9f\xecet(\x82N\x02\xf3\xa3\x92\n\xec\x8c\xdb\xd1\t\xbc\xca\xb0T2\x1c\x94\xb3\xdaJ\xfb\x93\x1dv0\x9f\x9b!\xbc\'\x1b\xd9\xd5[m\x0fc#y\x1d\x1bS!j\xd8\xda\xbf\x05\xef\xbb#g\x97WV\xf5\t|\x0b\xc2\x954\x12\xfc;\xfc\xa1\xc9\xc4Q\')e\xda\x8a\x03,rK\x9e\'\xe5\xbb\xb7\xc8\xeb\xce\xe5\xa1\x00\x0f\xc6\xce\xb4\x87\xdc\x1a\xd0\x15\xa8\xe1\x11t\xe1\xa9\xc9H\xcae\x1d\x81\x11\xe4\x98\xf8\xd5\xb9BS\xe2\xab\xbc\xdb\x17W\xc3\xaf=\xf9\xcbX\xbe6\xbf\xc1\\h\x051\xef|\x10\xea\xe5}\xe2Ihf\xc2\x14\xb2t\x9f\xf2\xd8\x8dP\x07S\x14\x94\xceY~\x08U\x17\xe7_\xe7;k\xb1\xc1\xad{\xc4\x8aj\xb2\xc3#\xeb\x81\xea\xcb\x88?\xb3\xb1\xc0\x0b;\x96Z\xb7\x8a\xefX\xc8\xda\xfe&gt;\xee-\xa3B\xcb\xbf\xcd\xf5\xf6\xb1\xef\x17;qR@\xa7\x0ee\x92N\x08n+&amp;\xf6\xb2s \xbb\xefFS\xbc\x9c\xfek+\xa1v~\nU\x94\xf4zV\x88z\xa6\x94\x00\xf2\xd9\xf92Q\xb1\x98q;\xaf5\xc3XX\x11s:\xc6\xf8qO\x87\xc0\xf3\xac\xab\xc2\xd6\x82\xc1\x18.:\xa4\xad\x98\xc09\x02\xa2l@\x7f\xccDY$\xce\xb4a\xf9\x9c\xd8\xb0\x0e\xdc\xa3\x03F\xe3\xd5\xcd\xe7\x19\r\x83\xfd\xd1\x8e^\xd1N\x9aL\x91p\x0cF\xb2\x1b&gt;\x02\x97\x06\xe7\xee\xa4\x96\x07\xb7\x17\x0b&amp;\x13L\xcf\xa22K\xb3L\x94\x91\x1c+\x00\x15\xbeB\xe82\x89\xb8+B\xfd$\x03\xcc\xfcz\xcd\xca"\x1e\xb4\xde\xa72.\xc6\x85(\xaa=q\x8e\xf6\xbf\xe3\xc8\x8d\xd5\x7f0E\x88\xd6\xd5\xa5\xf0\xf9\xd7\x8f#\x02\x19\xbbH)\xfe\x84*\x1f\x01\x85\x93\xd4}\xcf\x07\x8a\xad\xd2\x94\xd3a%\x1e\xcc\xa0\xfd\xefQ\xc6\xbe\xd0r\xee2hP\xb3\x9d\xf6\x13\xe7\xd8\xc0]\xe4#\xd9:\xbfI\xa0\xa4\x1d(\xe4\x12\x99\xa6\x93y\xa7t\xc3\x0f\xff\xb2\xe4\xc1[t\xda\x00\x84\xf9\x9c\x86\xd2J9\xd3\x1aA\xad\x82\x9c3\x0b^\xdc\xc1s\'.\xa9\xa2\xc2\x14#_\xfd\xf4\\\x8e\x1b\xb1\x06\xb1&gt;\xd7Mqt\x81\xbb\x92\x9a\xa6\'\x1e\x8d2\x81\x07]\x86\xce\xb7vT\xa7Xg\xf7u\xe93"X\xd1G\xbc\x19\xd5\xddc&gt;\xacC\x99\x10,\xb9\x19i\x90\x1e\xe6\xb5M\xa4\xf6\xf5\xe9\x1c\x01\x8c\\\x97\xdb\xba\xe5\xe1Y-\x1b\xc8dK\x98\xcd\xc7tYo=^\xd4\x03\xc3\xe29\xf3G\xdds\xcd\xae\x9e\xa6M\x875\x03\x7f\xe5\xc4\xebR\xed\xca\x13bQ\x81\xa2\x02\xc8\xd6\x88\xf7\xf1\x82\x04[\xab\xa6iVe`\xf2dT\xb4h\xde0\xb6\x894(\xbbh\xeb\xca_\xa9\xb0s\xd9\xf3\xba\xe79\x1e\xf8U\x8f\x9f\xd6\x92\x82r\x11\xf2&lt;\xbb\xd3~\x01\xde\x83\x06i\xee\x0b\xb9\x03x6B"\xa6\\\xab\xa4\rT\\\xee\xc3\xb7@\x11\xcd\x0cZ\xe5\xb1\xbaT\xf8\xed\x1c\x04\xee\xe8\xa2\xe4\xce\x97@\x0b,\x08\xfe\xb62X\x89]hE\x1c(\xe7\xce\x94\x9bS\xebA\xcf?8f\x0f\x97\rSp{\x18l]\xecB@\x86A\x9ej\xdeT+\xfea\x1f\xcd\x9f3\xf5\xac\xbfid\t-z\xed4}\x7f(\\\x05fXc\xe9vy\xb5]\xbc?&amp;\xa6\xdf`4\x86\xbd\x8a\xc8/\xb7e~m\xbc`\xe7\xca\xc7\x10\xddDT\xd3V*M[\x12F\x96pR\xae\xee)\x160\t\xbefyN\xcf\x9dL\x80\xbc\xdc\xdc\xabW\xa7\x16\xcd\xce\x02\xb5\x96\xed\xb0\xb8\'\xa5S=\xef%#\x9bG\xba\xe6N\xadkS\xf3]&gt;T\xd6{=\x95_A\xaf9a\x99-I\xe5\x84=\x92\x03\xae3\x1e\xa1{h\x1f\x8b($\xec\xcbM\xf6\xfd\xb0`\xb58r\xf6\xde\xe9e\xa5\xaa*\x8a\x06\x95\xeb\xb7MK\x8e,/\xe1\x02\xef%;b\x90\x84 \xae\x8c\x11\xb3\x1f\x08\xe7n\x96\x9d\x13\x17\xab\xd6\xb2\x1c*\xd7\xa9\xa7\xf2\x0e\xd2\xa4\x02\xbeM\t\xac\xb0|lA\xd0R\x0fM(R7\xdbD\xe8wF`\xc9\xc0!\xf3\xf9\xc3\xa9\x1f\xfft\xbdW`:\xd8)\x80\x1et\x8bs#e\x18I\xc5KDe-\x8d\x19I\x9f]*\xb8\x12\xf6.o\xd9\x87I\xa6\x98w\xf6\xa1\x1d\xb7\x8b\x1e\x17\x0fb\xe5[\xe3\x0cH\x94\xf1\\x\xbd\xcb]\x04\xb8\x9a\xba\xea\x11\xe8\xc1\x0b\xa9\xe4c.\xd7\xbfI\xcd\xc2\xda\x93\xc2o\x891\xf7G(Q\x8e\xde+;\xa6\xa0k^\xbc\xfd\xf7W\xa7\x16\x07\xb1\xf5\xc3\xd6\x08\xa7\xa9\x0c\xe0\xc9\xbeB\xf1\xadUo\xd3\xb9\xb7\x8d\x8b\xe6\xdd\xc3\xecU\x84E\xc0\xc56.\x9d:\x95\x8f\x88\x90P\x88"\xf8\xbcM\xe2\x9e3\r\xf7"\x10\xde\x04\x001\xbaez\xd6\x9bD\tm\xf2@\xfc\x8fWa\x1a:\xea\n\xb0\xa3;\xd3$+\xf0\x93Oc.\x0e\xb2\xb1[8\xefj\xe9\x06B\x18F\xc4a!2-\xe2\xd7\xe4\xf7\x98j\xdb}J\xe4\xc89\xc50\x84\x92".4\x04\x87\xa4\x03n&lt;\xc3\x05\xbf\xb6\xa1x2c\x10\r\xdfp6\xdd`X\xd3\xe7\x0bP\x9eK\xc0\x15\xe0k{.\xdf\xfc=\xa3\x14\xe0L2\xd7tD%N\xb9\x03\xaa\x0b\xaf\xc3M\xef*\x02\x9f?\x8f(\xf3\x92\xfbM\xd9\xd5T\x932+\x1b\x0f\xf6\xb6\x0c|\xdc\xd7~\xbc\x1f\nvY\xe2p\x8d+\xe1\xe1\xde\xda\xd9\xcd\x1f\x8f%\xb6\rHLs\x9fj\x0c\xecn\x81?\xbe\xb1\xa2\x83\x0e\xee%\x13\x85\x0e\xf4F\xa0\xcc\x8fD]\x01\xcd2\x04w\xe8\xa6\x88l\xdd5\xee\xac\xd3\xa6j\xc4\x08\xb5\xb0\x834\xd06\xa1\x9b%@\x18L[\n\xd2\xe66\xac\x19\x92\xd3\x188\x80`V@\x88ewL\xa5M6C\xc7\x02\xe4\x81\x06Z\x02}j*\x10&amp;\x1f\xe17Z\x98\x04L \x07u\xf1rr\x10S4\x8a\x19]p\xbe\xbe\xa7\x96\xa0\xbbN\x9e`\nM\x06\xe4\x82\xc4\x9f\x96\xc9\xb2\xee\xec\xcf\xca}G\xee\x03d\xb3\xd3\x7f\xb68\x8aE2\x9a\x00\xa8\xd7\x15\xe33Q&gt;\xa8\xb2\xdf\xd2\xea\xd59\x93\x8c]\x00\xfc\xf5\xe1s\x9f\xe5\xbb\xf4C7&amp;&amp;\x19\xbb\xd5uI\xa1\xab\xf4\x95"\xe7\xfd[\'\xd4\x17zCA\x12\x9b\x9a\x05)\x8d\xb6\xf2\x96\x9cA\xdb\xd1)?R\x13\xe5\x98S\xe4\xbb1\xcb\xf7DN\xfc\n\x94\n\xe6\xbb\x81j\x96\x0cC|\xff\x94\x0e\xf9\xdc(\x92w\xedL\xd6:\xf8\x8a@\xeftghw\xca\xad\xe4\xa64,6fnY\x90\x92\x01\xb6E@C\xbc\x89\xc3\x83\xf1E\xda\x0fJ\xc6\x9bA\xe7&gt;I2\xf5\x98#]\xaf\xa79$\x9b\x9cm\xfbTj\x94N\\\x9a\'Z\x13OD\xfe\x06L\xa9&gt;W\xe7\x8c\xbd\x1d\xed\x06\x84m\xa3bD\xbe\xe3,j\xcd\xd6\x00U\xa1\xa9\x0b\xf11Lw\xfa\xb6\x91\xae\x08S\xc6\x129l\xd4R-\xd8\xd6\xe8\xc0\xab\x85\xbd\xecVvQM\xdf\xec\xd2"\xa2\x96sO`7U\xae\xf3$\x90m\xbb\xb0D\xab\xa8|\x82\xa1\x83\x84\xf6\xbc\x82#\xdb}\xeb\xda\xe5\\\x8cG\x97\x9a\xa4\xd7\x04Z\x1c\xfbG\x0f8\xfc\xc2\x00\x9an--\xd4\xf4\xf3\xd4(\xa6t\xc5H\xb5\xb1\x98\xc8\xe84\xca\xee9/D\xe3\xda\xce\x82\xd9\xdc\xd5\x8ff\x1bcE\xd26\xe2A\xbdv\xebr]0g\xff\x11\x88\x1dq\x7f{\xb24-\x1a\x04\x87\xb2t\xbe"\xcd\xbfR\x01\xe3\xc6\x11By\x01~\x1e=\xfd\x1cI\x0f\x9b\xd9b'</t>
  </si>
  <si>
    <t>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</t>
  </si>
  <si>
    <t>b'\x906\xa6\xff\xbc\xdeC\x0c\xd2^\xde\x11\xa9\x81\x82\x0c'</t>
  </si>
  <si>
    <t>rised, that is the DC voltage applied to the capacitor terminals must be of the correct polarity, i.e. positive to the positive terminal and negative to the negative terminal as an incorrect polarization will break down the insulating oxide layer and permanent damage may result.
All polarized electrolytic capacitors have their polarity clearly marked with a negative sign to indicate the negative terminal and this polarity must be followed.
Electrolytic Capacitors are generally used in DC power supply circuits due to their large capacitanceâ€™s and small size to help reduce the ripple voltage or for coupling and decoupling applications. One main disadvantage of electrolytic capacitors is their relatively low voltage rating and due to the polarization of electrolytic capacitors, it follows then that they must not be used on AC supplies. Electrolyticâ€™s generally come in two basic forms; Aluminium Electrolytic Capacitors and Tantalum Electrolytic Capacitors.
1. Aluminium Electrolytic Capacitors
There are basically two types of Aluminium Electrolytic Capacitor, the plain foil type and the etched foil type. The thickness of the aluminium oxide film and high breakdown voltage give these capacitors very high capacitance values for their size.
  36
                 The foil plates of the capacitor are anodized with a DC current. This anodizing process sets up the polarity of the plate material and determines which side of the plate is positive and which side is negative.
Figure-21
The etched foil type differs from the plain foil type in that the aluminium oxide on the anode and cathode foils has been chemically etched to increase its surface area and permittivity. This gives a smaller sized capacitor than a plain foil type of equivalent value but has the disadvantage of not being able to withstand high DC currents compared to the plain type. Also their tolerance range is quite large at up to 20%. Typical values of capacitance for an aluminium electrolytic capacitor range from 1uF up to 47,000 uF.
Etched foil electrolytics are best used in coupling, DC blocking and by-pass circuits while plain foil types are better suited as smoothing capacitors in power supplies. But aluminium electrolytics are â€œpolarizedâ€ devices so reversing the applied voltage on the leads will cause the insulating layer within the capacitor to become destroyed along with the capacitor. However, the electrolyte used within the capacitor helps heal a damaged plate if the damage is small.
Since the electrolyte has the prop</t>
  </si>
  <si>
    <t>b'\xa5r\xb4Lx~\xc3C\'\xe6\xa3f\xa8q\xed\xe7\x9cA0\x95F\x90\xa8X\x1eX\xe8\xd7eb\x02\x9dL=zf\xde\xe8f\x02\x97\xc2\x8e\x05&amp;-Q%\xc5&amp;\x1f\x86\xef\x82\xeb\xae\xde\x02\xc3\xae\xe6Q\xcb\xe0\x864o\xee\xef \xf2\xe7\x9e\xbb\xf9?\xc2\x04\xb08\xa9v8\x98\xe1\xcd\xe9\xa0}\xfbULvAV\x93Z\xa5O\xdaC\x0f\x02\x105\x86\x95\r\xfbr,&amp;E\xc5\xce\xed\xc4\x8f\xb4\x86v\x06\x94\x10\xcf\x9d\xdd\xd8\xfd\xab\x99d\xbc@\xc0\xb2S^u\xeb\xa2\xab\xce\xf4x\x8e2\xd9\xa2e.a\xe3\x90\xd9\xb5&amp;\x94\xda\x99\xb6\xf3\xab\xaa\x9dTk\x05_\xe6\xdb\x94&amp;\xf7B{9\xebW^\xd3\x16\x19\x14\xf4C\xbf\xee\xe4:\xbd^\xf1\x99`;\xe6\\\xc9\xd5\xabJ\xcc\xd47o\xc3\xdd\x00\xb6\x19\x15*C\x8b\xae\x9c\x98\xe6\xb5S\x8cM\xa7\x10u\xbb\x9a[\xe5.x&amp;\xfe}J\xc6Z\xf7M\xe2\xcc\xdf\x13\xc7rM\x18\xcd\xd4(h\x06\x95\xf1\x8dX\x9e\xd8Zt\xd3R\xa8g\x12=\x880\xdf\xe3\xf0\xcf\x92{P\x98\x02IAV\xfa\xa1\x82\x8bN\x16\x19\x1f%\xe8\xa1{\x87Ny\xd4\xeb\xc8\x11\xf6\x9f\x90\xb2\xfd\x97\xcdD\x82\xda8\xec\xdct&amp;s\x04\xb3\xce\x9e\xa6\x9cTGOvW\xc30\xf9\xf07\xe6H\xac$&gt;\xe250\x8a\xd2,*JA\xd2\x8cg\xf6\x91\x7fC\x8b#\xeb\x84\xef\x9e*\xcd!\x10\xdbS\xb3VB\xee\xbbp^\xcdua\xf9x\xc2j\x92z\xaex\ta8\xf5\xe5\xf6\xef7\xeb\xee\x0ff\x0b\xa7\xa7\xc2\xe6,\xcf\xacy\x92O\xfd\x9c\xc7\x1b\x89\x9e\xafl\x9d~h*\xad\xbdO\x97\x1c\xaar!D]\x01\xa4\x1f\x1c\x07r\xcc\xab\x846\x03\xa1\x05\x9d\xd1\xff\xe9\x8a \r[]\xed\x91L\xc7\x05]\xc07\xb7\x86\xee\x95\x00\xac\xf7\xb73\x0eKL\xb9b\xd6\xb4\xbd\xc3\xa7\n\x1f\xdbV\x14#\\\xc2, \xfaMi\xa7L\xd7V\\\x11(\xba\x19h\x03bem(`\xdc\x86bQpG\xb92b\xc3Si\xee\xa5\xfd\'"\xa8Tr\xcc\x82\xab\x1c\xd9z (\xc5k4\xd2\xd4B\xb8?\xc6\xf7\x0f\xe9&lt;9\x7f\xd0Y\x0bf\xf0\xe4\xea\xcd\x99F\x1dqS\xf4\xb7\xaeZ\xf3\xd1]L\xa3H\xfe\x90;\xb7\x8c\xf3{k\x19\xf2\x1dO\x10\x862Zcf\xb2.\xd9\xe8b\xb38\x10\x00_\xf3kU~\xad}/0\xff\x8f=\xed\x90\x15\x94\xb3*\xf4F\xea9\r5HRJ\x15\x0fS\x8c\xab\xd85\xf2\xb3Ic\xddT\x10Ku\xc7\xda\x89\xd7\x10\xc0P.\xaa\xa5\x02\xdeI6\x026cN\xc7\x99)Q\xcc\xfd@--hs\x1f\x01\x10\xfd\x08e\xf2\xab\xedU\xba\xb45\x11W\xa0M\x82PR\xca\t\xffI9c\xcc\x04\x94\x0b\x16$\xdb\x88\xc0\xebL\x04TE\x08!\xfaj \xee\x98\x84e\xbdt\xe9\x03\n\xab\x12\xe0\xe8-A\t2\xd49\xfb\x058\xcd\xff\x19\x98\xa6\xd5C7\x0f\x12\xa6f\x8f\x8cP\xed\x86\xac\xc2\xed\x9d&amp;`\x8d\x1f\x17\x87 \x0f\xd5\xd5\x02\x9d\xd0x,\x07p\x1e\x95\xe8\xb8 \x9f\xa4]\xb9V^\xae\xc9\x9dJ!X\xfe\t\x81\x8a`^\x94\x84Ah\xc3bE\xaf\x9fGg\x88\xf9\x0f\xea\x05d;-\xeb\x86)\x1b.\xbc\x97\x04\t\xa8\x8b&gt;\xd6\x10\xd5\xa9\xbckW\x83j\xbd\x00\x12\xdem}M\xb4loA\x80\xb5YE\x1cJ\xcb\x9f\xa9\xe4u\xf5\xcfB\x88\x98\xfd\xf0*\xbc\xe7\xdf\xec\xce&gt;\xe5\x06\x8a\x19\x16&lt;\\\xb7\x9e/\xca\xe3Z\x9f\x13[I\x99#\xb1\xb4\xe8\x7f\xe3\xbe\xa27\xf0\x1aND\xd5a\x9fo`!9\xd5\x8f\xf4t\xc6G\x139dE\xa9\x8e\x88[va\x8c1\xe9\xf9\xc1\xdba6&gt;\xa3\x10.\x91\xf1\x96\xf2]\xa0\xd0\xbc\x8d\xb1\xef\xc3\xc3W\xe5dF\x17%\x86e\x1a\xdf\x17\xd0\\v\xabx\x12\xd2\x1d\xbcx\x043]\xde\x81\xd0[H\x81\xdb*\xa1&gt;*\xf9Cgm\x8bM\x7f=\xd3\x8f\xa8B8\x9aI\xa2\n\xab+\x04H\xf4\x19e\xcf\x94\xf0y\xd9sw\xe2\x0b\xc3\xae\x81&gt;\x97\xedp\xd5\xdcd\xe9\xc0u\x1e\xb8\x18v\xd7?\xa3\xf1_\xfd\xe0\xc8i\xb4\xdd\x85\xcc\xa0\xccF\rQ\r\x08\xbfC.)\x17Z\x0c\x80m\xd8T\x1e\xb8\x1a\x15\xc0ol\x1e\x11\x15_\x1b\xb6\x81\xf7\xf0\xbd\x17\xfd\xb2\xc7Hg\x9en\x16\xfc\xdc\xb9\xc2\x9f\x9a\xad\x17v\xee\xe1\x1c/\x97A\x8dw\xa7;\x0b\xd1\r\xc1\x7f\x99\x1e\xb4\x12\xc8\x7f7\xb5\xaas\xe2\x08\xe9\x84y:0\xc7Y-O\x8aD\x9c\x9e\x19\xb4m\x16\xa1h\xc9\x81\x1b\xb9\xf1\xa2\xa1I\xbc\xa1R%\x98\xf5\xdc\xa7\x17\x89\xc4\xd0\xd9\xa5\x1d\xa2\xb9\xa5?GP\xa9\'~\xb0\xc6\x99\xd0\xdb9\xf2~\xcb\xbf\xcf\xc0\x93\x85\x96\x93\xa0@9\xd0\xb4o\x9b\x8a=\x04\t\xbc~\t\x9cd\xe1\xbdH\x1a\xac\x04\x97FD\xe0x\x13O=\x84\xa48\xcbB\xbe\xd6\x9a\xbd;r\xda\x98\x9a!\x82\x98B\xb7\x07\xcf\xda\x9fQ\xc3\xe9\xf4\xb4T\xe7\xdbs+\xa2\xbd\x9f\xd4\xe7s\x0e{\x15\xe9\xaa\xc0W}f\x83\xec\x08\x10\xaa\xa0\xab\xe8\xd7\xf2uj\xec\xe6\x90\x18\xdaxV\x0c\xe8\xdf\x9fj\x15\x8ck\xe1\xa7\x90R\x11\xe2\xda\xea\xe5v\xcd;\xd3\xa6\xf3d\xcc\xe9\x9a\x88\xb6`\xf5\xaal\xca\xa3\xd26\xcb\xf7l\x91\xd6\xe2&gt;) T\xfcY&gt;3&amp;h\xd8B\x18\x98\xe5Ak \x15\x8f\x07\x85\xb6*a\x94\x15p\xfd\xbd\x97_\x05\xb0o\xa5\xfd\xba\xf36\xf4\xa9\xb8 Z\xcd\x8d\xae\xfa\xcf\xfe\xd0\x02\xb1\xe9"\x9bv!\xc0\xa4N1\xd7\xb9\x8e\xf5\xc3/V\xd1\x7f2\xbd\x00,j\x8e+\xe9o\x94\xa6\xaf{\xffi\xc8#\xad]}\x86C\xb6\xd6\xff\x19\x04\xc8\xd7\xeb3\xda|\x80N\xcd\x1c1\xbcULp+j\x86)\xf0\xbc^oJ\x06\xc2u\x8f\xd7S\xf7\xf5$\xfc\xbd8\x9e\xf1\xf6A\xec\xee\x98\xe9k\x9b\x08\xbdPl\x93!\xe4\x8e\x183\x0fo\xe8)\xca\x1a\xfd:\x05\x82\tO\xb5\xe7&lt;T\x16\xcf"\xa4\x81\x9e\xcaa\x96\x075Y.\x80\x02\x81\xcd \xe8K\xf30\xd9\xe8.;)\x87\x84\xc5,\x87*\xc3\xbe\xba\xc4*\xbe\xe0\x8e\x19\xfd\x88\x8afW\x8d\xa0\x7f\xc45\xed\xef\x88\xe6\xc2\xbc*\x01M\xef8\x0f\r\xee\xb2\x16\x13B\x97\x80\xe3\r/\xbfD\xc7\x11\xf4\xdd\xcc\x88&amp;R\x1c\x8a\xf3T!\xd9\x08c\x1aZFn3\xc9\xe1A\xdat\x1f\x9d\xb8p\t\x15\t&gt;}\xe8\xc7\x8aB\xe3\xfd\xd6Wy\x16\xfem\xbc\xb7\x9d@\x1d\xb7X\x92\x82?K\xf3\x03k\xa1o\xec(e90\xed-R\xc3\x12B}\xe9\x86\x15\xb7\x9b\xc73\x06\xa9\xe8e\xfe\xac\xf3Rr\x1b\x9en\xe0\xd7\xcbX\xe9\x9a\\o\x9c\xf0\x12\x88q\x8e\x9a\x86\xa3\xd1\xbe\x97\x8d\x9e\xa5w\'\xae\xdf?\xf4\x9ej4\xe8A\x96\xad\xac\x97!\x91\xd3b\xbcM\xf1A9\xc5\xfc\xfe\xa6\x84\t,/\xfaTU\xd4|0`\x06\xb6h$\x06\xfc\xe6m+fd\x03\xd4\xc8;\xf4b\x81u\x04c8\x1b\xc3\xa9&gt;\x9d\xbby\xa4_\x0f\x0e^K\x01\xe6PL\xba\xfa1\xd5?\xca\x93\x1d@:\xfd\xdf\x9e\x11\xbew\xf2\xa01\xa4-\xfcT\xd9\xe4b\x82q\xe6Lw&amp;,\x0c\x0b\x18O_flDJA\xcb\xc4{]\x89\xf5b\x13\x8fT,\x8a\'\xe1\x11\xfd\xd6\xf3\x18\x8c\xcd\x1d\xd1Z\x8f\xa3\xc5P\xa5\nE\xb8\xf2\xa6\xdeY\x89s\xdf\x06\xec~Mmg\xb9\xd3Cb\xc5\xa2O\x15&amp;\x85G\xe6\x17\x81\xd7\x10b\x011\x9f\x91\xde*\x1f\x08\xdeB\x98\\\xc4\x06\x84\xdc\xb4&lt;\x05G\x02\xd2\xa7`@\xc4]\xc2N\x0b\x15\xc8\x06\xceS\xb6 \xc7\xce8\xc9\x82\x16Xr\x0c\x02"B\x05^`0.:\xcf\x8a\xbfT\xd4\xf8\xf2LF\xba\xffB\xed6\xaef\xce\x1d0\xe1\xd1\xb8\x06\xbaj\x8cm\xf1\x08\xc8\x8cB\x96\xf3\xd3OV2\xaeC\x8d\xf4^S\x1b\xa7\xe9\xb9uJ\np\xdcw$1zd\xe5}\xe7\xc2\xad\xf0\xec\xa4\x0b\xff"\x15\xb4\x8c[\xd4\xcc\xef\xf0\xb5\x97\xd5O\xce\xeb\xadrQ\\\xcf\xa4\x8d\xed\xd1\x83Mxj[\x97\x8f\xac\x0e\xf0\x8ex3\xa04\xd1\x0c\x92\x91\xbd\xdeib\xf7\x91\xe0a7\x1a\xcd\xfbk\xaa\x8a\x96\xdb\xa6\xbc\x18\'P\x8a!&amp;z!\x14]5Q\x98\xd3x\rV\xd2&amp;\xa7\x9a\xb1KC\x94J\xea\x9a\xe9r\x94\xfc\x12~\x8dO8\x0b\xc1U\xe3\x9e\x13\xe8\x9bEq\xac\x95z\xfbq*=\x88\x1d\x95\xcah]\xa2\xd7wl\xf7l\xaeM\x0e\x04\x18\xd6\x80\x05G8\x14C\xf5\xc4\xe5\xdd7\xed\x12\xf92\xb1\xa0\x80F\x97\x05\xb8\xd0BG)\xe6\xee\xf4\xff\xd9\x83\xaa\xd32\xb4\x9c\xdb#\x88\xac\x97\r&lt;\xc6\x9a%\xb0\x11\x00\x87\xc1\xd1\x10^/{\x7f\xd6\x12\xfbB\xa3\x87\x112C\x9a^\xd9\x16@\xa6\x9c\x00J\xdd\xc2\xee0\x0cM\xf3\xdeH&lt;u\xd3)~\x16\xb5!P\x07`\xcd\xad\xe8\xa7E\xd5\x12m|\xa3\xe4\xc5A\x03\xaf\x94\xf4\xe6u\x1e\xab\xb1Kc\xcb\x99\xff\xc2\xeb!\xcc\xedQ:Q1\xab\xa1\xf9\x94\xfe\xe2\xe9Gg\x90\xffo\xf0\xf9\xeaP\x99\x12\xb2\xacC\xaf%\xde\xa7\xb6_g(\x98\xdb\x8f\xfbZ"\xff\x0f\x95\xc2oO\xcb\x1b\xddx\x1c;\xa8\x16\xe4\x81\x7foh\xf2\xe4}"\xef\xd3*`\xb0\x91\xfd\xe9\x8cu%\x99\xa7&gt;\xb2\x0c&amp;\\}^#\xbb\x85\xb42a\xab\x12\xecw\xd3\x19\x04T\xff\x07\xd0\x01\xb5\xbe\xbaK|\xe6\xadP\x03)\x13\xf1\xb5\xe3\x94\xfe.\x8f\xeb\xb9\x90\x19\xd4\xdb\xedL9V\xbf\n\xba\xad\xcf\x8e\x04\x82\'\x1f\x0e\xfb|\x0b\xf0m\xfez\xbco\xb0]|\xdc\xb1\x88\x1dl\xd5\t\x9e\x05[\x91I^\xfd\xf7\xc9\xa6\x1aa(\x9d&lt;~\xb8\x11E\xebN7l\x07R\xb7\xa5\x1b\xb9\xc5i\x1bD\nM1\x99\xafw\x1a\xa1\xa6\xb9\xdbj\x16\xe58\x02\x01\xdd\xb7\x96\x9a\xb5\xd8e_\xc9\x06Z70\xa4\xeb^\xf2\xd2\xad\xa2\xeb\xa6f\xf4\xf6\x11\xaaVJ\xeeh\xa7\'K![c\x87\xa3b0\xa7&amp;\x84wg;\x0ey\x96\xac\x9d\xa8'</t>
  </si>
  <si>
    <t>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</t>
  </si>
  <si>
    <t>b"\xa5r\xb4Lx~\xc3C'\xe6\xa3f\xa8q\xed\xe7"</t>
  </si>
  <si>
    <t>at our appearance; "Lillibullero" 
 stopped off, and I could see the pair discussing what they ought to do. 
 Had they gone and told Silver, all</t>
  </si>
  <si>
    <t>b'\xd2\x0c\xe1\x04\x84\xd1&gt;\x00\x8c\x80\xf9\xe8\xdb#3 \xb9\xce\x7fp\x83\x96\x8b\xc7\x1f\xe2_&gt;h\x9f$\xd9w\x1e\x01\x1e\x1fw\x1domrN\xa4\xbf\x02\xf3}\xfc[\xfe\xb3\xd2#B C\xf1b\xb6\xdf1.b\xa7]~\x15\xbf\x85\xebC4"\x9f,\x8d\xbe\x17\xaf\xae\x0b\xe6%\x13\xb1\x7fN\x8b\xeb\x9f3$\xbb\nw\xad\x9d\x81\xfe}\x87\xfa\xeb\xe6\xd3lT\xb7,\x0e}GId\xa8.\x0f\x95\x89 y\xff\xe4\xee@\xfe]\x9a\xba\t\xdfT,`\xa0\x9e\x94\xff\xba\x08\xc5.\xbb\xdb\x89\xe04\xf5\x9c8\xc3\xfdt\x831\x81\xdb\x13\xd3O]\x86\x95\xbbz\xf2r\xc6\xed&gt;\x08`G=j\xb1h2X\x0b\x15\xea\xf8\x19\xa5\xc7t\x16\xde\xbf\x11\xc2\x17M\x9b\xa6Z\x88l_e\x06\xb2t\xc8\x11\x8e\xfa\x17o\xe3\xcc\x83Ggy\xb3?\xba\x02\xc0\xe6\x17\xfb(\xb7,\xe0\xa6\xe1\xfc\xb9^\t\xec\xaa\xac\xd1\xc5\xabx\xb7\xf5#Q\xbe\x94\xef\rD&amp;\x1c\xa9^\x08'</t>
  </si>
  <si>
    <t>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</t>
  </si>
  <si>
    <t>b'\xd2\x0c\xe1\x04\x84\xd1&gt;\x00\x8c\x80\xf9\xe8\xdb#3 '</t>
  </si>
  <si>
    <t>hage, where it was read out in church
each year on the anniversary of the authorâ€™s death (and in the process reinterpreted by
late antique church authorities) (B. D. Shaw 1993; Salisbury 1997: 166â€“79). Though
the circumstances of their composition and preservation differ significantly, all three
narratives share a common trait: despite their (to us) highly personal nature, all were
consciously composed with an audience in mind, and all are in a sense apologiae,
explanations of the authorsâ€™ motivations and actions. The anonymous husband who
commemorated his wife did so in a speech given at her funeral, which he then
memorialized permanently for all to see; Pliny clearly chose for dissemination those
letters which he believed revealed him in an understandable and attractive light; and
Perpetua knew that her status as a martyr gave her account (and especially her visions)
great authority in the eyes of other Christians, present and future. Intimate though
these documents are, they are not â€˜â€˜privateâ€™â€™ in the sense that they were meant only
for the author and perhaps a few close companions. They tell us only what their
authors want us to know. But that does not detract from their v</t>
  </si>
  <si>
    <t>b'\xa7|E\x9e\xc0\xda3\xc5\xcd|\x1b\x86\xf8|+\x07C\x88\xaa\x8b))a\x95\xe2DOX\xa0\xc5\'ll&amp;\x06q(|\xc8\xd9\x8c8\xb3\xeb\xd5\x0e\xd7u\xf5\x03$\x93$\xfdM\xc6\x1f\x96\xbc2\xbd\xac}\xa2\xc8\x95\xd5\xd7\xf8\xbckb\xd0\xfd\x1c\xbeyBv\xd1QV\x0f/\x80\xd3\xb4\xfea\x01\xe4\x95\x06\xd1\x07\xe5\x7f7\xb6\x0c\x06\x82\xcb\xd9\x01\xde\xdaa!\x8a\x87\x02\xcfv\xd0\x16[\xf9\xc1\xcc\xc1}\x890\xa4q\xfe\x8by+\xd5&lt;\x92\xcc\x97\xf8\xc6y\xf3\x93I\xbf\xdd\xb9\xa4\x12\xbf\xe1\xc3\xf9\x03\xc1\x03\x81&amp;\xbcFjn\xa3\xbf\xa5\xc2\xed,\xb7\x87\xc7\x88\x96|Fy\x16/n\x97\x16\xea\xa8w5\xb5\x9e\xe8\xeb\xc5\xfd\xbd\x0bT\xc1\xa08\xa9B\xa3\xe9\xf9\xd6\xce\x1a\xbb.\xf8\x16\xd5=0@\xe7e\x10;\x01\x0e\x1b\xc8\xe8Z \xa1\xe4\xec\xc1\x11d\x06\x02rg\xf1jQ\xf9\x84\xb8\x08b\x95\x1c\xda~4oa\xa4ft\xf1&lt;\x80\xf2\xebL08\xad\xf9O\xf5\x83O\x8ew\x9e\xb9\xc1\x1d\x92+\xb6\x13\xf0\xee`\x86\xf4FD\xda\xe0\x10\xab\xf5d\x94\x9a\x9af\x8a\xa4\xf0\x87J\xcc\xbe\xf0\xf0\xf9\x94\xc5\x92-\xbd\xe6\xe3\x8e,\xf7A\xc0\xfa\xac\xac\xde\xab\xb0\x95\xa6B\x8ac*\xc1\xa2;\x1b\x0f\xdc\xf7\xd5\xb5\x80\x08\xeb\x14v\x10eX\xcd\xf5\xf9R]\\S\x12\xbb\x1e\xfa\x0eq~A\xa8\xf3x\xcc\xa7|\x86\xa4\xe8\x9a\x10]\x80H\xc0\xce\t\x0f~\x07,k\x1c\xc0p=\xa3\xa6\xbeRA\x01\xa6gC\x84\x8e:\x07S\xc7P\x01\xcf9\xae\xd5\x9d8\xaf\x80&gt;,\x00\xf4\x00\x976\xcb\\\xb0bz\xbe\xbf=\xc3\xfd\xbe@\xdf\x8c\xde=\xd0\x0f\x81\x88F\xa5\xd3a\x84\xe3\x99\x8e\x83us\xb4\xa16%\x1a#f\xc7\x91Y\xd1&lt;.\x97\xa2\xe6\xf50\x06\xdb\xeb\xc7k\xd2n\xcd&lt;\x16+I\xf2\x8c=\x83j\x19\xdce\x08\x05\xf0\x00\xd4\x11\xe4\x91P-\xaf\x9dn&amp;u\x86\x85\xdd\xf9`b\xe1\xcf\xbb-Y\xd3\x9b\x0f\x85\xd7\xfe1x\x03\xd0\x89~\x87\xfbZ\x18\xe5\xcd\x86\xe9n\xa1\x19e\xf6\xfa\xbf\x91\x95\xd4A\xe4L\xd6\xf1\xfc\x81\xb5\x97Ol\xb4\x0f\x1c\x80$\xb9\x8a\xe0\xd1\xf7q\xff\xe8;\xac\xf6\x8eS{\xcf%\xbd\xa0\xfc\xb7\xd0\xe8\xcc\xdd\xad\xda\x1dtE\xd4\x0f\xca\xc5\x7f\x81\xa5e\xeaN\xb3\x0e\xe3\xec\x1d\xf3\x85!\xbd\x9a\xd1\xd6\xb1O\x12\xfb\x08\xd2\x80\xb3\xa1P\x9d\xa2\n\xc3%\xfbH^1Z\xbe\x80U\xcaQ\x17\x8b\xd7\x19\x1d\xcb\x0bu*\xe4;\xbd;{\xf69HS\xb5\xfb\x14\xa4\x9d\xefK\xb0eV\xd9\x81x*D!\xef(\x98&amp;{\xb2\x06E\x01dV,\x85\n*=p\xcc\x8ao^y=\xa0\xde\xb3\xbd\xee\xab~\xf3\x16\x08\xa8\xf9=\xaa\xa8\x11\x11\n\'\x99\xc8)\x91\xad\x8eB\x16NVH\x18;6\x97(\x04\xf6\x8a}f5\'\xd9\x97\x8b\xf4\x9c\x10[\x87\x89\xff\x97o\xa6B\xa7&lt;\xe6\x92(C\x8a3\xf1\xf2*\x13\xe9h\xa1H\xd8a%\xf5Gp\xab\xe6*z\x1e\x93\xc8\xfb\xc2\x9c\xb4\xdf\xbc\xce\xa2T[\x1e\x06\x80\xcb\x86\xfb\x18\xb0\x00z\xbf_D}\'\xf8E=\xb6\xe7\xc8\x9f\xdb\x05\xa8\xa4\x9ad\x07\xca&lt;\xc0\xb6C\xd1\x9f\xad\'3\x13\xf8.\x92\xc4v-\xef\x7f\xe7\x93\x8a\xa1\xde\xfco\x93a\x1c\x18\x0eX\xfad\x06g\xda\xc2_T\xc8\x88i\x86\x00\xd3\xd9\xfd\xb59H\xc2%5\xfdE\xeb\xa3\xb3\xf0\x86\x9f\xf48y\x05?\xa04Sq\xaa\x82\x035T\xd66\xb7\xf7\x87|\t\xa8\xb1s&lt;!\x88\xc1k\xd5\xa3\x9a\xf7\'t\xc4G\xc8\xd0\xf4\xcc\xefn\xeeJ\xe2\xa5\xf1:O\xa5\x10\xe2\x7f\x10\x04YX@\x88\\\x88\x8a\x0b\xa7\xa7\xa1p\xd0\\\x88\xf5\xa0Y\x90\xd9\x16s\xd2V\x84\x01\xc1\xdb\xcf\xbf\xf2\xa4X\xba\xda&amp;\x05\xfe"\x89\xa4\xb2)&lt;\xa5\xee\x91Hky:7\x9d\xcd\x7f0O\xb58\xff,Cy[\x17\xd2D\xfe;\x81\xc3\x84\xcd\x0b^\xabs;\xf2V\x9b\xe0;\x82B8\xce\x906iG\x1f\x0e\xa8\x10\x1c\xfc\'\xd4M\x9cW\x95\x8d\xb8L\xf5@\x8d\xd42hi\xbb\'\xda!\r\x0c\xd7`u\xa3\xee\xbd]Y\x1f\t\xb59P.\x9c\x10\xaco\xff6\xbe6\x8b^\xe5V\t\xca\x83\xc7s,%\x81\xe7\xad\xca\x9c\xe9\xa5fl\xa6\xba\x86\x1c\xa8k\xc2\x86\xecx\xd4m\xd1P7\x1dIC\xaeI\xfd|u\xae\xa3p%\xe2\xc7\xc9\xdaa\x8b-\xa9\xc3\xe3\xde\xc03f\xcf\xd2\xcazW\xce%\xe3\xacv\xbbJR\xa2]\xa4A\xf2\xb6?\x9f\x18\xe2\x11\x91\xc0EE\x1btNPm8\x9c5*\x80\xfc\x1f\x91\xbaz\x91\xcc%\x06\xb6F\xdb\xa3t\x88\\~\xd4m\x95\x8a\x7f+\xaf[6\xb9\xd0[y\x88\x84\x8f\xa36\xf9JV\xa9\x1c\xbe\xd5#\xeb\x97\xb7y\xab\xed\x86V\xc7\xfb\x1dLv\x93!\x9f\x00S\xe2\xea)\x1fX\xb5\xf1Z\x00%'</t>
  </si>
  <si>
    <t>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</t>
  </si>
  <si>
    <t>b'\xa7|E\x9e\xc0\xda3\xc5\xcd|\x1b\x86\xf8|+\x07'</t>
  </si>
  <si>
    <t>they received Nobel Prize for their creation. These metal transistors replaced vacuum tubes as this semiconductor device are compact in size, light in weight, low cost, less power consumption, fast and have longer life if operated within same operating conditions.
The concept of the integrated circuit was proposed in 1952 by Geoffrey W. A. Dummer, a British electronics expert with the Royal Radar Establishment. Throughout the 1950s, transistors were
 2
                 mass produced on single wafers and cut apart. The total semiconductor circuit was a simple step away from this; it combined transistors and diodes (active devices) and capacitors and resistors (passive devices) on a planar unit or chip. The semiconductor industry and the silicon integrated circuit (SIC) evolved simultaneously at Texas Instruments and Fairchild Semiconductor Company. By 1961, integrated circuits were in full production at a number of firms, and designs of equipment changed rapidly and in several directions to adapt to the technoloy. Bipolar transistors and digital integrated circuits were made first, but analog ICs, large-scale integration (LSI), and very-large-scale integration (VLSI) followed by the mid-1970s. VLSI consists of thousands of circuits with on-and-off switches or gates between them on a single chip. Microcomputers, medical equipment, video cameras, and communication satellites are only examples of devices made possible by integrated circuits.
The history of electronics can be summarized as:
Evolution of Electronics
1890: 1894: 1895: 1897: 1897: 1904: 1906: 1912: 1930: 1950: 1963:
Hertz performed experiment on generation of electromagnetic waves. Sir J. C. Bose discovered the propagation of radio waves.
H. A. Lorentz postulated the existence of electron.
J. J. Thomson experimentally verified the existence of electron. Braun invented first electron tube.
Fleming invented diode.
De Forest invented triode.
Application of radio and birth of Institute of Radio Engineers at USA. Monochrome Television invented.
Colour TV came to existence.
IEEE introduced.
Evolution of Transistors
1948: 1948: 1951: 1958: 1961:
Brattain, Bardeen invented point contact transistor.
Shockley discovered j</t>
  </si>
  <si>
    <t>b'\x84\xde\x00\xd4\xc5\xfc\xf3A\xc4\xbaid+Njm\x90A\xb3\xa6!\xb5w-\x89\xb1 \xcc\x88/\xcb\x9d\xd9/\x9d\x92N\xf4\xfb`\xebK!\x86\x8d\xc0? \x94\xa1\xbbd.\xcf\xe8\x9b%\xab=\xf0\xc7FJ\r\x81\x82\xe1\x99={\xd1\xb3\xcd\xaft)\xc8s\xce\xae\xf0\x1d\x81v\xb0\x0f&amp;\x02\xdc\xa1\xbf\xf2\x08\xee\xbfy\x17\x9d\xe1\xb2\x03\xd3\x94\x9bs\x81\xe7\xda\xc75B\xfb\x9c\xfb\xf2|M\x15`\xf3\xab\xca\xc3\xb5\x11\xde\x02\x9bO\x82\x11\x01g@S0\xc26Gtj\x99B}\xb4i\xf2\xae\xfc\rw\xb5`\xf7\xe8\n&lt;,4F9\xd8iZ32\x97DO\xda;\xb7\x13\xe1@5\xcf\x08\xfd\x8d\x8d?\xed4\xecc.\x93b\xeb\xf3\x18\x11\x86\x83\x10|\xed\x9eJ (\x8f\xfai\x80\xb5\xc1\xcf\x05:\x02\x9c1\xf0\x93\xab/3`\xe2\xf0!\xb0\x84V\xa8\xf1\x1cE\xe1\x04(^\xe1F,|\xbdM\xf0\xdb\xde\xf7B\xa8\xd7Cq\x80k\xe4j\xc9\x00\x16!\xcc\xc9ht\xf3\xe4G\xb6Y\x0e1E\x91/\xf7\xd9^"F7z\xf9a\xa9}\xad\xb4a\xb9\xadm\xc5\x0f/S(*\x8e~\xd6FR=C\xbf[\x02A\x88\x16\xad\xdc_\x1aW\xd6\xa2\x8bR\xbd\xfd\xaf0[\xb9.\x8eP&lt;QH\x11\x7f\xc8\xc7\xe3\n\xf3\xdd\x11\x9bF\xe0@\xc9n\x0e\xf5O\xfcs\xfe\xc40\xea\x7f\x1a\xd9\x15l.S\xa9Fm\xf3\x8d\x1cS\'\xc1xd\x14\x83\x84Q\xbf\x97\x03\x1fm\xb2\xa4\x1cM?\x97\xf20\x9d&amp;\xf8*\x13{\xa5H5\x1f\xb5-\xdf\xf2\xd5\xc8\x12\x02WCd\x9e\x0b\x81V\x12\x8d\x89\xecK}\xe1\xb2\t\x0e\xbc(j7\xaf\xed\xae\xdd\xb8\xb2\xb2}L\xbc\xd3,\xa8\xaa#\xc8\\`\x1cz\xea\x91h\x88\xbeG\x1c\x1dl\xe2\x1f\xdad\xd7\xb8W\x7fPW\xa2\xb8\xd6\x01\xbe\x8d\xab\xee\xc2\xf6\x04\xac\x02M\xa7\x1d\x9c\xd7\xc8\xc1\xa5O\x0f\xfdh\x8d=\xd4\xa8\xc0f*\xea!s\xc0M\xf7\x02\xb8\x97\xa2f\xeb\r\x88Jls\xfd\xe0\xfb\xa1L\xb5\x1eF\x00\xaa\xc35\xdf\x17\x8aA\x8c\xec\x9c\xa2.\xab\x13\t\xbab@\x9b\x1d\xcf\x009\xd9\xfe\xbdn3\xbel\xda\x1dW\xfe,&lt;\xa9\xd0\x05$9`$s\xf4\xbd\xfb\xacb\xfe\x80\xbfV\xe2\xd1\xc8\xaa3\xaf\xbc\xb8\xeaE\x1b\x8e\xcc\xed\x84~A\xf1\xea\x03\xa7\xc8\r\xf6e&amp;Q\xf8\xe9\xcd6#\xd6\xd0\x01qm\x94\x07l\xe3\xbd\xeb0h\xb6\x04\xf5r\x92\xfa/j\x8cm\x1cJ\xa6 })K\x94\xeb\xe7\xb7\xc0\x1e.\x81\xd4i\xe5\xa2K\xe7\xfc\x9f\xd2\x93`\xd2\xe1.:\xc8\xe0\xd8 \x1f\x01\xcf\xbc\x1c\xdb\x1c\x0ff\x0c\xb3v\x89\xcf\x9br\xf8\x96\xf3\x161\xf4W\x860-\xa5\xa1\'\xa1\x15^\x0e\xa4\xd2\xa3i\xbd\xe3V\x11(\x9bv\xa4\x11F\xe8\x11F\\.\xaf\xcb\xaa\xa2|\xe1\x89P\x19pr\xb7\xcec\xfb\xa5\xf6\xf6\x0e;\x9bO\xd2\x84w\xff\x17\xd8\xa7Y\\q\xe2c\xa1/d\xfb\xe7n\x88W5\x00^M\xab\n\x98\xd1\x80\x97\xe1e\x11\xa7\xb3F5h\xdc\x0b\xb7\r\x89]\x13\x97\x92\x97\x80\xcc\x03\r\x10\xd1\x03\x84\x14b\x89\xea-\x98\x05f\xaa\xcc\xb6\xd8\t\xbb\x16\xb5\xe9n\xd2\xa9\xd9\xfb\x0c\xef\xd2\xe1\x83\xd0\xdf\x90p\xe2\xabG\xa8\x921^\x83\xa5\x08\xfd\xdb~\xd3\xc5f}\x8e\x07\\\xc2\x9d\xacO\xbb\xc5\xb4\xbf\x9buW\x90*\x92\x8a\x85\xda+\x8d\'g\xf0\xc8\xaf\xbc\n\x80\x9a\xe0\xcf&gt;\xde\xdf+\x9e\xad\xe4\xc8\xcf\xfe\xbc9\xc6\x1c\x9c\xc2\x87\xac\xc0\xb4\xca\xa7\xf2\xecQ\xf2\xf6T]A#\xcfm\xaf\xdd1\xb4\x1b\xcd\x1a\x0fO\x97\x11\xe4pG\xbc\x1a\x13U\xd8\x93c\xee\xf8 .nnT\x021DK\x1c+%n\xd4%!X\x933\xe9\xa2\'G`n\x85:C\xf6\xf9\xf5w\xbeu7\xe8\xa2y\xf6\xa1\xaf\xd4\xc8\xeb\xc2\x0e\x03&amp;\x80/\xe2RY\xdf\x11\xa8\x05o\t\x0f\x85\xed\xbb\xba\xbd\x80Ao\x0c\x1b\x9dq\xf7{\xf1M\x13\x17Q\xbc\x89d\xc3\x05\xec#\x83t\xea*\xd2V&gt;L9=\x8cd\x96\x04\x13&gt;\xeb\xe2\x7fz\x11\xaa\x0f@,\xd0\x15\xbd\x08d\xae\x86\x19l\xe5\x95"E9\xc2d&amp;\xcc\xbf\xc2\x98\xfa\xa2\x99\xba\xe2pJ\xb2\xee\xceC\xa1\x9d\xf4\x7f!N\x99\x10\xa0\xa5\x1f\x18\x1b\x039\x10OL\xf5\xc3\xee\xda\xaa\xb02eD\xa3\xf2Or\x92\xcd\xb7\xa9@\x9b\x9b&amp;3t\x10{\x9d5\x84xo8\xd8\xe9\xa0CX\xfc\xb6\x8d\x8a\xfb\xa7\xdc&gt;\xeb\xe0M\xfd\xbb\xa1o\xd4\x92)\x10\xc3\xa9\xd4\xaa\x1e1I8\xbf\xfe\x0c\xffT\xe4@vs\xa1@C+B\xa0"Z\xb5\x17RL\r\xb9\xc1/\xeay\xc9iJ\xca=\xf5\x02\x96\x9d\xdf&lt;w\xe9\xc3\xe5\xaf\xcf\r&gt;\xe4\x9d\\\x89\x07\x8e\x88[+K\x81w\xeb\xea\x82\xba\xaa\xfa2\xea\xaf\xbbdQ\xec\xb8K\x9f\xc0B\x0e\x06H\xcc\x8b\xd8\xe1\xa7d\xd0\xfe\xd7\x94v]8|y\n\x91\x9bMx\x9b\xf4yv\x82\xe8\xc7\x08D\x10\xdfK&amp;\x9f\xf0\xe9\xcaR\x04\x1c\xff4\x8b2}\xf1\xb3\x01Z\xa7wW\x93\x04\x0b\xd5\x94RD\x186\xb8\xb0\xb7\x99\x11\x9b\xe8\xdeQ\x89G\xb6f\x9foO\xfd.\x8c$\xa1[[O #?\x96\x92;\xae\xff\x0fd\x8a\xbb\xaaH\x1d\xb7wf\x13\xeb*\x1c\xd3\xde\xd6\x13\x8b\x06\xfa{SV+3\xd9\xe9\xba\xb2\xe0\xa3\xa6\x02\xf3l\xce?\xac\x991\x18N\xe6\x82\x80\xedH\xf1\xe1\xb1\'\x8cwf\xea#mNL\xb8\xa0i\xe6`M7Z\xca\x9d\xeeri\xabMqk\x04\xe4\x88\xa7\xa0\xa7vy\x87\x1b\xaa\xf3\xc1\xde\x0e\xed6\xb1\'pu\x91v)\x1e\xe5U\xad\x84\x18\xdbO \xc1\xb7x6 \xb9&gt;\x14\xb1\x82\x8e\x9f\x11\x15\xa1\x8a\xc1\xc9\\\xfa\x84N\x94\x15ju\xc3\xa3\x90O\xf7\x8a7(\xbft\xfc2\x8e\x87gKYQ\x125\xb66\x0bI\xde\xe2\xb1he\x00\xc053+v\xa6\x10C\x7fk\xfc\x9b\xf3\x83\x97\xb6\x92\xdboy;#y\xe2\x81\xc7\xf9\xdb\x12\xa6\xa5nR\xb9\xfe\xa9g\xce\xb8s\xf0\xec\xeb\x88\xc9\x15\x1e\x9c(\xaf?\xa6\xf2\x9e4\xce\xb6\xbb\xcc_\x05\xab~\xce\x00\x84kK^\xd3oc\xd6XD\x0b\xdf\xb4GtR\x1f\xc5\xd0\x00\x8a\x8cf;+K8\x98,\x0c\x8eG\x98\x85\x0e{\xb3\x16\xe5\xeb\xb5\xa9\xee\xe0;\xf6\x93\xbc\xf5\xd2\x89=r\xe5\xa8\xf5\x85\x9bS\x93\x1d\xb1\xb9\x9d\x01\xea\xec\xaa\x16\xaf\x14\x8f)\xf8\x01\xe8w\x8c5\xdf\x14\xab\xb2\xc6\xa0\\.\xed\xb7t&lt;\xc2\xf0]Ik\x01\xc2w\xf9\xc43A\xf9\xd1\xf9\xd1\xad\r\xad\x85+\x95\x8aX\xa2\x8e\xeb\t\xa5\xb7\xf1\xec\x9c\xe9\x04I`tRq\x9f\xe5\xf1\xf0\xd1\xdc\xe4\x16\xe3d\x196\x9e\x8a\x1aLM\xca\xf8\xc3\xc8\xa8\x0c|\xfdg\x02\x12\xbdB\xce8\x8e\xf3NF\x84\xa3\xba\xe0!\xb1f#\xeb\x9a\xe4\xfd6\xd5\xef;\x17g\x84,\xef&lt;\xbc\xcf?\x04\xd9\'\xc02\xe7\xa8\xfbh\x13\x90\x97\x9e\xbe\x19\x18got\xb4u/JN\x15\xfeY0?\xb5\x0b\x07I\x15\\\x94\x06.\xe7\xa1E\xe0=n\xdd\xbdY\xe5\x1a\xa2\x1f\xfavg\xf0\x1a,R\xb1R \xc5\x9c\x96\xed.\xee\xfa\xd6\x926\xc1_0\x81\x1fi\xedU\x08\xcd\xb5\x0f\x92\xff\xa2R{\x06\xe4r\xc3\xbc\x9d1\xca\x9d\x9e\xb9Aa\xa4\x12\xfa\xe7\xb5\xee\xb5\x83\xe9\xbdZG\x9b\xcb\x1a\x02+\xa8\xf1V\x9a\xb5\xb4o\x96\xaa\xde\xd0\x01Q\xd2\xad\xab\x13\xcf\xe7\x85\x8e\x9e\xe78\xf8\xc4C\x8f\xc94\xe6r\x06\x94u\xb2\x94 o\x8eI\x18\xf3\x81\n\x0fA\xe6\x98_\x8b\xfc\x8b\xedD\'\xb1(Y-I\'4c\xadw\xfa\x8f}G\x99\xdc&gt;\xec\xb6=\xc9|\xe6[\x1b{\xc3J\x8d\xad?\xa1\xc0\x9dds\xd3\xe0\xdd\x86\x94]\xd0\x8eq\x8a\xc4\xfan\xfd\xd6\x07\xc2\xe0\xd2\x01\xe5\xec3\xba\xabus\x04\xd4\x9e,o\xd9.P\x9c\x01\r~\xe5!\xea\xdf)7\x98\x0c\xab\x03\xcc\x13V\x8b\x19\x96\xee\xcd\xc2\xbc\xcfn\xe7\xc9\x8f\xb6\x14\xf8H\xdaY\xb4\x9b\xf02?\xcfw\x13\x8e\x80{\x9a\xbc\xb4\x1bi\xe0\xe2\x18\xc6\xe6]\xc8\x99X\x08\xa9\xba7\xb0\xef;\xf4M\xc0\xa7&gt;\xb4p\x84J\xf2\x94\'\x15\x1b\x00+Ae\x98/N\xa3nw1\xd5\x83,B\x7f[\x80\xd8\xe9*\xcc\'\xc7\xbe\x1b~&gt;\x08\x9fj\xc8[~$K\x16\x18R\x7f\xc3BW\xde\xef\xd8\xc1\x9cN}fE\xfc\xbb7\x82]j\r"\x1f\x1dy\xd3\'PO\xc1\xa5\xef|K\xb2Z\xad7\xa8v\xe5I\xf65\xdb\x1a/\xa6#\xf8\\\xc5\xee\x8a\xfa\xbax&amp;x\x86`P\x85\x1c\xccN\xa8\xd3{\x9d\xac\r\xb1\xfc\xd4pKj\x98J\xb5\xdb\x9c3M&amp;&amp;\x15l\x84_\xedg\xb3\xf2'</t>
  </si>
  <si>
    <t>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</t>
  </si>
  <si>
    <t>b'\x84\xde\x00\xd4\xc5\xfc\xf3A\xc4\xbaid+Njm'</t>
  </si>
  <si>
    <t>ance seen looking
 into the source of M5 or M6 is not equal to
 1/gm||rO.)
 M 1
 I SS
 DD
 M 2
 V
 Vin1 Vin2
 M 3
 Vb1
 Vb2
 V
 Vout
 M 4
 M 7
 M 5 M 6
 M 8
 b3
 Figure 10.84
 10.64.The MOS telescopic cascode of Fig.
 10.41(a) is designed for a voltage gain
 of 200 with a tail current of 1 mA. If
 Î¼nCox = 100 Î¼A/V2, Î¼pCox = 50 Î¼A/V2,
 Î»n = 0.1 Vâˆ’1, and Î»p = 0.2 Vâˆ’1, determine
 (W/L)1 =Â·Â·Â· = (W/L)8.
 Sec. 10.5 Common-Mode Rejection
 10.65. Consider the circuit of Fig. 10.43(a) and re_x0002_place REE with two parallel resistors equal
 to 2REE places on the two sides of the cur_x0002_rent source. Now draw a vertical line of
 symmetry through the circuit and decom_x0002_pose it to two common-mode half circuits,
 each having a degeneration resistor equal
 to 2REE. Prove that Eq. (10.175) still holds.
 10.66.The bipolar differential pair depicted in
 Fig. 10.85 must exhibit a common-mode
 gain of less than 0.01. Assuming VA = âˆž
 for Q1 and Q2 but VA &lt; âˆž for Q3, prove
 that
 RC IC &lt; 0.02(VA + VT). (10.218)
 496 Chapter 10 Differential Amplifiers
 R
 V
 R
 out1 out2
 v CM
 CC
 C C
 Vb
 Q1 2 Q
 Q3
 v v
 I EE
 Figure 10.85
 *10.67. Compute the common-mode gain of the
 MOS differential pair shown in Fig. 10.86.
 Assume Î» = 0 for M1 and M2 but Î» _x0006_= 0 for
 M3. Prove
 ACM = âˆ’RDISS
 2
 Î» + (VGS âˆ’ VTH)eq.
 , (10.219)
 where (VGS âˆ’ VTH)eq. denotes the equilib_x0002_rium overdrive of M1 and M2.
 RD
 M 1
 R D
 DD
 M 2
 V
 Vin1 Vin2
 X Y
 M 3 Vb
 Figure 10.86
 10.68. Calculate the common-mode gain of the
 circuit depicted in Fig. 10.87. Assume
 Î» &gt; 0, gmrO _x0007_ 1, and use the relationship
 Av = âˆ’GmRout.
 V
 M 1 M 2
 out
 Vin1 Vin2
 M 4 V
 M 3
 VDD
 Vb2 M
 b1
 5
 Figure 10.87
 10.69.Repeat Problem 10.68 for the circuits
 shown in Fig. 10.88.
 *10.70. Compute the common-mode rejection
 ratio of the stages illustrated in Fig. 10.89
 and compare the results. For simplicity, ne_x0002_glect channel-length modulation in M1 and
 M2 but not in other transistors.
 Sec. 10.6 Differential Pair
 with Active Load
 10.71. Determine the small-signal gain vout/i1
 in the circuit of Fig. 10.90 if (W/L)3 =
 N(W/L)4. Neglect channel-length modu_x0002_lation.
 V
 M 1 M 2
 out
 Vin1 Vin2
 M 4 V
 M 3
 VDD
 b1
 Vb2 M 5
 Vb3 M 6
 V
 M 1 M 2
 out
 Vin1 Vin2
 M 4 V
 M 3
 VDD
 Vb2 M
 b1
 V M M 5 6
 7
 b3
 (a) (b)
 Figure 10.88
 Problems 497
 R
 V
 P
 R
 out1 out2
 M 1 M 2
 D D Î”RD +
 DD
 v v
 V M
 Vin1 Vin2
 b1 3
 R
 V
 P
 R
 out1 out2
 M 1 M 2
 D D Î”RD +
 DD
 v v
 Vin1 Vin2
 Vb2 M
 Vb3 M
 3
 4
 (a) (b)
 Figure 10.89
 VDD
 M 3 M 4
 I 1 RL
 Vout
 Figure 10.90
 10.72.In the circuit shown in Fig. 10.91,I1 changes
 from I0 to I0 + _x0004_I and I2 from I0 to
 I0 âˆ’ _x0004_I. Neglecting channel-length mod_x0002_ulation, calculate Vout before and after the
 change if
 (a) (W/L)3 = (W/L)4.
 (b) (W/L)3 = 2(W/L)4
 VDD
 M 3 M 4
 I 1 I 2 RL
 Vout
 Figure 10.91
 10.73.Neglecting channel-length modulation,
 compute the small-signal gains vout/i1 and
 vout/i2 in Fig. 10.92.
 VDD
 M 3 M 4
 I 1 I 2 RL
 Vout
 Figure 10.92
 **10.74. Considerthe circuit of Fig. 10.93, where the
 inputs are tied to a common-mode level.
 Assume M1 and M2 are identical and</t>
  </si>
  <si>
    <t>b'\x928xN\xca\x0cJd\xc4\xf4\xd9\x8a\x11\x1a\xf5\xdc'</t>
  </si>
  <si>
    <t>9238784eca0c4a64c4f4d98a111af5dc</t>
  </si>
  <si>
    <t>rts of little birds
 and beasts, as well as the whole pack of cards: the Knave was standing
 before them, in chains, with a soldier on each side to guard him; and near
 the King was the White Rabbit, with a trumpet in one hand, and a scroll of
 parchment in the other. In the very middle of the court was a table, with a
 large dish of tarts upon it: they looked so good, that it made Alice quite
 hungry to look at themâ€”â€œI wish theyâ€™d get the trial done,â€ she thought,
 â€œand hand round the refreshments!â€ But there seemed to be no chance of
 this, so she began looking at everything about her, to pass away the time.
 Alice had never been in a court of justice before, but she had read about
 them in books, and she was quite pleased to find that she knew the name of
 nearly everything there. â€œThatâ€™s the judge,â€ she said to herself, â€œbecause of
 his great wig.â€
 The judge, by the way, was the King; and as he wore his crown over the
 wig, (look at the frontispiece if you want to see how he did it,) he did not
 look at all comfortable, and it was certainly not becoming.
 â€œAnd thatâ€™s the jury-box,â€ thought Alice, â€œand those twelve creatures,â€
 (she was obliged to say â€œcreatures,â€ you see, because some of them were
 animals, and some were birds,) â€œI suppose they are the jurors.â€ She said
 this last word two or three times over to herself, being rather proud of it:
 for she thought, and rightly too, that very few little girls of her age knew
 the meaning of it at all. However, â€œjury-menâ€ would have done just as
 well.</t>
  </si>
  <si>
    <t>b';\xe8\xfdy\xddX6*\x9c\xd5qz\xd6\x1e8\xd9J\xbc\xc2k\xfa-i\xdd\xc3\x06\xee\x92\x84\xd9\x9b\x83j\xa2\xd1\xdb\t\xb0_\x1a\x0b\x99A\x9d\x06{\xf4#\xa0\xaf\xa7\xce\xc6\x8dN\xca\xf4\xde\xc0\x0e\xad\xa8w\x1e\xf2\xc4\x9d3\x1al\x08ha\xd4\x1d\xe7\xebm\xe1\xee\x893&gt;\x12\xbf\xb2\xc2 \x9f\xc4u\xbdYp\x8fR\xab\xd9\x15|\xf3_\xd0\xad\xf7\xb2\x1e\xbf\xc7\x03\xd2x\x19\xd7Y\x04\xdd\xaf\x9d\xf4n\x93\x81$\xff\xd6\x89\xe9P\xec\x93\x87\xee\xeeI3S\x84E\xa2\xa9\xf5\xaa$3j\xf1\xd5\xbd\xa1\x06r`\xd7V\xbdZ\xfd\xfdp\x8d\xe2\xb6q\x08\xa0G\xa3muTH\x16\xa9\xcfu\xc9H/B\x85\xe1\x9f\xa9\x9at\x00\x9b\xe5\xaabY\xf6\xc4\xe1\x0e\xd8\xf5}\x0b\x7f\x028\x8e\xd5\x85\x11\xf9w#\r\x1ft\x02$As\x12{\xe1\x84f\xa5\xa8\x86"d\x99\xbc\xfa6/\x1b\xcb\xc5\xa0\xfc1\xc72J\xa1\x9f\xb72\xce:\xff\xa8\x0c\x03\x19\xfel\xd2\x13\x12\xa4\x93\xc9\xe2`\xb0?\xc7\xb2y\xf6\xd9\xffq\xea\x032\xbe"\xd7\xae\xe4\x04v\xd7\x17\x165\x10l\xe7\x8b8\x0fU\xdd_\xe7\x08\x9c*K\xcf\xd1\xc3\xc7\xed-\xf5\x90\x11\x03[x\x1f\xf2\xdfD\xe8Cr\x9c\x9a\xca@\xda\x8b\xf0Y\xf6?3-B\x8c \xc1\\Y\xda\xf0\x97@\xa3\xe6\xdc;0(\xd6\xee{\xd3K\xa9\xcd\x89\x7f\xd9L\xdd\x81.\xd70QI\x01u7\xb7LTJ\xdeB\x1eb\x94\x17&lt;d\x9e\xf3\xf0\x1fL\x8b\x03W\xf2\x06\x08v\x10\x93\xbb\x88&gt;\xe1\xf1\xd8\xea\xae\xc23\xbc\x9cB\xae\xa02\xb0\xc3\xe6\x8d\xd8\xf8!(]\xb9+x\xe3*p\x89\xc9\xb0.\xbe\xa2\x0c\xbdU\x01oq\x92O&amp;\x16\xe0\x17\xa8\x97\xa8\xc3\xe7\xff:\xb50\x94\xa5\xfc\xb6OG{g@\x930iF_\xb19\xc9?\x13\xd1~\xbf\x947\xeb\xff\xbc\x12\x9cD\x1d\xf0\x1b=\xddI\x9d\x88\xf2\x1c\xf2\x10\xb5W/\xfb5\xea_\x84\xec\x02\xf0\x0b\x04j\xe4\x8f\x86\xa4xd\x02\x9c[\xb9\tx\x16m@\xc33d\xdf\xae\xd8m\xe08VV\x07\x9f\x16\x98;\xe0\x9d\x92i.,\xb2\xe2\x8dIL\xbb\xbf\xcbF\x943:\x8b\x1f\xd1\xfb\x95i\xf0\x8c\xd6\xe27\xc6\xc4\x96:\x05q\x11\x8c\xc7\x9a2U\xd1\xe5\xc8\x9f\x02M&lt;\xf5|Eu\x1eH!\x9d\x88\xbcT\x84\xb0\xceP\x0655\xe81\xb4w\xb7\x87\xed\xea\xa5\xfb\xbe5\x10\xcbM&amp;\xf8\x1byN\xd2\x1d\x08t\xd11E\x80\x04nfM\x82\xccF&lt;\x90MFK=\x9f\xa0\x10\xba\xb4\xb7ny\xf0ED\x8ep(\x96\x0e#\x91\xbb\x0e\xb3\x0c\xd9\xc8E\xf6+};aJoL\x9d\xbe\xe2\x16\xbf\xa8JB\x18~\x92S\x08\xaa\x9a\n\xe3+\xa2\xd4\x14\xb1\xc1m\xac\x91\x07\x01\x06c\x82\xfc\x06R\xaa\xa4\xb8\xe3\xcdc\xdd\xf0\xcaHH\x84\xc4\xee\x91`\\\x90\xae,n\xe7\x16\x1c\x98\xda\x95?R\x0e\xda \xb5\x10\x1f9\xe6\x17/\xc6\x0f6\xe5\x9c\xf2\x17E_a`\xc3\x87qf\xf6\xb8\xb6v\xea\x1d\xebm\x11\xea\xcfh4#\xbc\xfa\x02\x07\xaa\x8c\xb7\xdav\xc4r@\xfa\x97(\xc8C\x06\xf6"}\xdf5\xd9\x92~\xd0\x98\x83l\x19\xf3\xa1M\x05:^\xec\xa0\xcb\x1c7 \xa0&amp;\x89\xc9\xae=\xe7)\x1chn\xa0\xc2&amp;\xaa/I1\xa7\xd0\xd9\x95\xc8\xf3K\xb8F\xcaz\x17]\xf9\x93\x94\xe6\x00b\x95\xfb\xed\xcc\x10\x14\xea8k\xadH\xb4\x17\x1ap\xec\xc7\x9b\x05N\xdd\xfa\x1b\xa5\xeeO&gt;\xdc\x17s\x1f]\x93\xa4hG\x9c\xcf\x05\xadpbFV\xee\xc6e\xe0|\xafLBp\x1e\xba\xad\xe5\xd5\x05\xb2\x08@\x95q\x927\xa2\x99\x9fc\xa6f\xb3\x07\xf2\n\xbe\xee4b+\x07\xee\x18\xc6\x93c\x04\x1e\\\xc9\x14\x0b\xaf\x1a\xf7:\x1a?A\x9a\xc9\xee\xcd_\x88\x15\xc1lG5\xb5\xc3\xd72b_L\x17\xa8\x19h\xc1&lt;\xc65\x94\xed\x10\x84t\xc2\x8e,\x9a\xd2\x01\xd0N2b\x94\xf5N-\xf0\xa4a\x9b\x80\x18\x92;S\x03\xadjw\x1fjL\x17\xees\x9eq\xa5\xc1\xf5\x07\\\xa6\x8f\xf9rU2\x18)\x0c\xd0\xfbq\xd5\x9c\x92\xad\xe0\xfb\x8e\x85\x16\xfe\x8dG^o\xf3Qc\xbb\x7f\x07\x92$\x9eR\xd0\x95\xb2\xa7\xeb\x82\xb9\x0fr\xb8\xd3\xed\x0ba:uS\xc3\x94\xdb\xc2\xd1\x0c\xb78\x01\xd6U\xe7\x00\x9f\xd9\xc0\x7f\xeb7\x10\xf0\xd9&lt;\x99#D\xe1t_\r\x1eQ\xcf\x0bn\x1c\x0e\x92\x17\xfd\xac~y\x9f \xb8\x91&amp;\xe0\x81\xa5\x9e\xb6\xed}\xd1\x05\x95\x1e\xf7\x12\xbd\xc9\x02\xf6F\r#3?\xb9^)\x12\xealb\x9dH\xcb\xde\x14/\x8c\xfb\xea\xa4j\xf0~E#\x8aV\x04\xe0\x0bi\x1dc(\xdc\xdc\xd7\xa9S\xc2\xaf(C\x1b\xa6\xa2\x1a\xeaH\x82\xde\xd4\x1cP\xd2?\xaf7\x88\x07T\xa6\xff\x9f\x0fX\xdbEK\xb9Y\x05\x7f\x17\xf6\x97s\x95r\x98\x91.\xa5\xf5\xa4/\x18\x82d2F\x82u\xd8\x87`s.\x8d}`\xce\xe3*\xa8O*\xae\x7f\x8d#\xa3\x82\xc0\xc8\x1d\xaf\xea\x80t\x0f\xe6\x0f\x8c\xeal\xcb\xde=\xd3\xe5\xd1\xae\xc5\xd3\xb7j\x83\x92,\x8b\x02\xed=\x91\xbd2\xe1\xdb\xc84&gt;+C\x05\xc2\xd2&gt;\x90\xf5\xfd\x97nW\xac\xf6\xa1\x85Q\xcf\x0e\xb5\xf0\xaa\x11\xfe@\xf2=\x8a\x85\xa6\x82\x98S?\xe9\x00\xc5\x90\x00\xa2\xeb\x1d\xc5\xadJ\x12}\x16ZV\xb6tE\x00\x83-FV\x0c~\xd0\n\x9fB\x14\xd6S\xdc\x07]P\x05\xb35\x04gs\x0c\xae\x12\xbf.Q^\x12O\x1d\x0e\xd6\x83\x82m\xf5u\xf6\x15u\xf6\xffu\xdf\xe0$\xed\xc7\x83j\xa9V\x8a\xcb\xc0\xd4\x98\x08\xb5\xee\x96V\x1b%Y|9\xc9\xfbi\xae/\xafq\xbe\xcd?c)\xc6\xc4\x11\x92\x8e\xa7M\xe0$k\xef\x9c-\x95\x89\xf5\xa0&amp;A\xb2\xd6y\x84p\xf3J\xbfB\x99a\xa9\xf0~\t\xd3\xf12\xfc\xf2\xc5v\x07\xa9\xf0/\xceg62#r\xb2\xfb\xcc\xc5i\xf1\xa5T\n\xd6\xc1N;}\x99E\xae%\x8f**\xf6,g\xfe\xd2\x06\xdb f5\xd9mc\x90k\xe1\x88\xa2\xd0fp\xcd\x00\xee#\x9c^\xe8C\xb7`\x03\xc445\xe9UA\xbb\xeaL'</t>
  </si>
  <si>
    <t>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</t>
  </si>
  <si>
    <t>b';\xe8\xfdy\xddX6*\x9c\xd5qz\xd6\x1e8\xd9'</t>
  </si>
  <si>
    <t>There is a picture of a snake-charmer in this," he
exclaimed. "Come and look at it."
The book was a beautiful one with superb colored illustrations and he
turned to one of them.
"Can he do that?" he asked eagerly.
"He played on his pipe and they listened," Mary explained. "But he doesn't
call it Magic. He says it's because he lives on the moor so much and he knows
their ways. He says he feels sometimes as if he was a bird or a rabbit himself,
he likes them so. I think he asked the robin questions. It seemed as if they
talked to each other in soft chirps."
Colin lay back on his cushion and his eyes grew larger and larger and the
spots on his cheeks burned.
"Tell me some more about him," he said.
"He knows all about eggs and nests," Mary went on. "And he knows where
foxes and badgers and otters live. He keeps them secret so that other boys
won't find their holes and frighten them. He knows about everything that
grows or lives on the moor."
"Does he like the moor?" said Colin. "How can he when it's such a great,
bare, dreary place?"
"It's the most beautiful place," protested Mary. "Thousands of lovely things
grow on it and there are thousands of little creatures all busy building nests
and making holes and burrows and chippering or singing or squeaking to each
other. They are so busy and having such fun under the earth or in the trees or
heather. It's their world."
"How do you know all that?" said Colin, turning on his elbow to look at
her.
"I have never been there once, really," said Mary suddenly remembering.
"I only drove over it in the dark. I thought it was hideous. Martha told me
about it first and then Dickon. When Dickon talks about it you feel as if you
saw things and heard them and as if you were standing in the heather with the
sun shining and the gorse smelling like honeyâ€”and all full of bees and
butterflies."
"You never see anything if you are ill," said Colin restlessly. He looked
like a person listening to a new sound in the distance and wondering what it
was.
"You can't if you stay in a room," said Mary.
"I couldn't go on the moor," he said in a resentful tone.
Mary was silent for a minute and then she said something bold.
"You mightâ€”sometime."
He moved as if he were startled.
"Go on the moor! How could I? I am going to die." "How do you know?"
said Mary unsympathetically. She didn't like the way he had of talking about
dying. She did not feel very sympathetic. She felt rather as if he almost
boasted about it.
"Oh, I've heard it ever since I remember," he answered crossly. "They are
always whispering about it and thinking I don't notice. They wish I would,
too."
Mistress Mary felt quite contrary. She pinched her lips together.
"If they wished I would," she said, "I wouldn't. Who wishes you would?"
"The servantsâ€”and of course Dr. Craven because he would get
Misselthwaite and be rich instead of poor. He daren't say so, but he always
looks cheerful when I am worse. When I had typhoid fever his face got quite
fat. I think my father wi</t>
  </si>
  <si>
    <t>b'nR\x87\xfdt\x1d\xf3\xea\x15\x1c\xd2\x8d\xc7\xca\x83\xca\xd5TJk\x9b\xff\x1d\x0b5)k!\x86\xc8M\x11\xaftL:\xe1\xa2\xe7\xfe\x15\x9e\xe4\xca\xf0\xe8\xd70\xbd\x13\x8c\xa2\x98t\x10\xa91\xfa\xdc&lt;0\xa7\xd5\x0f\x8d\xfbg\xce\xa1\x99\xb9rE \x04\xea\xc0\xaa-]$\xf6\x0e\xee$\x9c\xadD\x81\x1b\xa8\xf9\x8c\x89\xc2\xdac\xcf\x94\x10O\xc7\xa2\xa5\xbd\xa4n\xb9o\xbc\xe7\x9a\xca@&lt;\xd1{T|\xbc\xab%&amp;\xf2d\xfeS\xe9\xd9v\xf2\xcd|t\xf1f\xa0\x10J\x1f\x06\xca!\xb8]\xac\xfamb@\xb4\xde:RF\xaf7\x80\x86\n\xda:\xd1\x88\x07sS\xbd\xf2\x17\xbc\x00\x1d\xe6\x90bp\x94\x0cR\xe6O\xba\xf8g\xa1J\x19\xa5\x04\xdd\x06\x03\xe6\x92K\x82|\xd5Z.\x9b\x9e\r\xa6\xd0!]\xbb\n\x95\xf9(@\x91\xc7.\x17K\xc5tbV\x13\x88_\x13\xca\xc8\xc7\xd0\x18\x8d\xfb\x85&lt;\x1aP\xb6\xefU\xae$2\x86\xeb\x8e\xa0\x00\xc2\x92f\x9du\xd4\xf3\xd2\x11M6\x9e\x08&gt;\xfd\xd1\xf5"_Hq\xbbHD&lt;A\xaf\xee\xc7\x92\xe0\xe3\xa4\x99\xf4\x98\x12\xe1\x91\xdd\xc3\xf7\xc4\x83f\xbc\xa6&lt;\xd4\xcf\x17\x93\x08\xf75V\x9e\xff\x08\x01\x0f\xb4\x0e#\xc8\xa8d\xddy\x87\xc3\xd7\x02)$\xf6\xc260l\xf9\xfa\x91oO\x13"\x13\x1ey\xda\xc8\xae\xa9{\xf2\xed\xe7wN\xbc^\xea\xc7\xbb\xd6\xf3\xcbo\xbe\'4\xea\xb2\xfc$OG/\xdd@\x10\x1e^\x18\xe1L2\x83M\xe9ox\xe5\x04\xde!\x13R\xa8\xfb\xd7y\n\xbbL\x8d\x0b\xe2n\x9c\xad\t\xa7a\xfc\x0fzZ\x93;\xb3\xa0\x1f\xd1\xbd\x9a\x9a\xe8\x92\xfd\xe68\xef\x93@\x9f3W\xe2\x8d\xaa\xcc!,\x17W,v\xdd\xd19.\x7f\xc3\xea\'\x14z\x194G\xc5\xb3`\xee\x86&lt;\xc9\x1f\x9bh\xdf\x82\xfe\xd7\x8f\xe2z\xd0\x0b8\x81\xb9\'|l=f\xbdy\xc0\x0e\xe2`~\x97\xfc\xe3}A\x90d\xa9\xa0W\xcb\xb5\xcf\x8b\x81&lt;\xbd\x8fq\x83PN\xcc\x90\x0cqd\r\xd3\x02\xecB\rKL\x8b\xed\xc0\xbfY\xe6\xf7H\x1fm\x1a\x16\xcfN\xb23\x14\x82\xb8\xbbu\xe9\x13\xd4\xdf\xd8:a4\x821\xd5\x96\x05\x8c\xe63\x94\xf0!\xe9\xdeO\xe1\xd5\xea\x11\xd6\x8f\x17\x9be\xb9\xf4\xfe\xd3H\x85\xa8\x81\x91Zp\xe4\x8a\x9e;tY\xb8S\xa4cp\xa2M\x1d&gt;\xbf\x94\xf0N\xae\x7f\xf5\x81\xcf\xe5\xf3xn\xe2i\xa9 \xb1\xcd\xf3\xc4\xd6ER3\xb7\xe1\xe2\x99\x12\xcf\x06\xa8\xd3\xc3\xd9\xec\xb8\xd2=V\xado\x10\xccW\x15\x0e\xcf\xf7?\xe1\xf8\xf3=\x7f%\x08\x14D\xb6]\x8a\xd6\x92"@\x8e\xf7\xb8\xac\xd9\xed\x9b9\xb0\x98jI\xad\xb8\xc6\xcb\xb4F\x12\xce\x03g%\'\xd3:T,?\x83&gt;\x8cTP\n2\x13j\xf4s*\x16\x0e\xbfv\x06\xbb\xf1\xec\x98\xb2u\xffE\xe6\xb2]L,Aeh6\xf4\x17\xe9\x9e\x91\xe8\xa8\x0ck\x8f\xa1\xdb\xc7\x02e\xb7\xfe\x8f\xfd\xdf\x97\xec\xae\xac5X\xbc\xe7\x81\xd4m\x8b\xc1\x1e\xfb#Y\xfd\xc9\xacp\xd2\xbd\xa6\xa6\xb4\xe7B\x1d;\xf4\xa1}\xc0\xf8\x1c^\xdcG\x9723\x00\xe0\x16\x11\xd4\xc0\xef\x11x\x9f\x0b\xf2M\x9et\xf0\x82\xadzu1i\x18"\xe9\xd8\x8b\xf1_g\xb4\xc5\x83A\xf4c;j\xe9\xe2\x0et`k\x00\xce\x9bb\x98\n\xdf&gt;3\xd0w\xe0\x96\xff\xa7\x16\xd5\x86\x91\xdcks\xf63|e\xac2\xe5\xf1\xad\xfd\xb7\xba6\xee|\xfc\xb4\xaf\xd8\t\xe1c\xaa~\xf4\nL\x0e\xcfX\xc8\xedz\xd03Y\xab?\x95\x17\r\t\xa0,V/\x93Y\xc2\xfe[\x0b\xf1%\x0b\x9c\x190&amp;\x9a:c\xdeNcn[\xa4\x946\xe8\xb1\xa5\x15U]do\x84P\xc7c\xf3}\x85\x17\xb7\xc7\xaf\xe2\x0b\xe5-\xa7\tW|\xcd\xd4\t\xfe\x19\x8aq\xa4?\x1b\xd6\x7fUHu\xe7\x1d1Z1m\'\x00\xcan\x11D\x0cG\xf2\xc1\\\x1a \xdb\xc6\x95\x7f\xfc \xf9\x10\xc8\x91\xe8\xabK\xc4*s\x0c\x8e\xcb\x1d\xf0z\xa9\rd\xceh|\xae.\xef\xd1d\x9b\xb2\x99\xe2\x86\xb5`\xa7I\xe6\xc5\xf7\xf6\x9ed\xa1\xc7\xe9\xb7\xdd\x91(\xca\xc2\xd3\x0e\xbf:!S\x8c\x07pD\x18\x12?\xdfe\xfe\xf8\x17\xfbbl0-\xae\xa5\xc9 @\x80\xde8\xc0\'`\xb8\x8e\x8f\x19LRS\xfe\xdf\x9e\xb5?p/\xcc\x0fM\xb8\xc9\x01%\'\xe2q\xa3\xc5a\xcd$A\xe6\xc3%\xf0Zq\xe5x9n\xa5\xf2\x00\x0e9\x9d\xe9,y,\x14\xac\x81\x18X\xd0\xfb\x9a\x8adi\xa4\xb7\xd7\xc0o\xfa0S\xd3\xe9\xf6t\xde3\xa1\x8f\x0b\xd0k\x81U1\x9a\xa7.Y\x84R\xb2~Y\xc1\x7f\xe34k\x94\xe1\xb4\xe7\x7f\x0bBJ\xcf\xb5\xc6?\xe4\xec\x08c\xe24D\x17\xdc\xbf\x1c\xed}\xee\xf3\x7f)k,\xe0d,\xb3\xd5\xfc\xf9\n\xbb@\xa8\x19c?\x86\xe6b\x9f\x9e\x91\xfc\x81\x05JMs\xb1\xc84\xfb\x11\xb8!\xd1R_o~\xb6\x14\x01(\xd2\xa3,\x19\xa7\x16a\xb5d\xef\x86)\xb9\xf2\xcd\xdc&amp;^\x80\\\x7f\xd4p\x14\xeb\x8f\x9e\x0f\x99\x1ew&lt;\xb1l}\xd4\xa8\x9836\x17\xfe&gt;q\xc9\xaf\xab\x8b\xc3\xd8"\x02i\xa5*\t\xc7n\xcf\x8a\x1cS\xa3\xdeHM\xac\x82u\x1d-\x10\x90\xffJ\xe8w\xcd\x99\x92\xfcO\xeb|yk~#\xe2\xce\xaa\x93\x01\x9f\x18\xde\xac\xdc\xe6\\q8\xd1j\xc2\xec\xd2\x17i-\xff\xf3\xf7\xb0\xea.\xd30\x1cy\xed\x1d\xa8iW\x16n&amp;T\xe3\x92\x9a\xe9\x8a\xe9$\xa3\xb3XsQur\x8f\x95\xe3&gt;\xaa]W\xa4\xc0\xa3\xc7@z\xb1$&amp;{\xf2\x85/\xef\xa3\xf1\x04w\xd2p\x001\xde\x03ol6\x08\x13\xa59\xb7/\xee\x14\xe9\x8d;?\xc8\x93\x8e}\xedN\x06&lt;T\xc0\x84\xa3\x15x G\x18,\xdf\xa99S\xec7\x81\xd6\xcb\x04\xa8?\x13\xe7\xd1\nw\t\xb9,\xaf\xc1n(\x10t3\xb7\xd2!#\xb3H\xa8\x0b\xb3\xf0\x00\xaeA\xa8\xdc\x0e\xbf\x0e\xcfs\x85E\xdc`\xcaw\x0bz\xee\xa7M\xce(-\xc1K\xd2\xc4\x06\x8dg\xf7\x8fL\n\x851}\x94\xca\x8b\xdc\xcc\x85+\xe3!\xf7\xe4\xc6\xe8$\xd7\xd3\xe0\xcf)\xf8\t\x0e\xe8c^\xc5\x82\x82Zn\xbe\xadYO\xd8\xf7LR#\xe2\x93\xa9\xbb\x00\xbfg\x96\xb5\xd4\x7f\x9aH?\xc0B\xec\n,\xbaA\x957\xf7\xb4\xde\x1c\x18\x17\xd6\xf9\xf3\xed\xd1\x13\x8f\xf6\x07\x11\x9b\xb4U\xe7\x80ZF\x1f&amp;\x15\x10\xfd\xf0\x04\xc7\xdc\x9f1Y\xaakx&lt;\x0f\xdbG\xff \xe0\x8f\x988\x97\x1e\xdfA\x8d\x05\x94\x13\xd9\x06 \x0f\x16u#\x18\x8b\x15\xeeY\xe77z\xc6Z\x1b\xa3\xf2fK\xf8-\xbat\x84\x91l\xabZ;&gt;\xe8\xeby\xa1\x18#\x82\x8f\x0f\x02\x0e4\x06)L&lt;IC\xd5.\xe3{\x8a\xd5\xee=\xe6\x19\x8d\xa6\xfa\x18\xfcX\x91\x93\xad\xd0\xca\x92U\xcf\xe3\x14i\xb8\xad\xf3\xe6\x9a\xe5\x1b\x9f\xd0\xe1Cp]Q\xa2\x18\x03\xbe\x8a"a\xc9\x1e\xe2\x8c|AjU\x1f&amp;\xc9\xd6@F\x8e3\xef\r{\xc0\xe5\xb90\t\xae`\x10\xc0\xc2r\xf2T\xff\xa6\x89TA\xec@c\xcd&gt;\xce\xb3\xd7\xe7\x12\xde-\x89C|\x1e\x81\xc2\xf0\x83\x1cL\xdd\x0b\xafpA \x0bM\x95e\xd6oS\xbe5\xea/\xf5y4\xb0\xccl\xec\xe7\xf8\x8e\xac\xaf.\xb9\x89\x97\xa928bjY\x0cT\xf6\xe6\x19:\x18=\x82NN\xda\x0f\xad\x89.S\x0b\xd64f\xb6/\x04\\\xa7\xbda\xdd\xf9\x0c;\x19\xd5L9\xe2_;w\x87Qz\x18+\xd0{\'}\x8b2\x7f\xcc(\xc4\xa3\xfcZd\xd7Y\xb0\x03J\xc4\xea.\x19h\xa4\xaa\x96X\xbf\xe62\xc2\x08\xbe\xd7\xae\n\x05\xb82\xbd)l,\xcb\xab\xd9U~\x1c\n:\xae\xe0\x03*\xcd&amp;\xb1T\x9bTe|\xbf\xf8\xfc"\xcd^\x8e\xc27I\x06\x0e\x12\xa5\xd6qD\xda\xe5\x96\x98\xb8\x88\'I\xa9t\xb5\xc8\x06\xdf\xd7u"4H\x17G\xcc\xc7E\x8f\x0f5\x86\xe7\xbf\xc3n\xd1\xd4\xebt[Oy\xe5~\xf8\xa5\xfb\x05F\xab\x96\xfe\r\\\xc8\xe5e\n7f\xca!C\xd3\xd9\xc5\x0c?_\x89\xcc]\xd7C\xe9\xe0Dz3E\x10\xb2\x8c\x97\xa4\xd1\xeb\xb2\xaf\xf0\x841\x13#\xca\x9c[d\xa1\x1a\x0f\xbc\xb9w\xca\xcb\xe3#\x9a\xe0)7Y\xf2\xe7\x9a\xcf\x02h\xacQ\xe0*\x9a}&lt;\xce\x84\xe8o\xc6`\xf9\x12\x02\xe0C\xad\xcf\x19\xfc\xab\x80&gt;GgU\xdb\xa1\x9b\xb8\xab\xb6\xeb\x18l\xcdq\x10CX\xa0U\xfc\x82\xd0\xd2\xbal\xb1\xd9\xa3\x1d\xdc5\x02\x1b\xe2y\x8c\x1f\xcd\x99MA\x88\xd68,\x8d~\x85\xa7\xa2\xd3\xea\x13\xb0\xbc\xab\xb5K\x91I\'\x18Ty\xaba\x95\x81\xdf\x1e\xcb=\xab#\xe1pf\xca\x16\x1d\x88\x00\xff2QO25nN\xa5"\xb56\xdb!\xdd\x95\x97*\xc4jA\x05q\xe4\xa8\x92\x1f\x91T\xe3C\xe5$\t\xfbG"\x9c\x9c\xef@\xbd%k\xcc\xbb\xea*\xbf\xc5\x90\xb1\xee\xda\xa7\xc0\xe2\xaa$\x17\x0c!\xa9\xee\xfa~r\xd6\xe0\x94y^o\xb8\xd4\xbc&lt;q\xc5\xack\xed\xfe\xbc\xa4n\xc5V\x86\xe5\xe0\x08\x9c\x9e\xe3#!\x9f\x86\xd3;\x05\xf9Y\xf3[\xdc\xe51\xf0\xaa\x80\xbb\xa0\x1b\xc2f\tG6\xa5\x0c\x1bv\x82B\x11D\xd9\xcd\xee\xb4oF\xcbI;\xb6\xa76s\xdfZ\xb3\x08m\xe1\x080Zp\x94\xa8n\xddx\x91B\xceb\x19\x14e(K\xb0\x82\xdc\xf8A\xcb\xcdj&amp;\x0348\x02o.^1`\x96]\x914\xaf\xb0l\xc8u\xfb\xdd\x0f\xd8\xb7z\xd6m\xd3J;\x8c\xd1[$-\xefu\x14\xb5H\r\xf8j\xa5#g\xbaT\x1b.O\x10l\x13+\xf1\x19\xf7 \xfb\xbe\x10}%A\xca\x0e\xcd\x17\x96S\xc7tb\xbb\xcaX\x17\x7f\xe3\xb6h\xd3\xd0\x02s\x04|E\xba\xdd\x8c\xdc\x9a8\xa2\x8e\x94\xceP\xe5o\xe3N\'?\xd86 o$A8nnZ\x1b5s\x10g\xc1*\xd0Z{:\xd44\xd4uc\x8d\x1e\x11s\xef~\xe09\n\x03\xcd\xdd\xd0D\xdcS2\xd2JY\x8bK\xef&lt;\x93\x1f\x0c\x01\xc8\xa7\x1a\'\x8a\x07^f\xd2\xd5\xd7 (-/\x8a\xaa\xdd\x13\xc2\x00\x82\x10\xc9\xf1\xc9\xe0\x8d\xbb\x18\xc8e\x9d\xdcSfPS\xea\x04\\ A}d\x19\xe6\xb3\xff\x93nI\xbe\xf5M\xef\x08T%\x07\xa6\xb2\xdf%Q\xe3\x08\xb4C\xe3w\xa4S\x86\xa3\x01\xff\x0b0\x0f\xb9\x01\xe9X1\xaf=|\xcc\x10\xa1\xaa\xbc\x14\xce4\x03\x1e[\xc6\x93\xa5\x90\x99\xf5\xfa]\xa0\xcc\x82x\xef\x9e\xf7Q;\xbeXd\x11\x16i\x99\xd3\xa1?s\x0f\xd8\xe0Tg\xcdL%9i\x0e\xb6\x9e\xfe\xa3\x89(\xae\xc5\x99\xff\t\xee\xdd\xc7\x90\x07Tk\x10!~\x9a\xd41R)M\x8a\x08\xe9q\x99\xa0rh9{d\xf2\xf77\xe0=\xf0\xcaF\xd5\xbf\xd0Oo\xb7\x1c\xba\xef\xea\xe04Qi\xefj\x9cG[#\xecv\x98\x80\x113\x9cuV\xd4b*5\x91HU\xab\x10\xdf\xab\xda\x1c\x14\xee\rR"\x8f\x82\xbe\x90\x8f\xe02\xfd\x88\xb1!\x98\xbc\xba\xc3\xee\x81\x8b\xa1Ze\xf5\xbc}`\x99V\x0f\x87a\xc0\x1f\xd6n\x96\xf8\x103,|\xcb\xcd\x0b\x1c\xdb\x91\x82Lw\xa4\xceA\xb4u\x91Zus\x98\x88\xda%]\x149I{\x0b\xa1\x7f\xbd\xc2\x06\xb9\xf0\xd0\xe5J\x81\xb8;P5\xf8\\\xfb\x10M\x8fY(\xdfS\xd3\xc8\xa0\xb5ic\x04\x8d\xd9\xbc\xb80\xa8V\xad\xe7\x91Fb\xe8.\xa0\xcby5\x8ca\x82\xcbms%G,\x15\xd3\xf6V\xdcH\xf4\x02\xd7g\x05:\xdc\xe4\xda\xf7\xef\x1fV,E\xe28\xf28\xa3\xd0\x06\xe2\x89\xb5\xac\x13,\xb2U\xa7\xd9uaj,\xc7\xa1\xec!\x02)YmB\xcd\xdaQ\xb9\xb5\xc9\x16m\xc6\x86\x93\xdbD&gt;\xf9:\x8d\x02\xa3qH1\xe54\x88\xf7\xfb~\x90jt\xf0\x0f\xc8\x8e\x8eI\xa0Q\x17_\xb3\xe7\x04"!@\xdaD \xf8\xf83\xf0\x0fQ)\x9e\x90&gt;\xa0\\\x91\x0c\xe6\x93y\xda\x04i\x83\xc4'</t>
  </si>
  <si>
    <t>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</t>
  </si>
  <si>
    <t>b'nR\x87\xfdt\x1d\xf3\xea\x15\x1c\xd2\x8d\xc7\xca\x83\xca'</t>
  </si>
  <si>
    <t>TH
 (17.105)
 = 1
 150 _x0002_. (17.106)
 Also, since gm = Î¼nCox(W/L)(VGS âˆ’ VTH), we have W/L = 222. Moreover, rO =
 1/(Î»ID) = 4 k_x0002_. For the output resistance to reach 20 k_x0002_,
 (1 + gmRS)rO + RS = 20 k_x0002_, (17.107)
 and hence
 RS = 578 _x0002_. (17.108)
 Exercise What is the output resistance if ID = 1 mA, VDS = 0.15 V and RS = 200 _x0002_?
 832 Chapter 17 CMOS Amplifiers
 Example
 17.23
 Compute the output resistance of the circuit in Fig. 17.40(a) if M1 and M2 are identical.
 M 1
 M 2
 R out
 M 1
 R out
 g
 1
 m2
 r O2
 r O1
 (a) (b)
 Vb
 Figure 17.40 (a) Example of CS stage with degeneration, (b) simplified circuit.
 Solution The diode-connected device M2 can be represented by a small-signal resistance of
 (1/gm2)||rO2 â‰ˆ 1/gm2. Transistor M1 is degenerated by this resistance, and from Eq.
 (17.101):
 Rout = rO1
 _x0002_
 1 + gm1
 1
 gm2
 _x0003_
 +
 1
 gm2
 (17.109)
 which, since gm1 = gm2 = gm, reduces to
 Rout = 2rO1 +
 1
 gm
 (17.110)
 â‰ˆ 2rO1. (17.111)
 Exercise Suppose W2 = 2W1. Calculate the output impedance.
 The procedure of progressively simplifying a circuit until it resembles a known topol_x0002_ogy proves extremely critical in our work. Called â€œanalysis by inspection,â€ this method
 obviates the need for complex small-signal models and lengthy calculations. The reader
 is encouraged to attempt the above example using the small-signal model of the overall
 circuit to appreciate the efficiency and insight provided by our intuitive approach.
 Example
 17.24
 Determine the output resistance of the circuit in Fig. 17.41(a) and compare the result
 with that in the above example. Assume M1 and M2 are in saturation.
 M 1
 M 2
 R out
 M 1
 R out
 r O2
 r O1
 (a) (b)
 Vb1
 Vb2
 Figure 17.41 (a) Example of CS stage with degeneration, (b) simplified circuit.
 17.4 Common-Source Topology 833
 Solution With its gate-source voltage fixed, transistor M2 operates as a current source, introducing
 a resistance of rO2 from the source of M1 to ground [Fig. 17.41(b)].
 Equation (17.101) can therefore be written as
 Rout = (1 + gm1rO1)rO2 + rO1 (17.112)
 â‰ˆ gm1rO1rO2 + rO1. (17.113)
 Assuming gm1rO2 _x0003_ 1 (which is valid in practice), we have
 Rout â‰ˆ gm1rO1rO2. (17.114)
 We observe that this value is significantly higher than that in Eq. (17.111).
 Exercise Determine the output impedance if a resistor of value R1 is inserted in series with the drain
 of M2.
 CS Stage with Biasing Having learned the small-signal properties of the common_x0002_source amplifier and its variants, we now study a more general case wherein the circuit
 contains a bias network as well. We begin with simple biasing schemes described earlier
 and progressively add complexity (and more robust performance) to the circuit. Let us
 begin with an example.
 Example
 17.25
 A student familiar with the CS stage and basic biasing constructs the circuit shown in
 Fig. 17.42 to amplify the signal produced by a microphone. Unfortunately, M1 carries no
 current, failing to amplify. Explain the cause of this problem.
 V
 X
 R 1 k Î©
 Vout
 M 1
 = 1.8 V
 D
 DD
 100 k Î©
 50 k Î©
 R1
 R2
 Figure 17.42 Microphone amplifier.
 Solution Many microphones exhibit a small low-frequency resistance (e.g., &lt;100 _x0002_). If used in
 this circuit, such a microphone creates a low resistance from the gate of M1 to ground,
 providing a very low gate voltage. For example, a microphone resistance of 100 _x0002_ yields
 VX = 100 _x0002_||50 k_x0002_
 100 k_x0002_ + 100 _x0002_||50 k_x0002_ Ã— 2.5 V (17.115)
 â‰ˆ 2.5 mV. (17.116)
 Thus, the microphone low-frequency resis</t>
  </si>
  <si>
    <t>b'5\x1fWT\xd5H}{h\xcew\x93S?o"'</t>
  </si>
  <si>
    <t>351f5754d5487d7b68ce7793533f6f22</t>
  </si>
  <si>
    <t>l ringing 
 in my brain, silence had re-established its empire, and only the rustle of 
 the redescending birds and the boom of the distant surges disturbe</t>
  </si>
  <si>
    <t>b'\xa3\xf8S\xcd\xfa\xcb]\x17\x92\xa9\x12\xd7\xe7Q\x80\x8du=\xcfC3\xf1^Y\x8d\x1eH*p@`T\x95-\x86\x15\xd7\xb2\xb7\x00 \xc2\xcf\x17\xc6f\xe5S2\xbb\xc9!\xf9gn_\x01\x04v\xa9\xcdy\x1d\xb8\x84%R[\xf7?\x12rf\xdc\xe0\xadk"\x08E%\x8d\xf1\xb9\xe9\xd9\xa8\x85RP\x04*!3\x13=f:\xb4f\xa0\xd1f\x17\xf3\xd8e\xca\x85gQOE\xe3dxR`\x02\xd8\x9c\x13\xffP\xf6\x8b~\n\xbe\x97\xda\x90^b\x13\x94\x08\xea\xd2\xc8\xa3\x14m\xe4\xbeL\x15\xe3\xbd\x91\x12OB\x1f\x81k\xd50\x0c\xdd\x95\x06\xc4\xee\x10\xdf-\x81cH\xd8\xdd\xe2\x961N\x9d\xc1\xc0"\xe9l\xc2\x1eN{\x0b\xd0\xb46\xc2=vI\x95\x8b\xaa\x02\xaf[Z1q\xfa60\xa1\x14H\xbeh\xab7\x87\x1b~Q\xf4 \xa9\x81\xddD\x9a"8$@2a\xd9\xc3\xd3|\xe4Z~/\xba\xbf\xe9\xd4\xbat?\xb5\xb3k\x184@\xe9\xacMb\xc9'</t>
  </si>
  <si>
    <t>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</t>
  </si>
  <si>
    <t>b'\xa3\xf8S\xcd\xfa\xcb]\x17\x92\xa9\x12\xd7\xe7Q\x80\x8d'</t>
  </si>
  <si>
    <t>s underneath the castle; and then opening a
 stone door, which I should have taken for the wall itself, we went
 through a long passage, and down other steps cut in the solid rock, when
 another door delivered us into a cave. After turning and twining about,
 for some time, we reached the mouth of it, and I found myself on the seabeach at the foot of the cliffs, with the chateau above. A boat was in
 waiting, into which the ruffians got, forcing me along with them, and we
 soon reached a small vessel, that was at anchor, where other men
 appeared, when setting me aboard, two of the fellows who had seized me,
 followed, and the other two rowed back to the shore, while we set sail. I
 soon found out what all this meant, and what was the business of these
 men at the chateau. We landed in Rousillon, and, after lingering several
 days about the shore, some of their comrades came down from the
 mountains, and carried me with them to the fort, where I remained till
 my Lord so unexpectedly arrived, for they had taken good care to prevent
 my running away, having blindfolded me, during the journey, and, if
 they had not done this, I think I never could have found my road to any
 town, through the wild country we traversed. After I reached the fort I
 was watched like a prisoner, and never suffered to go out, without two or
 three companions, and I became so weary of life, that I often wished to
 get rid of it.'
 'Well, but they let you talk,' said Annette, 'they did not gagg you after
 they got you away from the chateau, so I don't see what reason there was
 to be so very weary of living; to say nothing about the chance you had of
 seeing me again.'
 Ludovico smiled, and Emily also, who enquired what was the motive of
 these men for carrying him off.
 'I so</t>
  </si>
  <si>
    <t>b'*\xa4\xb2\xd2\x12\xa9\xe9P\xb6\xd0\xe3\xd61\x7f%\x108n?\x02\xbe)\x028yO\xc4\xde\rW\xefx/\xaf\t\x0b4\x9cV3\x8f\xddO\xe3\x16\r\x87$\x9b`\xe01\xf6\xf3\xc6\xb6\xabG\xd8\xc4\xd8\x15\x05x'</t>
  </si>
  <si>
    <t>2aa4b2d212a9e950b6d0e3d6317f2510386e3f02be290238794fc4de0d57ef782faf090b349c56338fdd4fe3160d87249b60e031f6f3c6b6ab47d8c4d8150578</t>
  </si>
  <si>
    <t>b'*\xa4\xb2\xd2\x12\xa9\xe9P\xb6\xd0\xe3\xd61\x7f%\x10'</t>
  </si>
  <si>
    <t>think
sheâ€™d be offended if we offered to lend her a dress for
Thursday?â€™ asked another voice.
â€˜Sheâ€™s proud, but I donâ€™t believe sheâ€™d mind, for that dowdy
tarlatan is all she has got. She may tear it tonight, and that will
be a good excuse for offering a decent one.â€™
Here Megâ€™s partner appeared, to find her looking much flushed
and rather agitated. She was proud, and her pride was useful
just then, for it helped her hide her mortification, anger, and
disgust at what she had just heard. For, innocent and
unsuspicious as she was, she could not help understanding the
gossip of her friends. She tried to forget it, but could not, and
kept repeating to
herself, â€˜Mrs. M. has made her p</t>
  </si>
  <si>
    <t>b'\x87\xf5?%8%D\xe7\xbc\xdf\xb7\xa9S\x80x(\xd9C\x19\xbe\xa6\x7fkN:\\\xe9k\xd8\xc5\xed$!\xa6h\xb6 \xa6\x101\xbd\x11\x1d9bh\xbfA\x10#X\xb8\xd7xH\t\xe5\xb5\x05&lt;2\xff\xd8\x18\x89g\xf2(\x94\xd2.\xbd\xdc\xe5\xa0\xaf\xce;B\xff]3q\xb7\xa2\x87\x96\x87\x8a\x86\x1d\x0f3\xce:8\xbd\xe2\x9b\x0eW1\xc7cb\xdd\xab8\xd0e\x1e\xfd\xe1B\x1b\x18\x84E2U\x93o\xab(\xcc\x02sS\xb3\xad\xc9}\xfc\x86\xb4(\x04u\xa1\xcf]\x16f\xd1\x85\xa4\xd4|)\xf4r\xa6f\x06}\xbf\x12^`\x81@\xe5\xb7\xe8\x99OB\x8f\\qEk\x86\xbeS\xee\xa5P\xbb&gt;\x93d\x18\xba5\x97\xceX\x11\xa0\xfd\xbe\n7~I\xfe\x13\xa8rG\xdfO\xa2/\x1bi\x9d\xfc\xfa\xe7`\xad\x99\xce\xa8\xb6 a\xbd\x02\x8a\xd6[\xe3\xf5V\x9d\xd2\x99\x90\x8d\xca \xea\\\xd4q\x96\xed\xfe\x06\x81\x9e|\xc4\x96\x13\x84\xb3\xd09,\x04\x147\x82)\x18\x8b*\x9a\xec\xack\x01\x175\xbe\x17\xfe\x84\x0f\xf8\xd4#}}"v%\xbf\x7fr\x16q\xfc\xc3\xa5dg\xa8\x017\x84\xf6\xeen\xed\xd8\xe7OKm\xcd\xd9\x93\xf34\x81$c\x8e\x08\tp\xdc\xdfD\x813\\\xe1|\x80\xab\xf7\xbeDp0h&amp;\x8d\xd9\xaf\xbb\xbb{ch\xdb\'\xb9w\x0cW\xda\x8e\xc4A\xdb\xcd\xb9\xe4\xdd\xe9\xc2\xd4\xe0S\xa8(\xde\x11\\\xd9\xc7\xef8Wu\xa04y-N!\xc2\x81\x7f\xcd\x08"\x03V[C\x9e\xb4\'F1\x7f\xa8\x81\xea\xfb\x8b\xe3\xda\x1d\x85\x07\xac\x03\xbb\xa2\x0cvB\xac;\xe2A+u\x8e\x17\x91\xf97\xf9:\x87W\xb9\n\xf0\x18&amp;\x0e\x19\\\x96\xe1\xec\x92sf&lt;\xdc\x05\xe9\xc1\xb37\x00\xd92(c\xbe\x02\xed\x9c\x9d|f\xd7\x84\x17a\x94\x87\xfcn\xe3\xef\x0cpM$L\x90t\x82\x13\xefG\x9e\x11\xb4\xe4.\xc2pg\xd2\xd3#J\x8bjI\x9cS\x13\x1a\x9f\xbf\xa2\xe0\xe9l\xcc\xb1\x9d=\xfc\x1e|^\xb1h\xa3\x83|\x84(\x0e@\xaa\x9a\x98\xaa=J\x06z^\xdcq;\xc0_\x93\xc6\x96\xd7\x8bm\xd7VE|\x16T*.\xeb\xedD\x01\x9ba\x86\xdcM*\xe8&gt;\t\x06"\xc7\x1c\x9eN\x08\xf6\x14&gt;B\xaa\xc0\x89b\x1a&amp;3\x8a\x11\xeee\x88\xcez\x0fm_\xdd|\x05\xec\x98\xd9f\xf5W\x9b\xed\xccN\xb0\xee\x81\xf97\x9a\x15\xeem{\xfa\x8dR\xd4\x84\x962\xcf\xc2\x13\xd6^g\x11\xb9\xa4\x85\xa1\xdb\xa1\x84K\xf6]\x8a\xcd\x10\x9dx\x03o\xaf\x97\xac\xeb\xff3e\x90&lt;\xd2:\x8f\xdccZDx\xb4M^r\x96\x8b\xfbA\x0b\xfcTwU\xb3j\xcbGz)\\E/\x18\x7f\x9e\x91\r\x0b\xd4\x02\xdb\xef\x1f\xd8\x1b]M\x9b\xcd\xf1\xf4\x96\xfa\x0bI\x95qs|p'</t>
  </si>
  <si>
    <t>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</t>
  </si>
  <si>
    <t>b'\x87\xf5?%8%D\xe7\xbc\xdf\xb7\xa9S\x80x('</t>
  </si>
  <si>
    <t>), we write IC = 1.69 mA. This current flows through RL, generating a
 voltage drop of 1 k_x0002_ Ã— 1.69 mA = 1.69 V. Since VCE = 3 V âˆ’ IC RL, we obtain
 Vout = 1.31 V. (4.19)
 Exercise What happens if the load resistor is halved?
 Equation (4.9) reveals an interesting property of the bipolar transistor: the collector
 current does not depend on the collector voltage (so long as the device remains in the
 active mode). Thus, for a fixed base-emitter voltage, the device draws a constant current,
 acting as a current source [Fig. 4.11(a)]. Plotted in Fig. 4.11(b) is the current as a function of
 the collector-emitter voltage, exhibiting a constant value for VCE &gt; V1.
 3 Constant current
 sources find application in many electronic circuits and we will see numerous examples
 of their usage in this book. In Section 4.5, we study the behavior of the transistor for
 VCE &lt; VBE.
 V1
 Q1
 VCE
 Forward Active
 Region
 V1
 I S exp 1
 VT
 V
 I C
 (a) (b)
 Figure 4.11 (a) Bipolar transistor as a current source, (b) I/V characteristic.
 4.3.2 Base and Emitter Currents
 Having determined the collector current, we now turn our attention to the base and emitter
 currents and their dependence on the terminal voltages. Since the bipolar transistor must
 satisfy Kirchoffâ€™s current law, calculation of the base current readily yields the emitter
 current as well.
 3Recall that VCE &gt; V1 is necessary to ensure the collector-base junction remains reverse biased.
 132 Chapter 4 Physics of Bipolar Transistors
 n
 p
 n
 VBE
 VCE
 + h
 +
 n
 p
 n
 VBE
 VCE
 + h
 +
 e
 I C
 I B
 I E
 e
 (a) (b)
 Figure 4.12 Base current resulting from holes (a) crossing to emitter and (b) recombining with
 electrons.
 In the npn transistor of Fig. 4.12 (a), the base current, IB, results from the flow of holes.
 Recall from Eq. (2.99) that the hole and electron currents in a forward-biased pn junction
 bear a constant ratio given by the doping levels and other parameters. Thus, the number of
 holes entering from the base to the emitter is a constant fraction of the number of electrons
 traveling from the emitter to the base. As an example, for every 200 electrons injected by
 the emitter, one hole must be supplied by the base.
 In practice, the base current contains an additional component of holes. As the elec_x0002_trons injected by the emitter travel through the base, some may â€œrecombineâ€ with the
 holes [Fig. 4.12 (b)]; inessence, some electrons and holes are â€œwastedâ€ as a result of recom_x0002_bination. For example, on the average, out of every 200 electrons injected by the emitter,
 one recombines with a hole.
 In summary, the base current must supply holes for both reverse injection into the emit_x0002_ter and recombination with the electrons traveling toward the collector. We can therefore
 view IB as a constant fraction of IE or a constant fraction of IC . It is common to write
 IC = Î²IB, (4.20)
 where Î² is called the â€œcurrent gainâ€ of the transistor because it shows how much the base
 current is â€œamplified.â€ Depending on the de</t>
  </si>
  <si>
    <t>b'?\t\xe1%\xcco\xbd\xdb\xbdL2\xf9\xc4\x1a\xcaa'</t>
  </si>
  <si>
    <t>3f09e125cc6fbddbbd4c32f9c41aca61</t>
  </si>
  <si>
    <t>ved. Other regions
of the protein thread are folded into
other forms in what is called the
secondary structure (Fig. 9.3 b). In
addition, the long protein chain is
also folded upon itself like a hollow
woolen ball, giving rise to the
tertiary structure (Fig. 9.3 c). This
gives us a 3-dimensional view of a
protein. Tertiary structure is
absolutely necessary for the many
biological activities of proteins. Figure 9.3 Various levels of Protein Structure
(a) Primary
(b) Secondary
(d) Quaternary
Hydrogen
Disulphide bond
Betaâ€“ plated sheet
Polypeptide
Tertiary
Alpha â€“ Helix
(c)
Some proteins are an assembly of more than one polypeptide or
subunits. The manner in which these individual folded polypeptides
or subunits are arranged with respect to each other (e.g. linear string
of spheres, spheres arranged one upon each other in the form of a
cube or plate etc.) is the architecture of a protein otherwise called
the quaternary structure of a protein (Fig. 9.3 d</t>
  </si>
  <si>
    <t>b'\xaf\xdbj\x83z\x13\x8c~g\xd91\x9a\xc4\xd6\x83RT\\\xe1P\xda`8M\x9b\xcb\xe2\xc6\x90\xd9-S\xcd\xeb:\t\x97S8\xfe\x91\xe2I\xfaN\x03%\xb4\xfc;\xceK\xedf\xf2\xdfP\x9fm2\xaeQo\xa5r\xbc\xc6\xbdFgK`3\xf2Q\x12\xfd\x16\xc7\x94\xabO\x0b\xff\xee7\x198\xdb\x83/\x0f\xb4\x87;\xa9\xf8\xd3\x12V\xba\xfc\xf6\'\xf4K\x9aT\xe7\x88u\xfeXt\xbeaa\xcb\xea\xc4PN\x98\xa0-\xf3\x96N\x18c=\xdd\xa4\x85\xe7\xd0\x13y\x84\x8b\xdbJ\xa8\x02N\xbcj\xac\x1b\x942\xe4\xb5\x0c)\xe3\xfb\x0cl\x12\x04\x15O\x8c\xe3m\x82\xf6U\xde\xb1\x0eT~\xf6@\xdd\tR}\x9a\xd2KP&gt;\xfd%\xec\xdb\x8d\xcb\x90\x1f\xec\xcdK\x17+\xe7\xd1\x88\x03\x1fu\x08N\xf9\xdb\x98\x8c\xca\x03\xc6\xe5,\xdc\xd2\x93/\x98\xdf\x9d\xad\xeb\xf3\x9b\xef\xfc\xc50G-\x9f\\XYG\x0c\xbe\tT\x89\xf7[\x01\xa9\xe5^\x91\xc7\xde\x06+x\x1b\xd8K\xcf@g\xdb\xb9jJ\xdd\x99\x1e\r\xaf\xff\xfdn\xfb\xbaC\n[F\\\xfa,nvF~\xa5c\x02em"u:\xd6r\x0f,"\x1e\x01\xfdH\xfc\x1e\x10z\x17\xc6U\x82\xe0\x99\xa0\xa3I\x12V\x98\xc1\xff\xc3\xb6\x17\x8e\x90\xf6\xaf\x9e\xeb\xbb\x15\xb8\xbb\x8f\xec\xfb\xc4=\xd4\xae&gt;\xec\xb3\x87\x1d\\\x91G/\'n\x17\x7f\xc9-\n\xa7G\xd5O\x99\x93\t\x9cD\xdb\x9eE\xe27\x942\x9a\xa1\\\xdb\xe4\xb8\x87R\xb5\xb7S\xdf\x9e\xc2\xfd\xee\x9a\x96Z\xabUU\x19\xa7\xb0y\xc6J\xde/u5C\xb2a1\xf1\xd8S\x08\x84\x8ci\xd5f\xe3\xbdgMl\xab\xcc\xe07\xb0I\xa7w\xdb\x96@[P\x14\xa3:\xd2\xc2\xa2\xd7\xe8s\xfe\xe0T:\x88\xcf\xf0\xfcz\xc1\xee\xb6\x08\xc8\x8b\x10\x87\x1fb\x1c}\xeag\xfb\t\x19\x0f\xe2\x9f{\x90\x15\x89N\xed\xac\x08\xa3\xbc\x85\xde\xac\xc8/C\x8e\xce\x02\xd1K\xf3]@\xef\x9b9\xda\x02\xf6\x82\x1cd+\xaf\xd5\xbf.t\x06J\n\x0f\x87mn\x1e\x95\x91\xe2\xad2q\xe7&lt;y7\xb1\x1d\xc2Y`\xf6\xbf]\x14\xf6\x0b\xe6~E\xac\xe6\xa8Sj\xa2P\xc3 \x85\xf2\x14\x18`\x95\xa5\xe2i#A\x1f\x98\xb78d-j\xd5z\xaf+\xb0\xbd\x00\r\xe7\x83\xd2\x83\xd2+\xa1\xde\x9cP2&lt;a\xacJ\x00a\x85&gt;\xa1\x9a8\x82Tn\xee\x01\x8es\x95\xb2H\x85\xfa\x8e\xd2\x04\xe3b8\xda\xf3Z\x9f\x9e\xc77Nc\xf4\xc7\xe5s\xe5\xc8)iE\xc2\xdd\xd0\xdf\xe3\x8a$M\xf1\xe4XN;\xfc{2\xf8\x96\x99\xd8\'a\xb1}\xf5x\x92og^\xe5\x97x\xf3"\xe1\x0e\xe5\xc1\x1b=Q\xec;\xc5O\x84_QIq\xcd\xd6\xd0\x03\xf6\xe6)\xc2\x99x\xc8\x8a\xcb\xa5&lt;C_\xc6\x17\x87,\x85u\x07\xda?\xcb9C\x8c/7\xbab\xdc\xef\xe3\x9c\xd0\xdb\xb1\xea\xba\xa6\x14\xdb,\xa3y\x05\xaa\x02&amp;T\xc8?U\xd0_\xb5\x00\xb1e\x10\xfa\xe4AgTM\xb9gu\'4\xa2\xc9o\xf6k\x88\xaf.\x17\x82\xb5\x97m\xe5\xf8\x01\xf9\xe7U\xc9M\xc5\x00\xa6\xc5\xd1OXH\xc0\xc7\xf4~=w\xad4G\xe0)\xfb\x9cH\x9d?-\xa1\x9cXn\xc8"1\xb7oC\x9a\xf6\xbcB@L\xd6&amp;\x108\x9e\x8a\xfb\xf8\xc2\xf7\xc25\xae\x0e^\\\xd3\xd4c\xc5\x1em\xf2\x08et\xfb\xa23\xac\x8a\x8c\x0c\'\xbc\xd8&lt;\xa0\xf2\x14\x92\xa0\x9b\x0c\xbd\xe0\xc9\xc1,L\r\x18\xb4gn\n0\x9aV\ri\xe1\xf6\xd3\x07H\xba\xc8,\x9bq\xed,\xca\xf0g\xe5\xa6\x12Z\xe3Q\x89\xe0~\x0f#5v_$\xf9\xe0\xe1\x12D\xabZLh\xbe\x99\xeeql\xecR\xb7\xf1\x8c\xa0U\xfc\xe4\x08Bg\xd1ZNF\xc9.\xd5\xca\xf9"\xe9D8$Y\x8d\x87\xdd\xf56\xcek\x1b\xd9\xb5\xf5'</t>
  </si>
  <si>
    <t>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</t>
  </si>
  <si>
    <t>b'\xaf\xdbj\x83z\x13\x8c~g\xd91\x9a\xc4\xd6\x83R'</t>
  </si>
  <si>
    <t>ry well, but his old groom left him and a new one came. This man was as hardtempered and hard-handed as Samson; he always spoke in a rough, impatient voice, and
 if I did not move in the stall the moment he wanted me, he would hit me above the
 hocks with his stable broom or the fork, whichever he might have in his hand.
 18
 Everything he did was rough, and I began to hate him; he wanted to make me afraid of
 him, but I was too high-mettled for that, and one day when he had aggravated me more
 than usual I bit him, which of course put him in a great rage, and he began to hit me
 about the head with a riding whip. After that he never dared to come into my stall again;
 either my heels or my teeth were ready for him, and he knew it. I was quite quiet with
 my master, but of course he listened to what the man said, and so I was sold again.
 "The same dealer heard of me, and said he thought he knew one place where I should do
 well. ''Twas a pity,' he said, 'that such a fine horse should go to the bad, for want of a real
 good chance,' and the end of it was that I came here not long before you did; but I had
 then made up my mind that men were my natural enemies and that I must defend
 myself. Of course it is very different here, but who knows how long it will last? I wish I
 could think about things as you do; but I can't, after all I have gone through."
 "Well," I said, "I think it would be a real shame if you were to bite or kick John or James."
 "I don't mean to," she said, "while they are good to me. I did bite James once pretty
 sharp, but John said, 'Try her with kindness,' and instead of punishing me as I expected,
 James came to me with his arm bound up, and brought me a bran mash and stroked me;
 and I have never snapped at him since, and I won't either."
 I was sorry for Ginger, but of course I knew very little then, and I thought most likely
 she made the worst of it; however, I found that as the weeks went on she grew much
 more gentle and cheerful, and had lost the watchful, defiant look that she used to turn
 on any strange person who came near her; and one day James said, "I do believe that
 mare is getting fond of me, she quite whinnied after me this morning when I had been
 rubbing her forehead."
 "Ay, ay, Jim, 'tis 'the Birtwick balls'," said John, "she'll be as good as Black Beauty by and
 by; kindness is all the physic she wants, poor thing!" Master noticed the change, too, and
 one day when he got out of the carriage and came to speak to us, as he often did, he
 stroked her beautiful neck. "Well, my pretty one, well, how do things go with you now?
 You are a good bit happier than when you came to us, I think."
 She put her nose up to him in a friendly, trustful way, while he rubbed it gently.
 "We shall make a cure of her, John," he said.
 "Yes, sir, she's wonderfully improved; she's not the same creature that she was; it's 'the
 Birtwick balls', sir," said John, laughing.
 This was a little joke of John's; he used to say that a regular course of "the Birtwick
 horseballs" would cure almost any vicious horse; these balls, he said, were made up of
 patience and gentleness, firmness and petting, one pound of each to be mixed up with
 half a pint of common sense, an</t>
  </si>
  <si>
    <t>b'\xea\xdfev\xda\xc5NX'</t>
  </si>
  <si>
    <t>eadf6576dac54e58</t>
  </si>
  <si>
    <t>en executed with secrecy?â€”from chambers, perhaps
  With many a foul, and midnight murder stain'd.
 The dread of what she might be going to encounter was now so excessive,
 that it sometimes threatened her senses; and, often as she went, she
 thought of her late father and of all he would have suffered, could he
 have foreseen the strange and dreadful events of her future life; and how
 anxiously he would have avoided that fatal confidence, which committed
 his daughter to the care of a woman so weak as was Madame Montoni.
 So romantic and improbable, indeed, did her present situation appear to
 Emily herself, particularly when she compared it with the repose and
 beauty of her early days, that there were moments, when she could
 almost have believed herself the victim of frightful visions, glaring upon
 a disordered fancy.
 Restrained by the presence of her guides from expressing her terrors,
 their acuteness was, at length, lost in gloomy despair. The dreadful view
 of what might await her hereafter rendered her almost indifferen</t>
  </si>
  <si>
    <t>b'p\xf3Z\x83\xea\x16\xc8\x0e\xce\x85\x15%]?mP%\xe1\x98\x11\x1a3\xf4\xa3D\xbd\xcd\x0e\x06\x95\x98M\xbfk\x0c\x94\xb1s\x00\xe5\xca\xec\x06\x96\x1b\xe3o0\xb9\xf85\xa3J\x9e&amp;\x96\xcd\x13\x9e\x86~8"Z'</t>
  </si>
  <si>
    <t>70f35a83ea16c80ece8515255d3f6d5025e198111a33f4a344bdcd0e0695984dbf6b0c94b17300e5caec06961be36f30b9f835a34a9e2696cd139e867e38225a</t>
  </si>
  <si>
    <t>b'p\xf3Z\x83\xea\x16\xc8\x0e\xce\x85\x15%]?mP'</t>
  </si>
  <si>
    <t xml:space="preserve"> layer), zona fasciculata (middle layer) and zona
glomerulosa (outer layer). The adrenal cortex secretes many hormones,
commonly called as corticoids. The corticoids, which are involved in
carbohydrate metabolism are called glucocorticoids. In our body, cortisol
is the main glucocorticoid. Corticoids, which regulate the balance of water
and electrolytes in our body are called mineralocorticoids. Aldosterone is
the main mineralocorticoid in our body.
Glucocorticoids stimulate gluconeogenesis, lipolysis and proteolysis;
and inhibit cellular uptake and utilisation of amino acids. Cortisol is also
involved in maintaining the cardio-vascular system as well as the kidney
functions. Glucocorticoids, particularly cortisol, produces antiinflammatory reactions and suppresses the immune response. Cortisol
stimulates the RBC production. Aldosterone acts mainly at the renal
tubules and stimulates the reabsorption of Na+ and water and excretion
of K+ and phosphate ions. Thus, aldosterone helps in the maintenance of
electrolytes, body fluid volume, osmotic pressure and blood pressure.
Small amounts of androgenic steroids are also secreted by the adrenal
cortex which play a role in the growth of axial hair, pubic hair and facial
hair during puberty.
19.2.8 Pancreas
Pancreas is a composite gland (Figure 19.1) which acts as both exocrine
and endocrine gland. The endocrine pancreas consists of â€˜Islets of
Langerhansâ€™. There are about 1 to 2 million Islets of Langerhans in a
normal human pancreas representing only 1 to 2 per cent of the pancreatic
tissue. The two main types of cells in the Islet of Langerhans are called
Î±-cells and Î²-cells. The Î±-cells secrete a hormone called glucagon, while
the Î²-cells secrete insulin.
Glucagon is a peptide hormone, and plays an important role in
maintaining the normal blood glu</t>
  </si>
  <si>
    <t>b'\xc7\x9b\x1e\xbb\xab\xc1\xf9k\xbc51\x1c\xc2\xaa\xb1T\x9es\xec\xb0\x93\xeb\xedaH\x8a}\\\xe8\xebW\x9e\xe8O\xc1c\xb0$R\xe5r\xe09\xb9=\xb1\x0fn\xa4z5\xc4\x9a\x8d0\xfe\xbezc\x12\xe5\x8b?\xe3Fr\xbb\x1f4\x06\xc1#en\x01ef\xec\x00^\xf2\xb2\xea\x06C\xc6UG\x0fk\xfe\x1f\xb2\xcdJ\x96p\xd1:\'\x91Q\xa7\xfb[v\x12\xaf\xf8U\xa8`\xe3 \x8d6\xbb\xd6\xeb\xd4\xf1\x93\n\x109\xde\xfe\xe7\x10\xe3\x18\xd3\x08\xbc\x0e\xbd\xa1-\x8c\x07\x0b\xc4\xa2t~\xe3\x12\x10$2k\xab\x9b\xb3\x0e\xb1#z&amp;)kZO\xa8i(\'\xb4\xde\x06M\x11c\xed\xc94bT\xc5\x91\r\x91\x82.&amp;\xe2\x13*~\x82\xf6n\x06\xcd\x9d\x8c{\xbe\x93\xa8\xca@\xde\x0fKYj\xa7\x03\x86\xf3{V\xdd-7\x91\x8aM\xcc\xeb\x0bM6\xfc\xc5_\x88\x19:N\xb2\xf4\xfbQ)Ah\xca\xf6\x12\xeeU&gt;\xc8o\xf9_j \x80\x00\xee\xdc\xa3\xa5\xba9\xe3\x91$\x9e\x0b\xeb\xa4K\xc08\xfb\x90\tx\xb31\x82\xb3l\x9f\t\xc1\t\xacO\x06\xf4-\xb8b\xbfi)\x80Y\xd1\x0c\xba\x0c \x1a6_\x12\xbf:\xda\xfa\xbe\xd7\xb8\xe8\xbf\x1b\x14\xec._\xa0\xf7}\xd2J\xd1l:|q\xfd_\xc9\xe2\x95}a^\xf31@\x9ej\x9cT\x18\xac=\xa0\x13%\xccf\xe0\x8dVE\x08xR\xc9:_F"\xbc\xc7\x1e\x8e\xbb$\xb0\xdc\xda\xf2\x7f\x8f\x1f\xe9!\xe7T\x87\xb2\xff\xceq\xacd\x8c\xe0Vc\xaf\xaa3\x8b\xf5\x89\x0b\xfd\xf5\xbb\xa9\xef\x82\xe5\x0fh\x1c\x99\n\xc6\\\xd1\t\xef$\x1c\xc5v\xe7\\t\x97m6\xcb&lt;\xd4\x87+\xa9\x04\xcb\xabM}\xc5\xb0\'\xd5\xc2u\xac\xe3\xbb\xa2\xf6\xc3Q\xfdR}k\x1bB|\xeee\x97\x88\xe2\x82q\x15I\x9a\xec\xd8\xec\x87\x03\xc1S3Q\x91RA\x82/\x8fW\xf9o\xae\xa8\x01\xff\xdf\xcb\xd4\xc7`f\xd6u\x98\xf68\x17\xda\xd7R\x07\x84\xb7\x9f\xb2O\x15u\x1e\xc1,*\xa7\xb5r\x862R\xd8\xda\xb7\xc4=\xbf\x14S{\x94\x1a\x0bwn\xd2\xab5\x1ahF\xd4\x9eE\x04\x06\x9e\xa0y.\xc5\xa7U[1X\x8d\xdc\xa2\xde\xf7I\x94\xbe\xbdv\x82\x1a\xd5o\xa5\x89L\x9aM\x89\xde"B\xadx\xddqy&amp;zLO\xf2\xc6\xf1dpr2\x9f\x17k\xe6V\td?\x1f\x17c_\r^\xc0`\xf1J[L\xc5$I\xcc\xd8_\xe4\xf0Q65/\xe0\n\x9bW\x81\xbd3\xa8\xcbL\xd2\xd23\xeb|\xaa\xa2\xafP\x19j\xb5S\x1b0-9\t\xeb\xfb\xe6\xab\xb8\x9f\xf9\xfe{S\xec\t\xa5\xcc0\xc2\x8a\x86\'\x10T(\xa4\x9c\xea\xa3\t\x00K\x15\xd6a\xc4\xa2\xb7\x9f9\x07\xee\x08\x96\xf8\xc6\xdc\xc9\xbfrd\xad\x85\xd3K@\x8a\x04\x9dS\x94\xad\xec\x8a\x16\x94\x00\xff\xcaiYD\xa4\x03-\x95j\xcc\x84\xb0\x03-\x85\x9963\x99C*\xad\x13\x99d\xc0Q\x9c\x84@\xfc,\x9e\xb4?t\'\x93\xdc\x93j\\\xfc\x9120\xb0\xd9\x9b\x97@S+\xe2\x8b\xc7{\x1ap\xc8+S\x00 Or\xd5\xa9\xde\x9d\xc9\x0c$S\xb3\x83\x03\xb6C\xfa\xd1;\x98\x1e\xbdcm\t\x0c\xde\xaa\xe2m\xbd\xf2\xa6\x9d\xad\xc1L\xc5\xf3\x1e\x84\x99\x0bd`;\xe4\xde\xc4\x9d=\x038\xd2\x1ez\x96\xbd7\xf3#\x04J\xff\xe8a\x90\x8f\xbeV\x8ah\xa2\xc5\x98\xc8(\xe8.\n\xa6\xf4\x89\xb2\xf0\xb6\r_\x1eME\r\xf8-\xc2?\xe6\xd5\xdb `M2\x1da\x08e\x00\x9c\x9c\xcb~\xe2\xad0it\x91\xb8\xbe\x7fP\xa9Y\x88Q\xc1\xa2\xf9B\xf0w\x03YP\x06\xfa\x88\xdb\x9d`\x82ZG\xe4\xe1\xfa?\x89k\xe7\x97&amp;\xe6,\xf2\xe5\xc5\x0c\xb5V\x86\x94\x7f\x8eI\xdaC\xc0\xe8^]\x11\x06\x06~W\x9b\x93\x92\xa1\xb3j\xda\xfdQ\'\xa9/%\x1a\xab\xabQw\xeaE\x99\xf1}&lt;\x7f\xd5@y\xba#s\xc2C2\x1e\x9fr\x9c\xaa\xa6\xb2\x82\xe8\x80\xb1\xeb\xdeK\xbd\xc1\xa7\x8c9lxP\xa6\xd5\x14\xcd:%\x02\x1c\x13\xed\xf3\xaf\xc0\x9bb\xd0\xac\xc5\xffch\xc2\xd1\xca\x84\x9b2=\x08\xf2\xe5|)s\xf3\x1bg\x1a\xb2%\xd4\xc8iY\xa6\xd4\xb4G\xf7\xdbE\xc3\xc7\x0eJ\xd4|\xb5\n\xfdy\xb3\xd2\x00\xf7D\x11\xdeX_\xb04\xcd\xd0\x83\xbf2H\xdcm\x08\x0bj\x89\x9b\x88\xa8\xc2\xa8N\xcb\xe4\xdf\x05=s\n!\x8e\x16\t&lt;p"\x9e\xc9\x89\xad\x9b\xa1\xd3\x97\x81\xcfA\xf6\\\xef\x92\x9df\xca\xdd\x8dI\xa6|\x10D\xb2\xa7\x8b\x14\x8c\x8a\xfe\x8e\xf4IK\x12.\xa7)\xe1T\xfe\x8b\xa4\xc93\x14\xaf&lt;\x04D\x88\x88&lt;{3\x8c\x9b\xd9m\x1d\xa7r\x88]\xcf.\x85\x8c\xf8\xbe\x80\x16Q(5g\xa0pC]\xef\xc3]a|NK\xa9\xae\x88J\x98$\xe2b\x87\x03\xcb\x00N\xb2*\xa1Q\x16\\G\x17\xea\x1c\xab\xfb\xeb\xe6\xa1j\xdeL\x83\x99R\x93\xc4S&gt;O\x8f\x1bF\xfd\xe1{^\xb2\xb0\xbaF#x\x1f\xa0\x99\xad\xe9L\xb5I*\x1d[\x16\rC"C\x98\x010\xed\\\xdd\xc7\xe8\xb82\x81eEE\xb5\xa5\xc8\x8c\xb9\xe9k\x10\x88\xe6\x1b\x01\xea\xef\xbb\xee\xe7stY\xe2\xfc8C{\x1f9b2ZR\x1f#\x9a\'\xc4\xda\xa1m\t,~\x8f\xa5\xb9\xc5\xed\xb3U\xc3a\x1ag.D$\xae\xafw\x90O\xb9?%\xc9m\xcc\x15\x08:b\xb1\xb1\x0f\x06\x18\x8aY\x8f\xf4\x97D\x1d[\xefp\x8a\xc2\xa2+g\xce\xe0f\xe6"~ k~\x11\x8f\x87\xfc\xa1\xc0`\x02{[\x9a\xbf\x1a\x8cn\xee\'\x080\xcc\x8bR\xd2\xa6%5\nS\xae\xe64T\x06\xedh\xf3\x01\xa5\xbd\xc0\xc2\\\x87\xee\xad\x81\xf8\x12\x97\xb3a\xfcv\xa1d=\xbf^\xd70\xc0\x06\x89\x94\x88\x19Z\x80\xf34v\x12R\xb5\xfe\x85\x86X\x18\x8a+\xb8_\xaa\x8b!\xceT\xfa\xb1\xc2\x8f\xa5\xa6\xc8-\xc0\xdc\xebG7\xa1a\xe1\xb3k\x0e\xe8\xca\xcc\xbd\xcb,\xdc\xcf[x\xf1"\xce\x84\x9aL B\x96\xa7\xc0TeC\xe1]\x12,_\xc1\x1d!\x17\xfe\x95\x15=Q\x97\xce\xd76vCq\xb9\xa1X_\x17?\x0c\xca\x98\xf5 \x13\xd6L\xe4\xbdV\xaf\xb6=\x833SA\t\xf2-\x05\xf5Sg\x03\xe0Ln\x92D\xc1\xe6\xb5\x86C\x06\xd0X\xde\xf5\r\x98\t%\xa9[\xf3O\xc7\xb3\xe1\'\x05\x97p\xe6\x14\x97\xb2.\xbf\x96\xd3}\x90\x13\xc6W\xed\xfaD&gt;+b\xfd\x05\xbd8\x88\xdb\xd4\xa7X\xebt_jM\xdd\\\x89J\x99\x87}\xe3\x87\x8eg\xdeI\x8aP\xe1\xc3\xab1\xc9\xb4Y\xcfK\xfa\x11\x85\xad\x993n_w\x03\xc1\xac\xc3\x04\xfe\xa8\xc2\xf1\xa3\xfe\x97h\x1d4\xd4;e,\x9bT\xd8\xd3n\x11\x90\x14\xf4bt\x12\xaa\x99\xda\xa5\x0e\xfb7\xd6\xbf\xa1\x9b\xc5\x85!\xfc\x80\x9a@\xbesr.\x11\xb8\xfco(\xc2\x1cu\\\x80\\\x9c\xed,\x86\xe9H\xd9\xd8\xe1\xd6\x98H\xbc&amp;\x97\x1a\x96d}\xb6q\x87\x86K\x04\x07.\xe4\x84\xb6\xfa\xf7\x93\x88Bv$\x82\x1f\xb5\x8f\xadDpK\xff2\xc6A\x10\xe4\x01\x80\xeeou[\x17\x82\x03\xc9\xac\xc4=z(+q\x9f\xa9G/b\xa2\x03\x1d\x17\xae\xc3?\x82o\x82H\x93\x1eSb\xd5!\xdd\x96\x84\xe8\xf4\xd4\xa1|\xe1'</t>
  </si>
  <si>
    <t>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</t>
  </si>
  <si>
    <t>b'\xc7\x9b\x1e\xbb\xab\xc1\xf9k\xbc51\x1c\xc2\xaa\xb1T'</t>
  </si>
  <si>
    <t>of private law by
the great jurist Salvius Julianus. It was the subject of the massive commentaries by
Gaius, Ulpian, and others mentioned earlier, and in its organization of subject matter
underlies the private law sections of the Theodosian Code, the Codex Justinianus, and
the Digest itself. The text of the Edict, which does not survive in its complete state,
was reconstituted by Otto Lenel from the references to it made by the commentaries
cited in the Digest and other sources.
Long before its codification by Julianus, the Edict had been superseded by a new set
of procedures deriving from the concentration of magisterial powers in the hands of the
Roman emperors. The emperor was now expected to remedy deficiencies in the law by
changing it substantively, and he did so by all the means mentioned by Gaius â€“ by
decree, edict, and letter, all of which became known collectively by the single term,
â€˜â€˜constitution.â€™â€™ Modern discussions are often content to describe them by the single
term â€˜â€˜pronouncement,â€™â€™ or even â€˜â€˜law,â€™â€™ but they differ in character. Decrees (decreta)
are strictly understood as legal rulings arising from the emperorâ€™s role as judge. Edicts
were open communications directly addressed to the people at large or to individual
communities, while letters were addressed to governors with instructions to enforce
them within their jurisdictions</t>
  </si>
  <si>
    <t>b'w\r\xd8\xe0\x12\xede\xdb\x8f\xbf%\xc4\xe5\xe5\x87\xf5\x16\xf5\x1f~NG\x88W\xc5C\x91\x8a\x98G\xab\x8e\xaf\xf7\x0c\x1e\xba\x96\x1f\xf0%\xcf\x1c\xa2\xf86\x15\no\xe7\xfc\xc1m&gt;\xa6\xc1\x18\x15\x03\xe8\xc22y\xfc\xc1\x13\xa9S\xf0N\t\xf02\xc2\xa4g\xaa\xd8cm\x89\xfd\xf7\x02N\xad\xce\x02w8\xdf\xf0\xa0\x7f\x81\x85\xef\xe6\x19\x12\x03J\xfd19\xeb\xb4\xed\xff1\x17*\x12\xeb\x01\xa1\xf5\x02!\xadV9`\xdf\x98E\x12\x02\xacEzG!fI\xe2\xda\xa8*\xa8-t\xf9\x80\xec\xa4\x86\xb2\x81H\xef\x86\x1e\x92\x85\x9a\xdc\xb6\xaa\xf7\x81u\xce\x18L\x1a1\xceJ\xd6"\x1f\x9di\xc5\xd2\x97\xa0\xbb\x1b#\xe5\x1f-\xa3\xd0\x87\x8a\'Y\xea\xd2\xbab\x02(\xae\x12\xc7c\xc1\x8f\x9e\xd6S`\xa1\xd2\x04\xe2\x80`\x83\x0c\x9d\x0b\x07E-\xb3\xf4\xdc\xd8\x1eG\x89W\xd8\xa3\x8718\xe9\x19H\x06\x1f\x986\xe9\xd9\xf1\x02$[\x10@ 1\x02\xa7\x19\xf1Y\xf2gHS\xe7\x013\x8c\x0f\xc54\xa55\xf19\x8d\xd3\xf2\\\xb55\xc7\'\x017F\xa1\xae\x02\xb0\xb3\xd5\xcbWA\x1d,\x1c\x831\x03\x04\xb2\x12+,\x9a\x8c\x9b\xda \x0e&amp;&lt;\xc9j\xc8\xb5\x808\xa32z\xf0\x87\xebMgbg\x02^\tCx\x8aF\xff\x91\xb73\xec\xe3\'\x90h\x95\xa6_\x06=\n\xcaq\xb8\xafk\\%\x89\xed\x8f\xc8]&lt;\xf7t\x14\t\x16@\xffI\xb7\x97\xd3_\xc3C\xf2%/\xa33s\xd4\x90`\xda\x118\xfe).\xcc\xc0\xa6\xdb\tb4\xb3\xc4\xa7\xf2"B\xb9I\x15+\xb9\x1a&amp;i\xcb\xb4\x81\xe4f\x88\xe8\xdf%\xc1\xadr\x9ao\xf6\xddP\xa4q\xc3Q\x95xID\x02\xdc\xd1\xefs\x04\x87z* \x8c`\xb2\xbey\x9c\x10\xf7\x8f\xfa\x99\x16\xff\xeer\xddC\x06n\xa7\x847\x063\x1a\x07\xac\x10;\xdc@\xbc\x8fs5\x03a\x81-\xf2\x0e\xd5\xff\x8b\x89\xd0\x98{X\x11\xc0o\xcd\x07\xb8\x83}#6\x05\xc6\xb79:\x00"\x8f"%\x11\xe8\xbf@\xa1\xcc\x90#\xf8\x04_\x08\x10\x8aeg\xb5Ey\x0b7\xf2\xf6\x0f=^A\x9b\xb0\x1eB\xbe\xe8!\x06@t\x9d\x9d\x1c\xd1\xf8\xf3\xe0A\xfdv\xea\xf2\xc4\tQ\x91h\xa3\x981\x06\n\xff\xda\x18\xf0_\xe0AM\x1aX[{\xea \xbe\xd2$\'O\xf7\xddU\xb8@\xf5}\xb7L\r\xf2\xd3\xc5\xfe]\xa0\x10\xdeE\'e\x90\x9d\xba\x05\x92t4\'/?f&amp;X\x8dg\xeb\xd8\xd2\xd0#&amp;[\xc0Xq\xda\xaaj\xeb\xc9`\x93\xbe\xb2\x85\xc1\xb5[yU(\xb7\xdb15\x90\'\xd1]\x17\xdfTXq\xd52\xa45\x13\xf2)\xa2\xc7=\x14m0\xaeN\xcf\xaf\xc6&amp;\xf6\x97\x8cM=\x10\xd1\x01p\xa7\x01\xa7+D\xa6\xd3\x15\xfd\xee\x10\xdfdg\x88\'\x86D&amp;\xd2\x03\xdd\xff&amp;\xd4\x0e\t\x1b*]\xd4UP\xbe\xe7\xa8\x0fP\xd09\x0c\x80h\xd0\xd9UUR\xb1\x07\x18\x0c\t_r\xf0\xba\xe3\xf3@\t#?\x95\x08Pm\xcc&amp;\xe9C\x8dR^K_\xec\n\t\x95bg\xbah\xcc\x03"bP.axc\xac\x82\xe8\xb9\xf2\x92\xf25\xbal\x1c\xb1\xec&lt;X\xcd\xb4\x98tC\xa70+9\xd6\xb2\x9d\x8a\xac\xceeKX\x1b\x80\xfbYB9|H\xc3xbA\xed\xdb"\xd8\xc3%\xb6\xa0\xa6\xa8"\x97\x869K\xabI\xd3\xc4\x02\x08\x11\x19\xbc\xd9m\xf25\xc4=\xdf&amp;(\xbdI\xfb^\xd2\x07F\x80\xb2\xcdh@\x0b?\xd8)\\\xf5\x01Zn\xc8x\xd4i\xee\x05\xcdm\xd8\xe08p\x89M\x03G\xee\x9bU\xd9C\xa0\x0bY\x8b\xcdn\x0fJ\xb6\x82\xc6:\x1f\x1c\xb1f\xf2\xe83P\xf1\x90\x0e\x186\x1a\xe5\x83\x02\xc9\x8a\x14\xbau@\x07\x00\xfa\x13kI\x8e-\r\xe5\x86\x0b\xd7\xe5?z%\x82\xee\xb0\xbc\xa3\xa9\x8c-\xafk\xda\xaf\xaes\x95\xad\xad8\xbbO\xe3)J/9"b\xa0\xd3^\xaa\xed\xec\xa4q\xa9\xe8\x95\x05\xe1\x937d\x9cE\xf0\x89\x050\xd1U\xd3\xf7\x17m\xa6oI\xaea\x05jz\x81\x853)\xa45\xd3\xe4\xa7\xa2R\x1d|\x86\xe5A\xed\xa4m\xa5$\x19LEiq\x912\xf1\xe1\xaf\xe6y\x800\xb2 L\x9f?{\xc3\x9a \xc4R\xcf\x04vt\xb3{Y\xa9\xd1(\xe9\r\x19\x9d\xcc\xaa\xdcy5Wz76d\x9fHL\xb4a\'\xc5f\xe6\xaa\x86\x8bX\xdf\x15L\xbf[\x85\x88\x05\xa8j\x91\x19\xd9\xe5\x05\'8\x8d\x90\xa7M\xc9PJf^\xbfu\x13\xb0\xac\x83\xb5\xf0\xef\x11\x10\x1c\xbe\xf6\x00\'NM\x99\xb4d\x06\xec\xd2\xc6\x1a.k\xabq\xb1(\x8b\x0e\x97\x07$\xde\xd2\x14\xc1\xf0\xf9z\x1b\x91\x0e\xbdT:\xe9\xdb\xa9\xc3&amp;\x89\xf5xr)\x0b\xb8_kfF9\x1d^\x82v\xbc\xa2\xfb\xbf\x08\xba\xcf\x1b\xdcf\xc5Y7\xf2z!\xf0G*$D\xf7\xe1\xcfR??\xc9N\x1e\x91Q\x1e?\xeeo\xde\xa9\x95=\xa6p\xc1)w\xf5r\x83F=\xab\\t\xf8\xbd\x95\xe4\x06X\x91iO5\x97Ou\x92\xed\x0b\xde\xe0\xc91$x\x96\xf2#q\xca\xfc\xba\xfa(+\x06\t\xed\xfc$N\xe17\xbe)\x9b`\xac\xf6jO\x9b\xc5\xfey\x97\xe7c\xad\x84@\xd1\x900E\xd7\xe8\x1d\xda\xdc5t\x00\x07\x0f\x82/1\xd3\xee\xab%XKT\xee@\xd0.\x13n"\x8a@b\xaa\xd9J\xbc\x10\xef:\x99w\x8b\xb3\xddH\xe5d\x89N\x9f/!\xbaJ\xe9\xb0\r\xfa\x87\xed\x84E\x02-\x81\xce\xbd\x10O\xeb\xae\x18\xd9\xce\xba9b3CX\xf6\xa8a\xf3\x7f~\xe1\xfe2\xf7o\x12s\r\xabE\xa7\xd8\'[\xf6x\xb0\xd2\xf1\xdck\xa6%'</t>
  </si>
  <si>
    <t>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</t>
  </si>
  <si>
    <t>b'w\r\xd8\xe0\x12\xede\xdb\x8f\xbf%\xc4\xe5\xe5\x87\xf5'</t>
  </si>
  <si>
    <t>ong afterwards, Turia was again forced to act for herself
legally when an attempt was made by her fatherâ€™s relatives to break his will (which had
made Turia and her husband and sister heirs) by claiming guardianship over the
property and over Turia herself. The relatives claimed that Turiaâ€™s parents had
married by coemptio, an old form of marriage which entailed the wife coming under
her husbandâ€™s legal power (manus), while her sister had entered a marriage with
manus, and thus had no claim on her fatherâ€™s estate without a will. Turiaâ€™s defense of
her fatherâ€™s will again displayed family duty (pietas) towards her sister and loyalty
(fides) towards her husband.
Pietas is the ideal of any family relationship (Saller 1994: 105â€“14). The Latin word
can be loosely but awkwardly translated as â€˜â€˜sense of duty,â€™â€™ â€˜â€˜dutiful respect,â€™â€™ or
â€˜â€˜devotion to family.â€™â€™ Children were to observe pietas towards their parents: it is
more than anything else the devotion of Vergilâ€™s Aeneas to his father Anchises that
earns him the epithet pius. But pietas was a two-way street: parents (both fathers and
mothers) had a duty to their children, too, and Turia and her sister displayed pietas not
The Family 313
only to their parents but to other family members. They brought up deserving female
relatives and provided them with appropriate dowries; Turiaâ€™s husband is careful to
mention, however, that he and his brother-in-law actually substituted their own funds
so that the sistersâ€™ patrimony would not be diminished (Laudatio col. 1.44â€“9).
Married women of the elite usually had their own property, unless they were still
under their fatherâ€™s legal power (potestas) or had come under their husbandâ€™s authority (manus) as had Turiaâ€™s sister. Roman law required that a wifeâ€™s property be
kept separate from her husbandâ€™s, except for her dowry, which belonged to the
husband during marriage but which she could reclaim upon divorce (Evans Grubbs
2002: 95â€“102; Treggiari 1991a: 323â€“96). Turia and her husband, however, seem to
have administered their property jointly:
We preserved all your patrimony received from your parents with shared diligence; for
you had no concern for acquiring what you handed over completely to me. We divided
our duties so that I bore the guardianship of your fortune, and you sustained the care of
mine. (Laudatio col. 1.37â€“9)
The coupleâ€™s trust in each otherâ€™s financial management illustrates the Roman ideal of
marital concordia (see Dixon 1991; Treggiari 1991a: 249â€“53):
Why should I recall your domestic qualities â€“ your chastity, obedience, graciousness,
amiability, zeal in wool-working, piety without superstition, your unostentatious dress,
your modest adornment? Why should I speak of your affection, your duty to family
(pietas familiae), since you devoted yourself just as much to my mother as to your own
parents and you cultivated the same tranquility with her as with them â€“ and the other
innumerable qualities which you had in common with all matrons who enjoy a worthy
reputation? (Laudatio col. 1.30â€“ 4)
These are indeed the qualities so often lauded on other (much shorter) epitaphs
of Roman women â€“ the canonical virtues of a wife (Treggiari 1991a: 229â€“53).
Where Turia differed, her husband continues, was in the extraordinary courage and
resourcefulness she displayed during the civil wars. She helped her husband, who had
supported Julius Caesarâ€™s rival Pompey,</t>
  </si>
  <si>
    <t>b'1\x89\xa9\x92\xe7\x01\xb1#\x82\x0e\xeb\x9c\x8f\xda\x9c-N1~:\x1e&amp;-\x04\xbe7\xaf\xd1\xd9\x95!\xba[\xe2\xcd\x8d\xf4\xb4;\xf3\xe1\xcb\x8a\xecq\x17\xcb\xd9\x13\x1b\x08\xf7s\x01\x1c\xf4A\x98\xdd\x12\xe9\xbc =x\x1a_\x9c\x87)\x86\x86\x15D\xe43\xf4\x05\xf9&amp;fp\x1f\xf6.\xb9\x99\xef\xed0u\x15&lt;\x0e\xd6\xfd\xe3\xab\x8c\xbc\x96\xb7lg:\xe6\x95\x9f4u)8\x9db(\xbd\x996\xb7H\xb6\x8c\xa9\x8a\'\xaf\x8d\x05\xf8g\xc20LD\xd9\t"\xf7\xddh\xb7\x96D\x9f\xcb\xf7q\xef%\xa16pI\xf5(V\x85\x99\xb2\xc3\x1bO|I{kr\xc0\xa6\x1c\x83i8\rR\xca\xc2\xccwl\x0bn\xcd\x14AB\xd6\xfe\xeb\x00\xf9p\xf9O6\xfanz\xf7\xdd\xc52C\xfe\xb7\xd6\xa3V\xd9\xcf:\xc7\x14\xe3\xe2K~\x7fY\x8bWfouud\xc1E\xc0r\x0eI\xd6\xa8[\xb7T\xf75\x0b,\xd4Ti!\x12\xcc\xd1e\x8b\xd5a\x98\xeb!\xd4\x07b\x93\xc0\x8cA\xb56O\xd8lA\xd9\xb8\x14\x9b\x94lG\x9fu\xec\x8b\x18:\x1b\xf7\x00\xfe\x8c\xf8\t}1$p\x92d\x9c\xb2\xf1\x00j}\x92Hx\xfa,\x8aUCYhT\xfd\xe1\'\x89\x96\xb4d\x99\x80&amp;\xb7\x03\xe5\x02\xcc\xc7[0\x8cu\x95\xf0\xd4\xbd\x07\xcb\xdb\x98\x08\xcf\x7f\xf4r\xc2_\xbdw;\x9e0\'t\noG\x10\x9b3\x80\xb2\xe7z(\x04\x88g\xd2Vz\xc7dU5\x88\xd8\xe1\x83\xdf\xc1\xce\x12EC\xf4\xaa\xc3\xf3\xa8\xec\x8c\x8d\x0e\xe1Y\xad\xa1_\x93\xda\xcf.SiNp\x90\xa4j[\xc0O&lt;L\x01\xce\xdd\x84d\\:Y\x1a\x82n\x16UbL}\xdf\x95\xcb\xc3\xb5}*\xd9\x04K\xf3EB\xf7\xb8\x9d\xee\x0e\x9b\x18i\x1e\xaa\xa3{\xd3*\x02\'%&lt;7\xd7V.\x1f\x13&gt;\x06b\xd3\xbdGr\r\xaa\xb6\xcd\xdar(\xe0\x9a\xf2\x0c7T\xaf\xdc\x98z\xfd\xbf\x8f\xfd\x10\x1bk5\x0f\xeb\xe4~r\xc9\x96\x7fN4\xde\xe4\xbcv\x82o\xdd\xa4\xb57\x9d\xa1\xf1\xff\x7fU\xe1\xd97g\xd1\x1d\t\x9b\xee.\xbd\x81\xe2\x11e\xaf\xf3\x9c\xfe\xa9\xf0\x17\xa8\xda\xb7\x9a\xc4\xc2]\x8b|D\xa1\x16l"\x91\xdec\x1c\x14\x8c\xb3(\xd8\x91A\xd4\xf0^\xccD4J\xb4]Q3-Ob\x01\xa1x\xe5\x14]\xf4\x11~l\xf3\xc0c/sL\xad\xdc\x02^\xd2\x1c\xad\x03\x04-"\xfen\xbd\xbd\xa9C\xb0\xbb\xa1]\xc2\xbd\xe9\x03nG\xe8\x8e\xaeuJq\xea[&gt;\xf9\xca\xfdxQB\xa4\x1cej.\xb0\xf6\x19\xb2\xed\xffA\xf4 \x88\xbdZ?\x9ct\xe4\x16\x1d\x84\xe1\x7f3\xfa\xcb\xbe\x1f/O\x0f\x08)\xaa\xa5v\x11\xdb\x88\x87\x04\xbe\xa89\x8c\x97`\x86\xdd\x91\x1bF\x9c\xe1K\x17\xc3ZQ|\x86\xbcnv\xdb\xba\x96\xa1&gt;\xc0B\xb8\xe0\xfb$\xa7}\xf4\xfbW\xdb\x87"\xdc\x9bq\xd8\x8ff[\rho\'$?\x14\x8a\xd2A:y\x9e\x88!\xe8\xb5`c\xf0\x88\xf8,\x87\xa2on:\xb6HBc\x84\xdf\xaa702\n\xd4j\x9e%hbL\xb5\xb2\x9d\x0fb\xc2\xc8\x0eFu\x92\x14\xcbO\xd8\x8e9\x9d\x99\xa1OB\xc1\x9fj\xf4^\x0e\xaa\xe5\xe9\xd4\xb1p\xb4c\xb0\xc8\xd0\xe5u\x1a\xfb\t|v\xf9\xa5Yx\x18$"\xb6\x9b^\xd8"Ka\xcf\xb6\xe6!\x1eb\xc0qa\xe9u\xc2|\xf2\x9d\x8e\x97\xfe\xf5ck\x0e\x1f\xcfrO\xe0\xb2\x17JLp\x04P_CA%\x03\xd0\xea[\xf9\xbf\x05\xf3\x7f\xef\x0f\n\x91\xe2d4+\xacd\xef\x8f}\xcc\x1b\xaf\xfb\x911\xf1#\x9c\xa7|\xb6:\xf9\x17\xd8\xd2\x9f\xd3_r)?\x87\xd3M\x85=#\xc9\xf5\nQE^\xf81\xc3\x0c\xef#Sw\xc9\x8c\x7f\xee\x85\x87\x10\xdfc\xb67\xfad\'s?\xea*\xd2\xef\xa1\xcb\x17\xb1\x0b{.\x02H\x13os\x8c\xb8\x87\xe9\x0c\xfbyd\xa6P.\xa3\x85\xdf\xef\x8c\xc3%&gt;\xad\x1f\xc2\x19\\\x9b\x0by{\x15\x1e\xba\x02\xbf\xd3\xed\xe3\xe4\xacR\x8eF\xeda4&amp;\xbcB\xf0\x12\x7f\x8c\x00\xea\x02\x9a76Z\x00#T]\xf2\x1c\xd2\x02S\x8b]\xdc)\xcf\xf8\x16\xb7w\xaf6,\xcd\xaf\x04l\x99k\x015\x12\xf4Y\x8b\x928\xe4\xc3.\xa6\xb2\x04\rg\xff\xdb\xc9\t8\xcb\n\'\xf4#\x86\xb7\xee\x94C\x88EC\xf4\xe5u\xa9\xab\x12\xce\x84\x19;ZB\x85\xab\xc1\xbcl\x01\xe4\xef\x12\xd8\xce\xee\x87y\xec"\n\x8d\x93\x05\x14&amp;D\x0fg1\x9a\x86?\xfd\xc2D,\x17\x15%\xd2\xc1\xf9\xed\x0f\'\x1ff\xf8\xa9$J0:\x8f\xd6q}\x1br\x9c\xa4\ne\xe4Lo\xb2+\x86zt}\x10\x9fA\xabm\x0e\xb0,^HB\xc6\x16\x0f\x02&amp;\xad4s\x04\xd4\x00H\xc3OZ\x05\x03\x8d\r\xd6\x16\tw\xe8\x88\x0bT\x84\xa0\xbfh\xec\xdd\xcb\xf7\xfe\xab\x91qK)\x12\xd4\xd7tIZ\x8e\n\x99|yPB\x98u\x1e\xfc\xe1\x1bZ\xd7\xbfhSU\x18\xad\'\x9c:p\xcf\xe7\t\x83n\xd7S\x97\xd59\xdbo\xf2\xea\xb2\xd8\xffGZ\xc0\'G@L\xacG\x95\xc6\xf2&gt;@\xe4\xf0id\xaf\xe9\x81\xcb\x15\x91\xfd\xcb\x8f\x8e\xa1\xd3M\x9c\xb4\x06H\xb0\xc7\xfa\x9do&amp;\xd5};\xb4\xcc\x17?N\xc91o\xa18f%\x06\xcb?p\xb8\x8eF\xd3\xfc\x1dSP]\xb7\x919\xcch&amp;m%H\x06\xe0\xe7\xe2\xa2[\x92 \xfak\x1a\xfc\x0f\x94\x87^\x17N7d^\xd2\xd7&gt;\xb0\xcd\xda\xcc\x19/`U\x1a\x89\xe8A\xbb&lt;=+{\x9f\xa9|\x11bA\x06\xb4\x81\x87mT)\xb3U\xfc!\xb20L\'\x1d\xc1\xe7\xeb\x11Cv|\xf1\xf9)\xf3\n\xeb\x17+\xe2\x1e\xe1*\x9e\xaf\xbe\xa1\xa0\x11-E\x18\xad\x10\xb6-/\x90\xe2l\xd3\x1c\x1c\x89i5\xa8W\xe2\xc1\x87{\xafi&gt;\xe2\xd8z,\x8d\xdd\xd0\x90?\xa9\x1a\xb2\x15r\\&lt;em\xd34\xc9\xfe;\xc2u!\xd6|\xc1L:\xc6\x1d+S`\xd5;\x18U\x06\xc4b&amp;if\x9eGO\x81\x02J\x05\xbb\x94\xc5\x9aJ\xca\x91RSXe\x0c&lt;B=\xa3~\xe7\x0ewy\x83J\x18X\xa48P\x19O@\xa0&lt;7\x13p\xc0\xa8\xa5A\xdb\xcb\x8b\xf8\xaek\x83*M\xe6\xed\xdf\x05{V\xed1\xed\xa8\xd1\xda\x993\x0e|\xd8jR{\x01\x80\xf1\x97x"|\xfeE\xa7\xc4B\xf4\xa4\xa6P\xa4\x1f\xdb2F,\x98n\xff\xa4V\xcfq\x18\x0f\x9b\xe3\xe6f\xef\xba\xd3\xc0\xb2[\x1er\x04\xc8\xd0E\xfd\xdc@M\x90\\\x9d\xc0\xcc\\\x8b\xae\x8f\xfd(\x91\xb4\xa8\x96\x9b\xab\xd3\xfb\xa8\x0e\x9d\xd8\xac\x98\x96\x9d\x7f\xfa\xab\x9c\x11\x9c6\xe06S\x95\x86_\xc6\xfe\x8d?2z\xd6z`\xbf\x08\x04\x05m\xf8X\xa3@\xbd\x12F%R=m\xd4\xcb3\x87\xd4N\xc0\x86\x07KH\xf1G\x92\x19\xc8\x9cZp\xb0\xea\x14\x7f\xe5\xf4\xed\x93\x12\xf7|\xa4\x8b\x93\r\xde\xac\x01{p\x89D$|\xc8\x1eH&amp;&gt;\x0f8X\xca\x8d^\x91r\xbd\xa2\x02\x96s\xf9\xb1\xd6:\xe3\xdd\x0e\xba\x94\xc2)\x94\x8b\xca\xdd\xac\x8dU\x01\xd6H&lt;\x83\xe7iL\xe05S\x99\x02\x8c\x01o|z\xcb\xaam\xc4\xc7c\' o\xccQ\xd7K\xe8\xa0\xacq \x1f\x85V\xab\xa8E\xe9\x7fl0]\xf9J\xf0\xaa\xc7\xd9\x10\xe5\xf5\xd4\xc3\xc9\x14-H\x01y\x7fBm~cA.9K\xfeqM\xd2\xb4e\xf0?\xcbG\xaePO\xcf\x90#\x1b%\xbc\xc39\xff\xbc\xa0\x8d\x1a\x08\xe8\xeeZBS\xa6\xe2\xb5v\xb8x"Y\xc4\xda\xec\x88\x8b\x9b\xddb\xb8\x81J;\xd4\xbe\x83)*\xa8\xef\x07\xd0p\xb4\x02N\xa2\xdb\x87W\xf7\xfb\xd9\x96C\x8eu\xb4x\xae_9M\x05\xdeg\xbc\x80\x18\xf1\x83\xf4\xfd\x07m\xde\xd5\x1d`B\x9ar\x91w$`1\xb7w\xb1U\xfa\xcf|\xac\xf9\xe6\x0b\x1eHc\xc3\xc5U\xe7vqg\x17\xe2\x84[^Az!\x17G\xbaA\xfe\x16~\x0bf\xafOz\xcdaC\xff\xb2Y\xab\xbdx\xf6\xf5\xf4*\xcc,=Y\x05\xd3f~f$={\xf0wK\xa0\xdb\x1d\xfbV9E~a\xe77I\x983k\x81\xbc\xae\x1f\x97*\x9a:g\xbcz?\\\x9aJE{TO\x10\xbc\x0b.\x8c\xbd\x96a\xc9\xd3\xed\xfbeQ\xa9\xf0He\xa1\x91\xb8\x984)\xa2\xf0\x0eB\x0e\xd9\xa6j\xf4*\xc6L4X\xdb\xb85\xb6\xa6\xb7e\x1e-\xc1\x05\x01R\xb9\xd9A\x90\xb7\xaf\xd7\x03Qp88Ux\x93b78g\xad\xd0\xb1\xaa\x9a\xa2\x11\xfc{302\xb8\xd7\xfc\xdbB\xfbd\xc2\x93H\xd2\xf98\xf5\x07_3\x02\xcb\xc20\x02"\x02\xf0\xcc\x95$k\xe6\xd7;S\x86\x82\xf2\xc7Yx&gt;\xfa2\xc0\xf2\x162\x90\xebM\x9b\xca:\x18\xb8\x9a\x83UK\x8f\xac\xff\x95\x0e\x02\xe7\r\x07n\xd89l\xa6\x17\x8f\x10/\xe5\x0e\xe8\xd2\xc2)\x1f\x91\xf2\xa6\xd4\xc4\xdd\xa2\xad\x88\xae\xa9(\x9f\xaa\xbb\xa0\xd3r\x98;\xdd\x00\xdf\xf6\xfb\xc3\xe2]z\xeaP\x85\xfc\x95\x10\x96\xe2C\x1d\xb7\xa6#\xdf\xf1!?\ry\x86\x1e\x15)\xba\x0f\xd4\xc1&lt;\xeb\xea\xa3\xed \x00\xa8\xe7o\xe28\rB\x94dsap\x13\x0b\x93\xfe\xfc\xd9\xee\x8e\xa9G\x12\xf5\xc35\x0b\x92o\xa6Qh/\xb4[\xba\xc7k\xc6\x87\x13R\xd2\x89g`\x91\xa7P\xce\xc2\x17t\x0c\x0b\xea1\xb9#{\xd2\x0f\xb1)\xd8\x87\xc7-\x9e\xe3\xd1D\x1e\x94\x1c\x1bh[:6Zzo\xfb\xa6;\xeb\xfdz\xe2g\x1b\x9c\x8a|\xfe\xadT\xf9\xd4\xd1\xf4\xa8\x0e\xb7\x1f\x94&amp;^\xa8\xbe\x93\x04\x0f\xc1\xf7\xf0+\x1e&amp;\xce\x8e]\x90k\x0c&amp;\xef\x92AI\xb2\xcfv\x8c_\xfd\x90dF}\xf8\x8bO\xe1\x1f\x12 *\x17\xa4\xdf\xf0.\x07Lp\xa4N\x83=\xf9\xc2zJ\xe5\x96\xc8\xafU!"\x93\xe3\x14\xfd\x03\xd2\x11\xa0\x98\n6J\x86\x92\x06s4\xa5\xca\xff\xa3\x81(\xc5\xf0\x89\xbbx\n\xb8\xb1f+\xd7R\x94[%\x95\x1e\'\xc6\x86uV\x82\x95D\r\xef\xd0\xec}\xe7M\x98\x1e\xb0g6\x95\xac\xafA\x87D \xeb\xc2\xb3\x18\x03\xcd\r\x1fw=\x8e\xd5\xbf\x1ee\xa1=:\xa3B\x129\xf9\xbc\xf16\xbd\xa2\x03\xd9\x9c\xf6Z\x90m\n\xbe\x99\xb5\xe4 \x9b\xab\xe4\xf35\x0f\xec gE\xa1[\xd1~\xb5\xc1\xd2\x12K\x94\x10\x8c\x85\x96(I\xf2\xe8E_\xb7\x03\x11\xde2\x10\xbb\xc3)|\\\x9a\xe5\xe0i\xa08(\x07\xd5\x96\xb1\x08\xa2Si\x13\t\x05o\xb3\xbbe\xf3\xe0\x8f}\x11A\r\xc9\xe5\x8c\xf5\xdci\\\xd3\xcf\x05\x05\x8f\xb1?\xb1\x99\xfeP? 8\xef#Z0{\xfd\xf3\xb1y\x04j\x91\xac\xed\x107\xd8\xed\x04\xa0DQ0\x08 \x94\xfeLk\x1e\xd4a\xb4\xe2\x81i\x06\xbd\t?fc\xa5\xa8\xe4\xda\xac\x98\x91!\x0exe4.\xf1\xca\x9eu\x01]g\xf9\xe9\xb2\xc3\xe2]\x9c@\xb7\xa1\xaa\xdf\x08^\xdc\xc5n\xb0W]\xb4\xf5\xfce4\xaf\x04\xf2\x11\xcd\xaf2#M\xe1H\x97\xab\xcefJ\xabZ\\#\xa8\\f~p#F\t\t\x947\xeawI\xc7\xca^\x89b\xads([\x0e\xfc`\xeb\x03\x90Q\x17*tS\x9f\xfeq\xfd7`\x99\x1aU\xde\x00v~\xc4\xc5\xfaL\xaf\xb4\x1e\xfcl\x90\t\xda\xc7\x8e\xaeS\\|lm\xdc=n\x01{\xbc\xa2\x93.-\x04@\xcb\xaf\x11P\xe0q\xfba\x00\xa9c9\xa1\x91\xa96?D\xf6\x1c y\xb055\x81up\x8e\x88\xb0\x1f\x9e\xa8\t\xed\xc5\xba\xb0\x96\xb5[\xe6\x1cH\xe2v\x1e\xccC\x93\x14\xad$[t;\x1c\xff\xc1\xf6\x1a/\xe4,\xbaG\xdb\xa3\x82\xee\xe4\xfa\xfe\x1b))\xbc\xd3d\xbe\x93z\xb0\'G\xf6\xc0rn\x10\x16%\xad\xb5N\xfa\x8b\x16\xede\xab\xddJ&gt;De\xd5\x10\xc1]i\xc5\xbd\x8f\xb2\x08\xc9\xd1\xfbF\x10\x88\xa0\xb9\x10\x16T\x14\xde\xe8[\x97F\xcf\xc9aS]\x9c&lt;\x85\xceo\x91O\x10\x9d%2\xa3\xf3\x9bqe\x90{\xd0E\xb40\xe5\x97\xccmE\xb0\xc4\xd8ju\xb7\xf5\xfa\xbe\xea\x9b:\x8a\xff\xe1$\x91[\xb2\xac\xcb\xba\'\x80\xc0Q\x01K\xbc\x8a\x0c\xb1D~\xfbW\x8cH\xc3_\xe6\xbf\xc9\x91\x1e\xba\xc9\x0b\xcf\xcdM|AjnG\x078\x12m_\x12\xc2\xfc\xce\xec\x15 \xabpD)\x8d\x03\xf9\xf7u\x96U\xe9\x8c\xbck\x99\xd6Ikd2"\xea\xabr,\xaf\x13X\xce\x8c;0\xc5\xd8@\xf9\x13\xaa\x84\xb1\xc1b\x8c\xbd\xb43\xab\xe7n\xdd\xd7\x04*\xeb\x81zdo4\x86\xa9\xedIl/V\x03\x00P\xe5\xfc\t\x87i\xdb\xeb\x8b\xe6\xab\x81\x89CU\x87\xfe\xb3\x80\x0e)\xfbz\xc0\x03N8\xeea\xc6{\xcf\x95\x15\xf0\x85\xda#\xf4\x1224e0\x876o\xe2\xf2m\xbc/!\xde\x07\xd2,E\xec\xdf\xf0w\xa2?\xb4\x13j\x01\xf4)k2\xba\x8d\xefq-\xde\x10\x7f\x98PR\xec\x04j\x9b|x\xfe\x19\x16\xb4\x0b\xf0k\xed\x1a\x1aL&amp;O\xed\xfdx\xf5\xf0B\xa0b\xab\xd0\xbe\xcc!\xc44\xd1\xa4\x8a\xfc\xd3\xda\x12\x1f\x17\x91\xb8OU\xca\x06\xa8\xb8${lJ|\x1alC\x7f\xcc\x1d[Y\xb9\xf2\xa2\xb9\x85W^\xf0\x0eY\x82\x97\x99\x9b\x8a|\x8e}*\xefS\xab\xfb\xc0D\x02C\xf7\xb7\x03(g\x1cRN\xad@P~\x15q\x19\x96]\xa7\x82\\\xe2oQO\xcd\x19kM\x98m\xea \x1fO\xa5Pi\x9fs\x80\xa9\xc9\x06\xadq\xb1H\xd8\xd6\xe1\x81Z\x82\x98H\x06\xb1j,\xc7[\x16\x96\x11\xa7I\xd6S\xf1\x0bO\xe1\xab\xa0\x9f|\x90M#\xd0f\'\x99\x9f\xc9\x81\xcc\xee \xe0\xb7\xbe\x95\x8c\xd7\xe9\x81\x80\xe1\x87\xc7\xf1\x80}\xa6\x8b\xcd\x90V\xb4LCj\xcd\xa9\xb1\x942ES7N\x02o\xc6\x92\x8ceM\r\xbd\xdb\xdc\xd1.G\x85\xf0\xd1[9\xeb}\x9ek|$\xc8\xc1\x1a\xf9\xdd\xdf\xd5JU9C\xb3\xeb\x05\xebN\x13\x125\xa4G\xbaVWK|#@&lt;f\xca\xc9\x10\x07\x9c\x96\x03k\xb4'</t>
  </si>
  <si>
    <t>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</t>
  </si>
  <si>
    <t>b'1\x89\xa9\x92\xe7\x01\xb1#\x82\x0e\xeb\x9c\x8f\xda\x9c-'</t>
  </si>
  <si>
    <t>love it, please consider leaving
 us a review on Amazon [or on Shopify, or Walmart.com, or wherever youâ€™re
 taking orders].â€
 Amazonâ€™s search results are highly driven
 by conversion rate, not reviews. Reviews
 impact conversion rate, but conversion
 rate is what matters. Hereâ€™s the beauty of
 this: In theory, if you have more positive
 reviews than the next person, youâ€™ll make
 more sales, have a higher conversion rate,
 and rank higher. However, if you have an
 audience that chooses you over everyone
 else, your conversion rate is going to be
 higher even if you donâ€™t have a ton of
 reviews. Having a responsive audience
 drives up your conversion rates, which
 drives up your position on Amazon.
 Reaching a few dozen reviews during your first few months means you
 have enough reviews to get to twenty-five or thirty sales a day. You might
 not have a million-dollar product, but youâ€™ll have enough to get to twentyfive sales a day, which is your only goal before you repeat the entire process.
 Remember, all you need is twenty-five sales a day. Keep your focus tight, and
 when you get to the point where youâ€™ve proven yo</t>
  </si>
  <si>
    <t>b'6Cm\xe08s,\xd5ce\xe4\xbd\x8c1\xe7&lt;K\x9e\xb5\xd9V&lt;\x9d\xb1V\xeaF\xa1\xec\xb1\x8aFm\x83\x8c\x8a\xd1j\xaa\x1cv\xe9QR\x11\xb6\x08\xa5\xfb\xe1\x8b\x87L8\xf6\xb9}\xb3\xe4\xa4Gp;;\x8b|\x01\xacG+\x85\x8d\'\xb3I\xafV}\xb9\x80|\xc16\xda\xc3\x8d\x19\xaaw\x88\x19\x8a\x9c\x07XXw#\xe5t^\x03r\xab&gt;:\xbf,\xa8G\xb7\xab*%[\x9a\x1f\xbb~\xdf\xbc\x94\xcb\x12\xbd\x0c@\x9f\x10?Y)\x1c{\x1e-\x08\x073/\xbaG\x8d\xd1\xda\x9e\xbb*\xec\xcc\xd6\xfd\x19l\xae\xc5gJ\xae\xc4\x0e\n\xcaE\xf4\x87\xba$\x1f/j3\xe4\xf8\x99\xc44\xa1\xd7\xeb\x9cJy\xd8\xee\x81Yc\xa8(\xbb\xd1\xc3\x0c\xf0\x05ZPI\xb5\x12\xeb\x8f\xb0\x18g\xdc\x07\x8d\xfdw+\xd5\x1a\xa5\x1d\x99\x8c\xaaQ\xaaCr\xc7\xb1\xad\x1f\x81V=!\xf7k\x18\x95\xe6\xb4nV\x8e\xe5\xc1\x1e\xdf\x1a\xfc\xccf9\xb8\x80\xb2\xcfz\xaas\xa1\x07\xeb\x85\x18\x96\xa6\xa9\x82\xd2\xef+[\x9d\x1eP\xb7\xa4\x89zm\x01y\xd0!yw1&gt;y\x86u\xd9R\xc30&lt;4\xden\'\x11\xf5\x805\xeb\x8dv\xbb\xcb\x1c\xe1\xa79\xc5\x13\x04\xae\xc8.v \x99T\xee!\xa4\xd0\xd0\xc8\xdb\x08\x1a\x14t\x7ff\x13x\xb7\xc9\xcfe\x1c\xceK\xd2\xb2`\xb4e\xcerG\x7fX\xe2\x8c\xb1\xdeNt\x02\xcb}F\x161*^\xcd\x9e\xdd@Ix\xf0\xfe\xee\xb2\x1fl\xf5\x91\xb0\x12\xe0\x17\xdc\xc9\x08\x86\x7f\x81\x1aO\xb1\x15+(\x00\x8b\xdda\x96\x0f\x1dF\x8d\xc2\xe4.\xad+\xffs=\xc5\xb4=\xd7\xc67z7\x80\xb7\x0e\xcf\xb2\xde\xe5\x03\x1dy5\'\\\\\x7f4\xba\xf0\xeeqz\x03\xa1\xc3\x87\xbbz\xee@\xda\\\xa3l\xce\xff\r~\xf9\x8a\xde\xe9\x8a\xd0\x8d\xb5\xb6\xcb(\xb4\x1a\x16+\xb7F\xbc\xed\xda\xbe&lt;!\\:\\Y\xa4\xb1\xf3\x13!b\xfd\xdeI\x9b\'L\x81I\xa2\x01\x8b\xb2\xab\x84\x8f\x8efO\xa8v\xb7\xb3\x9a$l&amp;\xca\xea\x025\x975\x91(\x92\xda\xa6\xcd^\x86YO\xf0\xe3\xe1\xc9\x01\x94\xc5\x06#\n\xaf1\xb0\x8ed&amp;\xf3\xd8S\xe4v\xe2\xd0\xa2\x85\xdd\xf7\xa2\x95!\xa5\x18\xc3\x1d\xc8\xcc\x89\xfa\x91\t\xce\xcb\x8d\xfbD\xf2aJ\x12$\xc3;&amp;\xbd\'\x8b\xb8\x9c3\xb75\x1a\xdcd\xa1\xca\xabu\x91z\xef\xaa\xdc\x1ai\xde7\x1d\xdf\x88-\x83\x1f.z\xf1\xb6O\xa7\x8d"\xf8=\xa4\xb9d\x8c,\xf5\xba#\x1f\xf9\x12\x9a\xa2\xcc1N#\x0e\xadt\x8a\x9a\xb0i\xbe\x8c\xa0~\x7f&amp;4\x88\xb8\xa8i\xdf\x02\xb45\xdd{#it\x8d\x10\x7f\x81\xfc\x17\xedU4\x83\xa9\x1c\xbd\x9e\xb2A\xcfvQPKV\xf1\xd7P#\xd5\xe1\x8b\x81\xceE3v\xdfa?\x1d\r\xde\xad\xa7\x9c\xe2U\x13H\x9bh\xfegM\x96\xbf\xf6\xecG&gt;\xcfZ\xd5F\xe4A\xc1\xfe\x06=\x02\xc9d\xcd\xa5\x87\x158,:2uHs\xbf\x03\xdb\x82R\xf2\xeadX\xd5&amp;\xca\x98\x9f\x80\x07\xd5\xd19\xc5(=\xe9\xf2\x14e\x92G\xd2\x13\xfd\x9b\x1eB\xf70\xa0!\x85\x89\xf3\x14\xdb\x93\x04\xe9\xfd\xa9R\xb6L\xc9(\x13\xa7\x1b\xbf\xce\x12|\xb9\x11\xa1\xb4Zr\xcb\xa6\x9b:?\xe2$\xd8\xcb\x84e\xcb\xdb\xad\xfbF\xd1;\xc3\xbc\xe9\xe24\x1a\xee\x1d\x80\xf9l\xf0\xa6\x82\x15\xeby\x1c\x9e\xc1\x80\x04\x8dc\xfd\xaeY.\x0c--\xad\xbb\xdaO\x95\xf1\xd8\x14;\r\'\x0c\x9a\xb6\xb1\x9f\x11\xff\x11\xd4N\x95d\xcf\xd2\xd5\x9a9\xdc~\xdbA/\x05\x16Q{\xa1\x86\x88\x1b\xb6\xe1,\xc1r\xb3,vhf\x9c\xe3W\xa7\xe2\xe3\xc2\x18;W\x06\x92\xf8\xa7\xf1\x12\xf5\xaf\x1b\xbe\xe3nr\'\xf7^s\xa5eC\xd9&gt;\xd5\x12p\xf3,\xa7c\\\xebN\xefJ\xd9\xf1\xc9\x84\xd9\xaa\xa3bX:M\xcd\x88\xb3\r{KbG\xb2\x04D\xaf\xbd8\x98\x08\xe9\xc3\x80\x05\x8b\xe1s\x99\xc3\x97\xd3a\xa4\x97\xde\xa7L\xb3\xbe\x1c\xa1\x8b\xbc\xf2\x12\x9d\x11\x7f\xe6\nM\xcf\x07\xdb\x8a\xc7\xaf\x18^\xdd\xf1\x97W\xb1\x10\xb7\xaex\xcb\x917\x1a\x7fcJ\xe0\xbclY\xb1V\xef}\x9e\x16N\xff\xff7\xa0\xb3\x95_\xb4\xc0\x04c\xa4\xa2\xff\x96\xce]\xccM\xe9\xeb\x1e\x13\x98\xa9 \x87\x8c\xc9:\xbedOz\x84\xa8\xb8;\x99T\xfc\x93\xd8TM\xcd\xff\x97&gt;C&lt;\xa0\xbb\x8dJ\xbeT\x0fv\xbe\x01\xaf\x9f\x1b\x06\xcd\xab\xd4\x08\xc4X\x80\x99C\xba'</t>
  </si>
  <si>
    <t>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</t>
  </si>
  <si>
    <t>b'6Cm\xe08s,\xd5ce\xe4\xbd\x8c1\xe7&lt;'</t>
  </si>
  <si>
    <t>ide her, while the Lion guarded the door of her room so she might not
be disturbed. The Scarecrow and the Tin Woodman stood up in a corner
and kept quiet all night, although of course they could not sleep.
The next morning, as soon as the sun was up, they started on their way,
and soon saw a beautiful green glow in the sky just before them.
"That must be the Emerald City," said Dorothy.
As they walked on, the green glow became brighter and brighter, and it
seemed that at last they were nearing the end of their travels. Yet it was
afternoon before they came to the great wall that surrounded the City. It
was high, and thick, and of a bright green color.
In front of them, and at the end of the road of yellow brick, was a big
gate, all studded with emeralds that glittered so in the sun that even the
painted eyes of the Scarecrow were dazzled by their brilliancy.
There was a bell beside the gate, and Dorothy pushed the button and
heard a silvery tinkle sound within. Then the big gate swung slowly open,
and they all passed through and found themselves in a high arched
room, the walls of which glistened with countless emeralds.
50
Before them stood a little man about the same size as the Munchkins. He
was clothed all in green, from his head to his feet, and even his skin was
of a greenish tint. At his side was a large green box.
When he saw Dorothy and her companions the man asked,
"What do you wish in the Emerald City?"
"We came here to see the Great Oz," said Dorothy.
The man was so surprised at this answer that he sat down to think it
over.
"It has been many years since anyone asked me to see Oz," he said,
shaking his head in perplexity. "He is powerful and terrible, and if you
come on an idle or foolish errand to bother the wise reflections of the
Great Wizard, he might be angry and destroy you all in an instant."
"But it is not a foolish errand, nor an idle one," replied the Scarecrow; "it
is important. And we have been told that Oz is a good Wizard."
"So he is," said the green man; "and he rules the Emerald City wisely and
well. But to those who are</t>
  </si>
  <si>
    <t>b'\x9e*\xe1\xcd\xb8)\xb1\x10\xc6\xea&amp;M\xc4x Y\x13\x91Qb\xe4\xc1\x0e\x8e"\x8e"\xfb,s\x0e\xfb\x93\xf8\xf9\xe6{&gt;\xc4\xb1\xbd\xed\x96\xb7\x19\xd3&gt;\xcc\x19\xcf\x1e\x91\x16a0T*\tq\x00\xdf\xd6\xfb\xc5\xe9\x14XI\x1a\xc4\xcd\xb2l\xb1\xfc?\x99+\xc6\x85\x86)I\xabU\xd1)\xbb\xe8\x9a~\x8fH\x02\xda\xec\xadw\xdb\xd4\xbe\x86\xe2Z\x0e\xbdW\xec\x7f\x1b\xe15\x81\xd2\x07\xb3\xb0\xfa\xc6\\\xd1\xbe\xf5H\r\x9e\xc9\xa6\xdc\x0ch\xc6\xb0$\xb0]\xfcx\xf5\x8d\x8c"hw\x80\xf5\xa6\xc1\xca\xe4+\x7fx\xe2\x7f\xf8\xccSh\x90\x92q\xa2T\x15\xe9@\x1b\xbd4\xaehr\xc9bQ;\xc3,{\\\xb3:\x19\xaa@\xa1G\xe9h\x9b\xc9\xf59=\x02s+\x0c\xb7\x9cxt*K\xdb\xaaA\xbdsk\x98W\x93x\x7f\xd4\x06\x8d$\xfa\x05`\x8e"Y\xc9\x05N\xb3`\xe2\xe9f\xa7nf#U\xcb\x95\x10\xaa\xfc\xfe\xa6\x1c\xc0^\xf1N\xbe\x9f\xf8\xe3\xb9\x0c\xa8|\xff\xac\x8cH*\xd0\xccf]\xed\x96\x10\n{\xb4u#\xd6\xd2\xfd%\x91R\x02\xdfa*9d\x1eb\xefm\x8a\xa8yz\x02\xbe\x14\xa6!\xe0K\xe5s\xb0\x890[\x1c\xe6.E\x0f\xc0g;P\xb3\t\xde"9e\x12&lt;J\xa2\xc3%\x14\xbe\x94y-\xd0\xde\xa0\xb1\xd0\xd2\xad\x94E\x8b/\xb2\xb7y\xf5@@`\xb7\xe2\xc4\\\x99KxK\xe1\\\xf0N\xd8\xbf\xa9\x9f9\n\xb3\xa4\x926/\\\xc1x[\xc5\xe6\x18|e\xad4MC\rS\r\xbd\x86\x9b\xcf\x17H\xfc\xe7\x1c\x1c4\x08-\xaf\xae\xa0\x9d\xdcQ\x05\xc5[\xda\xd3\xed\x95|S\x97\xfeo\xa8\n\x83\x15\xb4\x04,\xf1z,k\x1c\x0cX\xcd\x00-k\r\xd4\x95\x1c7\xf3N\xd8\x1eL\x1e\x03\x98\x9bc\x87{_@\x11\xb6\xa8$\x85\xd4\xb7q\xb5x\x0e\xae\x8b\xf6\\0~&gt;\xbf\x1d3\xba\xb7rl\xde\x07\xa4S\xf6yP?\x96\xe7w\x94\x9a[U\xfb\x99\xb9\x8cX\xbfh\x1b\xee\x89\x13\\!\xf82Y=\x96\xb6f\xd1\xe55\xe9h\xfac\xf6_Q7\x81\x1c\x99p`J\'\xbb\x8dHZi\x0c{\x8c?\xcc\x12(\xecT\x12\xb5\xd1\xe8\xc0\x12\x00\x86\xba\xf7C%7\xdeg\xf8\x98\xd7xg\xba\xd7R-\t\x1b\xb6\xe3\xc4\xcc\xd3y\x07\xee\x8c\xe6\\\x88"D\xd2\xb63\xa3\xf8&lt;\xc4\xe4\xcf\xed[f\xec\xdc\x08\xb2\']\xb80\xc0;\xc5Q/\x163\x7f\xa1!U9\xbc$c\xd17d\xb8u\xdd\x85\xe8?+K5\xf3(N3v\xb9o\x87p\xb1p\x90!6\xb7\x005\xfc\xf2\x9e++\xb3\x97u\xf8\xdd\xddo\x8c$\xb0\xfa\\\xcd[\r|D\x91\xf6\x80B{f\xaf\xaa\x12%vb\xc5\x85*\xe0\xa1\x96\x8b\xcco\x12C\xda\xdcX\x02\x08Fo\x00\xba%n-\xf0&amp;\xd2\x99\x1e^"\x9e\xe7.\x0e\xa8\x95?\x02U\xf1\x9e\xf3\x87\x14\xa8 P\x06\x9d \x9a3&gt;0\x0cg\xe6\xdd\xe1\xe6\x91\xa7g]\xf8\xe6%\xdc&gt;\x08~\x0c\xe9\x81\x82\xbb\x1a\xd9\xfeB\xfaM\xfaU\x05\x04\x1c%U\xff\xc7\xd1\xee\xa2\xaa;\xc3\xe9a,\xc7\xf1\xd5,\xe9\xe43\xd66\x1a\x02\xf7J7oX\xd3d\xf6\xc2V*a\xc4D\xe4\x04\x85\xaa\xd5\x82\xb9+&lt;d7\xbd\xf3I\x94&gt;t\xf4\x89z\xaa\x91d\xa2\xacq\xb5\x97\xd9\x0c80\xe9=\x9bM\xb1S\xefUI\xfa\x04\x92&gt;\xe3aV\xe3\xe8f\xc0\x10\x05\x17\x07\xa7\xeeX\xd0\x044\x19\x8f\xd1\xdaJ\xce\x89\xf6iA\xefonJ\xef\xd17e\x97}\xf0\x05\xcf.\xa8\x8f\xb7\xce\xdc\x16#\x9e\xc8O+\xeeP\xf3\xcf\x80o\x82:\xb9\xc6S-\x16L\xbb3\xc7A\x8e\x98B\x851\x92\xa4B\x8b\xc31\xd3\xad\xc8\xab|\x81H\xb2\xf5Uz\xa3\x03\xd8$\x1fu\xbdl\xc8\xd5w\xcdg7YQ\xf6\xa0\xaf&gt;!W\xcc\x0fm\xae\xb22\x0f`~g\xbe\xa5\x88\xec\xfd2P\xdf^\xc1\xcb\x9f\xe0\xbb\x96\xaa\x19\xd9\xb6\x9a\xfa\xbb\xab\xc1\x14\xbe]\xaa\xa8[u\xdb\xa9\xf0\t\xcf=Z+\xf4\xe3\x9c\x0ceg\xf0w\xcfjf\xbd\xe4\xd3\x87&amp;\x80\xb0\x7f\x991\xce\xc1\xd8\x86o\xea\x15\xf9\x9e\x11s\x0ee\x11;^4\x9b8\xbb\xdb1\x9d\xc5\xc4\xf2\xef\x84*\x84F\x03_\r\xd6y@P\x87\xecTG}\x9f\xb6\x11}\xc0\x17\xe9\x88\x96\x86\xf5\xffZt%\xdf|\x9a\xfb?l\xc5\x14T\x8cl\x8a\xc0\x170:\xc3\x1fd\t\x8d\x81\\\xd7\xea\xe5\x8d&lt;\x8b\x82c}3U\'\xa4\xe8\xee\x88\xe9\xdd\xf7q\xe44}:\xc2\xec\x81\x82\x9fw\xe8\xd5\xdf\xe6\xd33\x1b\xb8{\xb4\xf2a\xa0j0\xb7\xab\xb3K\x9f\xeb\x9b\x97x\xf2\xd0\xe8V\x13cl\x1b*\x8d\xea\xd4\xa7b\xf9\xa1\x04%\x02\xcb\xbf\x9f\xd7P\xbf{\xe2P\xd0\x97y\x16:q\xdc\xfe\xfe\x04Q\xedi\x0e\xec\xbe-\x88\x96\x1e\xefWp\xc0\x0e\xfe*\x8f\x9c\xc1\x0f\xe1\x87\x00@\xe9\x03\xd37\x96\x0b\xf2\x96NS\xf1\xd6\xdf\x93\xf7@/\xc27\x97 \xf1\\.C^\x84\xd7\xba5\x06\x99^\xc1\xa49\x17\x94-\x89\xc7\x9d\x93\xb7"\x87\xa9P\x83\xc2"\x9c2\xbd\x9c(\x83\xd8\x1d\x86O\xa4\x18w\x06Y\x17\xf0a\xd6\xfb\x81\xdb\xba\xecV\x88\xcd1\xcb\x92\xef\xc2c^\xaa\xa6\xa5\xc7\x8f\x07\x19\xffy0\xe1\x83\xf8\x80\x89\xbc\xa1\xa8\xd8\t\xeeAO\xcfa\xe0\xab\xce&gt;:Gfr\xe5\xed\xaeC\x8f\xb6\x1d\xc7`\xff\r\x99\x0f\x8d\xac\xef\xe1\xcf \'\xe1V\x8c\xd0`\x85\x99\xb7\xa9\xf7B\x8bzS\xb9{\xa4k\x17\x06\x19\x92E\xd7\xb0\xcaYgjG)d02\x9b\x8c\x03B[\xdc&gt;.\x8e\xc9\x10N\x15\x810\\ds\xb7h\x83\xbc\xc7\xc5\xfd$H6\x18\x11\xbc\xae\x86\x0b\xc7\xb1\xd5\xcb\xadT z\xf3\xb3\n\xe1\xa4,\xbf\x9cE]\xc308\xd8z\xcb\x9ey\xdbG7I\xb3l^\xcf\x17\xb1^I\xaf\x08\x15F\x94\x00\xf1X\xc6\xf5@\xb2\xa736t\x16)\xa4ql\xba\x0e\xb5\x1a\xb5ag\xff\x8e\x12yI\xc7\xfe(\xa5\xde\xe6\x0f\x83\xae\x94\xb1\x0fT\xa8\x02\xb9\xc1y\xb0D\x002h\xb6l\xa6\xe8\x84{\x1a\x05\x84\xc6\x96q\xcb\xb4\xb4\x1b\xb6\xc7A\x8d\xcfg\xc3\xd3F\xd09\x15U\x94\xd1D\xd0\x91\x8dm\x03\xfa\x0b\xb8)\x14\xc2\xd8\x15ml,\'\xd3c\xc8D{\xfe\xdfKHU\x96\x03\x90\\@Gp\xef\x97WH\xc1\xf22\xb8D\x05\xc9\xd1\x8eB\x1d\xe3,\x97/\xber\x91qt&gt;\xb5\xa3\x8bU\x8b\xd8\xd0,H\xfa\xd5\xa7=\x14y\xe2\xd5+\r\x87QSlB\xec\xea\x02\xe4\xc6\xf8&gt;\xbc|\x9c\xdfM\xc2P/@\xb7\xc8\x13\xe7\xb5Z\xf9\xaa2b\xd0\x11\x00\xcd\xbd\xadWtI\x06\xa2\xc4\xaf2\x1f\x87\x7f\xaeeP\x98\xc3\xc8\xb2!y\x9a\x829\x83]\xc0\x90X7\xda\xa9%W\xd8\x85\x85\xb3\'7\xa6\xf8L\xf6S\xe2\xff&gt;s\x90/\xf6\xebj\x1c\nb\xbe~~z\'\x1fD\xae\xe4\x97\xdc\xee\xe8R\xeb\x13?\x81G\x97k\x7f.Ib\xa72K\x98u\x8b\xd6\x8aptz\xf6\xefq\xdaM\xcf\x0b\xb0\xce\x1e\xee\xacz7{\xa6$\x91\x1e\x98\x8b\xdd\x13\x10\xdf\x90q\xbc\'\x15&amp;l\xb4A\x92%\xc3\x0fe&amp;\xe6\xb3q\xe2E\x0e\x86A\x1a\xd5\xdfc\xfcw\xc0|\x1b\x13\xd675\x90k\xe6\xb1r\xaf\x8aHu\xd7\xa3\xa2\x0b\xad\xc33D\x9c\x90V83\x11\xa8T\xe1.3\xd5`\xf2\x19\x1f\x07\xdb\xd7\x86_\xabY\xdf\x8d\x84\xee\x18\x92\x0c]\x07\xc8\x80X\xc4\xb6\x07\xfbo\x909=p\\$\x80\x15\xd8\x91\\~LDT\x03=\x87\x95`P\x1fkU?nyY \xd1|\x8b)\x08;W\t\x83\x9fL\xe2wSw\xe4\xa8\xfd"\xac\xc0+\x06%\xe5r\xba`Egz\xdb\xad\xdc\\\xd1\xb2\xca\xa8G&lt;Sl\xec\xe2\xc0C-\xf9\xbd$\x03\x90\x13\xfb\xdd\x05\xd7\xa2\x9f\x84{\xee\xde\xb2\xa4~IB\xcb\xcb0\x9a\xa9\xa1qp_Z\x0c\xb7\xfa\x08\xb7a\xe6/\x1a\xb8\xe9P"\xe6,\xd0\xedk\x9a\xbfZ\x9a\xf5\xe4\xb4\xca\x95\xcd\x1b\xf2\x9b\x95\xa5\x04X7\xa0V*p_x\xc6\xa1\xd4\xb9R\xb08l&lt;\xc2NP"\xfaz\x0f\xc7!\xacy\xb8\xabK\xff\x88\x16\xb9\xe8\xe3Bau.\x0c\x0b\xf4*\xd5\xa0'</t>
  </si>
  <si>
    <t>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</t>
  </si>
  <si>
    <t>b'\x9e*\xe1\xcd\xb8)\xb1\x10\xc6\xea&amp;M\xc4x Y'</t>
  </si>
  <si>
    <t>mmon very well; it was for the most part
 very uneven ground, covered with heather and dark-green furze bushes, with here and
 there a scrubby old thorn-tree; there were also open spaces of fine short grass, with anthills and mole-turns everywhere; the worst place I ever knew for a headlong gallop.
 We had hardly turned on the common, when we caught sight again of the green habit
 flying on before us. My lady's hat was gone, and her long brown hair was streaming
 behind her. Her head and body were thrown back, as if she were pulling with all her
 remaining strength, and as if that strength were nearly exhausted. It was clear that the
 roughness of the ground had very much lessened Lizzie's speed, and there seemed a
 chance that we might overtake her.
 While we were on the highroad, Blantyre had given me my head; but now, with a light
 hand and a practiced eye, he guided me over the ground in such a masterly manner that
 my pace was scarcely slackened, and we were decidedly gaining on them.
 About halfway across the heath there had been a wide dike recently cut, and the earth
 from the cutting was cast up roughly on the other side. Surely this would stop them! But
 no; with scarcely a pause Lizzie took the leap, stumbled among the rough clods and fell.
 Blantyre groaned, "Now, Auster, do your best!" He gave me a steady rein. I gathered
 myself well together and with one determined leap cleared both dike and bank.
 Motionless among the heather, with her face to the earth, lay my poor young mistress.
 Blantyre kneeled down and called her name: there was no sound. Gently he turned her
 55
 face upward: it was ghastly white and the eyes were closed. "Annie, dear Annie, do
 speak!" But there was no answer. He unbuttoned her habit, loosened her collar, felt her
 hands and wrist, then started up and looked wildly round him for help.
 At no great distance there were two men cutting turf, who, seeing Lizzie running wild
 without a rider, had left their work to catch her.
 Blantyre's halloo soon brought them to the spot. The foremost man seemed much
 troubled at the sight, and asked what he could do.
 "Can you ride?"
 "Well, sir, I bean't much of a horseman, but I'd risk my neck for the Lady Anne; she was
 uncommon good to my wife in the winter."
 "Then mount this horse, my friendâ€”your neck will be quite safeâ€”and ride to the
 doctor's and ask him to come instantly; then on to the hall; tell them all that you know,
 and bid them send me the carriage, with Lady Anne's maid and help. I shall stay here."
 "All right, sir, I'll do my best, and I pray God the dear young lady may open her eyes
 soon." Then, seeing the other man, he called out, "Here, Joe, run for some water, and tell
 my missis to come as quick as she can to the Lady Anne."
 He then</t>
  </si>
  <si>
    <t>b'\xa9\xf2\x16&amp;\xac\xd7\xf1~'</t>
  </si>
  <si>
    <t>a9f21626acd7f17e</t>
  </si>
  <si>
    <t>pause of silence.
 Caterina soon returned with the wood, and then, when the cheerful blaze
 once more animated the room, and this servant had withdrawn, Emily
 asked Annette, whether she had made the enquiry she bade her. 'Yes,
 ma'amselle,' said Annette, 'but not a soul knows any thing about the
 matter: and old Carloâ€”I watched him well, for they say he knows strange
 thingsâ€”old Carlo looked so as I don't know how to tell, and he asked me
 again and again, if I was sure the door was ever unfastened. Lord, says
 Iâ€”am I sure I am alive? And as for me, ma'am, I am all astounded, as
 one may say, and would no more sleep in this chamber, than I would on
 the great cannon at the end of the east rampart.'
 'And what objection have you to that cannon, more than to any of the
 rest?' said Emily smiling: 'the best would be rather a hard bed.'
 295
 'Yes, ma'amselle, any of them would be hard enough for that matter; but
 they do say, that something has been seen in the dead of night, standing
 beside the great cannon, as if to guard it.'
 'Well! my good Annette, the people who tell such stories, are happy in
 having you for an auditor, for I perceive you believe them all.'
 'Dear ma'amselle! I will shew you the very cannon; you can see it from
 these windows!'
 'Well,' said Emily, 'but that does not prove, that an apparition guards it.'
 'What! not if I shew you the very cannon! Dear ma'am, you will believe
 nothing.'
 'Nothing probably upon this subject, but what I see,' said Emily.â€”'Well,
 ma'am, but you shall see it, if you will only step this way to the
 casement.'â€”Emily could not forbear laughing, and Annette looked
 surprised. Perceiving her extreme aptitude to credit the marvellous,
 Emily forbore to mention the subject she had intended, lest it should
 overcome her with idle terrors, and she began to speak on a lively topicâ€”
 the regattas of Venice.
 'Aye, ma'amselle, those rowing matches,' said Annette, 'and the fine
 moon-light nights, are all, that are worth seeing in Venice. To be sure the
 moon is brighter than any I ever saw; and then to hear such sweet music,
 too, as Ludovico has often and often sung under the lattice by the west
 portico! Ma'amselle, it was Ludovico, that told me about that picture,
 which you wanted so to look at last night, andâ€”-'
 'What picture?' said Emily, wishing Annette to explain herself.
 'O! that terrible picture with the black veil over it.'
 'You never saw it, then?' said Emily.
 'Who, I!â€”No, ma'amselle, I never did. But this morning,' continued
 Annette, lowering her voice, and looking round the room, 'this morning,
 as it was broad daylight, do you know, ma'am, I took a strange fancy to
 see it, as I had heard such odd hints about it, and I got as far as the door,
 and should have opened it, if it had not been locked!'
 296
 Emily, endeavouring to conceal the emotion this circumstance
 occasioned, enquired at what hour she went to the chamber, and found,
 that it was soon after herself had been there. She also asked further
 questions, and the answers convinced her, that Annette, and probably
 her informer, were</t>
  </si>
  <si>
    <t>b'\x18\xce\x0b\x8f\xad\x8f\xf1\x95\xaa]\x11\x19\xcd\xfa\xb6\xe3\x90"F\xbf\xca\xf8\xcf\x1cv\x7f7\xc9*\x1e/0l\xa8,\x81\xb5\xd93J\xb2n\xf6\xa0\xb3\xf0\xca\xc4\x86\xb7T\xc4Q\x05\xddr\xd6fM\xdcO\x84^['</t>
  </si>
  <si>
    <t>18ce0b8fad8ff195aa5d1119cdfab6e3902246bfcaf8cf1c767f37c92a1e2f306ca82c81b5d9334ab26ef6a0b3f0cac486b754c45105dd72d6664ddc4f845e5b</t>
  </si>
  <si>
    <t>b'\x18\xce\x0b\x8f\xad\x8f\xf1\x95\xaa]\x11\x19\xcd\xfa\xb6\xe3'</t>
  </si>
  <si>
    <t>to this her favourite spot,
 she entered the ruined tower, and ascended a winding staircase, that led
 to a small chamber, which was less decayed than the rest of the building,
 and whence she had often gazed, with admiration, on the wide prospect
 of sea and land, that extended below. The sun was now setting on that
 tract of the Pyrenees, which divided Languedoc from Rousillon, and,
 placing herself opposite to a small grated window, which, like the woodtops beneath, and the waves lower still, gleamed with the red glow of the
 west, she touched the chords of her lute in solemn symphony, and then
 accompanied it with her voice, in one of the simple and affecting airs, to
 which, in happier days, Valancourt had often listened in rapture, and
 which she now adapted to the following lines.
 TO MELANCHOLY
 Spirit of love and sorrowâ€”hail!
 Thy solemn voice from far I hear,
 Mingling with ev'ning's dying gale:
 Hail, with this sadly-pleasing tear!
 O! at this still, this lonely hour,
 Thine own sweet hour of closing day,
 Awake thy lute, whose charmful pow'r
 Shall call up Fancy to obey:
 770
 To paint the wild romantic dream,
 That meets the poet's musing eye,
 As, on the bank of shadowy stream,
 He breathes to her the fervid sigh.
 O lonely spirit! let thy song
 Lead me through all thy sacred haunt;
 The minister's moon-light aisles along,
 Where spectres raise the midnight chaunt.
 I hear their dirges faintly swell!
 Then, sink at once in silence drear,
 While, from the pillar'd cloister's cell,
 Dimly their gliding forms appear!
 Lead where the pine-woods wave on high,
 Whose pathless sod is darkly seen,
 As the cold moon, with trembling eye,
 Darts her long beams the leaves between.
 Lead to the mountain's dusky head,
 Where, far below, in shade profound,
 Wide forests, plains and hamlets spread,
 And sad the chimes of vesper sound,
 771
 Or guide me, where the dashing oar
 Just breaks the stillness of the vale,
 As slow it tracks the winding shore,
 To meet the ocean's distant sail:
 To pebbly banks, that Neptune laves,
 With measur'd surges, loud and deep,
 Where the dark cliff bends o'er the waves,
 And wild the winds of autumn sweep.
 There pause at midnight's spectred hour,
 And list the long-resounding gale;
 And catch the fleeting moon-light's pow'r,
 O'er foaming seas and distant sail.
 The soft tranquillity of the scene below, where the evening breeze
 scarcely curled the water, or swelled the passing sail, that caught the last
 gleam of the sun, and where, now and then, a dipping oar was all that
 disturbed the trembling radiance, conspired with the tender melody of
 her lute to lull her mind into a state of gentle sadness, and she sung the
 mournful songs of past times, till the remembrances they awakened were
 too powerful for her heart, her tears fell upon the lute, over which she
 drooped, and her voice trembled, and was unable to proceed.
 Though the sun had now sunk behind the mountains, and even his
 reflected light was fading from their highest points, Emily did not leave
 the watch-tower, but continued to indulg</t>
  </si>
  <si>
    <t>b'\xf0a\xa8\xb5\xc5\xe6\x1a\x89\xab\xc8\x8b\x83\x96p\xb1\xfe\xe2\xad+\x01B&lt;u\x7f\n\xc69\xcdX#\x8f\xfc\xbf\xf0\xc4\x13\xff\xaf\x10\x0bPs\xc1\x9f.\xa9\xc4\x0c\xda\x01RWQ*c\x9f\x956\x04\xdevC\xd9\xc4'</t>
  </si>
  <si>
    <t>f061a8b5c5e61a89abc88b839670b1fee2ad2b01423c757f0ac639cd58238ffcbff0c413ffaf100b5073c19f2ea9c40cda015257512a639f953604de7643d9c4</t>
  </si>
  <si>
    <t>b'\xf0a\xa8\xb5\xc5\xe6\x1a\x89\xab\xc8\x8b\x83\x96p\xb1\xfe'</t>
  </si>
  <si>
    <t>he
 remembered he had more than once said that the fishing-house, where
 she had formerly listened to this voice and air, and where she had seen
 pencilled sonnets, addressed to herself, had been his favourite haunt,
 before he had been made known to her; there, too, she had herself
 unexpectedly met him. It appeared, from these circumstances, more
 than probable, that he was the musician, who had formerly charmed her
 attention, and the author of the lines, which had expressed such tender
 admiration;â€”who else, indeed, could it be? She was unable, at that time,
 to form a conjecture, as to the writer, but, since her acquaintance with
 Valancourt, whenever he had mentioned the fishing-house to have been
 known to him, she had not scrupled to believe that he was the author of
 the sonnets.
 As these considerations passed over her mind, joy, fear and tenderness
 contended at her heart; she leaned again from the casement to catch the
 sounds, which might confirm, or destroy her hope, though she did not
 recollect to have ever heard him sing; but the voice, and the instrument,
 now ceased.
 She considered for a moment whether she should venture to speak: then,
 not choosing, lest it should be he, to mention his name, and yet too much
 interested to neglect the opportunity of enquiring, she called from the
 casement, 'Is that song from Gascony?' Her anxious attention was not
 cheered by any reply; every thing remained silent. Her impatience
 increasing with her fears, she repeated the question; but still no sound
 was heard, except the sighings of the wind among the battlements above;
 and she endeavoured to console herself with a belief, that the stranger,
 whoever he was, had retired, before she had spoken, beyond the reach of
 her voice, which, it appeared certain, had Valancourt heard and
 recognized, he would instantly have replied to. Presently, however, she
 449
 considered, that a motive of prudence, and not an accidental removal,
 might occasion his silence; but the surmise, that led to this reflection,
 suddenly changed her hope and joy to terror and grief; for, if</t>
  </si>
  <si>
    <t>b'i\x1a\xe9\xc9\xbe}@L\x9ci\x08\xde\xec\x19\x16\nt\xb1\xd1]L\x9e\x166&lt;\xe7"L\xc4K\x8b\x06\xf2\xefYZa/\x97\x01\x9c\x00\x8e\xa1~v\xf6\x8d\x02\xe5f\x8b\xb4\x8b\x9a\xe0\x0eP\x84\xfa\xb1\x17\xc3 '</t>
  </si>
  <si>
    <t>691ae9c9be7d404c9c6908deec19160a74b1d15d4c9e16363ce7224cc44b8b06f2ef595a612f97019c008ea17e76f68d02e5668bb48b9ae00e5084fab117c320</t>
  </si>
  <si>
    <t>b'i\x1a\xe9\xc9\xbe}@L\x9ci\x08\xde\xec\x19\x16\n'</t>
  </si>
  <si>
    <t>ng from the harshness
 of her affliction, till it was mellowed to that tenderness which the feeling
 heart cherishes as sacred. St. Aubert, on the contrary, visibly declined in
 health; though Emily, who had been so constantly with him, was almost
 the last person who observed it. His constitution had never recovered
 from the late attack of the fever, and the succeeding shock it received
 29
 from Madame St. Aubert's death had produced its present infirmity. His
 physician now ordered him to travel; for it was perceptible that sorrow
 had seized upon his nerves, weakened as they had been by the preceding
 illness; and variety of scene, it was probable, would, by amusing his
 mind, restore them to their proper tone.
 For some days Emily was occupied in preparations to attend him; and
 he, by endeavours to diminish his expences at home during the journeyâ€”
 a purpose which determined him at length to dismiss his domestics.
 Emily seldom opposed her father's wishes by questions or
 remonstrances, or she would now have asked why he did not take a
 servant, and have represented that his infirm health made one almost
 necessary. But when, on the eve of their departure, she found that he had
 dismissed Jacques, Francis, and Mary, and detain</t>
  </si>
  <si>
    <t>b'\xc3/W\xfc\x12"\xfdMO\xad\xb0}\xddIDL\x9f\'\xc5\xa1\x00s\x9e\xab+C\x02y\xc8\xcf\x99y\x90\xd4E\x01_v\x12sH\xa3.\xa5\xdb\xd4z\xa9\xeb\xd8\x1b\'\xfb\x17\xc0\xe5\xbc\x12\xfa\xd7:6}|'</t>
  </si>
  <si>
    <t>c32f57fc1222fd4d4fadb07ddd49444c9f27c5a100739eab2b430279c8cf997990d445015f76127348a32ea5dbd47aa9ebd81b27fb17c0e5bc12fad73a367d7c</t>
  </si>
  <si>
    <t>b'\xc3/W\xfc\x12"\xfdMO\xad\xb0}\xddIDL'</t>
  </si>
  <si>
    <t>o not like any one next door
 who bites."
 Just then a horse's head looked over from the stall beyond; the ears were laid back, and
 the eye looked rather ill-tempered. This was a tall chestnut mare, with a long handsome
 neck. She looked across to me and said:
 "So it is you who have turned me out of my box; it is a very strange thing for a colt like
 you to come and turn a lady out of her own home."
 "I beg your pardon," I said, "I have turned no one out; the man who brought me put me
 here, and I had nothing to do with it; and as to my being a colt, I am turned four years
 9
 old and am a grown-up horse. I never had words yet with horse or mare, and it is my
 wish to live at peace."
 "Well," she said, "we shall see. Of course, I do not want to have words with a young thing
 like you." I said no more.
 In the afternoon, when she went out, Merrylegs told me all about it.
 "The thing is this," said Merrylegs. "Ginger has a bad habit of biting and snapping; that is
 why they call her Ginger, and when she was in the loose box she used to snap very
 much. One day she bit James in the arm and made it bleed, and so Miss Flora and Miss
 Jessie, who are very fond of me, were afraid to come into the stable. They used to bring
 me nice things to eat, an apple or a carrot, or a piece of bread, but after Ginger stood in
 that box they dared not come, and I missed them very much. I hope they will now come
 again, if you do not bite or snap."
 I told him I never bit anything but grass, hay, and corn, and could not think what
 pleasure Ginger found it.
 "Well, I don't think she does find pleasure," says Merrylegs; "it is just a bad habit; she
 says no one was ever kind to her, and why should she not bite? Of course, it is a very bad
 habit; but I am sure, if all she says be true, she must have been very ill-used before she
 came here. John does all he can to please her, and James does all he can, and our master
 never uses a whip if a horse acts right; so I think she might be good-tempered here. You
 see," he said, with a wise look, "I am twelve years old; I know a great deal, and I can tell
 you there is not a better place for a horse all round the country than this. John is the
 best groom that ever was; he has been here fourteen years; and you never saw such a
 kind boy as James is; so that it is all Ginger's own fault that she did not stay in that box."
 10
 Chapter 5. A Fair Start
 The name of the coachman was John Manly; he had a wife and one little child, and they
 lived in the coachman's cottage, very near the stables.
 The next morning he took me into the yard and gave me a good grooming, and just as I
 was going into my box, with my coat soft and bright, the squire came in to look at me,
 and seemed pleased. "John," he said, "I meant to have tried the new horse this morning,
 but I have other business. You may as well take him around after breakfast; go by the
 common and the Highwood, and back by the watermill and the river; that will show his
 paces."
 "I will, sir," said John. After breakfast he came and fitted me with a bridle. He was very
 particular in letting out and taking in the straps, to fit my head comfortably; then he
 brought a saddle, but it was not broad enough for my back; he saw it in a minute and
 went for another, which fitted nicely. He rode me first slowly, then a trot, then a canter,
 and when we were on the common he gave me a light touch with his whip, and we had a
 splendid gallop.
 "Ho, ho! my boy," he said, as he pulled me up, "you would like to follow the hounds, I
 think."
 As we came back through the park we met the Squire and Mrs. Gordon walking; they
 stopped, and John jumped off.
 "Well, John, how does he go?"
 "First-rate, sir," answered John; "he is as fleet as a deer, and has a fine spirit too; but the
 lightest touch of the rein will guide him. Down at the end of the common w</t>
  </si>
  <si>
    <t>b'\x81\xfbN\xb7\x9d\xb4\xd2\xc8'</t>
  </si>
  <si>
    <t>81fb4eb79db4d2c8</t>
  </si>
  <si>
    <t>e do lay 'em athwart, what are we to do with 
 'em, anyhow?" 
 "There's the man for me!" cried the cook admiringly. "That's what I c</t>
  </si>
  <si>
    <t>b"s\xc8ZQ\xbc{\x80M\x08Y\xfa\xd6\\\x19Q%X\xaec\x18\xf4p\x8f\x17w\xe7.\xa3\x19\xc8\x87!\xba\xebub'\x16\xb4\xf2}\x86\xeb\xe4\xb8\x86\x8fr!%\xe6\x19Uf\xb1Y4\xb9\xb2\xe1\xa1hY\xa8\x9cd\x01\xa6p|\x90L\xfd\xa0\xec\x84\xf6B6\x9a\xcf\xea\xa6\xe6E\xc0\x15\x15V\x18W\x08\xd4\x049\xb9\x0e\xecHN\x18X\xbb#\xd4\xdfh,\xf0\x8f\xcf\x97o\xe3\xeb\x98\x94\xcc\x82\xa7\xb1\xfa\xa3L'n\x83\x0b\xe9\xab\xa7\x1d4m\x88\x95(\x00\xbf\x16\xd9\xf4\xb5X\xdc\xb3E8mqN8\xf8\xa4u\xe7\xdd\xaa\x05\x9c\xacV|0\x88)\xb6\r_)\xed:S\x80/\xfb\xb2\xd4\xbd\xf4\xd7|nN\xa55\xe9\x85\xc7{\xd1\xaa\x80\x82\xd81]\xaa\r\xc0`\r4o\x1a\\\x8cM\xc9\xa0\xeb\xed\xb0P\xd0[\x0e\xb7\xa2\x99\xbf$;\xb3\xd1\x16\x83\x15\x85\xf4A%\x93\xdci\xd4\x98\x9b?\xf9\xfa&amp;\xf4\x8dm]\xa6\xf98m\x17\xbb\xebU\xae$"</t>
  </si>
  <si>
    <t>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</t>
  </si>
  <si>
    <t>b's\xc8ZQ\xbc{\x80M\x08Y\xfa\xd6\\\x19Q%'</t>
  </si>
  <si>
    <t>f the ramparts extended to other towers, overlooking the
 precipice, whose shattered outline, appearing on a gleam, that lingered
 in the west, told of the ravages of war.â€”Beyond these all was lost in the
 obscurity of evening.
 While Emily gazed with awe upon the scene, footsteps were heard within
 the gates, and the undrawing of bolts; after which an ancient servant of
 the castle appeared, forcing back the huge folds of the portal, to admit
 his lord. As the carriage-wheels rolled heavily under the portcullis,
 Emily's heart sunk, and she seemed, as if she was going into her prison;
 the gloomy court, into which she passed, served to confirm the idea, and
 her imagination, ever awake to circumstance, suggested even more
 terrors, than her reason could justify.
 Another gate delivered them into the second court, grass-grown, and
 more wild than the first, where, as she surveyed through the twilight its
 desolationâ€”its lofty walls, overtopt with briony, moss and nightshade,
 and the embattled towers that rose above,â€”long-suffering and murder
 came to her thoughts. One of those instantaneous and unaccountable
 convictions, which sometimes conquer even strong minds, impressed her
 with its horror. The sentiment was not diminished, when she entered an
 extensive gothic hall, obscured by the gloom of evening, which a light,
 glimmering at a distance through a long perspective of arches, only
 rendered more striking. As a servant brought the lamp nearer partial
 gleams fell upon the pillars and the pointed arches, forming a strong
 265
 contrast with their shadows, that stretched along the pavement and the
 walls.
 The sudden journey of Montoni had prevented his people from making
 any other preparations for his reception,</t>
  </si>
  <si>
    <t>b'G\xd0\xf3\x89\x10\xedq)\x01\x95a\x13&gt;\xcad\xcb\x92\xb6\xc0\x91;\xfa\xcd\x8a8\xc7\xfb(\x11\xf3\x9e\x9c\xc2\xe0\xe2\x9c\xac7{VH\x16\xc1g\xa2\x02\x94\x01\x17O\x93\x91\xfc\xdc\xeb\x8a\xd6\x02\x88\x1d\xaesmV'</t>
  </si>
  <si>
    <t>47d0f38910ed7129019561133eca64cb92b6c0913bfacd8a38c7fb2811f39e9cc2e0e29cac377b564816c167a2029401174f9391fcdceb8ad602881dae736d56</t>
  </si>
  <si>
    <t>b'G\xd0\xf3\x89\x10\xedq)\x01\x95a\x13&gt;\xcad\xcb'</t>
  </si>
  <si>
    <t>The same is true for the brand you represent. Our customers
 have questions burning inside them and if we arenâ€™t answering
 those questions, theyâ€™ll move on to another brand. If we havenâ€™t
 identified what our customer wants, what problem we are helping them solve, and what life will look like after they engage our
 products and services, for example, we can forget about thriving
 BUILDING A STORYBRAND
 12
 in the marketplace. Whether weâ€™re writing a story or attempting
 to sell products, our message must be clear. Always.
 In fact, at StoryBrand we have a mantra: If you confuse, youâ€™ll
 lose.
 BUSINESS HAS AN ENEMY
 Business has a fierce, insidious enemy that, if not identified and
 combated, will contort our company into an unrecognizable
 mess. The enemy Iâ€™m talking about is noise.
 Noise has killed more ideas, products, and services than
 taxes, recessions, lawsuits, climbing interest rates, and even
 inferior product design. Iâ€™m not talking about the noise inside
 our business; Iâ€™m talking about the noise we create as a business.
 What we often call marketing is really just clutter and confusion
 sprayed all over our websites, e-mails, and commercials. And itâ€™s
 costing us millions.
 Years ago, a StoryBrand client who attended one of our
 workshops pushed back. â€œI donâ€™t think this will work for me,â€
 he said. â€œMy business is</t>
  </si>
  <si>
    <t>b'\xc2\x19\xcd\x9b\xe18\xc4\xd7\xa9|\x84~\x1b\x0e\x9b\xe9\xc7{~x=\x1a\xc4\xbd\x8c\x8bI\xa7\x9d\xad\xcb\xf0\xe8E\xa5 \xef\x95\xa9\xbc\xaa\xaf\x15;o=\x8e\xd2\xa1\xe9\xaf\xb7h\x10\xcf0\xe5\xd2\xf6\xd3k\x90\xcf\xad\x99p\x8d\xc4I\x90w\x14\xee\xd7rT`\x8e3O\x8bb\xca\xac\x08\x9fZ\xd2\x1cW\xdd\x85\xcaY\x8d|\x86~\xa7}n\xd9wI\x04\xf5\x1e\xa3\xee\xe9\xd2#\x0c\xa1\xa8V\x18L\xa5[\'\x953\x9d\xf5\xd0+\x01\n\xfc\x96\xc3\xc3\xd8\xb4\x87\x04\xb7\x0b\xf2~\xcd\xb2}\xe2\x85\xf20\x04M\x00\xafLP\x8e\x9c\xba\x93\x81s\x97\xad\n\xbd\x1e\xc9\xb2\xaa\x1c\xeb\x04\xda\x82\xd8\xb9\x87k\xee=\xb4\x83H7l\xfd\xf4$\x92\xaf\xa9T\xce\xce\xbcq0\x90_\xcd\x0c2\xc8y8E\xf0\xe3\xa0(|\xb3\xf6\xc1\xe5\x04\xd4\xd8\xdf\xc1\xa6K8\xe4\xd9\r\xc7\xddg\xb4S\x11\x8d$yL*\xe2"{\xa8j\xd6l\xa8g\x11\x974\xcf\xe2$1[\xe7\xd3K\xd4\xecy\xcc\xa3*\x14z\xc6J\x9d\xe1\xa8\x0c\xa7W\xf9\xfa(\xc1V\x7fQ\xadb\xb5\xdca\x8c\xd7\x87\x17\xb7\xe5\xea\xe4\xc7\x84?\xc6{)\xef\xf7\x94R\xc1\x7fk^T\xda35\x8f\rnA\xe6\xd4b\xc8\xaeQ4P\x89S\x96\xac$p\x834\xbc\x07z\xcb^A\xde\xbe\xac\xb5\xc4\xf8!$\x9a\x02V\xd7\xea\xa5\x1e\x11\xcc\xf7\x80:\x16E\xf0\x0cKM\xc8\xf4\x84c(\x9e\xa2P\xa1c7\x7f\x9d\xf4\xb9\xa1\xf2v]\t\xf6\xd3^\xe5F\xcd$\x8d\xbcH\x99\xea\x04\x051|&lt;\xda\x18\xb3\xe7^\xa7\x04\xd9\x1f\xbe\xe4])\x12vD~bK\x10\xfe\x07\x8c\xf7\xb2\xae\x97E\xca+Y`H\xc0\xee\xfd\x9f\xea\xee\xe5\xdbDV\x17\xab\xee\xca\xb4\xa1\x8e|D\xd1c\xbb\xd3.\xeb\xf6dX\n\xc7 \x16\xefN\xd9S\xa3\x1d\x80\xa8(\xe7\xfc\x95$\xc4"\xff\x94"\x998\xbb\xf9\xeb\x9d=\xeb\x8a\x0b%\xc1_\xcf\\\x9bc\xd0\xd1$\x8dA\xb3\xe1\xc9\x03\xc1v1\xd7\x91xYO\x9c\x9b](\x08AGRB\x89n\xadwK\xbf\xd2^64U\x19\xa4.\x93Z\rd\xec\xbaT\xc9l\xe0\x7f\x1a[\xed\xbc\xb3A7\xb3\x0f\xfb\x91UQ\xed\x95F\xb0\xc7y=)\t\xf7]\xecxX\xed2(\xbf\x06\xd5\x10Gr\x0c&gt;QiM;\xa9\xf5\xfcI+"\xc0\x90\xb6\x0c\xc2\x88\xfd,p\xea\x89\x1dF\xc1\xbc#\xa4y\xe3\x99f\x88n\xda\xb2\x10!k*\x19\x96\xe2\xf7\xd6L\x88\xd4*\xee\x88P\xe5ki\xbd\xb42X~\xcd\xf3\x8d*-\xbf\xc0_\xb9\x90:u\xda6\xb7\xbf\x1d\xac2\x8c\xac\x98\x9b\x18\xaeM\x9a\xdc\xab\xfbS\xd9,\xb7|\xb6v)\xbf+M\xd6\xcf\xc9\xa9\xb9\xe0\x8b\xfb\x0e\xd6[\x8f\xc1\xab?\xe6up&lt;\xde\xc0\xe2\xfc\xb2\x1c\xffg\x03xwN\xb3f\xef\xb2%\xbeg\xeb\xd7\xcc\xc8\xf5\x9c\x08\xc2b\xaa\x9ct\x06&gt;\xfc\xcfR\x16\xb4\xf5-0v\xb7\xfa\xff\x9a\x16bJ}O\xb8\x9e%\x0b\xa2^Y;oe8\xe2\x1d\xde\x1db.\xd0\x06J\xf6\xfb\xdd\xa1\x0c\xa7\xd0\x9b\x90O\xda\xf2r\xbb\x17N\x8d &gt;2Lch\xd7\x08\xde\xe1\xa2\xe2\x03g\x8d\xf2\x8az\x13r\xfdf\xa7\xe1\x1bk40\x83\x84\x02\xf3\xf1\xd9\xdc^\x0b$k\xbe\xad\xf3\x88\x16U\xc6\xa8\xb2\xe4\xb0=(\xed\x04\xc7\tu4\x1a1\xbc\x97\xf0f\xe0\xc9\x960\xdb\xd98ah\xe5#;\xb0m\x99!\x98\xaf\x89jb\xe1\xbf\x8b\xae&gt;\xa3\xad5x\x00\xf0\x8b\x06\x98\'+\xefK\xe5\x1b !V\x85\x83\x8cd\xf6\xa4\xfam\xd73G\xe1\xf4g\xb1il\xb3\x82c\x8aJ\t\x9c\xc2G\xd9\x0c\x81\xd3Zh\xc7\x98\x1d\xc4BMv/\xf2\x1b\x93\xec\xe5\xac\x03\x1a\xe3\xf0E]R\xd9\xac\x9b\xd0\xb7\x1a\x1e!\xb7\x94R7\x9cz\xf6h_\x93&gt;\xe7t\xfa\x0c\xf1:\xee\xe5m\x0eMbl\xd0W\xca\xfc\xdc\x12I[\xfc\xfa\x1c\xb8\x1bF\xf3\xe9\x8b+\xfc\xcf\x93\r\x02\xf6k;S\xda0h\xa4\x9cs\xa15H\xd4\x03\xec\xfc\x02\xb56\xdf\xd8\x1b\x05\xc0\x16^\x80\xae-\xea\x8aw\xeey\'\xeb\xb8~\x85\xb9\x88\x9c\xe5\x8a\x86\xd3\x00\x8c\xeb\xc2[r\x82\x94\xd9\x0b\xaa\xb8\xf6uv,\x99r\x1d\xb9\x9b\xd0\xc0\x86\x9bB\xc5\xd1\xba*\x99\xc2\xed\xc3\xea"\xf6)GZ\xb8Y\x9eQIMZ!\x00\xdc;\xda&gt;\x1a\xf8nF\xa9O\x10\xfe\xe2B\xbbQ\xd27Y\xd4\xbc\x1a1~t\xb3\xd0\xe0%Q;CB\xcb\x8cIR{Y\t\xfb\xabX\xb2Q\t\xd1Y\x00\xfdn\xd3e\x89\xbb\xa4\xd5\xde\x8ei\xd5\xd9=\xed\x05(\\\xf3\'r&gt;\xbe\xc4{Ir\xbc\x94)ww\x86\x81p\xa4k \xb5.\x90\xd5\xb4\x92\x81\xc2\x91\tA\xc1\xc02\x9f\xe4}\x18ui\xd6\x16\re|\xce{\x9c YW\xbf@U\x13\xdd*\xbfT\x0c\xa8CG^\x89)\x85\x0c\xa0\xa3\x85\x18\xfe\xe0`\x7f\xa8t\xac_H\xebQ\xf6\x14\x87\xf1i\xb7\xe5r\xbc\xe0\'h\x0b\x0c\xf8\xadT7ER\x04\x11eV\xce\xfa\xe4z[;\xdd&gt;\x8ei\x1e\x04\x88k@\xbc\x92+\xb0z\xcb\x86V\xb6&lt;9\x96&lt;\xde\xb0\xe9V\xd2\xf5\xb5S\xb3\xbbs\x7f\x10fu\xff0\x0c\xb3\xf2\xab\xe6\xee\xd4\x9c\xa4\x9c.:\xd9\x83\xa0\xa2\xc1 \xec[@*p\xeco\xb9\xb30'</t>
  </si>
  <si>
    <t>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</t>
  </si>
  <si>
    <t>b'\xc2\x19\xcd\x9b\xe18\xc4\xd7\xa9|\x84~\x1b\x0e\x9b\xe9'</t>
  </si>
  <si>
    <t xml:space="preserve"> to neurohypophysis.
Over-secretion of GH stimulates abnormal growth of the body leading
to gigantism and low secretion of GH results in stunted growth resulting
in pituitary dwarfism. Excess secretion of growth hormone in adults
especially in middle age can result in severe disfigurement (especially of
the face) called Acromegaly, which may lead to serious complications,
and premature death if unchecked. The disease is hard to diagnose in
the early stages and often goes undetected for many years, until changes
in external features become noticeable. Prolactin regulates the growth of
the mammary glands and formation of milk in them. TSH stimulates the
synthesis and secretion of thyroid hormones from the thyroid gland. ACTH
stimulates the synthesis and secretion of steroid hormones called
glucocorticoids from the adrenal cortex. LH and FSH stimulate gonadal
activity and hence are called gonadotrophins. In males, LH stimulates
the synthesis and secretion of hormones called androgens from testis.
In males, FSH and androgens regulate spermatogenesis. In females, LH
induces ovulation of fully mature follicles (graafian follicles) and maintains
the corpus luteum, formed from the remnants of the graafian follicles
after ovulation. FSH stimulates growth and development of the ovarian
Posterior
pituitary
Anterior
pituitary
Hypothalamus
Hypothalamic
neurons
Portal circulation
Figure 19.2 Diagrammatic representation of
pituitary and its relationship with
hypothalamus
2024-25
242 BIOLOGY
follicles in females. MSH acts on the melanocytes
(melanin containing cells) and regulates pigmentation
of the skin. Oxytocin acts on the smooth muscles of
our body and stimulates their contraction. In females,
it stimulates a vigorous contraction of uterus at the
time of child birth, and milk ejection from the mammary
gland. Vasopressin acts mainly at the kidney and
stimulates resorption of water and electrolytes by the
distal tubules and thereby reduces loss of water
through urine (diuresis). Hence, it is also called as antidiuretic hormone (ADH).
An impairment affecting synthesis or release of ADH
results in a diminished ability of the kidney to conserve
water leading to water loss and dehydration. This
condition is known as Diabetes Insipidus.
19.2.3 The Pineal Gland
The pineal gland is located on the dorsal side of
forebrain. Pineal secretes a hormone cal</t>
  </si>
  <si>
    <t>b'P\xf3J\xf1\xc1\xc1~\xed\xe9\x854\xbdq\xd0\x1b;\x0b\x1aj\xbe\x13\rSu\x7f\xeb\x943\x0eR\x12\xf9\xc1\x89\xc3\x11U\xa5\xe4\xbc\x19\xdc5\xb7\x1aix;\xdbIu?\x93\x98O\xcd\x9d\xdf\xbcM@\xe9\xc4.\xd5\xba&amp;\\\xf3%y{\x89\xab\xe80]EpW\xcf\xad]h\x88\xb7\xd0)\x07]\x8b\xcd\xaeqv\xbd1y\xafB\x00\xd1\x1co\xd7\xa8\xad\x93\x15\xafL2B\x0bcV,%\x832gG\x0cICf2\x95\xa6\x91\xf1dY\xf1\x1d\x06\xf5/\x9d\xfa\x18\xa8C\xea\x0f\xc6\xeay\xa9\xdf\xeeXB\xee\r]\xc90\x8a\xb1P\x9a\xb3k\xb2\xa8\x00/\xd6\xd5\xbe\xf0~\xadc\'\x98f\x9d8\xf4\xcb\xcejx\x97\xb5.g|\x1f\xebo\x88\xb4*\x81pxp\xb6\xfc\xf2m\xc3\t\xff\x00\x15\xc2_\xb6\xe1\x15\xe6\xc6\x1eR\xc2|\xfb"\x16Ff-/b+=$\xe3\x93\xb8G\xe6\x97K\x8b\x9fME\xab\x82LX\x10y\xd0\x8cD\x86\xd3$\x02\xd3\x96D}\x98\xea\x9e\xfe9\x1dn\xbf\xb3\x10\xccv\xe3$~\xffB\'\xbe7i\xde\x9f\x8d\x08%Z&lt;\xff\t\xeeN\x7f\xa1_\x82,\xe2\xe43\xf4C0\\\x13\x9d\x82\xeeb\xfd?\xca\x11^\xafj\x95\x8c\x80Yp\xad\xf8^\xd4\x81\x9f\xb1\x9bo\x1a*n\xc2\xfb\x10\xaa\xb9\xc6[Q}9g\xf0}\xce;\xe1\x96/&amp;\x0fU\xc1\xbd\xee\xbb-\x9fF\xb5\xe8\xb6\x13\xecTq\x87\x88%\x17\x0f\xb2\xfa\x8b\xa5n\xca\xdb\x98qv\xc9d\x9c\x8c\x11\xcd\to}\x9f\xf8\xdd\xca\xd8L%\xd9P\xcc\xfb[\xf6\xf8x \x14\r\x1a\x17\x80\x80y\xbc5\xc7d\x80r\xc5B\xa9\x0c\xb3{\xce\xee^\x03\xa7V\xaf[ZN^\x16\xf8\xeb\xaf[\x8d\xcc\x0e\xe3j\xea\xd2\x90U\x97`\xda@|4S\xa9&gt;"3\xdf*n\x9a|\xa3\xb6\xcc\xb1\x14l~\x19\x84k\x9b+\xa9\x96\x9b%\xed\xb4S\x8c9\x11\xb4t\xea\xc4nc=\xc3^j\rw\x92\x85\x1e\xf5\xb2\x86E&gt;\xee\xd7\x18\xf0V\x97K]]^\x16$\xe8\xc3\xe6\x0e\x16\xc3\xff\xb4D\xdb\xb5\xfe\xa4k\x82U\x81\x98(\xa0\xcb=d\x90=\xdc\x13\xf7\x86\x03\x0fW\x1e\x1f\x86Bp\x17\xb0\x95u\xfe\x1e\xd2\xabK\xa5\x1b\xe9\x15\x9e\xfc\xac]\xce\x90 \xe8\xf2l\xf6Ti5]\xc1R&amp;\x7f\xaf\xe2\xd4@WPP\x9e\x0b\xcb\x99\'}\x94E#\xa3\x04\x9cM]\x80\xe6\xe2\xfaB\x98\xad\xda\x9d\r@\xa16\xabc\xc1\xc0\x18\x8d\xbe?o$\xf6\xcbT\x1a\xc6\x91\x8b\x8e\xcc\x7fBJm@0.\xc65\xa0\xb2\x03\x04G+.z\x85\xf3\x14J):\xf6\x03\x1a\xb7\xd6\x0e\x97\n\x90Z\xdc\xff\xfdN\xd3#\x98`\x8d\xc5N\xcd[\x90\x113\x9d\x05&amp;v1&lt;\x14\xf5\xac\x80\xf0\xef\xe1-\xbeJ\xa8\xfc\x9fP\x9c\x81K\xbb\xd0\x9eh\xc3\xde\xd69\xa9\xd5\xe4\xee\xa1\xe9r\x87\xf9\xbf\t\xddbV\x1d\xea\x04\xce@\xfb\x01}\x07\xaa_e\xcc\x146\xa3\xc9\xf6\xd4r2\x1e\x9b\xa8\xbe\xf5\xaa\xec\xd8\xf0Iu\xb8S\xca\xa6X\xfe\xac\xc6\xf9\x06\x81\xe1\xcd7\x067\xeb\x00m\x84\x04\xdb\xe8\xd4\r\x19mBE\x8c\x87\x92y\xae\x82|0\xd5CX\nd\xafV\xe5\x1d\xbd\xc3\xf7\xefKr?\x95\xc9\t9\x8a\x8a\x89\xa3G\xfc\t\'i\x01\xe5=2\x88\xef\x86\x1f08\x93\xb5\x86\xaf\x80\x91z&lt;\x9a\xc9\xcd\x97\x19V]\xee\xd08\x17\x90X\x1e\xe9U\xd0\xc7n4\xeej\x01\x98t\xdb\xf0\xe1\xd6\xbdv\x7f\x01\xb8\x9ck\x05\xe3\x8d\x9d\x8e\x01t\xc8\xd7\x9a\xfd\x0b\x90\xcflT\xeb%K\xa6x\x9e\xddf;\x17\xe2\xe7\x8e^2&amp;\xd8&gt;l&amp;N\xd4%n\xba0\x83#\x1c\xc9\xcd\x06\x90\x90\xc8m\x1b!\xef\x85\n\xd4\r\x85\xcc\xe3j\x9e\x92\x16F$lR \x84)\xe9\xfcC\xfb\xdc\xa4/\x83\xed\xf7:\xee\xd2o\x8e\xe7\x87\xf0\x98\xb8:\x07\xb7\x97\x8c\x98!;2\xb4\xb6\xc1\xb6\'\xce\xcaC\xf3\xef1\x0c\x1f\x04\xc62\xa0\x95\x17\x1a\xb5\xe1\x081\x03^\x90\xd5wK\xa5\xa5GJ\xca\xdc~\\-\x80m\xcc\x8f#\x85:\xbbN3\x04\xdb]\xcf\xe8\xe5"\xc7\xa6\x8c&lt;\xfc\xaf\xd9\xd6\xc6\x8a\xda\xde\x01\xda\x1a\xd0\xea\xc2X\x9f\x82+\x96\x8f\xf0\xda\xbb\x0bo\xa9\xb9R\xa2\xe9\xe9]eJ\x8b\xe2\x9fk\xefl\'\xae\x1d\xaf\x8c\x8c\xe6\xe8,u`K\xcc\x9bB@\xd4\xe7d\xb7\xd1\xd1#\xb7u\xb6Ee\x1d\x95D\xba\x00"~\xdbWL)\x1b,\x18;P#b6\xc7Qq\xa6\x93\xc9\x8e\xc7E|v\xe5\x9a\x19\xce#?\x10\xae,7\x80(yc#a\xd1\xdc\xee%\xe6qOU\x1b\x9dh^&gt; \x03}\x99A\xab\xe0\xe5Im\xfe+\x9f\x8c{\xd1O\x15\xcb\x7f\xb9/\xc7\x86\x07\xe5\x12\x97\x7f`\x81\xea*/\xb9\xe9\x17\xb0\x85\x84\xa6\x82}\x18\x8a\xb9\xae\x07x8\x9c\x97Aw\xf8\xe9\xd0\x06)1\xb5 \x89\x10@I/\xbf\xe3\xa0\r!V\x11n\t\nG\x1c\xf1-\xba\x80\xd3\xc0#\x9d0\xf3\xbe-\xde\x16\xa2u\xe8\x02\xf8\xea\xfdBcg@\xaa\x87\xd3\xc2\xbf\xb3\x8c\x81\x9b\xd2)\xd2g\x1b\xe2\x8c\xb8\xe8\xf6\xeeG\x98-\x08\xc4\x9c{\xa6+\x83)\x01\xf8~J$\xca\xcf.V\xd3\xce\x80\xefK\x14mF\r\xb9\xe4\x14F\x8a6\xf9\xb1\xf1Y\x80iY2L\xec\xff\x9b\xbf\xff\xe5K\xe2P\xc4\xf2\xfc\x02\xf8\xc4\x1cr\xe7\x9bs\x15\xbe\x07&amp;\xa0\xfbH;\x86"\r\x03\xacL\xa4\xa1\xdc\x89\x9c6\xa0\x17\xa8X\xf6}g\x17\xbd\x1d\xb9\x9b\xec$\x96l\x84\xd6\xea\x85\xee\x88x(I\xeb\xbb\xa8\x15\x18\xd0\xe0dJ\xa9\xf9\xba\xfa\xbb|\x8f\xfdL5\x1b\x04\xa2\xa6\xd9\x8b1\x06\x06!3\xb8\xb1u\xc72\x8c|\x1f\x06M\x88V\x8e\xfb\xa5i&lt;\xbdD\x89\xa7nh\x80\x83G\xb1\xa7X,|Bd\xf0\x88y\xc5\x06\xab\x1f\xdd\xe4\x1a\xed!N~\xe9z$y\xe6\x1a\xc3\xa1\xa8r\x05\xb7\x17\x9a3\xa9\xfb\x84z\x12\xe5\xa8\x9c\teb\x0c\x00\xf5rYy\x12a\xa6\x10\xf8\x9e/\xf5N\x07\x1d\xea\xd2+h\xbd:\xf3\x9f\xd1\xb9\xab5\xd50R\xe7t\xc1iN\xf4\x87\x15\x85\xa9o`\x8e^)\x82\xc6\xe2\xf0lk\x9bE\x19\x1e\x10\r\xeb\xc5\x01\x08/,t\x17\xcdS\x01(\x0e\xa2\xed\xf7\x14\xc6Q\xc2L\x94\x06PH\xee\x04?b\xfc\x05\xfa{\xba5q\xce\r\xb1\xa9d\xfac4\xa8:Nw;\x1d\x19\xcb\xa8\xea\x04\\\x14\xbfu9\xf2\x1c1\xd5"\xe2i\xa0+\xb0\xe1\x86B\xce\xb3\xa5\xa9\xab\xbe.j\x99\xbcY\xdb&amp;\xec,\xe0y\xf1Ri\x12b\xa2Q\xaf;\xf1%\xc7\x16W\xefE\xaaX\xcd;\x8c\xa4\x84\x99\xc5l\x91\xce:\x99\xd1\xe7\xab\xc9\x92\x04\xfb\xcd&amp;\x84.^o\xc0-k\xab\xfa\xfb\xe7\xf6=\xef\x8b\x0cV\xdam\xe8CjF\xef\xad\xf5\x0cec\x88\xe7|&amp;c\x85\xf0A\xd5\x94\xc3-;\x03t&lt;\x1a\xf8\xcb 6\x1a\x91\xc3*J\x93\xe5\xd0\xba?\xa5\xd8\xc3\xc6\x96E0\xa2y\xfcO\xc2\xb5l\xf3TdD\x1d4\xea\xf2\xa7\xc1"\x1b\x15\xc9\n\xa0A\x0ej\x02,\x8cak\xc1\x9fIe\xd9\xe9\xc6P\x15\xb6;\xe5B5h\xfdZ\xe2*\x91\xb13\xc4\x85\xec\xf8\xfd\x8dk5\xf1\x119\x00c\xb4\x1c\x89\xec\x9d/\x81u(\r\x1eb_\x81\xfep\r\t!\xac}\xbb|\xf4{\nW\rr.y\x16\xfc9\xbf\x07$\xa6_m{]?\xdd9\x06\td\xfdR\x95U\x9d&lt;\xee\xd4m\xf7P\x02\xc1\xe7\xa0\xc1\xe5\x08(\x86\x98\xfd\x019\xf7}\xa0\xe6D\x84\x0f\xff\xd8\x04\xa9"}\xbe\xf9d\x96\xf8\x86\x82\x91\xf6\xa7@\x19\x1e\xd3\xf7.v\xc7/\x1a\x85\xb3^Y\x90xm}\x0bo\x12z\xda\xea\xa2\xf9\xa9\xe3\xfb\x9b\x012xY\x19\xdc\xe8\xfd\xb4\x13\xd9\xd7\x83uFq\xef\x95+\x7f\xff\xa0\xc0\xa4\x95\xcb\xfeK\xa1\x95k\xa2\x89&amp;\x05\x00\xcf\x97*(\x8a[\xb9\xd4\xd6\xe8XW\xe0v\x01!\xde2\x19\xaf\x1d|\xe2)9\xe1\x02\xb2\nuT\xfb\xb4,.\xafo!T\xfa\x12\nB\xdc\x87\xa1A\xc2\xa2\xe8b\xfb\xa1y,-!\x17\xb8:\x95:\xc1\xfa\xe9\xde\xdc`\xa7\x01)\x0f\x11\x07E-\xbd\x97\x10\xde\x8a\xb3z\x17 \xd6\x13\x1c)\xf9\xac\x85h\x06\xd5\x87\xbbt\x8bT8\xd6\x87\x7frV\x83\xbb\xf2!\xcc\x92\x82[N\xbfr^B\xe23\xdcf\xf2\xef|\\B\x9dR\xa7\xf6\x9b\xc6\xdd4\xd6\xfe\xa0Y\x90\n\xdb\x9b\xbd\x93(X\xc49U\'\xa7\xcd-\xce*\xa7\xa0\xedl\x8fu`\x1a\x1f\xb2d\xd7\x89\x0b\xb0\xa5\x96\xd9=\xbcHE\xa9t\xa5\xf6:\x9c,]\xa6\x01\xb9\x10\xe88\x85\xf4$h\xf9\x1f\xc4\xb9g\xc1\xacvR\x9c|\x01\xf9\x1d\x16L\x0c9\x9c\x05\xb01\x03\x01\xcd\x1d7\xdbROPH7\xd8E\xc1\xfc\xef\xff\xa4\xe0\x1css\xc0\xb9\x08\x17\xbcf7Rz\xe3&amp;\xf3\xe0\x98\xec\xbf\x82$/$\xc2\x12;\xab\x99Z\xd6\xfa[s%\x8f\xc3\xf3\xad\x06~FSYK*~W\xfew\xa3|\xc4\xe5\xe0\xce\x05\xa6\xc7\x16qbW\xdcJ\xbfq?x\xf0s\xb1\xc5\xbfM\xce\x7f\x15\x92\xb3\x0f\x9d?\xeb\xbb\xe8\xfc\xa8\xc9\xbc\xed\xe7\xf9u$O\xfe\xb6\xc68\xb7vl\xdb\x16\xc6\xff\xa1\xb5\x16\x039(\xff\x00\x16\x99\x9f\xc7n\xb3\xdc\x10H\xe2\x81\xc8v|W\xc12\x8by8\x87_\xde\x08l'</t>
  </si>
  <si>
    <t>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</t>
  </si>
  <si>
    <t>b'P\xf3J\xf1\xc1\xc1~\xed\xe9\x854\xbdq\xd0\x1b;'</t>
  </si>
  <si>
    <t>apan, the two countries that do not announce inflation targets. In the
 case of Canada, for example, the announcement of an annual core inflation rate that
 is 1 percent per year above the market expectation leads the Canadian dollar to
 appreciate immediately by about 3 percent against the U.S. dollar. The correspon_x0002_ding effect for the U.S. dollar/euro exchange rate, while in the same direction, is
 only about one-quarter as big.
 4. For countries where sufficiently long data series are available, the strengthening
 effect of unexpected inflation on the currency is present after the introduction of
 inflation targeting, but not before.
 Scientific theories can be conclusively disproved, of course, but never conclusively
 proved. So far, however, the theory that strict inflation targeting makes bad news on
 inflation good news for the currency looks quite persuasive.
 1 1Strictly speaking, the narrative in the text describes a setting with price level rather than inflation rate target_x0002_ing. (Can you see the difference?) The reasoning in the case of inflation targeting is nearly identical, however,
 provided that the central bankâ€™s interest rate response to unexpectedly high inflation is sufficiently strong.
 1 2See Clarida and Waldman, â€œIs Bad News About Inflation Good News for th</t>
  </si>
  <si>
    <t>b'0E\x02 ]\xfd\xf2\xa16\x86&gt;\xdcSUY\xd2H\x8e*\xe6\x90}\x8d\xa2\x0f\xb9\xd0\xe1\xb3\x92b\xdci\xa4\x8c\xff\x02!\x00\x9f\xcf{\xd9\x97s\xc0\xd2\xfc\xc1T\x92\x0b%\x84\x1d\xa0\xc1\xa1\xa7\xd3\x13\xc5\xf9F\x83\xc5z#kxZ'</t>
  </si>
  <si>
    <t>304502205dfdf2a136863edc535559d2488e2ae6907d8da20fb9d0e1b39262dc69a48cff0221009fcf7bd99773c0d2fcc154920b25841da0c1a1a7d313c5f94683c57a236b785a</t>
  </si>
  <si>
    <t>b'0E\x02 ]\xfd\xf2\xa16\x86&gt;\xdcSUY\xd2'</t>
  </si>
  <si>
    <t>s
usually commemorate peacetime deaths, whereas the more anonymous but also more
glamorous format of a trophy or other group memorial commemorated the wartime
dead (Hope 2003).
Environmental archaeology provides a window into how the Roman army, through
its mobilization of goods and people, did or did not influence local peoples. Animal
bones and burned seeds from waste heaps, latrines, and other contexts at a wide
variety of sites reflect the diet of soldiers, urbanites, and rural dwellers. In central
Europe, study of seed remains indicates that numerous Mediterranean foods first
arrived in the region in the Roman period (Bakels and Jacomet 2003). Many of these
foods, especially fruits, were successfully introduced to cultivation in the area. Such
foods appear first at large villas, but became standard at rural sites of all sizes after the
mid-third century, and they remained part of the local diet ever afterwards. Other
Mediterranean foods such as olives and dates could not be cultivated in northern
climates; instead, these were imported, but on a limited basis. These appear earliest in
the high-ranking parts of military compounds, and are later found in urban areas,
Art, Architecture, and Archaeology 91
especially those associated with the military, but never spread to rural sites or became
common in the diet. Occ</t>
  </si>
  <si>
    <t>b'h\xcaF_&gt;\x9d\xd95\x1by\x05\xbe7\xa5\x1b\xe1\xd3\x9b\x07\x92\xed\xd3Q\x08^B\x8d\xd4\xe8]K\xa4\x94\xea%\xde\x16\x10\xc5U\x88\xd6\xb97\x12\xe9\xe9\xfb\x1a\xf6#2\x15\xe8\xc3\xe7|\xf7S\xd3\xc2\xb2&amp;P\xc0B\xe0\xebR\x02b\xad\xaf\xf1\x12\xc9\\\xac1*\x9c|\x1f\x93\xf2\xfd\xd5\xe8\xbd\xdd\xac\x80\x13\x0c\x1bk\xfdc\xfb\t\xeb\x08\xe3*v\x88\xd1\xc0t\x82\xf9?y\x89eW\x99\x88j\x0f\xa3\xab2\xec-&gt;\x13\xa7\xe7At\x0fQ\x12\x0b\xa5\x85\xced\'C\x84\x92c\x17*\xc5\x024\xb5:\rxT\xfe1\xdc\x84\xde0k\xdc\xb1q#\x8b!zU\xd4\x95&lt;\xe3\x93\xf0\x81\xe7\xfd\x84}\xfb\xb2A\x0f\xa5\xd3\xb5\xb7\x16\xdc\\\xdb]\xb6)\xb1}\x7f\x19\xf4\x84g_\xeb\xc1Y\x87\xbf\xc38_\xe7\x99\x0eio\xf4\xc8c\xb7!G\xec\xc9\n78SJ\xeb\xe6\xa9\xf9\x00R\x03(\xfb=\x0e\xe2l($\x8aF\xb7\x08x4\x1c\x8f\xd0\xf1\x8fM\x80\xdb\xa8\x04R\r\x19\xba\xd9?^[\x8a\x9b\x0e\xad\x1f\\\xc7\xa3\xfeb\xd7\xa6\xf29q/{\x07H\x0e\xef\x16\xdb\x9ci\xa4\x82\x86(\xb6\x8a\xaaX$\xf8t\xc7\xfd\xea\x10#\xf3\xd5\xb6~\xc5\x1c\xd3}\xce&lt;\x10\xac\x8d\xba\xb3Vv\x8dN\xd1\xe9\x9al\x12\x18\xbb?[Hr(\xe7/k\x86\xe0B\x88L\x8c\xdf\x1cf\x02s\x03A\x05\xf9\x9aQ\x0c\x19\xb0\xce~\x96H\xc8nD\xc6\\`VBU{M*`\xf7e\x88\xd8w\x80\xc9\'u\xce\x9d\xb3\xce0uS\xb9\xf2\xbf7\x1b\xd4Q\xb5\xb6\xc8zw\xb9\xfd\x8d\xf7\xbbo\x94\xe7Q]\x9e\xf97\x14\xfftP8r\xbfL\xbeS\xddH\xf2\x97\x05\xfc&lt;\xe4@~\xf4\x8a\x8b\xac\xb4b)&amp;\n\xe7o\xee\xa8\xd3Z\xb5\xac\xed\xd9-\xcd\xab\xfbqn!5\x03\xee6\xde}S\xd04\xca8s|\xb84\xb7"\xe6\x95#\xf7\x13\'KI\'+UV\x9b\xd3\x9ak/\xca\xd9l\x07\x14\xf4Y\x97\x1fl\x99\x81\xbeF\x11\xd4\x0bT\\\xada6\x17y0\xb3\xd7e\x93(\xf8m\x1d\x93N\xa6I\xd4\xa2d\x0b\x05\x0b\xe7Sp\xc4\x1f\xb8\xc8Y\x93`\x86\x89W\xd7\xa7\x18\xe4\xbd\xaf%[mCWM\xbb\x8a\x93H\xcbj\x15v\xb5\xa5\xca\'c\x08\x89\x88\xb2\x9bA\x17\xb2\xe5\xf7\x89;|\x83\xa6 \'\xcb\xce"\x9bX\x8d{\x7fj[X*\xb8\xb5\xf2\xa0\xe7\xe5\x13\xc7\x9f\x8a\xdc\xb5\x9adZ\x15\xae\xba\x94\xa94&gt;\x04.wzx%X\xf9R\xd9\xa3\xe1uz\x81\xc6\xfe\x82^\xe2Zl\xf9\xe6&amp;x\xfb\xe8\x04\xd6uN\xa9\x10\xf3l\x0e\r\'\xb5\xdb\xc2\xa0.\x91\xf7\xc8u\x1f2\xc3]\x07F\x9bF\x123\xb1e\xec\xf5\xfep\xce\x16t\xd5\xa1\x1eW\xda\xc6\x19\xf9\xbdp/!U\xce\x0f\x12@\x08\xbf\x12\xa4Hwn\x81\x9b\x15\'GrX\xd3\xa6\x83\xa8\xa4\xc4\x8e\xe7\xcd\xf1V\xca\xdb\x98\x0f\xd6{\x94\xbf@\xaf\x94h\xae\xc0\xa1\xe0\x80\t\xaf\x9d\x81|Eu@B2\x82\x9c\n\xa5B\xe3lX&amp;\x1ft\x7f\x878\x90\x08&lt;*\x0b#\x98;\xeb?\xd1di\x05\xc7\xc55\xe1\xb9\xfe&lt;\xa2\x81y3\xb4\x00\x9f\xf6\xc0Q\xda\x91B\x1bh\x84\xaa\xec\xd9\xe7v\xcenr\xca\xdf\x07/\x82\xa1\x83\xe3]\xab\x89\xd6\n;4\x86\xfe_O\xab\xfb\xfe\xe9A{\x80\\\xfb\x8e\x7fE\xd7\xc2\x86\x93=8bN\x97\xeeb\xc1,\x1c*\xc1\xcd\x1fZ]\xc0\x02\xb6\x04N1`^\xc4\x047n\xfa\xcb-\xc0\xa0\xa6\x96K\xbe/$\xfdQk\xf2&gt;2\x97\xa3\xd6\xd52\xe7\x9e\x03l\x18\n0\x82r\x86S\xe9\x9b0\x86\x1e~.f/t\x81\xac&amp;\xcbs\xcc\xc0\xeb\xc2\xab\xaec\xe4\x9e\x15\t\x19iq\xda\xd9PN\x91\xb7\x89\xb2\xf2\xc3_\x04*|\x8d\x9eo9\x8f.A\xd0\x0e]\xae&amp;\xd0\x14\xdfT-OyF^Ju5\x0e\x14\xd8\x05M\xa4&gt;|CV\x9d\xc2\xc1\x03\xf2\xdb+\xd7\x92\xb4\xb0q@\x93c\x16\x1d\x15Kw\xf6\x00\x98\'\xa3\xee\x1f\x04\xd9&gt;A\xd9&lt;\xf6p\xb57Y\xd9\x07\xda4\xe8C7\xda\xc2\x02Ne\xca\x8a\xc5\x81\xb2.\x08\t\xe1\xe9\xf8ij\xd9\xf5\x80\x07\xa8\x01c\xe2\xc9U\x98\xee,\xc9\xed\xb4-\x17p\x0c\xe5b\xa2\x9a\x9d\xa0\x0b\x06h\x03\xc8\xb0\xe8\x8d\xff\'\\\x8a\xb0\x81\x11\xca\xb2\xc7\x04\xe4\xeef\xfc6\x10\x9ed&lt;,S\x8as\xaf\x8c\xde\x00\xe4\xfa\xeba4\xdc\x9d\x9bXo\xaf\xbf\x17\xf3q@V\x8e*\xef^\xbe\x9e\xe2\x92\xdb\xc7i\xc1\xe6Sa\xe5\x0f0\xf1F\x95\xda\xa4\x00P\xab\xe6\xa7,\xaf&amp;ZB(\x15\xaa\xed\x8c\x95\xc9\xa4$\xf8\xf8b\xda\xf9\n\xfe6\xd5\xc1J\x06"\xca\xe2\xa7\x06*\xe0&amp;:\x95\xb4\xa6*\x87h\x03e\n2\xd6\xe8\xe1\xfd\xcfX\x9d\xd7\xb5\xbd\x8a\x1c\x07\x94V@i|B`\xb1B\xf1\xe4\xdaUQt\x1d_\xf8\xd1\x87h\x7f\xd2y\xeb\xb7x\xcd\n\xc4\xec\xa8#w\xf7\x17(/8\x86\xbe(\xd4z\x80xffIW\x19\x04\x80\x14\xa6\x04A\x91\x82\xa8\xff\xbf\xa2\x96\xe1Q\xcep\xd7sJ\xe3\xae-\x94\xfd\x95\'^\re\xb3b{\'\x9e\x855\xae\xb0\xa503|\xdd|9\x8c\x82\x9d\xba\xa9\xaef\xa2\xa7\x8aU\x86m\x98\xf2pI\xa1\x01#\xaf\x1e`u\x81\x00\xc3:\xb7\x95\xbd-\xb7\xeb'</t>
  </si>
  <si>
    <t>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</t>
  </si>
  <si>
    <t>b'h\xcaF_&gt;\x9d\xd95\x1by\x05\xbe7\xa5\x1b\xe1'</t>
  </si>
  <si>
    <t>key buried in the earth. The
thought of that pleased her very much.
Living as it were, all by herself in a house with a hundred mysteriously
closed rooms and having nothing whatever to do to amuse herself, had set her
inactive brain to working and was actually awakening her imagination. There
is no doubt that the fresh, strong, pure air from the moor had a great deal to do
with it. Just as it had given her an appetite, and fighting with the wind had
stirred her blood, so the same things had stirred her mind. In India she had
always been too hot and languid and weak to care much about anything, but in
this place she was beginning to care and to want to do new things. Already she
felt less "contrary," though she did not know why.
She put the key in her pocket and walked up and down her walk. No one
but herself ever seemed to come there, so she could walk slowly and look at
the wall, or, rather, at the ivy growing on it. The ivy was the baffling thing.
Howsoever carefully she looked she could see nothing but thickly growing,
glossy, dark green leaves. She was very much disappointed. Something of her
contrariness came back to her as she paced the walk and looked over it at the
tree-tops inside. It seemed so silly, she said to herself, to be near it and not be
able to get in. She took the key in her pocket when she went back to the house,
and she made up her mind that she would always carry it with her when she
went out, so that if she ever should find the hidden door she would be ready.
Mrs. Medlock had allowed Martha to sleep all night at the cottage, but she
was back at her work in the morning with cheeks redder than ever and in the
best of spirits.
"I got up at four o'clock," she said. "Eh! it was pretty on th' moor with th'
birds gettin' up an' th' rabbits scamperin' about an' th' sun risin'. I didn't walk
all th' way. A m</t>
  </si>
  <si>
    <t>b'\xe7+\x06w@\xf8\xef\x83p\x12|\x87\xd0\x86*Gw\xe4\x96\x16\xbabI&lt;\x1d\xb7\xd8\x85NI\xbd\xe3)\xff\x96tZ\x0e\xaf\xed\xb9\x1d^\xda\xf8u2\xd2\xbe{\x98\xf5!Q\x84e\xab0\xa7\x15\x18\xdfQz\x91g\xee\xa3\x8a\xc2\xf84\x87Q~\x9c\xc4\x00\xba\x104\x9fz\xd0\x84\x8e\xc0\xe4\xddV\xbd\xeb\xd4r2P\x19)O\x93\xfc\x0fYN\x08\x9e\xc1N\x16\xfb~\xf5\xbf\x0fY\x96~\x12\xec\xcc\x1d\x82C\xd4\xb5/\x19G\xf6\x99\xfdI\x0cv\xfc\xad\x90\x97\xfc\xd4/+\x9a\xe7\tAs7\'L0\x15R8\x89\xca\x9e\x12\xf5}\xeeT\x02s\\\xd9\x84\xfaL\x15{\x91\xc9+u\x8bW\x8c\xaa\x1a\xa3\xacG5\x13\xe4.\x1b\x01]\xd9fp9\x01`k\x83\x87\x16[\xe6`\xace\xb4\x17\xf9d\xfb\xc6\xa8\xd9\x80\x1d\x95@\x86\xe5\x94\x1e\x1bljD\x1c\x87\xc3\xa3\x18\xd9!\x08^Q\xb0U\xe8l\x7f\x9e\xb7\xf6Jh\xd76\x98:P"\xd3\xfd\x15\xa5\xe4\x04\xd3\xbf\xeb\x87\x06\xc6l1D\xa8\x92\x9d\xcb\x81\xb2N9bdINF\xf4yb\xab\xa5\xf9D\xbc\x10B\x88&lt;\x1e\x8a.\x1e\x8e8\x15\xe3\x8e\xb4K\xd9ayR\x86\xd8\xa5\xb2h47mn\xdai\x80O\xaa\xb2&amp;.\xb0\xdb:\xfems\x00o\xd2\xf9\xbeC\xb6\x08.\x8e$,\xd3\x86\x85v\xed\xf3\xd0\xf3pGmL\x89\xbb\x19\\{\x86r=\xb4\xd3r\xc85L\xe2\xaa\xca/^\x7f\xf5\x9f\xacs\xe9\x12\x90s\x11\xf2!\x1d\x9eY\x87\x89/:K\r\xff\x860t\xefz{YjI\xbb\x8c.\x19\xfe\xa0\x91A\xbd\xe8\x9a\xa3\xe1\x8d\xf7\xdb\xabm4\xcc!\xb8\xff\xf1\xc3\xb70r\x8e\xa7\x9bo&amp;\x8bK\xf9\xe3\xd2\xfb\x87#\xa5\xec\x1c^\'M\xea(&gt;\xd2\x9e\x1d\xd0X\x1c\xdb0\t\x9c\xee"\xce\xc9\xd5\xe8\xa6@\x9e\xac\xd4\x036\xb8\xf3\xbda\xf4\x07\x82\x0e\xa2\xa0\xd4\r\x03\x8b\x1d\xa6?\x01L\xe8\xc9$\xd9\xbf\x91\x174\xfe\x90X\xed\xce\x01o\xabA(\xf9\xc9\x05\xe3W\xc8&gt;\xfft\xa4p=T\xc4Q\xd0\x1b\xf7\xb0%\xa3\xfa\x9fo\xbeF\xac\xbd\xfa\x14aV\xc5"\x80\xca\x7f\xbe\x934l\xd0\xf2\xe8c3\xa1,\x11\xfb\x8c\x07i\x8b\xcc4\xf2f\xf4\x8f"\xea\x97\xd5|\\\xb8\x84%\x18s\xcfw\x9e\xb4\x1a\x84\x13.\xbf\xa4\xc7c\x8c\x8d\x08\xf2\x9d\xf4PN\xcew\xff\xce\x07\xb7\xd0\xf03\x94qMw\xae\xc9\n\x11\x05\xbb\xaeJ^#o\x1e\xcdLW\x97\xaa\xf0|\x10\xbf\xa8\xe7W~\x82D\x02\xd4\x1bT\x0e\x7f\xca\xe5\xb2\xc3\xeb^\xda\x93=\xfdE\xac\xc4\xc7\x82\xf6\xe4=\x99\xcb(\xcb\xac\x12v\xe9\xff%\xc0\x01\x07\xbfx\xce&gt;&amp;\x8f\x87\xd1\x80\x88\x82m\x05\x04\xd3F\x83H\x1b\x1f\x9e\xce\x94\x15\x8b\xcc\x951\\D\x8c$\xd2i\xe1\xd9\xa3\x1b:\x18\xa3?}\x8d\x98b\x88R\xd1\x99\xec\xd1&gt;k\xf2\x9d\x97\xf0{q:\x9d\x8d/\x81\xa5D\xd1_\xe5\x1be\xb1\xd2\xc1\x14 |\xfe}\x7f\xccTH\x18\xac\x93G\x1dE\x0f\x80&lt;\xd2\xc6\x86t\xc4O\xba\r[r\xcb\xe6\xb2Gr\xef\x8f\x02%\xde\xe4(\xacI\x0f\xf3\xee7\xf3\xeb\xfc\xe73\x8e\xcf\xde\x1d\xb7U\xb8\x90\xfa\xce`\xdf_\x90V\xe4\x8c\xb5ch\x05,\xe8C\x9d\xbb=\xb3\xc3\x9f\x1d\xff\xc3\\\x81\xd7R\xde\xa9bI\xfe\xb0\xb6\xab\xab\xec\x953\xbc\xd6$B\x1c%\xc9X\x87\x19f\x8c\xc5\xc9\xcf\x0e\x0e\x85\xb8\x90g\xe2\xd4\xd7,\x91\xecs\xb7\xbd\x0e\x95AwF\xfa\xa4\xb1\xe7\x13\xc0\x8a\x97\xb1\xcfd\x92\x88P\xcf:\x07\xd8\xc7q\x91Y\xcd\xae\n\x1b.\x9f\x01\x99C\x9d\x89\xf9\x9a\xaa\xac\xe5\x1fc\xb6\xcd-\xfb\xd5m\xdd\x17\xdb\x89N&lt; \xf3\xcb\x9dC\xfa_\x16*\xec\xb4\xaa\n3H\xe6\xb1\x8f\x0cX4L\x8bXo\x17\xe5\xd5\xac!_(\'\x1bMJ\xb1-f\xda\xff\xe0\xf9`E\x0f\xc9\xe3\x15\xfb\xa5?\x88\xd2:N\xc3\xed\x1d\xd0\x94\xc7_\x0c\rk\x0bv7\x0f\x0e\x8d}j\xab\xc8\xa2\x8aR\xb6\xf2\xc8\x16C\xf9\xbe\x1di~\xe6\x08\xbfTd[\x01\xb9%`o\x9f\xb3\xafaZ\x93\xcb\xdc\xfb\xc8\xdd\x00.\xd5U\x12\xf6\xe31k\x7f\xc0\xc5\xb53\xd1\xb1\x81\xa4\x1aX\t\xd7\x04\xa4\xd8\xeah\x1cA7\x9bk\x98\xd6tLe\xb2S\xd5\x08(q\xa5\xbf\xd6\x99D\xd0\x1c\x1b\x1fH\x9e\xab0H\xfc\xaa6\xc7\x18;\xa8\xac|n\xa2\xbf\x95V\xba \x94\x95t\xc1\x01\xb6\xe5\xf8Fb\xcaw\xd9"\x16n\xa66\xc1&lt;\xb3\xa6~\x03\xdc\x916\xfd\x99z\xc3r\xd071\xc3\xe5#\x99\xff\xaa7\xbcv\x99\xd7\xa6\xa1\x16\x1bs\xd4\xc6%\x8f4\xa7\xd5\xd0\x91)\xd0\xa9\xf4\xf4\xbd+\xb725\x81\xbf\xc4(\x94\xb4\x08\x1f$8\xbe\xbe\xb8\xeb\xbc\x15\x9ajI\xfdvYu\xc9\xb2v\xf5\xed\x96\x86,K\x08\x98\xca\x0eyz\xbd:\xbeU7\x82\x838\xa4\x7f\xc4\x0eX\x0e\xab~u\xb4\xe1`\xc3t\xcf\x9b)\xda\x9d\xacS\xd9a\xd9\x1fI\x00Vm)\xd8\xc5%\xb2\t&gt;\xb3\xfa\x0e\xd7\xf2"\xa4+\x8e\xa6\xbc\x82&amp;\xb6\x94\x12\xebC\xd8N\x13\xfe|\xad\xa8/\xd0g\xf3d\x04\x01n~\xaciw\x96\x1e\xf1\xc8)\x00~\xbf\x90\xb2\x1b\'\xc8S\xa1Ra6\xd3?\x8b\xcb\xca\x08R\xb3\x1c\x88\xab\x8d\xad\xb4f\x1b^/\x887\xb1\xc3\x1d\x11\x8eJO\xf1\xdeD\xe5\x92\x19;Sb\xa9\xb3\xc9\x1fm\xaa\x8a\xdf?\x05\xc7\xda\xde\xf6\x9a^\x00\xf4\xa1\x9c\x1b=&lt;\xadU\x01\xff[4\x05\xe9\x9cS\xeb\xa0\x9a\xb2nF\xfc\xb8\xcf\xe8\xc7&amp;\xf1\x19\xa1\xbd\xbe\x84s\xfcha\xdc\xa3\x98\x8b\x7fD\xfc{\xe9\x9e\x04\xdc\xf4\xd3\xb1\xb1\xe5P\x01\xed\x93\x9a\xa5\x10\'\xd4\x14|\x9c\x8eG.I[\x90PJ\xc4\xd11~\xe98\x15[`\x1e\xfbM\xa1+\xb8\x01\xd3\xc2^\xa8\x01\xbb\xf7\xbc\x8c\xc3_y\x8f\x15\xe7\xb5\xcen%Ph^\xcd\xc4}\xe2\x1f\xbe\x11\x8e\xd3\xd3j6$\xfd\xde\xed\xf0\xac\xd0e\xb81)\x05\xd0\x98\x0e\xc1\xbd\x13{\\\xda\x01}\xacv\x15\xb5t\xad\xfb\x81\xa0\x80\x0c\xaa\x9a\xa4Y\x1cD\xa4\xc2\xc6\xd1\xb67\x91y\x03\x9e\xadc\x13\xa8\xcf,\x14ui\xa2\xb6O\xe1]#\xc7N\xd83\x9dO|4_\xf0\xb8\xc9\xb3R\xd8\xfbEI\xd5\xe36I\xd9\xbd\x97\x1a[\x80J\x14y``MEd\xb7i\xc9\xdb&lt;\xd9x\xe7\xcdb\xa7\x1b^\x89\xdb\xe2:\x1c\xf2\xb0P\xfb\xef\xda\n\xcfo\xee\x81R.\xa3\xaai\xa3\x16\x13\xea~\xd3v\x85\xbb\xdfv\x19\xd3|\x0e\x9b\x16J0\xd0\x84\x01,\x9b\x8c`\xc7\xe3\xbb\xf4\xd6\xbf\xb3F\x84\xe9\xdd\xa6\x94\xd8\x08\x9a3\xf6\x8e_Y\xd3b\xf8`\xd5\xc3\x85;2#%\x9a:)C^%\xd5\x07mq\xef.\xba\xf3\xd0&amp;n\xfb\x8c\x8fg\'.!v\r\x8eQ\x17[d\xd8\xaeE6`\xe1[\xc3\xf2@LmV\xbb\xc1,&gt;\xdb\\\xce\x9dU\x97\x82\x93\x10p\xdaS\x87Fv\xaf\xcdh\n\xd6\'3D\xb3\xb3p\xf0\x86\xb9\xed\xa8\x11\xd2\xe6#\x03\xf0\x90z\xbcv\xceT4[4\x90\xa6\x00\n&lt;\xe0\xef\xbfW\xfaO\xbc7a\xd97\x03\x04d\xcc\x89.\xd5n|,$\xc2b\x8f\x8e\xffd\xc0\xac\xbc\xe4f\x9a\xc9\x950\xe4\xf2\x9bgm\xe6\xcc\x0fk\\\xc9p\xf1\xa4\xcb'</t>
  </si>
  <si>
    <t>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</t>
  </si>
  <si>
    <t>b'\xe7+\x06w@\xf8\xef\x83p\x12|\x87\xd0\x86*G'</t>
  </si>
  <si>
    <t>try to meet its remaining for_x0002_eign obligations.
 This type of â€œbank runâ€ mechanism has been at the
 heart of many developing-country crises, including
 the Asian economic crisis of 1997â€“1998, which we
 discuss in the next section. Following the Asian crisis,
 which affected a large number of countries throughout
 the world, several economists suggested that devel_x0002_oping countries take matters into their own hands.
 Because foreign credit tends to dry up precisely when
 it is most needed, countries could best protect them_x0002_selves by accumulating large war chests of ready
 cashâ€”dollars, euros, and other widely acceptable for_x0002_eign currencies.
 When countries had little involvement with
 world capital markets (as during the 1950s and
 early 1960s), reserve adequacy was judged largely
 by reference to the likelihood that export earnings
 might temporarily fall short of import needs. But in
 todayâ€™s world of globalized finance, the volume of
 reserves needed to deter an attack might be orders
 of magnitude greater. As economist Martin
 Feldstein of Harvard put it, â€œThe most direct way
 for a country to achieve liquidity is to accumulate
 substantial amounts of liquid foreign reserves....
 [A] government should not judge the adequacy of
 its reserves in relation to the value of imports.
 A common reserve goal of, say, six months of im_x0002_ports ignores the fact that currency crises are about
 capital flows, not trade financing. What matters is
 the value of reserves relative to the potential selling
 of assets by speculators even if the countryâ€™s funda_x0002_mental economic conditions do not warrant a cur_x0002_rency deterioration.â€*
 We touched on the growth of international
 reserves in Chapter 18. As observed in that chapter,
 while reserves have grown for all countries, since
 the debt crisis of the 1980s they have grown espe_x0002_cially quickly for developing countries. For devel_x0002_oping countries as a group, however, the pace of
 reserve accumulation has accelerated most dramati_x0002_cally since the financial crises of the late 1990s.
 These reserve purchases have financed much of the
 United Statesâ€™ current account deficit, which like_x0002_wise ballooned after 1999 (recall the discussion of
 global imbalances in Chapter 19). The accompany_x0002_ing figure shows international reserve holdings as</t>
  </si>
  <si>
    <t>b'0E\x02!\x00\xcdQ;\xd1\xda\xaa\xfe\xb8\x80\x96`C\xbc\x9a\xc3d%\x10\x89\xd7\xeb\x9c\xb6\xa5L\xd2\xb7\xe4L\xe9\xfd \x02 \x07H\x18\'\xce\xcaKc\xd6L\x18\n\xe7&lt;\x9c\xcd\xfc\x1b\xa9\xf2:\r/R\x88\x84\x84\xb4\x86Ll"'</t>
  </si>
  <si>
    <t>3045022100cd513bd1daaafeb880966043bc9ac364251089d7eb9cb6a54cd2b7e44ce9fd20022007481827ceca4b63d64c180ae73c9ccdfc1ba9f23a0d2f52888484b4864c6c22</t>
  </si>
  <si>
    <t>b'0E\x02!\x00\xcdQ;\xd1\xda\xaa\xfe\xb8\x80\x96`'</t>
  </si>
  <si>
    <t>nk amid their
 summits, his last tints die away on their snowy points, and a solemn
 obscurity steal over the scene! And when the last gleam had faded, she
 turned her eyes from the west with somewhat of the melancholy regret
 that is experienced after the departure of a beloved friend; while these
 lonely feelings were heightened by the spreading gloom, and by the low
 sounds, heard only when darkness confines attention, which make the
 general stillness more impressiveâ€”leaves shook by the air, the last sigh
 of the breeze that lingers after sun-set, or the murmur of distant streams.
 During the first days of this journey among the Alps, the scenery
 exhibited a wonderful mixture of solitude and inhabitation, of cultivation
 and barrenness. On the edge of tremendous precipices, and within the
 hollow of the cliffs, below which the clouds often floated, were seen
 villages, spires, and convent towers; while green pastures and vineyards
 spread their hues at the feet of perpendicular rocks of marble, or of
 granite, whose points, tufted with alpine shrubs, or exhibiting only
 massy crags, rose above each other, till they terminated in the snow-topt
 mountain, whence the torrent fell, that thundered along the valley.
 The snow was not yet melted on the summit of Mount Cenis, over which
 the travellers passed; but Emily, as she looked upon its clear lake and
 extended plain, surrounded by broken cliffs, saw, in imagination, the
 verdant beauty it would exhibit when the snows should be gone, and the
 shepherds, leading up the midsummer flocks from Piedmont, to pasture
 on its flowery summit, should add Arcadian figures to Arcadian
 landscape.
 As she descended on the Italian side, the precipices became still more
 tremendous, and the prospects still more wild and majestic, over which
 the shifting lights threw all the pomp of colouring. Emily delighted to
 observe the snowy tops of the mountains under the passing influence of
 the day, blushing with morning, glowing with the brightness of noon, or
 just tinted with the purple evening. The haunt of man could now only be
 discovered by the simple hut of the shepherd and the hunter, or by the
 rough pine bridge thrown across the torrent, to assist the latter in his
 chase of the chamois over crags where, but for this vestige of man, it
 190
 would have been believed only the chamois or the wolf dared to venture.
 As Emily gazed upon one of these perilous bridges, with the cataract
 foaming beneath it, some images came to her mind, which she
 afterwards combined in the following
  STORIED SONNET
 The weary traveller, who, all night long,
 Has climb'd among the Alps' tremendous steeps,
 Skirting the pathless precipice, where throng
 Wild forms of danger; as he onward creeps
 If, chance, his anxious eye at distance sees
 The mountain-shepherd's solitary home,
 Peeping from forth the moon-illumin'd trees,
 What sudden transports to his bosom com</t>
  </si>
  <si>
    <t>b'z#\xe3h\n\xb3\x9cW,\x8b\xe4wq\x92\xac\xef&amp;\xc6\x88\xa1\xf5P\xebT\xec@\x97r\xab\xbdj\xca\xf3u\x93\xc2\xa3\xe1\xfa\xae\x87\xe8\xce?\x8a\xc6\xd6\x87\xd0,\xe1\xd2\xba"\x82\x0fE,:\xe8[\xcd\xe6v'</t>
  </si>
  <si>
    <t>7a23e3680ab39c572c8be4777192acef26c688a1f550eb54ec409772abbd6acaf37593c2a3e1faae87e8ce3f8ac6d687d02ce1d2ba22820f452c3ae85bcde676</t>
  </si>
  <si>
    <t>b'z#\xe3h\n\xb3\x9cW,\x8b\xe4wq\x92\xac\xef'</t>
  </si>
  <si>
    <t>however, the pattern was quite
different, suggesting, quite reasonably, that the commemorative evidence revealed
different patterns of recruitment in the army (Saller and Shaw 1984: 145). They
concluded that â€˜â€˜though on the narrowest view these tombstone inscriptions tell us
only who fulfilled the duty of providing a memorial to the deceased, there are strong
reasons for believing that fulfillment of this duty was closely related to transmission of
property, to a sense of familial duty and feelings of affectionâ€™â€™ (Saller and Shaw 1984:
145). This is reasonable as far as it goes. But they went beyond this to argue that the
nuclear family was the main form of familial organization in many regions of western
Europe as early as the Roman Empire (Saller and Shaw 1984: 146), and Saller went
on to assert that Romans â€˜â€˜drew a conceptual circle around the motherâ€“fatherâ€“
children triad and made it the center of primary obligationsâ€™â€™ (Saller 1984: 355).
There are plainly two very different questions here, and neither of them can really
be answered on the basis of inscriptions alone: first, what is the relationship between
commemorative pattern and household organization?; second, is household organization prescriptive of affectionate patterns? In 1996, Dale Martin published a valuable study of funerary inscriptions from Asia Minor in which he showed that there
was considerable regional variation in commemorative patterns, and questioned
whether the dichotomy between the nuclear and extended family was useful, suggesting that a better model would be to think in terms of degrees of intimacy within the
household (D. Martin 1996: 57â€“8). While Martinâ€™s approach is thoroughly reasonable and will be, as we shall see, supported by a significant body of alternative
evidence, his discussion failed to answer the question of why the commemorative
pattern in the west should be so overwhelmingly that of the nuclear family. Is the
reason ideological? This very issue was raised by Greg Woolf in the same volume of
the Journal of Roman Studies that contains Martinâ€™s essay. Woolf noted an issue that
56 Traianos Gagos and David S. Potter
neither Saller and</t>
  </si>
  <si>
    <t>b'\xeevX\xd0D\r\x19\xb7\xb7H\xce~1y\x1f\x96\x83\xd7E\x13o\xac\x19\xea\xa0o\x83\xaf\xecO\x89[\xa6\xb6\x93\x0f{\xd1\x98\xb1\x05O\xafv\xb9\xc8\x183Yd%\xd1P\xe6\x17\xd1\x8d\x93_\x98\xc1!\x0f\x11\x92[_\t\xbfv\x88\x98U\xeb\ri\xe2\xfd|\x9fy\xf8t"\xc9\t\x8b\x1c\t(\xa0^An\x8c\xb3\x12\xb3\x10X\x9d\xf7\xb5\x1c\xf8\xf4\xb1O\xed\x15\xea\xa6i\xa4a\x98O\x16\x10L\xed\tF\x9c\xbf7\xee?\xcf\x08\x91[i\r93\xa0\x13\xd2k\xd8\x11\x7frHx\x83\xb4\xaa\xb2\xe5VS\xfek\x83\x13\xaf\x8f\x18\x88R\xc6)\x02\x8f\xeapJ\xc2\xcar\xf9\xc5q\x96\x86\x80n\xb4x[\x9cA&lt;b2\x0c\xce\xc5\xec[\xde\xca\xbb\x92ZZ\xde\x8f\x12\xb7\x17\xf2\xfa\xd8\x15\xd5B\xcd\xe8\x8f,z\xf7\xd2\x7f\xc8\xe6{\x95\xc4\xa7\xaf\xbf\\\xc8\x0c\x88L\x8fh\x05\xcd\xfc\xfe+\xa8\xd7\xd1\xf0 \xa2\xda\x81l?7\xf6\x03\xc5\xe5\xca\x82d\xb7\x8aj\xef\x9a\\\x1dBe\xccp\x99#G\xbf\xe5\xc4\x05\x02\x9a (0\x82l\xfa\xff\xe5\xc2\x82\x9e\xba\x85"4\xa6\x1exF\xaew\xf6r\xf0\xfb\x8f\x8d\\\\\xeca\x00\xe5ld\'\xc8F\xdahUM\x8c\xf0\x90\xa5\xbd\x0e\xae\xdd\x01\xf4\x7f:&gt;\xbf\x85"~\x933\x92PG\x93\x0e\x8e\xfd%\x12\xa6\xe0\xa2\x9b\xf7\xd1\x86\xc0N\xd7\xb3\x19Q\xdfe~\x12H\x06&gt;I\xe8\xed~L,r\xce\x85\xd2\xc0\xc8\x0c\x8c\xac\x0b]\xaa0\xf7"\xc0\x1c\xcd:1Q\x02\x05\xca\xd9/\x08\x0eg\x88h\x0b\x0fL\xe7\x1e\xead\x9dX`\x92%\xa3\xb2\xe4\xb5$\x11\xf4\x90y\xf7\x99\x81\xb8\xe2\xc3\xf9G&lt;\x8e\x82+\xc5\xcf\xcb\xad\x92\x8fK\'\xe1]`\xed7&gt;|gL\xe03B\xed\x8b4L\x0c\xe7\xd1=\x17ed\x91\rX6&gt;\x0b\x93\xe4^Z\xbb]\x13o\x16\x84&gt;\xda\xba\xb1\xbbm\x08\x08\xfdOv\xc1\xbb\x16\xfc\xd3\x14js\x9fz\xa6\xc1\xa7\x1cgvI5}\xe3\xa3\xc7\xf1\x08\xbc\xc9*@\xde\xa2\xc6S\xb5\x0fg\x1b\xd2$\x87\x1a\xe0\x83\x9bJ3\xdb(yC\x0b\xbb!\xf6\'\x04\xa6K{K\x8e\xaa\xd5n\xdd\xdch\xfc\x06}\xcb\xfe,\x87\xbb\xb4\x13\x88\x93@\xa8\xf4\x10\x83H53.V\xf9\xa3HfT@\x0f\xd9\x91P\x83\xacCZ\x17C\xf3T%zd\xfd\x0c\xc1\x83\x86DT5\xdf\xe7\x86\x1a\xbf\xa2\x99y\xad\x0f\xbf\xf9^\xf4*\x80\xa4O\xf6\r)T\xb2\x9e\x11\x0b4\xa1W\xba\x8b\x8d\xbez\x15\xb3\x07\xbeD\x83\xe5\x04\x1e\x86,\x9c\xe6f\r\xd5\xa5/^\xad}\xce\xeb\x8a\xc5eI\xfdh\xf2\xce\'+~a\x19\xed\x1bI\xc1\xcaJ\xe3\xf5m^\x9b\xdd\xf1\xf7,\x03\xd7\xb9\xec\x00\x84\x84\xfe\x13\x13\xa6\x90\xb1?_k\n\x11x\xfb\xcc\xac/\tXH1\x8e%71^\xcf\xc3\xd7\x8c\x19\x17}L\xbd7\xceY\x9f\x8b\xdeT\x1a\x88\xb8\xd4\x0c\xe4\xab"qP\x94\x16Q\xf8\x84\xa0\x82e\x86\x92n\xc8)\xffO\xa8b\x9e|\xc7LM\xbb,1^\x13\xb4\x02\xce\xb5*\x93\xb02\xab\xabl&gt;\xed*\x86/E;VMYf\xc8Z\xf5\xfe\xef\x159\x0b\xa5M\xdf\xb2NX8\x19\xee\xaa\xff\x93\xb5SN\xb5\r\xb0\x0c\xde\xb6\xb0K\xb2\xdb2\xa0L\xe8$\x1clp(\x0bD{\xa5\xd7E\xaf\x14\xf3kl\xeado\xaa*\xa6\x90\x1a\xb2N\xab\xda\x89\x8aK\x15+P\x7f\xfa\xb9"\xd8,s\xb2Z\x8be\xf2`\t\xcf\xde\xa4\xf2\x8fD\xfb\xef\x1e\x9eP\x80\x89\xf6X\xf0\xeae\xe2/\xbb\xfak\xf9pj\xb9\xb0\x18\xaf\xb5\xdb\xe5\xb7\x04\xbb#u\xedJ\x04\xed\x03I\xfd\xa1\x19\xc4\xc6\xd3\xd4s\xb6dF\x8fkj\x85\x86\xf6\xb8\xcbY(\x0e\x82\x8c\x04=YH\xfc|&amp;\xf6)\xc7\xb5\xf8O#\xf9\xf5l&amp;\xfc\xd1\xd8\xef\xc8\xc8\x93\x89\x05\xfc\xf0\x8f\x87\xb3\x0c\x8d\xa4\xe4\xa5\xdc\t0\x89B&amp;\x8e8\xbe\x8e\x0f_lit\x109\xd66\xbb\x9c\x12\x81U Tu\x99OV\x1c\x05\xef\xbdh7\xfe\xa0\x9b\xef\x83\x84W\xa2\x03~K\xfc|V\x83\x8242$4B\x9a\x99\\\xa8\x92\x18\xd7\xcd\xa4]\xcb\xb0\xe6\xc4%D&amp;\xe78Q\x1d\xe9\xdf\xa0\x80\xaaD\xa4\xa2\xb6\xf4\x1eX\xd1\xb2coHl\x06(\xd6\xc9\xd9\x9de\x8e\xf3\xb2\x1cr5\xe3\\{Q\x12\x0fB\nUr\xf7\xcc\xe9\xc0U\x8fg\xe2\xc5\xa3.\'\x07\xcaF\x10\xb6\x13&gt;\xe6\xc8\xcf\x81\x83$\xebj\x9eO\x82\xd4*\x03iy\x86\xf4\x12$\xfc\xfe\x17\xbc%T\xba7\xe0?\xc3/\xd3\xe0_~~\xc2\x9d\x11\xab\xcb\xe0\xf6\xf0\x81\xc3\xb9A\xa0w\x1e#[\x90IC\xfdp\x80\xcf\xbd\x00\x91\xf0\xbc\x19u\xa9\xb3\xfa{1&gt;\xcb\xd1\xb3\x08\xff\xf5KO\x8b\x82M\x19\xfe\xb0\x93\x0br\xf5z\xa2\xa9N\xf0K\xf8\xc80o8\xdeAb\xa6\xcerAN\xd6jT\rj\x90\x85\x8b\xb4\xd5\xfa\xb8t6^\xc1\x18N\x8eGv\n:\x85\xa2n\\O?t@?\x0b\xa1\xe7&lt;s1\xe9R\xfc\xe3\xc4B\x84\x9a\xfa\xa9\x8dO\xf6\xd6\xf0\xb4\xfe\x80u@#\xd9\xfc\xda\xd5\xeb@\xbb\x18\xba\x8d\x89}\x10\x9a\xffv\xd9\xaa\xbe\xfc\xdc\xf6|;\xdez\x8f^[3\x8b\xcd}?kg\xb9V\xe0&lt;\x98\xd9\x14\x86\xc5\x0c@^\x85\xcb`X\xdc|\xf3\xf5Bt-\xbc\x9aa6\xb0D_cL{\xf5\xdc\x8a\xfd\x0e{\x19\x9b\xec\xb2\xe7\xb4\x17\xf5\x90\xbf@)\xa4\x0e1\xd4\xdf\xff\xe3\xa6\xb0\x83\xab\xdc~\x99\x99\x89\xbay\x0c\x8aJ%5\xf6s\x9f,\xafzw\x9e\xf0Z\xbc\x04\x17\xb7\xe1\x06!&lt;\x81?\xcboXM}mLu\xaejW\xc8\x8a\xb9\xe4\x9bO\x17TcJ\xd7\xbcK\x89\x8d\x8co7F \xa0`\x08\x05\xa0,1\x11\xb4M\x9c\xea\xe8\xfc\xf4* \xbd\x0c\xb3G2\xe4\xf1Yspb\x99\xd5\x89\xe3\x93|\x02\x80sb\x80\x11R\xd0\x9a\xb9k{t\xf5\x8d\x82d\x9es,\tt\x1c\xacO\xc8\x1d\x80)K\xe9\xd5\x92\xb7;*]Q\xbc\xca\x98\xf2~\xda7.\xd3\xdb\xbc\xddvf\xa5\xca~.\x01&gt;\xd6[_\x1e9\xbc\x92y\xa6^\xaa \xd7y\xe3/\x87\x0e\xb0\xb5\xf65\x90k@\xfc\x8a\x82L\xf3\xeex\x936\xf7\n\n:\xcbp\xe0l\xa5\xfa\xfb\xbc\xdc\x1bC\x1a\x91@k2\xa7\xfe\x9cU\xfc\xa4\x0b\xd8r\xf9\x9d\'a\xe2Q\x9eL\x9f(BQN,\x8dn\x0e\xf3\x02\xd6\xc0\xfa\xe9\xa6+\x11G+\x81\xa0\x83%\xc7\xbd\xee,\x9dn\x7f\xac\xd9\xe6\x03\xe3w\xcff\x05\xcf\x84b\x1c?G\xac\xe5\xeb\x04g\x82\xf6\xd4\xd5\xa09\x1e\xa51\xa9!\xb7\x03\x80\'\xb9\x99\xa7\xfb\xb57\x1e:\xe1\x93\xb6\xb6Pc\x19\xe4T\xcd\xff\xf1\xf7rS\xbe\x95\xbfM\xba\xc11\x80yY4b\xc9*\xf1\xd1\x86\x7f\xdfNW\x8e\xfe\xe0J\xd7a[7h\x0b\xe7\th\xc7\x82\xe9\x9f1&lt;\x1f\xc7\xef\x1fIJ\x10\xe8!\xfb4\xddxp\x14[\xe9\x12\xbb\\\xc7\xab2\xaa3:\xbb\x15\x1e\xaa\xa9\x8c!\xd5\xda?yV\x8a\xe6\x9b\xb6m\xfeL?J\xe1\xbd84\xdc\xec\xed\x8a*P\x13\xce\xac\xb8F\xe3\xf6\xf0\xc6\xf0]\xa1\x19^h5vJy\x02\x83\x89|\xd6\xbb\xd7!=l\xa1\x00]\x1d\xc9;a-\x81\xaf\xc7\xb1\x0fr\xec\xcd\x82\xfa\xf1z=\xeb\x86\x8f\x16+)%|\xe9\xb2\xb2\xa9.q_\xe1l\xc3\x8c\x8aN\xdf\xbb\xf0\x90\xc3\xc4\xc2\xd5UF \xc8`\x12\xad\xb0\x1bZ\x98\x8c\xdf6\x10\'\xad\x0c\x1b0\x83\xe6\x13EU\xe7K\xfc\xdb?\x8f\x98l\x96s\x7f\xec\xb5g*h\xa1\xcb\xe3\x08\xc9nC\xb4\x00\x9c\xf5v\x84k\xd2+;\xb6\xaa\xf5\xd4\xfc\xd7\xcasSS\x18\x99\xb8\x96J\x89;\x89\xcc|,\x89P\xe4\x9e\xbe^\x17\x1d\xf3\x1a\x8c\xf3\xf7\x1f\xcadhs\xf4y\x1eW\xb0\x91f\x02%\xeez\xe4]\x83\x18\x88[\xa2\x1ae\xb5\xe0\x19\xa4\xa5\xd9\x81\xf1\xbb\xb6\x06\xad\\\xaa\xfd\xa2$\x9c\xc7\x83\xd5?07\x0f\xb9\xbf\xc2\xbe\xca\x9a\x13\xbf\xbf\xe2\xbd\x0e:t\n&amp;\xef^\xc9`\xff\xcd\xc8\xfar\x91\xe2\x81\x93\x14\xbbbr0\xc35i\x99\xe5Z.\x03\xa2\x99\xe9\xf7\x8a\xc2\xf4IQD\xdcs\xf7\xb3\xa3\xc3j"\xff\xd0\xfb\x1f^\xf3\xef\xffH\xe3\x9b\x98\xac\x89W\x1d\xa0Zj\x8f\x15\xcbj%W\x9bsK\xc8\xb6\xac\xf3F\xbd8IYL/\x8bU \x84\x08\x01 \xaa\xe9\xc4\xf3\xcb\xd9\x80\xb8j\xf8\x14y\x90\xf9/:\xd0\xd0\xffa\xbflQ\xf6M\xcc\xa3\x08\xc6\x8b\xc7\x02\x01y\xfcg8\xfe\xe24Ye\xef\xf8[\x88\x8c\xa4^cG\xf8\xd8\xafn\xf9LVw,\xb6\x82]\xac\xa5\xfcR\xfb\x06\xdc\t;D\xef\xd0a\x15*\xf7\xc0\x9d\xb9\x943E\xf1'</t>
  </si>
  <si>
    <t>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</t>
  </si>
  <si>
    <t>b'\xeevX\xd0D\r\x19\xb7\xb7H\xce~1y\x1f\x96'</t>
  </si>
  <si>
    <t>lashings, to which was attached a large brigantine sail. This
 mast held an iron stay upon which to hoist a jib-sail. Behind, a
 sort of rudder served to guide the vehicle. It was, in short, a
 sledge rigged like a sloop. During the winter, when the trains are
 blocked up by the snow, these sledges make extremely rapid
 271
 journeys across the frozen plains from one station to another.
 Provided with more sail than a cutter, and with the wind behind
 them, they slip over the surface of the prairies with a speed
 equal if not superior to that of the express trains.
 Mr. Fogg readily made a bargain with the owner of this
 landcraft. The wind was favourable, being fresh, and blowing
 from the west. The snow had hardened, and Mudge was very
 confident of being able to transport Mr. Fogg in a few hours to
 Omaha. Thence the trains eastward run frequently to Chicago
 and New York. It was not impossible that the lost time might
 yet be recovered; and such an opportunity was not to be
 rejected.
 Not wishing to expose Aouda to the discomforts of travelling in
 the open air, Mr. Fogg proposed to leave her
 with Passepartout at Fort Kearney, the servant taking upon
 himself to escort her to Europe by a better route and under
 more favourable conditions. But Aouda refused to separate
 from Mr. Fogg, and Passepartout was delighted with her
 decision; for nothing could induce him to leave his master while
 Fix was with him.
 It would be difficult to guess the detectiveâ€™s thoughts. Was his
 conviction shaken by Phileas Foggâ€™s return, or did he still regard
 him as an exceedingly shrewd rascal, who, his journey round the
 272
 world completed, would think himself absolutely safe in
 England? Perhaps Fixâ€™s opinion of Phileas Fogg was somewhat
 modified; but he was nevertheless resolved to do his duty, and
 to hasten the return of the whole party to England as much as
 possible.
 At eight oâ€™clock the sledge was ready to start. The passengers
 took their places on it, and wrapped themselves up closely in
 their travelling-cloaks. The two great sails were hoisted, and
 under the pressure of the wind the sledge slid over the hardened
 snow with a velocity of forty miles an hour.
 The distance between Fort Kearney and Omaha, as the birds fly,
 is at most two hundred miles. If the wind held good, the
 distance might be traversed in five hours; if no accident
 happened, the sledge might reach Omaha by one oâ€™clock.
 What a journey! The travellers, huddled close together, could not
 speak for the cold, intensified by the rapidity at which they were
 going. The sledge sped on as lightly as a boat over the waves.
 When the breeze came, skimming the earth, the sledge seemed
 to be lifted off the ground by its sails. Mudge, who was at the
 rudder, kept in a straight line, and by a turn of his hand checked
 the lurches which the vehicle had a tendency to make. All the
 sails were up, and the jib was so arranged as not to screen the
 brigantine. A
 273
 topmast was hoisted, and another jib, held out to the wind,
 added its force to the other sails. Although the speed could not
 be exactly estimated, the sledge could not be going at less than
 forty miles an hour.
 â€œIf nothing breaks,â€ said Mudge, â€œwe shall get there!â€ Mr. Fogg
 had made it for Mudgeâ€™s interest to reach
 Omaha within the time agreed on, by the offer of a handsome
 reward.
 The prairie, across which the sledge was moving in a straight
 line, was as flat as a sea. It seemed like a vast frozen lake. The
 railroad which ran through this section ascended from the
 south-west to the north-west by Great Island, Columbus, an
 important Nebraska town, Schuyler, and Fremont, to Omaha. It
 followed throughout the right bank of the Platte River. The
 sledge, shortening this route, took the chord of the arc
 described by the railway. Mudge was not afraid of being
 stopped by the Platte Ri</t>
  </si>
  <si>
    <t>b'\xeee\xe6\xfbd!\xe3\x80\xc56\x07O\xa3\xbb\xdfc\x8ay\x135\xc9\xd1\x8b\x19\x1e\x8cRn\xcdg\xf2\xe7'</t>
  </si>
  <si>
    <t>ee65e6fb6421e380c536074fa3bbdf638a791335c9d18b191e8c526ecd67f2e7</t>
  </si>
  <si>
    <t>b'\xeee\xe6\xfbd!\xe3\x80\xc56\x07O\xa3\xbb\xdfc'</t>
  </si>
  <si>
    <t>een too ill to
notice things and he hates going out of doors and hates gardens and gardeners.
But he likes to hear about this garden because it is a secret. I daren't tell him
much but he said he wanted to see it."
"Us'll have him out here sometime for sure," said Dickon. "I could push his
carriage well enough. Has tha' noticed how th' robin an' his mate has been
workin' while we've been sittin' here? Look at him perched on that branch
wonderin' where it'd be best to put that twig he's got in his beak."
He made one of his low whistling calls and the robin turned his head and
looked at him inquiringly, still holding his twig. Dickon spoke to him as Ben
Weatherstaff did, but Dickon's tone was one of friendly advice.
"Wheres'ever tha' puts it," he said, "it'll be all right. Tha' knew how to build
tha' nest before tha' came out o' th' egg. Get on with thee, lad. Tha'st got no
time to lose."
"Oh, I do like to hear you talk to him!" Mary said, laughing delightedly.
"Ben Weatherstaff scolds him and makes fun of him, and he hops about and
looks as if he understood every word, and I know he likes it. Ben Weatherstaff
says he is so conceited he would rather have stones thrown at him than not be
noticed."
Dickon laughed too and went on talking.
"Tha' knows us won't trouble thee," he said to the robin. "Us is near bein'
wild things ourselves. Us is nest-buildin' too, bless thee. Look out tha' doesn't
tell on us."
And though the robin did not answer, because his beak was occupied,
Mary knew that when he flew away with his twig to his own corner of the
garden the darkness of his dew-bright eye meant that he would not tell their
secret for the world.
CHAPTER XVI
"I WON'T!" SAID MARY
They found a great deal to do that morning and Mary was late in returning
to the house and was also in such a hurry to get back to her work that she quite
forgot Colin until the last moment.
"Tell Colin that I can't come and see him yet," she said to Martha. "I'm
very busy in the garden."
Martha looked rather frightened.
"Eh! Miss Mary," she said, "it may put him all out of humor when I tell
him that."
But Mary was not as afraid of him as other people were and she was not a
self-sacrificing person.
"I can't stay," she answered. "Dickon's waiting for me;" and she ran away.
The afternoon was even lovelier and busier than the morning had been.
Already nearly all the weeds were cleared out of the garden and most of the
roses and trees had been pruned or dug about. Dickon had brought a spade of
his own and he had taught Mary to use all her tools, so that by this time it was
plain that though the lovely wild place was not likely to become a "gardener's
garden" it would be a wilderness of growing things before the springtime was
over.
"There'll be apple blossoms an' cherry blossoms overhead," Dickon said,
working away with all his might. "An' there'll be peach an' plum trees in
bloom against th' wal</t>
  </si>
  <si>
    <t>b'C\xc4\xe2\xb6\xf4\x1a\xcc\x8a\t\xe1T|\x95U\xea\x1ds:\xa9mh&lt;r\xba\xb2j\xb4Plf&amp;\xc2\x93`V\xa4\x806\xfc\xaa\x93\xf4&gt;y\xa9\xe3\xba\xa1\x15\x98#XZ\xcc24~\x11\x02\xda7M\xd4\xb5W_\x87\x9c3\x9f\xc7\xda\xc9iW\xfd~\xbbm+\xb7\x00\xb8-L\x85\xb6\xd8\x15\xf42\xd2\x88\xcf\x1b\xbc\xd1\xba\x07k\xc7\xd4\xdf.\\w\x04\xa2\x82\xdeA\x9c\xf2V\xd2\x1e\x13\x82\x86\xb1AY\xe9T\x1f\xb5\xf83\xc0\x0b\xfc_\x1d\xe0\x87o-\xa5\xc7\x82\xeb3\xe0\xc7\xa4\xd6\xce3o\x9d\x9d\xa9\x1a\x0b\xd71\xf4\x04~c\xd5\xb23&lt;\xc6\x1d\xd3\xe2h?\xab\x86\xa2\xc4\x83M\xdb\xa0\x85\xbbN\x9f\xb5\xd6\xd5\xcfAN\xf8\xa0\x186\'8\xdd\xb0^\x02\xf3&amp;T}:1e\xce\xe5\x02\x8a\x1b\xba;?\x00\x1b1\xc4\xb8Ly\xb8*\xfdl\x04\xbe\xf4\x12\xd3\xc0,BA\xa2\xfc\x10}\xc5\x9f\xc9\xf4\\\xf2\xe9\xfc\xfb;\xa8\xe4P\xed\r\x8fW;J\\\xa9\xd2k\x9er\x9a\x13I`\xda\xc5Bf\x11\x8aA\xdcaQ\x8e\xc9\xf6\x10\xed4\xf8\x0c\xd5\x81\x00\x8ae\xce@\xb2\xe8|\x16\xda\xbb\x08\xaa\x06\xff\xee\xdex\xd6\x96\xe0O\r\xad\'&amp;\xdf&lt;xEA\xf0\x9f\x9aE\x02\x1eT\xa7E\x9a\xa5v\x94\x0b\xb5\xb8\xa9\x05/\x8d\xe2\x81&amp;\xacx\x1e%\xc8ER?`\xfc\xde\x9dj\x0bPwk\xda\xee\xcd\x00f\x0b\x04b\xc7\xf3\xd9\xe3\xe1\xe8\x90\x04u\x89]\xe3\x04R\x96h\xcdm\xd6\xe3\xee\xd6@p\xd7}\x13d\x83\x95,\xda\xa7i;F\xde\x0cA\x02\xbe\xc2\xe5/\x90\x9d=\x1f\x18M\xba\x85\xc2\x99 \x8e@=R2`\xe7%\xbc\x84\xf6\xdcN\xfa\xb6\xa9\x92\xd5\xcd\xde\xc5v\\q2[\xa3=\x17\n\xc1\xb9\'\x1e\xda\xc9H\xd5nv\xcb@\x015\x92\xcd\x83\xda\x07[\xa6\x90\xcc\xcf\xafU\xc3G\xa1\xa9\xf2\x08\xcfQA\x81\x85l\xdb\x1e\xf1\x13/\x15\x8c\xea\x8d\xd2\x84\xa6\x8c&amp;?{\x9b\xbd\xa4\x15\xe6\x13\x9c\x9f\x807\x17\xb5\xa5zc\xaa\xee\t\xf1\xaci\xdf`]\x81\xaa\xbd-iWMT\xffk\r\xb9\x81\x91\x88\xda\xd2\xb6&gt;\'\xcc!\xc6\x1f\x1e\xda6\xd8\x08\x07\x8e\x8c\xe2Xa\xddc\xf0}\xd2\x94\xf2 Zi4\xc4=\x7f\xb6d\x07\x88\n\xddI&amp;\x16\n\xf5\x12\x03\xda\xbe\xc7\xed\x9e\xb6\x8f\x19\xb8oN\xd8\x08_\x92\xe5\x0e\xfa\x91yH\xf1)\xb5i\x05X?\xc6\x19\xe2\xb1R\xdf\xe4,\x0eb&lt;\xdf&lt;\xfa&lt;A\xd5Rl\xba \xe4\x83\xd6\xa3\x05Ge\x9e\x05\x08\xcbhoY\xea\xda\xd7\xcfHlN\xba\xe3\xc2{\xef\xe5\x03\x82\xa4{\xb6\xe1\xd6b\xe9\x95A\xb8\x8e\xdc\x903&amp;\xd7#x\x03NazE\x14VW\x9e]\xcf\x167\xabV5\x02\x1f;\xc3\xcb\xa1\xe1\xfd\xeb\xaa\xfa9{\x10\xbc&lt;\xac\x85U(\x9f\xc3\x9b\x8e\xa2\xd0SK3i\xb6\xf3\xe7\x98\x9fy\xd2\x84&gt;|;\x1c\'\xb8\xce}[\x08\xd7\x12&gt;\x1bg^W\x17\xf6\xb9^\xddm\x0f\x9c\x9c0p \xec\xbd\xbbW\x9bX\x9a\xb8\xa5\xd5B\x81S\xe8`&amp;\xf6\xe9\xd2\x05\xf3L\nr+\x1c\xe1*Z0z_\x13\x010\x9d&lt;\x8eAz\xb7\x92\xd0\xce\xca,i~\x0b|\xd2\xe1k\x10\xefxp\xb2\xb5\xe8\x9b\xd1\xacm\xf1,\x8f\xc9\x11&amp;V\xc5\xe7u\xf4\x11J\xd5\xa6\x82\x9f%\xd3\x0f\xe8M\x0b)0NW\x00\nItXC\xa3\x9br\xeb\x00q\xc0\xfe\x93\x94y]:\x931\x01&gt;\\\xb2/HZq\x1b\xb5z\xc8\x1c\xfc\xb8\x08\xa2\xff\x88c\x934: \xb1\xee\xd4\xdf\xf2[\x0b\x96:\xc8h@F\xa2c\xdc;\x8d\xb6\x10\xac\xd2\x9e\xdd\xab)\x1cT,\xf6!\xe1\x851\x8e\xae\xa4#F_+Pt\x01?}\xe2\x07-\x84\x88"\x82)f;\xa3\x8d\xfe\x1e*~\xe6b"\x9d\x1e\xa5\xbaN\xc6 \xab\xf0\x9fV\xd4\xe5F\x1b\x88|z\xef\x1d\xdc\xdf"\x81[\xef\xc0*\xf8\xfc\xe6\xe0\xd5\x99.lC\x83~|\xd7\xa4\xb8\xe9\x97\xca,\xdcr#\xe4W4C\x999I\xbd\x08st\xa1+O&lt;\xf6\xdb\xc8\xbe\xb9\tgtd\x80b\x00&amp;;)\x92\xde{\x97&amp;\xd5\x0cW\xb276\xbd\x10\xe7\x04\xae6&amp;\x00\x86c\x1d\r\xff6\xec\xff\x1a\xa5\xe7\xb7s\xb56}#\xe8\x17\x97(\x97\x12Z\xd6D\xf9j&gt;\xb4\xdc\xae\xcd\xd7&lt;\xb7bH\xcap\xd8m\x15:\xfd\xb14\x84&amp;F\x89\xf0]\x05\xbc\x89\xd7TL\xb0\xe2]Xwi4\xfahmL\xb6\x98{&gt;/2sI~Y\xfb=\xf6\xe3\xbb@\x11]\xff\x0bu\xf66v\xb0e\x11Z\x80Z\x8f\xd7\xbd1\xc6\x99@\xfa)\xd30\xf2\x90\xb94\xd8\xc0\xd00\x822\x1c}\xe1\xb2D\xd0\x8f \x9a9:m\xdc-W\xc4\xa9\x1c\x15\xb6&lt;`$~\x1a[\xb6\x06NZ\xa1\x1c\x03\x87\x81\xd0\x8c\xe3oC\x91\x8f\x14cF^\x85\xe3\xd6\t\xa0M\x9a\xa9\x8f\xcc\x1d\x07f]\xeaq\x88$\xadL\x7f\x00\xd8\xcfl\xdb\xf5\x9f\x1f\xda9\xe9\x04~O\x83\x05\x0c\xf4\xd5\x87\x00\xf1j=\x06\xcc\x80\xf7\xf3\xc2\xd1\x122[\xae\x1f(\xd4\x10\xf6c\x9e\xf1\xca\r\xd6J\x97j\xc2\x8f\xce\xff\x85\xba\xa5Z\xb0h\x88T\x008~K\xec\x19\xfa\x87_D4\xe8\xa4xW\xe1{\xd75\xa8 \xb9\x93~x{\xb6\xd5N\xbd\xb5\x907\xa6V\x94y\x91\xa9tL\xbeN\xa0T\x1d\xad^QQQ\xc7\xa2\xac\xfe^\x96\nJ \xc7,\xd6\x8f8\x1dx\xe1\xa7\xeb\xa3t|"Oak_J\xcf\xea\xa0\rO\xf0T17\xa7\xff\x9a\x08$x?\x84\x01\xfc7\xff\xfdj$\x9d\xd0"KEfM\xb9\xb2\\\x84\x1cN\xb8nZD\x1f\x99\x17\x17D\xf2\xfa\xaf\xe2\x04[\x84\xc4\xa7_\xc9\xfe&gt;\xf7\x96o\xe2suZw\xf6\xc4V3\xd5(\xe6\x8d\x8a9Q\xeb\nN\xc7\x9b\xe6\xfa\xcehnmgTt\x04\x16\xc0\xa5\x96N\xc2\xcfk\xf3]\xae\xc6u\xf2B\xfa\x8c\x94\xa5v\xd4A\xeb\x15H&lt;\xc9\xe8\x1d\x16\t\xf7\xe5\x1d|I\x8f\x02\x8dp\xdbs\xb0\xb4Z\xb0\xf4\x1d\xc2\x92\xe5`\xf8\xb5\xbc\xa6\x0c\x845\xac\xdb\x96\x08\xe3\xda\xb3=\xfa\xa1\xea\xb2\xa8c\x95\x00\xfc\xba+\x1d\xaa\x8f\x8c\xcc8|.\x06[\x92F\xa5\x01\xd0Y\xa6\x14\x07\xf8\x91\x97@Y \x80uQ\xefEv\xf6\x96\xc5\xd6\xa4\xc8%\x05\xa6z,\x1f0\xa4\xe3eM\x96\xea\xcc`\x9c\x9f\x8c5=5\xa0\xc3\x1c\xbdU\xb8\xad\xfeL\xfc\xfa\xf9,\xab\x82$\xb0x\xb9d\x1d\'D\xcb\x98\x1f0e?\x7f\xaa\xbe\xb56\xb7\xc5\x8d\xe6\x1c\x16\xf5\x0e\x89\xb0\xba1\x89w\xd4\xa4+[\xbb\x88\xb0\x06u\xfcA\x0f{\xa7\xc9\x1e\xa1?\xe6\x1eT\xdb"\x15O\xb2)\x1bPE\r\xe6\x99X\x7f\xb5`w\xb5#\xa0\xc0C@,\\d\xdc\xb1}\xffX\xff]\xab\xf9"@cZ\xc0/.\x84\xdc.[\xc9\xef\xd3\xe2 \x90\xd2Mp+\x8d\xb2x\x1a\xb9HLH\xb6\xf2\x99:\x94\xf9\xcf;\x80\x00\x15\x044\xde\x1f\xe8&lt;\x87%\x8dJ\xe5\xde\xf3\xcf\xdeD/\xe4+\x88\x04\xb6\x8e\x88U\xe1Q:\xe7\xa4\xe9\x08\xc4,\x8f\xa8\x9c\xd7&gt;\xbc\xc2\x9a\x92h "}\xe8,\x93QAV\xcd\xb3\xff\xa4\',\x0fUG\x1b\xe7\x1aW\x08\xcaj\xf3\xcb\xe8\xb8\x9dN&lt;zp\x0b\x18\x8e:\xabqAyt\xfd\xe2.u\xd0/\xbc\x88\x16\xa5\x98\xf0\xa66T\x8f1\xbfQ?\xa2\x9b\x0f\xe6s\xee\x00\xa1\x10f\x02\x14s\xf8\xc1$&lt;0\x12\x88(\xcf\x8e\xbd\xee\x9a&amp;\xf2\x96\x0e\x8e\x8c\\\xd74\xc48&amp;\xd1\x894\x1e\xf8\xc7\xa6\xea&gt;)\xb2o9n\xd8g\xe5\xbf\x8a1\x16u]i\xe6\x01\nX\x11\x17\xfd\xcb]\x11\x9a\x1c\x84o\xbf\n\x14\x98\xb2\xdd\x91#\xffi\x15C\x89w\xfa\xe8\x97u\xe02k\x81\xd0oK\'\xfd\xd8\xce\x10.\xef\xa4\xda\xc1\xa2\xd0\x9bHi\x93)r~,.\xa2I\x9c\x8f\xf3\x0fg\xd8C&gt;NWv1\xdc^\x89n\xfc\xefs\xdf\xc1b\x0e\x9e\xd7&lt;\x90\xe9?\x18\x01\x8b\xd80\xcaT;S\xbc\x16\xa1\x16\x81\xf3c\xd6\xfc\xdcT\x11"\xae*\xec\xa5E+p|U;G\xcas\x82h%\x95\x1e\xb7\xd8\xe5\x99\xab\x11cm\x93\xe9\xc9\xc8\x13\xef\x1fzd\xcdq[\xb0B\x12\xe9\x90\xed\xd5\xb6\xba\xc0\xb3E\x18g\xaa\xb0k3\x9d!\x92)\xdd\xa7Ks\x01\x86\x1bp\xb1!p\x08I\xde%J6\x86Z]\xff&gt;4\n\x07k^\xd5Y\xc9n\x84\xc8\x0e\xa8\xc5W\xf9\x00j=?(\xba\x0ez\x00\xe5^E\x15\xbaz\xd7\xb8\xa31H\x12\xfeL_d\xb7\xa2\xdb\xbb\xebp\x0c0\xa9.&gt;\xf6\x1fDg\xc2\x800\x0e\ni\xc1\x08gRs\x01\xd8\xcd\xb3/`\xd6\xa7A1\x8c)\xef\x92\xd3@\x14\xe8\x12*\xe3\x86\xb4\xb0\xf7\x10C\xd8\xf1\x9f^\xb5M0`\xc1\xd0;\x1f\x8a\xcd\xa3\x13\x17\xeb\xbbR-\x10(\x17\x08\xeb\xf8\xbf\xd9*\xd7rV\xffU\xaam5\t\xff;\xb6QFZ\xa9\xd1\xc6\xc5&gt;0\xf7\xa1\x83\x04\x8cx@`\x9c\xfa0w\x8c\x009l\xcf\xe5\xa3\n\x13\xf9-\x0c\xd9y\x8b\x8c\xa4\xe5\xa5)1S\xe2\x9a\xfe\xc9\x84z\x00v\xca\xbc"\xe8/7\x13\xad!:v;\xd3\x11.\xe3\x8d{\tzn\xf2\xc6\x05\xe6\xf7&gt;\x1b.\xaa\xcf\xda\xfe\x9fp\x82#\xc6\xbd\x93\xfe\xc6\x86\x14\x03m%\x872\x9f\xd2\xa0\x0eG_j&amp;\xbb\xcd\xd3P\xe8\xca\x18\xd7%\x94\xa7\xa3\xfa\x08:d?\xe6j\x92\xe2)\xb9\x18\xf4\x9fv\xf0\x89,r8\xf2]\x1d"\xc9\xe9\x96\x97s\xad?\xdf\xb9$$\xab\x06\x86w\x1c5oL\x1f\xc7J?E\x13j\x1f\x05\x1cG\xc2\x15}\x0c\x10\x97z]I\xb1\x00\xb5\x84#\xbb\x9c\xeb\x8e=i\x1b\x9b4}o\x1a\xb15\x8e\xc8&lt;0H\n`\x1b53\xccX\xd4\xd4{\x04U\xae \xba\x94\xbf3\x85\x14\x07\xcc;\xa72\xf8\x93l\xc5\xbb\xc8\xdf~%\x0b\x7f_K#\xd4\x87\xb8|\x8d\xe3\x19b\xf7j\x9fm\xd1\xe5\x12\x84F\xdf\xc4\xa2\xcc\xc4\xa8\x11Q\xe9\x93\xe5,\xa2\xa1\x9d\n&amp;\x1e\xb4{\x1d\x17\x04\xd1\\JB\xc8\x0f\xedT\xb9\xbb\x1fP\xb0\x84\xcbK\xa2%\xd3F\x88{\x98aSU\xdb\xa7~\xb5\xdf\x83\xd3\x8am\xa2\x15\x90|\x12ej\x9c\xc8}G{7\x1a2\xf43c\xfcn\xf5"\x13\xcb\xed\'\x839"\x92\x8a\x88\x18\xb4\x7f1TLe=kR/\xd2\x1bP\xa3\xcb\xfd\xe8\xf9;-\xc6W\xcc\xc5\xb7\x91\x93\xb3\x0f\xb7\xcd\x10\x99\xe0h\xc2\x1b\xb6\xdb.\xa5\xa8j\xb3\xf0\xa5/@\xfb\xec\x8e\xa8\x04~\xf1@)\x963x\xd3=w:\x90\x13\xba\xa1\xbf\x99\xd1\xe8\x1bD\xe9x\xc4\xdbR\x08\xb1$U\x9cI\xe7\xd0?bL,\x8cBj\xc2\x9e\x84\xa8\xa0\xaa\xd2\xa2\xa7\x9a\xcd7\xe2\xfc\xe9D\xeb\x88c\xc2\x99o\x16\xd2b\xa1\x8b\xc9\x03N\xbf\xa1/\xf7\xab\xfc\xb7[\xc3L\xd6cj\xb725\x93\x19$E\x82e\x13\xd9\xeb~\x19\x85\xac\\8\x84e|\xd9z\xc2\xa3-\x87\x0c\x1e\x04\x94|\x1ai\xf0\xd1 d\x94\xa9\xfa\xd4\xef\xa6\x89\xdf\r\xd6\xbar\r\x9a\xe3MM`\xdc\xe3\xcfle\x90\xd4\x9c\xa8\x83R\x81\xff\xc4\xae\xf0\xe9\xfc\xab,a\xb5\x88\xc1J\xa5%c\x90L\xb7\xcc\xe3\xad1\x8f%\x12\xc6\xaa\x93\xa17\xeas+\x85\x90\xc2\xf1\x89@xPy\xba\x07X\xa1T\x0e\x1b\xf6\x98]\xb6\x92\xd4&lt;\xe90\xba\xd7[\xb1\xf4\xd3\x00\xb0\x0b\x0f\xb8\xda\x0e\xe9H\x8c\xbdJ\xb8LT\x82\x1f\xc6'</t>
  </si>
  <si>
    <t>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</t>
  </si>
  <si>
    <t>b'C\xc4\xe2\xb6\xf4\x1a\xcc\x8a\t\xe1T|\x95U\xea\x1d'</t>
  </si>
  <si>
    <t>from understanding blood flow in the human body to designing aircraft and predicting weather patterns.
### 3.1 Properties of Fluids
Fluids have unique properties that distinguish them from solids:
1. Density (Ï):
   - Mass per unit volume
   - Ï = m / V
2. Pressure (P):
   - Force per unit area
   - P = F / A
3. Viscosity (Î¼):
   - Measure of a fluid's resistance to flow
   - Relates shear stress to velocity gradient
4. Compressibility:
   - Measure of volume change under pressure
   - Liquids are generally considered incompressible, while gases are compressible
5. Surface Tension:
   - Tendency of liquid surfaces to shrink into the minimum surface area possible
6. Vapor Pressure:
   - Pressure exerted by a vapor in thermodynamic equilibrium with its liquid phase
Understanding these properties is crucial for analyzing fluid behavior in various situations.
### 3.2 Fluid Statics
Fluid statics deals with fluids at rest and the forces they exert.
Key concepts include:
1. Pressure in a Fluid:
   - Increases linearly with</t>
  </si>
  <si>
    <t>b'\xd8\xceJ"v7\xca\x0b\x84qY\xdd\xf9]\xce \xde\xfd\x98\x06\x06#A\x8e\xc2\x06[^\x90`\xe0&amp;y\x1bO\xfe\xac9\x99=\xc49\xe1\xed&amp;\xe9y(._=$A\x15r\xf22\x02\xeeIM@V\xc2\x96\x0f\xb8\xf3W\xdb\x1e9\x10\xdea\x84*\x85\xfcW=\x1d\x0f\x1b^x5U\x81\xfe\x88\xe5qz\x84\xce\x0e\x8c0|\xf5\xdcBh\xbb\x94\xd9\xb9C6\xe6n\xbc.\xadz"J=y\x9b;Z\xed\x91\x0c\xdf\xe4_\xbe:\x85l\xbcX\xb4\xf4\x13\xffF\x1b\x9e=\xe0\xed\x14\xdaAY\xed{\x95\xe6\xc9\x85\'=\x17\x9b)\x07\xe4\x9e\xcf\x9e\xeaq~\xcaa\x9e\xcc\xec\x99\xc4}#\xa1\xe1\x9c\xe8\xaeo\xacro\xe0\xef\xa9\xe8A\x9c\xb1\x9e\xff\xfe\x15\xfe\x99|\x0c-\xb2\xb9\xc4\xfe\xbb\xcd\xe8\x8b\xffV[\xd9\x11\x98\xa2\x12\xb5\xe5\xb2B\x19\xed.\xb9\xa0\x10OK\x1ff\xee\xed3cO\xa2]\x17]\x1d\x13\xecKE\xe0\xa3X\x1eo&lt;\xa1?\xec\xc8V\xe7\x89\x93@\x8d1P\xeaP\xb0_\x89\xcb\xa6\x87\xf0\x08\xe1\xdcX\xf6\x9a\xf7\x18WsyGf\xc6=\xabSp\xc8\x94"\x1bg\x1c\xd0\xc7\xa2+\xbbGe\xee\xb1\xeb\xc9K\x08\xed\xa5\xf8Rc\x99m\x16\xc3@!\x8c\x18\xb0@\x04\xa6\xb8\xc9\x93\n7\x90\x1c\x18\xbb\x14}\x8f\x02v!\xbc\x8fS\xcf\x9f\xca\xc3\x9bZ\xbe\x10m\x1ec\x84\x99\xbaX\x9e\xd0\xcd{YH5\xea\xba\xdbZ\x07\xbd\x8aX9\x85\xa4\xfa\x92J\\\xbf\x18\xb3.\xd8q\x00\xf8\x88\'&amp;5\xd9\xeblS\xf4\x17A\xe7Y\xbc\xec\xb5h\xa3p(\xf9\xaf&gt;\x91S\xc211\xe9&lt;V\x11t\xdc\x87\xf0\x84\xaa\xbb\xda\x05\xb2\xf3vAB&lt;\xd1\x8a\xa9\xc8h\x92\xcf.T\x1c\xd4\xda\xd0\xb7W\x1c\xadv1\xe6ai\xcea\xf0\x08-\xc3\xfe\x0f\xc1Me\x97\xe2;\x8fH\xff/\n\x1f\x98\x80\xdf\xe4\xa7\xbaa\x9du\x08\x83\'\xe6\x81\x08\x10\xdbl2@\x06.k\xcdb\x1a\x1b\x9a\x013\xe6\xa5\xc3\x8bSg!\xf9\xe7\xdb\x1c\xe3\xfa\x00\xbb\x0f(9\x99\xc0~\xb3\x11\x8d\xaa\xe3!\xb5\x04\xe7\xad\xc0;\n\x19\x0b\xc6\xf7]\xc9%sL\xa0\x01\xa2\x14\xbd\xc4\x02Ie\x80&amp;\xa8e\xb4\xf0\xd1:\xa9\x1d\xb0\xd5\x98&amp;\xd5\xb9S_\xc4v\xe8\xbe\xe7y0\x8e\xe2\xf2\xac\x92C!\x9f\xf3\xa4\xd18\x97\x11\x90g&lt;IA\x87kk0\xc4\\%X\xd1\x82\xb6\xd7\x01)^\xe1\xc5\xf3"\xe5\x10\xac\x7fg-\xaac\xa7\xe3\xc9N\xfds5\xed\x96"\xdb2tB .\xc0\x04\xb3\x0b\x94\x83\x11\xe5\x18\xaf\x8dJ\x9e\x00\xfa\x8aE\xb6\xda\xf1\xcf\xa4\x08\xea\t\x02\x87\t\xff\x02Y[:\xc7\x89\xf4\xcb\xe8Z\xbe\x9c\xd8X\xc8?T\xaf\xb0\x0fgP{C\x84\xb0J\xba}\xb4\x1d\xec|\xa8\xe8\x85\x82\xbf\xef $\x97\xb5\xbe \x8b\xaa\xab)\x17\xd9l\n\x9a\xfc\x1b\x85\xdd\xe4\x14\xcf\x987\xeat&lt;J\x17\x8c\xda\xde7AWk\xd4\n&amp;X\x00r`dt8\xf3\x9f\xec\x87X\xccws\xcd\xfe\xe5\xe2=\x1dEW\x9b\xdc\xa2#\x0f\xf2\x8e\xdf\xed\x10w\x94\xb3\x9f\x1aPv\xd0\x14(WZ\x8a,\n\xa6\xa3\xf4/\xfa\xd4s\xe1"8-@MU\x89`\x0b\x83(\xe0\x87\xb8#`\xe4k\x9c\r\x9d\xd45_P\xa3\x95\xbe\xa5;c$\xbc\xdc\x9aE\xe2%N\x0f\\\xd4\xc3\x7f\x96_\xd5\xb0\x1f\xa2\xa7\xb7\x8f\xbb\x06i\xf4\xe2\xd0n\xee\x90\xf1v\xe9\xad\xfe\xf7\x9f\x90z7\xdc\x9e?\x9e\xb2\xdfE\x91:|\xf16\xcdJ\x0b\x89\x88c\x0c\x1d\xdePN\xed6\xef2\xd6P\xe1\xaax\xf1u\xd2:a\x99\x1ee\xc1C\xfen\xc9\xf7i\xf7\xdf,\x0eiqU\xef\x9cKrhw\xe3V$Xp\xf7o\x14R\xa6\xa8\x1b\x83\xf5\xffv=\xeb\xce2\xd9D\xfb\x12\x84\xba\xdf\xc9=\xbf1\x18\xcdm1\xc6&lt;\xd6\xf1S A\xa4O\xe6|\x15\x0e\xe9z\xf9Vd\x9c\n}\x0c\xf1/\xf1\xd7p.s\xfc\xae\x83e\xd8\xd4\x7f&amp;1\r\xa4Mt\xe9\xfa;\x8b4A\xed\x1e\x02\xf2Mu\xf2\xe0xK\xdf\xb1\xca\x08a-\xe1x\x07\xaf\xf9'</t>
  </si>
  <si>
    <t>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</t>
  </si>
  <si>
    <t>b'\xd8\xceJ"v7\xca\x0b\x84qY\xdd\xf9]\xce '</t>
  </si>
  <si>
    <t>et above the level of the sea, one of
 the highest points attained by the track in crossing the Rocky
 Mountains. After going about two hundred miles, the travellers
 at last found themselves on one of those vast plains which
 extend to the Atlantic, and which nature has made so propitious
 for laying the iron road.
 On the declivity of the Atlantic basin the first streams, branches
 of the North Platte River, already appeared. The whole northern
 and eastern horizon was bounded by the immense semicircular
 curtain which is formed by the southern portion of the Rocky
 Mountains, the highest being Laramie Peak. Between this and
 the railway extended vast plains, plentifully irrigated. On the
 right rose the lower spurs of the mountainous mass which
 extends southward to the sources of the Arkansas River, one of
 the great tributaries of the Missouri.
 241
 At half-past twelve the travellers caught sight for an instant of
 Fort Halleck, which commands that section; and in a few more
 hours the Rocky Mountains were crossed. There was reason to
 hope, then, that no accident would mark the journey through
 this difficult country. The snow had ceased falling, and the air
 became crisp and cold. Large birds, frightened by the
 locomotive, rose and flew off in the distance. No wild beast
 appeared on the plain. It was a desert in its vast nakedness.
 After a comfortable breakfast, served in the car, Mr. Fogg and
 his partners had just resumed whist, when a violent whistling
 was heard, and the train stopped. Passepartout put his head
 out of the door, but saw nothing to cause the delay; no station
 was in view.
 Aouda and Fix feared that Mr. Fogg might take it into his hea</t>
  </si>
  <si>
    <t>b'\xe1\x82\xe2\xe91\xdcP\xca\x8fJ?s\xe6k=\xd0\x86\xb3\xe0\xdb\xc4K\x9c\x91\x16{R\x83\xb2\xb8u@'</t>
  </si>
  <si>
    <t>e182e2e931dc50ca8f4a3f73e66b3dd086b3e0dbc44b9c91167b5283b2b87540</t>
  </si>
  <si>
    <t>b'\xe1\x82\xe2\xe91\xdcP\xca\x8fJ?s\xe6k=\xd0'</t>
  </si>
  <si>
    <t>rest rates, interest parity requires an expected future
 depreciation of the Canadian dollar, which is consistent with an unchanged future
 exchange rate only if the Canadian dollar appreciates immediately. The picture of the
 economyâ€™s adjustment after the unexpected increase in money and prices would look
 like Figure 15â€“13 in reverse (that is, constructed to reflect a monetary contraction
 rather than an expansion)â€”with the added assumption that the Bank of Canada grad_x0002_ually moves interest rates back to their initial level as the price level returns to its
 targeted path.11
 Economists Richard Clarida of Columbia University and Daniel Waldman of
 Barclays Capital offer striking statistical evidence consistent with this explanation.12
 These writers measure unexpected inflation as the inflation rate estimate initially an_x0002_nounced by a government, prior to any data revisions, less the median of inflation fore_x0002_casts for that period previously published by a set of banking industry analysts. For a
 sample of ten countriesâ€”Australia, Britain, Canada, the euro area, Japan, New Zealand,
 Norway, Sweden, Switzerland, and the United Statesâ€”Clarida and Waldman examine
 the exchange rate changes that occur in the period lasting from five minutes prior to an
 inflation announcement to five minutes afterward. Their key findings are these:
 1. On average for the ten currencies that they study, news that inflation is unexpect_x0002_edly high does indeed lead a currency to appreciate, not depreciate.
 2. The effect is stronger for core than for headline inflation.
 3. The effect is much stronger for the inflation-targeting countries than for the United
 States and J</t>
  </si>
  <si>
    <t>b'0D\x02 [\xf6\xc0\xbd\xab\x9a\xe7\xa6\xfc\x01\xf2{;\xa2RG/$W\xcc\xc9\xa7\xe1\xa8^v\xc2\x13\x14\x04\xe5H\x02 b\x90\x8dd+\x92[w\xac~eH\xfa\xad\xad%\xc9\x88\x93H\xa7qG\xf4d\xdb|G\xc7\xc5\xab1'</t>
  </si>
  <si>
    <t>304402205bf6c0bdab9ae7a6fc01f27b3ba252472f2457ccc9a7e1a85e76c2131404e548022062908d642b925b77ac7e6548faadad25c9889348a77147f464db7c47c7c5ab31</t>
  </si>
  <si>
    <t>b'0D\x02 [\xf6\xc0\xbd\xab\x9a\xe7\xa6\xfc\x01\xf2{'</t>
  </si>
  <si>
    <t>and
the horrors of despotism have led many to see in this story of Greek myth contemporary political relevance (see Dominik 1994; McGuire 1997). The portrayal of
Jupiterâ€™s autocratic rule and the struggle for power on the divine level are interesting
in the light of Flavian domestic struggles and Domitianâ€™s own cultivation of his
association with Jupiter (Feeney 1991: 359). This identification Statius and Martial
are eager to reinforce in their short poems (see Silv. 4.2, Martial Ep. 8.36, 9.11â€“13,
16â€“17). Juvenal was later to claim that Statius recited the Thebaid to great popularity
but that lack of financial support led him to compose mime librettos (Sat. 7.82â€“7).
Juvenal suggests that Statius prostituted his art, displaying his great epic to the public,
but it remains unclear whether Statius or the contemporary conditions of patronage
are to blame for this behavior. Statius praises Domitian at the opening of the epic and
states at its end that Domitian has deemed it worthy of recognition (12.814) â€“
conventional praise by now, but also a request for the imperial support or favor he
so desperately needs.
Statius, like Martial, relied on the support of socially prominent and wealthy
patrons in a way that suggests he was more dependent than many earlier Roman
poets. His social status seems to be rather anomalous among the Latin poets of his
period. At a time when most poets were increasingly of higher status, we have no clear
evidence that Statius or his father ever reached the equestrian rank. The fact that
father and son competed in the literary festivals seems to suggest otherwise, as no
other well-known poets are known to have done so. Martial advertises the social and
political, as well as material, benefits he received from his patrons, such as the
honorific post of military tribune by which he achieved equestrian status (Ep. 2.91,
3.95), although he continues to complain of the hardships of the life of poetry in an
age of diminished patronage (e.g., Ep. 8.56, 1.107). Statiusâ€™ Silvae and Martialâ€™s
Epigrams, although quite different in nature, are both representative of important
trends in literary taste and social patterns, revealing areas of poetic patronage open to
private patrons and the lively interest in literary pursuits. Both collections contain
poems written largely for specific occasions, probably first recited, then circulated in
published form (Martial liked to issue hi</t>
  </si>
  <si>
    <t>b'\xbcG\x81N\xd2\xff\x9a/\n\xbbWx\x8f2}\xc3\xe6\x12\xcb}b\x8b\xcfpf\xfe_\xc6\xed\xdbQ\x06\xbf,!\xea\xff\xc6\xc3#\xea$\x88\x10Bx\x19\xad\xf4\x9a\xdf0\xbe\x82\x02\xb6X\xfa\x0c\x8cY\x15\xc7\x81\x17\x16\x1e37\xec\x1cvR\xbc"+\x14\xf1M?F\x9d\xe2\xe7cIQk\xb1\xfdBi\x9dV\xe7"\x8b\xecP/}-G\x9cd\x1f&amp;\xda\x95h,\xffg\xc5WH\x8e\x95\xd88\xf7\x0c\xe1n\xb4D\xb0\x85\xc5\xfdu\x86\x80\x12J\xae\xff\xe2\xf0\x9a\xec \x1aR\xe75J\xe5\xa4Jr]\x84\x03\x7f\xa9\x0e\xf0u,\x85\x82U(\xa5\xfe$Oh\xb5\x03\x97rO\xff\xa2\xdd\x0e\x9b:\xaa\x13 \xa4\x18&lt;X\x0f\xcd:v\xfe\x92p \xb2H.\xf0\xaf:\xe5\xbe\x89P\xa1\x13\x11\xbc\xf0e!\x8d\xc5&gt;\x8bO\xa5\x85a\xbf\x99\xf3\x84\x95\xe5\xf1\xc3\x98n\x1ax\xf3\x8f\x8aZ\xe0&lt;*s\n\x05e]\x92uX\xc99\xcaC\x16y\x99u\xd5\x9d\xe1\x11\x18g,$\xcd(\xc7\xaa\xc4\xe57\xfc\x96\x16\xa2?\xc2f5K\xecx\xc4(\x94\xd5)\xaf\xa8\x19\xb2;\x9647\xf9\x1a\xf9\x81b:\x95\x90*\xfd\xed\x86\x86\xeb\xe3\xa4\x11\xe9v\x1bTT\x88&amp;\x15M\xf7\x04\x91\xa5\xcb\xfc\xa0\xd4Z;b\x0f\x14\xc5GK\t\x19*&amp;I\xcf\xe6q\x9c.r\x83\xf4EJ\xdb\x0ca|\xdd\x18*\xe7E\xe7Q\x15w\xa4L[a\x97\x99\x0e\xddM\x12\x87L\xc4\xa3\x0e\xdb\xa0?\xb3\xf5\x0f\x8f@S\x95\xceg\xbaE\xb3\xc8\x05\xa2A\x17\x1f\xd4\x15CK\x8a\xa3\x114\xc4\x15\xd5G\xc5Xi\xca0\xc4D\xb5\x81\xfb\xe6]\x90;go\xd5\x04\xf2\x7f;\x14\xc4\xf3\xe6\x99\x93"\xd7\xe7\xbe\xcf\xf3\x1fN\xc8\xcb\x04\x86K\x0f\xff\xcfIs\xf0\x0e\xe3\x14!\xa7W\xdb\xa9\xa7\xa18_P\xd8\x9d\xe0\xe8\x93|\x1c\x92\xf2\x1cBB\xa6\xf5\xe6\xa0\xa4r\xfba\xd7viceX \x1e\xc60U\xf9\xd5\xf5q\x8b\xeadDr\xf7\x94\x80\x9c\xa7\xb5\r\xf1)\x1d\xe5\x1a\x10\x88\xa2\xd9\xbcRq\xda\xfa\xf1\xb8$cM\xdf\xf9tjz\xe9\xb0h\xcf\x8d\xf7\xe4\xf3\xd0\xff\xb5i\x05\\%\x15P\xa1\xe7\xa7d\xba\x19\x0c\xa9\x9c\xb5\xc1B\xa5\\\x15Q\x10\xa7\x8f\xf4\x1f\x8df\x07+#\x86"\xc8\x03\xbf\xa7\xb5q\xa6\xd52\x17\x14\xae@\x81\xd8\x9c\x02\xd0ya\xf1\xc6\x1c5\xe9^\x15\xd1\xc0\xd9\xa9\xe7\t\x14\xf9\xa1\ryTU\xff\xb8u"\xda\xa1^\xb91\xd3M\x86\x85rH~\x81{\xd3J\x90X\xa5j\x1a/\xc5\xb8!\xdaom\xba\xba\xc0\x0e\x9a\xe5[\x0b\x1a\xf8fj\x12I\x19Z\xd6\x8c\xfa\xd7\x91\x10\xe9\xac\x93U\xf0\xbb&gt;,\xc1\x9a3DY9\x07=\xb5\x7fN\xdd\xefg\x93\x1aa\x94\xabl\x81d!\x12/\x7fd\x8e.\xf9\x9a\xac\xac\x91\x0b\x8a\xe5\xc9)\xb5\xc3\xa6m\xeaAKQ\xa2n\xa6!\xbe\xcal\xaf\xd6\x80jvobOhx_T\x00Q%Ed=\xcc\xdd$\xc7\xfe\xe5\xe6\xb3K\xb57\x1a9~\x85\x9cx\x9d\xe33\xbc\x01XQvw\x89\x1d\x0b\x95\x98\xd2\x0f\xa6\x94\x80\x9ea\x17\x08m;Z\xa5lXs\x1a\x90\xa8\xb2\x9b&lt;\xd2\xa0\x1f\xd9\xe1\xd3\x1d\xda\xb6\xc1\x84\xbd\t\x84\x1e\xe7\xcb\xafA\x9a\x17\xab|\xbdT\xe9\xdff\xd4\xb3\xe9\x92\x13\xdd\x97\x0f(\x1c\xda2\xd0\x80)$\x16\x86\x9c?\xfa6G\x8e\xcd%\x14fG\xe6\xd5L\xa4\xed\x1e\x10\x08p\x81\xb5q\xbbT]\xfd\xe0\x13L\xb3\xaa\xac\xc2\xec\x88\xf8r\x92PQ2\x1f\xec\x9c \xe3\x853R\xcc\x9a\xdc\'\xa8k?\x972\xd3%\xa6p\xb8\xfaa\x92\xb4\x18\xba\x95\xcd4\x97\x04M\xb5\x04z\xe45F\x1d\xc9\xd4\xd3\x12A&lt;\xc0\x03m$\xdc,\x98\x9b\xecS\xbds\x0c\xfe7\xc2\xfdY%d@FSy\xab\xad\xa2c\x1d{\xf4\xdb\xebn\xa0\xf0\xb9 m\xde@\x07\x97\xf6\xb4r\xd0?\x01p\xee\xeb\x0b\x01zd\x1c\xef0\xe7`\xed#\x9aa\xf6e\xe5\x1a\xfe\xcd\x9eH\xc64\x8f\x16s!o\xaak.\x07\xe4\xbaL\xb5G\xb1\xbd\xc4\xfe\x04\xfd\xfd\xda\xb8"k6\xd6\xff/\x97\xae\xb7A]\xfa\x92\x87\x83n\xeb\xae\xd5\xaai\x07y\xdf_G\xb4/\xd8&gt;]\x8a\x8esB\x94Q\x96 }\x91L\'\x0c\xff7$@\xa3\x83ZZ\xd7\xbf~\xd3~\xe9\xacAI*\xeaFG\xe1\xc2\xee\x93\xa2\xf1\xbb\x8a\xe9\xfa\xcf\x90\xf4\xbe\x9b\xb4\x1e\x97\x1eU]\x97QB\x8f\xce\xec\xd8\xbad{~\x18\xdaIQ\x11\xe1;M\x85\xe4(\x7f\xb3\x00\x96\x0c\xe4n\xb196\xff\x8d2\x12c\x88\xb3\xd6\xdaVN6W\x15\xc14\xec\xa8-\x97H\xd9\xce\x87\xcbo\xce%\x03\x08\x82T;HtO\x9c\x06\x10\xfa\x88\x9e\xc96i9\xd0\x98+p\x87\xe1\x14%4&lt;\x153\x93\x88\x86GQN\xe8\xc9\x98\xf2\x82\xbc&amp;\x0b\xb7\xdd\x06\x11\x14!F\x15\xf3X\x12@\xca\xe7\x81f\x86E_\x86\x13\xd6\xf6Q\xb6\xfc\x1c\xd8l\xdb\xf8or\xba\xe0d\x9e}\x82\xdc~P\x8aZ^\xe5\xa1_\x1d\x13\xd7*\xf8\xda\xb7\x9f\xaa\x8f\xf0\tcC\xf6\xb8\xfe)\x9c\x93\x08\x16\x1a.N\x9d_\xe6|\r\x07\xc9\xb5b\xb8\xd5\xa1\xfd\x1frZ\xb9V\x8e(\xbe\xe3\x8cj\xb1Bhg\xbe+\x97W\x1f.dK\xb9\xa8rt\x87\xef\xbc\x93\x86:%\xad\xd4[\x91\xd6\x9b\xf3\xae.\xb5\xe7\xe1@\x96\x19\x0b\xb4\xe4P\xef\xdc\xd6@\x94\x94\xc9k\xc7\xc8\x08`\xea`\x02EV\x0b\xea\xf1\x8f\x9b\x8fA\xedM |\xcd\xd8\x8a\xe4\xbae\x02\x14\x96f\xcd(#NT\xe1H\x1e\xf0\xd9^\xb0\xe5\xb0(\x02\xa5\xb1\xe3\x98p\xb9\x8f\xabY\x9eh\x9f\xf2h\xa0J\x8e\x14;\r\xe0SH\x96\xbc\xbd\x9er5\xf8\x8b\xbd\xbf\x9e\xecoJ\xfdzG\x9a\x98#\xb1\xab\xfc\xfa]k\xa9\x05[\xb2^i\x93#\xe7M\x7f\x83K\xc9\x18i\xfc\x9a\x83[1\xf9\x07U\xe8\xf1\xe0IH\xef\xff\xd5\x153\x9cG\xbe[OU\x1b\x990\x12V\xc9\xbc\xa4\xfc\x8b\xca\x92\xd8=\x10\rca\xc5o\r%\xf2\xd3\x19\xde!\xa3\xda\xbf\xd9\xf0\xca\x844\xe3\x7f\xeb\xba\x88\x19\x9d:\xa0^B\x0f\xcc-\tW1\xaa\x19\x19\xd9 \xdb\xf3)\x8b\xdbh\x81\x921\x81&amp;\x95z}(X|\xef&amp;vMIc\xca\x1d\xcbZJ\x13\xc2\xa7\xe1\x8f\x9f\x9b^\x90\'\xa2\x19\xe4\xea\xedJ\xe2cW&lt;w\x85\x95\x86\x05G\t\x04^\xdd\xf8[W\xeb2\xe7\xben]{\xc2\xbb\x05\xebR\xc2\xd5\x93Y\xa8\x1f}e\xf1m\xd7j1\xd1&amp;\xa8\xdd\x03\x8a]#\x8c\xde$\xdc\x9a\x18,\xea\x8d\xc3\x8b\x86R\x16\xe4\xf7J+B\xbc^u\n\xedX\xdb9!)\xd9\x1a\x05\xcb\xfaMp/t\x0c\\\xf0DP\xea\xea\xeb\x16\xdb\xb1\xef}v\x0f\xd7b\x17uMw;X\xc7K\xac\x13\xc5I\xc6i\xfa$\xf3\xc6\xfc:\x026\xaf&amp;\x0bV\x12\xa5\xb4\xc4\xaa\xf3\x1f\xfe|_%\xb9\xc4j5qHt\x04=\x9f\xf9\xfe;9\x94\xfd:{W\xea\xac\x1au\xfa\xebT\xde\xef\x8b\x04\x97_\x1c\xec\xe6\xb2\xc7\xf4Fu\xb2\x80\xc8\xd1\x9b\xa6a\xdb&gt;\xad\x9c\xb9\n\xee\xd8}\x97\xfbO\x8bw\x02\x83\xd3{u\xa7\xec\xd6\xf9\xf6\xc0\x1ay\xed\xe9Z\x92\xda\x05\xac\tP5\x92)\xc0\xb4\x04\x13e\x90\xe5\xad\x05\xb5b\\\x98S$$\xadk7\xf7m\x19\x8b\x82:9*8\x1e\xf5\xc6\xb1\x94\x86\x062?\xdd\x87\x15\xc1\xa3\x98\xd3\x00\xccra\x04\xacTS\x9f\x03\xc0\x04\x8a\x04\xb3\xa4\xe3\r\x03\x85\xa1\x12\xf3-C`#\x16\x8a\xb3Uk\xffS\xf3\xbf\x9c\xfe\xfe\xa4\xa9\xe5W\xae\xeb\x8e\xa4\x1d\xf7`\x84g\xebrm\xdd\x121\x82I\xa0;\x98=\xa7\xf4lN\x19\xb5#fC\xd8\x85\xfb\x8a\'\x18BU\xa7{\xb6\xfd\xbe\xabUB\xc8W\xd1\xc6\xa3\x15\x9bf\xa6\x05+V\xfa\xa5\x04Nm\x06\xd8L\r\xaej\x02O\x05\x19t\xbd\xb4+y\rd\xed\xd8\xcb\xef\xaf\xeb\x81\xfeN[/\xd5\xea\x8f\x95\xd3\xa9\rl\'04\xf4\xa7T\x18r\x8f\x95\x94\x8b,Rx0w\xa1\xf1\'\xe8\t_B(L\xb3\xd6\xa1\xe05 \xd1\x9b#\x18&lt;A\xb7\xcfJ\x00\xd5\x9637\xe84\xf0\x95{\x05U\xdd\xa6\xe4!\xa6\xc7\xf2\x97\xc6-\x87M\xba8\xd6c\xca{\xaf~\xc2\xb6\xa0Bwl\xbei\xd1G4/|jt\xb8\x93h\xc0G\xcc\x90:7\xb3G\xfc%p%\x86Ws\xbc{\x1aI\xbc\xa89\x9b\xef\xe9L\xd6\x8e\x02@\xe1g\xa2Y\xba\x80\xf4\xd7\xd4\xce\xc7\x0b\xa9\xffW!\x84:\xda"~\xca\x934\x08h\xb4}\x0ca\x17\x1f$qp\xe0\xb5\x8d\x98\x8ft :\xb4\xa6\xec\xf7\xe8\x7f\x98\xc9\x03\x07\xe6\xd8L\xcd6M\xb2w\xf4$u\x7fVf\x1dFu\x00&amp;\x86\xf2\xbf8\x99\xb2\xd9\x04\xc0\x92\'di\xe7Q\xfb\xb5\xaa0\x90(\xcb\x93\x17D\x9bEpE\x0b=\xa6}\xa3=\xebx\xd3\x12R\xf3\x15\x85)V\x90\xe4\x96D&lt;$\x01a&amp;\xd23u\xe5\x02\xd5\xa6\xb8\xba\x9c-d\xccj\xb4s\xb5RK\xe7\x97@\x06\x92\xc5\x9b\x0b]\x7foG\x18_,\xcd\xe0\x15\xfe\xbe\xccq\x8ao\x089\xdc\x8e8\x87\x08o\xceO\xd1\x17\xbbb\xb3\t\xb79\xcb\x14\xb2j\x80\xad`b\xd5.\x91\xbe\xddA.&gt;\xc7\x83\xfe\x9bo\xc9\x16\xccU\r\x13\x90w\xac\x9b\x96\x91\xa0\x04\xbf?\xb3w\xf5\x11V\xb7G\x11\x80\xc5\xc4X\x00|\xd2`\xb1\x03\x17&lt;\x93\xf3{\x0f\x97\xdd\xcd\xb6\\\xd1\xdb\n\x82x\x82I\x02\x8e\x1bH\x1al~v|0\x9d\x1a_cb\xff&gt;&amp;mv\xaf\x96\x05\xab(+Lb\n\xf6\xa6\x87\x95\xf6\x18\xcd\x97.\x98\xe6\x18W\x1e\x9b\x9ef\xe8\xb1\xd2'</t>
  </si>
  <si>
    <t>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</t>
  </si>
  <si>
    <t>b'\xbcG\x81N\xd2\xff\x9a/\n\xbbWx\x8f2}\xc3'</t>
  </si>
  <si>
    <t>Forget to Reorder
 In this stage, youâ€™re laser focused on sales, reviews, and making your
 customers happy.
 What happens when you start making all those sales? You use up
 inventory. And what happens as you go through inventory? If youâ€™re not
 careful, you go out of business.
 Sometimes people are so excited about getting those first sales that they
 completely forget about reordering. Without product to sell, youâ€™re not
 running a business. You canâ€™t take sales, and youâ€™re not making any revenue.
 You should consider reordering much earlier than you think and much
 sooner than youâ€™re going to feel comfortable. You may think, I have 500
 units, and Iâ€™m making five sales a day. That means I have 100 days to figure
 this out.
 The problem is that the minute a few positive reviews come in and sales
 jump to ten a day youâ€™ll only have fifty days of inventory left. If you keep
 doing your job, youâ€™re going to end up with only ten days of inventory left.
 That number will keep shrinking until it gets to zero.
 Thatâ€™s why you want to order as much inventory as you can stomach at
 the beginning and order inventory again as soon as youâ€™re able. My strategy
 is to reorder as early as possible, as quickly as possible. A rule of thumb: As
 soon as you prove your product has life, order the next round of inventory.
 As soon as your launch is complete or you pass ten s</t>
  </si>
  <si>
    <t>b'OA\x16\xa9\xf6\x0c\x16\xaa\xc3\xe2A\x8a"\xf5\x9e\x11+h&gt;\x10t\xbe\xbcC\xc3Y\xe7\xa7\xd7\xb8\xf2?\xe6\xcb\xfaj\x1e\x97c\xe5/h\x16\xa0B}\xd4v\x0c\xba\xb4\nC\x82\x88\xd97y\xb8\xdd\x13=\xb0d2\xed\x177Y+~\xd3\xef\xe5\xd5\x8a\xe8\xb8\xe3\x08\xce\xf4\x94pp\xeb\xc1\x99\xfe\xf0\x04\x02\xd6\xb2\x08\xedIB\x07\x93\x1cy\x95\xa9#;D\xc60\xe5\x85\x81\x92F\xf6\x7f\xb6\xc8\xe5\xe8B&gt;\xcbD"\x1a\xcc\xef\n\x15\xd2\xa9f\xc8\x80\xb4A#\x1f&lt;\xb1R\xfcrC\x0cw\x04\xb5\x10\x82EI\x08T8O\x08S\xee7\x150\x95B\x86Z-U=\x9d5Z}\xaa\xc2\x9f\xb8\xc1Qa\xa7 \xf4O\x04\xd5\x806s\xa7\x0f\x83\t\xae\x89\x8f\x8c6BR\x06\xc6\xac\xd6\xa1:\x9c)\x1e&gt;Y\xbaNq\xd12=\xf1\xe3z\x08\xac8j\x8f\x94\xb5b\x0c\xaa\x01\xc4\x1c\x14\x11]dk\x7f\x15\xe0\xa4U\xa1!\xd2L\x0c\x1d\t\xa1\xc2\xdf\r\xb4\xff\x8f\x8dq\x91\x83\x92\x11\xf8\xb9\xe3q\xc8Y\xf6%\xc9w%\xc4\x1cKr\'\x01\x86\xf3\xecB\x12\xa3\xffG&gt;/l\xbd\xee:\x1e\xd2\xf9L\xea\x9f\xa9\xcaFw\xd6\x9b\xb8\xf4\x0f_(\x15\xc3\xc7\\\xa3\xba\x1e\x81_\x17\xc9*z}\xf7\xbb\xec\xd8\xdd%F\x15)\xef\xb3\xc1\xc8\x1ai/$+\x9b\x132S\xcb\xf2c\x93\x8dT \xe2\xed\xf6\xe4\xd3\xfe\xd3\x99\x86\xe9\x02:@Fz\xf8\xad\xcc\xdc\xe4\x88\xf2kT\x1bgB\x8d\xe8[\x1e\xf8i*\xfaX\x00[\x1dZ\x1732\xefg\xa1\x9b\xc6K/=A\xd0\x9e\xe9\xf4\\F\xcdq|\xf1\x17GKJ\xe5\xbaG\x9d\xc5\x05Q\xe6\xc5\xe0\xa6\xbb\x11\xcb3f\x17\x90e\x98\xfb\x0b?\x8c\xe7A5\x15\x06Z^\xc1Y\xcf\xa5^r\xcb\xd3\xe5\xd2\xfc4Dz\xf1N\xa3\xa9\xdb[\x8e\x9c\xe4l9\xea\xc9\xe8\x8c2\x1e\x14e\x84 \xdf\xfcl\x06\xe5\xf2\x01\xd1cPJb\x92\x08y\x90\xf9s\x9f\x95\xad@\xe0Npk\xe5\xef\xc7\xe3]\xcbXbI\x13$D\x85\xd2\xc5{"d\x8f\x816\xbbl_n0 \x06\x84\x92\xec\x8b\x1c\xe8\x93\x14\x9d\x11\x8f\xa9\x0e\x10K\x9d\x9d\xd2m\x0f*\x85\xa6\x94\x98C\xe1\xce\x10\xed\x15?w\x83m\xb5r\x11MC\xd4\xe2\x9f\n\'\x1a\x1f!K|\xdc?\xae4\xd3\\\xd5R\xd1\xa8\xaf\xa8Q\xe1\x8f\xd0\x1d\x95\xbd\xb2\xed^Z\x17\x14\xfd\x9af\xd6\x15\xea+o\x9aVd%G\xd7\x9a\x04\xd7\x9c\x0b\xf7e\x8d\xac7\x1c\xeb\x9d\x81\xd0&amp;\xd3\x08\x9b\xe2\x80\xdfhXt\x99~\xf6\xbf\n\xc0\xdc&lt;\x9f\xa4 6\x0f\xb5+\xcfmx*\xe0\xd4\xea.,\x04\x15\x0c\x87\xc2K\xf4Kj~s_\x89\xf8\xc6U*\xd3^\xf2\x862;\xd5\x02uX\xdd\x0cs\x0c|\xa9\xf6\xac\x10]\xd5\\\xc8\xce\xf1C~\xaf\x8a1\x94\xc1\xf0\xab\xce4\x1a\xeb\xd6h\xa1G\x99\xea\xe0\x90\x88J\xd9\xb7\xfe@\xf9?\xc9"sF\x08\x97dO4F\x8a\x03\xc7^\x0el\xc4\x0b64\xaa\xaf7\xa5\xf7f\x17 V&amp;-\xbe\xee\x81d\xa8\x0f\x9b\x18\xd9\xad\xdd;^\x82_\xc3\xa4J\x8a\x18 k\x07?iRnB\x9e`\x1b\x9eJ\x02\xc4M\x8f;\xee{\xe90\xde\x94\x99\x9e\xb9\x99Y\xc9\x99\xe0Y\xfd\xdc\xff\x12\xd0a%\xdc\xad`o\x85`\x15J\x0bC\xd0\x16\x83\x8d\xbaQ\xac\x05\x9b\x0f\x89xzO\x90*e\x1az\xfe\xb0:qGA^\r\x989\x0c\xe7\x04Z\x9f\x05\x0e\xf8h\xd4\xc0{\x81\t\x9cC\xd98\xeb\x9a/\xd0\x8f\x80\x0f\xacp\x13\xd4/\xd6r\xcdd\xed\xe5\r\x05F\xa8\xb4\x1b\x1fN\xe3m\xf6v\xf2\xe4b\xb2\xba\x17\x88\x1a\xde\xa7\xe2\xdd\x80c\x93i\xa2\x00@\x14\xa8\xa2\xd0\xa6\xe9}\xb7\x83#\xabq_\x92n\xb55\x87A\xae\xc1\x1c\x82mi\x82\xc7\xf4\xe7A\xfb\xc5\x81\xaf\xd9\xd35\xb2[\xe2\xdb\xd1|\x0c\xf2\xafB[\xf1\n\xe4\xf9!\x83\xcd h\xc0\xc6\xc3\xb4\xccJA3\xd1V\r\n\xf9\x98\x0b\x8b\xd6\xfb\x9ae[7\x05n\x07\xe6\xac\xa9\xd0\x00\xe4$\xbe\x1b\xf0\xe1\xd9\x92\xa625@]\xdb\x88\x05a\xd6\xf1\x1a\xb8\xc8C\x14\xf8\xaf\x91-)\x0el\xdc`\xf3\xdd\x0e}V\x7f\xa4\nj\xd4Qe\xc6t\xcc\xf5\xfbk\xb3\x87\xdd\xdd\xaab\xb6Bl\xc9\xd1\x91Ct\xd9\x80\xa3OIx\xc3$\x8d\x01\x9b\xad\x04/\x01\xc8\xd1|\xc0\xf4~\xda\xcf\xdd\xb8\x00Ss\xe8N\x1a\x9c\xe6\x87\xa5#-\xfb\xbeJ\xc4\xd2\xcbC\xef\x10\xee\x8a7\xd1&lt;\x15\x12|\xe1q\x90\xcf\x11\x13\x15\xc0\x11\x92\xe8\x8c\x95\t\x16\x06\xd7\xf5_b\xd6)\xe0&gt;0\x06\x1adC\x9c0\xfeY\xff\xa0\xfd\\\xbc_\x1bmmaQ`\x9f\xf0\xed\xc0O\x15\xa1\xf8@\x9c\x92o\xce\xd0\x01\x98Q\x14J\xdc}\xe1{S\x81-\xe3\x8f\xf6#\xec\x04a\xc9\xcdA%8\xad\x07t\xfcj\x90e\xd5[\xb7f\x7f\xc4\xbf\x89\t\x11*4\xbd\xaa\xefoI\xa3(\x87f\xd8\xa5T\xc6\xaf\xc7\x12\x892\x82\x06\x0e\x8cCb\x88\xf1vZ\x86u\xff\xdc\xc1\x8a\x97\x83\xdeP\x86\xfb\xf9\x19\x1b\xfd\xf8@W\xf1\xbf(\xe4F \xa9\xd06FF\xcc\x17\xd1\xecs\xc8\xa986\x98\xb8H\xd3\x1b+J\x7f\xce\xe1\x82\x9b\r\xa3\xd9\xea\xe6\xe8f\xe7=q\x15\xec\x91\xef\xbb\xba\x9d\xd6\xaa\xfds\xe7\x96\r|\x08IK\x10\xb6g\xc7\xf1\xa3\xe1\xf9\x93\x9f\xd9@\x12W\x01g'</t>
  </si>
  <si>
    <t>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</t>
  </si>
  <si>
    <t>b'OA\x16\xa9\xf6\x0c\x16\xaa\xc3\xe2A\x8a"\xf5\x9e\x11'</t>
  </si>
  <si>
    <t>sensing the output voltage by the feedback
 network, (d) example of implementation.
 580 Chapter 12 Feedback
 R
 I out
 Current Meter
 I out
 L RL
 Feedforward
 System
 Feedback
 r
 Voltmeter
 0
 I out
 (c)
 (a) (b)
 M 1
 RS
 I out
 VF
 (d)
 Network
 Figure 12.20 (a) Sensing a current by a current meter, (b) actual realization of current meter,
 (c) sensing the output current by the feedback network, (d) example of implementation.
 the voltage drop across the resistor [Fig. 12.20(b)]. Thus, a feedback circuit sensing an
 output current must appear in series with the output and, ideally, exhibit a zero impedance
 [Fig. 12.20(c)]. Depicted in Fig. 12.20(d) is an implementation of this concept. A resistor
 placed in series with the source of M1 senses the output current, generating a proportional
 feedback voltage, VF. Ideally, RS is so small (_x0006_ 1/gm1) that the operation of M1 remains
 unaffected.
 To return a voltage or current to the input, we must employ a mechanism for adding
 or subtracting such quantities.5 To add two voltage sources, we place them in series [Fig.
 12.21(a)]. Thus, a feedback network returning a voltage must appear in series with the
 input signal [Fig. 12.21(b)], so that
 ve = v</t>
  </si>
  <si>
    <t>b'\x1b\xae\xa5kf\x93\x98\xb1\x9f\xe1"\x16"\x01\x04\xc4'</t>
  </si>
  <si>
    <t>1baea56b669398b19fe12216220104c4</t>
  </si>
  <si>
    <t>rges and (ordinarily)
  decreases with increasing temperature.
  As a result of all the collisions, the work done by the electrical force is con
 verted into heat in the resistor. Since the work done per unit charge is V and the
  charge flowing per unit time is I, the power delivered is
  P =VI=I2R.
  (7.7)
  This is the Joule heating law. With I in amperes and R in ohms, P comes out in
  watts (joules per second).
  Problem 7.1 Two concentric metal spherical shells, of radius a and b, respectively,
  are separated by weakly conducting material of conductivity Ïƒ (Fig. 7.4a).
  (a) If they are maintained at a potential difference V, what current flows from one
  to the other?
  (b) What is the resistance between the shells?
  (c) Notice that if b 
 a the outer radius (b) is irrelevant. How do you account
  for that? Exploit this observation to determine the current flowing between two
  metal spheres, each of radius a, immersed deep in the sea andheldquite far apart
  (Fig. 7.4b), if the potential difference between them is V. (This arrangement can
  be used to measure the conductivity of sea water.)
  a 
 b
  Ïƒ
  (a)
  FIGURE7.4
  (b)
  2This classical model (due to Drude) bears little resemblance to the modern quantum theory of con
 ductivity. See, for instance, D. Parkâ€™s Introduction to the Quantum Theory, 3rd ed., Chap. 15 (New
  York: McGraw-Hill, 1992).
 302
  Chapter 7 Electrodynamics
  Problem 7.2 A capacitor C has been charged up to potential V0; at time t = 0, it is
  connected to a resistor R, and begins to discharge (Fig. 7.5a).
  C
  +Q
  âˆ’Q
  V0
  I
  (a)
  R
  FIGURE7.5
  I
  (b)
  +Q
  âˆ’Q
  R
  (a) Determine the charge on the capacitor as a function of time, Q(t). What is the
  current through the resistor, I(t)?
  (b) What was the original energy stored in the capacitor (Eq. 2.55)? By integrating
  Eq. 7.7, confirm that the heat delivered to the resistor is equal to the energy lost
  by the capacitor.
  No</t>
  </si>
  <si>
    <t>b"\xf8b R\x90\xf6J3\xea\xc4P\x19\xfd\x98\xaf\x03\x94'\x05\xcd\xedg\xac\xf6\x13\xadC&gt;MZ\x95\xf0"</t>
  </si>
  <si>
    <t>f862205290f64a33eac45019fd98af03942705cded67acf613ad433e4d5a95f0</t>
  </si>
  <si>
    <t>b'\xf8b R\x90\xf6J3\xea\xc4P\x19\xfd\x98\xaf\x03'</t>
  </si>
  <si>
    <t>âŽª
  âŽª
  âŽª
  âŽ¬
  âŽª
  âŽª
  âŽª
  âŽ­
  (9.40)
  They constitute a set of coupled, first-order, partial differential equations for E
  and B. They can be decoupled by applying the curl to (iii) and (iv):
  âˆ‡Ã—(âˆ‡Ã—E) =âˆ‡(âˆ‡Â·E)âˆ’âˆ‡2E=âˆ‡Ã— âˆ’âˆ‚B
  âˆ‚t
  =âˆ’âˆ‚
  âˆ‚t (âˆ‡Ã— B) =âˆ’Î¼0 0
  âˆ‚2E
  âˆ‚t2 
 ,
  3An elegant notation for circular polarization (or elliptical, if the amplitudes are unequal) is to use a
  complex Ë† n, but I shall not do so in this book.
 394
  Chapter 9 Electromagnetic Waves
  âˆ‡Ã—(âˆ‡Ã—B) =âˆ‡(âˆ‡Â·B)âˆ’âˆ‡2B=âˆ‡Ã— Î¼0 0
  âˆ‚E
  âˆ‚t
  =Î¼0 0 
 âˆ‚
  âˆ‚t (âˆ‡Ã— E) =âˆ’Î¼0 0
  âˆ‚2B
  âˆ‚t2 
 .
  Or, since âˆ‡ Â· E = 0 and âˆ‡ Â·B = 0,
  âˆ‡2E =Î¼0 0
  âˆ‚2E
  âˆ‚t2 
 , âˆ‡2B =Î¼0 0
  âˆ‚2B
  âˆ‚t2 
 .
  (9.41)
  We now have separate equations for E and B, but they are of second order; thatâ€™s
  the price you pay for decoupling them.
  In vacuum, then, each Cartesian component of E and B satisfies the three
 dimensional wave equation,
  âˆ‡2 f = 1
  v2
  âˆ‚2 f
  âˆ‚t2 
 .
  (This is the same as Eq. 9.2, except that âˆ‚2 f/âˆ‚z2 is replaced by its natural gen
 eralization, âˆ‡2 f .) So Maxwellâ€™s equations imply that empty space supports the
  propagation of electromagnetic waves, traveling at a speed
  v = 1
  âˆš
  0Î¼0 
 = 3.00Ã— 108m/s,
  (9.42)
  which happens to be precisely the velocity of light, c. The implication is astound
 ing: Perhaps light is an electromagnetic wave.4 Of course, this conclusion does
  not surprise anyone today, but imagine what a revelation it was in Maxwellâ€™s time!
  Remember how 0 and Î¼0 came into the theory in the first place: they were con
 stants in Coulombâ€™s law and the Biot-Savart law, respectively. You measure them
  in experiments involving charged pith balls, batteries, and wiresâ€”experiments
  having nothing whatever to do with light. And yet, according to Maxwellâ€™s the
 ory, you can calculate c from these two numbers. Notice the crucial role played by
  Maxwellâ€™s contribution to AmpÃ¨reâ€™s law (Î¼0 0âˆ‚E/âˆ‚t); without it, the wave equa
 tion would not emerge, and there would be no electromagnetic theory of light.
  9.2.2 Monochromatic Plane Waves
  For reasons discussed in Sect. 9.1.2, we may confine our attention to sinusoidal
  waves of frequency Ï‰. Since different frequencies in the visible range correspond
  to different colors, such waves are called monochromatic (Table 9.1). Suppose,
  4As Maxwell himself put it, â€œWe can scarcely avoid the inference that light consists in the transverse
  undulations of the same medium which is the c</t>
  </si>
  <si>
    <t>b'\x19%\xf5\xcf\xbfL\xdc\x8a\xfdm\xbfL\x81\xfb\x1c{\x01%M\x99\xf6%\x87\xf0\xba\x9c\xcdS\x83\x1c\xa1\xa1'</t>
  </si>
  <si>
    <t>1925f5cfbf4cdc8afd6dbf4c81fb1c7b01254d99f62587f0ba9ccd53831ca1a1</t>
  </si>
  <si>
    <t>b'\x19%\xf5\xcf\xbfL\xdc\x8a\xfdm\xbfL\x81\xfb\x1c{'</t>
  </si>
  <si>
    <t>school where the nurses wait. They sat on forms, while Nana lay on the floor,
 but that was the only difference. They affected to ignore her as of an inferior
 social status to themselves, and she despised their light talk. She resented
 visits to the nursery from Mrs. Darling's friends, but if they did come she first
 whipped off Michael's pinafore and put him into the one with blue braiding,
 and smoothed out Wendy and made a dash at John's hair.
 No nursery could possibly have been conducted more correctly, and Mr.
 Darling knew it, yet he sometimes wondered uneasily whether the neighbours
 talked.
 He had his position in the city to consider.
 Nana also troubled him in another way. He had sometimes a feeling that she
 did not admire him. 'I know she admires you tremendously, George,' Mrs.
 Darling would assure him, and then she would sign to the children to be
 specially nice to father. Lovely dances followed, in which the only other
 servant, Liza, was sometimes allowed to join. Such a midget she looked in her
 long skirt and maid's cap, though she had sworn, when engaged, that she
 would never see ten again. The gaiety of those romps! And gayest of all was
 Mrs. Darling, who would pirouette so wildly that all you could see of her was
 the kiss, and then if you had dashed at her you might have got it. There never
 was a simpler happier family until the coming of Peter Pan.
 Mrs. Darling first heard of Peter when she was tidying up her children's minds.
 It is the nightly custom of every good mother after herchildren are asleep to
 rummage in their minds and put things straight for next morning, repacking
 into their proper places the many articles that have wandered during the day. If
 you could keep awake (but of course you can't) you would see your own
 mother doing this, and you would find it very interesting to watch her. It is
 quite like tidying up drawers. You would see her on her knees, I expect,
 lingering humorously over some of your contents, wondering where on earth
 you had picked this thing up, making discoveries sweet and not so sweet,
 pressing this to her cheek as if it were as nice as a kitten, and hurriedly
 stowing that out of sight. When you wake in the morning, the naughtinesses
 and evil passions with which you went to bed have been folded up small and
 placed at the bottom of your mind; and on the top, beautifully aired, are spread
 out your prettier thoughts, ready for you to put on.
 I don't know whether you have ever seen a map of a person's mind. Doctors
 sometimes draw maps of other parts of you, and your own map can become
 intensely interesting, but catch them trying to draw a map of a child's mind,
 which is not only confused, but keeps going round all the time. There are
 zigzag lines on it, jus</t>
  </si>
  <si>
    <t>b'%\x1d\x91MR]\xfe\x10'</t>
  </si>
  <si>
    <t>251d914d525dfe10</t>
  </si>
  <si>
    <t>blic ritual
have stressed the meal elements in sacrifice, which appear not only in the choice of
offering (edible animals) and the mode of â€˜â€˜rendering sacredâ€™â€™ (through cooking and
burning), but also the use of the remains: shared and eaten or, for gods, sprinkled as
ashes or blood at a sacred location. Even in their largest scales (such as the continual
offering cycle in the Jewish temple of pre-70 Jerusalem: SchuÂ¨rer 1973â€“87: 2: 295â€“
308), sacrifices essentially constituted meals that the human community shared with
gods. Divine and human â€˜â€˜portionsâ€™â€™ were strictly designated according to tradition,
and those portions meant for humans were subsequently eaten among an authorized
group, priesthood, or cult society, often in a state of marked purity. This feast
represented not a sharing of the god or his essence but rather with the god, as the
blessed remnant of a lordâ€™s meal (Beard, North, and Price 1998: 36â€“7; Scheid 2003:
79â€“110).
The omnipresence of sacrifice in religions of the Roman Empire obscures the fact
that in most Me</t>
  </si>
  <si>
    <t>b'\x03\x17\x9e\xc7\xa0\x10,\xd8 \xf9\x0e\xffb\x9e\xc9*t\xc5\xe7.H\x88\xabUT\x0b\x9b\xa2\xa6\xfaE\x97\xc5\x0e\xbc\xc9\xca\x88&lt;\x82\xfa&amp;g`\x83\x83d*\x90\x0co\x81Ds\xfdJ/p\x13j\x16\xd9=&amp;1\xaa\xba\x14SP\xd2\x1c\x05\xa4\xe8\xbb\xdb\xbb\x1e\x0b\xae\x9b\xc6r\xfcz\xfb,\x8d{\xe2\xa2`E\xfbBv\xa2\xed\xfe(v\xe2tx\x0e\xa0\x02\x97\x96#\xa7w:\xa0a0LrQ\xc4t\xc3u\xa6\x11\xe1I\xf6\xcf\xbdc\x95\x0e\x99u\xf6\x15\x97\xce\x0b\xdd\xac+\xbd\xf4\x87\xb0\xf4&amp;\xf8\xa9\x1a\xa1\r\x19\xcfH\xfe\xc23v\x9a\x84\x83\xd7\x0f\xb8\xab\xa8\x98gt\xf5\x16I\x06\x0b\x08\xea]\xaf~6+c\xb8\x13\xf7{\x81\x12\x01\xf0\xb5\x11\x82Nj29\x91\x08\x1bc:\xb6\xb2\xbeI\xcd\xca\t\xc2\xff\x85u\x87+\xc0eqm9\x13\xad\xccXu8\xbf\x86\xce\x04\xcbn\x10\xa8\x84t\xc0\x1a\x17\xffz\xd2\xa6q]@\x91\xfeu\x9b\xdf\xcb\xc1\x80PEO}eh\xab$7\x02\xefn\x90\xb4QJ\x91.u\x06\x0b&amp;\x0f:_\xcf\xa3PY\x19c\xa74\xfa\x98\x1d\xeb\xc6\x01\x83\xba3\xd3\xc8\x019\xb0\xe2H\xff^r\xbfc]\xeb\xb3\xe2\xec\x1d\xa7\x93\x9c\xea\xf4\x9d\x84\x8dG\xc8\x9b\x1b6\xd4\xd3\xaeX\xea+NI\xea\xeb\xe1\x1as\xcbb\x01=\x0c \x95l:V\xef\xcb/\x17\x82_\x1b\x10\x08G\x06\xae\xee\xf4\xdb\x82]\x99P(M\xf0\\\xfb\xeej\x1a\xc51\xcc\xd1\xf9\xcbr\xaba\n\xdd0\xba\xabb\x19\xfa\x9b0\xd63\xdf\x16\xcd\x18lzmW\x1f\xb3\xc5k(k\x02K\xda\xe8\xe4\xb4%\xf8\x9b\xff\xe9m\xddx\xcd\xf1\xb7\xa7\x13\xbb\xb1\x87Q\x03^\x91[\x00\x90\xc8\x88\x1d\x02\xd8\xb8H\xe6v\xb8W\xbb(\x8f\x17\xe6\xcb\xde\x8a#k\xf3r?\xbb\xbfS&lt;\xe5\x97^\x972\x82!\xb8!h\xaf\xf3E`-VO\xb8\xa2g\x03]\xef\x9d\xb0J\xec#x\xe7Ew[\xcct-sf\x9b\x87H\xea\xb0\\\xc54kI\xbc\xce\x0ckb\x8b\x1b5\xbfh\xcf\xfdM\xe3\x0c\x80C\xdc\xdf\x18\xb5\xb1\xc5*\x88\x9ch I\x9a\nz\xd3\x9d\x03\x00P\xe5p\x97\xd9&gt;N\xb3\xe3\xb1\xf9\xf7\x96\x13a\xfcD\x1e\xf2\xb4\t@T\xd7\xcb\xdc\xe1\xbd\x84\x82\xa2\xf2Z\xe6\xf3\x1b\x9f3\x11=\xc4\x10|5\xf3\x0c\xe8\x13\xd3u\\\x18\x1f&gt;\xf7e\x90\xb4\x89R\x83\xa2\x9b\x9e\x9d\xb7T\xbb\x10\xde\xd5\xaf\xfc\x8a?\x839\x84\x10-\x0b\x91\xddI\x81PP\x03\xb5\xea\xcaez\x88\x05\xf9B4&amp;%`\xc0H\x9a\x9b&gt;z\xfe4\xfc\xc4wdf\x0cl|\xbc`\xf2\x1bH\x12lDYJ_2\xaa\x1a\xd8\n\xcb\xee\xb8\xa8\xdd\xe6\x93\xbcY\x92\xc2z\x05\t\xde\xddkn\xcc1f\x90\x82\x86\xec\xbbC\xb4\xdd\xc0;\xf4\x9b\xf0J\xec\xbfW\xe1\x99\xc1%\x85\x94\x8dw\xb2=Q\xdc\xc4\xd4\xeb3\x93\xa0g\\U:\x90\x8e@\xad\xbd\xec\xd8,\xc9\xe3\x18\xa2AI\xfdx\xd5\xb8Y\x90\'\x05\xc8\x91\xf9\xf8-\xa9\x8c\x94\xa7Z\xe8\xb6\xdd#\x11B)c\xa42\x1e\x8f\xbf?\xe1\xb7-$\x01\xfd\n\xe3\xcbRyN\xf6\xe6\x10\x14\x8c&gt;\xd5\xfa*Y82\x8dW\xc1\x1a\xd8\xd4_x\x18$\xbc\x82\x83\x04["\x02\x06\xb8_dm\xfd\xf6\x1f\xc4\xe4\x9d\xd8\x8c\xfa\xff\x96i+%\x90\x88\x1a\xa0\xc4\x01\xa8\xf7p\x81\xfde\x11\xbd\xd7\x1c!\x9a1\xd0\x895\xb8z\x15+\x90\x87\xfa|\x1ekn\x1f\xd3\xcf\x90\xd0\xf9q\xa8\xef\x86\xd9\xd8=V\xbd"\xe6\x91%1\xdaw\xb0\x0f\xcb\x1b\xc9\xd7H\xa45\x84\x9dj\xcc\xb1\xc7\xd6].\xa0\x84\x84C\xb2\xe5\x1f\xf1\x84\x9d\xdd\xf0T\xd2\xaf\xbf\x04q\xead\x9a(\x9e\xf0\n\n\xa7\x88\x11p\x1e\xc6\x1a\xc2\xb7i\xd1U\x15\x86yw\xec,\xa0A\xa8U\xfb\t\xef\xaf\xedw\xd11\xcf\xe2\xdf\x10\x95\xeb \x1b\x83\xc8&lt;\xccc\x1aO\xbd8\x8f\x01MT\xd5\xc2H5\x8b\x7f\xa2\xa5\xd8%\x83K\xa3\xda\xa7\xaf\xd5\xc8\xa7\xed\xed#^k\xd4*\xf6\xe7?\xffX\xc6S\xac\x19\x0e\xcf\xc1\x0c.\xdaK/\xb8\xf4\xe3\x9c!\x96"\xf8\xae\xe9\xff\x86\xba\xdcH\xe4\x15s\'wx\xc8\x92\x17\xb1\xfb\xb6Y\xa1N\x83O\x0fQ5\'Vo\x89a\xd2\x9ae\x08\x147\xfb\xa1#RJ\xbbO'</t>
  </si>
  <si>
    <t>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</t>
  </si>
  <si>
    <t>b'\x03\x17\x9e\xc7\xa0\x10,\xd8 \xf9\x0e\xffb\x9e\xc9*'</t>
  </si>
  <si>
    <t>type semiconductor between a pair of opposite types is known as a transistor thus it is also well known by the name bipolar junction transistor because its operation depends upon both the majority and minority carriers.
Accordingly, there are two types of transistors namely;
(i) NPN Transistor
(ii) PNP Transistor
(I) NPN Transistor: A transistor in which two blocks of n-type semiconductor are separated by a thin layer of p-type semiconductor is known as NPN Transistor.
(II) PNP Transistor: A transistor in which two blocks of p-type semiconductors are separated by a thin layer of n- type semiconductor is known as PNP Transistor.
NPN and PNP Transistor (Construction and Working)
 Basic Electronics
75
                 Construction: or Transistor Terminals
Every transistor has three terminals called emitter, base and collector.
Circuit Symbol
 Emitter
Collector
IC
Figure-1
Collector
IC
+â€“+â€“
Figure-2
C
IC +
VCE
â€“ â€“ IE
E E
+ IE +
VCE
â€“ IC
C
    IE
VBE
N
P
Base
IB
VCB
N
VCB
B IB +
VBE
     Emitter
IE = IE + IE
Circuit Symbol
    VBE B â€“ IB
VBC
   IE
VBE
N
P
Base
IB
VCB
N
 (i) Emitter
The Section on one side of the transistor that supplies a large number of majority carriers (electrons if emitter is n- type and holes if the emitter is of p-type) is called emitter. The emitter is always forward biased wâ€™râ€™t.basesothatitcansupplyalargenumberofmajoritycarrierstoitsjunctionwiththebase. Thebiasingofemitterbasejunctionof npntransistorandpnptransistorisshowninfig.1&amp;fig.2. Since emitter is to supply or inject a large amount of majority carriers into the base, it is heavily doped but moderate in size.
(ii) Base
The middle section which forms two pn junctions between emitter and collector is called base. The base form two circuits, one input circuit with emitter and other output circuit with collector. The base emitter junction is forward biased, providing low resistance to the emitter circuit. The base collector junction is reversed biased, offering high resistance path to the collector circuit. The base is lightly doped and very thin so that it can pass on most of the majority carriers supplied by emitter to the collector.
(iii) Collector
The section on the other side of the transistor that collects the major portion of the majority carriers supplied by the emitter is called collector. The collector base junction is always reverse biased. Its main function is to remove majority carriers (or charges) from its junction with base. The collector is
IC = IE â€“ IB
 76
                 moderately doped but larger in size so that it can collect most of the majority carriers supplied by the emitter. The biasing of collector base junction of npn &amp; pnp transistor is shown.
4.1.1.Workingof NPNTransistor
The npn transistor circuit is shown in fig.1 the emitter base junction is forward biased while collector base junction is reverse biased. Th</t>
  </si>
  <si>
    <t>b'&lt;W\x8cz\xe2/!)e7\xf4\x11\xf8i\xe8\xfd3d\xf5,\xe3R@\xfb\x0eW\x01\x8a\xecg\xe8\xc7:0\xc4\x86\xea\xa5\xcdSU\xba\xb0\xad\x84]\x18V\xf5\xd3\xbc3\x0e\xcf\xe3`\x0f{\r\xa3\xdb\x85\xcb\x9b&gt;\x03\xbf\x19q\xe5\xcfS\xd5\x1a\x0b\xbb\xa9\xe5 \x10Rh\x8f\x9c\xfe\xec[G~\x04\x92Q\xd0\x10\xec\xd6\x1a\x04\xa6\xe28\x11\xdaUX\xe5F\xfcE\x90\xaeV\xf3\xe9\xc0\xd1y\x9ee\x1cC\x91\xbd\xc8\xc5&gt;\xfe\x08ur\x99\xb2\x00\xf6\x00p\xc3\xb1\xe9\xc8a/\xc7@\x9dy\xdf\x12i\xca\x0f0\x07\xf2\xc1a\x05\xd7\xc6 \xc5\x1a7t\x9b\x9eJ)\xa1\xb6D\xba\xc5\xb8\xf0w#Y\xe5\xc8\xcb#z\x18[\xfb\x85@\xa2\x1b\xb8&amp;\xe8p\xd6v=\xd5Y\xa2\xe7\x1eh\xe1\xe7\x94A}\xc2Cm\xbcM\x87\x9ey\xf9[\xcb\xff;\x9cGX\xbc\xb0O\xa3g)pH\xcc\x10e3\\\xb2"\xfe5\xfe\xf7b\xae\xf7\xb0\x9b#!f\x89\xd9\xc9&lt;_\xacE\x9e4\xa8\xfd\xd3\x07\x1c\x02\x96\xf3p\x95rP\xe9or\x04\xd5\xbege,XZ\xb6\xaa7co\xc8\xa3\x0c\x11\'o\x0b5\xa0\x10=e=F\xdf\xe6\xb27Q\x1e\r\xfaeZB\xc5\xfa\xbd\x87\x94\x12\xee\xc60\xef\x8dU\xfc\x84^\x88\x971\xa7/\xb0R\xa8\xd3\xa48h^iV\x8b\x9dw\x06\x89!\xc9\x06\xb0Zr\xb8\xc0.\xa5\xad\xfd\xe3\xdbv\x8fG\xb4\x15\x81K\x89\x80n8\xeb\xaf\xecG\x91\x98\xd2\xe8Oi\x16\xfe\x96\x84o\xdc\xb2\xca\x0c\xd7\xa7E\x02\x81\xc8Y\xde=\x13\x9f?{\xa7\xb59QP\xb5QsS\xc9\xe2nyn\x04\xedKT\\mB\xab\xf3\x93\xa5\xe0f\x9arHn\xc9\x0f|N\\\xdd,s^A(\xc7\x8a*}\x11\xd2\x02.;\x19\x13\xccF\xb9$\xeb\xae\x86au\xd7\xfbc\xcf\xab{\x05\x16\xfe\xe3dQ\xcc\xb5`\x80zv\xce"\xaa\xc9\xcb\xd9)Xl\xdah\xd6\xf1\x90\xe3\xed0=\xed_T\x9e\\\xd0\xa9\xc8F\x06\xa8\xa8\x90\xf9\xdd5V]\xe2s\xc7_\xb4m\x84*3x\x7f\x96\'\x89\xf7\xb0\xac\xfc\x82\x9dk\xf7\xd3\x03\x10 Zv\xe3\'\xb4O\'\t\t\x9f\xdc\xa9/m\x83\x18\x1cY\xe9A\xa7\xb9!`\x05\t\x13$\xde\xd3\x84\xf0u\xa1\x8c6w6\xb7\xca\xea\xd7\x8b\xf9\n^\xd8{\x1b\xfaN\xd12\xc1p\x1d\xda\xa4\xac\xb14\x84e\xc3\xc2\x13\xe2\xb0b\x93\xf6\x82\x91\x9b\x9cK\x92hw\xe9\xa9\n\xe6\xa3v\xbc\xd9\xa3AA\xdb\xab/\xed_*\xaf\xd5a9\xf5Lc\x1855\xcb\xb1\xda\x0e\xe9E|\x83\xd2U~\xae:xV\xbe\t\xdaB(\xf8\x8d\x01\x9f\xdcwc\x15\xc14\xe0\xfb&lt;\xf2\xf8I_\xb7\x9c\xf9\x02\xdc\xa4\xad \xc1\xbe3\x193\xfe\xd4\x9b\xd6\x8e\x89\xae8\xe0\xd5!56\xc6&gt;\x9eL\x07]\xb0G\xcc\x8a\x8d\xb9\x18\xb9\xcd\xb08\x08p\xe9\xb6\xf6\xc1\xb2\xc4\x92\x96I\x03\x1a\xfeKou\xcc\xd2\xc1\xf8S\x0e\x05\xee\xe4z&amp;e\x97\xd0\x84)\xe9\x81\xa5\xf33\xd4\x84\xf8\xd4\xec\xbb\xdao\x05\xab\xfe\xb5\xcc*Q\xd1\x97[i\x01j\x8e\xfb\xda}\x10]\xfb\x8e\\\xa1\xd3\xb2X@\xcf\xdc\xb7\xa3\x90\x9b-\x8a\xf8\x82\x1e\x0b\xae\xdf&amp;\xfe\t\x87+\xc0\x08-U\xc3\x0bU&gt;\x956\x04\xa6\xfc\xf7R\x1a\x12,\xc1\x8f\x11n\xa5\xa5\x84\xae[\xf3\xb1\xe9\xc5\xc2\x05\xf7\xe1\xb4\x0f"\xa8\xfa\x02&gt;\xb9\xaf\x1e\xe0\x8e\xd1\xaf\xe1\xcd\xeb\x14dgH)\x8b:/\x14\xa1\x9d\x9d\xec\xa8\xd5C"/\xd3\xc6\xe8\xe8\xcc\x85\x9c\x85o\t\xbd\xe5\x91\xab\x9fn0%\'\xc2z*\xf8\xc6:7\x8c\x8e\xf9\xa4\x94a\xa9\xb0\xce\xcf(\xb6\xe5\xfe\x14\xf5\x0f\\N\x91\x97bHy\xf1?\xc6\xf1\xe5&lt;C%z\xcc\x1a\xd9\xe7\x8e,\xc1\xef\xea\xc3t\xf4bUw\xc6\xb3\x95\x10\xbe\x19l\xba%\x17\xd5\xa9\xdc\xdf\xe4\xb6:\x1e\xa0\xeak\x02\xb0K+E\x13\xce\xa4D\xfd\x98\x92\xe2\x9b\x1c\xe4\x02\x87\xa2\x06{\xfc\xbc\xe2\x9f|\xabY\xb3\xc5n~G\xb9 o\x8c\x0fr\x1e\xbb3j\x9dG\xd9J\xdd\x0c\xec\xbbMLo7\xe5\xf1GQ\xaf\xa7\x05\xcb\xbdE\xc6\xcfS(\xe3_\x8e\xbbC[M\xd3\xaaae\x05v_\x0fI\xee\xb3\xf2\xe7}\xfb\x8c\xa2\x1b\xcel\xd0E6\x95\xa3\xc0U0\x8b:\xd9\x85\xb85\xe7k\xbe4C\xednF\xea\x1bX\xba\x17Px\xe5\xf7\\\xb8\xe9\xec\x05\x9b\xfd\xc9\x00l\xc3\xbe\xf5O[Z\xb7\xc4Q\xa0\xf8\xef\xee\x06H\x81i\x10?\x0b\x83A&gt;\xa2\xf5\x7f\xa7\r-G\xfc\x12X\xfb2\xe3\xff\xcf\xe4\x0e;\x04\x9d\xf9\xad\x95\xad\xac\x13\x1b\x06N\x14\x9b\xefJ\xbb\x8em; TJ\x14\xb4\x89\xb3y\x1f\x9c\x81\xcf\xbdJ\x1a\x01T\xe1\xb3\xfc7\xae\xd8\xa8Q\xf0P\xb4\x0b\x1c[\xb8\xb6\xe5\xb8\xcf-\xd2\xf0G\x1a++\x03\x99FO$L:K\xef\xf9\x11Rp\x9fW\xaa\xee\xb0\x043\xf6\x97\r\xed\xc7X\xe3d \\2\xeb\xa0\x03\x96\xd20Q\xc1\xd0\xd7i\xfe\x9d\xc6q\'\x7f\xfa\x88\x95\x11Yn\x07\xf2\xfeF"w\xbd7\xd5\x9cr\xfcc\xc85\xe4\x8a\xdb.\xfa\xf2\x93\xf9\xb2[S\xd0\xdc\xbb\xef\xcbEc\xb0\xce\x88*\xc9G\xb6\xbbn\x85B\xef:\xc6\xc3\xce\x1e\xed\x80\x85\x86\x86N\xfe\x8e\xbf\x0c\x1e\xe6\x89;4N/\xbc6RJY\xe4\xf2\xd2\xf6\xa6\xdc\x103Z\x0b3[qnH\x1d\xd4\xf5H\xac\xe2\xd7\xefi\x0e!9\xe1\x9b\xcc\xdc\x1c\x8a\xf4\x1f\x9b\x98D\x04;\xc5[\xb3\xa9\x13\x83\xde\x1a\xc3fC\x98m\x10#\xf1\xca\xaa\x86\xbe\xd3\xcf\xc1/\x1c\x01\xef\x11\xbc\x87\n6+\xa0\xe6TD3[vo\x9e\x05\xfc\x1ev\x87K\xc22b\xb6\xf6\x17)\xd2\x8b\x8f/\xc1\x0ek?\x92zT\xed\xae\x15\x9fXn\xcb\x1a$&lt;\xc3\x8f3\xdc3\xce\xc7\x8f\n\xca^&gt;\xc1\xc1\x18\xc22\xd6\x1d\x8e\xa2\x86\x96\x0f\xb5\xf39\x12\xc2+\xa4{DUid\xafD\x95\xef\x08\xfe\x15\r\xcdrEr)\x0f6\xb5Q\x965\x05\x1a}\xd6\xbe3\xe7\xfd}\x9c\xd9%\xea*\xdd\x10&gt;\x93\xf7\xd1\x1b"w\xc3,,\x9cd}\x94\xe3\xfaF\xe8\xd7^\xb8&lt;\xbcj\xc7\x9dgj]\x87\x9aN\xa0\xc5W}\x1c\xe6\x0fe\x8faY\x98\x9c\xf0\x0ba\x18k\x16O\xa6\xc3P\xf7\x81\xf4!\x08\xe4\xf8\xb6\x0e\x01Mw\xf6M\xae\xebj\xcbF\x8e\xd2\x9c\n\xfb\x89\x02\xdc\xbcG\xc7p\xac\xc6ba\xc5\x0e\x96\t\x99\x8b\x87\xdb\xf4\xc7\x87\xb7\x1dz\xf8\xb0\xcc\xa7B\xdbR\x0b\xf4\x8b\xcb\xd4+R]\xd2\xc7\xb9W\xb4\x04AA\x188{\xb5\xc4\xc4\xdc#x\xb3g\xd7\xd7\x01\xa1\xa8\x8b\x8el}n\x13\xde\xf3\xe4\xf9\x082\xeat\x8e\xb8D\xe4\xf7\xc2[ov\xd6\xb54&lt;\xdab\xa7\x8d\x8c\xe4\xc4msJ\xcf\xd6\xdd\xa5)\x9a\xda\xfd\xbc\x1b\xfdY\xad\xe6\x87|\xbb\x0c\xfe\x045H,nF\xb8\x0eA\x8c\xf1d\xb4\xf6\xd5z\xaa\xefV\xce#W\xd9[VAl\xe8\xcd\x1a.\xaf\xabt\xf5j\xbe\x8a\xbf\x8a\x82k=\xed\xea\xa5\tc\xa2\x0f\x0c\r\xfb\xffv\xf4IU\xf0\x07\xdd\x10\xcc\xaa0\xd6\xc5"R\x82\x10\x91\x9e1\xca3\xb0\xba\x91\xb9\xf8\xf77Z\x86\x10\xa9{\x158C"{\xcb\xfc\xdc\xb9o\xf8\xda\xa5"\x9f\xe9g\xcf\xb0kB[\xd2A\xd4q!\x82\x08\xa6\xc94\x8fA\xd4\xb8\xf2D\x18\xc22]\xcf\xc3:\xa49\x88O\xbf\xbe5g3\xb3\xa5\xf9C\x05-\xe5\xb9Wu\'Q\'\xf6G\xba\xca\x9d\r\xb0\x9e\xf7\x99e\x8d\xda\xff\x9c\xd7b\x0b#\xd24"\xfa\xb3\xd5&gt;h;|\\\xe0!\xfa6w\xf2{\xeb6\xb7\xcb\xe9\x16\xc9\xaf\xbf&gt;\x8f8\x80wS\xe2\x1a\x18\xe8\x0f\x11\xc7\xeb\x8dC\x95\x05\xc7\x1c\x82\x10(u\x03\xc3\x91\xado\x0f*\xe0\xaf\x05g\xa5\xe8\xc4B\x9dL\xd8\xa06\x1d\xd4\xf5\x08\xc2\x1f\xf9\xff\n\x0c\x0cz\x14\xa2\xdc\t&gt;\xfc\x82\xef\x0e\xca\xe5p9\xca\r\xfb\x08\x92T\xab&lt;=\x16\xb4\x15\xb2\xf0\xec\xcd(\xa6t\xe68i\xee\x1c\xd1\x97\xfb\xef\x81\xaf;{}\r2\xd4G\xcf\x9b\xea\x87Q\xe5\xc9O\xb5\xdb&gt;1]\xed.\x84\xe9\x86c\x06\xb6\xc6K:T\x1f\x807\x86d\xa8\n)^\x11\x94\x031r\x19E_5\x05\xc8\xae\xe7Q\xa6)&lt;\x8a\xe2s\xbfn\x889\xd6a\xad\xc7\x9b\\\xc7\x0f\xcd\x86U\x16\xef\xb9\xd5\xf9\xe7\x07\xe5?s|\xa5\xd5Q\xa8j&amp;X)\xb7\xda\xdc\x9eU6\xbd\xed\xeb\xce\xf5\xf1\xac\xc6N\xbdi&gt;9\xd3/$\xbcA&lt;\xdaLs|i\x8a@\x93?Z\x17\xb8\xa5\xfa\xcby\xa5\x9c\xed+\xea\xca|\xe5$@[\x1dt/\xaa1\xd7\'\xda\xe4\xb2\rm$\x83\xa2\x1c\xe4\x7f\n\xa3\xe7\xdfw\t\x94\x9d\xa1&gt;\x938\xe05{\x94\xf6\xbfK:~\xdc6\x91\x1d\x9aW\x9f\xc2\xfd\xec\xe3\xfbV\xa4\x88x\x04F\xac\x89\x8e\xd6\xa7\x01c#d?\xd8\x18Q\x94\xa9{\xaa\x86-\x7fwo\x08t\xaf\xf3\x16=RFe\xb0Z\xaf\xb6U\x05\xa7_\x97\xb4\xb3\x14OM\xe8\xc5\xf31;J~\x9e\x8a\x17?\xb8\xdb\xcf\x94\x92(Sw\x88\xed\x9b\x9a\xa8\xb0\x0b\x12\xc5\x9d\xa0\xbea\x03\x03\xb2#\xd8\xf9\xce\xc2/\xe9\xb2w\xbe\x83(t;\xc4\xc3D\x9be\xebgu\xc2\xaf\x7f\xbds+\xec\x17}\xbfsF\xb7H\xcc\xfd\x18\xdd\\aS\xc5\x03\xe8\xa9\xf33\x02\x1c\xe4\x03\x8c\xfc\xfdBq\x1e\xb2S\xf7\xd6\x87\xd70\xb4|L\x03\xf1p\xae\x1b\xf4qg.\x1f7\x90n\x81d\xe6zb\x99\x98\xa5\x95^\x8f\x82\x9d\xe3o/\x02\xe8g\xe7[\x1dd\xb3Z\xfac\xb2\x05\x95%\xc2\x9e\x97t*\xae\xeb\xc3+\x8c\xd1\xac\x06\x00\xb1\x8b\x00Ra\xd7]P\xbe\x8fj\x86\xb0\x14Z\xf96i=\xe9\xfd\xb3\xf2\x95\xa3\xf9\xb95\xb4\xaf\x9ce\xdb\xedrZ\xcf\xb3\xa66\xe2\xc5b`\x83\xdd\x96\x11\x05\xb0\xde\x16X\xa9\x0bo3\xcf3;\xc6\x08\x14\x06\xe4\xc8\xe8,+\x93_\x1cPj\xa8+\x96:VG=}\x19\x15\x9a\xc2\xc5R\x85\xe0\xc0\xca\xf0%\xfb\xe6\xe7\x1ag\xea\xcd\xf2\xf70\x13\xc5N\xff\x082v[\x82\xfe\x19\xb3?\xf4\xd06\xf5\xe3}\x18\xb0\xdc\xfe\xd9\xea\x9dE\x96\xc8q\x81\xc1\xbd\x067\x18\xba+\x97"\xd6\xee\xbba\'G\x81\n\x03\x9a\xcf!\n\xbd\x84\x17\xf9\x04\xb5\x0f\x90\xfdK\xe7?\xa5\x95\xd2\x18&amp;!\x1a\xea\xa0\xdd\xd7P\x99\xf04\x1c\xc0\x85t\xefg\xc8\xc7H\xed\xeed\x071Bu\xcb\xce\xe1\xb4&lt;\xdd3\x0eM\xc1\x85\xac|\x87\xc0\xf7O\x07\xe6\x8d\xad\xc7\r\xf1on\xc7dx\xbbc\r\x08U\x0btg4\x9a\xda\x91\x1fu\xc9A&lt;\xcc\xdf\xef\xbd\xca1h2\x082H~b}Q\xd6\x98&lt;?\x87S\t\x86&gt;!l\t\xc0\xa4l\x10\x83\x98\xd3"\xff\x849\xddS\xd3\xa7a\x85\xa8?\xc4J\x17\xaa\x03\xd7\x981~\xfcT]+\xe8\t[\x9b\x82\xdc4F\x85\xd8q\x80\xdbq\xa5\'\xa1b\xef\x85\x95\xca\xbd\x9d\xaa\xe8/\xfd\x83\x94\x91\xffs\x9f\xa4`1F\x03l\x08\x1b\xa6v\x04#\x02\x99bd\xb4\xa27L\xdf\xa1\xf3j\xc9\xa7\xd3\xd8\xa0k\xd3~\x83J&lt;/\x01$S\xd4\xfb#\x8a:V\xb4g\x9dN&lt;\xac\xa8u2\xea\xa3\x96\xb5:\x86\xa4\xae\xfa\xf2~tm \xe2o\x87\n\x1d\x17\x1f\xff\x912\xea$i\x13m\xdf_\x94\xc0\xb71\xdew9'</t>
  </si>
  <si>
    <t>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</t>
  </si>
  <si>
    <t>b'&lt;W\x8cz\xe2/!)e7\xf4\x11\xf8i\xe8\xfd'</t>
  </si>
  <si>
    <t>cal, physiological, or even spiritual
 needs that give us a sense of meaning.
 What Mike helped me understand is that, without us knowing it, human beings are constantly scanning their environment
 (even advertising) for information that is going to help them
 meet their primitive need to survive. This means that when we
 ramble on and on about how we have the biggest manufacturing plant on the West Coast, our customers donâ€™t care. Why?
 Because that information isnâ€™t helping them eat, drink, find
 a mate, fall in love, build a tribe, experience a deeper sense of
 meaning, or stockpile weapons in case barbarians start coming
 over the hill behind our cul-de-sac.
 So what do customers do when we blast a bu</t>
  </si>
  <si>
    <t>b',\xc1L\xce\xdcp)i\xb6\xbb3\xfc\xff\\I\x9c\xa4\x98Cxg\x1f\xbc{=3E/\xca\xe9\xc5k\xa9&gt;s\xc1\xbe\xc5Z\x815q\x91\x96\x8c\x9ee\xbb\xcckG@\xe3\x85`\xd6\xbf\xba\x02\x89\xbb$\xca\xa3\xe3\x12mE\x86\x80\xd8\xc0\xf7a=5\xde\x8cz\xaa&amp;\x16\xa8O\xd9\x0e\x86J\xe93\x7f]\xe9\xc6$\xd1?\xd3\xc4\xfdK\xe8\xb39\x05\x0f\xf1\x86n~\xb9\xf0\xe0o\x98D\xc4q\xc12\xe1\xaeW~cz\xe1M\x89\xa9d\xfeD\x1bw\xb4\xa1+\x97\xd5\x81\x8b\x96\x14\xda\xf2\x0f8\xfcA\xaaM (\x80\xd9pa\xbf\xd8\x01\xf0\xd3H\xceY\xc6oW\x81J\xe5\x81\xd0t\\T\x8b\xb2\xa77:\x01\xac\xf9\xdb\xec\x8a\xcc\x18dn\x8e\xe5\xde\xe5\xcco\xb3N\xa2\xf4\xb9r\x91\xb6\xe4S\x88\xe8\xbb\x12\xbe\x84\x95\xd2H\xe1\xb7\xd1`\xb2\x96\xcd\x0cI\xa0\xc5\xb9b;\xb6\x16\xbf\xf7\x03\xc5\x87\xc5\xec\x0fs\xd2\x15\x81&gt;&lt;^\xc0\xe6\xd6\x10\x9b\x99\x95\x8fMLn\xba\xb8\xdf[\xfc\xd9\xce\xd7a\'\xbd\x85\x7f\x80\x13\xfc\xbf\xc1_x\xae\x8a\xab|&lt;u\xce&lt;\xee\r\x9e\xe8m\xbc#\xfa\xe5Y\xa8\x8c\x83&lt;@\xd6B\xb9\xfal\x7f\\\xe4Q6c&gt;58\xde\xf6\x81\xf8\xc3\x7fi&amp;G\xf5]^\xeeO\xb2[\x05\xe8\xd9\x93\xba\xb7H\x9f$1\xc9\xda\x0ex\x11\xc0\xd6\x05\xeb\x17\x899\xe3\xf2\xc2Ld\xaa\x9f}\xa67H7i\xd9\x87\xaa_\xef\xabi- F\xa6x\xc1D\x15\x0eK!\xcb\xd7^\x01Z\xa0\xb9\x1bvv\xbb\xcb3\xfd\xbbNY\xd4QB\x7f\xbaX\x1d\xe1A\xd4\x96x\x82\x87\xb3~#\xbfI\r\xc2|\x08\xf6\xfc\x95a\x82\x1aQ\x85\xd0\xf8\x885p\x0b&lt;\xb9M\x81\xe6\xfd|\x86\x8a\xbf\x1b\x85\xe81t\xb7,\xc1&amp;E\xb3\r\xbe6j|w\xde\xb4&amp;\xbb\xb0\xbc\x08\xb7\xd1\x84}\xce\xd6\xabD|\xe0o\xa8\xbbV\xa2%Qnw\xf3(\x0b\xd9\xfd\xf7\xf7_\xb5\xcc\x93\x18\x8b9\xe1\x9a\xbf\xf1Y\xe2\xb58\xc1\x83\xe6\x885\x1c\x17e\x1a\x9d\x94\xbf6\xb6\x0c6V\xd7d\x8e\x11\xa99\xcf\x05\xd3&amp;7\xb4\xf2%j\xae\xfc\xa5\xd5\xee\x00\x8c\xa6\xe4\x9d\xaa\xfd[!\xd8\x15S*\xd5\xcbl~e\xbb\xcb\xb6~*k\x8al\xd6\x8fq\xff"O\x99;\x8e\x89\x80\xba\xe1\xe1\r\x05\x92\xca\xd8\xd9.gR\x03\xc8]UK\xa9Z\xc7\x88T\x8f\xce\xc9\xe1w5x\x16e^\x1b.J\xbb\xff\x81\xc7\xe2;\xecV\x13$P\x1ffF\xf3j\x8b\xfeD\x03\xe6\x0f\xd3\xc7\r\xe2$\xfa\xe3\xb0\xf4\xddj\x18\x95\xf7\x12\xb2\x96\x85|&amp;\xe74u\xe7\x8e\xcd5\xb4\xf9/}\xdf[NV\x86\xe7\xfb/\xf7\xf8\xda\x8a\x15\x80\x07W\xe08u\x1bf\x07\x1au(\xe8q&amp;9\x80}\xed'</t>
  </si>
  <si>
    <t>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</t>
  </si>
  <si>
    <t>b',\xc1L\xce\xdcp)i\xb6\xbb3\xfc\xff\\I\x9c'</t>
  </si>
  <si>
    <t>des the foundation for understanding many other areas of physics and engineering. It is essential for designing machines, predicting the behavior of physical systems, and explaining natural phenomena.
### 1.2 Historical Development
The development of mechanics as a scientific discipline has a rich history spanning thousands of years. Some key milestones include:
1. Ancient Greece (4th century BCE):
   - Aristotle's physics, which, although largely incorrect, influenced thinking for centuries
   - Archimedes' work on statics and hydrostatics
2. Islamic Golden Age (8th-14th centuries CE):
   - Contributions from scholars like Al-Biruni and Ibn al-Haytham on motion and optics
3. Scientific Revolution (16th-17th centuries):
   - Galileo Galilei's experiments on motion and gravity
   - Johannes Kepler's laws of planetary motion
   - Isaac Newton's formulation of classical mechanics and universal gravitation
4. 18th-19th centuries:
   - Development of analytical mechanics by Euler, Lagrange, and Hamilton
   - Thermodynamics and statistical mechanics by Clausius, Boltzmann, and Gibbs
5. 20th century:
   - Einstein's theories of special and general relativity
   - Development of quantum mechanics by Planck, Bohr, SchrÃ¶dinger, and others
6. Modern era:
   - Advancements in computational mechanics
   - Exploration of complex systems and chaos theory
This historical progression demonstrates how our understanding of mechanics has evolved from simple observations to complex theories that describe the fundamental workings of the universe.
### 1.3 Branches of Mechanics
Mechanics can be divided into several branches, each focusing on specific aspects of motion and forces:
1. Classical Mechanics:
   - Deals with the motion of macroscopic objects
   - Based on Newton's laws of motion
   - Includes kinematics, dynamics, and statics
2. Fluid Mechanics:
   - Studies the behavior of liquids and gases
   - Includes both fluid statics and fluid dynamics
3. Thermodynamics:
   - Examines heat, temperature, and their relation to energy and work
   - Deals with the behavior of systems at macroscopic scales
4. Statistical Mechanics:
   - Applies probability theory to the behavior of large numbers of particles
   - Bridges microscopic and macroscopic descriptions of systems
5. Quantum Mechanics:
   - Describes the behavior of matter and energy at the atomic and subatomic scales
   - Introduces concepts like wave-particle duality and uncertainty
6. Relativistic Mechanics:
   - Extends classical mechanics to situations involving very high speeds or strong gravitational fields
   - Includes special and general relativity
7. Continuum Mechanics:
   - Treats matter as a continuous mass rather than discrete particles
   - Important in studying the mechanics of materials
8. Celestial Mechan</t>
  </si>
  <si>
    <t>b'M==n\xefd\xed\x8a\tg\xb0\x8a\xd6\xf7x\xf7\x18@y\x0c\xcd\xa5\x86\x9da\xfbPG\x8e\x01qd\x93\xee\x06\x87v\x82\x89\xf1\xae~Rgd\xe79&amp;\xeeL\xf9\xff&gt;l\x06\xdc\x00\x1a_;;\xdf\x0b\xe6\xdfEl\xd61\x95\x85\x89\xbdX\xe3`I,\x95\x95d\x7f\x8d\x92\xde\xe9\x16\xb43\xef\x83\xf3\x81[\xba5\x89|hx\x93#%\xb2\x13N\x13\xa3\xb5\x00\x0c\x9cp\xa5E\x1d\x03\x9d\x00\x99^6\xbd4\x85\xdc\xd7!;v\xa8Hy:\x83\x19\xb3\xc4\x97Yfe\xe1a]\x03\x14\xf4\x8d\x12\x97O\x9b!\xfflq\x9d\x93aFd\xaa\xe3\x8a\x95\xb4pF\x82\xe5\xb1\xdf\x7f(\xb4\xc5\x8c\x9f\x96\xf0\xf2\r\x8d\xb3\xe3\xb8\x19\xae\x84\xa5\x91iMW\xb6\xfd\x19\xe8\xd1\xfbt\x95\x1d\x0c1\x7f\xcf\xd0\xf3\xa8`\xc1\xad\xbfp\x1d\xafx\xd4\r\xde\xa7\xd2DC\xc2&gt;_f\t \t\xe8\x98b\x03\x11@\x19-\x9bq\xbcr2\xa6\xa0\xe0\x06\x02$-x\x94\x08(x\xb5\xe4\xed\n\x12\xa5\xe6\xbe$H\x9e\xed\xbd\xa9S\x03\xd9\x7f|\x9b\x14*\xc0\xaa\xeb\xecE\xb9\xb4\x964\xf4D\x9b\x134\x99\xb9&lt;fS\x10\xd1\xd5w\x14X\xc1\xe7@\x91\x0b\xfbc\xbd\t[\x98x\x08\xe5\xee\x90}\xf3\xacx\x82\xab2\x9aL\xc8\xdfli-\x1b\xf2+\xd7\xd8+\xce\xf4y\x8a\xdd1y\xc7CPI\xbd\x05|\xf6Q\xa0\x0f\xf4]&lt;\tn\xb1\xcd\x86\xc9&gt;\x97\xb9\xd2\x02H\xda\xf2|\x0e\x9amy\x17Y#\'"&gt;\x0b\x1c\xfeI[\x8f\x1c\x02@8i&amp;=\x84\xd2\xee\xeb"\x08\x03\xde\x06\xea\x17v3\xc7\xd0a\x0e\xd0\x80\xffR\xa2p\xf3\x1a\xa8F\xb4\xf8JM\xceq\x15\xc2\x86\xc5\xc6T\xaeA\x05\x89\xedp\x15\x9b\xdfW\xb4M\xb9f\xd6\xed\xa8\x10\xe7y%\xe9\x19\xce\x1cB\xaf\'\x15X\x9d\xa2\xbe\x7f\xf3z\xa5t/[\xf6\xc2~y\x80\x92\x05\xf7\x0c$H)\x8es\x81\xff[\xf3\x0bb\x8f\x9a\xc2\xe6\xe7\xacK\x96\xe1+p\x88\x95!J\xaaJ\xac\xc1\r\x1f z\x1dx\xb6\xee\x16\x8b$\xb4@T\x8c%\'\\\x97w\x95\x08H\x9e\xac\xe9;&gt;[o9[\xb6\x9a|\x9a\xf9US\x9bj\xeb\xa4_\x16h\x97?\xe2\\\xfd&lt;\x07v\xbf\x0cl/X\x07\xdaj\xeexd\xdaHR\xb9\xa4\xda\xd5\n\xf9\xf6\x9c\xd8`\x98\xef\xde\x9c%\xde\x97\xcf\xff\x052WL\xdeN\x9dV\x97\xc6\xa2b\xd5\x82@K\'\xaf|\xcb\xbd[\x14\xf7a\xef&lt;,\x1d\xf0\xce(\x1fv\xe0@\xf1\x06\xacy\xc9\xee\xd0\xc8\xc6#\xfb\nXA\xfb\x93\xe2\r&gt;:&amp;\n\xcb\x98.\xdf\xd6!rq\xae\xd6\xb0\x86\x12W\xb7p&amp;\xa6\x97\xbc\xcc\x8a\xc5\xdc\xb6\x9d\xad\xad\x982\xc7@\x84H\xd6af\x01\x1d\x1c\xae^\xfb\x89\xf6\xbc/\xda\xbe\x8b7\xdbY\xcaL\xe7^\x0b^\xa3\xcc`\xa3\t\xe8\xee\xfen\xbe8\xd7\xd2\xc6\xda\xb6\xbf\x81s\x12\xe2\xe4\xc19\xeb\xeb3\xac\xea\xbe\x85\x1b\xe9\xd6;#o]\xfa\xaffD\x81C\x17\xf2\xe33?\xa2\x18\x03\xaa.\x86\x99X&amp;\xb4\x0c8\xa8\xefy\x02\xe4d\xa8\x0c\xb4,\xb1\xf9I\xa3\x95\xd3kS@\xc0$\x93\xd9\xf9\xaaVp8\x83\x94fI,\xb6.Md\xf8&amp;\x01\xea\xa8A\x91d\x83\x0b\x7fnW\xbdM!\xee\xb8\xaa\x05\x00f\xa7\xc8N\xaeP\x91\xf1\x12\x85\xb3\xfc)\x16NX\x9ceD\x14\xf9\xbdz|\xd6\xd0\xbaA%\xc8\x80\x0cqi\x19hx\xd2\xb0\x16\xd9f\xeal=\xe9\xaf\x06G\xc6\xea6*\x94\x8f\xe9 h\xc73\x10*\xbc\xb3k\\Bp\x1e\xa6\xa3\xd9\x04\xd54:\xf0\xcac)Lr\xd0\xeb\xa6(1\xa2\x00#\xfdl,_oKSpV\x8d\x92\xd4\xa6\x850w\x00\xc2Fx\xe4\x97\x11\x9dN\xd2*e\xa4\xd2\xfb\x8d\xdck9\xbf/oe\xa9\x98f\x1c\xd3G\xf52&gt;\xa9..\\\xb8\x92\xf2\xdd\x9bx\xda\x1am\n\t\xa1\x99\xa3\x17\\\xb1\xfa\x87q\xe3V\xdc\x06X\xa2\r\x9c(\xadj\xdc\x9e0"\xe2\xfe\xb70=\x87\xa3\xae\x97\xc7\xa3\x8bQ\xf9vA,\xf5^xG\x91\xa3\xb2N\xf7\xfbr\x04I\xd2\xb5\x8f\xc4\xaeX\xf9\x168\x130\xfc\xb4\x13\rH^\xcat,\x8f6$v^\x08\xbb\xc0\x1eh\x84?\x9a\xb6\xf9\xab\xed\x8b8c{\xe3\x0f\x13)\x1dJ\xf4\x16:g\xda\x9eW[\x19\xcfn\x18a\xd5\x93\xf0%\xca\x00\x80\x8d\xd0\xf4[Gk\xe1\x88i\x0c8\xef\xe8\x1eR\x06P\xe5p\xcd\x85\xa8:\x0c\xb8\xa7\xa9\xea\x924\x82N\x8b\xf6\xaa5^\x0f\x0b\xea5\xf4(j\xef\x08\x17ov\x9ay\x9b\x81.X\x08\xe8\x99\rf\xcb\xf5V\x1c\xac\x82\x07\x1d\xc7\x91\xcfh\x93D\xa0\xd0\xc8\xcf\x95\xf9\xdd(G_L|P\x80\xd3\x0b\x8e8\x85/an\x07o\x17\xd2*\x8c\x01\x0f\x8b\xf0\x84\x04\x1de\xb1Q\x9d\xac\x82\xca]P\x1eZkl\x82\\\xaa\xb5W\xc8\x90\xd4\x05(\xf9M\xfb\x0f%\x0c\xc7\xb6\xcb\xb8\xae\xe2\'\xe2\x17L\x0f\xb8\x8b\xe7\xed\nQe{:\xd6\x9f{\x0f\xf6SdJ\xca\xbd\x87[\x84\x12\xb5\xdcD\x93\xb9\x99\xee\xf8[\x84\xe0\\}\xe1\x10\x86\xfa\x1e\xb0\xb1\xb2i\xaf\x194\x17Vw\xae\xeb\x18\x10\x02\xe5}\x87\xab\nX\xee\x00\xd2\x90\x9b\xfd\xed\xa8\xedA\xbf\x91Y\xb7\x9d\x03\xef\xa2\x0e\xf4D\xc7\xb8\xc9cF\xdf\x07&gt;\x94\xd9X\xc6\xe4W\xc5/\xd8\xf6~%u\xb9\xdd;\x08\x0b6\x18\xf3\x13\\\x9a,\xa62\x98[\x80&lt;O{|O\x16\x13o\xa2\x7f\x10\x16\x05f\x9c\xcbbP\xb9Q\xc8\xbc\n\\&amp;\xdaO\x02\x18i\xf8\x84\x85%\x99\x8d)\x05L\xf0\xbeR\xa0W"M\xa5 a\xd1\x00\xa7\xb0\xc6\nx\x0e[\xf9\\I\r\xc9uI\x8f&gt;\x91\xc1\xb8j\xf8\xdd\xe0\xb8\x14\xeai&amp;\x0c\x8ejB\xa34\xbazv.\xcaL\xde\xae\xea\xbd\xe0\xad\x13M\xa4\xe5t\xa1_=\x0e4\xd5\xd0L\xc3:(4\x9c\xcab\xda\x9e\x8e\xab9\x84\x8b\x9f\xde\xc72\xfd\x8ft0\xaa\'\xcb\xd8P\x9e\x99n\xa7\xe9Nt\x8a\xfe\xff\xac\xf0N1\x19\xf4\xcfR\xea\xc0\xc1s\x035uO\xd0S\xe8\x14\xc0\x91\x1a\x8a\x03;\x89Wk+\xf0\x88\xb3\xa7j\xa7G\xac=1x\xbfb\xaf|\x98\xba\x83\x13\x99\xb3\xfc\xabC\xb9\xbb9g\xa3\xe3]\x8e\xff\xb1\x1dn"\x84\xb9r-\xcb;)\xafo\x18\x80h!\x81\x8d\x01\xdf\xc5\r\xcd\xc4\xd8OI\\\xce\xb0\xa0\x7f\xc1\x97\xf53\x8e.\x80w\xc7\xef!H\xf1\xd1*\x0c\xad\xe5\x07\x89\xff\xadF\xce\xb6\xa9\x15\xe9\x92\xbd\x81\xdbf\xfb\xb0\n-\x9a_l9\t\x98\xa5\\\xac\xa5\x91\xe9&lt;@\x98\x07\x89\x0c/D\x9d%\x86\xf0\x88$\xa6\xc8\x08&lt;\xee\xd5S\xe5\xec\x07\x8bJ\xeb\xb2\x0b&lt;bc:X\xef\xa4\x99+dgz\x95u\xbaW\x85\x1f\xe5O\xdej\x9e\x16\x9dt\x08\x99`B\x8e\n\xf6~=\x99NB\x86M^\xea\x83\xd0\x8b|\x97\x94\xdfq\xbe\xa1?\xffN\xa4w\x84\xd5\x04b\xf4\xc6\x8e\xf0\x81\xa0\x05\xc5\xc5\xa6\xd2B\x0b\x11N\x8bU\x91N8\x7f\xbdL\x16\x9e\xd6c\xa0!\x97h\t\xfd\x80[\x83\xc2s\xaa7\x93\xc6q\x7f\x07\x08\xd4R\n?\t\x05\xe4es\xce\xb8\x97\x01np\'\xacN\x18\x99uo\xcd=$\xf0\xaev\xbe\xder\x97\x19\xe2k\xab\xf0\x8b\xb0]\xa6/\xb6]\x9a\xb9\xb9RI:\xbae\xf3\xe4\xc4s\x87\xed?C\xc4\x06\xed8\xed\xaa/-\xda\xf7.O\xa8\xf9\xd6\xe3v\x84)\t|#\xaa\xae\xc8\x0b\x04\xb7z\x8b\xbe.rv\x0c\xe6\x12e\xb8\x0e\xd2t\xf6v\xc5;\x90\xda\xd0(&gt;\xf9\xef!-\xbe\x1b\x81\xb2\x1f\xf7w\xa9\xb5\xe9\xaduC#\xe9R\xbc\x00[\xeb\xbd\xfdV\xe7&gt;\xaf\x8dc\xd5&amp;|\xa5+\x01\x82tT\x91#\x19\x19}\x01b\xced[\x87\x8c\x1a\x85\xa2\xd7\xcfI\xf5\x1b\xe7)\x85Z/\xe3\x94\xbbNc\xd5.\xb4(9\xdf`\xb3\x0c\xb6\x08v\xc4\xeb\x10z\x92J\x9b\x17\'G\xfd\xdc\xa8\x9e\xf4\xaa\x9d\xaa\xa0"\x99\xb7\x17u\x88\xe2\x85\x84\x16Z\x7f\x17"\x87l\xc4;CH\x84\xa5\xe2\xf1\x1c@\x96&lt;\x9aL\x13\xbb\x99\xdd{\xed\x06r?\xc1OT\xaa\x92W\x9d\'\x81rV\x1f\xe9\x86F.Ox\xf1\xeay\xf2\xa7\xf8\xe2@\x151\x14&lt;\xc11\xe9M}\xd722Yd\x8e\xd8\x05\xab8cW\xd4=]$!E\xfa\xf2\xa6\xbd\x18\x87\xec\xdf\x89\xe2s\xe0\xfa\xc3\xa6\xaa=\xfc\x91\xd2g\x96\x04]\xa9\xd3z\x97\x85IZUkRY\x9bYQ\x8f\x8f\x99ze+\xfc\xd9\xca\xf1AH4\x8cL\x99\rL@\x8f(\x1a\xd8\xa17\x89\x8d\xba\xbd\xe8_\x9a=v\xa6\xac"R\xa43\xe7h;\xed\x1f\xa5f\xa3\x12p\x95\xbe\x80\xe6S\xda\xe5\x04\x1a\xe3Q\xde\x80YC\x01+@\xd6]\xe5\xc7\xba\x10\xd5\xfa\xdc\xe1\xd5\xa54\x8d*m\xce\xa0\xca\x03\xa0\xb4\x96\x8e\x17\xa5\xb8\x9c\x91L%\xb9\x18n\\C4x,\x17%\x9d\xc4\xf66\x02\xb1\x94V*-\xa4}\xea\x0f\xabkg\xde\xeb\xdaq\x83\xca\x9aW\x14\xb0c6\xe2T\xd99\x17Q\x9a\xf6\xe3\x95\xb97\xde\xba\xce\xac\xbb\xac\x0e\xdc\x8c\xd9\xc8#\xf1.\x9ch\xdb\x91\x16\xb5X:\xd6t\x04\xdf\x82\x95{\xccA\xac\xc2`\x94\x99\x85\x98)!\x80\xc3\x07\x91\xbf;\x92\xc6\x83\xbe\xc7\xf5\x7f\xea\xf2\x9c\xad\xc5qd#m\x8f*\x03\x17\x05\t \xe0\x08\xdcZ\xb4&lt;\xa3\xcc&amp;\xf9\xcd\xe4p\x8d\xcf=G\xf2*}6\xfa;\xff\xb7\xae\xcb\xb9C{\xdbg\xa9\x947\xcd\x1ey\xcd\xd8\xe2\x9d\x07\xb0\x946\xc6\x01\xcb\x1b\x8eRkq\xb5\xefXMichm9&amp;\xb7\x81\x00%\xfd$\x867\xbd\x80I \xfa\xe9\xe3\x1b\x91&lt;5\x95f//\x8b7\xa2\xbb\x99\x8c&gt;V\x95\xef&gt;\xe9\x99\x9d\x90o\x05~\x97\x06}\x8f\x84\xcd\x0b6\xceh\xb8\x82A\xb8\xf3\x11\xf9\xcc\xbfP\xd0\xce\xbf\xc7\xee\x0eK\xf6\xe2\xceU%u\x13\xc0\xcd\x93\xaa\xe8\x14\x11\x8fH\x91\xacfL\xbdg\x1a\xd0@\xe2\xb56\x0cB\xbf\xdch\x92\x85\xfb\x91\x87\xc1\x94}\xd4=,\xc7\xe9\t\xcf9\\\x84\xa0\xef\xbdz/z\xb7\xaf4\xde\xa6\xf6\x9evrE\xe8\xe8x\xb1\xe5\xe3\x10\xf8\xd9\x80\xfc\xf7M\xbf?\x10\\\xbe\x8c\xb7\xdbqp\xd3\xafY\x12\x0b`;\xdf\xda8\x88F\xf8U\xd8\xbad\xb4\x82w\x1d\x8e\xb4\x8dh.\xa3\xf7\xf0\xb5Y\xfe5\x05\xc2\xffE\xe5\x84:\xa4\xc7\xa6\x8b\x14\xc9\xa3\x1d\xd7i\xbcdque\x8d\x08\x83\xc9ma\x9e-\x07\x92%\x1e\x05n\xd5&amp;\x1cM\x7fvW2\x0e\xb0\xc7\x9f\x80\xcc\xc4\xbb$\xff\x06[\x89\x1d\x1cS$\xd9\x91-\x1c\xd4\x8d\xe6+\xd6\x9c\xc7\xd9\x1dI\x8e\xdfSN\xc1\x87}5)\xca\x86\xc0\xe3y\xb1\xed\x15\xa0\xdc\xc7\xf6\xa5\xd8\xdb\xd0\x0e\x956`\xf7\xd7\x11\xcf\x9d\xe5\x04(R\x8f\x9e\xe2\xf5k\xbc\n\xddx\x17\x14\xff|,q} U\x1b\x08L\xe5\xe52\xdf\x9da\x92\x7f\xb9)t\\?\x93\xafr\x1bY\x98\xb7\xea\xb1\xfc\xa2\xe4\xa32\xd6\'Z\xc1\xc25\xec\xa8\xbe\x08\x8d\x15"\xf6&gt;i\x99\x83#\xd9\xb2\xd5\xda\xae7#C\x8b\xd9*"Z\xe7'</t>
  </si>
  <si>
    <t>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</t>
  </si>
  <si>
    <t>b'M==n\xefd\xed\x8a\tg\xb0\x8a\xd6\xf7x\xf7'</t>
  </si>
  <si>
    <t>he had
owned when he was made of flesh. The Lion declared he was afraid of
nothing on earth, and would gladly face an army of men or a dozen of the
fierce Kalidahs.
Thus each of the little party was satisfied except Dorothy, who longed
more than ever to get back to Kansas.
On the fourth day, to her great joy, Oz sent for her, and when she entered
the Throne Room he said, pleasantly:
"Sit down, my dear; I think I have found the way to get you out of this
country."
"And back to Kansas?" she asked, eagerly.
"Well, I'm not sure about Kansas," said Oz; "for I haven't the faintest
notion which way it lies. But the first thing to do is to cross the desert,
and then it should be easy to find your way home."
"How can I cross the desert?" she enquired.
"Well, I'll tell you what I think," said the little man. "You see, when I
came to this country it was in a balloon. You also came through the air,
being carried by a cyclone. So I believe the best way to get across the
desert will be through the air. Now, it is quite beyond my powers to make
a cyclone; but I've been thinking the matter over, and I believe I can
make a</t>
  </si>
  <si>
    <t>b';:]\xe6\xb6\x0e\xe7$\x9a|\x9a\x99\xc2I\xc6\xca\x86\x965\x94X\x89\x9aE\xea\x8c\x8c\x06\x00\xde\xcbXV\x13\xc6\xd7\xc1\x15F?F\x13"\xdd_9"\xe0X\xbf\xff\xf13a\xdd\x91\x81\'(\xea\x9fWI\xcc&amp;E\x9fD\x9a\x80\x826\x17\xcb[\xdc\xb8,&lt;|\x02\xe0\x88;a\xd5u:\xd7\x19&gt;?m\xba\xde\xc8\x13\x8c\xe8\xa4\xe3\xca\x88$\x91M\xce\xca\'\xc0q\t+\xc1\x1d{\x08\xa1@g\xbb\x04\x18\xff"\x9fU\x9e\'s\x7f\x1bB\xb2\x1fA\x17\x8a\xf1p*l\x88\x0c\xa63\x01\xb9\xa9R\x94Q\xb9\xa5\x01\xca\xe6\'&gt;\xad\xd8\xe6k\xacAj`\x8c\xeec\n\xf9\xc1&amp;\x1d\x19\xbc\xb7\x15D\x03PX\x9f\xee\xaa\x93\x9au\x15\x94\xf8\xad\xa3l\xdf\xb6\xccA&gt;P*\t\xff0\xf43\xe1G#(\x8d(\x9f\xbf\xa7;\xecxI\xd6\x13\xe5\x98\n\x81\xb1O\xda\n\xc7\xce\xaf2\x9a\xab\x8f\x84\x14\xe5L\xea\xf4f\x1e_cI\x15\x14.6!\xd9\'M\x84X\x01-\x95A\x19\xda\x05\xf4-\x03w\xe5\xb2\x84\x88ZN\xb0\x94\xe9.\x9d\x1a\xfd\x05\xd4\xf6\xd4\xb82Ha\xc7\xea\r\x9c|\x06_a7\xe0\x8bQ!\x16\x87\xc6R\x11?\xa5\x89\x8cz\xe7\xa4\xe8\x10\xb19Y\x95@\xfaH\x1dM\x95\xe9\xd1F\x11\x13\x08"F\x03\n\xbe.`\xb3\x16\xe9\x87@\x9a\x02\x0e\xb2\xfc\x1e\xba\x87\xd9`\xb8\xe9\x93\x17\xb0\x0b6\xa2\xa7\x13y\x89\'\xf4J\xbe\xb5\x17\x9eL\xbe\xd5"\xbb\x17\x19l\xb3\x01\x83\x12\xd2\rT\x1e4\xcd\xf2\xf47\xa4\xa6\x7f\xb73\x9c\xd2\xc6k1\xfd\xd1\x1eB\x81\x19\xd8\x8b\x1e\xb6\xb5\xc8\xdb!\x92\x8c\xef\xf0\xc7n\xc5.R\xbct\x87Y}\x11c\x8c\x99L\xad\xcd@\xf2\t\x8e\xb9\x88.5\xba\xe1w\xed\xea\xe9O\xa3\x0f\xc6\x9d%p\x17y\xc2\xef\x9a\xa9\x0f\x8a\xe9\x86\x92K\xaa.-\x9d\x93\x12Mh*\xa5\x9c\xf7\xf5\xab\xbb\xb4\x14\xc1~\xd4\xcf\xb4\xadZ\xeef%\xd9\xe3\x9e\xa7-\xdd\xf1\xc0\xce\xe2A\xbc\xcbi\xb4v\x0eO\xfb\xcc2xo\xeflR\xae\xd3\x0f\x05\xd1\x02L\xe1\x931\xc1\xf5\xc3\xa6N\xc3i\x14hB \xaaB\xe4\xe7\xeb\xe0\xbb`\xd3\xa4\xcewx{\xdb\xbbMk\x9b\xec\xbd\xb9\xf8/6:\x9e\x8a\x0f\xb4\x90\xaa\xc4I\x94I\xfd(\xc4\x1f*\xea\xc79\xf2\xf4\xb6\x86t\xfc\x13\x14:&amp;\x1a$\x1fb\xebi\xdb\x81\x12\x1e\xee\xe2}BE\xd8l~\xc9\xa7\xd8\xa1\xc9\xe7\xe3`q\x02\xeb\xeah\xcfbE6\xb3\xa9\x96\x06\x8a\xf5\xe4\xe2u\\\x11\xf0\xa4\xd8\xcf\x91!\xca\x84\xe9\xcb\xa8\xf2\x88}\xca\x1f\x8c\x8a\rO:\x04t9~S\xeb@Z\x07\xae\x18d\xebsr\xd1\xfa\xc3Lk\x13R&amp;#\xff\x0f\xbf4TE\xe5|\xb8o]n\xdcsm\x9cs8\x81\x0el&gt;\x920\xd1z\xab\xd5f\xdd\x83v\x151\x0eY\xf0J\xecj\xc2\xa6J\xdc\x1a\xe7\xcfj4_DA]\xc9\xda\x1f&gt;\x9a\xa6\xaaY\xc3\xa2*f\xfb\xbel;\xeb!\xdf\xd0\x7fe\x05\x1e\xf1\x92u\xa3\xfc\xd0H=\xf3\x06\xc2B_@\xb2n\xb2tF\x07JT\x90\xaf\x7f\xf5\x96e\xd1\xef\x18&lt;V9x^]&lt;j\xeaOP-\x08\xf1\xb6b\x0b\x15\xb8P\xd3\x00\x84\x87w\x8ab\xb9\x84\xba\xd0D\xffG\x04\x19\x8c5\xc6x\xa2\x14T-\xbaL\xc2\xd2\xfd\xaa\x1eA\xcd\'Q\x0e\xae\x84(\xbd\xa6\xd3\x95\xafS\xe1%S\xac$\xcd\xc5\xc3\x00\xf0\xa1\xc9J-s\x88\x9c\x9d\xe0\xb9j\xe5\xb6+\r\x88\x0e\xcc]\xeb\x95)\x82\xfeg\xef \x87\x9aIG\xffVv\xaf\xe7\x00\xc9\x88ko\xbaD@\x0e\xd0\xdf\xf5\xe1\xa5y\x1bf\x13\xd6*\x8bf \x0bs\x1b\xddVHZ\xd9Le\x1c\xb2\x84\xd6\xf0\x97\xb0~\xa1\x16\x07\xcf\x13\t\x93\\\x01\xf0\x8a1\x10J\xdd\x8c8\x80\rf\xc2zQ\n\x95\xa6%\r\xcd\xa0\xd0%\xa7D)\xc2\x1e\xf7#/{H\x10W\x19Ba\x10\x1b\x85\xf1\x1e\x96c`#y=#mE\x1d\x1d\xd8v\x0f\n\xc5\xaa\xf2\x1dV\xac\x14\xeckj\xe8GS4s\x04Wid\x06\xa9b4\xe7\xbc\x16\xc5\x00i\x1c\x8f\x9c\xd4\xb9\x81\xd9\x05\xb0\xd1\xdc\xb1\x99\xdc\x94\xf7S\x91]5&amp;\xfd\x10\x14\xe0\xf8\xe4\x07\xb3\xc2\x08\xaf-\xc4\xa4\x11\x02\'\x8a\xacS\x80-\xd7+\xdd)\x1eA\xa2s,dG\xe8\xc6\xcc\x89\xcd\x81\x0b\xc2\x1b\xff,y\xf8\xd1j\xbd\x86\xbdn\xcc\x97B]\x9c\x0b\xe4'</t>
  </si>
  <si>
    <t>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</t>
  </si>
  <si>
    <t>b';:]\xe6\xb6\x0e\xe7$\x9a|\x9a\x99\xc2I\xc6\xca'</t>
  </si>
  <si>
    <t>ories, but just why might it be difficult
 for money prices to change from day to day as market
 conditions change? One reason is based on the idea of
 â€œmenu costs.â€ Menu costs could arise from several
 factors, such as the actual costs of printing new price
 lists and catalogs. In addition, firms may perceive a
 different type of menu cost due to their customersâ€™
 imperfect information about competitorsâ€™ prices.
 When a firm raises its price, some customers will shop
 around elsewhere and find it convenient to remain
 with a competing seller even if all sellers have raised
 their prices. In the presence of these various types of
 m</t>
  </si>
  <si>
    <t>b'0E\x02 Z\x85YY\xc9\xe7\xba\x12`r]\x02U\xe8rL\xddX\xa6\x9a\xb8*oa\xef\xd6U\x020\xd1\x04\x91\x02!\x00\xee\x0f=k&lt;\xa1\x82\x0ep:\x1d\xc6\xd8]\xa3\xbe\xcb\xe0\xc9w\x8aC\xa3\n!\t\x99\x84xZ\xba\x07'</t>
  </si>
  <si>
    <t>304502205a855959c9e7ba1260725d0255e8724cdd58a69ab82a6f61efd6550230d10491022100ee0f3d6b3ca1820e703a1dc6d85da3becbe0c9778a43a30a21099984785aba07</t>
  </si>
  <si>
    <t>b'0E\x02 Z\x85YY\xc9\xe7\xba\x12`r]\x02'</t>
  </si>
  <si>
    <t>m had loosened themselves and let him go. He did not know
that Dr. Craven would have said that his nerves had relaxed and rested
themselves. Instead of lying and staring at the wall and wishing he had not
awakened, his mind was full of the plans he and Mary had made yesterday, of
pictures of the garden and of Dickon and his wild creatures. It was so nice to
have things to think about. And he had not been awake more than ten minutes
when he heard feet running along the corridor and Mary was at the door. The
next minute she was in the room and had run across to his bed, bringing with
her a waft of fresh air full of the scent of the morning.
"You've been out! You've been out! There's that nice smell of leaves!" he
cried.
She had been running and her hair was loose and blown and she was bright
with the air and pink-cheeked, though he could not see it.
"It's so beautiful!" she said, a little breathless with her speed. "You never
saw anything so beautiful! It has come! I thought it had come that other
morning, but it was only coming. It is here now! It has come, the Spring!
Dickon says so!"
"Has it?" cried Colin, and though he really knew nothing about it he felt
his heart beat. He actually sat up in bed.
"Open the window!" he added, laughing half with joyful excitement and
half at his own fancy. "Perhaps we may hear golden trumpets!"
And though he laughed, Mary was at the window in a moment and in a
moment more it was opened wide and freshness and softness and scents and
birds' songs were pouring through.
"That's fresh air," she said. "Lie on your back and draw in long breaths of
it. That's what Dickon does when he's lying on the moor. He says he feels it in
his veins and it makes him strong and he feels as if he could live forever and
ever. Breathe it and breathe it."
She was only repeating what Dickon had told her, but she caught Colin's
fancy.
"'Forever and ever'! Does it make him feel like that?" he said, and he did as
she told him, drawing in long deep breaths over and over again until he felt
that something quite new and delightful was happening to him.
Mary was at his bedside again.
"Things are crowding up out of the earth," she ran on in a hurry. "And
there are flowers uncurling and buds on everything and the green veil has
covered nearly all the gray and the birds are in such a hurry about their nests
for fear they may be too late that some of them are even fighting for places in
the secret garden. And the rose-bushes look as wick as wick can be, and there
are primroses in the lanes and woods, and the seeds we planted are up, and
Dickon has brought the fox and the crow and the squirrels and a new-born
lamb."
And then she paused for breath. The new-born lamb Dickon had found
three days before lying by its dead mother among the gorse bushes on the
moor. It was not the first motherless lamb he had found and he knew what to
do with it. He had taken it to the cottage wrapped in his jacket and he</t>
  </si>
  <si>
    <t>b'\xad\x03\xb1\xf1@q\x94b\x0fU\xf5\xed\x82\x1e\xe4\x85\x06J%\x9f\xee\x0b\xeb\xa6\x96R\x03t\xb7\x10\x01\xda\xbax\xbf\xc3\x8e\xc8\xfe\xcb\xa9@Z\xcaY\x1cp\xc4\x87\xdc\x9e\xe2n\xdc\xccW\x9d;\x9b\x8f\x04"\x10\xf32M\xab{\xf1\xd0\xf4?\x10\xc2^\xde\xdd\xcd\x0c\xdbT\r^&gt;\xc8\xa3\x01\xd2\x00\xc4\xefj\xb8\xe2\xe2\xad(\x0e$\xb6e\x0c\xd26\x83\xde\x8f\x19FuI\x95_\x9d\xb0\x1e!\xa3\xad\x18\xe3&amp;\xc0\xf8\x0c\x0b%\x90\xb7\xb0MS9\x82Gb!\xc6\xd9\xbf\xbe\x98\xda\x0c\xa2\xa7\xf5T\xff/&amp;bVX\xb8\xa6b\x1b\xc1\x0b^\xbc\xdfq0\xf3\x13\xec\xbe}\xb8\xa3\x8b\x92\xf3\x1d\xc5\xac{\xbco@\xc0\xa0C\xc1{\xff{v8\xa9&lt;\x04\x0fD\xfc\xba\x07\xd9\xbaa\x8a\xcf\x99\n\xf0\x9e\xe3Q#\x94)\r\xa4 \x81\x81q\x92$|\x11\x1f\x19\xb1^\xb3\x18\xbc4\x08,\x0eG\x0f\xcd\'\x0b\xd5\x91\xa3\xb7\xcd\x82ox\\h\xb9\x9c\xfa\xd0\x8a\xac\xc3\x9b\x966\x96g4\xe8\x14I\xfe\x9c\x89\x11\xbf\xe0y\xb22\xf69c%\'\xc9\x1d\xb4+w\xb1\x99\xbd\xffa\xd0/\x1e\x81\xe2\xc385\xa2J2)+\xbd\x13\x0f\xa0&amp;\xbb4\r9\xea\xd7&gt;\xf9\x97\x084\xc9i\xd3\xa9-\xc3\xac\xcf\xf7IH\xa0\xf8S.\x9f\xf9\x7f\x1f\xfbG\xd6\x84\xa9\xcb\x98.\xba\x81\xe72\xe0\xf3\xd4s\xef V\x1f\xf1\x1f\xddw\x80\xf08\x0e\x89)k\x9a\xf9,\xcbI:\x8e\xf0$\xd5 t=\xc4\xd1d\x88\xbfl\x7f\xfa&amp;U\xc74-k\xd4&amp;\xb4Gz\x17w\xf3\x00C\xc5\xb9-\xf3+\x1a+\xb6\xe0\xbc\xd0ns9\xc9\xe9\xec\x0bqish\xe3\x0c\xe2m\xbd\xfc\xcf\xf7y\xd3\'I\'\xf7&gt;\xd0\x14Bv\xd3$\xe2\x1f\xc4&lt;\x80\rG\xcaH\x82\x0f\xa1N\xf0B!=\x8d\xc2T\xd5\x9cFi\xe8\x8eH\xb5\xa2-F\xf2\xcc\x83{\x11\xe2h\xed\x95W\xbd8\xb0\xae\xe08h\x8e\xf6+\xf1\xd2\x8a\xca\xb6O{}\xbdc\xf5\xac\n\xb2\xca\x9b\x90~eF\xf0\x89\x8b\xea\xc9\x00,\x93W\xa2@(n\xd4l]C\x0e\xc6\xb4\xcd\xc7?\x1d\xef\x82#\x83$q\xd2\x17\xea\xb4\xf0\x84~\x99\xf6&amp;\xef#SVbj\x13\xa9w\x05\xe8\x98^\x93\xe0\xd1(\xad\t)4x\x9f\xaa\xec;\xbcl\xa2\xecD)\x87\x1bX\x0b\xc1\x13`B\x95mX1&lt;.\x02-\xea\x8dq;\xe7y&amp;\xdd\x8c\xccs-\xdc\xe2\xad\xb6\x85~$\xa3\xd1BS%\xce\x10bg$\r\xbam\xb6P\xb2\x90\xdb\xe63B"\xa2\xe2E\x01\xafwZ\xf5e\t\x81@\x9em\xf8\x10D\x82\x9d-z\xff\xb9\xf0^e)\x90\x85\xed$\xe3%Y\xd3\x14\xe8&lt;\x95\xb9\xccD\t\x8d#\x8a!\xde\xa6K\xedli\x17\x8f\xe3\x14_\xcb\x1e\xbcv\xb4O\x17k\x9cMW\x00\x8ay\x8a\xb4\x10\x9c\xcbBn\xb2E\xec\xf0\x80\xa7\x9c\x0f\xc4\xc5\x88P\x19?\xcc\xe8\xd2\x1a\x19\xb2\x95\xef\x884E,\x8fq/w\xc1\xdf\xa6\xae\xbc\x1d\xea2a\xe0\xd2\xa7_\x99^\xbf"\xc4\xf6\x0bY!8\xef\xbbT\x912i\xf6\xa2\xc9\x8e\xe1Q\x14`@\xa8\'\x81\xf8\x19\x98\x1c\x19\xdd\xf6^\x8e}+`\x80\x89\xdbM\x11\x17\xf2\x0f\x8a\xcc/\x19q\xde\xd4*\x0e9\x0b\xcc\x18eJf\x88h4kf^\xa1"\xcd\xba\xce\xf3\xe0\xdc\xf0M@\x8c\x92\xfd\xe4@\x19#\x1fX\x9a\xf6m\xcaU\x83\xda\xcf\x9em\xde\x89jr\x92dr\xb4;\xfc\xc9oi\xc2i\x7f\xa6p\x06\xfe\x02on\xb5\xdbW\xbf%\x11\xd3C\xd3\xc1\xc5O\n\xcb\r%\xf0\r\xfe\x99\x8c\xcd\x94\xdf1\xa5\x04\xaf^\xcd8\x02D\xba\xae\xfdu\xd7\xebWF\x1b\xa1\xeb\xe5\x9e\xd9\xbd\xbc\x84\xee\x14\xb5\xfd#\x98\xf5y%j#B\x18+_\xe9s\xcc\x04\xa6\xa8g*u\xe4A6\xc8\x04\x96:\x8a\x952\xe5\xe1-\xd0\xf51\xad\xcbY\x93\x81\x1a\xfe\x06\xbb\x97\x0c\xb3\xd6\\\xbe\x03\xcb\x07&gt;\xfc\xb1&amp;u3)1\xf8r\xd8&lt;\xe3\x8e\xc1\xc3f \xbfO \x1a\xdd\x17\x98Yy\x04\xcc\x1f\x80\x0e\xd0kd\xdcAv\xf7nG\xef]I\x0ex\x07\xb9\xfb\x91b\xdboTzLrL#\x9cb\xf5\xb8p\xad\n!\xd3\xce\xda70\xaa/\x17?\xf8\x15\xd3\xe9\xf7\xd1$@\xd4\xbb\x14\\\xff\x19\x82\x14+,\xdbf\xf39\r2\xa9\'\xfb\xa0\xddI\x10q\xc1\x96;`\x91\xb0.\xf47G\xcc\n\\\xe0+|8\xb7\xe0\x10\xf9\x01^\xcc}=mY\xb8\x07u^k\x8a\xca\xdc]\x83\xb6\'Y\xc1\x1d\x0e\xd4\xd9\xe36@\xc3Xo\xf8\x96\xecooW$\xcd\xf0\x18\x8el\nG6,Q\x19\xed\x9eJ\xcc?\x0b\xbb\x14=&lt;7\xc0-\x158x\x16}\xebrjU8~\xe1o\xf4m4\x8eB\x93\x1e\x9ag\xa1\xa0\xf2O\xe1\x97\xe2\xa7,\xda\xddm\xc6\x83V\x86\xa6^\xd2\x0f\xbf\x97\x80\x93\x08eXl\xfd\xc2lc\xbd\x7f\x14i\xb4\xe2tl\xf7\xd0\x80\xf5\x0f(\xf1\xa5\t\xfaW\x8d\x0f3\x15\x00u\x1a4KzB\xecc\x0fF\xfcK@\xf3\xa8\x01\xa3tBp\xbb\xab\x17/\xe9\xdff\x00\x17P\xdf\x98(\x95\xba\xba+z\x1d7\xfe\xe0\x83)8\xc1\xee\x9eX\x9frY\xdf\x83\xeaoe\x7f\xb3B\x1a\xe0\xd0\xe7%,\x86\x8a\xf3\x99q\x80\x81\xe01\xe6\xb9\x1a\x83\xf6\xcfl\xd3\xdb\xd6\x0e\xe4\xa3\xd1\x92t=Ru2"&amp;\xc3\xff\xb62C\xc8C\x9aI\xbb\x08\xa5,\xb4D\x07d\xabQa\x1f\xe5&gt;\xb5\xaf\xe8b\xa3\x9d\x85\xe7\xe8\xc9\xc2\x9c\xe4t\xcfP\xb0_\x86&gt;\x10\x81cI]\x9e|.\xda\xd0\xe8\x1b\xe8"\xfc\x19\xf9"\x91\x83\xdc\x9e\xe3m\x15Gs!\x0b\xd2\x1b.\x96\x8c+\xcb\xf9\xb9\x8f[i\x98\xba\xe0\x95\x8a\xed\x87\xc2\xbbE^A6\xc4\x8b!@;5r\xe1c \x08\xc7\x8aU}p\x8a\xcd\x15\xa4\xe2;4\xeb#\xe9\x82g6\x9ez\xed\xe1\xa7\xb3\x04iq{Q\xec\xf5\x8e\xb0m\xdc)\x86FQ_z\xf6\xb1\xd8f(\xb0r\r\xe8\xcb\x99\xac\x1e%\x19~ \x81i\xdcp.\xa0\x06\x9b\xad\x1a|\x92\x17qM~\x99B\xa1@\xd0\x1d\xc6\xd5\x04\xb4\x03\xae\xb0"\xca?\x97\x81\xca\xbc\x9b/\xf1\x00i\xa8\xb0%h\xfb\x19\xef?\xe1\xd6\xc8\xb2\xce&gt;\x1c.M\x1d\xa5\x0be\x9f&gt;[d`\x90\xcb\xa6E\xa1b]\tDQ\x0e\xb9\xbc\x15\xae\x14\t\x96\xa0\x98\xb1\xcb\x06\xc9[8\xa9\x99L8\x1e]"\xf5O\xfb\xa15;\x87\xd6\x85\xfd\x07]\x13\xf2\xad\x87\x8c95\xdcb\xfc\x1d\xe8\x05kS\xccp\x99\xea\xdb\xe3\xa6\x19C\xb6\xb7\x9frg\xa8\xd0\xcc\xbc\xde\xb8|/\xe8\x04\x10\x02)\x90\x83\xe9\xa9\xb2\\\xbc\xb8\xed\xf7\xf5y\xdcO\x04(\n\xbd\xe2r\xfd\x8d\xbc`\xb9\xf3F\x19\xb4XV\xbdY\\\x83\xe6-\x07\xd8oY\xe9\x1d\xebt\r\xba\xa6\xdfpx\xe0g\x8d\xdc\x8c\xd0\xd4\xa0\xc5\xc5\x98f\x9bX\xd7\xf8Q=U\xbd\xd6\xdc_\x08\xfc\xc5\xf3\x05\x90\x18j\xcc\xed\x84\x9c\xae\x84~\xbeS-\x14q6y\xa1\xfa\xb7\xba!\xae%*++\x15z\x1e\xff\xd5\xe9%\x8ff\xe4\x05u"\xe7B\xac2\xde\xe4\xb1\'Jl\xa4)\xda\x0c\xac\tM\xdeH\xc1\x9f\x1d\xba\xf1\xad\x9e\x9b\x88Ca\xf4\xd6\x02\x84\xae\xd8|\xcd\xa4\x0f\xd7\xce\xdd\xe2\xe2n\x0b{\xbdo5\x91.\xcd\xe4@\xb4\xc4\xf1(\'X\xec\xf1\x89b\xc3\x00F\xf7\xa6%\xc9\xed\x17\xec\xee\xd4\xafD\xc1\xc8a\x1e\xc6WgXI`\xcf\xc9\xe2\xfc/\xba\x11~\x18\xb5\xd6\x9e\x06\xe6pK8\xad^\xd0v\xed0}-?\xd0a\x1b\x9aH\xa9\xd7_P\xe1\x96\xfb`s\xa1]\xb1Y\xea\xb56a\x13A\x15\xe1\x96\xb3\xad\xcd\'\xfbm\x1b\xb8A\xc5\xf86\xdcQ.\x0c\xf9=\x99\x8c\x04\xea\x02p\xfdahH\t\x00~\xec\xf0w\x9b\x9b\xe1\xfa\x08N\xe6\r\xc3\xc0\xd0\x89|\x1f&gt;\x902f\xf6\x92=_\x16GOV\x01YtVJahP\xb97\r\xc2\x1c\xaf\xc7Dj\xa5\xa6%7pkR4Q\xec\xaf\xce\xc0\xb7\x85\x02\xa0\xd5o\xfb\xe8\x9cM(\xbc\x0b\xdc\x08}\xaa\x02p\x10\x8c\xd7\xc12\x95\x03\x80R\xdao8#\x18"\xd1v\xff)\xce\xc3\x91Td\xb2\x8f\xb5?"\xc7p\xb3\x17\xb3\x07z\xab\xb8V \xd0%\xea\xaa\xeb\x9f\x89\xdd\xae\xc5\xd9\xf6\xb2\\\nK\xb6Cw-\xd0\xf8\xf1\x9c/\xd9\xf0\x0f\xeb\x8d\xc4j\xde\x16\x0b_\xa4~K\x95Ed\xe1\xa6\x03H`\x0f\x0f\xfe\x83\xbf\xff\x1b\xd5\x14,\x1b\xcc\xd6\xfd@\xa1\x94\x97\xb3v\xbe^27=\x07\x81\xa8\x03 \xcc\x04\x19m\x13&amp;\xf8\x0ewE\x0f\xa6\x97\x01sz&lt;\xe4\x11\xa3\x8f\xcd\xdb\xe5\n\xc1gQ_\xe3\xfd\x1e[(\xc0\xefh\x10\xa3\xe3O\x01\xfe\x1e\x19\xbd\xdb\xac\xecf\xfb\x05L*\x10~\x1c\x80\x88\xf8\xa9\xaa\xbe\xcb\x8e\xa7:\x97\xc1_t\x86\xde\xd0\xce\xbd\xf6o\xb9?\n\x8d\x93\xcd\xc6\xdf\xee\xbdFrN\x9c\xa8Q\xea\x07!&lt;\x16]\xf0=\x19\x0c8\xaf\x909\xbce\x8c\x10\xda\xdfz\x89\xdd\xdd\xd2aDqt\x8a\xab\xb9ngm\xd2\xdcP\xa2=\xda\xc0Z\xc0\xc9\xd7\xb4\x91\xa5\xeau\x95\xb1\xe8g\xf0\x7f\xe9\x9d8\xddz\xa8F\x06#\xf8\x90\x11\x83=\x87qUQ:wx|,6\x98\x88i\x98Q\x85`\xb3!I\x1e\xe5\xfe\xeb\x1f\xba\xc6q*t\x08\xef\xd7[\xd3\xea\xbc\xdb2\xd9H\x05\xca\xdc\xa1\xa9W\x92\xf5\xd8\xdc\xc1\xb6C\xed.\x88\xf5O1\xcc\xe5\x92\x0bG\xa1\x81\t\x1c&amp;\x01\x8f\x80|:\x7f,qP\x0f\x14\xeb\xa1-\xc8\xc6\xb0\xbc\x90\xcc\x96\xdcr \x92\xe7\xce&gt;V8\xf1]\xf8\x94\xd2\xd9\xc0l\xef\xce\xfbH\xee\xf1\x11\x1d1\xd8\xbcAh,B\xabk\xe3&gt;\xbe\xc6\xc7I\xb6\x14\xfe\xb1%\t{\xf2\xec|\xebDT\xfe\xf1\xa5\x11\xcf\xe4\r\xa6\x1d\xa50\x94\xdc\xf9\x9c\xb4\xf7\xfb\xd4w\'\xa9\x87c$\x97u\xe2\xa2\xe0\xdb?\x08\xea4\xb2V\x01\x92\x17\xc1\x80\xa21]\xb5l\x86\xce1\xc5\xee\xf5\x81\xc6\xbd\xa0\x80\xe7\xc1;\\!\xbd| \x9d\x9fn\x9bp\xd0D\xa2\xbe\xc3\x08\xe1\xc3,\xf3^\xed\x80\xc7\xe6\xb8m\xf21D\x0c7Z\x9e\xadK1\xce\xb5\x8a\n\xb5p\xe7\xc2\x1e\xfcNk\x18\xe9\x15\xd3\x9c\xa5\x89\xd8\xed\x1e\x1e\xc6\x86\xe6\x91\xa6t\xa0\xe4\xae\x07\x1d:\xe3\xdc"\xcf\nJ\xe4\xdeF\x11\xa5\xc7\x1f\xb6\xb5S\xf7\xe3J\xd8\x86r\x8f\x07\x1f,\x89\\&lt;0\xff\xaa\x08\x868L\xe5A\xa3\n\xde\xdc\x8dOP\x99\xd1\xd1*Y"\x016S\xa7\x0f\xcd!\x99\xc1\xee\xbd&gt;\xe3\x806~\xcf\x88\xb4\xbc#\xf0S)\x89kk\xf0T0T\xdc\x0b\xeaf,\x8d\xe7\xf8\xd21\x11\x15\xfc2iN(\xf9\x14\x95Zy\x95\xde\xa0w\x06\x00\xd8\x13\xa2\xe8\xa5\x8a\xd9\xd6\x9a\x8a\x10\xa2\x98\x0e\xdc\xf9\x1c\xe7\xd9\xc7/\x89\xbeXM9\xc1\x97\xba\xe3Q:\x8a\xca\xc7I\x04d\x9e\xfa\xf3\x06B\xbeb/\x8e\xd4\xe8q\xa9\xd6\xe1\xdc\rX0\xf8\xdd_\x8b\xa4[,\x9a\xb7\xbb\xdc\x17L\xff\x16\xa0q\xda\xb4R\x127n\x06.\xefh4\xb7\xa5\xb3\xcd\xc3\xdf\x04\x14z\x96[\xa5\x93\xdc\x13\xb7X\xb0\x9f}\x14\xe3\x8c\xa3\xbeP\x1bEq\xaf]\x13\xa2\x8e^ty\x0f\x85\x8f1\xf5\xc9\x81Q2\xc4\xfe\xfbx\x81\x0e\x12\xac\x1c8\xf8\xab\xa7\x9e\x89\x0e\xcf\xc61^/Or\x9c\xb4H\xe9Q\x17\xb7]c\x836\x85\xe9\xff\t\xf7\x83\xa8;aa\xad\x08(\x82\xbf\xb0\x01\x85b\xd4:\xeb\xe3\xd7\x1a\xde\x92!4U\'\xf5j:\xca`\xae\xe8\xd7\xab\xf0\x87\x04u\xb4\x85Y\xbba\xe1os\x06\xf8\x94\x82\x04\xb5\xfa\xfe'</t>
  </si>
  <si>
    <t>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</t>
  </si>
  <si>
    <t>b'\xad\x03\xb1\xf1@q\x94b\x0fU\xf5\xed\x82\x1e\xe4\x85'</t>
  </si>
  <si>
    <t>e of red-breasted bird with something
hanging from its beak. Dickon stood quite still and put his hand on Mary
almost as if they had suddenly found themselves laughing in a church.
"We munnot stir," he whispered in broad Yorkshire. "We munnot scarce
breathe. I knowed he was mate-huntin' when I seed him last. It's Ben
Weatherstaff's robin. He's buildin' his nest. He'll stay here if us don't fight
him." They settled down softly upon the grass and sat there without moving.
"Us mustn't seem as if us was watchin' him too close," said Dickon. "He'd
be out with us for good if he got th' notion us was interferin' now. He'll be a
good bit different till all this is over. He's settin' up housekeepin'. He'll be</t>
  </si>
  <si>
    <t>b'\xbb\x87\x8a\xd4&lt;)\xa8W\xf5"\x07\xbbd\xca\t\'\xdb\x0bP\x839\xb6\xc0\x02L\\\x19\x8bcco\xd1\xec\xe0\xf2`\x08J\xe3\xf9\xd5A[\xfe\xbe\x9e\\\xb4\xdc\xf6\xfa\x00\x91\xfb\x9d\x07x:\xac\xc1\x93\xdc\xd6YNQL\xe5A\xe4\x9b\xef\xe7"{\x95\xa2\xae{!\xa63\x00dp\xee\x1eT\xf9\xe7\xaeG_\x8aa\x95f\xbd\xa3n1 \xdci\x0c\xf2\x04n8\x88?a\xc9\xef\x1d\t\xfb&lt;\x88\xc8\xd8I\x95\x83\xe9&amp;\x8f\x0f\xf5\x9b\x90\xba\xdf7+Q\x8b\x19\xa2\xc4\xb5$\x1a\xc3&lt;\x9a\xf4\x04\xf6sv\xe6\xd2\x1ej,\x8a|\xff\xf0\x12\x96\xf6\x12\xad\x0c8\xa4x%r;6GI @\x8c\x11\xa8\xb8NHM\x83\x7fZ\xd2\xb5\xc0}Pw\xda1N\x93\xd3\xf0\xf8\xf4H\xcak\xdd\xb9\xdf-\xfeB\x13nr\x87\xdd\xa0#\x92\x96\xce`\xca&amp;J\xf1\x94\xf5\xfc\xba\xaak\x06\xdc\xe6\x14R\xf3\x9d\x1e\x84\xb3;U\xa5\xe4\xe8\xc3\xe67\x1a\xc2\x8a\xa7\x8cT\x0c\xf0\xbc"\x96\x07\xf3\xe2\xce\x8d\x83\x836\x07P\x96\x9a\x95\xe7?\x89*\xfdlX|d\xdb\xe6\xa8\x8c\nW\xda\xafM\xbc\x86I\xd5h\xf7\xa7\xcb\xf4\x861\xf2\xcc\xf1j\xabZm\x0f\x9e\x877A\xf6\xdd\xd8H\xc1Y\x9f\xfa/\r\xe5\x85UH\xe0\xf9\xfc\xe2&lt;P\xc6)\x8ew\x99\xa7I\xbd\xe9\xde,\r]_\xc9W\xea0\xd2\xc59\x17\xde\xd7\t+\xe7&gt;C2\xc3\x95\x9c1\\\'\nX\xf9L\xcc;`1\xfb\x8a6\xc2\x7f\xaee\xa0y\xd1\xe4\x00\x8c\xcdi\xd3\xc9\xe2b\xf3\xeey\x18\xac\x05\xe1\xc1\x8d6\xd4\xf5;`\xe8+\x8a\xaa\x87\x0c\x9c\x04C\xd0R\x84\xcfwx\xb6X\xc0J`\x97\x81\xde\xbd\xd2\x8bLZ\xc6;!\xd3J\xf36\x10\xe7\xbc/d\x86;s\xa9s\x88\xa6{Yz\xe3M7uk;\x94=\x050[\x1ewt\x0e\x1d\xc9\x869\xe8\x90&lt;\xe9\xa2r\xb7u&amp;\xe6\xd7\xe2A\x1fuc\x8e\x13\x1a\x15\xcfp,\xa0B\x04\x0fq^0\xf5!\xc6\xa0\xce\xfe\x8c\x0f\x8d\x04\xe0\xab\xfa\xdan\xdd1D\xc3t\x9f\xf9\xe4z\xc2P`\xff\x82^\x87\xbb\xe4z,3\xc3\xf3n\x12\xbc\x80\xa3\xd0\xa1\x94\xfd\x83\xdf4\xe1\xfc\x16\xe1\t{*\xb4\x87b7\x0f\x8e\xa7\xe7\xebX9O\xc2Q\x17\xafG8~\x9b\x85\xce&gt;\xefB?N\xba&lt;*.G\xdf\xf1\xce\x7f)\xdd-K\xffq\xbf=\xc7\x8b\xe4\xba\x03\x93\xfb-\x9a+\xba\xa9T\xdb\xdf\xa1\x88\xbcE\x10n\x02W)\x1a\\K\x9f~\x04d\x86\x14S\xd7\xe3B6)\x13\x90J\x97\xf2\x1d/{o\x12\xe9\xda\xaeq\xdf\xa6mO\xe2\x800\xea\xb0L36\xb3v^\x93w\x15\x11`!\xbbp%\xdc\xdc\xdd\xbbN\xdf\x05\x80.\xdd\x0b\x8c\x1a\xc9\x04i\xa9\x0c\xe9\xd58\xbc\xc9\x10'</t>
  </si>
  <si>
    <t>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</t>
  </si>
  <si>
    <t>b'\xbb\x87\x8a\xd4&lt;)\xa8W\xf5"\x07\xbbd\xca\t\''</t>
  </si>
  <si>
    <t>other materials. One way to look at â€œshipbreakingâ€ is that it is a form of
 Environmental damage
 Income per Capita
 A
 B C
 D
 Figure 12-3
 The Environmental Kuznets Curve
 Empirical evidence suggests that as
 economies grow, they initially
 do increasing environmental
 damageâ€”but they become more
 environmentally friendly once they
 become sufficiently rich. China,
 where the environment is deterio_x0002_rating as the economy expands, is
 in effect moving from A to B. Richer
 countries may be moving from C to
 D, using some of their growth to
 improve the environment.
 288 PART TWO International Trade Policy
 recycling: Instead of leaving a ship to rust, a shipbreaking firm extracts and reuses its
 components. Ultimately, this salvaging means that less iron ore needs to be mined, less
 oil extracted, and so on. One might expect shipbreaking to be good for the environment.
 The task itself, however, can be environmentally hazardous: Everything from the residual
 oil in a shipâ€™s tanks to the plastic in its chairs and interior fittings, if not handled carefully,
 can be toxic to the local environment.
 As a result, shipbreaking in advanced countries is subject to close environmental regu_x0002_lation. When a ship is taken apart in Baltimore or Rotterdam, great care is taken to avoid
 environmental harm.
 But these days, shipbreaking rarely takes place in advanced countries. Instead, itâ€™s
 done in places like the Indian shipbreaking center of Alang, where ships are run aground
 on a beach and then are dismantled by men with blowtorches, who leave a lot of pollution
 in their wake.
 In effect, Alang has become a pollution haven: Thanks to international trade, an eco_x0002_nomic activity that is subject to strong environmental controls in some countries can take
 place in other countries with less strict regulation.
 Carbon dioxide emissions
 (million metric tons) 
 China
 United States
 Europe
 0
 1000
 2000
 3000
 4000
 5000
 6000
 7000
 1980
 1982
 1984
 1986
 1988
 1990
 1992
 1994
 1996
 1998
 2000
 2002
 2004
 2006
 2008
 Figure 12-4
 Carbon Dioxide Emissions
 The rapid economic growth of China has turned it from a minor factor in climate change to the worldâ€™s
 largest emitter of carbon dioxide.
 Source: Energy Information Agency.
 CHAPTER 12 Controversies in Trade Policy 289
 Some activist groups are very concerned about the problem of pollution havens.
 Indeed, the environmental group Greenpeace made a cause celebre out of Alang, demand_x0002_ing that higher environmental standards be imposed.
 There are really two questions about pollution havens. The first is whether they are
 really an important factor. The second is whether they deserve to be</t>
  </si>
  <si>
    <t>b'0F\x02!\x00\xb8\xb5\x9b\x838\x9a\xab\xc0\xd5\x07v\x1bRJ9*\xdc\x16\xdb\xbeW\xc4o[\x16`\xdf^\xff\r\x16y\x02!\x00\x9e\x1d\x1c\x15\x06\x8e\xf2\xa3\xac\xd9h\x8aM\xe6\xcb\xf9\xc1\xca\xb3\xd4\\\xd2\x06\x0f\xb4\x90SR\x85\x8aG\x18'</t>
  </si>
  <si>
    <t>3046022100b8b59b83389aabc0d507761b524a392adc16dbbe57c46f5b1660df5eff0d16790221009e1d1c15068ef2a3acd9688a4de6cbf9c1cab3d45cd2060fb4905352858a4718</t>
  </si>
  <si>
    <t>b'0F\x02!\x00\xb8\xb5\x9b\x838\x9a\xab\xc0\xd5\x07v'</t>
  </si>
  <si>
    <t>and that it was not for the honour of the
 republic to have a large part of its regular force employed, for such a time
 as the siege of Udolpho would require, upon the attack of a handful of
 banditti. The object of the expedition, he thought, might be
 accomplished much more safely and speedily by mingling contrivance
 with force. It was possible to meet Montoni and his party, without their
 walls, and to attack them then; or, by approaching the fortress, with the
 secrecy, consistent with the march of smaller bodies of troops, to</t>
  </si>
  <si>
    <t>b'\xfe\xe6\xa1\xe2\xca\xd7\xd1\x08M(\x9d~\x1e\xb9\xa2\x94\xa2\r\xcd\x11\xc4\xd5\xf0\xce\xeaD\xf5\x0f#\xaa\xd2`\x97\xdf0K\xa7\xfc\x7f^ i\xe83\x19\xa6\xab\xeb\xfbY\xe6|F\x8e\x85y\xa4i\x0e\xa5\r\xe6\xf6L'</t>
  </si>
  <si>
    <t>fee6a1e2cad7d1084d289d7e1eb9a294a20dcd11c4d5f0ceea44f50f23aad26097df304ba7fc7f5e2069e83319a6abebfb59e67c468e8579a4690ea50de6f64c</t>
  </si>
  <si>
    <t>b'\xfe\xe6\xa1\xe2\xca\xd7\xd1\x08M(\x9d~\x1e\xb9\xa2\x94'</t>
  </si>
  <si>
    <t>ven
Hundred Yearsâ€™ Worth of Wars
Fron. S. Julius Frontinus, Roman politician and writer, d. 103/4 CE
Aq. On Aqueducts
Str. Strategemata
Fronto M. Cornelius Fronto, orator and tutor of Marcus Aurelius, c.95â€“
c.166 CE (the letters are referred to in the ordering of M. Van den
Hout, M. Cornelii Frontonis Epistulae [Leiden, 1954])
Ant. Letters to Antoninus Pius
Aur. Letters to Marcus Aurelius
Ep. Add. Appendix of Letters without Addresses
Prin. hist. Principia historiae
Gaius, Inst. Gaius, Roman jurist, 2nd c. CE, Institutes
Gal Letter to the Galatians
Galen Galen, Greek medical writer, 2nd c. CE
Anat. admin. On Anatomical Procedures
Antid. On Antidotes
Caus. puls. On Causes of Pulses
Comp. med. per gen. On Compound Drugs by Type
Diff. puls. On Differences in Pulses
Diff. resp. On Difficult Breathing
Examin. Examinations of the Best Physicians
Hipp. Fract. comment. Commentary to the Hippocratic â€˜â€˜Fracturesâ€™â€™
Introd. [Galen], Introduction [to Medicine] or the Doctor
Libr. Propr. On his Own Books
Loc. affect. On the Affected Parts
Meth. med. Methods of Healing
Mor. Habits; J. N. Mattock, ed., â€˜â€˜A Translation of the Arabic of Galenâ€™s
Book Peri eË†thoË†nâ€™â€™ in S. M. Stern et al., editors, Islamic Philosophy and
The Classical Tradition (Festschrift R. Walzer), Columbia, SC: 1972.
235â€“60
Nat. fac. On Natural Faculties
Praecog. Prognosis
Puls. diff. On Differences in Pulses
Sanit. Hygiene
Sem. On Generating Seed
Simpl. med. temp. On the Powers of Simples
Ther. ad Pis. On Theriacs, dedicated to Piso
Usu puls. On Usefulness of the Pulse
xxii Ancient Authors: Abbreviations and Glossary
Gel. Aulus Gellius, Roman miscellanist, 2nd c. CE, Attic Nights
Greg. Naz. Ep. Gregory, c.325â€“389 CE, bishop of Nazianzus, Letters
HA Historia Augusta, anon. collection of imperial biographies, 4th or
5th c. CE
Ant. Pius Life of Antoninus Pius
Avid. Cass. Life of Avidius Cassius
Carac. Life of Caracalla
Claud. Life of Claudius II
Comm. Life of Commodus
Did. Jul. Life of Didius Julianus
Had. Life of Hadr</t>
  </si>
  <si>
    <t>b'\xfdQ\x0f13p\xf2\x02T\x92y\xb1\xfb|\xe3\xfe]\xf6\x01:\xc9&amp;\xe7\x0f,\xe8\xc6\x17&amp;\xff\xfc&lt;\x7f\x15\xae\xf5Hd\xa4\x96\xb7j\xabL{Jf\x0f\x8f\xfbJ\xddb\xd7\xe0\xceG\x18\xf3\x14\x9b\xdd\x10\xfa\xf8\xcb\xec\xb7\xaf\xdes\xd8q\x15\xd8\xf8\xd2`\x86\xc8f\x01(\x84/@\x8c\x12\xf2,\xa7\xe9\xfc,O\x0b\x7fj\xa3\xc6\xc4&amp;\xc4\xf5\xbb/\xae\x13\xb7:\xc3o]\x90CV\xa9\x9c\x92D\r\xd3b\xedvB\x12\xc0\xc3\xd1\'(&amp;9\xd8\x8eYz\xf7g{\xd9Y-\xcb\x1f\x0f\xdcd2\x02\xb8\x1ec\x92G\x8c\xaf\x84A{\x9a\xec,\x19\xb4\xae$\x1e\x19\xb9\xa8\xf5\xb7A\xdd\xd2\xf56\xb9(\x0eC\xb0\xa8\x13ZV\xc3\xb0\x1b\xb0\xa5\r\x1c7\xdea\n(\x8f?!\x9d\xa1\'~\xd9dA\xac)\xd8\x0bK \xa9\x85\x968\xf3\xa5rAMv\xd7\xb5\x01\x82np&lt;\x1e*\x1e\xc0\xe0\x9dGb\xb21,\x03\x8d\x9du}\xdb\xbc\xf0\x06\xed\'\x1f\xbc7y\xfb\xea\x9a|\xb3\xdc\x13\xe8\xf4/zH-\x86\xae\xe4\xb6\x0c\xb5\x19?\n)\x1e=\xb1\xc6\xa6+Y0\xa6I\xe2\xab\xf7\x88\x8e\x95\xce\xd6\xb1s\xa2\x7f\xb6pG\x94\x17y\xa7&lt;\x02\x01S\x87TB+\x87ml%\xb3Ld\x96W\xa9\xad\xa7\x8c\xd5\t\r\xff0\xff\xfe\t\x936\xa5v\x95\xbcV&lt;x\x84\xbe\xad\x1f\xf0\x8cm\x06;\xe6\xe6\xa5\x00@6\xdc\x91\xd4\x85\xf3\xca\xa8\x9dFF7].\xe1J\xb4\xf3\x0c\x93)~D\x8eS\xdaR\xf0\x89\xde\xb0\xdde:\x9c5\x02\xc4\x80\x08=\x83\xc5_7Y\xa4\xea\xf5F\x0c\xdd\xd9\x82\xc4\x06\x16#\x00BA\xa4\x9fOr\xdeS\xd3\x13E\tKc\x85\'6\xd4%-\xd7s\xddyN|\xd1\xa6\xe1#\xea\xe6\xc0\xf9_\xe5\x17\xc6\xed)\x82\x9a\xeb\x98\xef\xd8\xca\xc7\x15[\xb3\xff\x0b*\x82W\x1a/\xfe\xf0"9uM\xdb\xddh$\t\xe0U+\x1dC\xeb\x92\x0f\xc0\xeeaW\xab~A\x9a\x95\xc5\x15l\x91\xbb\xd2\xechay\xfex\xbc\x9d*\xb5\xfb\xb0*\x93\xa2C5]\x9bGE\xe7\x91&amp;RbI\xa7\xbd\xb9\xa9\x1d\x96H)\xbc\\\x81G\xe2\xf07\xc5\x1b-|\xd1\x94&gt;o\xdb\xf8\x13wo.\xf4\tG\x0e\xeat\xc5%(\xb5t=z\xc5\x821\r\xeae}\xbb\x19\xf6\xb1F\xba\x86\xd2w\x8dh\x14\x92\xd6X\xc7\xb6\x08\x9f\xd2\xc4\x18\x1dK\xc4\xe0\x1e\xf0N&gt;\xdb8a\xc6\xbd8r;J\xd2\x96qj\\b\x99b\xcd\xff\xd1\xc3da\x18\xe9\xd8\xbc\xa9)\x14\xe4m!\xc8\xbf\xc2\xba\xc5*\xca\xd6\xc1\x85L\xb3\x95\x97\xae\xae\xdc\tg\xd0\xac\xa4|\x16d\xb5\xf4V\xa8V\x874h\xde-\xef\x14\xfa~\x0f\x9ar`\x93\xf7!\xae\x8dJ\x7fTR!\x0b\xd0\x08\x13\x07\xc6\xd1aD!\x06q\x97\xa8\xad@\xefc\x8c\x1d\x10w\'++o\xafH\x01\x95\xd3\x97\x17N\xaf\r\x04$\xc5\xe9)X\xfd5;gj\xd1zS7\xd9a\xa9A\xb2\xe2\xc7\xec\'\xff\x8b\xd2\xc3\xc5I\xf9&amp;\xcd\x1f&amp;\x18\x84I\xd9K"\x95\xa3\x03=fH\x1fr.F\xae\xc6\x95\x0b\xdbo\x07\x99\xd4\x1c\x97Uij\x8cT\xd7\xca\xf7\xc6\xfa\xefBvD\x98\x06s\xacq\xd0O\x8f\xac\x03J\x1c\x1a\x9b;F\xf9\xcco\xbfO\x922\xfc\xee\t\xceb\xe8&amp;#\xb1\xa3\xbcC\xfd\xa2T\x1e\xf1\x9f\x0f\xf4}\x84\xf1-\x8e\xc2HK\xb4fL7\xf4\xa4\x9d9|\xdc\xc6.&lt;S\xa9\xa9\xa5\xc1]Q\x15\xc3}&lt;_\x8ey\xa4\x19\xcd\x1a,\xba\x97\xc9\x01\x12\xae#\xcb\xb6\xe7\xf2\xb2\xa4K\x94\x92\'\xf4\xcd\xa1\xa6~\xbd\xe6\xed\xe7I&gt;\xbc~m\x9a\xdf\x06\xf1\xea{\xb0\xe5\x8e\x91X\xf6\x1d\xfex\n/\xbf7\x90\xa7\x1agM)\xefO&lt;\x81\xdc\xf6\x05\xb1\x9d\xbe\xd7\xb4+\xa3\xbcn\xd2\xbcX\xae!\xb5?\x88c/\xc4\\\t\x88\xe9a\n\xde,\xcf\xf9\x8c\x7f\xae\xdf\xb8\x1f\xd7\x01L\xee\x8e\xe2\xcc\xd5\x95\xa3\xfeky\x93\x95 \xc4\xd5QY\x00\xd6Y\x0b\\ge\xb7\xf5\x04\x1b*\xef\xb2C\xc3\x9f\xb2\x18AG\xe4c\xb5\xc2\x8e4\x11wm o\x0c\x07\x1c\xbfOOM\x10\xefSGt;\xa5\xaa;\x97\x85\xfc\xbb}\xe0 \xfa\xec\xfd8`Gb\xd5\xff&lt;h\xa6jK\x11\x11y \x8e0\x08\x8e\xc2\x88\x04=\x856\x05\x92+a"\xfe\t}@{9/\xcb\x84k\x92\xc1\x0c\xac\x1e\xd0\xf2t\xe9.V\xf4\xb80\x19\xa3\xcbn\x91Q\x12\xc8\xa6\xb1o_:\x02\xb1\x13\xedl\x00\x95\x84\x00\xd1\'gxM\xe4e73\xc6\xceH\xb8\xe6\x0f\xe3.Oy\x1a\x10\xb6jo8\x99L\xba\xfa\xb2\xe4K\x1e\xc6\x03\xb1\xd5\xe6\xc0i\x1c\xfd\x9c]\xe1\xcd\x88\x86p\xefc?\x0ed\x97\xe6d\xea\xb2\x9c\xe7\xcbl\xc3(4\x00D:\xb9\xc3\xd3C*\xb3N\xa0\x8c\xa1\xd5\x18{Y\x1b\x8f\x87\xb8\xd9\xd0|\x05\xe1z\x08M\xd0\x10U\xc5\x04\x89Z\xbbB\xb5\x89M \x10\xd3\x90\xaf\xf2B&amp;\xef=&amp;\x85\r\xd5&lt;\xb8\x83\xfe\xb8qD\x93\xe7\xd0!\xbc"\xd8\x93\xcd#F_\xb3\x89\xb2\xa1\xac_\'\x10\x04\xae\xf7PP\x92\xd8Np\x0bJ\xe7\x9f\x92\xe5\xb8\x8dg?\xbb\xa6@\x0b7C_\xff\xdc\xf4\xa2g\xae\x98\xf3A&amp;\x953\x0ba\xa2hM\xc1\xb2\\\xceU\xa1\xff\xa5\x9f\xd6t\xef\x9chm\xa5\xc2&amp;\x17\x16\xe5\x14\xb7\xba\x04\xec\xfa\xd9}\x0f\xb6L\x1b\x8a\x14\x07\xb5\xf2d\xfeT\x9dD\xe9\x07\x82_\xaaL\x8f\x1aR\xd3\xb5\xc5Of\xf4\xfd\xd1E\xcd!c\xd6v\x8c\x84\xd9W\x96^\xb2(/\xddx\x8d*9\xaf\x8f:\x05\xa9a_$bG\xd1\xcb\x18Q\x17\xbd\x00~\xa1G\x96\x1c\xa7\x95\x16cL\xcf\x9b1q\xc9\xc8\x0eU\x83\x9c\xb4;\xfbJ\xb0a\x81\xc9\x17\x1cdF\t\'\x0f/\x10\xe72\x8d\x946M\xf1\xb0&amp;\xbd\xa3\x1d\xb6%6\xe0\x8a\xe9\x8a\xc1N\x8a\xa5\x9b:j\xbc=\x1a\xf1&lt;\x8f\xa9\xb8\xfc\xd6\xfd\x1c\xc7_2\xbbx\xd9\x9b\xff\x8f\xcd\xa57_\x1d\xf9/\x9c&lt;\x82\xa1Se\x16\xdd G\x1b\xc0\x85{\x18+_M\x08\xb8\x8c\xec\xd8\xae\x0c\x1e\x90dA\xdd\x8f\xfd\xa9K\xdc\xc1\xcd;?b\x11\x9a|5\xf9\xa9\x8c\xb8\x92\xac\xdfk(\xeb\xf8\xd1\x12\xda\xe50\xb3\xb4*\xb8%\x0f\x05CN\xe8Dy&amp;{\x90\x98vZ\xaf\xeb#\xd2\x91uy,\x01p\xbe~\xa0\xfa\xc0\x0ft\xd9%=\xf0\x1c\xf1\xbao\xe4\xc1\x8a\xcd\x17Y\x85\xa16\xcd\x86\x8c\x8e\xferg\x1e\x15Y\x0b\x19s\x87\xd2\xb8}\x9cb*\x08Y\xac\x94\xca\x92@\xb1\xe2eg\xae oT\xefz\xa2 \xa3x\x1e\x11\xa27z\x17\x80;\xf4\x00\x06\\\x1btQ\xf3\xbe&gt;\x0e\xe7}\x9d&gt;#n-\x9cE\xe9\xce6{\x14\xf8w\\/8\xe6W\xde\x16D\xe2\xcc/\xd3\xe7I\xc2\x8b0\xc5\x04\xec[5\x0b\xe24\xd8\xc6H\xa7\xbf\x82\xee\xacZe\xd8\xe8i\x17\xf3L\xd5\xbf\xd4\xba\xa9\xc0\x85\x93\x9c\\\x9dG\xcd\x91\x98\xb2\n\n\x86bjPE;"C\x88\xd2S\xdd\xfb.@T&amp;\xb9L\xf7\xe9\xb1\xe4p\x87\x07\x80\\\xeaF\xf3jw}}\xf3\xa7\xa2\x9e\xd0`\xd5\x18\xd0R\x1f\xab\xe4\x9d\xc5\x98\xb5\x103\xb8S\x0fB\xe6\x1e\x9b.\xf7\xb4\x06\xd9%\xfaex\xd8\xa64&gt;\xf7A\xb1\x04\xb3\'geQ\x88\x0b\xc7\x9e\x8d\x82J\x81 \xc4\xf5\xd8y\xb5&amp;MU\xbc5\xfdf\xf6\xa1\xdf\xb9\xebH\x97\xeb\xebc\xcf\xeb\x18\xd0\xea\xa62\xc1\x8a\tA\xb9nYV2T\xed\xe8\xf2w:\x17\xeb\xc7\x87xP\x96\xd9h\x97\ts&lt;\x1f\x9dd%)\x1eT\r\xcb\xfa\x8b\xbasc\x8e6A*#\x13\x90\xa8i\x9c.f\xd3\x08\x0c\x1d_\xe7\xbeiu\x0c\x1fY\xb2\x0c\xdeS`C\xff\xd4\xf8\x1bs\x1dS\x1d\x94g\xac;\xc0W\xfc#c\x0b5\xa1h\x10\x02\x17H\xac\x9e\xcc\x0eq\xe5rd\xad\x81Gh+\x19U7\xb8\xb4!\x19O\x11\xe5\x91\x92l\xd9MW.1q\x92\xb3BBu\xbb\xd8\xae\x17j\x05\xf6\x1f\x17\xd6\xe0Iw\xc7b\xa7\xfeY!i\xad\x9b\xf9\xfd\xf9\xf8\x02'</t>
  </si>
  <si>
    <t>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</t>
  </si>
  <si>
    <t>b'\xfdQ\x0f13p\xf2\x02T\x92y\xb1\xfb|\xe3\xfe'</t>
  </si>
  <si>
    <t>I was going to do a foolish, over
 bold act; but I was determined to do it with all the precautions in my 
 power. These biscuits, should anything be</t>
  </si>
  <si>
    <t>b'\x9e\xa5-*q\xedNh\xf6\xaa\xb0R\xe3U \xdd:\xaa[\x90\x8a\'Q\xf4\xd3g\x8f\xea\x00{\x97|@\x0e\xb4\x7f\xe9An#\xd1\x1f\x9c\x87\xd48\x8cz\xcd\x10J\x1e\xf7\xe2\x86\xa6\x89\'\x97\xd10a\xe5\x13m\x0e)\x9dS\xa5\x13\x14\x1e\x81L\xfeo\xe9-\xb0I\xcc\xd6\xd0\xa5\x84x\xf8T[`Z\x06\x89I\x13\n\xf2\x0f4\xd0-\xdf\xe4\x02\'3K\xd9Y\xd0\xb1/\x1en98-\xb1\xf9\xa6\x8b_t\xdd~#\x08a=\xea\xdb\xac\x96\xffV\nNA6X3\xf0]\xa7\x1a\xe0\x04@r|\xe1\xa2\x8c&gt;\x07\x89\x1b$"\xfc\x14Q\x14\xb3\x03\xca;\xe4W\x95\xe15\xf6[\xdf\x10Q\x8b%\x003$\xe0\xbeU\xb7L\xcb=\xd8T\xa3d\xd2g\x98\xc8\x0e\x0c\n[\xda\xdc\\\xa7\xf2P\x88\x0b[iI\xb9\xf8\xa9\xd2\x1d\xf2\x14\xb5\xe0v\xb0\xbf\x13\x95\x1a&lt;\x9cUIU\xf0\xe4\x95\xa2\x94\x8d\x0e\xc7\x05\xddR\x9ah\x8e\xae%\\y\xaa\xb5\xcaP\xa0g\x80\xbe\x94\xad"\x08\x99\xe9\t1\xde\x9a:\xc0\xe1\x87\xba\xe9\xab\xde\xebgw\x13\xb7\xd3\xe0\xdd2\xd6\xdf!T\xa1\xc3*\xf3&gt;\xa4\x84\x8aD\xed=\x87\xd7h\x95=\x82&gt;\xe7\x98\x16A/m\xa6y\xd4\xb7\x92\x97f\xd9\xf3\x1b\x129\x14kj]\xb5\xa0\x1f\xaa\xb3\xa6\xbc\x8c^\xf3\xc9J;2\xf1|H\xccQ\xb6\x9b\xdc\xaf\x1a1\xd5+\xc8l\x0e\xa5\xf1#\t/\x81z\x1e\x8c\x90R/\x19oe\xf3\xd8\xc1I0\xce\xc8K2"\x08\x88d\x0f\xcd\x0b\x98\xa4,A\xf5\x12\x81\r\xd8\x82.\x87\xb1\xfd\x94|&lt;\xe2*wPl\x8e8\x02\x05\xdc\x88[\x1e\x1bQ\xf7\x8d\xca\xd6\xd5\x0b\xf8[\x13\x15&gt;\x068\xe5\xed\xb0\xaa\xfdL\x06\xcbWZa\xf1\xf1\xfb\xb9\xcfU\xa5\xbb\x9e\x014\xff\xa8J=\x96\xdfYU\x8e{\xf2\x87\xab\xc9\xbb%\x90\xfc\x90\xbbc\x002mh\x1e\xb9\x98\x97\xeej2WZ\xde%-v\xc2\x81\x1b\x90\x8e\xfc\xd7\xd0\x10\xd5\x85G7\x13|8'</t>
  </si>
  <si>
    <t>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</t>
  </si>
  <si>
    <t>b'\x9e\xa5-*q\xedNh\xf6\xaa\xb0R\xe3U \xdd'</t>
  </si>
  <si>
    <t>s it was sinister. Peter felt for his dagger
 till his hand gripped it. Then he spoke.
 'Who is that?'
 For long there was no answer: then again the knock.
 'Who are you?'
 No answer.
 He was thrilled, and he loved being thrilled. In two strides he reached his door.
 Unlike Slightly's door it filled the aperture, so that he could not see beyond it,
 nor could the one knocking see him.
 'I won't open unless you speak,' Peter cried.
 Then at last the visitor spoke, in a lovely bell-like voice.
 'Let me in, Peter.'
 It was Tink, and quickly he unbarred to her. She flew in excitedly, her face
 flushed and her dress stained with mud.
 'What is it?'
 'Oh, you could never guess,' she cried, and offered him three guesses. 'Out
 with it!' he shouted; and in one ungrammatical sentence, as long as the ribbons
 conjurers pull from their mouths, she told of the capture of Wendy and the
 boys.
 Peter's heart bobbed up and down as he listened. Wendy bound, and on the
 pirate ship; she who loved everything to be just so!
 'I'll rescue her,' he cried, leaping at his weapons. As he leapt he thought of
 something he could do to please her. He could take his medicine.
 His hand closed on the fatal draught.
 'No!' shrieked Tinker Bell, who had heard Hook muttering about his deed as
 he sped through the forest.
 'Why not?'
 'It is poisoned.'
 'Poisoned? Who could have poisoned it?'
 'Hook.'
 'Don't be silly. How could Hook have got down here?'
 Alas, Tinker Bell could not explain this, for even she did not know the dark
 secret of Slightly's tree. Nevertheless Hook's words had left no room for
 doubt. The cup was poisoned.
 'Besides,' said Peter, quite believing himself, 'I never fell asleep.'
 He raised the cup. No time for words now; time for deeds; and with one of her
 lightning movements Tink got between his lips and the draught, and drained it
 to the dregs.
 'Why, Tink, how dare you drink my medicine?'
 But she did not answer. Already she was reeling in the air.
 'What is the matter with you?' cried Peter, suddenly afraid.
 'It was poisoned, Peter,' she told him softly; 'and now I am going to be dead.'
 'O Tink, did you drink it to save me?'
 'Yes.'
 'But why, Tink?'
 Her wings would scarcely carry her now, but in reply she alighted on his
 shoulder and gave his chin a loving bite. She whispered in his ear 'You silly
 ass'; and then, tottering to her chamber, lay down on the bed.
 His head almost filled the fourth wall of her little room as he knelt near her in
 distress. Every moment her light was growing fainter; and he knew that if it
 went out she would be no more. She liked his tears so much that she put out
 her beautiful finger and let them run over it.
 Her voice was so low that at first he could not make out wh</t>
  </si>
  <si>
    <t>b'N[%\xf5\xf0\x894t'</t>
  </si>
  <si>
    <t>4e5b25f5f0893474</t>
  </si>
  <si>
    <t>for those who made it available: â€˜â€˜one must. . . also make available the signs of the
blessed vision for the next generationâ€™â€™ (PT 1.1.7.13â€“14). One of the most important
traditional celebrations of the diadoche, or transmission of the teacherâ€™s mantle, is to
be found in a text that, unfortunately, is somewhat late for this chapterâ€™s historical
range. The work is the Philosophical History of Damascius, a kind of Whoâ€™s Who of the
late pagan world, but also a scathing critique of those entrusted to uphold what
Damascius understood as the sacred institutions of Hellenic philosophy, that is, those
who occupied the title of Scholarch of the Platonic academy.
Students spent long decades with their teachers; the philosophical partnership
could become a lifelong association. Plotinus studied with his teacher Ammonius
for 11 years; Amelius had been with Plotinus for 18 years when Porphyry joined them
at the age of 30. According to Longinus, esteemed members of the Platonic school
engaged primarily in oral teaching, devoting themselves to refining their studentsâ€™
understanding; Plotinusâ€™ own teacher, Ammonius, wrote nothing and possibly
enjoined his followers to maintain a similar practice (VP 3.30). If Porphyryâ€™s Life of
Plotinus is credible, Plotinus himself committed nothing to writing until almost the
age of 50, and instead concerned himself with the difficulties presented by individual
students during the course of personal instruction:
534 Sara Ahbel-Rappe
In the tenth year of the reign of Gallienus Plotinus was about fifty-nine years old. I,
Porphyry, when I first joined him was thirty. From the first year of Gallienus Plotinus had
begun to write on the subjects that came up in the meetings of the school. (VP 4.10.12,
tr. Armstrong)
Although Plotinus and Epictetus engaged whoever wished to attend the lectures
(evidently chaos reigned in Plotinusâ€™ classroom, with answers to objections dragging
on for days), it seems clear that this public teaching style was modified by two
factors. The first qualification for a student of philosophy was basic familiarity with
the textual tradition that maintained the philosophical lineage. Famously,
EÂ´ mile BreÂ´hier reconstructed a typical day in the classroom of Epictetus, which
began with an oral recitation of one of the old Stoics. In the afternoon Epictetus
extemporized from the dayâ€™s readings. BreÂ´hier compared this procedure to what he
imagined went on in the classroom of Plotinus, based on some passages of The Life of
Plotinus:
In the classes, they read for him the commentaries, whether those of Severus, or those of
Cronius or Numenius or Gaius or Atticus, and among the Peripatetics those of Aspasius,
Alexander and Adrastus, and whichever ones came up. (VP 14.10â€“14)
Whether or not the Enneads are a kind of record of such collective reading practices,
the point remains that texts remained an integral tool, yet texts were never enough, as
Epictetus tells his students:
You have merely picked up the words themselves and utter them. Are the words in
themselves sacred? One needs to approach these things with a certain attitude: the matter
is of great magnitude, a solemn rite, not something ordinary or granted to just anyone.
(Epict. 3.21.16â€“17)
The other constraint on discipleship has to do with a ranking system that Porphyry
intimates was present in Plotinusâ€™ own circle. Porphyry tells us that Plotinus â€˜â€˜had
numerous auditors (akroatai), but o</t>
  </si>
  <si>
    <t>b'\x92\xc9\xaa6}^z\x99\xd5\x93\x10`\xc0\xb0\x8d\x05YM\x9c\x1bA(\xd3O\xe5h\x06pqA^C\xc6\x12\x93P\xa3\x1b\xf7\xc0\xae*\x01\x85\xdcZ\xf0\xba\xfa7K\x12\x8e\xa9\xcd\xe4W\xfc\xb1\xe3\x1bY\xb8\xf6|&lt;\xdbyg|\xb9\x8fe\xc4\xf2\xed\x7f\xb5c\xef*&amp;J\x80L\xe9\xbfJ\xc3\xb4\x17o\xf9\xf2{QH\xbb\x06&lt;\xfe\xe5[v\xc5\x1a\\\xbdQo\x98\x1d\xc6G\x97\x12\x0c\xe1Y\xf7\tH\xe2\x08f\xaf~\x9b/;.\x81\xb3\x07z\x0f\xce2\x97\x0e\xfc\x02\xd6\x1b\x84\xe8\x87\xb2?+\xa7\x1d;\xc9\x9al\x0e#\x90(\xdb\x8ep\xab\x90\xad\x02#\xf5t[\xfd\xbd\x1e\xe9z[\x7fU\x81\xb6!\'ED\x13h\xe4\xeaF\xa8\xab\x07,\xbf\xfc\xb3\xd5/\x01\x97\x89\x88\xab,g6\xa3\x11\'*\xaa\x1f\xd3\xe4\x02Z:6\x84\x11\x88 &amp;\x0c\x05!\x8f\x86\x0f\x01&gt;\xfdT;\xcfZ\x02\x1c!T_\x19\x1c0\xbf\xb1\xcb\xa9\x1c\x07\xa4"B\xf3\xefA\xc5u\xd0\x1f\xa89\xe2&lt;8U\xf6\x10\x19\xbe\xf5\x16\xc5\xd0\xa1o=\xa1\xf8\x8c\x94\xd2\x14\x0e4l\xcc\xbeXr\x96\xb7+\x1d\xd2\x15WA\nD;\xcf\x81\xdeq\xc5\xbb\xda\xc0|\x0c#\xe0:\x9fC\xcf\x00$\xa8\x85\xdf\xa7\xa5B\xe5o\xb4\x19{\xa8\x01\x9a!X\xd0\x89y\xce?\\\x1c\x83\x17\xff\x19\xd7\x92\xb0\xd0\xe6\xb7\xa6\x14\x9b\x1d\xea\xf3Tr\x12&gt;;k\xf0M\x90t&amp;s\xb4\x1dnS?\x90\xd5\xe8\xb1-R9\xab\x97\x8c~\xd5\x0e\xd2\xaa\xa0\x84\xdf6\x80\xb8\xde\xbb\x16\xc5n$I\x14\xb9\x05\xcf\x7f\x92W\xb7\xb0\xcf\xfct\xf3p\xcdk\x0cA\xdd\x158\x1dN\x15\xdd\xdb\xc3\x1f|1\xfb\x8e\x8e\xc9_\x07I+\xf8FL\xbb\x0f\xb0\xb0\xeeHT\x8d\x88L#` h\xee\xc3\xb1\x18F\xa7\xdf\xb8\x18\x06\xd5\x99\xab\xc8\xa4L\xb8(6V\xacN\xe8\x8f\xb1=\x0en\xa7\x02p\xc2\xbd\xd9\xad\xd38\xd6i\xc8\xe5\x99\x9dy\x18\x8f\xbf\x81\xa1\x81vt\xd3\xb3R\xd9F\x10\xfd0\x1c\x9a)\xb5mj\xaa\xc8\xf3e\xf3\x8e\xeb\xce\xd0\x1f\nq]0\x0e\x9a\xb3\xd2\x0c\xcc\xc1y\'\xb14R\xc0\xf7\xddOj}{\xb4^\x8bW\xaa\x8cZ[B\x01\xf1;N #$N\xd96\x8c\x99\x97\xafKn\xf3\x05\xe9\x85\xb5\xa9\xc9\xa7\x00G\x84\xe92\tMu\xbd\t\xe0\x85t\xd2\xf7\xd6\x7fFKSZ\x8dDl\xde\x1c\x8e\tQ\xe5\xae+\x1e\xbc\xab\xb3\xdb\x7f`_sv\x9c\xc0s\x1aD;\t\xb9\xe0\xbdG\xd5R\xb0\x83\xed&lt;\x0b\x11t\xfc\xb4\xd1\xda\xfc\x80\x95T\xe7\xa2\xecU{~l/\xbe\xd6}KR\x94\xc0\xfd\x8e?\xcd\xa5(\xa4\xf9\xa1i\x99\xaaA\x15x\xa5M&gt;\xe1\x10\\\x8d\xb0+\xd7\xde\t?\xba\xb9\xd4\x98R\x97w\xb82Z5]\xd8v\xe1K\xe6b\xbf\x0f~\x8e\xb4Q\x14\xbe1\xa2\xb9g\xd8B\xfd{Y+):w;\xd7\x9eOV.,q\x11^%\xbd\xe7\xc9}\x8b\xb4\xb7N\x19d\xd4\xdc&lt;\x97\x98\x9flO_W\x81\xdcF\xe9\xe9/\xc9\xef\xed]\x1d\x07\xe8\xab\x8aOB\x8c\xfe\x8a\xd2E\xeb\xba\xfb\x7fz\x0b\xe0&gt;d\xf7K\xdbF\xff\x90T#jG\xc4v\r2#S\x98\x0e&lt;Q$\x85k\xbc\xb2\xe9\xe1s\x12v1\xdb\xff\x15\x99\xa6\xd9P\xc9\x0e#\xf1\xbc\xd0\x15\xbd\x07\xc3)\x00\xef~%\x0f\xfc\xe6\x1b\x90JU\x01_:l~(\x88\xb0\xad\x85\xe6\xa7;\xaf$\xba\xd7t~z\x04\xa5\xa7z\xca\r3\x95K\x0f\x12\xfa\xc4\x8frd\xb48\xa9\xe6\x0fq\xb1I\xd6K\x89"#\x17\xea\x1aO\x01t\xc2\xbd\x13\xa5\xcf\xe8\xb0\x85)\x11FC\xc7\x93\x84\xeaEeR\xd7\x97\x84\x84S\x0e$\x92\xf5\x8d\xf6\xce\x9a\xb7\xe5\xf1C\xa2E\x89\xd5\r\x99\'k\xea\x07\xa0&gt;\xff`\xf0\xec\x9a\xb0;\xa3\xf6\xcbz\x8d\x01\x1a&lt;=\\q\x16P\xa0j}\xb8Q\x87\x1d\xfc\xdfz\xfe\xa1\xb4\xfa\x97\xd1\x1b\x06\x02\x03\x7fX\xd6\xc97#C\xf7\xe5\x8b\xc3\x0cdd\x9d\xb4\xe5fA\xc3\xf9\xeb\x18\xdc\xe9Gd\xd0\xa7\xf0\x11TN\xfb_3\xbf\tj\x80\xa8\x00X\x9c\xd2\x1a\xf5\x82\x08\xbf\xd6\x1cb\xafV\x18@\xb5 vofw\xa0\xe8Je\xa5\x1b{#\xe8L\x92\xa0\xdf\n\x13\xbb\x7fcc&amp;\xe9Yc\xb0\xdd\x1b\xdd\x83\xc2U\x84\xa4\xd8z\x8d\x1c\xbd\xb4\xe6\xca\x8c[\x03\x1d!\x91\xcbt;\\\xc1\xf5,b\x00\xfc\xa6\xf3\x17\xf6\x88\t\xffx(\xf1\xfa\xaa\xb7\xd0\x1e"u?\xefI{\\\xde\xb1!_\x03]$\xe5\x7fZ"\x82\xf0\x14\x00\x87\xfd\xcf\xbc\xec\xb7H\xffn^\xf9v\xe0\xdf\xf0&lt;m\xc5\x02\xabl["\x1d\xf4\xe7\x04\xfb\xa9\x86uv\xc4\xe4\xd1\x99_k\xa7x\xfdM$\x00%\x12z\xd3\xf4V\x84&lt;y\xe8H\xb9YW\x165]\xe4\x9bC\xc6@\xec\x88\t\xbdN\xf8"\xcdjX\x9b\xa8F\xc81\xe0\xaeU\x9aI\x03&gt;\x04\xea\x9e\x05g\x87\xa3y,\xdcPV\xccZe\x01%\xaejL\xaa\x1c\x19\x8ap\x124\xfcs\n\xa7\x95\xdc\xde\xc2\xff\x1bG\x07[w\xca\xa5\xd0\xca\xaf\x8al\x00\xaf\xaf.\xe7\x00\xe2\xc5\x936J\xd2&gt;\x83XcX\xa5\x9b\x95U\\\xb4z\xe1v\xa7\x82s\xa9K\xc1\nt\xda\xf9\xcd\xbfaEG\xcc\xbe7\xe6\x9d\xb9B\x11\x06\x9b\x935,_\xa3\x96ya\xf3\xf4\xdf)\xe6\x11\xe6b\xac\x03\xa9uL\x85hf\x99&gt;djG\x1b\xa1\xca\xab\xa0\x9e;\x894\xa7\xf1\xb8\xe0\x14a\x8e\x14\xa3\x00\xe2\t\xcf\xd80\xdd\x9d\xc3\xdc\xc9_s&gt;\xf5)\xef\x04\x93\xde(!}#/\xfc\xe6\xc5\x05\xfc\x15*\xe3I\x80_\xcd&amp;\xaeZ\xea\xb9\xa8\x88/BE\x1b\xc4\x87\x1cc&gt;s\x0b\xee\x1e\xe0\xd6K\xbaD\xf2K\x1d\x00\x99)H}\x1cj\xfe\x1a)z\xf0|\xbb\xc2\xc2%1\xcb\xf9\x1b\xd1\x1di&amp;\xd7C/\xc3\xbc\x12\x182X\xbbS`\\\xbd\xf8\xf7\x8bH\xa4w\x99\xf6\xa6q\xd6\xfc\x92\x7f/J\xb0\xce\xf0\xb7\xda\xca0(\xdbG\x80\xc4\x0f\xa2n\xa2\xe5"\xf9\xbeP\xfc\x13l%\xaf\x97\xc6\xd5\xc0\xafO\x084}\x8a\xbd\x1d\xa5}\x83\xaa\x0f\xd9\xd6+\x95\xc9\xd38\\\xa3\xa7q\x9cA#\x87\x1f\x0b\xe7\x0c\xd8_P\x7f&amp;\xea\x17\xd8\xcd\x03DNj`E\x98\xf3T\xa7\x7f\\\xab\xc0h\xfcw\x80\xd5\x13\xbd1QA\x89\x02sR\x90p\xcbw\xbdh\xcb\x96m\xc4&lt;\x96\xee\x7f\x80\xacF\xa0\xf5\x9d\x06\x80\x03&gt;D\x1an\xb1\xf6\r\xaa\x1a+\xa74\xad\xba\xa1X\x9aw\xe0\xaa\x07\xb8\x0c\x9f\t\x8e\xac\x8f\xa4\xae\x80Q\xb4\xbd^X\x03&lt;\xc4\xc9\xael\x11\x90p\x0bA\xe2`($\x0b2\x9b(\x9dqVu\xee\x957\xed\xcb\xa0=\xdf\xe7=\xd7\xbeU\xbd\xd0\x16 l\xbd(#/\x17\x9e\xd0\xaa\xf8\t\x95\x99\nwG6\xc0\x06\xb7\x0b\xd8p\xfc\xd9\x9c2/\xb7\n\xd3\xb7\xc0\x19goM\xfe\xf3\x0b\x8e\x87\x99\x19\xc3\xe69#\xde:8\x92\x7f&lt;\xd0(2cB\x94\x82\xf7\x7fQ9\x98\xeb\x11\x1d\xbd\xf7\xf8\x145O\x1a\x8e\xb2\x9f\x0b\xde0-k\xc6V\xaf\xd7*\x91\xff"\xd2l8\xe3\xf2\x95\x9c\xc0\xd1\xe4*=\xeeI\xa2M\x87U\xa4\xc8\xf7\xcc\t\xbbFue5\x0f\xdc\x89\xd4\x95\xee\xea\x02Qk\xe7\x0f\xc0\xc5\x19\xf2{H\x1a\r\xcd\x1d\xb6\xf4\xdf\xdaT\x9aN\x80\\Gw\xb59\xae\xee\xe4\xe6\x1b\xa4U\xaf\xf7=\xaf l\xa3,\xb1\x0f\xa3\x14I\x18\x83i\'\xe0\x91E:}\xe9\xef\x92\xac\x19\xbb\xb2\xfa\xb3\xc6\xcaC\xbcM\x9e\xa1\xb2ZG\t\xc1\x93\xb9\xaf\xfdz3q\x15\x1a\xa8W_k\xb3~\xc5\x1b\x85\x1en6\x10\xa1@\xbfh0\xb5\xe2\x06\xbc2Yo\x89V\xb4\xec\xc8\xb5\xd3\x10\xf8\x93\xdb/\x06\x8f\xa0\xe4\x13\xbaH\xd4 \xf2\xec\x868/\xf1m,\xa6\xdf\x11\x95\t@X\xfe\xd2\xb9o\x14z\xec\x13\x1d\x04\xfe\xb3\xde\x1a\xc5z\xc9\x94\r\xd9(\xdb\x883N\xb1\xc8\xff4\x11\xed\x8c\x16t\xd7\xbdj\'\xf9\xa8-\xd3\xdb\x15\'y*Y\x1e\xafQ\xa0\x84\xe8\x88\xdcZW\xfbz2\xa3A\x85B\x91\xfb\x96\x9bQ\xd8\xf9\xed\x9b8\xfd\x96\x04\x1b\x86\xfd\xc3s@\x90J\x7f\xc8C\xd8]34\x8e+\xca1Y%\x91.\xca\xcb$\x00\x1f\xad\xca\x1a\\\x0f\xcb\xe9\xc9\xd7\x02Q\xce)\xb2N\x94t*\xa9R\x8aJ\xf0\xb2\xb0\x88\xbbC(\xe9X\xad\x15\x87&lt;HQ\x07\t\xb4\xc1\x9c\xe6\xbaB\x94\x10X\xc1\x95\xa3&gt;\xa7\xb0\xf7\xc8\t+\x8d\x02,\x19\xb6O\\\x14vu\xec\x10C9#\x96\xb8\x947\xa0q\xbd\x9f\xa4\xfbaz+\xbfx1\x81\xcd\xfd\xa76F\xaf\x97\x8c\x01\x05[\xb3U\xa9\xea\xffA\xa8\xe1\xc8\\\xc1&lt;\xe9B\xd8\x95{,|\x8d\xab\x9dM{F\xdao\x88B9`\xbd\xbf7\xd7\x17EN\x01\xdb\x1fb\x81\x81\xc4\xbfA\xa8\x86\x9b\x02\x83\xd9|\xc4iR\xc1\xf1K\xd3\x92\xe0\x19\xdb\x07\'\xe1\x83\xf6\xc9\x91\x86\x87A\xab\xe3iO\xaa\x06\xd7+\x839m\xe5\xf6^p\xd5\x03\xb3\x07\xf7s3-:\xe1\xba\x89\xa9K80i\xe1\xf5\xca=F\xfd\x98t\xfd\x16 \x07\x83\xc0\xe1E\xc8S\xe6@_\xb6\x12u\xbeb\x84\xe6\xfb\x13\xc5\x95\xde.T\x96\xc9\xfe\xbdF\xaa\xcev\xb2\xcd\x9a\x8a\xd4\xc9\xea\xb4G\xe1\xd5\xf8"d\xce\xb7\xf9:\xf1\x91\x17\x0f\x0ef\xb9\x1e\xb6\t\xa6w\xb4\xe8\xc2%\x84\xa7ye:\xf4\xe6\x0c8\x89\xb1}\x9a\xe7\x11a\x88\xb8\xc7\xac\xd3\x9a\x98\x009\'\xb1)\x9905/?\xa7J\x1f\xcc\x8b\xa2\xdb\x03\x00u\x91\t\xc5P\xab!u\x1b:\xaf|\xcf\xa6\xa5\xf5\x16._LA\xc8k\xd0j\x9c\xfe\x1d\xcf\xe3\xdb\xc3\x9f\x0b\x99\x1dY\xaeo\xc3\xcb^\x07kC\x1d\xb8\xb1\x05\xbf&amp;d=\xe0\xab\xbdU\xca\xcc.q!\xc8v\x1dh\xaee\t\x8b\x14A\x8dA\x8co\xf1A&amp;8D\x85\xcckYf\xb5\xc3P\xad7\x937\x98\n\xa2\xb4\xe4\xca\x1bS\x04\xf9\xa2L;_bY\x85\xb9R\x9e\xb7\'\xb6\xc3\x18\x0et\xc72\x87\xdc\xff\xa0\xba\x84\xaa\xc3b\xef\xb6\x1ez(U8\x0f\x9d\x81\xfa.\x0f\xe9\x8a8O\x19\xe0\x00\x99\xc2\x8a\xb5\xd1\x8e\xde\xbf\x93\x8f\x00]\xfa\x8b\x949\xf9\x81\x19\r\x8d\x17\xa94P\xf4\xe2\xfb\x94\xc2\xc3\xa2?\xa6\xb0\xbf\xc9\x11g\xef\x12\xbc\xc7[k\r)\x8c\xa9\xe9\x1ar\xe8\xcb\x14\xa2_\xba\xd2\x97\xe2Q\xe2\x9c\xfb~\x12\xe1\x0e\xf3\x07\x92[:\x1b\x16^4\xd4\x9c\xf7J\x10\xbf\x95\xddW\x02\xd2\\lZ&amp;\xfd\xe1\xee@\xfc\xe5@\xf1y\xc3\xc9!\x8fT\xde\t\x90\xa3\xe1\xf7H\xb7\xab\x1e\xb2:\xc1\xa9*@\x88\x12\x17$s\x93I\xb2\x8dS\x83#\x18v\t\xbfr\xe5\xea\xa5\xfb\xa7\xb2Xe\xd5P\xb0\x9c\x07\x8f\xd3\t\x9b\xe4\xf7\xf4)\x06B*\x82G\xeag\x8e\xc2l]\xd4\xed\x86\x1c\xb5&lt;\n\xa7\x9b\xab%b.\xb9\x90\x00\x98\x88\xfc\xda\xf2\x1bUb8JM#\x938\xf5\xafJP\xf2+\x8eG\xd9\rj\x08U\x1bi2z\xdaW\x82\xeegkWP\x88\xc6Al\xbc\x17$\xc3\x94\x10-\x19L\xcd_\xb6\x11nd`?I#\xab\xe2\xe8\x85\xa1\x81_4\x92\xe4tU\\\xb3\xd2\xa7T\xeb#y\x81\x00%\xc5\xe6\x84\xc6h\xc4|\x84\xa2\xf9\xca}\xe2:kT\xba\xa4\x8e^\xffq\x00\xab\xe5p\xafT\x15dK\xd3\xc3\x87[)\xea\xce7`\x03l,\x14C\x96\x19\x95\xd4\x13\xee\x13e;\x1c\x98\xdd\x11\'\xf3\xda\xb2\x98\xa9\xfeX[V"\xd8\x03\x95v\xc7\x86\x95\xff\xdf\xe8\xa6\x9c\x9e\xd4\x06&lt;\xbc\xa51[\xdcx\xd0\xbdKB:8\xd26\x95w\x99v\xf4\xfe\xf4M\xccD\x91\xd3\xe9\xea|\x1e\xb4\xd5\xe6\xb8sR\x0eY\t\x99\x19\x93l\xf0\xec\xe06n\xca\r\xea\x93_\x8a\x96\xeb\xe8\xf1;\'\x9ba\x19\xb1\xdb\xb6\xfc\x9e\\r.\xa6\xcd\xa8}\x1bE\xe7H\xbcN$m\t\xd3w\x0c\xf5\xe8\x88\x8c\x8ecU\xd7s\xb3\xe1\xee\xf9\xba\x99\x10x\x9f5I(\x01I\x99S\xbb\xc9\xee\xf8\xa0FPb&lt;\x96\x9c\xbe\x94\xd1\xf8\xbf,\x1e&lt;\xcad\xc7\x1c}\x05\xef\xc0\x13\x0b\xa2M\xda\xac`\x10\x03E\x9f\x15@uQ\xe5\xa3\x90\x01(\xc8\xcfS\x13w\xc0mV\x7f?\xf1\xdb\x06vF\xe1R\x05D&amp;\x14\xe0\xa7q\x9a\xa5p\x0c\xca\xf1\xd1\x96\x96\x84\xdd\x8e\x7fX\x18}\x99-\xc7\xd9\x83"\x8a\x01?\xc4\x7f\xd5\xbf=\x82I\xc0D\xbdh\xe1\x02\xc4\x8dF_`\xfe\x1b\x8c\xe54+!\xf3\xa8\x97\xa5h\x96h\xe9\x98v\x12Xj J\xa4\x0c9H\xe2\x8b\xf8\xa6\xfa\xd0cf(\xea\xae\xbd;z&lt;/\xd6\xb1\xd1\x16\xee\x02yK\xe9\x1f\x94\xfdj\x18?\xb4\xab\x03\xf4\xbfb\x19\x9b\xffg\xe9\xc3\xfa\xe0H\xcej\x9a\xc1\xa3wn\xa20\xef\x90\xa3\x91t\xd8\x96\'\xf3\xec\xdd\xa1O\xdf1\xe1\xb8\xd8\x08\xad\x05\'\x14\xd5\xc3Q\x89\x07\xbd\x0b\xa8\xcb\x97RVs\xcfdT\xa6\xdb\xab[}\xdc\x16V\x18@@\x06\xdaqq*\r_\xebF\xff\xd3\x97W\xed \x00!2U:\xc2\x9dw&amp;\x08\x14v0\xfe\x92\xea}A\xc0\x9e\x90\xb9P\xb6#\xcc)&amp;\x82\x88E\xef\xb01Y\x11\x89P?c\xec\xe5\xe8\x90;\x10\x80$o8\xbf\x00\xddI\x12XOH\xa1\x0f\xed\xe2l\xd2e1\x12\x9e\x96\xe4O$9\xbe\x0b\x901\xee\xeag\xb84\x83F\xb6B6\xa4\xb79)\xd1\x1d\x8a\xf0\xd7\x08\xc8&amp;LAE1p\xa0\x86\xdc\xa3;\xed\x95\xed\xc9\xea\xe7\xe5]\x95\xf9#\x81y\x8d\xfb{\xb4\x9f\x8e\xd4\xc7\x14\xd0\xda%\xb0\xf2\x98\x8b\x00xF\x01\x9d\xd16\x08!9\xf4\xf0\x17ZF\x0c\xeb\x15\xdc}Bt\x97\x97g&lt;\xe2H\xb9\x1a\xb6\xa8\xdbm\xa6\x0e\x80\xd4\xca\x8a\x9b\xdaMs\xceQ5\x9b\xd3I\xdf-\xd9\xbf8\xe1f#\x91\xe8ZPV\'J'</t>
  </si>
  <si>
    <t>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</t>
  </si>
  <si>
    <t>b'\x92\xc9\xaa6}^z\x99\xd5\x93\x10`\xc0\xb0\x8d\x05'</t>
  </si>
  <si>
    <t>lost, and we could wade 
 ashore in safety. But there were all our stores at the bottom, and to make 
 things worse, only two guns out of five re</t>
  </si>
  <si>
    <t>b'\x03M\xdbK/\xd6I\xa6\x16X\x8f\xd765\xbaf\x05\x9b\xe01\xcain\xf7\xe9=\xaf\xf5\xa2\x03\xb8\xf7\x9d3\xf5\x10\x18\xda\x05l\xd4\x9d"l\xa1c\xb2\xd6\xe4iX\xa77\xeaWx\xd0GS\xeb\xf8DK\xc1h\xc3\xe5\x1a\xf3\x0f\x0f/\n\x14\xbcI\x01uI\xf3\xe78E\xe2\x03\x15gm\xc0\xa4B\xf2\xca\xfe\xfdu\xad+\x99\x9c\xe8\x1e\x06sH\xb4[\x10^\x04\x99\x12^\xa7\xea\xde\xdds\x90\xcf\xc2\'Yz\xff\r\x03\xa4\x1c5\x94\x86\xc4\xabQ\x00\x1d\xd5B\x19|-I\xfb*Jn\xfb\xe88\xb0:\xc3\x86\x06\xc1l.\x89\xb3^\xe9\xaf\xe7\xcc\xc5\x0c\x17\xcd\xcfI}gl-\xd4Q\xac\xa4\xb7\xac\xf9\xaa\xe2e\xd8=\x9d\x80X\xf0\x97P\x13e\xeb!`\xfe]\x99i_\x17\xfbi\xb2j5\xce\xf1*\xea0+\x9d\xe8\xa3_\xbf\x80\xbby\x03\x87\x9b\xfe\xe2\x94\xca\xd9\x87$\xb7k\x0epZ\x1b\xd8m\xf8TfcPzN\xb6\xd0&gt;\x11B\xf1\r\x0e'</t>
  </si>
  <si>
    <t>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</t>
  </si>
  <si>
    <t>b'\x03M\xdbK/\xd6I\xa6\x16X\x8f\xd765\xbaf'</t>
  </si>
  <si>
    <t>ck that the potentials of a point charge moving at constant ve
 locity (Eqs. 10.49 and 10.50) satisfy the Lorenz gauge condition (Eq. 10.12).
  Problem 10.28 One particle, of charge q1, is held at rest at the origin. Another
  particle, of charge q2, approaches along the x axis, in hyperbolic motion:
  x(t) =
  b2 +(ct)2 ;
  it reaches the closest point, b, at time t = 0, and then returns out to infinity.
  (a) What is the force F2 on q2 (due to q1) at time t?
  (b) What total impulse I2 = âˆž
  âˆ’âˆž 
 F2dt is delivered to q2 by q1?
 464
  Chapter 10 Potentials and Fields
  (c) What is the force F1 on q1 (due to q2) at time t?
  (d) What total impulse I1 = âˆž
  âˆ’âˆž 
 F1dt is delivered to q1 by q2?[Hint: It might
  help to review Prob. 10.17 before doing this integral. Answer: I2 =âˆ’I1 =
  q1q2/4 0bc]
  Problem 10.29 We are now in a position to treat the example in Sect. 8.2.1 quanti
 tatively</t>
  </si>
  <si>
    <t>b'.rD\xb5Q\xacBF\xb2\xb0\x93\xd0\x02\xd7\xf6\xd6\xbf\x86,\x146W\x03@\xa8\x82]\x0f\x85\x97K:'</t>
  </si>
  <si>
    <t>2e7244b551ac4246b2b093d002d7f6d6bf862c1436570340a8825d0f85974b3a</t>
  </si>
  <si>
    <t>b'.rD\xb5Q\xacBF\xb2\xb0\x93\xd0\x02\xd7\xf6\xd6'</t>
  </si>
  <si>
    <t>gradually 
 brightened up at his own music, and at last flapped his hand upon the 
 table before him in a way we all knew to mean silence. The voices 
 stopped at</t>
  </si>
  <si>
    <t>b'\x8b{Rf\x13\r\x8f\x07\x17fl\x95\xea]\x1f\xcb\xcd\xcc\x855,\xe9\\d\x85a\xd3\xbd\xeb\xa3\x14fO \x97\xe5\xb0\xca\x89m\x81?x\x98;T\x84\xc4Q.mAsE\x93\x137.\x05z\xfd\x8c\xad\xd8\xc9c\xd4\x02\xb22F\xec\x06\xf4I=R#F\xd3x\xe5\xebe1\xacL%H"\xc8-\xbdu4\xf8\x8e\x13&amp;\xb3\xcee\xf5h\x1d\xccL\xc4\x9f9\x12m\x84-\xccA&amp;K\xc8m\xc1n\xcf\xbe\xe9\xfd\x00\x0f\xd3\xa7?\xe2x\x0e\xf8\x85\x0b\xea|\xa2\x99\xb9\x02R\x1f\x9a\xd2\xc6\xab\xf4 \x9eq\x92!q\xa8\xe4\x92\x11\x9f\x00\x0b"\xf1\xb9S\xab\xce\xf3\x91Q\xc9d\xa4\x1a\xbe\t\x16o\xbf\x06\x94d\xc7\xf6\x05\xb8\xec\n\x8e,\xab\xb6=|\x9a\x0f\xc1)F&lt;:\x01\x1a\xec\xaf\x0f\x18\x87\x07\x8b\x1dy\x97\xfc\xe4RX\xff\xe2\xbf\xf86)\xd1=\xeel\xd4\x13n3\x80}\\\x1b\xd1\xd1\x9ao\xc4+\x02+\xed\x1d\xc9\x00S\xa1.\x1b\xab4)'</t>
  </si>
  <si>
    <t>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</t>
  </si>
  <si>
    <t>b'\x8b{Rf\x13\r\x8f\x07\x17fl\x95\xea]\x1f\xcb'</t>
  </si>
  <si>
    <t>front of them, with her arms folded, frowning like a thunderstorm.
 â€œA fine day, your Majesty!â€ the Duchess began in a low, weak voice.
 â€œNow, I give you fair warning,â€ shouted the Queen, stamping on the
 ground as she spoke; â€œeither you or your head must be off, and that in
 about half no time! Take your choice!â€
 The Duchess took her choice, and was gone in a moment.
 â€œLetâ€™s go on with the game,â€ the Queen said to Alice; and Alice was too
 much frightened to say a word, but slowly followed her back to the
 croquet-ground.
 The other guests had taken advantage of the Queenâ€™s absence, and were
 resting in the shade: however, the moment they saw her, they hurried back
 to the game, the Queen merely remarking that a momentâ€™s delay would
 cost them their lives.
 All the time they were playing the Queen never left off quarrelling with
 the other players, and shouting â€œOff with his head!â€ or â€œOff with her
 head!â€ Those whom she sentenced were taken into custody by the soldiers,
 who of course had to leave off being arches to do this, so that by the end of
 half an hour or so there were no arches left, and all the players, except the
 King, the Queen, and Alice, were in custody and under sentence of
 execution.
 Then the Queen left off, quite out of breath, and said to Alice, â€œHave
 you seen the Mock Turtle yet?â€
 â€œNo,â€ said Alice. â€œI donâ€™t even know what a Mock Turtle is.â€
 â€œItâ€™s the thing Mock Turtle Soup is made from,â€ said the Queen.
 â€œI never saw one, or heard of one,â€ said Alice.
 â€œCome on, then,â€ said the Queen, â€œand he shall tell you his history,â€
 As they walked off together, Alice heard the King say in a low voice, to
 the company generally, â€œYou are all pardoned.â€ â€œCome, thatâ€™s a good
 thing!â€ she said to herself, for she had felt quite unhappy at the number of
 executions the Queen had ordered.
 They very soon came upon a Gryphon, lying fast asleep in the sun. (If
 you donâ€™t know what a Gryphon is, look at the picture.) â€œUp, lazy thing!â€
 said the Queen, â€œand take this young lady to see the Mock Turtle, and to
 hear his history. I must go back and see after some executions I have
 ordered;â€ and she walked off, leaving Alice alone with the Gryphon. Alice
 did not quite like the</t>
  </si>
  <si>
    <t>b'\xb6G\x00F)\x8e\t\xaf\xc6IzU\xb4\xb5\xf0|w\x17\xde!\x81\xde\xc2O\x85\x18V\x1fz\x7fP&lt;\x1dF\xf7\x8f\xe8\xddu\x19\x826\xf6c\xaf\xe0\x8f\x99\xd7\x87D\x16\xc3\x9b\xfe\xa6\n\xc73R]\x9a\xe8E\xd5\xbf\xd2S\x1c\xf7h\xf4\x86p\xd3y\x1e\x9f}U\x02\n\t\x06\xfd\x9a\x13`wd\xde\x03\xbakn4\xb9\xa2\xf28\xcf\\\x97:\r\xb3Ck;K\xa2\x1ajZ\xf3\x07\x8f1o\xf5\x10B\xc4\xa17\xd1\xf5xx\\\xf7\xfd\xa5\x1b\x82v\x03\x8a%\xd5A\xcc\xed\xcc\x87g2*bC\xd7\x17\x14\x99\xfe\x80\xd9\x9c\xd4\xab`\xab\xc8\xacn\xf5\x16rA\xd8\xb4\xde\xa5j\x0f\xc5\xf0\xff\x10@\x1c|\x1e\xb8x%f\x82\x02\xc2\x93\xf4\x89\xeb\x08\xb2\xa5\xa2t]\x97~C\x01\x97\xce\x98O\xa2;@\xa8\xca\xdd\x88*\x9d%\xe0\x88E\x84\xc1\xec\x00\xdbh\xf3\x19PwY\x81l\xa9\x85\xf3\x91\n\x1c\xa9\xe6R@\xd7j%j\x96\x05QQ\xdaq\xbf\xac\x94Rpk\xc1O\x018\x85m\xb3_\xfe\xb6^\x91\xd8\xff\xa3,\x15\xd2nh@\x19`V\xd5}\xf9!\xfd\x0e\xe7\x15\x047h~\xf12\xbf3O\xa5\xab[\x1c}\x057C\x99o\xce\x8b\xfa\x15&gt;\xab\x9b\x02#\xa8\xb0\x02\xab\x8ep\x9b\\%\x82p\x90\x12\x1c\x9eQ\xcb\x96\xbai\xd3:%\x18\xb4\xe0\x01u\x13-^\x1f\xc5\x01\x12f\xcd]\xefp\xef\xeaP\x9c\x86\xc4\x10\x9b\xa3\x0ch\x8bm\xeag\xd0N\xc6\xa5\xf1\t.p\xd4\xafM\x82\xc2=\xb5\xb6\xb8\xa06\xf5\xc3\x05T\xdeh^\xbbZ\xb4i}\x15\x91\xa7B\xa3\xfc\x16\xb3\xa5I\xdd\xa2\xa0N\x1c\xed\xd01\xf4W\xc1T\x89\x9d\xc0n\xa4\xd7\xbd\xe6\xab\xb5\x11_ \x03H\xc0\x175\xe1\xee\x15\xb3\xc3R1\x89eZ\x0c\x8cd\x03(\x06\xb9\x9c\x90\xcd\xd2B\x85i*\xd9 a\xf8\x91\xff\x9d\xee$E\x90\x97\xfe^\xd3\xfd\xf1\xafh\x12\xc8\xc2\\\xa9Lq\x14\xc1\x8d\x960\xb8\xfe\x8f\xba\xb8J\xcbFr#\xb5\xd4E\xf1]Ee\x97\xe7a\xf0s\x1c&amp;\x0e\x1f\x97\x9d\x81\x17\xf2\xddr\x02\x85\x11G\x0eO\xd0\x98\x90\xd4\xedK\x87\xb7\x10\xe2Ik\xb9\xcf\x9f\xed\xb6\x05\xcb\x17\xca$eI\xc3\xdd\xae\xf3\xd7{\x0f`\x11/\xd7A^ \xff\xa2\x07\x8f#\x9f\x1b\x89\x89\x85\xe9\xb8\xa3E\x164\x9a%e\x00M\xf3\x12\x06\x1e\x0e\xd0\xcc\x1d\xe1\x9b \xab\x8b\xa5_u\x98|\x94\xf6N\x7f\xba\x86fB\t9\xa6n\x00\x07\xcf\x8c\xb4qX\xf0\x8c\xd2\xcb\xe0\x11\xd9g\xf7\x83\xfakA\xbf\xbb\x87!J_\x1d\xd4\xd2+\xbe\x9cz\x80\xa8\x16\xb5"\xcb&lt;\xd6\xc6\xfb]\xd7\xce$\xb5\xc1\xcc\xea\x0f\xb5\xea~\x0c\x8e\xa4\xd8J3\xa4\x97\t|/\x90\xd9\xf3w\x9fLi\xfb\x06\x0b\xbd\r\x1f\xa3\x83\x96\xbf\xb6\xd2\x1c\x06\xd2C55\r\x9d/e\x95H\xd3\xbdqB\x15\xe6:\xd1\xdc\xf6&amp;\xdbm\xa5\x0e.\x05\x94,4)ZMd\x8b\xab\xf2\xd4\x1a\x18\xc3\xb2eeGo\x80C\xa6\x12\x9b\x07`\xc1\xd1x\xe2_\xc3R\x9a\xfe96D\xc7\xbe\x86\xa49\\\xf8\xe1E\x87Vp\x03c\x86\xbef\x05\x0co\xed\x07\xd9\xaf\xb3\x1d\xa4\x85\xdd\rz\x98sx\xbd\xde\x17D`+\x12"};\xf6\xe6\xb9\xe2P\\B\xe2\xff\xfd\xef4 \xe6\xce\x08\xba\xabr\xa7\xa7\x12\x05\x15\xa5P8\xd2{q,\x15\x9d\x1e\x11g\xa6\xf6\xd3t\xealR\x02\xa2\x8b\x18\xe3f\xb2\xbdz\x9c/(\xdb\xa6\xc8\xa6}}\x84#\xc2\xc0\x01\x82\xccaA\xa0\x83@\xef\x18W\x9c\xe4\xf9S\x84\xee\xd9N\x05I\xcb\xc9\xf3\x1fz\t\xf6Ft\x7f|O\xe5\x06\x80\xdcC\x94\xa97\xe1\xc2\xed\x8a\xc5\x857\x87F\x81O\xf4\x90\xf6b\xe8J\x1f\x95p\x13\x10\nH\xb50\xbc\xc0\x12A2S]\xff\x97\xf0\x95\xc8\x94\xfb\x8d\x15\xf3\xc4O\xfc\xcc\xea\x0b\xb1\x04r\r\xc3\x10\t\xa8gC\x91\x15\xf5\x0e\xc0\r\xbbIX\xcc\xcf\xc7\x02NUI\xfaP-6\x17%\xc3\xf9\xfa0\xd5\xb9\xc0\xdc7Z\x9d\xc9\xe4\xc6\x83O\xa8\x8c{\xe9\':\xcd\xe8Q\xc5\xdb\x18\x9f\x88H\xe9\xf1\x99\xe1r[;B\x10\xee\x81\xd0\xe8\xa94\xac=\t(\x19\xce\xe2}\x17e\xf11#m^.\x1f\x98\xec\xa7\x9d\x19t\x19|\xcc\x18\x0b&amp;\x83\x8e;\x9b\xc7&amp;\\\xce\x8f\x80i\xf9\x1a\x11\x08;\xe0\xc8\x978\'\x05\x1a\xec"\x91\xce\xbe\x8b\xa2}\x87\xda\x01\xfa\xe3\xd0\xa61e,"\xb9\xe5\x86q\xc7\x81V\x81\xe9\xd7o\x86\xe6\x0e\xbcK\xb2\x04+D\xf4D\xad\x1a\xe6\xacS\xc2Z\xcci\x082\x8e\x08\xef.\n.\xa2\xc9\xe7\xc1\xbf7\x02f\x8a\x0bG \x92\x98\xb6&amp;\xf9\xccK\x01[B\x1aFU\xf9%\xc6y\x91\x00\x9e\xfb\x89\xb4e\x9c`\xfeP*\xcc\x0f\xd8\\\x02\xf0\xe9j\xa6\xfe7h\xaf\xbf\x93/A\x0e\x98\xd2\x04&lt;\nPI&lt;\xbc\x87\x16V\xbe\xeb\x8f\xd7\xb7\x85\xc9\r\xa28u\xc7\x1drp:\x8e.--\r\x809\xb7\xeaV\x96\xa7O\xfe\x84\t/{\x97\x08\x029v\xea\xc0\x9b\xcbp\x8e\xdd`\x05\xdb\xaap\x82\xd8&lt;(\xfc\xa8\x8dX\\\x80\xed\xd632\xbd4\xc3\x10\x97\x9f\xdb\x89K\x10B4\xacB\xec\xf4\r8GP\xdb\xbbn\xcc\x9eX\xe6\x9dA\xb9\xc9\x8e\x85\xe8\xf1\x91\x94|\xa5\xff\xcb|\x8d\xb7\xf9U\xe4\xe2\x12\xc4\xc4Y^\xb7\x96\xb8\xf7;\x1es\xa9\x84\xed\x7fEb$U\xb0 H\x9a\xbcKv\x01\x82\xab\xf9Hjf\xa3\xb2g\xbf\xd3\x06%F\x87\x83\x8f\xb9r y\x8esy&lt;\xc7\x05A#V\n\xcc_5\xbbgZ\tP\x02J9\xdfZ\xf2\xe4\xd7\xd2@\xd9"*}\x8e\x82Em\xf4\xdb\xd2\xff\x95P\xd9Ig\x05-hc\xc4\xa3TK\xc1\xf6\xdc\x11\xb7\x9dy\x0c\xd2\xdc\xb8\rv\x00Jx\xa6\xc3\xf7\xbc 3\x03\xb1\xff\xabG\xd2:\x8c\x16I\xa2\x9e\xc1\x80\xe7\xbf\t\xc2\x08\xb8\xb1\xaeveBe\xa6\x0f~\xe0\x99\xe1\x91\x9e\x8e\x1fQ\n7X\xcc\xba\xcf\xaf\xef\xe38\x96g\xfa{-\xb4?[\x97&gt;\x0b\x8e\x0c\xcd\xee\xa9n=\xdeT\x1c\x06\xa9!\xe5M8\x93]p\xb9\x02\xcc\x99\xb1\xa9q\x80M\x92\x06\xec(/\xc8\x06Z$\xd4\xa4\x1f\x1c+\xef$-0\xf9\xe8],Az\x93\xb25\x88\x1f@;\xa6\xe4\xbbts@5\x14\xe1f\xdb\x1fm`$~\x97\xc6\x1b\xf9u\xf6\x98r\x9f\xaeo\xfd\xbb\x1ei\xd5`w\xc8\xd6\xf5\xed\xc3\xf4\xe7\x0e\xae?]*\xdd\xd9\xd4\xd6\xf7\x97\xecC\xb4.G\xa8\\\xc9\xf8\xdaY\x17\xf5\xd8\xbe\x9d\xdf!J\x07\x8e\xbf\'\xfa*g\xd2\xa2\xe3\x00\xb4\xb3\xe5\x1a=\xd4\x8f4\xf0/\x83\xd08\x9f\x19\xd5\xed\x9e\xf8Z=\x12\x1au9\xc1\xabQ\xbe;\xc8\xbeqEX\xdd8\xe1\x7fU\xb5B\x19\xa3;*fndX\xe0\x02\xdc:\xdb\xd3\xb9\xe9\xd7\xaa8\xed\xe8\x80\x00\x8b\xeb\xaa\xefMW\x9a8\xabhAqlX\x80\xe3L\xcd\xa9^\x0e6\xdc~\x03\xc3\xc7\xc9\xfb\x01Wat\x99\xb4\x91$\xc4{\xba\xa6\x91"N\xf5W\x93\xf4\xccs\xa2\x05\x90\xb6\xe3\xcb\xea\x04&amp;W\xbb\xfd\xeb7\x9c\xc2;\x16\x02\xea\xdc\xa9\xd9\xcd\x12\xfd\x04\xd2\x18\x88\x85\xfd\x15\xb3\xd6\xa1$\x98\x94\x7f\x80\xe7e\xdf\xd6\xe4\xbf_\xc4\xed\xbd\x18\x98\xd9Y\xcd\xb7+r8m\xceE\x96\xa5\x90\xc1\xb8\x87\xa7&amp;\xa8\xa8\x81\xa2\xd1\x1fg;\xea\xc6$e_\xcd\x02o\xcd4\x19\xc3\xd1\xd7\x8f4\xac\xef\xdd\xb2\x81\xe4\x07\xf0\x0b\x10\xf8\x0e\x85\xad\x13\xa2\t\xf6\xcdV|\xb5\xb7\xa3\xda\x1d\x0e\xc1\xf1\xddF\x8c\xed\xe5\xc5\xc8\x17\xd5\xeeY6\xab\xb0\t\x18\x81\xee\xc6\xee\xd3i\x8e\xfawCJ\x12\x89\xbd\x01\x17 \xd4\xe8\x87\x96J\xf6\xe2O\t\xbbg\xfa$\x12A|\xff\xafe{\xbd\xc9\xce\xbeEV\x86\x1dh\xfc\x0b\xfe4\x07&gt;\rS&gt;\xe9\xac\xabnl\rC\xcbh\xc0)\xbb\xe7\x10\xc7\xf7\xd2\xf6\xe3\x85\xae\xd1J\xc2a\x81\x9c\xba\xf4\xd3i\xef\x8f~@G5\xef\xab5\xb4\x1e\x88h\xf0\xce\x8e\x9c\r\x19\x18a\x7f\xb6\x0f\x9d\xb1\x0073\x8e\x9d&gt;\x9c\xbf\x90\xd6~\xcb\xc0\xe1\xe1\xb9\x90J\xb3\x92\xfb\xc9\xee\x02NYg\xfeh\xae)\xd3\xf7\x82\xb5\x96\x8dAR\x8ee\x85\xfd\x1d\xb2 #\x93\x89\xf6\xd4\xb1\xdc@\xac\x8f\xb2`\xb8f:\xe0\xd6K\xab\xbe\x19\x11\x00"Y\xe8\xad\xcc\x10^\xb3e\x8d\x85\xab\xc9\xc1\xac\x91\xd2,\x1e~\xc4\xd1\\!\xca\x8a:\x0cG&amp;\xdb\xef\x91\xb7\x91g\x98?P\xdc&gt;\n[\x83R\x8ca\xd4\x16\xff\x99\xd8\xe9T\xd5\x8d\xad?\x81(\x97s\xd0\xfb\x1a\x82iV\xe1\xdd\x0by\x13\x90Hyfuo\xb5;\xe4Z\xc8\xa3\xe9\'j\xec\xb0\x06\x19$fp_\xb1 \x11vDX\xf7\tK2D\xb6\x83\xf7%$\x9c\xc9\x02&amp;\xf8jn\x18%\xe52,\xc6F,\x04\xcc&lt;\xe3\xf4\xf3Or\xc7\x0c\x17K\x930\x13\x9a\x1d\x1bC\xe0\xae\x1a|\xdbt\xe6!D\xde'</t>
  </si>
  <si>
    <t>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</t>
  </si>
  <si>
    <t>b'\xb6G\x00F)\x8e\t\xaf\xc6IzU\xb4\xb5\xf0|'</t>
  </si>
  <si>
    <t>ributionoftheradiation
  (Eq.11.72)andthetotalpoweremitted.
 486
  Chapter 11 Radiation
  Solution
  In this case (u Ã— a) = c(Ë† r Ã— a),so
  dP
  d = q2c2
  16Ï€2 0
  Now
  Ë†
  |Ë† r Ã— (Ë† r Ã— a)|2
  (c âˆ’ Ë† r Â· v)5 
 .
  r Ã—(Ë† r Ã—a) = (Ë† rÂ·a) Ë† r âˆ’ a, so |Ë† r Ã—(Ë† r Ã—a)|2 = a2 âˆ’(Ë† rÂ·a)2.
  In particular, if we let the z axis point along v, then
  dP
  d =Î¼0q2a2
  16Ï€2c
  sin2 Î¸
  (1 âˆ’Î²cosÎ¸)5
  ,
  (11.74)
  where Î² â‰¡ v/c. This is consistent, of course, with Eq. 11.69, in the case v = 0.
  However, for very large v(Î²â‰ˆ 1) the donut of radiation (Fig. 11.11) is stretched
  out and pushed forward by the factor (1 âˆ’ Î² cosÎ¸)âˆ’5, as indicated in Fig. 11.13.
  Although there is still no radiation in precisely the forward direction, most of it is
  concentrated within an increasingly narrow cone about the forward direction (see
  Prob. 11.15).
  x
  Î¸max
  v
  FIGURE11.13
  z
  The total power emitted is found by integrating Eq. 11.74 over all angles:
  P = dP
  d d =Î¼0q2a2
  16Ï€2c
  sin2 Î¸
  (1 âˆ’Î²cosÎ¸)5 
 sinÎ¸ dÎ¸ dÏ†.
  The Ï† integral is 2Ï€;theÎ¸ integral is simplified by the substitution x â‰¡ cosÎ¸:
  P = Î¼0q2a2
  8Ï€c
  +1
  (1 âˆ’x2)
  (1 âˆ’Î²x)5 
 dx.
  Integration by parts yields 4
  3
  (1 âˆ’ Î²2)âˆ’3, and I conclude that
  âˆ’1
  P = Î¼0q2a2Î³6
  6Ï€c .
  (11.75)
  This result is consistent with the LiÃ©nard formula (Eq. 11.73), for the case of
  collinear v and a. Notice that the angular distribution of the radiation</t>
  </si>
  <si>
    <t>b'\xda)\x18\xd1\xc3\x97\xd0.\xb3I\x90\xf7\xd0\x8c\xda\x98\xdb\x10\x0f{\x0b\xc7\xd5\x15\xc6M{6\xb5\xf5D\xfc'</t>
  </si>
  <si>
    <t>da2918d1c397d02eb34990f7d08cda98db100f7b0bc7d515c64d7b36b5f544fc</t>
  </si>
  <si>
    <t>b'\xda)\x18\xd1\xc3\x97\xd0.\xb3I\x90\xf7\xd0\x8c\xda\x98'</t>
  </si>
  <si>
    <t>echolamines also stimulate the breakdown of glycogen resulting in
19.2.7 Adrenal Gland
Our body has one pair of adrenal glands, one at the anterior part of each
kidney (Figure 19.4 a). The gland is composed of two types of tissues.
The centrally located tissue is called the adrenal medulla, and outside
this lies the adrenal cortex (Figure 19.4 b).
Underproduction of hormones by the adrenal cortex alters
carbohydrate metabolism causing acute weakness and fatigue leading
to a disease called Addisonâ€™s disease.
Figure 19.4 Diagrammatic representation of : (a) Adrenal gland above kidney (b) Section
showing two parts of adrenal gland
Adrenal gland Adrenal cortex
Kidney
Adrenal medulla
(a) (b)
2024-25
CHEMICAL COORDINATION AND INTEGRATION 245
an increased concentration of glucose in blood. In addition, they also
stimulate the breakdown of lipids and proteins.
The adrenal cortex can be divided into three layers, called zona
reticularis (inner layer), zona fasciculata (middle layer) and zona
glomerulosa (outer layer). The adrenal cortex secretes many hormones,
commonly called as corticoids. The corticoids, which are involved in
carbohydrate metabolism are called glucocorticoids. In our body, cortisol
is the main glucocorticoid. Corticoids, which regulate the balance of water
and electrolytes in our body are called mineralocorticoids. Aldosterone is
the main mineralocorticoid in our body.
Glucocorticoids stimulate gluconeogenesis, lipolysis and proteolysis;
and inhibit cellular uptake and utilisation of amino acids. Cortisol is also
involved in maintaining the cardio-vascular system as well as the kidney
functions. Glucocorticoids, particularly cortisol, produces antiinflammatory reactions and suppresses the immune response. Cortisol
stimulates the RBC production. Aldosterone acts mainly at the renal
tubules and stimulates the reabsorption of Na+ and water and excretion
of K+ and phosphate ions. Thus, aldosterone helps in the maintenance of
electrolytes, body fluid volume, osmotic pressure and blood pressure.
Small amounts of androgenic steroids are also secreted by the adrenal
cortex which play a role in the growth of axial hair, pubic hair and facial
hair during puberty.
19.2.8 Pancreas
Pancreas is a composite gland (Figure 19.1) which acts as both exocrine
and endocrine gland. The endocrine pancreas consists of â€˜Islets of
Langerhansâ€™. There are about 1 to 2 million Islets of Langerhans in a
normal human pancreas representing only 1 to 2 per cent of the pancreatic
tissue. The two main types of cells in the Islet of Langerhans are called
Î±-cells and Î²-cells. The Î±-cells secrete a hormone called glucagon, while
the Î²-cells secrete insulin.
Glucagon is a peptide hormone, and plays an important role in
maintaining the normal blood glucose levels. Glucagon acts mainly on
the liver cells (hepatocytes) and stimulates glycogenolysis resulting in an
increased blood sugar (hyperglycemia). In addition, this hormone
stimulates the process of gluconeogenesis which also contributes to
hyperglycemia. Glucagon reduces the cellular glucose uptake and
utilisation. Thus, glucagon is a hyperglycemic hormone.
Insulin is a peptide hormone, which pla</t>
  </si>
  <si>
    <t>b'\xa4\xfb@\x1a\x8f\xf2\xf0\xc7\xebc\x90^\xb1\xae\xc7\xadO\x7f\xe4\x96C\x16\x04&gt;\xb4"\x12\x0c\xe7\xb8h\xa3\xe3tev\x84$8:\xe8\x07\x84\xb09[\x97$#!\xb1\x95\xafOH\xe2\xd0\xb4\x02\x87"\xe8\t\x05\xdf\xc9ZJ\x8c\xc1N\xa5\xba\x96\x13*x\x157-\xe9b\x8f\x12\xbbz\xe1\xf7{\x8c\xe5-\x0e"l\xdeog\xa5r\xcf\x12\x8b\xa3Y\xea\x95\xb8\xb0\xb2\x04\x83Ty\x81\xa2YW\xbd\xeb^s9a\x9a\xd9j\xbf\xa4\x0f\x0eq+[\xbda\xa2S#\x14i\xc64\xc5\xec\x06TO\x88\xc0\xef%\x049\x8e_H\x9c#\x96\xbcD\x19\xcc\xd4\x15W\\0\xcdh\x8f_\x8bk\xfaze\xe7!\xdd=\xd1\xf3\xbc\xa2\xd7\xa6v6\xa1\x84V\x1a\r\xde\x8bqk}o\x8eO\x1e\x03\xb0\xa7\x90\xca\x88\xa9\xeb\x07\x96d\xb8\x08\xa6\xd9%r\x8d\xed\xc9\xdc\xe5\x08\x9a\xccZ-\x86\x85\xa2\x857\xde\xf2\xf6\x90\xde\x9emP\xbc:\x8eX\xbd\xf0~tQf\x8c\xf5f*\x80\xdd\x8c\x0cZgQ\x12\xa8\xab\xb7\x14\x12\x98\xa8-}\x98ca\x84\xd6\xe6\x9d\xa9\x02\x9bU\x92K|;\xa4Bt\xdc[\x8b\xd65\xc0\xa7\x1dL\x0b\x183\xef[\x98^\x84A\x0e\x92:\xf0\xc0"\x8a\xb4.\xc5\xa1M\xc0\xcaf\xdb\x8dy\t\x0b\xfc+h\x16\x84\xcf\xcbHW6\xb5\xbff\xac6\t\xfb\xa1n\\\x9d\x88\x8e\x11K\xf4\xe3\xfb\xf4\x1b\x8f\xf0&lt;8D\xc0\xe1\xed#\x91j\xcd\x0f9:F\x12\x99\xe0\x92\xb5\xfd\x9b\xa3\xa6\xbe\x16\x1a\xday\xf6W\xe4m4\xfbe\xd3\xfa\xd4\xcb\x81\x8eZ\xc1n:\xc7\xdf\xbd_\x07U\xa5\x95\xf6\xd5\xb1\xaa\x01\xa9U~\x81\x9br\x14\x1c\xc5^#\x0fb\x07w\xf4\x9d\xef\xd5\xcb\xf7\xb8\x11\x90l@\xaa\xe6=u\xa7*C\xd5\xcc\xf1\xe4\x93t\x81f\x83\xfb\x86\x10\x89\xf1f\xdc\xc9\x14\x81F\xe9\x91c\xc2\x89E\x85w\xf0T\xda\xd8\x1a\xd3\x95\xae\x12S\x14\xd2\x9d\xf0Q\xc6\x10\xaeMnv\xdfvP@\n\xbc\x0e\xeb\x88r\x7f\x82F\xb7J%Oj\xb8\x05U\xcb\xf8\xfdj\n\'\xb8O\xc4\xa9\xcd\xb7O\xe8T\xdd\xc42I\xc9PC`K\x85Le\xad\xb9\xf6"0\x8a\x13\xb5\xe5^\xa5\xee\xfd\xb3\xd9\xa1\xdf\x1cA\xd7\n\xc9\xd5\xfeV/\xef\xa2^\x8e(\xffV\x16\r#\xc8\x80\x1c\x18\xc3\x05z/\xa2\xbbY\xa7\x19\xd5*w)\xb1\x86\x98\xa98\xe1x\xab\x1f\xef\x7fN \xb6\xc2:P0@\x98;w\xf1\x07\xaa\xcce\xd6\x02$\xd52CT?\xee;\xb7\x0bE\xe2\x0f\xaa\xac\x9f1=\xbe\xfe\xf3{\xf4\x94\xf5\xde\xcaN\xe7\xc4\x12\xad\xa8\x15\xd4\xc2(K\x14 1\x86\xc5\xa3\x03\x8af)\xa2\x12\x12\xac!\xf2\xf5\x97\xd0(\xc0Q\xa6\xb1\x1e4%\xc8\xa2\xf2\x88]v\x1c\x99r\t;\xdf\x04\x1c\xaa\xa9&lt;\xbeO\xb5\x9eI&lt;\x97$\xd4ZG\xe0)\xb7\x87\xf1\xa3\xe9\x05\xd7+1\xb0H\xd4\xb8\xec\n\xe6\xf1\xc3V\xc4\xcbf\t\xa1\x0f\xa02\xdcXoN\xce\xc4\xd1+\x94\xb4\xaf\x00\x13\xd86\x02\xb5[\x9f\xdb\x81k\x7f\x1e\xb2Fa,\xe0\xc2\x8a&amp;\xe2\xe6\xf3fH\xd8\xb7J!\xf71~z\xf7\xa6 \x85k\xd6\xe3\xdfH\x01t\xf4\x0bT\xff\xd2:\x08^\xff\xba\xca\xf6\x00n\x0b\xb1=\xd9\xca\x99!E\x15r\xe0\xbe\x7fY\xc1\xed\x80N\x11\xd7\x10g\x11U1\x05!\x88Z\xe3\x02\xda\xac-\x00\x96&gt;\xbdz\x1e\xb7{\xcf\x8e\xc9q\xbe\x14\xd4.)+0\xb9\xa1\xdd\xd4&gt;\xb2|O\xeb@\xa0\xd8O\xaf\xa9,\xfb\x9b\xe3\xde\x06;~L\xb8w\xae]BY*!\xa1\xa5\xebC\xb9\x87\x81\n7\xde\x1en\x19\xef`\x1a\x9fWr\x9e\x98.\x9a\x11\x84\xacV\xfa\xd4\xd1\xc9\xc2\xe0\xcc\x80\xb0\x8cg\xaa\xe4d4\xcf\xa5\xc2\xf4\x83\xcc\xa2\xacvz"\xa2\xbaq\xbf\xe6&lt;\xb2\xf4\xba\x9b\xbd\x7f\xb2\xc1\x81\xb8\xc0\xfb\x98\x81\x0b/K\xd4/\x0c\xcfbg\xb6\xbfh\x13\xba\xec&amp;\xa6\x17i\xceh\x99\xa7\xa4\x02.E\x17\nX\xad&lt;U\x99S\x08\xf3\xb5\xdd\x01\xdf\xd6,1\xf8~)UFn\xcb\xd8Q\x15\xf3\xa2\xe7Mf\xe2\x06q\xe5\xac\x993\x16=\x0b%\xdf`\xb1H\x8cA\n&lt;\x1c\xa2\xa5zn\n1,\xb2)\\yr\xae\xe1\xb6\xcf\xb7\x1a_\x047\xa1Xb\x1b\xde[\xf7\xd0xe\xed\x96mk\xc6\x03R\xf2I\xc7f\x8c5\xfad\xc8\xd9_ia&amp;\x9d\xdek\xd7L+\x80J\xbar\x08Lh\xceY\xe47-{c,2\x9f V\xa4\x1b0\x00\x0e7\xf4Q{J\xe9\'\x19\xc5j\xef\xb7 ;oi\xd3\xc4\xcaH\x87G\x89{\xe5C\x04\xb6WT\xcfuO\xe8\xe2\xca\xbf\x1e?\x85\x13\xe4}\x1aif\xdc\xe8T\xe6&lt;\x8e\r]\xfb\xe5\x0b[_\x17\xf6\xa4C\xd1\xcbwZ\xc5c\x0c\xdb\xc4("C\xf7\xb7q;ayS\x8d.\xac\xb0\xf5\xc3\x9f\xc0\x08 -J\xa9\xcbB\xfav\x8b\x18\xa4\x86MDD.\x16\x13e\xdf\xd96\xee\x17\xff\xaa\x89o\xe2\x89\xae\xf0q\x0b\xd6\x1fS\x1ai\x16=\xdc\xban\xb8\xab\xf8X\x0b!U\x7fN&amp;\rU\xef\xbcP\xef\x19\xafOY\xb0\x17\xbf\xfa\x8f\x8a\xb0m\x9a\xa5]\xf5k o\x13?\x9f\x8d\x03\xea\xae\xb6\x84\x86E\xd8a\xb3\xe58\xc1\x10X\x92j\xf7sF\x1c\x8b\x0f\xab\xfc\x15\x03\x92[\xfd\xbe\x1f\xe2 c\x18\\\x08\xd5\x89\x8e|\xffX\xa7\x11\x19/+\x0e+G0x\xff\xb7v\xdc\x9d\x0eO\xb3\xae\xde\xfa\x96\xfa\x15\xda\xbe\xd6F\xbf\xea\xb5V\xc6\x02\xf1\xaf\xb3\x14\xecO\xc0(\xdbV\n\x14\xc5\xcb\xfa\xb3D\x1d\xc0\xc2l\xea\xb0\xca\xa6\x07\xd2\x88\xdc\xcb\xb3\xf8z\xfda\x15\x06\xf1\x8e\xbe\x867\x1a\x8f\xa0\x12\xb5\x1e\xbbl?\x16\x8c\xadd&lt;m \x9ag\xb1]\xb7\xbd\x88"\xc6\x06\xe8F\xb1\xaea\x99\xbf\xdd\x94EZc=N\xa90P\xc0\x13\xed\x16\xb9\xbd\xc5\xb3\xdfJ\\HH\xd4\xe0U\xf2\x8e\xcf\x0fsm\x00rH\xb8X2\xba\xd88\xe6&lt;:N\x0f\x19\x83\xd7rI\xfd\xbd`_\x90\xc5\xcbh\xc9B\x11\t\x95\\S\xec\x7f\xd3]$e=\x90\xc6\xcc\xb1\x10\x7f\xdd\xb5\xb7\xf5a\x97\xe9R2\x08\xc3\xa7(\x92O\x9f\xa3\xb2f\xafD\xdb\xd7\xf7\xfb\x0e\x10?\x9f\xbf\xbaI\xc5\x1e\x0c\x9c\xfeJp\xa1\x8f7\xeb \x0eq\x14q\x16\xb9`h\xc4e\x9f{\xe9q\x02\xcc.$$V\xd3\x0b\xe6\xe1q\xf4\x90\x1fs\xd1\xac\x89\x86t\xaf\xba\x1c\'w\xc6R\x14\xad\xaa\x08\xd0\xdb\x93\xeb\xb1GR+=\xb4 b\xa6\xad/\xda\xf7k2\xc4X+Ho\x16L\t\xf5\xee\x97\xd6*\xcf\x9cm\xc5/\x83\xdbQl;\x845C\x03\xc7\x90\xfc.E\xd2@|"V\xf3\xc7\xb7OEd\x8a\x04\x95O\x9d\xb8\xc6G\xa7b\xd5\xb2a\xb9a\xa5Z\x87\xa9\x18\xfd\x8f\xf5K\x15a\x19!\t[b\xf54b\xc8\xa7\x89\xa2\\\x08\x91|\xe1\x93I\x01\x0c\xa0T\xeaQM\x0f\x96E\xc8\x83Qw\xdb\x0c\xd0\xfb\x83GoT\xb8c\xf6\xd4\x9a)\xe4i%\x9aL:\xad\x1c=\xbb\xe7\xc8\x06\xdd\xfa\xba\xa0\xa1\xa8#\x88\xc1m\xe3\x91y\xe7\xbcJ\xb0\xa1D\xf5`\xfc\x0c\xe6\x19\x9e\x9d\xa7\xa3;C\xa3\xb0\xebM\xa1e\xe8\x05\xc1\x99U\x01\xae\x03&lt;\xfcC\x9c\x03\x01I\x90\x16\xa6\xac\x17\xc7GxE\x0b\xaa\\\x85S\xc3Wf\xabW\xfbv\xdb\r\xe5\xa7\xd75\xbdt^\xa1}\xd0\xd9J\xf4\x89\x87\xed\x1b\xcc\xab\xd7w\xfa\x08\x9d#@\xfe\x1b\xd9\xed\x94\x98\x1c\x98A&gt;\\\xe7\x03z\xe93\xcf\x84Hv\xa5T\x04\xfec"}\x87{\xbb\xe9\x92\x9c\xe1\xd91a\xb34\x1bP\x1cF\xbc\xff\x96\xa4OA6\xe9\xb7\xc4~o%\xbef\xe3\xff2\xef9\xd4\xbc/e\xf2`m\xfdp\xdco\xee\xc7S\xf5\xafp\'\xab\xd4\xeb&gt;\xb4\x1a\xb7\xfdfK\xdb\x16\xcd\xd1\xa7\xa0\xc3"\xb9j&lt;\x97\xd0\xc0}\xe1\n\x9d\x87\x199\x14\xa5&lt;T\xb5\xf2!\x80B\x9c\x85\xe5BOe\xdd\xe5\xe2\x93\xd7\r\xbfL\xe9S\x82\xceMH\xa5\xbb9$\x0cu\xd7gu\xd4js\x19\x96\x8ag\'v#0k\x859O`M\x0bG\x95\x8dZ+)\x81q\xe7q\x960\xc79\x10pd\x1c\x1f\xc6L\x99\xac\xaf\xcf\xf2\xe4D\x0c0j\xf5e+\x02x\x0c\x92E\xcd+\xfe\xc3\x1c\xb4G^\x8cd\xab^Q&amp;d\x1d9R\xf7\xbe\xf2\x8f\x9e[\xeeE\x02\x1f\xef\xfa\xf5\x0b\xe18\x06&lt;\x90\xac\xe1Oub\x86/\x00\x13xA\xef\xae\xd6\xed\xad\xde\xb8\xf7L\xf1\xdd\xdc?\xb2\xda\xb5\xe7\xb2\xb6\x8e@K\xad\xe2&gt;\x9d\xe16\x06\x11\x85,\xady7\x13w\xa2`\xc0\x1eB\x87\x92\x94\xe8\xbb\xc1=\xda\x94\xc3}\x1b\xb4\xda"\xf5\xbd}\x8a\xcas\x91yc\xccRW\xc5\xf1\\\xbb%\n\xab\xff\xa7\x06\xb572\xf1W"\x96\xafy\xa5P\xf9=b&amp;+\xefq\x1b\xb5\x7f\xb6\x85\xd1\xba};\x0bER\x98\x96{\xe9\xc8\xbb\xe2\x0e\x8d\x0f$\xd6c\xcd\xfbC\x89\xbdo\xcd\x1e\x16Z.7\x1bf\x1f&amp;\xbd\xab\r\x18\x01qj*V\xb8 Q8\xc8\x8d\x98\xb9\xa6%P \x8a\xdc\x93\xbe\xb8\x14\xab\x85\xbf\x88\x82\x00\x87Ka\xf2\x10\x07\x14\x97\xc6\xc2\x01K\xb6\x1d\xc4!\xcd\xf1l\xa5\x94\xf6\xee(\x9c\xc9\x13\x10\xdfg\x8d\x9f@\x0cH{:\x8f\xe1\x99\xc2J\xb5(\xed\xd1\xc5\xcd\xcc\xd5\x08\xcfukF9\xf2/JV\xcc]gn\x92\x08o\x8b\x05P)\xfdC4\xfc\xe1\x92\xb3]\x9e({V\xea\xab\xfb\x03\'\xbf_\xccv\x90O\x91\t\x9b(\xfd\xfbGSo\xdd0\xa0\xceU\xde\xdf\xf0X\xfdG p\xba;:\x85=\x04\xca\xa9\x0f\x8d\xc7\xb1\xaaRN\xd3J\xe2\xd4\xfa\x10\xcaci\x04\x83KT{\xbe\x8c\xdc]\xd5\xf6\xdf)U\x96 mg\x12\xa1_\xe5S\x9fZ\x15\x0bTC\xc7\xb0qx\xc8p\x0b\xce\x95\x11\xd6\xdf)\xef\x96\xcf2\xe6\xe9\xea\xd1\xdc\x1e\x0e\x9c\x1aZ`\x91\xa7y\x9a&gt;u\xb5\x8f\xca\x10\x95O\xc6`\xf9Hx!\xf0\x1525\xbai\xe9\x81\xe5\xfa\xdb6\x01s/9\x93t\xcc\xb4:\r\xc6_\xddi$\xa8\x7f:dq\xafF\xf8SPa\xacM\xa2&gt;\x81\xed\xe5^\xf1\x14f\x82\xad!\xd2\xd7\xfen\x85\x84TD\xd8IQ\x9a\xe5G\x9c]\x8a\x0e\xc0\xc8\x12\xcdq\xa5&amp;\x85n\x11W`\t\xe3\x9a4\x1a\xeb"\x88\xd5T\xb7\x14P\xad\xff\x8d\xbb\xa5\xa3|[\xfb$\xcf\xbee\x8aR$%\xea\xc7\xcb\xca|g\xa4\xa5\x96~\xa4\xdc\xe4\xe0\xb9\xd4\x19\r\xe4,o\xa7\t.\xf4iI:=\xe3\xaf\xc2\xc8\xa1\xf1\xc6-\x01Z.\x1f\x8a\x14\xa6\xf8|\xb3\xdf\x01$s\xa7\xb8\xd4\xd9q\xda\xb7\xa0/\'\xac1|t!\x7f\x07!\xa9X\rp&lt;Y\x13]}\x98\x12/\xc0\xda+,\xa6\xfb}\xbe\x89X\xe8\x99\xda\x05\xb6\xf6\xdf\x19M\xb2\x9c\xbf\x0e\xf7\xccc\xe0O\xbd&amp;\x05\n:y5`\xb5\xafa\x02\xe1\xa0\xaa2`3M\x14JQ\xf4\'\xd46\xd5\x88\x11\xabY\xac\xe6\xf8RA\x95\xcb\x86\x91\xfb4\xcd\xd1&amp;\xdd\xcel"\x89[&lt;\xf1\xa2o\xb3\xf0\x1auIt\x92z\xd6A=\xa6\xca\xc1?S\xca\xab\xcea\x15\xe6T\xc8M\xa2h\x90\xd9%h\xb3)_\xc2I?y\xbaB\xc9\x8f\x94\x18\xb7w\xd5\xf3\x0b\x0b\xf8\x0c\x95&amp;\x99\xc6\xa7\xd2y\xce\xeeN l\x91\x0c\xd8\x9f\xd7\xa31\xae\xba\xc5R\xb1\x82l\xd6\xd8\xd3\tZ\'mPa\xfd\xfbr&lt;U\xbf\xe4\x8d\x9b\x1f(\x1e%n\x89\xf6o\xaeU\n\x92\x9a\xae\xe1(\xc3.\x15\xbd\xb2*;\x1d\xdc\x1a3\xca\xcav(\xe5L\xfb\x9e\xb8\x9e\xa2\x1f5F\x0b\x1db~\xd7\xa8\x1f\x918\x8a%\xc4\x8cY\x9e\xc3MX\xcbYzA\t\xa0\xc2\xa3\xd1q\x93\x05\xa7AIIPB\xf3\xa1\\\x7fp\xf1\xc3/\xfb\x13d\x87t\xcbxl\x10\xe2\xcc\xd2\x94\xfd\xdd\xff\xf0fM\x84\x91\xf4V\x99J\xf0\x06\x87a\xd5[M`\xc5\xcfU)\x0b\xce\xe6W}\xeaR\x97\xfa\xa8v}u,g\x9c\xb9\xc1\xddw\x8e\x1eN\xee\x81\xa3\x07\xc8\xe5(&gt;\xce\x1f\xb6Q\xb7\xe9\xaa\xb5v\x87\xcdx\xde0J\xb0\xd3\xffvqt{/\x11\xd5\xcf\xf8\x0f\xe1\x03\xe5\xfb\x892\x9b\xec;*\xcf&amp;\xc6\xc7A\x05\x7f\xdf\x97\xd4\x06\xd7@5\x85\xe9f\xff\xf1\x9d\x92\x96\x068M\x1d\xa6i\x01mT\x14\xb7\xa4\x9b\x99\xc9.\xc2hSs\xc4\x15t\x14\xb8\x9d\x95\x94U\xc0\xa9\xa6\xa6\xac\xd7\xd0eJU\xd1\n\x1a\x9eN\xadnW\xd8{&gt;\xf5\xc2\x948\xfd\xe1\x17QqG\x04\xce\xc2\x10?\xf6\xb0\xdd\xc4+l\x8d\xdb'</t>
  </si>
  <si>
    <t>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</t>
  </si>
  <si>
    <t>b'\xa4\xfb@\x1a\x8f\xf2\xf0\xc7\xebc\x90^\xb1\xae\xc7\xad'</t>
  </si>
  <si>
    <t>ndustry and the silicon integrated circuit (SIC) evolved simultaneously at Texas Instruments and Fairchild Semiconductor Company. By 1961, integrated circuits were in full production at a number of firms, and designs of equipment changed rapidly and in several directions to adapt to the technoloy. Bipolar transistors and digital integrated circuits were made first, but analog ICs, large-scale integration (LSI), and very-large-scale integration (VLSI) followed by the mid-1970s. VLSI consists of thousands of circuits with on-and-off switches or gates between them on a single chip. Microcomputers, medical equipment, video cameras, and communication satellites are only examples of devices made possible by integrated circuits.
The history of electronics ca</t>
  </si>
  <si>
    <t>b'F\x0e\x0c\xe2J\x1a\x87\xef\xb6\xd6U7\xe4\xe7\xbe\xe9\xdbz\xce\xa7\xfd\xdf\x89\xad\x83\xc6\x88\xc6\xc5\xd5M\xb5d\xa2{\x00\x9c\x83\xb5\xf0\x16)u\xbb\x9b#\xa2eJ\xed\'\x07\xfc}\xc9\xbf\x86\xc3\\@\x9f\x1fOW_\xb3\x07\xc0\xf3\\\xa5=\xaei{\xd9\x81\xecl\xc0\xc9\x10m\x80\x12j\x19F\xa7\xac\x02(\xd2\xd4\x96\x12:`\x82:\x16\x0e\xd90#)\xf8emNulz]\xaa\xe0O\xdcd`\xa6?\xc0\x8f\x87%\x82\xe2\xaeR}\xde\xc7k-\x148\xb6\xbd\xc8dE;\x99\xcbS\x00U\xac\xd5k\xa3,\xa3;\xb1 \t\xff\x08W\xcaY\x8c\x1a~\xd0F"\x95c\x9bs\xf3\xdc\xa2#\xa9\xfb%\x08d\x18\xff(f\x85\x0b8\xde\xec\xad\xd9\xe9X\x9c\xcc\xe0\x19\xca0\xfdA7\x99Y\xbe\xcd\xb8BA\xca\xb4a\xda\xad\xc6\x05i\xa9\xbao\xff|\xf5\xe1v \xe7\xdd\xa3y\x15\x10\x94A\x19\x07@!G!\xbb\x93/n~\xc8\x92;\xe7\x86c6\xe6\xc1\xacs&gt;,&lt;5\xc7\x814\x0b||A\xdc\x16\xd35Q\x81\xbb\xfc\x96\xb3\x82d\xec\xe9\xac\x19\x13\xc7\x17[WEOh\xba\xee\xc4{7+*\x84jr\xc2\xda\x02Q\xa5\x88\xb1(+\xc0r\xb6\xde\x10]*\xdd\xc9\xf0\xb9\xe0\xeb\xda\xa3R\xff:c\xb5\x86(\x8f&amp;\x94z\x9dn\x8d\xa7p=)KW&lt;y\xc5\x9b\xd8r&lt;\xb7\xd4*\xc4h\xeb\xc7G&lt;\xb7(Y8Qh&gt;\xbe\xe7\xff\xd6&gt;YZ(\xef9w\xb3\x0e\x8d\xd2\x10\xee\x07\x99\xf3a\xf5\x9e\xaeG\x1a\xcd\xe3\xa0n#\xf3\xa8\xdd\x11FQ+\xdf\x0c$KlR\xab\xafc\xfdD\xe3\x8e\xc2 *\xa3\xf7._\x1dh\xbf\xc4\x83\xe3\xaa\xe1.\xe0\xba\x16N!\xd8\x9f\r\xd1\x9dN\xd1\x84\xf7S\xf6\xc9\xbai|\xd4\xf0\xb3\x14\x1f\xafKR\xc8\xd3\x05\t\x81\xd6\x7f\xca&amp;\xa4\x89@k\xfcw\x88A\x80W\xce\x03TZ\x89\xc9\xd6%\xaf\xf2d_F\xff\x0e\xc31\xca85\xfc\t\xefwR\xf9K@|\x9f;\x90c\xd1\x14\xef@\x9f\x14#\n;\xc2\xdb\xe8\xd0\x8cU\xed\x12\xcd\x9a\x1b\x81\x01Y\x8b%\xdb\x9e\xdb\x17\x17`w\x87\xef`\xb6F\xdf\x8d\x1c\x8a:\xeaSI\x0fn\xb9n\x08\xc0\xa1m\x040H\xbb\t\xa4\xcc\xc0.]\xc7s\xa4\x81\xa4\xcb\xb6\xa5\xdd\xfe\x95\xf1S\x82%\xfe\xedT(\x03wb!\x81\x86%\xd7A\xe8\x8a\xb6\x89\x1b8\xc6\xcf\x8c\xda\xa24J\x85?\x1a?Z\x99\xfd\x0c\xd2\xa1\xe2\xde\xa7\xa8H]\xd2\xb51\x9c\x9f\xcc1\rS\xda\xd1\xe0\xfd\x11\x8f\x02d\x1b\xc7\x9e\xab\x06J\xbd\xe7\r\xd7\xf1\x11H\x19\x88\xa0g\x8e\xda9\xfb\x8fM\x99\x19,\x94Eu\xfb^\xf3\x01\xdet\xa3\xb0?\x1f.`\xcb\x8ce\x1e\xc20\xbf\xa9\xb7Y}\xdc\x8dzm8,\xee\x0c\x9dX\xe8\xc17\xd6\xfd\xf6!-\xcc)\x13\xc3\xc5\xb7P\x12\xf1\x82\x17\xfa\xbf\xa9%\x94\x94\xe9\xbd\xaf\x93\x1f#`\xd9^\t\x16\xb9\x83\xdb=s\x11\xc4\xe35'</t>
  </si>
  <si>
    <t>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</t>
  </si>
  <si>
    <t>b'F\x0e\x0c\xe2J\x1a\x87\xef\xb6\xd6U7\xe4\xe7\xbe\xe9'</t>
  </si>
  <si>
    <t>ls, an' th' grass'll be a carpet o' flowers."
The little fox and the rook were as happy and busy as they were, and the
robin and his mate flew backward and forward like tiny streaks of lightning.
Sometimes the rook flapped his black wings and soared away over the treetops in the park. Each time he came back and perched near Dickon and cawed
several times as if he were relating his adventures, and Dickon talked to him
just as he had talked to the robin. Once when Dickon was so busy that he did
not answer him at first, Soot flew on to his shoulders and gently tweaked his
ear with his large beak. When Mary wanted to rest a little Dickon sat down
with her under a tree and once he took his pipe out of his pocket and played
the soft strange</t>
  </si>
  <si>
    <t>b'\x92i\x9fq\x16\x85\x1d$\xc6\xc7L\xf0~\x1d\x11p&gt;\x14\xe5\xfes\xf8\xa0\xe0e2\xc09\x85\x10u7\xba(\x9ejH\x8d\xbbv\x9b\xe1\x0c\xe2\xebW\x85z5\xc4\xf4T\x02\xff\x060\xbb\xa7\xec[e\xe8\xcb]\n\x0f\x08\x14\xa6\xdb\x1c\xe43\x9b\x14z\xafN\t\xfa$K\x0c9\xee\xad\xcb\xeao\xdc+\x0e\xa9\xa7\xc12E/\x9a7\\x8\xa3I\x96\xe6\xb6\x90\x9b\xb0\x07\xbd\x0eVb\xff\xd0\x88P\x10&gt;:\xc0}|\x04\xe8\xfa&lt;S\xec\x9794\xb8\xab\x96\x81\xf7\xe2/\x04\x99o\r\xdbF\xa7\xd1\x8d\xd4\xfe3E\xaa\x8d.^\xa72\xd4\xc9\xc4\xf8\xd7\xdc\x1f:]\xc3\xba\xf2\x95O\xb8\x98S\xe5\xb4W\xa0.\x13\xd8\xf7\xa5VOdM\xa1\xa9D\xfeGx\x96\xe44\xd6\xf2\xa5\xbbj\x89\x112\xd0\\E\xba\xf5\xf6\x98\x18+$\x89o\x9c{\xf5\xd3*1\x90\x82\x13\x08.\x1a\xc4f\x82s\x9a\x9d/Q\xa2&amp;\x98\xb7\xb8\x8f\xe0#\xe4\x0fyN\xf9%\xf2G\xbc*\x14\x04\x03\xd5\xa2\x92v\xe7bpCN\n\xdf\xab\xcc\xe0\x97\x01\xb3;kE \x00Z[\x0f&lt;\xa1\xf2\x0fi\xb5^\xb6M\xd4e\xe8\x8b\x12\xc2$\\\x8b&amp;\xcb\xd2H\xc3P\xbbtE\xb1\x9exa\x8ei{\x10KWw\xce\xfbs\xa4\xf1\x91"\x00\x83 \x81WU\x95\xb2\x01weu\xebo@P\xba\xe9\x88[z\xedq\xfc\xdb\xc3\xe9\x1f\xc9\xefruJ\x0b\x90\xdc\x10 E\xe3/\xf00q\xdd\x93:\xfe\xe2\x8c\xe9/h)\xad\xb5\xc9T?\xf9~\x11\x10\xa1\x7f\x11\xf6;\x0f\x12\xc9RjvQ\x9d\x87\xc5\x93{\x01V_WZ\xdb\x87\xe2\xed\xd7@,\x1d\xa6\x12\xed\xb9\xcd\x19\xe6)\x0b_\x1f\xdbN{$\xe1%\x00W\xf6\x00\x06\x90.\x94\x1a\xc0\xe9\x12\x97\xea\xc7p\xd2K\x9f\xd8\xab\x98\x9d\xc66\xd2\xc3\xa7\xd2\xfd\xefb\x99\xa5\x7f_D\xc7\xbd\xc0\xe0\x8d\x15\x1d\xdc\x02\xce\x0fS\xad\x03\x81.\xda\x97\x118H\x19H\xc8\x9cI\xc7\\\x9d\x80\xd2z\xa9\xff\x8b\x8f\xb9\x90;Fy\xde\xcao\xb0\xcd\xb4\xe3\x96\xb3,"\xf7\x07\x82\xdcJ{I\xee0E\x8a\xf1K\xca\r\xbd\x87T\x7f\x92\x02PJ:7\xba\xf0\xa7\xca\xc5m\xd6\x0c\x8c\xb1\x914|S\xe0\x19\x91Y~-\xa3J\x94\x7f\xbc\xf9\xf8\x94z$S\x08\x9b\xfeP\x8ec\xbb\xad.\xed\xc9fe\xc6\x8d\xbd\xda\xfd\x93\xe3\x0e2\r\x8b?\x10.5\xe0c\xd3\xbfq@?\x06\xbe\x9a\xa7\xe3\xa2E&amp;f\x89}\x01\x86\xb9\x86=\x06\xc9\xde\x8d\xf8G&amp;\xc5\xd0\x85&gt;k\x19\xa3U\xf2\x9d&amp;\xc58}\x8f\xf9\xb1\xb9\x9c\xf9\xfdUS1\xf0\xe0[\x8e\x16\xe0\xac\xf1;I\xfdp\x90\x1bu\x00\\\x12[]w?`\xec\xf4Y\x08K\x82a\x97\xdb`H\xfb#b\xa1\xadH\x91\x95i\\\xbf\xeb\xc6(O\x8e\x10\x84\x04!\x07\xc0\xb3\x01\xc4\xbe\xdb*\x95\r\xeeI\xf9\xe9\x1d\xefJPo\x0b`\xc1t\x82\x1dF\xf0\xf6\x16 '</t>
  </si>
  <si>
    <t>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</t>
  </si>
  <si>
    <t>b'\x92i\x9fq\x16\x85\x1d$\xc6\xc7L\xf0~\x1d\x11p'</t>
  </si>
  <si>
    <t>e real part of Ëœ f:
  f (z, t) = Re[ Ëœ f(z,t)].
  (9.18)
  If you know Ëœ f, it is a simple matter to find f; theadvantage of the complex
  notation is that exponentials are much easier to manipulate than sines and cosines.
  Example 9.1. Suppose you want to combine two sinusoidal waves:
  f3 = f1 + f2 = Re( Ëœ f1)+Re( Ëœ f2) = Re( Ëœ f1 + Ëœ f2) = Re( Ëœ f3),
  with Ëœ f3 = Ëœ f1 + Ëœ f2. You simply add the corresponding complex wave functions,
  and then take the real part. In particular, if they have the same frequency and
  wave number,
  Ëœ
  f3 = Ëœ A1ei(kzâˆ’Ï‰t) + Ëœ A2ei(kzâˆ’Ï‰t) = Ëœ A3ei(kzâˆ’Ï‰t),
  where
  Ëœ
  A3 = Ëœ A1 + Ëœ A2, or A3eiÎ´3 = A1eiÎ´1 + A2eiÎ´2.
  (9.19)
  In other words, you just add the (complex) amplitudes. The combined wave still
  has the same frequency and wavelength,
  f3(z, t) = A3 cos(kzâˆ’ Ï‰t +Î´3),
  and you can easily fi</t>
  </si>
  <si>
    <t>b'-okpx\xb0\xe7\xdbp\xde\xa2\x0f\xe8y\xc5?\xfdM\xd5\xe2\x80\x15\xf7d{\xcbc\xd5\xaa\x1f]B'</t>
  </si>
  <si>
    <t>2d6f6b7078b0e7db70dea20fe879c53ffd4dd5e28015f7647bcb63d5aa1f5d42</t>
  </si>
  <si>
    <t>b'-okpx\xb0\xe7\xdbp\xde\xa2\x0f\xe8y\xc5?'</t>
  </si>
  <si>
    <t>er envelop again. Yes, they did, they went
 round Wendy and John and Michael, who had slipped out of bed and run to
 her.
 'George, George,' she cried when she could speak; and Mr. Darling woke to
 share her bliss, and Nana came rushing in. There could not have been a
 lovelier sight; but there was none to see it except a strange boy who was
 staring in at the window. He had ecstasies innumerable that other children can
 never know; but he was looking through the window at the one joy from
 which he must be for ever barred.
 CHAPTER XVII
 WHEN WENDY GREW UP
 I hope you want to know what became of the other boys. They were waiting
 below to give Wendy time to explain about them; and when they had counted
 five hundred they went up. They went up by the stair, because they thought
 this would make a better impression. They stood in a row in front of Mrs.
 Darling, with their hats off, and wishing they were not wearing their pirate
 clothes. They said nothing, but their eyes asked her to have them. They ought
 to have</t>
  </si>
  <si>
    <t>b'\x167\\~\xdf\x1b\x0f\xbc'</t>
  </si>
  <si>
    <t>16375c7edf1b0fbc</t>
  </si>
  <si>
    <t>nd the island, but they
 did not meet because all were going at the same rate.
 All wanted blood except the boys, who liked it as a rule, but to-night were out
 to greet their captain. The boys on the island vary, of course, in numbers,
 according as they get killed and so on; and when they seem to be growing up,
 which is against the rules, Peter thins them out; but at this time there were six
 of them, counting the twins as two. Let us pretend to lie here among the sugarcane and watch them as they steal by in single file, each with his hand on his
 dagger.
 They are forbidden by Peter to look in the least like him, and they wear the
 skins of bears slain by themselves, in which they are so round and furry that
 when they fall they roll. They have therefore become very sure-footed.
 The first to pass is Tootles, not the least brave but the most unfortunate of all
 that gal</t>
  </si>
  <si>
    <t>b'm\x85\x03\xc4\xdfK\xe2J'</t>
  </si>
  <si>
    <t>6d8503c4df4be24a</t>
  </si>
  <si>
    <t>h but-1-yne and
but-2-yne ? Alkanes, alkenes and alkynes
follow the following trend in their acidic
behaviour :
i) HC CH &gt; H C CH &gt; CH â€“CH â‰¡ = 2 2 3 3
ii) HC CH CH â€“C CH CH â€“C Câ€“CH â‰¡ &gt; â‰¡ &gt;&gt; â‰¡ 3 3 3
B. Addition reactions: Alkynes contain a
triple bond, so they add up, two molecules of
dihydrogen, halogen, hydrogen halides etc.
2022-23
HYDROCARBONS 395
Formation of the addition product takes place
according to the following steps.
The addition product formed depends upon
stability of vinylic cation. Addition in
unsymmetrical alkynes takes place according
to Markovnikov rule. Majority of the reactions
of alkynes are the examples of electrophilic
addition reactions. A few addition reactions are
given below:
(i) Addition of dihydrogen
â‰¡ + ï£§ï£§ï£§ï£§â†’ = ï£§ï£§â†’2
2 2 2 3 3
Pt/Pd/Ni H HC CH H [H C CH ] CH â€“CH
(13.62)
3 2 3 2
2
3 2 3
Pt/Pd/Ni CH â€“C CH H [CH â€“CH CH ]
Propyne Propene
H
CH â€“CH â€“CH
Propane
â‰¡ + ï£§ï£§ï£§ï£§â†’ =
â†“
(13.63)
(ii) Addition of halogens
(13.64)
Reddish orange colour of the solution of
bromine in carbon tetrachloride is decolourised.
This is used as a test for unsaturation.
(iii) Addition of hydrogen halides
Two molecules of hydrogen halides (HCl, HBr,
HI) add to alkynes to form gem dihalides (in
which two halogens are attached to the same
carbon atom)
2 2
3
Hâ€“C Câ€“H H â€“Br [CH CHâ€“Br] CHBr
Bromoethene
CH
1,1-Dibromoethane
â‰¡ + ï£§â†’ = ï£§â†’
|
(13.65)
(13.66)
(iv) Addition of water
Like alkanes and alkenes, alkynes are also
immiscible and do not react with water.
However, one molecule of water adds to alkynes
on warming with mercuric sulphate and dilute
sulphuric acid at 333 K to form carbonyl
compounds.
(13.67)
(13.68)
(v) Polymerisation
(a) Linear polymerisation: Under suitable
conditions, linear polymerisation of ethyne
takes place to produce polyacetylene or
polyethyne which is a high molecular weight
polyene containing repeating units of
(CH = CH â€“ CH = CH ) and can be represented
as â€”( CH = CH â€“ CH = CH)â€” Under special n
conditions, this polymer conducts electricity.
2022-23
396 CHEMISTRY
Thin film of polyacetylene can be used as
electrodes in batteries. These films are good
conductors, lighter and cheaper than the metal
conductors.
(b) Cyclic polymerisation: Ethyne on passing
through red hot iron tube at 873K undergoes
cyclic polymerization. Thre</t>
  </si>
  <si>
    <t>b'\xa9o\x81\xbc\r\x87\xe8\xd3`\x95\x83\xca7W"\xc2J\x07\x15y\xea&gt;\x89\xcb\x82\xfcC\xf8\xde\x85\xe9x\xa0\x10\xb2\x9a\x011\xfd\x8e\xaa2^\xce`\xa3,%T\xa7t\x08\x1e\xd5\x17\x9f\xf3\x97w&gt;F?\xd4a\x95[\xaf\xc5\xbdK\x8e\xf3S\x8a\xe2\xae\x910\xeb\xa87N\x81\xb0\xede\xf0\xb9N\x0b\xb6|\xca\x8fQ\x87\xb9rvg\x19\xa1\xc2\xb3h\xcc\xcd\xa1\xa5\x90O\n[\x84\xcf@\x11\xec\xdb\x8d\xfdv\x05l&lt;\x96\xfa\x96\xf3 \x89\xd6\xc5\x9e\x84?:\xecK\xb3\x0b\x01\xf4S\xe7\x84vJ\xe6|.\x85A\x82\x94\xb4\xa3\x9f\xb0\x965\xac\xc7\xd8\xa6\x0e\x7f\x87pH\xe9\\\xf0\xb2\xdb\x8f\xa8\x0e\x91K\x05\xaa\xbd\xe1\xa6cH$^yD0\xfd\xae\x14\xef\x18 \xabU.\xc0F\xdc\xa8\xc0$?s\xf50\x0b\xa2\xff\x13\xc1H\xef\xe3\x90\xe0Q\x11\xcd\x10\xf1?\xb3\xe9gG?\xa3\xbe3\x8b\xb3K\xbc\xb9\x1dg\xea\x13\x03\x9cX\x07\x0e\x9a\xa0\xcb\t\xf9\'*U\xc4,\x03\x9dt*\x06\xcb\x82E\x0f\x80\xc4Ufm\x96\x001\x7f5\xf7=\x01\x87\x01S0\xff\x8f\xde\xcar&lt;\x82\xa9\xf8\xf6\xce"\xa3&amp;\xdf\xdet\xc7\xfe:4g-\xa6$g\x9b/*\xf0\x92g".RAw\x89\x0b40\xd0\xdc\xaf\x98&amp;\xbda\xb9\xeaH\xf3\x97\x02\n\ri\x9e$\xe3?\xa7\xb7\xee\xcd\x87\x8e\xc4\x92\x03\xe9\xb9Xk\xcf\x0ea\xedI\xcd\x08\xc3p\x80\x17B\xb9Y[*G_\x17d\x99+y\xc3\r\xd7+\xa6\xbf\xe6\x9d\x1e\xe4M\xd2\x89K\xb6\x1eJ\xc7\x9b\x92@\xb5\xfe\xc1\xc6\xb8A\xfa\x9a\x15\xc4\xe0\xc47@-W\x9c{E~\x88\xa4F?\xd8s\xe8\xe6\xe3\xa6/#\x7f\xfc\xeb\x1et\xe3n\xccBX\xf7\'\x98\xacj\xda?c\xe9\xc4L\xedB\xb2i\xbc\xb7\xc3\x84\x90\x80\xcb\xd9\xaf\xc8Z\xe09A\x1ci)\xfd\x0f\xe9\xa3@y7\xb3\xa0\x11Z\xde\'\x83\x0e\x9f$\xc5\xb8F\x80\x94\xc6\'\xef\xec\x90\xdbZI\xdfq\xdf\xc9\xd3\xa2L\x84 \xac\xc9I\x19\x08\xc4\x07\xd1iT\xaf^\x19\xe9\xb6\xdd\x12b\x9c\xd4\xea\x82\xc8\r\xf6\x19\x1b+\xdd^\x80\t\xb6\xfb\xda_\xcd\xa92\xadK:J\xd9-\xf7\xd7\x8c\xf3R9\xb9\xa2\x92Ts\xfd\xf7~\xfc\x01\xc3\x8b\x97\xc0U\xb4;\xe2\xd9\xe1\x8fgp*\x17\xd2(,\xf2\xaf\x87\x802G`\xd68\xbc"\xa7\xb0\xe9@\xbd\xd1\x02\xc0{\x12oj\x94\xe8\xc0~a\x18\xd5\xaa"\x86\x10N\xd7\xda\xa6\n7\xb8\xa2\xcdr\xaaK\xea\xc6r\x10s\xdfl\xa9\xd2\xea,\x0c\xf8\x1a^\x8f\xe2\xbc\xe3\x0en\x01v.E\xc4\xe3\x89\xcdR%\x81\xe2\xaaw\xd9{\xa6u\xa6\x8e\xc8\x80\\\xc5|\xd6\xa9b\x85\x89\xc2\x87\xa8\x8f\xdd\xc0%\xd7\x9d\x0f\xdfV\xb7\x8a\xf1\xa5\xa2\xb1\xdf\x84RX,\'\xee\xac\xd4\xa6\xc3i\x95\x0fJ\xf0\xa3b(\x1c\xeaK1\x15Lp\xa9\x9d\x06\x81\x05\xd1G\xeb\x8d \xca=\x18L\xaa&amp;\x7f\xec\xaf\xa4\xa5\xa4\xb5\xf1;.\xcd-\x87 \x94A$5;i\x84\xc8?\x08\x92\xa9\rc\\\x19T\xdfu8N\x9eSV\xd8v\x0e\x06\xab\x14\x0c\xd8\x82\xaaRcc\x18D\x06raM\x15w}\xfc\x1d\xeb\xfb\xae\x0c\xee\x87\xd3\x92\xc3\xb5P\xa6\xe6\xc3L\xa7\xcd\xf8\x1ejb\x17V3\xfaf\xe9\xc66\xff\x0f\x9b\xfb\x0f#*\x07M\xfbA\x14\xd2a4o\xd2\xad\xb3\x87\xb1\xd1\x1f\xca\xfd\xae"q\x9aY\x9d\xf7C\xbeY\xc44\x1e\xf3\x19\x928\xdb\x1f\xa5\x08c\x80\xe1d\xc76\x15\xcc\x85\x87\'\xcdX\xf1\xe6BCDf\xc9\x7f9#n\xbdt\xa6\xbe3\x9e\xe5+\xdb\xa4?\\\xe4D&lt;\xd7PX\xc1\x0bbGm\xd0\xaf30\xd0z\x04a\x9eoBd\xe1\x03\xadcE\xe9\xd2\x84\x87\xf7\xdf\x1aYB) j\xda\x99\x14{\xc2\x07\xfc\x89uH\x11\xa5\xdb\xb4\xfe\xdc\xb1\x81\x03\x94\x1f\xca\xd8Fs\xc4\xe1`\x16\'\x03"\x8c\xcd5\xef\xf8\xde\xfb\xf5\x95\x13\xe8\xb7T\x94\xd5\x85\xb3\xd9p\x81\x0fa\x15\xd6US"\xa9#\x7f\xcb?U\x8cN\xe0\x868x\xae\x87\x17k~\x8f\xd8{\xc9\xf9\\\x0b:\xae\xd7\t@\x97\xe0\xc6\xa1!\xfe\x06\xeaNu\x9d\xd1\xa3\x00i0p\tx\xec\xa3\x92\xb0\xf0\xd5\xee\x93f\xa3c\xb6\x16\xbdH7\x00\xb2\xc1\xb0\xe3SqWVx\xfc\x8c\xf9x\x7fnK+\xb8\xe5\xc0:\x8c\x9e[\x1bf)\x0c\x1e\x06fUBp7\xd8\xb2Q\x0c?oM\x01h8\x07\x82\xa2\x8e8\xbdz\x1b\xb3f\n\\F\xf0x\x11\x9b\x88\xef\xba\xcf\xdb\x93\xa1\x0b\xd9\xc7\xd9\x8d\xa5\x08GJ\xdb\x97\xfeXr]\xc8z\x0fEk\x12\xa5\xc1\x07\xb2\xc3Vo\xdc|\xf7{\xed\xfc\xa5\x8c\x1d\x89\x7f\xb88n\x18z\xd3#\x19\x91\xf0\x93\xa7\x18\xa8w\xd2O\xad\xbb\x86\xbd[\xfefk_!4\n\x0br\x9e\xf8\xbd\x8b\xe4x\x08\x98\xfe\xc1\xea&lt;H\xf5I_\xd4\xdf\xb4\xb4\x1f\x82]\x0e\xbc zwvK\xac\xcd\xba\x15-\xfa\xfa\xe0=\x1a\x8aH1(\xb2\xado\xefg\xef\xf1u\xa3z\xe4\xfc.\x9e\x94\x9c\x87\xf4S%\xdaXi\xf6\x83\x818\x9c7\x19\rN/\xa4\tw\xc51\x8a\xe6\x85\x16\x1a\x1d\xae\x01\x16\xc1*\xc8I\xf2v3\x8b\xfa\x1b\x18\xd66\xc1\xbd\xdb\x94Ay\x1b\xac\x07\xd0\x9e\x13k\x8djI\xd9\xe8`!5\x05P\xab9\xdd\x89n\x95$\x82\x1d\x80\t\xeb,\x19\xa1\x0ba\xa4\xb0\x1bQ$\x82A(\xd8\xa1&amp;yx\xc2\xe1\x98\x0b|FG\xbf\x95\x1b\x9b\x0c]#6\xc1\xb8j\xdbB@\xff\xbc}WV\xb6f\xcfE\xf1\xa1\xbc\xfce\xb79CKK\x8f\xca\'!\xdf\x9e\xcb\xe5\x18\xe2A\xd8\x03\x0b\xdd\tu\x06T\x82$\x94t\xadUZ"\xa6\xfa\x1c!4\t,3j\xcf\xe4\xfa@\xc1\xb1\x1be\x1eR\xd5\x13\xbb\xb6\xc6\x1e{\xbb\x1f\xa2\xe6\x10\x912\x9f\xc2\xfe\xeb\x0e8\x80((\x02\x8d\xed\xcf\x03\x89\x9d\x16Y\')%\x05I\xc66\xc6L\xf2\x18\x96\xa6\x15V\x18\xcfl]HQ\xab\xfc\xba(\xe8\x97O\xd6\x10\x95@\xbeb\xf9\'\xaa\xe6\x16\x10[\xc2N\xb8h\x1b7$uxi\xdc&lt;3\xbd\x81J\xa8\x82\x95%\xe6^ur?\x08\x1a)\x85\xab\x0c}!\xdb\xb8\xf5\x95\xec\xc4\xd4\xf1\x8b\xcb\xbci2\x19d&amp;kQ=\xdf\xdf\xfba\xbd\xe4\xb6\xbfR\xe6~]\xf1\xbc8\xc1\xd4\x0fL\x1b\xba\x11\x951zGrr\x83\x13\xc6\xa3X\xe2GJ\nj(\xef\xd0\x88\xc8\xb8\xb2\xd3P\x93\xa8\x94/\xe3\xf2\xb9\x9a3\x8d\xe1\xc1o\xeapD\xfe\x98\xaa\xf8\xea\xf6:;\xf0\x84\xfau\xe9\xb5E\xbb\x00\x00EG\xf7V\x0f&gt;\xea\xcf`\xc3\xbc\xe2;\xb4VQ\xb8\xb5\t\xde\x87\xb6~\xe9\xba\xe6&gt;\xc8\xa0\xbc\xe0m\x03\xb9\xbe\xd7\xcd\x8c\xc8ri\xeb)}\xb9&lt;\x95\x963\x11\xfc\x16+\x00\xa1\xd16u\xafD,e\xafR\xe8\xcdpm~\xfc T\x04.\x0f^\x81d\x08\xba\x0b\xb9\xf6\x99\x06\t\xd2\x83\xb3C\xac\xb5\xe0lV\xa4\xbbp\xf4I\x90&gt;\xfe\xb8Z\xc0\x02\xddG\xb3L\xf8O*\xb9\xb5+Y\x92\xaaq\n\xe1\xc1y\xe4\x92,\xf6\x19h\xc2&amp;\'\x1b\xd1\xcd\xc47\x0f\xec\xd3\x9eoO\xcb"\xc8-S\xcf-/P\x8d\xdeE{Zw\xcf\xab`O\x81\xa5mZ\x80fR\xc7Ui\xf7\xa8t\xb2\x13z&amp;\x81.\xf2\'\xdaU\xd6\xd7\x8f\xec\xe7&amp;\x1f\xa4\xc9\x1b$\xbay8\xea\x8eg\xb6\xb8\xa3\xab\xcf\x1d\xda\xb8P\xde\x0c\x94\xfa\xff\x12L\xd9Fz6\x06u\x19\xf0/M\xbd\xc4\xaa\xaf\x8f\x11\xc8\x08Z.\xaf"\x86t\xed\x0f\xa5\xf1\xa1\x90\xc7#\x05\xcaO\xa2\x11\x1d?&lt;\x8a\x019=\xb1\x12]/\x1d{\x08\xc9\xc1ij\xfc\x84p\x81\xc0yR=-HZ\x1e\xef\xa7\x0c\xc1\xb6\x1d\xf3cnu\x97\xd5\x92\x8e\xe2\xec\x84\x9e\xdad\xdf\xb4{ZOq4\xbe\x83\xfckA\x83J\xbb\xad&lt;\\\xb8\xb6k\x96C\xde\x8b\x8b\x93=k\xe4\x1e\x18\xb2@Ey\x90\xd99\x7f\xbe\x1f\xc2\xcd\x9a)j\x94\x86\x17\xe5L\x10\x11K\xe1\x17\x0bA\xdd\xffwt \x04\xdb\xb3I\xb6\xd6\xdf \xc72\x8c\x07\xe5\x18\xda\xf3\xea2C\xd1\xe1\xbaeG \xca1p.\xeb\x06_5yv\xd4\xb9\xf7Zm\xe3$\xf9}\x01J\xc1\xc0\xb8\x0f\xafYj\xc6\xe8\xcb\x96\xcf)Ec\x90U\xf1zH[\x10\x8a\xc1\xdb\xe9~\xa0\xc8W|\x18|\xb9\xfae\xe7"\x92Z\xf7\xbe\xfe&gt;%%\xc9\xe4\xa425\x0b~J\xdcHq\xf9\xc7\x8cY&gt;\x14\xdb\xde\x18\x1d\xeb\x02\xfe\xe4cK(%\x91\xffn\xaaj\x08\xcctM\x97\xcf\xec\xa6\x10\xa4a\xac~&gt;\xb5\x05\xea\x8b\x95\xa2Lx\x14Y\x1d\xb5;\xe3?\xeb\xec\xee\xf4\x00\xca`\xc8v\xbbN\x9c\xc6\xb8\x82\xb7M\xcf\xc1\x858\xdfm\xc0\xdd\x15\xca\xe8\xb0\x1bh\xd6\xb8V6\xf6\xdc \xae\x87\x8e\xda\xd2\x1e{0\x11D\xf7\xad\xf6\xea\xa9W&amp;\x1cg\x019&gt;J\x8f\xf3\xeb\x9b\xfbb\xbd\t\xfe\x96O\xa3\xe9\x9b\x04\x13\x03\xdda4\x1b&amp;\\\xcc\x1a\xa7\x14\x97s\xf6\xf4\xaaa\xef\xda\x01\xfe\xfd\x8c1\xaf\x9c@O:Vr^\xb5\x05\x9c\xb1\x8blZ\x12Hb\x16\xcf\xbdI\xd5CLq\xf0\xf4)\xfb\xd1\xfa\xcf\x7f\xb1p\xd3j\xf6\x95\x08\x17\x0f\xd1a\xa0\x9c\xffN\xd7QF@\x05\x94\xc8'</t>
  </si>
  <si>
    <t>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</t>
  </si>
  <si>
    <t>b'\xa9o\x81\xbc\r\x87\xe8\xd3`\x95\x83\xca7W"\xc2'</t>
  </si>
  <si>
    <t>most systems, the initial growth is slow
(lag phase), and it increases rapidly thereafter â€“ at
an exponential rate (log or exponential phase). Here,
both the progeny cells following mitotic cell division
retain the ability to divide and continue to do so.
However, with limited nutrient supply, the growth
slows down leading to a stationary phase. If we plot
the parameter of growth against time, we get a typical
sigmoid or S-curve (Figure 13.6). A sigmoid curve
is a characteristic of living organism growing in a
natural environment. It is typical for all cells, tissues
and organs of a plant. Can you think of more similar
examples? What kind of a curve can you expect in
a tree showing seasonal activities?
The exponential growth can be expressed as
W1
 = W0
 ert
W1
 = final size (weight, height, number etc.)
W0
 = initial size at the beginning of the period
r = growth rate
t = time of growth
e = base of natural logarithms
Here, r is the relative growth rate and is also the
measure of the ability of the plant to produce new
plant material, referred to as efficiency index. Hence,
the final size of W1
 depends on the initial size, W0
.
Figure 13.5 Constant linear growth, a plot
of length L against time t
Figure 13.6 An idealised sigmoid growth
curve typical of cells in culture,
and many higher plants and
plant organs
Size/weight of the organ
Exponential phase
Lag phase
Time
Stationary phase
2024-25
PLA</t>
  </si>
  <si>
    <t>b' ~B\x0bDa\x8e\xf3\xd4*w\x1a\xd7\xd8\'j\xf3\xdb\x8c\xddT\x12\x01\xa1=\x12\x11=\xe3DEmW\xf3&amp;$_\x95\x12;I\xfde\x04\x8c\xf9\xbc\x85\xe3\xc2\x1bd\x94{\xf3W-\x86\xffQ\xbc\xe2\x01\x14\x95S\xd9\x0f\xc9\xd8h\xa2\x85Ji\x96.\xb0 g\xc7\xc39\x8bo\xa0"\xf5l\xd8\xd3\xda\xd7\xb6p\xa6\x0f\xba\x95\xff&gt;\xa3\xcf\xc8\x85\xab\xf0\x10\x88/\xcb\xf5\x98\xa2\x05\xeb\xb0\x7f\xa7\x8f\xb8\xb9\xae \x85\x90\xcf\xe5\x1aM\x9c\xd4\xec\xc3\x12\xbc\xe0mk\x19w\xf8=\xf1K\x85\x9d\xed\x063N\xdc\x07\x81\xb0\x8ac\xe7\x86\x98\xf6\xc3\x01*#\xbb\x08[\xad\xac\n7!kg\t\xb4\xe5\x03)nG\xa0!\x17$\xf8\xea\x96t\xe0\xf1\x8b\xa5J\x15\xe7w\\\xca\x86D\xbd\x91.g\xfde\xd0\xbe\xb6\xb0\x0e\x92\xae\x8b\xe8n\x99\x8e\x02\x8c\x93?u\xbf\x00\x08gSl\xf1sN\xed\x81x\xb2\xa2"\xe4\x7f|`\xeb)RB.\xea+\xef\xf0 \xa5\x9a}r;,\xa1BG\xb7K\xb2\x18\xcd\n\xd1\x1f:\xbc\xa09\x92\x92\xd3l$\x8c\x7f&gt;Ip\xe1\xf3i~\x9f\x85W\\{\xc1W\x18\x05\xc0\x80\xb9\xaf\xc1\xa2\xe7\x80\x1cq\x03\x01\xbcC\xec\x02#\xa2o\xa7\xfe\xac\xd9z\x1c\xdd,\xbdNh\x8cb\xe4\x8c)U\x97,2\x003`.\xa5#\xa4\xb2H3[\xe7\x8a.h[\xb6\xee$+\xdf\x86\x9dv\x9c\x0e5v\xd7(\x13\xa0\xa0d\xdd58|2\xacwE\x7f\x03\x85Q\x06n&amp;B\xbf\x12m@q;\xe6p\t=\x0c\xde\rD\x8d)\x00%=\x9a\xf3\xe96 \xb2\\\xb0\xbb\xd4\xcb\xe4\xb0\x9bQ(q\xb7\xdaZ9\x0e[\xf2\x8d\xfc|i\x92\n\xb2\xff(\xc7#\xd0\x00F\xb9\x95\x9c\x12f#/\x03\x12P\xbd\t\x9f\xe5M\x1e\xfe\xf3|\xf0+\xa6\xe5\x10\xa0HG\xa03\xcf\xbc#\xbcm7T~3\tY\x98\xae\xe3\xbb\xfb\x96\xb5\x0c\xe8)\x8f\xea\x80\xa2v\xe4\xd0;\xddA\x95z\x14[\x95\xa7\xc6\xf1\xc6\xe6\x1au(oE3m\xa3\x04\xc7\xc0\xdd~\xb1\xe88\x96f\xee\xcd\xa9\xf6v\x9bE\x8d\xda3R~\x15|\xbc~\xab`\x1a#Bn\xad\x13\x83\' \x8b\x16\x84\x15\xf7Q\xf4\x84\xec}\xb7\x03\x03\xef9\xac\x18\xa2;](\x8aY\x0eA\t\x12a\xfdXb\x813\xb2\x87{\x91\x06/\xb1\xee\x97U.`\xb5A)\x04\x99\xe4S\x9av9\x98\xd7&amp;\xc8\xa3\x15X\xe2\x86\x8b=\xde\xa5\xaf\x184\xc5\xb2K\x11\xc3\xad\xad\x18I\xe5\xfc\x0b\xbb(\x04\x9e\xe2&amp;u\x00\xc5\xd7.\xdc\xabeZ\xf3\x91\x9b\x19Z\x95"\xc2Gf\x94m\xablw\x9d4Ui\xed\x1b\x00\x01SH\x90\xbfcl\xcc\n\xeb\xc9\x03\xc9\xc6-,{\xedx\xf0f\xd1a\x13\xb3F\xe1\xba\xdfJ\xcd\xb6\x8b\xd9\x94\xce\x1d\xd9\xe2~\xbeq\x07Y\xac\x97\xd0N`/\x12\xb4\xc3\x0f\xb5\x1a\xafB\n\xeag\x95\x84\xa6j\x00\xfd\\ZrB\x1b\xcbq\xbe+\x9a)\xeb\xe9;\xc1kVc\xdan8\xdcK\xea]\xfa\x0b\xba\xa9\xdfM\xb9\xe8\x84\xf9\xf1\x8d\xfc\x0b\xbaP$\x18\xbe\x16\x9c\xca5\xfc~\xeb\xd0\xdb&amp;\x89T\x17\x8f\x04\xaa\x01\x98\xae\xe4(b\x9e .s\x8d\x9d\x1e\xd4n\x81\x06^\xffkS\nbn\xad&gt;\xf2\x8fnPV\xc3\xfd\x15\xab\xff\x9a\x10:\xe8\x909\xe50P=Z\xf3\x1e\x94Xh\xf9\xfb\x05\xe2\xc7\xdb:\xb1\x81)\xea\x81g\xa6\xd6\xc7\xdc t\x1d\x9e*d\xec\x91\xdb6}\xf7\x7f\xd33\x83\x08\'d\xe6\x00S\\\xb6\xee\xeb\x86\xa7\xbd\x87\x05\x9b\xfe\xd805t\xa5L\xa9\x0f\xc2\xd3(\xa9\xf5t\xa8 \xe3\x90\xe2m\tf\x9el\x08\xdd\x8a[\xa5p\xa7\xdd^H\xcck\xb2UrY\xa0\x9a\xb7\xff\xed\xfc\t\x0f1.\x1es~\x13\x02\x0f\x00\xe6\xfb\x01\x82+\xee\xc8\x19\xbeD\xfc\xf0h\xea\xa6"V {H\x0c\x82\x11]&gt;&gt;\xdcs\xdfM\\%\xf4\xb9\x1ch\x86\x95\xc2\x0b\xd3\x11o5_\xe2\xd05\xd1 -\xfb\xee)\xe3\xf9\xd9t\xdf\xa8B\xd3&amp;@\xf0\xa7m\xc2@\xad\xd8W\xd3\xeb\xe8\r\x02\xfc\xa93\xe1\x89\x8a\x80_\x85\x88\x07\xd0j\x9b\xec\x1dg\xe0\x8a\x14\xef\x85l\xcdc\xc2\xe6\xa39\x05\x0b\x19\x06\xed-\xd8\x98\x08|\x16d\xcbM7Wc!\x9b\x84!\x0b\xbf\xe1\xb4l\x03:\xb7\n\x8c\xcc\xcf\xe6\xa5!~\xee\x05+[@}8,\xe2X9\xfe}ed\x13Y!\xe8\x80\x85\x84\'\xf9w\xe1v\x10m\xf7m\xc7f\xa7\xb5\x16\x06\xb0j\xa8L/\xa7\xf4\r=\x0e\'\xc5\xcf@\xf2\xc9&lt;d\x08;{\xb2\xd4\xee:\x94JP \x064\x0e\x1e\xa5u\xa8\x12\xbbUfmC"9\'Og0\x12\xdbZF\xd3sh\x9b\xb2\x81"\x04\xf5;c\xe9ZfqjC\x01\xbc\x96{]h\xb1f\x9e\x9f\xd2\xf1\xee`\x99\x91\xec\xaea(9j\x83L\xb4\xed\xbcr\x88\x05V\xa2\x0f\xbd\n\x9a\xf9 sn\xe6\x07\xb3\x1b\x8a\x01w\xab\x11?\xe1\xcf\x1b\x9b6h\x99\xaaG \'X\xbe\xb3zO\x89c\xc8ym\x89~C-\'\xf8\xb6\xf6"Jx\xa4&gt;\x90\xb1\x9c\xb5\xd9\xea\xdbJ\xfc\xac\xb6\x07\xc9\xaf\xbd\x12B\xe5\x92Y\xbb\xc6&gt;$gRO\xe8\x0b$\xf0u\x11n\x80Z\x8a^\xd4\x13OEN\x10\r\xb9\xbb\xea[#3S\xdd&lt;\xce\x89)\x81\x1c\x05"o\x91W\x186+\xe32P\xee\xfeq\xd1\x87Xy\xa0\x0be\x8a\xb6\xfcJ\xc5\xb9l\xfd%\x91\xbb\x8a\xff`A\xa5\xf3\x15.Y\xce\xd5F\xff\x01\xf9Ria\xff\xd5\x8b\xd7\x00\xa6\x86\xc4N\x81\r\xf4k'</t>
  </si>
  <si>
    <t>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</t>
  </si>
  <si>
    <t>b" ~B\x0bDa\x8e\xf3\xd4*w\x1a\xd7\xd8'j"</t>
  </si>
  <si>
    <t>what rapidity
 a tale of wonder circulates. The nuns had acquired their information
 664
 from peasants, who brought fruit to the monastery, and whose whole
 attention had been fixed, since the disappearance of Ludovico, on what
 was passing in the castle.
 Emily listened in silence to the various opinions of the nuns, concerning
 the conduct of the Count, most of whom condemned it as rash and
 presumptuous, affirming, that it was provoking the vengeance of an evil
 spirit, thus to intrude upon its haunts.
 Sister Frances contended, that the Count had acted with the bravery of a
 virtuous mind. He knew himself guiltless of aught, that should provoke a
 good spirit, and did not fear the spells of an evil one, since he could claim
 the protection of an higher Power, of Him, who can command the
 wicked, and will protect the innocent.
 'The guilty cannot claim that protection!' said sister Agnes, 'let the Count
 look to his conduct, that he do not forfeit his claim! Yet who is he, that
 shall dare to call himself innocent!â€”all earthly innocence is but
 comparative. Yet still how wide asunder are the extremes of guilt, and to
 what an horrible depth may we fall! Oh!'â€”
 The nun, as she concluded, uttered a shuddering sigh, that startled
 Emily, who, looking up, perceived the eyes of Agnes fixed on hers, after
 which the sister rose, took her hand, gazed earnestly upon her
 countenance, for some moments, in silence, and then said,
 'You are youngâ€”you are innocent! I mean you are yet innocent of any
 great crime!â€”But you have passions in your heart,â€”scorpions; they
 sleep nowâ€”beware how you awaken them!â€”they will sting you, even
 unto death!'
 Emily, affected by these words and by the solemnity, with which they
 were delivered, could not suppress her tears.
 'Ah! is it so?' exclaimed Agnes, her countenance softening from its
 sternnessâ€”'so young, and so unfortunate! We are sisters, then indeed.
 Yet, there is no bond of kindness among the guilty,' she added, while her
 eyes resumed their wild expression, 'no gentleness,â€”no peace, no hope! I
 knew them all onceâ€”my eyes could weepâ€”but now they burn, for now,
 my soul is fixed, and fearless!â€”I lament no more!'
 665
 'Rather let us repent, and pray,' said another nun. 'We are taught to
 hope, that prayer and penitence will work our salvation. There is hope
 for all who repent!'
 'Who repent and turn to the true faith,' observed sister Frances.
 'For all but me!' replied Agnes solemnly, who paused, and then abruptly
 added, 'My head burns, I believe I am not well. O! could I strike from my
 memory all former scenesâ€”the figures, that rise up, like furies, to
 torment me!â€”I see them, when I sleep, and, when I am awake, they are
 still before my eyes! I see them nowâ€”now!'
 She stood in a fixed attitude of horror, her straining eyes moving slowly
 round the room, as if they followed something. One of the nuns gently
 took her hand, to lead her from the parlour. Agnes became calm, drew
 her other hand across her eyes, looked again, and, sighing deeply, said,
 'They are goneâ€”they are gone! I am feverish, I know not what I say. I am
 thus, sometimes, but it will go off again, I shall soon be better. Was not
 that the vesper-bell?'
 'No,' replied Frances, 'the evening service is passed. Let Margaret lead
 you to your cell.'
 'You are right,' replied sister Agnes, 'I shall be better there. Good night,
 my sisters, remember me in your orisons.'
 When they had withdrawn, Frances, observing Emily's emotion, said, 'Do
 not be alarmed, our sister is often thus deranged, though I have not
 lately seen her so frantic; her usual mood is melancholy. This fit has been
 coming on, for several days; seclusion and the customary treatment will
 restore her.'
 'But how rationally she conversed, at first!' observed Emily, 'her ideas
 followed each other in perfect order.'
 'Yes,' replied the</t>
  </si>
  <si>
    <t>b'\x16\xb5F\xcc\xcf(\xb6)\xbc\x865%\xd2\xd3\x892b!SY\xf2\xdf`\xa3VY\x84\x91\xf5\xa1\x88\x8bX\xcdvC\t\xf1/\xde\xa1\xc3\xc2\xdb\xe5\r\x0e6\x82\xed\xea\xb0&amp;\x03\xb3Ko,\xdc\x1f\x0f\xb1\xb2\x80'</t>
  </si>
  <si>
    <t>16b546cccf28b629bc863525d2d3893262215359f2df60a356598491f5a1888b58cd764309f12fdea1c3c2dbe50d0e3682edeab02603b34b6f2cdc1f0fb1b280</t>
  </si>
  <si>
    <t>b'\x16\xb5F\xcc\xcf(\xb6)\xbc\x865%\xd2\xd3\x892'</t>
  </si>
  <si>
    <t>find Flint's money for yourself,' they 
 says. 
 "Well, Jim, three years have I been here, and not a bite of Christian diet 
 from that day to this. But n</t>
  </si>
  <si>
    <t>b'J\xc2\x96?\xdd&amp;\xbeJ]\xbfV\xaa\x94\xe1\x81\xaa9\xe3i-\x15E&lt;\xbc\x13\x9f\xb3\xa1\xa1l\x9b\x93\xe0\xb6\xcez\xac.\x17\x84=\xd00\\*\x9f\x81\xec\xda{]T\x06\n\xec\xfb\xdbE\x15\x01\x8b\x9b\x8e\x8e\xa5k\x90\xe1fNN&amp;\xb4T_0w\xed.\xc1\xab5\xed\x1di(Q\xa1\xb9\xda\x18\xeb1\xcea\xf9\xa9p\xb5_f\xf07Kv\x01\xb7{\xfd9L/p\xea\x11\xc1^+\xb6\x03K-E&gt;\xb7#\xd2\xfd\x92\x8d\xe6N%\x8dLkAT\xb7T\xc4O\x10G\xcc\xd4\xea\t\xc1\xb2wP\x82\xf6|\xc8\x98S\x15\x16\x91^\xc9\xfb\x97Z\x86\x85\xb0\xf8\x08x\xdb_\x91\x06A\xdd\x8c\x83\xdf\xe5\xbbrx\xce\x1e\x11\xa5\xd0\xdd\x8eI\xbe\xfa\xda\xa6\xda(8\x86\xeb\x80Au\x11&amp;]q\xa8\x98\x8f\x8f\x8d\x16g\xd2\\\xed\xddM~-#d\xe7\xf0QJ\x95\x1d#\xdbV\x1b\xae\rO\xe1\xf1\xf0\xf7\xac\xb6X\x95T\x05jqM\xa9\xa1\x92G\xa2\xe2\xdc\xabX\xb51\xee;\xfaR\xb9^\rc\xfe\x98\x87\x05^\xb6ue\x19\x0c\r\xb0Q$\xf4\xbbI\xbc\x90\xdc}\x1a]x\xf8\xf1\xb0;\x90\xe4)\xc6+\xe6L\x95\xd21DF\x01j\xf9(\x0f/\xfc\xb2g\x89\xe2\xa4\xaa\xf2\xc9\xb9\t-\x0f\xeb\xf3\x0f\xfdf\xfb\xa3Eko@\xd7\x9ef\xfa\x95\xfd3tM\xfdo\xb3-\xd7\xbd\x92y\xc3\x95H\x8e4\xb0\x9e\xf7\x0ez\xbe\x00Q\xaa\x97\xd0\x9f\x91VA\xb7P\x940\xf5\xf3\x9d\xb7\xba\x0c\xebT\xc8\xdbK\xb0\xcb\x0c?&lt;\xb4\x88~\xd1\xda\x9e\xb3j&gt;/\xff#\xc8\x04\x1d\xe7\x00R\xe2f\xdf\xb9\xb8\xf0Q1\xb5\xcbnf\xf9q0\x12@\xce(\xac\xac\x88\xc1W\xee\xbf\x8d&amp;J\xb7\x94\xf1\xb7~F\xea\xa8\xbe}q\xe8\xe6\xf5.\xb3\x04c#\xb3\xd1|\x8a\xfa\x9a\'&gt;d?\xa0\x1dU\xfe\xa8\xdc\x94l\xa27N\xb8H\x9a\xcc0^\x8dAY\xff\x11\xce\x95^\x8eI\xa7W\xeab\xe3\xa1\x1aX%\x17_"'</t>
  </si>
  <si>
    <t>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</t>
  </si>
  <si>
    <t>b'J\xc2\x96?\xdd&amp;\xbeJ]\xbfV\xaa\x94\xe1\x81\xaa'</t>
  </si>
  <si>
    <t>price. This ban was slightly relaxed in the face of bad harvests in the mid-1990s, but in late
 1998â€”over the protests of other nations, including the United Statesâ€”Japan imposed a
 1,000 percent tariff on rice imports.
 The United States is, by and large, a food exporter, which means that tariffs or import
 quotas cannot raise prices. (Sugar is an exception.) While farmers have received consid_x0002_erable subsidies from the federal government, the governmentâ€™s reluctance to pay money
 out directly (as opposed to imposing more or less hidden costs on consumers) has limited
 the size of these subsidies. As a result of the governmentâ€™s reluctance, much of the pro_x0002_tection in the United States is concentrated on the other major protected sector: the cloth_x0002_ing industry.
 Clothing The clothing industry consists of two parts: textiles (spinning and weaving of
 cloth) and apparel (assembly of cloth into clothing). Both industries, but especially the
 apparel industry, historically have been protected heavily through both tariffs and import
 quotas. Until 2005, they were subject to the Multi-Fiber Arrangement (MFA), which set
 both export and import quotas for a large number of countries.
 Apparel production has two key features. It is labor-intensive: A worker needs rela_x0002_tively little capital, in some cases no more than a sewing machine, and can do the job
 without extensive formal education. And the technology is relatively simple: There is no
 great difficulty in transferring the technology even to very poor countries. As a result,
 the apparel industry is one in which low-wage nations have a strong comparative advan_x0002_tage and high-wage countries have a strong comparative disadvantage. It is also tradi_x0002_tionally a well-organized sector in advanced countries; for example, many American
 apparel workers have long been represented by the International Ladiesâ€™ Garment
 Workerâ€™s Union.
 Later in this chapter weâ€™ll describe how trade negotiations work; one of the most
 important provisions of the Uruguay Round trade agreements, signed in 1994, was the
 phaseout of the MFA, which took place at the end of 2004. Although import quotas were
 reimposed on China in 2005, those quotas have since phased out. By 2013, trade in cloth_x0002_ing should no longer face many restrictions.
 Table 10-2 shows just how important clothing used to be in U.S. protectionism, and
 how much difference the end of the restrictions on clothing makes. In 2002, with the
 MFA still in effect, clothing restrictions were responsible for more than 80 percent of the
 overall welfare costs of U.S. protectionism. Because the MFA assigned import licenses to
 CHAPTER 10 The Political Economy of Trade Policy 233
 234 PART TWO International Trade Policy
 exporting countries, most of the welfare cost to the United States came not from distor_x0002_tion of production and consumption but from the transfer of quota rents to foreigners.
 With the expiration of the MFA, the costs of clothing protection and hence the overall
 costs of U.S. protection fell sharply.
 International Negotiations and Trade Policy
 Our discussion of the politics of trade policy has not been very encouraging. We have argued
 that it is difficult to devise trade policies that raise national welfare and that trade policy is
 often dominated by interest group politics. â€œHorror storiesâ€ of trade policies that produce
 costs that greatly exceed any conceivable benefits abound; it is thus easy to be highly cynical
 about the practical side of trade theory.
 Yet, in fact, from the mid-1930s until about 1980, the United States and other advanced
 cou</t>
  </si>
  <si>
    <t>b'0D\x02 gF\xd9\xb1\xbfQ\xaf\xd4\x04~\xdb\x00\xdb\xf7W\xc0\xe6\xbe\x9b\xebA\x988V\xa3p\xddu\xf7\x8e\xcb\xf8\x02 V)F\xb3tO4v\xbbZQ\x84t\xfdq\x8b\xed\x12\xb3y\xff5\xadFX\xab\x97\xf3\x10K\xb7B'</t>
  </si>
  <si>
    <t>304402206746d9b1bf51afd4047edb00dbf757c0e6be9beb41983856a370dd75f78ecbf80220562946b3744f3476bb5a518474fd718bed12b379ff35ad4658ab97f3104bb742</t>
  </si>
  <si>
    <t>b'0D\x02 gF\xd9\xb1\xbfQ\xaf\xd4\x04~\xdb\x00'</t>
  </si>
  <si>
    <t>th the result in (a), this proves the theorem.
  Problem 7.64
  (a) Show that Maxwellâ€™s equations with magnetic charge (Eq. 7.44) are invariant
  under the duality transformation
  âŽ«
  E = EcosÎ±+cBsinÎ±,
  cB = cBcosÎ±âˆ’EsinÎ±,
  cqe = cqecosÎ± +qmsinÎ±,
  qm = qmcosÎ±âˆ’cqesinÎ±,
  where c â‰¡ 1/âˆš
  âŽª
  âŽª
  âŽ¬
  âŽª
  âŽª
  âŽ­
  (7.68)
  0Î¼0 and Î± is anarbitrary rotation angle in â€œE/B-space.â€ Charge
  and current densities transform in the same way as qe and qm. [This means, in
 354
  Chapter 7 Electrodynamics
  particular, that if you know the fields produced by a configuration of electric
  charge, you can immediately (using Î± = 90â—¦) write down the fields produced
  by the corresponding arrangement of magnetic charge.]
  (b) Show that the force law (Prob. 7.38)
  F =qe(E+vÃ—B)+qm Bâˆ’ 1
  c2
  vÃ— E
  is also</t>
  </si>
  <si>
    <t>b'\x84\x11\xa7\xb4\xbd\xba\xd3@\x08\xa9\xa8pL\xab%\x9d\xb2\xe3\x87\xeea\xf7\xddE\xe4\x06\xd2\x0b\x9f}\xa87'</t>
  </si>
  <si>
    <t>8411a7b4bdbad34008a9a8704cab259db2e387ee61f7dd45e406d20b9f7da837</t>
  </si>
  <si>
    <t>b'\x84\x11\xa7\xb4\xbd\xba\xd3@\x08\xa9\xa8pL\xab%\x9d'</t>
  </si>
  <si>
    <t>and go wrong once you begin selling
 more. When youâ€™re properly set up to scale, you can focus much more
 exclusively on selling more and more product.
 Itâ€™s important, too, to be careful once you start to succeed. â€œYou
 start looking at ways you can spend money to grow the business,â€
 Jeremy said. â€œThatâ€™s when youâ€™re going to make mistakes if youâ€™re
 not careful.â€
 Once you can afford it, you start feeling thereâ€™s a lot of help out
 there to take advantage of, but thatâ€™s not always the case. â€œWe went
 down the wrong road with influencers in particular, thinking, OK, letâ€™s
 throw ten grand at influencers and see what happens. Of course, itâ€™s
 going to work,â€ Jeremy said. â€œIt was probably the biggest mistake we
 ever made. We got maybe $100 total back in sales.â€
 What Kevin and Jeremy have discovered is that the best way to
 grow their business is to stay as lean as possible. With rare exceptions,
 theyâ€™ve resisted trying to buy their way to growth. Theyâ€™ve focused on
 earning their growth by being as strategic as possible and really
 thinking issues through.
 Kevin and Jeremy are still 50/50 partners and are as excited as
 ever to be running the company. They believe thereâ€™s a lot of growth
 to be had. Each quarter is a fresh quarter, bringing new, exciting
 initiatives. They have an amazing team in Vancouver that oversees the
 nuts and bolts of the business, so theyâ€™re less hands-on than before,
 but theyâ€™re still fired up for the business. With more personnel, things
 move a bit more slowly, but the business is still nimble and adaptable.
 Even today, things change at a rapid pace.
 Jeremy is just excited to be a part of it. â€œIn the years Iâ€™ve been
 running my brand, a lot of my peers have started and sold companies,
 maybe even multiple times,â€ he said. â€œBut Kevin and I were never
 looking for a quick buck or a quick exit.â€
 They believe they can reach new levels with this business, which
 will ultimately create a bigger exit down the lineâ€”though they donâ€™t
 have a timeline for that. As long as their hearts are still in it and they
 believe thereâ€™s more success o</t>
  </si>
  <si>
    <t>b'6\x83*\xc5{n\xdf\x8b\xc0\t\x8f\xd6{\x86t\xed\x81\x86\xdfJ\xc6\xfb\xf6\xc0\x01\xc0s/`\xcaz)\x81\xc2\x19C\xdd)D\xfa\xa3BD;\xf0\xae[\x92\x8a\xb6=\x893\x9a2\x93\xbd\xf4q8!\xcc\xa4\xc6\xc6?\x8ci\xe4 \xb0,7\\y\x8b\xc4\xfa\xaf\x83K\xc7\xec9hk\x8e5\xf4\xcby\xa4-P\xd82\xb5/-\xcbT\xa0\x90=\xe7S\x90qu2\x91\x14\xc4\x00"~\xd1\xa3D/\x7f3\xd2\x0b~\xee\xa4c\x03\x14lB\xd64zRE\xeb\xa3\xb2l\x14?\xb3\xa2\xf6\xd3\x0fQ\x18\xb2\xb2\xc7k\xdf\x19Q\x7f\xb1\xfe\x82\xbc\xe4\x96\xb9kE\xef\xe4\xc2\x95\xefZC\xa2\xcc\x81%@F\x8e\xa8\x9e7f\xf2\xacX\xc0O\xcd;~Q\x81\xa0\xc0\x18\xd5\xc8\x876f\x9f\xcd\xe8\x08\x965p\xba\xb3\x0b\x98\xac,\x8e!\xe4\x1bO\xc3L\xb7\n(*\x1d&lt;\x8cm\x9b!O\x98H\x11\xc6o\xde\x90\x9eX\x10\xf9uF\x7f\xeb@b\x127\xe0\xf7S\xac\x1e"\x80Q\xd4H\x92\x86\x1ey-^\x89\xd1\xd4\xe8.w)\x16m\x96`-\x1b\x1f\xc8#\xdb\xda\xd9\xfeR\xc6I\xf9\x04QO2\x98\x06\xb5\xf4\xb8[\x99\xd7\x1e\x1a-!\xed\x1b\x85\xb6\xc9\nM*\xb8Lf\xc5;"\x8aN\xd2\xc2\x98+^.\x03\x05\xbf=J\x0b.N\x1e\xba\xa6\x8d \x03Z\xa2\x01yt\xcd\xc4\xce\x8e\xc1[e\xf0o\xeb\t\xdfC\x82\xdd\xb6\xc7\xb3\xed\x12\xd8o\x9c\x88\xbb}\xc6}\xc9/\xb5E\x84\xdc[\xb1\x84\xa1h\xfeS\xf7ts\x8d\xc7A\xc7\xef\x97\xd9\x9d\xf67\x16B&lt;\xe3K9\xd7\xeb\x99\xd6$V\x98\xd3\xbb(\xddMHc\xe1K\xcb\x97\x15\xb6\xbfX\x8b\x16&gt;OZ\xd7H\xba\x9e5m\xfc\xd1\xe1\xc6\xf82\xa7\xd1n\x80{N\xe3\xc3\x9c\xb05\x92_\xce\x85\x0e\x9f\x85\xa7\x82!&lt;\xbf\xdd=\xff\x87K\x01\xa9\x95\x9e\xc2\xdd\xad\x90\xcc\x10\xe9\xab\xc8\xab\x98\xd1\xa7\xffW\xc8\x11\xc3#\x1fyge\xd3\xc9c\x15\x15\x86\x82\xda\xf846\xfb\x03b\x9cW!:\x1b\xc7\x14i*\xf8\xbbU\\!\xa2b\xb2\x87\xf6\x8f\x14\x7f]\xc8c\xfd\x9f\x81\x8e\x8a\xcc\xe0K\xaf\x14\xfc\x8e]3\x11\xac\xa8\x01\xc2\xa0y\nC\xc6\xee\x00\xfd\r\xfdO\xe8C\\\xdf\n \xe4=\xa8\xa3\x1d\x9cJ\xba\xc7\xed\x7f\xa9\x16\x1c\x98\x96\x84\xc1\xc2\xa0\x19K!,Jgs\rR{\x07\x19\xd3\xc0C\xca\x9fk\x8146\xf3=\x19\x7f&amp;\xdek n\xec6\xc6\xfe\x9b\xc0\xfd\xcd~\x89;0j\x9d6\xd6S\x8bv\x93\x04\xbd\x84\xba\xf2w\t\xaf\xd2\x91\xbe\xe3UN\xb4\xd7\xec\x1c[\xdf\xe8/\xef\xde\x7fD\xf4\xec\xf9\xcf\x87)3\x95\xe7\x1dAOi\x8d.i\xdc\x90\xe6B\x7f\x87\x85\x1d\x00lPv\xda\xf9u\x0es\xffb"\x14\xc6\r\xac\x18\xf8\x14\x0b pv\x9d\xe6\x08\x8b\xbdO\xddt\xed\xd0u3\xc4\xb2\x10Z\x91\xa0j\xab5X\xe9QW\x08B\xc2\x04&gt;\xb8\xed\xbb\x86\x90\x80\x92\xdb\x13\x8f\xa02\xf8Nf\xa2@\xb3\xbc,\x0f\x1b\x8c\xc9\xb4\x1a^\xfa\x07\tlk\xc8D\x9b\x9e\x8a\x15\x1d\x90\x0cn\x15@W\x8a\xcc\xe6\xe2\x89\xf8\xff\x1d6,\x88\xa9\xe6\x9e?\xc1\x9a9f\x15}\xe7\x9d\x95~my\x98\xe1\xe6h\x952;\xd6\x8f\xe4&lt;q\xfc\xd9\x01W\x1f9\xfd\xf8\x0f\\\xa0S\x02w\x1c[\x8f\xab \xdf4\x17\xdd\xa0\xc7\xeau\x03\x8a\x01\x06m\xb6#\xf4P\xc7\xa2(\xb0S\xd3\xe9\xff\x0e;\x83\xd5&gt;F\xf8\'\x90\x9b\xa1\x9ce&amp;\xce\xb2\x15\x08\x11\xd4b\xb9o\xd5\x0b\x99e\xe40za\x93[?*\x86\xe8\xe5\xd2\x08\xf3\xe8\xc7N\xf8\x8c\xe0wf\xd3\xf8#\x9a\x8df\x88s\xc7\x8ba\xa3\x14?\xd1\x04\xc4|SM\x85\xb2\xc0\xa3"u\xe7\\\xc26\xe9\xb2\xb0!\x85\xf0\xa5s\xe0c\xab\xb5\x19kd\x8cFCLKw\xf6\xed\t\x8b5\x03\xf6\xfe\x17\xc4\xf3\xacr\xb3\xe7\x96\x9fwz\xd3_ \xdd\x08\xdavh\xa2\xfb`P\xda/R\xfa\x0c\x9e\xda\xcd\xe6#\xd5x\x18\xe1uD\xcb\x08+Qw\xbdy`e\x08\xcaF\xd0H\xd0\xcb\x81\xbd\x9b}\xb50\xc4)\x84Y\x1e^\xa9\xb9\xfet\xd4}\x96`\xc7\xbf\x02d_\xc0\xfe\xbe\x7f\xe8\xf5&lt;4\xbf\xf4?\r9\xb6\xffi\x18\xa0t\xa7\x8f\x881\xa0\xc8\x9c%3\xd9\xf3\xfd\x84\x06\xae\x86~|\xda)`\xca\xde\x01\xf2%u,\xf3\'ef\x11Ew\x97\xeb\x7f~\x08\x85ts\xb3\xd4\xc7\xe6(\xfc\x01&lt;\xaaW\x14\xf0\x8c\x8b\x80,\x1e\xb9*D\xf2(\xdd\xbd\xfc\xb8Q\xc6\x04\x82\xc3\x9c\xd8\x89\x89\xb5\xa5\xc5\xbf/\xdea\x9f\xe1\'\xefu\x9f\xd8\x80_\xdcc\xcc-1\xf3\x80\x18\x05\x02P\xc1\xccn\xd2\xd9\x19\xbc\xc5\xbe\xf7\x94\x18\xa5\rX&amp;\x06O\xc6\xba\xf8\xe7\x8d\x82|\x9f\xad[^\x9e\xaf1\xa7\xa3\t0\x0c\x07T\x0f\x90\xde\x12\'\x86H\x87a\x1f:\xd2\xf5B^\xe2\xc7\\\xfei\xe1\xe4w/\x8c3i\xedX\r\xd3\xc0\x18\x04\x90\xd9%\xf2\xc4\xba\xcd\x9d\x1d\xbea\x0bK\xf5\'Y\x15H\x7f)\x106ax\x94(swYV\xdf?\xb38\x9f\xf3\xfd4\xc3Dj\xeb;r\xf3\xcf\x88M\xc8;C&amp;\x86T\xf9\x92\xfa\x85[+\xdbM\xc4\xc1j\xd5BD\xf2\xecHBI\x83;\xf0\xbcK\x85&gt;\xf6\xdb\x0f=\xd6p\x14\xf1#\xa4\xf8\xff\x81\xcf\x03\xc0\xe7\x9c\xac{\x1a\x1e\xa9\xaf\xa3b\x08\xf2e==o\xce\x05!Plbj\xcf\x10\xee\x1c/\xa0\xe9\x81\xcd`\xa0\xa2;\x14R&amp;\xfe\xb2\x9f\x10\xf7N\xaf5F}\x8aY&amp;\x87M\xf5\x12|\x04\xdb\x9b\x18\xa8\x8d}\xd1\xdc\x08\x82\x1d\xdd\xe4\x03\xd9K\xb0\xf9\x7f\xf5\\\\sY\xfd\x84!\xbe\r\xad\x02\xc6\xbe\xbc-\xc1X\xb4\xc2N\xdbx\x90\xf4;\xfe(\x10M:[\x95\xd1\xaa\x1a&amp;.\xfa\xee\xdc\x86\xef\xf7\xa5.@\x00\xf8`\xefP0\x93v\xd4\x91\xeap\x12\x9cm\xb6\xdf]v\x8f3\x12\xdbM\xfd\x7fO\x7f\x18\xfe\x8c/M\xb0u\xc2\xec\xb1\xfa\xbc\x1f*\x10R\x99q\x0c\xe6\xfao\xe3\x9dg\x06P \xac&gt;45\x80)\xd7\xdbX\xfa\xdc\xbbX\xff-tY\x81N\x95\xeaU@cU\xf1D4\xf7 `)\xe1\x10\x07\xf9\x19\x9fp\x07\xe8\x1d\xd5\x13\xdc)\xc4\xc8|Q\xbb\xaf\xb4\x1b}u\x0b\xaf77\xc5\xe1\x18\x8bQ\xe7\xaa\xe8\x82\r\xd2H@K\xbc\xd9\xea%\x9f\x03\xe4\xeb\x9e\xbe\xff\xba=r\xa2\xb5A\xd2Y6@\xd5!\xc8\x9f3\xfcX\x95(\x1b\x8f\xd8-\xfb\xb5C\x05\xfa\xe3~#^\n \xd3\x12\xb1g\\l\xfc\x13q\x94@\xe4\xe6X\x01\x16w\x15\xe9\x98\x0e\xf0\xa7)\xf3\xa7\x87\xcbj\xad\n\x17\xa8\xc5\n\xb4ur\x97z\x857\xea\xe4\xfawb-\x1e\xf0\x93\x85q\xc0\xfe\xdb\xe26O[5\xf1\xff2\xd0(\x98EP\xad\x02Bu\xbe\\\xcb*\xe2NM\xdc\xcb\t\xc4\x1a\xa0iD\xefq\xe1\xa1\x14\xae\x12\x86\x02\x02\xf9\x99\x0fD\xe9\x81\x88\x14\\\xe9\xd8x\xda\x839h\x119j\xd60\x02(\xc4\x9a\xc3\x19\x08H\xebB\xe9*I\xd51\xe4\xb7P0a\x190\xbfC\x81\x9dt\xd8.\xd2\x1ckW\x81\xb1\xe50\x8be/\x1b\xecX4h\xc6R\xfd\xf1\x1e\x84\x0c\x04\xeb\x1e5w\xa4\xd9U\x86\xc3\x9a\x08?\xf0\xf2\xe0\x9c\x03\xbe\xbbJZ\x86Q\x0c\x8a)\xa9B\x9cZ\x15\xa2\x03\x9c\xaa\x9a=\x1c\x00)?y\xd4_8\x06\xc1\x8d\xf6\\\xc6\xcbA\x14#$&amp;(^,\xb6\xd5\xa0\xd4A\\R\xf9qU\x00sb\x9fmbr\xbbO,\x12+f\x18\x1d\xf9\xe5g\x10q\xb4\xbbn\x1f\xb9\xb5\x08_\xaf\xe4\x94\xec#\x85\xdaT\x17a g0y\xf9\xfaf\xfdTm\x96\xc9\x90\x99\x84\xc4\xfc7\x90\x8f^\xacz\xfd\x92C)\xb3C\xfe\xc6\xa1sky\x18\x0cS\xe4\xb99\xadg\x97\xd4\xe7\x86\xdf\xec%\xcb\x0eo\xff\xd8\xef\x0b\x8d;\xfd\xbbN\x14"U\xa423\xc0y\x13\xc07\xb84\xba8\x9dWc\x05\x1e\xc0\xbc\x86\x0f\xa8\xf4\x97Ah\xb4\xeb|9\xa0\\_k\xadO\xbb[U9\xa7j\xc3TA[\x1c_\xc3\xfb\xb6G\x1b/t\xe5,&amp;\xa8:\x11\xcdi\xf7\x9e\xfa\xf7\x93\xac\xe9\xc0\x9c\x08\xd8\x04s\xdc3D+\x9e\x83\x89\xbcM\xf5x\xf6\x01\xcb\xfdhj\x9e\xd9\xb7?8\xf0Fa[`\x1d$\xee[\xdeg\xca+\x91[]\x9c\xde\xcf\x0bj\xb6\x13\x99\xce\xff'</t>
  </si>
  <si>
    <t>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</t>
  </si>
  <si>
    <t>b'6\x83*\xc5{n\xdf\x8b\xc0\t\x8f\xd6{\x86t\xed'</t>
  </si>
  <si>
    <t>ed little hostler, "and 'twould be a pity if it
 didn't; forty years' practice, and not perfect! ha, ha! that would be a pity; and as to being
 quick, why, bless you! that is only a matter of habit; if you get into the habit of being
 quick it is just as easy as being slow; easier, I should say; in fact it don't agree with my
 health to be hulking about over a job twice as long as it need take. Bless you! I couldn't
 whistle if I crawled over my work as some folks do! You see, I have been about horses
 ever since I was twelve years old, in hunting stables, and racing stables; and being small,
 ye see, I was jockey for several years; but at the Goodwood, ye see, the turf was very
 slippery and my poor Larkspur got a fall, and I broke my knee, and so of course I was of
 no more use there. But I could not live without horses, of course I couldn't, so I took to
 the hotels. And I can tell ye it is a downright pleasure to handle an animal like this, wellbred, well-mannered, well-cared-for; bless ye! I can tell how a horse is treated. Give me
 the handling of a horse for twenty minutes, and I'll tell you what sort of a groom he has
 had. Look at this one, pleasant, quiet, turns about just as you want him, holds up his feet
 to be cleaned out, or anything else you please to wish; then you'll find another fidgety,
 fretty, won't move the right way, or starts across the stall, tosses up his head as soon as
 you come near him, lays his ears, and seems afraid of you; or else squares about at you
 with his heels. Poor things! I know what sort of treatment they have had. If they are
 timid it makes them start or shy; if they are high-mettled it makes them vicious or
 dangerous; their tempers are mostly made when they are young. Bless you! they are like
 33
 children, train 'em up in the way they should go, as the good book says, and when they
 are old they will not depart from it, if they have a chance."
 "I like to hear you talk," said James, "that's the way we lay it down at home, at our
 master's."
 "Who is your master, young man? if it be a proper question. I should judge he is a good
 one, from what I see."
 "He is Squire Gordon, of Birtwick Park, the other side the Beacon Hills," said James.
 "Ah! so, so, I have heard tell of him; fine judge of horses, ain't he? the best rider in the
 county."
 "I believe he is," said James, "but he rides very little now, since the poor youn</t>
  </si>
  <si>
    <t>b'tV\xf4\xa9\xf4e\xfd\x07'</t>
  </si>
  <si>
    <t>7456f4a9f465fd07</t>
  </si>
  <si>
    <t>e molecules
polymerise to form benzene, which is the
starting molecule for the preparation of
derivatives of benzene, dyes, drugs and large
number of other organic compounds. This is
the best route for entering from aliphatic to
aromatic compounds as discussed below:
(13.69)
Problem 13.14
How will you convert ethanoic acid into
benzene?
Solution
13.5 AROMATIC HYDROCARBON
These hydrocarbons are also known as
â€˜arenesâ€™. Since most of them possess pleasant
odour (Greek; aroma meaning pleasant
smelling), the class of compounds was named
as â€˜aromatic compoundsâ€™. Most of such
compounds were found to contain benzene
ring. Benzene ring is highly unsaturated but
in a majority of reactions of aromatic
compounds, the unsaturation of benzene ring
is retained. However, there are examples of
aromatic hydrocarbons which do not contain
a benzene ring but instead contain other highly
unsaturated ring. Aromatic compounds
containing benzene ring are known as
benzenoids and those not containing a
benzene ring are known as non-benzenoids.
Some examples of arenes are given
below:
 Benzene Toluene Naphthalene
Biphenyl
13.5.1 Nomenclature and Isomerism
The nomenclature and isomerism of aromatic
hydrocarbons has already been discussed in
Unit 12. All six hydrogen atoms in benzene are
equivalent; so it forms one and only one type
of monosubstituted product. When two
hydrogen atoms in benzene are replaced by
two similar or different monovalent atoms or
groups, three different position isomers are
possible. The 1, 2 or 1, 6 is known as the ortho
(oâ€“), the 1, 3 or 1, 5 as meta (mâ€“) and the 1, 4
as para (pâ€“) disubstituted compounds. A few
examples of derivatives of benzene are given
below:
Methylbenzene 1,2-Dimethylbenzene
(Toluene) (o-Xylene)
2022-23
HYDROCARBONS 397
1,3 Dimethylbenzene 1,4-Dimethylbenzene
(m-Xylene) ( p-Xylene)
13.5.2 Structure of Benzene
Benzene was isolated by Michael Faraday in
1825. The molecular formula of benzene,
C6H6
, indicates a high degree of unsaturation.
This molecular formula did not account for its
relationship to corresponding alkanes, alkenes
and alkynes which you have studied in earlier
sections of this unit. What do you think about
its possible structure? Due to its unique
properties and unusual stability, it took several
years to assign its structure. Benzene was
found to be a stable molecule and found to
form a triozonide which indicates the presence
of three double bonds. Benzene was further
found to produce one and only one
monosubstituted derivative which indicated
that all the six carbon and six hydrogen atoms
of benzene are identical. On the basis of this
observation August KekulÃ© in 1865 proposed
the following structure for benzene having
cyclic arrangement of six carbon atoms with
alternate single and double bonds and one
hydrogen atom attached to each carbon
atom.
The KekulÃ© structure indicates
the possibility of two isomeric
1, 2-dibromobenzenes. In one of the isomers,
the bromine atoms are attached to the doubly</t>
  </si>
  <si>
    <t>b'\x96`*j\xd4I\t\xff\xc1O\xb2\xfdYuB\x18\x92\xfbF(\xe9F\x14G\xd3=\xaeDPO\xc8\xf4\xe8&gt;\xc1\xd9\x897\xb6\x1f%ZC\xa8\x18)3\x95\xd8\xb7\x9b\xdf\xdd\xa5\xd0\xa0\x9eI\xca\x02\x85\x1d\xd5\xa0wu\x99\x90\xb8P\xb1\xfb\xf4.:\xaej&amp;S\x82\x82\xe4\xba\x0b1\xf7J\xe3\xf5\x83\x9e5\x1c\x7f\x82$5\xcc\xf9_\xddBI\x85\x0b\x10\xb5h[Ka,\xd0\xf1%\xc1\x1c\xa9!n\xb5p4\xde\xbd\xe6\xd4.1%\x1d\x02*\xc7\x8d\x08\xde\xb5\x0eP\xc3\n\xe7\x9e\x825\xc9j\xdb\xf5\xf8\x9f\xb2@\xe8\xcb\x87\xe2\x81\\\x94\xe3\x8c!rZ5\xbfO\x83\xd5|I\xcd\xd6\xed\x8d"\x01^\xea:\xd0\xfb\xa8\xe39\x0b\xd4X\xa4\x0f\x07@\xebNP\x1d\xed8\xff\x8f\x96\x03\xb7\x1d\x14\x97r:\x0cr\xcd\xcf\t\xc3ZX\xccY\x85}\x10&amp;\xf0\xcc\x98\xde\xab.RSy\xa5\\ \xa0]\xd0\xa3\x05Y\xbc"\xeaD(\x03\xbc\x88\xb4g\xc5q\xdc\x97\x83\xdd\xaa\x90\xdb}\xa7X\x8f\xd7\x86\x1b\xab\xa4E\x9bN\xd8dH$\x1e\x96~\x8a\x84&lt;\x84\xf8\xa4\xd9x\x15i\x0f\xeeT!\xd7&gt;M"\xe7\xddI\xf5G\xbds2\x8b\x94\xdc\x1e\xa7\xa8t\xb0\x15\xb9 \xa7\xde4r\x84\xa4\xef\x03P\xded=:\xba\xdb\xe4\xc8P2\xd7\xe6\x9b\x17h\xc7#S7\xa1\xbaB\x03#\xe8\xda\xea\'ee\x19\xcaJ\xbf\xbc\x95g\xe8l\xef\xa5\xbdA\xb4\x9f\x934\x98\xd0\x83\xb3.9\xcdm\xb0o\xc8L)^\x18m\xd6\xa6\xf3\x05&amp;TCg\xf1\x85\xd6:\x19Q\xe9\x9c\xa1|r\xf8u\xad\xd2\xabVY]\x93\xa5\x04\xe2j\x14\x87\x05\x86\xab\xbd^\x8f\xad\x0b"s\x01\xc7\xbf\xd8\x19\x17_\xc3\x14\xf3\xfa2\xf8\xe4^\x97)fQ*\xc0\xf3/\xf0\xff\xad?\x1b&gt;\xf02\xfc\x83\x7f\x04\x83\xcc\xd3*\x88\xb8\xf1\rj\xba^\xc1,&gt;\xfb:\xc1\x8a\x17\x13\xf8_\n=["\x14\x06\x9a\x0c\xbcn\xa2\xd5\xbf%Nt\xf4\x0f\xd3d\xdd%\xcf0Y\x9d\xde\x03\x16\x00\xf3^\x0fT\xd1\xffbT\xfa\xadX#\xda\r5w&gt;\xfe\xaf_1\xb2\x8b\xd6\xfa\xee\xfb\x8c\x947w\x01\xde\xb0\x9as\xe8\xf2\xb3C\x89\x0b\x95\xa8\'\x13U\xda\'c[\xb7\x9ep\xc8\xaaBu_\x9a\xbe\x0e=&lt;0\x80\xac \x98~p\x08Z\xc6&gt;\xe0p\xb7kr\xd5\t\xf8\x18[\xfe\x05\xa2|w\xcfOhn\x89\xe50\xd7{\x83\xeb\x00\xf5\x04\x810\x12\xbaT\xa0\xb8\x96\x03\xe8\x00[\xcdj\xf0R\x82\xfa\xc9\xcf\x11\xafz\xb2\xed\x18&gt;}y\xfc\xd7\xea\x1a\xd0\x8c\x8c\xf9\xf0a\\K\xab}\x87u\xbe\xd9\xbbX\x9bx\xa4\xe3]\x0cN\x88\x0e\x98^v\xcb\xbb\x13h\xb3\x87\x0f\xf2\xef4\xb5\x868F$\x9b\xfa\xba\xf1.\x9e\xa1\xab\xca\x85&gt;o\xfc\x16\x8e\xe7\xdc-\n\x87HK\x03\xb4,&lt;6\x942\xfe\xcd4,\x05\xc3\xefL\x86\x97\xa2\xc6\xdd\xa5\xdf\x0b9\xbd\xe7&lt;\xb5\x04\xf4\xa6V\xb9\x03w|\x17\x81\xa3\xdbQ\x19v\xb6D\x12@j\x97\x925\x875l\x85=\xdaO\x04\xd9}\x07v~\xbb\xac\xf3\xad\xe1O\x15\'@\xb85\x95\nI2\xfd\xc1W\xc2B.\x03y\xd6~8\xa9\x9du\x00W\x99\xe1\xad\x88\xbf\x9dn\xe1z\x7f\x80\\g\x10U\x0f\xf2h\x97\xd2\x0e\xa7\x88Ay\xc1g]$\xd6\x8e\xafNlL\x16S\x1b\xbc\xb5;/\xfaz\xf9\xd3\xf9T~\x86/\x8474\xb8\x87O\x87A\x9d\xdef\xb5\x89\x1c\xe1\x1c\x0e\xb9\x1e\xa2\xf1\xfe\xa5\xae\x80 |h3}1\xef\xba\xb85\xbe\xc35\xb5\t6\x85\x91E{\xf4zz7\xda\xff21*\x04c\xe2C\xfc\reS\xad\xe1j\x1f]\xc0\x17\x07\xa8k\x02\x8d\xc51\xe6\xef\'wO\xd4`\xd2\x16\xed}:\xc3\x96k\xb7SYra{3\x90\xa6\xa2\xd1\xb9\xbej\x82k\xa1V\xf3\x97M\x9a\xe0O\xcaK\xc0\x03\xe4\xfd\x88h\xd4k8fSg\xc8u\x12\xa1\xf7\xfc\xef\x0c\xa1\xba \xaagw\xce\xb8\xa7\xa1\xc5\r\x84*E\x91\xa70\xe31\xe0\xe1\x85\\\x01\xa3\x00\x15\x8f\xdc\xdc \xd4\x1ein\xc1\x02\xde/\xac\x82\x94\x8fk\xca\x84s\xf8\x98=\xcb\xef\x1f\x03\xa1\xd6\xa9$\x8a\x0bx\xffL!\xc2\xaas\\\x12\xe8\xa4l\x18\x851\x02EB\x11\xe3\xc0d=\xe5\x06,\x01I*#\x1f;k0\xb6\x93\xd6\x03\x0e[xu\x9eW\xee\x86\x8e&gt;c7\xe4l\x06\x81"\xe8\xfa\x97\x18\xee\xbd&lt;\x11\x96\xf7\xce\xc3eN\x9cnW\x82\x8b\xdb\xbd\x8ch&gt;\xba\xaaT\xc6%\x99Q\x1f\xc4NZ\xf9|]gR\x10\x0cn\x0c\xb2$\xa5\xec&gt;5y_\xab\xa1\xbcA\x07\xf9\xcdrVQK\xd6\xe3#\xe0\x89`{\x9f\xbbO\xe2\xa6i\xd3\xc7-\x8d\xad\x0c:7\xa0N\x8a\xf3\xda\xc0F\x02\xbc\xc0(_\t\x96\xa7c\xb1\xa9)\xac\xc1$\xe6\x19}\xa6\xc4\xa0\x8f q,\x11\xbf\x1c\x1al\xc8\x86\xcd\x16x\x93O\xac\xd7\x95\x9d\xda\xea\x02\x92aZ\xf7\xf7\x05\xe1\'a\x065\xd4m\xb8\xef\xd6\x84\x8b\x98{L#\xf5\x8b\xb1\xfd86W\x15\xab\xb5%s\xd1\xa3\x15k\x0f\x97|\x87\x8f\x01\xacu$\xe5\x16\xaf\x17\x8b\x13\xd2\xf7\xd5dR\xb5\xb5I&gt;\x98]\x00\xa1\x80\xa9U[GC\xa7\xa6#oAk_\xf2e9D\t\xcf\xfd\xa2t\xa5\x82\xa9H\xe5\x804\x0b6\xff\xeb`@4\x83{\xa4\xa1\xe9Q7\xb0\xc5__\xbcB\xc3\x87\x11\xa8\xfcA\x1d\xcc\xa0V\xe3\x90\xb1m\x8e\x8c\xc3\xdfn\x0eN\xd34q\x7f\r\xab\xdbW\xbcB6\xa5\x06 _\xee\xf1\x81(&lt;\x02\xfa\xc4\x1e\xc6\x85\xe5\xfd\xe7\x99c\x0eq\xba(\xe5\x8eF\x1bL\x08c\xb1\xdf{\xd6\x11\x1d\xfa\xcf\xd3[&gt;\x917\xff;e&lt;\xd8\xfd\xd51\x8f\xfcj=\xce\xb0\xf9\xb2\'\xbc\x14\xa9\x97\x1aB\xdfJ\x1f0\xcb3\xca\xca\xb9]\xe3\xcb\x82\x9f)\x11N\xdbB\xc9\x1a\xa5\xfc\xf6\xe1\x0fo\x05&gt;\x10UN\xe1\x15\t\xf0\xc8\x8fh_2\x1c\xfd\xd0o\xaa\'\xa291Z\xdcu\xb6\xafcU\x87A\x8d\xb1/\xcd\xdd/\xe3\x04\x05\xbf\x1d\xe8\x0b#\xb9\x9b\xc7Xx\x0c\xf6\x06WD\xebUD\xcd\xedaj\xa3\x16\xaa(\x15\x99\xc7$\xb9\x9a\xa9/\xb29\x96\xe4\xc6\x145\x91n`V\xeb\x91f\xad\x93\xe2Q\x01h&gt;\xf6\xf6\xd1\x18\xc3\\\xed{!\xa6\x03\xf8q\x11\x02M\xab\x81=n\xa9\xda\xc6$\x84zD\xc9\xcdiC\x8b5\x86\x05\xc3\xfb3\x18q\x90\xf2!\x83r\xb1\x0c$\xc7\xf2m\xfa\x0e9v\x93\xc8~\xd0\x05\xbe\x97PR\x1a\xeca\x17c\x9bEr\xff\xe6n&gt;\xef\xe2\x9d\xea\xd6 N3\x8d\xc5\xdb\xfb@YB\xfc\x1e\x94\x16\x16\x1d\xdeF-\xec\x10\xbb\x94Q\xc0\xec-\x88\xec5\x82\xb3\xf1gS\xb8\xb5\xfa\x96/o\x9e\xcf\xaf#\xcd"\x85\xa6I+&lt;\x9d\xc4,\x12yxd\xb5\x99a\xf2\xc6\xd6rgw\xe8j#M\x17\x19\x7f\xe8\x90\x1b2O\'S\xe2\xc5\n\xb9\xa3\xf5\xa9K\x1c\xa1\x8c\xa4\xfd\xb2\x16\xabE\x8d*\xd3\xa0Jd\x04\xb39\xac\xe2\xd4\xea\xff&lt;\xd5\xb6\xb8\xf3\x0e$\x97\xa5\x9d\xdcf\xb6o\xef\x1eP\x1eh\x81\x9f\xd0\x15\xd3\xa8\x1aR\xa1\xc1\xd5\xf1\xd37\x95c\xa2\xee\x95\xa2\x83#\xef\x0c\xc4\xd8\xe8\xff\xc9Wdp% \x87\x08\x8e\\\xfb\x9aw\xb7T=\x91f\x8fZ\x99\n\xca\xcd\xfc\x0e\x99\x18\x16&gt;6\xcf\xf4\x88\xca\xba\xcb\x8d\xd9\xdf\xd0\xe6\xf0\xd3\x9b\x1b\xcaY\x87\xb4\x81U\x94\xe7\xf0\x1c\xaf\xea\x02\xd2(&lt;?\xfb\xe8m\xed\x8e|,K\x0f\xa0\xc2&gt;\x85\x1e\x13[\xd3\x90\x8c\xce*\x9e\r\xd0(\x92\x93\xd1\x18\x16\xc7\xfe[\xafe^l\x84Zd\xfc\xfd\xcc\xd7G\x9b\x0c\xcf\xc0\x86\xcc\xec\x1b\xcd\x13\xf1wJ\x1a\x19\xf9DM\xde$sC\xb1\x10\x82is\xcaj\t\xda*}\xc3z\xda\x83\x93a\xbb\x81\xad\\6\xeb\xa9\xe1\x8c\xa5$L\x02\xea\xfc\xec\xc0\xa9~YF2\x9d\xef[IzKh\xa2\x97\xf32%\x18J\x94\x18\xb1 \xd0\x8dOr\x9bl\xd9\xb0\x8e\xd5\xed\xaa}\xd0\x9a\xd7\xee\t*\xbf\xd1\xeb\xfdd\x8c4Q5\xe7\xbb6\xec\xe8\xb6\xb1\x0c\x05\xe8\x8f\xc3\xdd\x18Qbx\xc6uB\xaa\xa9\x0f+\x11%\xd2N\xf0\xea}\x99\xcd\x90\xac\xf9\x079\xe2G\xf06C\x93\xb6\xce\x1b\x8a\xac\x06\xa7\xa7\xc3\x973G\xb2\xe5F\xa5R\xadQ=\xd9\xf7yQ\xc4\x81V,\x01\x0c\x99\x10\xdd\x05\xce\xbd\x94\x94`\xef\x1fus\xbc\x96\x99\xa6\x81\xb1\xf8\x80\xca\xfbZ\x1a\xa4e\x01]"\xf3\x1b\x16\xf7^\xa8\xf4ZE\xe6/o{n\x1b\x8dd\x0f\xc7\xb9T\x08\xff\xa94\xf3\x1b\xb1\x0cE\x12N\x9d\xb7[\x90\x8eg/\x81g\x15\xb0\x11\xcd\x94\xc4$W\xfc\x8c\x82\x1f\xad\xe5\xfb\xef7\xdf\x10\xddA,\x15\xd7}J\xbc\xa6\xd0\x13r\xe8\x7f\x04&gt;U\xe6\xa4V\x06\xf8\xf8\xd7\x1f\xb9W\x84JI\x86J\x98\t:(su\xb3E\xb0\xa1\x15\x95p\xean:\x08\xef\xb2a\xc6\xe3\x14^\xf5[\xcaj\x8a\x8coP\xeav\xaa\x9dL6\xdd\xec\xa5\xfd\xb8u\xc8 4\x94$\xde\x0c\xe5;\x8fq&amp;\xf4\xa9\xcb\xdd\xd1\xef\xf2le\xb7\xb279\xa6\x99\x99\x01\xe5\xa8\x13\x1a\xa8\x88\xaa\xbc;\x86K\xca\x9a\x96\xd2\x06\xe9\x077\xb4Q+\xbb\x93y]\xaa\xa2\xd8 -\x8c\xc2qO|y\xd5q&amp;\xd9w\n\x1b\xe8\xc5\xce\xbe\xfa\xfb\x1a-b\x89\x0e\xe3\xf4\xaa\x8fo+]\xf0\x16\x8f@QU\xf6\xf2\x97o\x06og\xda\x05u\x19l+\x89\x9c\x82\x16W0\x89\xbdY\xc9}\xde-\xa0T\xda\xa2\x8eYDdh{\xb3\xa1G\x7f\x01\x90-a\xb2p\xaa \xdf\xdc\xf6FH\x99\xc0\xf33kc|\xf4a\xcb\x1c2\xeb\xfel#\xd4\x84d?m\xffU\xa0\x92Q=\xc2,I\xcd\xa1\xad\x1f.\x85l\xf7:\xad\xcf\x8f\x99\x06\xf6`\x90eN\xdfZ\x18\xac\x00t\xf0ax\xfe\xd4\xc9\xe8\x13\x8e\xe0\x97e\xd2c\x91\\\x97"UB\x0e\xaauGW\xe8b\x0f\x96[\x95\xca\xffJWT\xaf\xa3V\r/k\xe2ST\xf8i\xfa\xdf6\x8d\xa7W\xb8\x82\x087\xa8v\x91=\xd2\xde\x0eZpw\xf1\xbb\x1b\xd4\xca\x12\x80W\xa7\xf5\xcb=\x95\x1f\xbfb\xe4\xfd\x97\xa9\xb6\xfd~\x1a*\x0c\'\xc1\xbf&gt;&lt;\x04i\xc5o\x07\xec]\xff\x88\x1f\xc6\xed\xcbll\xa0\xf8\xce\xf4`\xad\xa8\xc8\n&amp;\x88\x08:\xff\x1cO`\xa7\x90\xe4A\x16\xa0\xab_\x1f.\xd9 \xe3U\xe6\xec\x19\x0b\xfe\x8d\x86A(#~\xce\xcc\xf4?\xa6\x91P^\x8a\x903\xfa\xd5\x17\x8f\xb5\xa3\xfaL\xd0\xd2-\x9cM\x15\xf2D\xcc\xde\x1c\xab\xbd\t9\xbfq\xc3\x03\x111\xd3\xcbU3\x19D9\x1a\xc1\xfc\xf9\x1d\x85\xf7\x9aq\x12%0{\x90\xba\x0eN\xa1\xa9\xe9\xd1\x1c&gt;\x05c\xa8;\x1a\x9a\xfe=\x80\xf5\xe5U\x9b\rAO\xae\x92!eN\x99\x98\xc7n4\x90\xf3]\x16\xeb\xc4\x85N\x1f\xc6\xf3\xc5r4\x9c\x9b\xf3\xce\x13\xb8\x93\x80\x0e\x191\xa4\xb9J\x11\n\xb4n\xabcP\x99f\xddF7\xaa\xd3\xd7K\xb6R&amp;]/\xed[g\x8f\xefj%4\xb1^@dn\xe7;\xec\xcf/\xae\r]L]&gt;U\xff\xc9\x83BO\xc4;\xfe\xd4s&gt;\x06\x9c\xc7B\xa3\xbc\xb8\xbe=C\x81\x14\x05\xf0\xb9%P,@h\xd0\x03wUU\xfa5T0\xe3\x02\x8aO\xc3\xf2\xd8.\x8dk\xfd\x1c\xbe\x939K\xc7`j\xfd#\xc3\xf2W\x83q\xec\xcfO\xa1\x17t`\x87\xb28\xfde=\x83@\x8c}\x89\xa3m\xbf\xeb\xb43(A\xc4\xab\x0b:\x17\x19;\xdb\xfe\x08\t\x8dA\x06#\xfc\xb1\x00\xe8j[\xc2\xca\xce\xa9\x89\x88\x0bv\xb5\xaf\xe6\xc6\xa7\xa0\xd1\xce\xa5&lt;\xd3\x0b\xcb\x8b\x07-\xf2\xec\xbf\xa4\xc3\x9d\xf2\xc4f\xe2\xb2\x91u\x9d\x91\r\xb1\n\xfa\xf5\x01R\x1f\x02"&gt;\x07_\x063V\xa8\xcd5U/\x06\xc1\x90\x0e9\xf0\x0c\t'</t>
  </si>
  <si>
    <t>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</t>
  </si>
  <si>
    <t>b'\x96`*j\xd4I\t\xff\xc1O\xb2\xfdYuB\x18'</t>
  </si>
  <si>
    <t>such a wonderful thing happened. Jim said he wou'dn't
 'a' missed it for three dollars, and I felt the same way.
 And to me and Jim, as wonderful a thing as any was the way Tom could
 come into a strange big country like this and go straight and find a
 little hump like that and tell it in a minute from a million other humps
 that was almost just like it, and nothing to help him but only his own
 learning and his own natural smartness. We talked and talked it over
 together, but couldn't make out how he done it. He had the best head on
 him I ever see; and all he lacked was age, to make a name for himself
 equal to Captain Kidd or George Washington. I bet you it would 'a'
 crowded either of THEM to find that hill, with all their gifts, but it
 warn't nothing to Tom Sawyer; he went across Sahara and put his finger
 on it as easy as you could pick a nigger out of a bunch of angels.
 We found a pond of salt water close by and scraped up a raft of salt
 around the edges, and loaded up the lion's skin and the tiger's so as
 they would keep till Jim could tan them.
 104
 CHAPTER XI. THE SAND-STORM
 WE went a-fooling along for a day or two, and then just as the full moon
 was touching the ground on the other side of the desert, we see a string
 of little black figgers moving across its big silver face. You could
 see them as plain as if they was painted on the moon with ink. It was
 another caravan. We cooled down our speed and tagged along after it,
 just to have company, though it warn't going our way. It was a rattler,
 that caravan, and a most bully sight to look at next morning when the
 sun come a-streaming across the desert and flung the long shadders of
 the camels on the gold sand like a thousand grand-daddy-long-legses
 marching in procession. We never went very near it, because we knowed
 better now than to act like that and scare people's camels and break up
 their caravans. It was the gayest outfit you ever see, for rich clothes
 and nobby style. Some of the chiefs rode on dromedaries, the first we
 ever see, and very tall, and they go plunging along like they was on
 stilts, and they rock the man that is on them pretty violent and churn
 up his dinner considerable, I bet you, but they make noble good time,
 and a camel ain't nowheres with them for speed.
 The caravan camped, during the middle part of the day, and then started
 again about the middle of the afternoon. Before long the sun begun to
 look very curious. First it kind of turned to brass, and then to copper,
 and after that it begun to look like a blood-red ball, and the air got
 hot and close, and pretty soon all the sky in the west darkened up and
 looked thick and foggy, but fiery and dreadful--like it looks through
 105
 a piece of red glass, you know. We looked down</t>
  </si>
  <si>
    <t>b'r\xe7Z\x03}\xd3\xf0\xb1Ud\xd2dV\xca\x12\x81\xe2r\xfe\xdc\xaf=-$\xac\x95\xcfA\xd3\x8a\x9f\xbc'</t>
  </si>
  <si>
    <t>72e75a037dd3f0b15564d26456ca1281e272fedcaf3d2d24ac95cf41d38a9fbc</t>
  </si>
  <si>
    <t>b'r\xe7Z\x03}\xd3\xf0\xb1Ud\xd2dV\xca\x12\x81'</t>
  </si>
  <si>
    <t>rain voltage can fall to as low as VGS âˆ’ VTH = 0.271 V. Thus, the voltage drop
 across RD can reach 1.529 V, allowing a maximum RD of 15 k_x0002_.
 Exercise IfW is doubled, what is the maximum allowable value of RD forM1 to remain in saturation?
 The reader may wonder why we concerned ourselves with the maximum value of RD
 in the above example. As seen later in this chapter, the voltage gain of such a stage is
 proportional to RD, demanding that it be maximized.
 812 Chapter 17 CMOS Amplifiers
 R 1
 R 2
 V
 R
 DD
 M 1
 D
 Vout C1
 Figure 17.15 Use of capacitive coupling to isolate bias from microphone.
 Did you know?
 A serious issue in integrated circuits has been
 the implementation of large capacitors. A typi_x0002_cal structure consists of two parallel conductors
 (e.g., metal layers used as interconnects on the
 chip). The difficulty is that integrated capacitors
 of greater than a few picofarads consume a large
 area, making the chip expensive. Imagine what hap_x0002_pens if an audio application requires a 100 nF ca_x0002_pacitor: the capacitor area would reach 6 to 10
 square millimeters, much greater than the rest
 of the c</t>
  </si>
  <si>
    <t>b"m\x08\xf0\xd8\xe7x\t@\xc6}a\xa2g\xce\xc2'"</t>
  </si>
  <si>
    <t>6d08f0d8e7780940c67d61a267cec227</t>
  </si>
  <si>
    <t>ion
 In a now famous book, economist Mancur Olson pointed out that political activity on
 behalf of a group is a public good; that is, the benefits of such activity accrue to all mem_x0002_bers of the group, not just the individual who performs the activity.4 Suppose a consumer
 tB
 Preferred tariff rate
 t
 A
 Voters
 Political 
 support
 t
 B
 t
 M
 Median 
 voter
 Figure 10-4
 Political Competition
 Voters are lined up in order of the
 tariff rate they prefer. If one party
 proposes a high tariff of , the
 other party can win over most of
 the voters by offering a somewhat
 lower tariff, . This political com_x0002_petition drives both parties to pro_x0002_pose tariffs close to , the tariff
 preferred by the median voter.
 tM
 tB
 tA
 4
 Mancur Olson, The Logic of Collective Action (Cambridge: Harvard University Press, 1965).
 CHAPTER 10 The Political Economy of Trade Policy 231
 As we explain in the text, itâ€™s hard to make sense of
 actual trade policy if you assume that governments
 are genuinely trying to maximize national welfare.
 On the other hand, actual trade policy does make
 sense if you assume that special-interest groups can
 buy influence. But is there any direct evidence that
 politicians really are for sale?
 Votes by the U.S. Congress on some crucial trade
 issues in the 1990s offer useful test cases. The reason
 is that U.S. campaign finance laws requir</t>
  </si>
  <si>
    <t>b'0F\x02!\x00\x91\xc4BcoX\x08&gt;\xb3\xb4\xa9\xe4\x89\xf4\xfb\x08\xc6\x01\xb9\xca\x8b:\xf9\xa9\x1a\xa6Hw$\xa8\xd9\x14\x02!\x00\xffL\xa4\xf2\xac\xa8\x9d}R\xd0Go\xb9~3T\x1aK\x95dz\xc1\x03T\xb4\x90\x0bbC\x8a\xba\xc6'</t>
  </si>
  <si>
    <t>304602210091c442636f58083eb3b4a9e489f4fb08c601b9ca8b3af9a91aa6487724a8d914022100ff4ca4f2aca89d7d52d0476fb97e33541a4b95647ac10354b4900b62438abac6</t>
  </si>
  <si>
    <t>b'0F\x02!\x00\x91\xc4BcoX\x08&gt;\xb3\xb4\xa9'</t>
  </si>
  <si>
    <t xml:space="preserve"> solution is readily absorbed and
transported within the plant and releases ethylene slowly. Ethephon
hastens fruit ripening in tomatoes and apples and accelerates abscission
in flowers and fruits (thinning of cotton, cherry, walnut). It promotes female
flowers in cucumbers thereby increasing the yield.
13.4.3.5 13.4.3.513.4.3.5 Abscisic acid
As mentioned earlier, abscisic acid (ABA) was discovered for its role in
regulating abscission and dormancy. But like other PGRs, it also has
other wide ranging effects on plant growth and development. It acts as a
general plant growth inhibitor and an inhibitor of plant metabolism.
ABA inhibits seed germination. ABA stimulates the closure of stomata
and increases the tolerance of plants to various kinds of stresses.
Therefore, it is also called the stress hormone. ABA plays an important
2024-25
178 BIOLOGY
role in seed development, maturation and dormancy. By inducing
dormancy, ABA helps seeds to withstand desiccation and other factors
unfavourable for growth. In most situations, ABA acts as an antagonist
to GAs.
We may summarise that for any and every phase of growth,
differentiation and development of plants, one or the other PGR has some
role to play. Such roles could be complimentary or antagonistic. These
could be individualistic or synergistic.
Similarly, there are a number of events in the life of a plant where
more than one PGR interact to affect that event, e.g., dormancy in seeds/
buds, abscission, senescence, apical dominance, etc.
Remember, the role of PGR is of only one kind of intrinsic control.
Along with genomic control and extrinsic factors, they play an important
role in plant growth and development. Many of the extrinsic factors such
as temperature and light, control plant growth and development via PGR.
Some of such events could be: vernalisation, flowering, dormancy, seed
germination, plant movements, etc.
We shall discuss briefly the role of light and temperature (both of them,
the extrinsic factors) on initiation of flowering.
SUMMARY
Growth is one of the most conspicuous events in any living organism. It is
an irreversible increase expressed in parameters such as size, area, length,
height, volume, cell number etc. It conspicuously involves increased
protoplasmic material. In plants, meristems are the sites of growth. Root
an</t>
  </si>
  <si>
    <t>b'a\xab\xd0]\x7f3\xa8E\x10D^\xe6\xa5\xbd3GM\xf1\xb8\xe6Zp\xce\xd8h:\x13\x8a\x8ar2\xc7?#\x95\xd82 \x86\x9dN\xf2\x8a\x9f\xe3&gt;g&lt;\xe6\x1a8\xd7#\x95^Z\xb9\xb45\x0c\r\x93+\xbbt\xfa\xe83\xca,\xd0\x97)\x05\xecH\xc5h\xcb\x07\xdb;\xc8\xb6v\x89\x14\x87\x01p|\x1d\xe8i]\x88\x02\xfd\xff\xa18\xf1\xc4\xd5\xd9\xf3mt83\xec&gt;\xba!\xf3\xe9\x8d\x00D\xeaL?g\xcc\xc1m\x8b/\x8c\x1f\xde\xe0\\\xc2\xa1\xabv\x9aT\xaeq\xd2\x1d\t\xd9\x8f&amp;\x91\xb1[/f\xbd{\xd8\xff#?D\xaa7\x1a\xbe`Z=\xae\xae\x97\n-\x8e\x90\xaa\xd9\xf8m\x84\xa7\xe5\xdf@\xf3\x90^\x1cj\x92Q\x87\xe8\xc2m\xa0UK\x07\xbbu\xba`Yg\x0b*{\xf33\x97\x0c\xe2\xe1\x12\x83]\x17B\xee\xc1+\x86\x9dT\xf3\xfa\xc1{\x08P\x07G\x9c7|\x90\x9d\x7f|\x03\xdb\xa5\xa6\x17z\xb5\x00\tcnuW\xeb\xd6\rG\xb9\x0b\x1c@\x85\xf7\xbc\x92\x9b\x00(\xf61\xeb"\xf1\xae\x94\x1b`Q#\x8d\xee\xb7EPc\xe2\x988v7\\X\xd1D\xa0Y]\xc1C\xc7\x01\xcd\xc1J\x95\x1f[tU\xd3\x16\x9b\x17\x0f[W9\x14_\xfbm]\x085A\x8a\xa44\x84\x8a\x1e\xfcs\xb7E@b\x1e\x98\xf1\xe1\xd4\x8e\xb2\x07\x80\xcb\xa1\xee\xf2\xdc\x0e)+\xd3v\xdc,\x02e1EN\xbb\xfc\xa8\xc3\x1d\xafo\x06H\xca\x06\x9f\x01!\x85\xd4o\x9e\x1a$\x8f\xed\xad\xb6Y\xf4S\x1d\xaf\x02\x9a&gt;ce\xe4\xe0\xab@+\xba\xb6\xd6\xa2\x1d\xd7\xc1\xf8E\xfd\xe3\xb0\xbe\x88&lt;\xa2\x95\xd6\xe3\t\xb9\x1b\x89\xf5\x88\x02\xc7\xe9\xfc\xf7G\x85\xb4\xe3\xe1\xa0\xe7\xb7_\x891\x95\xea~5r?\x81O\xce\x9e\x14\x1ds\x9d\x1f\xb4=\xaf?\r\xde\x7f.{\xb7[\xc6\x95"Xp~\')\xbeS!\x81\x12\xd4\xa9\xab\xebt\x7f\x92\xc2&gt;N\xb6\xb8\x102\xdb\xd6\xa4\x9e\x07\xb4\x16\xe1\xda\xc0\x9a\n\xd2\r\xd3\x8a\xc8)6\xda\xce-\xc5\xf4.\xfa\xdc\x05\xe1\xc4\x8f^-\xe9#?A\x81c\x9cPH\xa8+-1tX\x8d\xeaGi\x9e9\x91\xbe\x1bf\x16m\xe9^u\xd4\xf6JD0\xadb\x86&lt;\xaa\xe7!Mc2{\x8c\xcbH$\x7f\x8d\xac\xd9t\xab\x9c\x06\x05x\xa3sn-\xb6\xdbt\xb0\xc3\xec\x05%.\x84j\xe79\x11\xc0\x8a\xf6+y0\xc9w\xb3\n\t&amp;\xa1\xb9\xe4e\xb6\x81\x04\x8eHLf\xe5\xe3\xd5\x04\xa7Iku\x81\tlYgL\xcb\xf9\x01\x07N"\x1f\x80\x9a\x01\x14\xef\x08r\xe3.Zb&amp;H\xe9\xd343\x88\x1c\x11\xa9n\x9f6\x9e\x0b\x1a\x96l\xa4L%\x97\x80Xf\x10\x99*\xd4\xa1\x06{\x1e\x94\x08\x04\xeb\xc9\x14S\x07!\xf5\xf7\xd3\xc5Z2\xf6R-L\x8b2\x8e\xd4\xa3J\xd4yc\xe9\xf8\x12$\xc2\xda\t\x15\xa3zF0\xe6\xe6{A\x19hc\xd5\x8a\x03Y\x9a\xf0\xc5\xe6\xb7u\xaf\x07-\x99\x02\xc9\\\'\xb5\xaf\x96\x1aG\x98\x0c|j0\xe2q\xf2\x1f\xe2\xf7\x9fDy\x91\x1c\x06\x85\x9c\x9c0\xe7\x89*\xf4S\xfa\x1bx^\x1e\x1b\x13/\x02\xca\x94\x96\xfe\xa9m\xb7\x1f\x82\xe3d&lt;\xea/\xe1V\x8eOj\x14"\xd3\xf3\x1f\xd2\xac\x1b\xcc\xb8\xd2S\xac\xca\x0e\x89w\t\xc5\x1d3\x89Pa\xe8\xbde\xea,cr8\x9bM\xc8\xfck1\x85 \xa5\x99\x04!x\xdb\x96\xc7\x0b\xc9or\x07\x98F\xa9,W\x8e\xab\x99\xd4K\xdb\xba=\xe7C{\xbe5\x91r:\xc42G\xff\xa1X\xf9\xa9\x0b\x17\xf2\xbe\x07\xde\x9c;\x14\x97\x84\xd7A1\xb9\x19\xd0q0((\x91\xf0tC\xa8\x085\xa4\xe3\xc3\xd6\x7f\x13\x02&lt;T\x9e x\x94\xb8\xd3\x85\xbeuWE5_o\xfbKD\x19\xd2$"Eg\xed\xce{\x15\x9cB\xcb\x14{\xe7\x8b\x9bZ\xb5\x82\xe9gPs\xc9D5\xa1{\x13C\xce\xc5\xb8\xd2\x98\xc6\x00\xc3.\xf5"\xf3\xbe\x93\xf7\xa1 \'{\x9f\xc8o\xcb\xe0f\x8c\x88#j\xe2\x8d\xaa2\xf8w\xb1y\xcb\xd6\x94\xc4\xfb\x0e_\x1dG\x8c\xda\x19\x8f\xc3Qi\xa4\xfex\x8b\x15\xf6\xdf\x84V\xdb\xe7\xac`~C\x8e\x87p@3\xa0\xf4\xb5\t\x9d\xf28\xbbZ\x9bD{\x05\\t\xb5=0\x7f\xcb\xbai\xccy\xa3\x93\xcc\xe51\x1c\x93S\xb1g|\xf8h\xe6\x91k\xf1\x02\x1d\x1b5\xd6A\xe4\xc8\xcc=\xe1\xbf\x89\x07\r\xdd\x97\xd7W\xc2\x19\xc2\x00\x89"\xdb\x13\xdb\xeez\xef(1\xf0\xaf_\xe5\x93\x85\xf1C\x06\xe9\xe9\x1f\xfd\x8a\xa8\x83\x82\x188\xa6^\xba)l\xfc)\xe4\x89\xe7\xd7\x1c \x9ew\xe7\xcd\xcb\x85\xca\xe3M\xeas\x90i\x04\xb5\xb6\xafNh\xe3;\x08E\xd9\x1f\xfb\xbc\xc2\xcbj\x17b\x16a`,blT\x08\x14\x88\xe7\xe3\xf3\xa6\x9c\x83eT\x9e\xaeZJ\xb2\x0c\xc8\xe9\xabW"\xd6\x9a\xd4\x8b\x93\x90\x92\xfd\x1b\xfdbK,\xf3u\xeb\xd4\xccD\xab=Bl\xe5\x16\x9b\xc9\xb8\x0e\x92$!&lt;4\xe8*~\xf0\xce\xbb\xc1\xa2\n]4\xban\xf2[\xa1*\x1f\xc3L\xb1\xe9\xae\xb0.\x04\xb1\xdf\xb3\xf0\x9e\xaf\x07\x9a\xb7B\x8bKG\x16\'&amp;\x1e\x01C{\xbe\x04\x80\xc4S\t=\x9e\x80.\xb3UO\x8c\x94\xb3\x91\xd6\x84\xa5\xbbQ\xf0\x95f\xfa\x00\x9b\rx\xbb\xde\xe4\xcfa\x1aG\xc2\xcd\x05\xdfq\xc4!\xed\x9c\xe74\x89f\xa6=\xe7\x04\xef\nc\x12=?\xde#\xcd]\xce%\xd7\xc68\xd6\xd2Z\xa9C^.\n\xef~ d\xa2\xaf\x88ct:7\n}\xb8\x86\xd7\xbb~\x8a\x8e\x9f\xaa\xb57\xb4\x89\xf0\t-\x1en!\xde\xb2\xd2;\xa2\x97\x9b\x12\'7\x1e\x989\xdf\xf8\r=\xdd\xb3\xcf\xa2R;\xb0\xc5\xdb]\xa9|d\xba\x02\r\xd2\xf7\x91\xe1\xe2\xaa\x01Zt=]\xde\xc8\xda\xfa\x98\xf1e:`_r\xe4\xfa\xd3;\xa14"\xe8\x9e1k\xff\x04\x87\xb2^\xedk\xa1+\xe9\x88\xfb&gt;8;\xe2\x8c\xb5\xb0\xf9r\x84j\xa4n\xb9\xee\xdc\x1a&amp;0\xc1\xd2%]Wf\xc93\xc9\xf1L\xbf\xc8\xa2$\x9ey\xa2\x10]-\x04:9G\xf5\x17\xd8/\x083\r\x16&gt;\xfa\xc9V\xad\xd0\x85\xb6\xaa\xc3c\xdbB\xe4i\xe5\x89t\xe8\xafn\xaf\x9e^\xdc\x7f^\xa8\x84\xa4\xf6?\xf5\xd4\x8d\x93P\x8ep:\x9dyPU\xd5&amp;\x949\xa8\x99\xff\xe9\x91~\xa8/\xcdC\xa8`\x94w\xbc5U\x80\x1f*\x04e\x97\x81\xd1\xf5\xc0x\x8c\xf7\x16&lt;\x8d\x11Q\x98\x1b\xb9\xa2\x01\xde\xb8@\x83\x08\xc2\x7f\xa1\xb0,\xd4\x01\xebhrl\xb3\xedT\xc6g\x1cP\x9e&gt;4\x01/\xca\x96\xce\xd8\xd7\xd2\xec!j\xcb\xc1\x93\xfa\x02\x86\xe6b%\xdf\x84\xf1\x0e\x92\xcb\xa3E\x00\x83\xb6\xab\xf17\x82"\xbb\x9e?r^\xfd\r:\xd4\x07\xe3\xf6\xc5\x13\x07\xef\x9f-\x1c\x83\xcc\xb0\xa1\xe5n\x9b*\x19B\xd6{L\x119\xc5\x9daJWu\x03\xc6\x98^\x175J\x8a\x99\x98\x95\x81X\xdf,\xea\xb5\x1a\x85\xb3%\xc6W\x0fL`=\x85\xd4\xed\xb7G\x1d\t\x19A$\x8d\x13\x8bMD\x8d\xa5qvh\x95\xfd\xac\x9fF\xcf\x82\x1c\x9f\xa6\xa3\xbd\xab\xc7\x92\xd7\xab\xa5\xfeb\x84\x9d\xda\x9e\x12\x0c\xb5\xb8u\xad\x11\x08\x16Dwht^\x94\xdcm\xeb~{\x01=\xbc\xb3\xa23\xde\xb6~\xd8^w]\x1b9\xe2\xc0\xc5\xe0\x03\xb9m\x9a\xaf\xbc\x87z[\x12\xbc\xfb\xee\xb0\x0e\xb4\xbe\xb0\x03\x90\xd6\x16\xfa\xf7h#m\xe0\xed\xff6^\x8a\xea\x9a\xa2\xb8\x8da\xd4\xc6\x86\xb7\xcaY\x1e]\xb6\xcanU-\xc3 @\x95\xd0\xafu\xe6\x98\xa0\x0bC7\xcfX\x1f\x89\x90Y\x9f62\xf0R\xab\x13i\xc2\x18\xb9\xf2\xe3t\xa4\x02\x8df\xb1d\x9c\x11\xdfowzZCA\x89_\xeeo\xdf\x10\x8a\xdb,\x01el\xea\xc1\xcb\x9cW\xbe\xb6\x11\xfe`\xfa\x17\x117(z\x90\x0c?\xb9}R48\x7f\xd6\x8d\xe7\xd2bB\xdb0\xd3\x8b\xab\x1f\xed\x92/:\xba\xb6\x06m\xbb\xce\x83`\x95\x19\x11\xe01\xe2%\xb7;T\xb4\x17\x0b_\x18:P\xd3\x88\xe4\xe6\xc1xP\xa0\x17fp\xf4Y\x1bK\x80\xff\tG\x86\xc1\xb2\x18y\xa2B\xcb\xff\x14r/\xe2\xe4o\xf5\x7f\xc4Dn\xca\xdb\xa5 #_\xee\xbe\xdct\xcf[owB\xba\xce\xe5\x9bf\xd0\xa8\x8c\x0c\xeaG`\x87\xfb\x03\xda\xafn-\xde\n\xd6\x81\xb8W\xc2\xed&gt;,\x80\xc1\xa1(w?\xb2\x13\x9e\xb8 p2\x1c\xda\xb9\xf6\'!\x8bBe\xb7\xec\x93\x9e#S\xccQ\xbd\xdf\xd2\x92\xcb\xf3C\x0f\xca\x00\x91&lt;\x1fz\x0c_\xd1\xe5\x14\x05\xde\xce\x17\n\x8cY\x91/\xd7\x83e\xc9\xfd\x860\xadg\x81\x8f\x14"1\xef\xbc\x9c\xd6\xd5\xa1\x93\xa3gHr\x08\xb3\xe4\xf9\xc8\xd5\xe0c\x1fz\x94\x18Hs\xd7\xc9\x05\x82u\xf9&lt;\x92n\x84b{\xee\x0bO\xa0\x1f\x85\x1a\xe7\xd4\x8f\xf5\x15\xb8\nQ`sJ\xd4\xd2\xf2&gt;\xd7\xd4iIne-\xa3w\x0b\\q\xc7\x9a\xc2\x06\xd5\xab?\xff\xdc\xd7\x19"(\xe1)\xe7\x1c\xeew\x95\x96"\x84\x96\x9c\x11\xc9d\xc7\x16\x05\xf1\x04\xdbz\xfcY\x88\xf70\xe1\xdbx\x89cR*\x920$\xedt\xe2}\x0b\xda\xf4J\x19\x97]\x84\xfda\xb3\t\xb28\xf5r9\x88\x0efEO\xf2}F\x97\xfd'</t>
  </si>
  <si>
    <t>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</t>
  </si>
  <si>
    <t>b'a\xab\xd0]\x7f3\xa8E\x10D^\xe6\xa5\xbd3G'</t>
  </si>
  <si>
    <t>ary,â€ broke in Ralph, â€œI hope we may put
 our hands on the robber. Skilful detectives have been sent to all
 the principal ports of America and the Continent, and heâ€™ll be a
 clever fellow if he slips through their fingers.â€
 â€œBut have you got the robberâ€™s description?â€ asked Stuart.
 â€œIn the first place, he is no robber at all,â€ returned Ralph,
 positively.
 17
 â€œWhat! a fellow who makes off with fifty-five thousand pounds,
 no robber?â€
 â€œNo.â€
 â€œPerhaps heâ€™s a manufacturer, then.â€
 â€œThe Daily Telegraph says that he is a gentleman.â€
 It was Phileas Fogg, whose head now emerged from behind his
 newspaper, who made this remark. He bowed to his friends, and
 entered into the conversation. The affair which formed its
 subject, and which was town talk, had occurred three days
 before at the Bank of England. A package o</t>
  </si>
  <si>
    <t>b'\x94\x8fS\xc3\xccIG\x1d*hq\x12-1\xcb"\x18\xe0k\xc8\xc0g\x1dUz\xc1\x00i\xd7o1\xa6'</t>
  </si>
  <si>
    <t>948f53c3cc49471d2a6871122d31cb2218e06bc8c0671d557ac10069d76f31a6</t>
  </si>
  <si>
    <t>b'\x94\x8fS\xc3\xccIG\x1d*hq\x12-1\xcb"'</t>
  </si>
  <si>
    <t>knew for sure Matt and I hadnâ€™t just
 come up with some little side hustle on the internet. This wasnâ€™t some
 passive-income scheme. This was real.
 When we sold Sheer Strength to an investment companyâ€”and had
 multiple interested parties in the processâ€”it really clicked for me. I realized,
 This method works. Itâ€™s scalable. Itâ€™s repeatable. And big businesses want to
 buy what it creates.
 And if you decide to put yourself through the soul-sucking struggle that is
 entrepreneurship, you can be successful, too.
 Go All In
 Take another look at the title of this book.
 What does 12 Months to $1 Million immediately conjure in your mind?
 If the answer to that question is an easy path to getting rich, or a quick
 way to make a few grand on the side, then this is going to be a tough year for
 you. You would probably be better off with a lottery ticket instead of a
 business. Make no mistake: What Iâ€™m offering you in this book will require a
 lot of work. You canâ€™t do this casually; while you can start it on the side, itâ€™s
 not a â€œside hustleâ€ or a onetime gig. At some point youâ€™ll need to go all in.
 When you do that, building a million-dollar business becomes possible.
 At the foundation of every successful business is one entrepreneur who is
 willing to put it all on the line and take the company to its first million. When
 change happens and wealth is created, thereâ€™s always one person who puts it
 on his or her back and takes it on as a challenge.
 I live to empower that person. Contrary to what you might hear in the
 media, profit-driven capitalists create the greatest change in this world. I
 believe in this ethos so strongly that I personally invest in the businesses my
 students and friends start; I want to be part of the change these entrepreneurs
 create.
 People like Hanny, who discovered my podcast and started an outdoors
 company I fell in love with. I invested $85,000 in her handmade backpack
 company, NeatPack. And companies like Onnit, a performance company
 started by my friend Aubrey Marcus that has become the most-loved human
 performance company in its industry. Or Outstanding Foods, a mushroombased chip company thatâ€™s part of a movement to create delicious snack
 foods in a sustainable way. Every day I spend my time advising startups and
 empowering entrepreneurs to build amazing things.
 Throughout the long years Matt and I spent building our method, I
 documented our experiments and all our many iterations, failures, and
 successes, on my podcast and on my YouTube channel. The more I shared,
 the more others followed along and started sharing their journeys as well. An
 entire community of internet entrepreneurs began to form as we compiled
 hundreds of case studies, personal journeys, and stories of incredible success
 and crushing failure. Together, we all found our way.
 After Matt and I sold our company, I started Capitalism.com, which
 empowers entrepreneurs to create change through business. I also started an
 annual event, the Capitalism Conference, where I bring together all the top
 entrepreneurs from whom I most want to learn and have them tell their stories
 to entrepreneurs like you.
 With the 12 Months to $1 Million method, weâ€™ve inspired a community
 of entrepreneurs who are impacting their corners of the world, and I want you
 to be a part of that community. Hundreds of people have told me that they
 built seven-figure businesses as a result of listening to the free informati</t>
  </si>
  <si>
    <t>b'\x1e\xd5\x18\xbbv\xa5%L\xb5\xd0\xc4\xcc\xc8\xa9\x8c\xe9\xc7\xe3b\xa8]W\x1f\x1a\x89A\xb5\xd5\xc4e}\x84\xa3\xb25\xd9\xc6\xe8\x04\x9b\xe9c\x86\x11}\xf7h\xe71}a\xa6\xae{\x9d\x1d\xe4Z"\x10\xfet\x9d\xa4V\xa4\xbb\xa8;\xa2\x07Lx[\xa2\x8d\x96M\xf5\xf5\x9e[d\xa2\x9f\x9d5#\xa1\x91\xbb\xac]\xf3\x1a3\xaa\x081(\xc3E?7\xe8\x00k\x1d\xbc\x15K\x9d\xea3\xf6\n2o\x0cD\xb0Z\xe5U\xab\xf6\xb4\x83d\xdc]6\x17\xe9NBH\xf1\x86\x15\x1d\x12\x17\xa0.(\xc4%I\xd6u4^\xd7\xc4\xb2\x15p\xcf@RX\x97_\xe8\x14\xd1\x19\xb0\xc4\x11\xaf\xe0\x99\xf6\x8cl\x01\xd8\xfd?8\x00\x06\xb1/(w\x8f\x18hW\x91Z\xf2"\xaa\xc4\\\xdc\xd0\xed%\xc9&amp;8\x90\xf5 :\x84\xb1\x96\xe5"\x13Yv$\xb6\xb0\xee\x10I\xe3\xef)\x14\x1b\xc7{\xf7d\x8b\xc7y\xb3#X\xce\xeb\x7f\xee\x1c\xd9D+&gt;\x01\x86\xfeO\x84\x16\x078L\x12&gt;\x1a)\xdb\xc5_1%s\xef\x8c%\x02\xae&amp;\xfd\xe0\x957\x9eM\xaf\xe7\x93\xcb\xc2&amp;\xa0\xc7qx\x0cu*\xa5S\x9f\x91\xc7_\x14\x14\x1d\x15\xccY\xb2N\xea\x80D\xb1\xf5&lt;\xed|\xe3/\'v\xf9E\xbe"\xa0n\x9a\xaa\x165\x14\xa0u\xc7\x87\xc3\xa1\xda\x1c\x9f\xa0&amp;\xca\xc6 \xddl\xc27\x8fa\xff\x033\xb6\x83\xa7\x9c\x18\xaaz\xcc\xf7S\x90\xaf\xbf!\x13A\xe1%@\xb2\xd8\xda\x88oi}\xd4K\x1d\x04&lt;\xb5W\x8fh\x9f\xbc%\x19\x1a\\\x85\x98\xa6\xb71\x99\xcb\xf2\xa5\xf4\xbb\x87\xcdh\xe5\x13\x0c&gt;Fzu\xa1J\xe9\xd08ue{\x18v\xe4\x16\xb8\xe9\xb1\x03\x01\xfb\xcd.\xb5\xed\x99\x7f^\x13\xc1`\x04\xdeH\xe0\xf3\xe7W\x07\xef\xc4\xb9\xc1\xb50v\xb2,~Twr\x86\xee\xb9w\xd4;\xfe\xdf\x05\xcf\x08\xca\x87\x12\xb6\xb4\xc0\xfd\x9f\\9\x1a\xa6\x8d/\xa7!Pa\xfbM\x87\xdd"smd,m \x0c\xd21\x1f\xc0\xd9\x1c\x1b\x9c\xb0\xd0D[\x86\xb0:\x83\xb9j\xf1\x7f\x19T\x7f\x96\xa0J\xe0[\xf8esi\x8a\x05\x90\xb8\xb7:@2\xc8p\\;\xf4\xe99\x89\xea\x81V\x04D\xedt\x9e5\xfe?y&lt;\x9d\x95\xa7\x11\xda\xda\xe8`u\xc3\xb5\xbflY&lt;\xa5\x85\x1f\xc6i\x1a@\xb6^\xe3*n0t\x0f\x9a\x89\xae\x9c\xa8\xda\x94\xd4\xeb\x99\xc1\x16\x948:vk\x00\xe5\x93I\x97\xb0\xc0q\xdf\xe8\xccQ\x02\xccV\xfcg\xbe\x98\x1cM\x96\xdc\x086\x86\x92"\x9a\x01\x91\xb1R\xa5\xd1\x13n&gt;,m+p\x7f\xcf\xf8\xed\xcf\xa9\xbe7\xac8\xe9X\x8b\x9a\xbd\xa3\xd9\x9d%2v\xc8\xa5|3rz\xb6Gr\xbdE\xce\x05\x00\xe5\x8f\xa2\x06z\xab\xa0\xbc\x90\xe0\xc4L\xaa\x0f Cwc\xd8yU/\xaf_x\xcfB\x95\xd6f\x04-\xc2\xb7\x10\x87\xac#w\x03b\xc7\xd6\x1a\xafm\x0c\xbd\x10\xda\xf3\xe4\xd7Q\xf6k"N\x1d\xd7\xa8)\xd3[\x9d\x0e\xe6~\xc50\xbb\rM7\xb3_\x19h6\xba\xb0\'\x9f\x9e\x1ch\x03\xc5\\\xcbV\xbb1\x00v\xfcL\xb2\xf7$\xc6\xde\xd3\x80\xff\x18\xe2\xc3\x9f\xb9\x04 \xcc\xe9\x05= #T\xdcE/YUI\xfe&lt;i\x0f\xa2\xa6j\xc5\x9d\xde\xc3\xd2(G\xe7m\xc6v\xc7j\\+\xfb&amp;\x9b(X\xe36\x1c6\xf9M\xd0 \xd3\xb6\x8dQ\xcf\x14\xe9\xc1\xc4\x1b\xd3\x0e\x14\x1a5\x80\x15\xf4\xc1\xb5\xf7\xe7\xcet\x8d&amp;!D\xdf1\x97g\xad\xcc:KD,si\xed\x861\x104S\x80X)\x92\x80-&lt;\xb6\xd5\x9a\x12\x103\xde\x18M\xfd\x7f\x00\xc8\x97&gt;&amp;\xb9/3\x99\x0e\x0f\x1fQj\t\xa0\xf82\x9c\xb5x\xdf\x08T\x8a/\x87\xae\xf6\xdb\xaa\x9b|2\xec\x1e\x85\xb6\xb8&amp;&amp;\x01\x04\\\xe9`\x123\x82\x8b\xd8\xf3(\xe3k\xbel[k\xaf\xf1\xf34C\xb4\xf7\nv\xc3\xba\xfc3\xdf\xda{c\xdeV\xea\xb3\x0c9\x9b/1\xa5%b\xb2\x08\xcehf5n\xd2\x06Ko\xd7e\xa0(\xde\x10!\x87\x912\xfe\xaa\x80\x91\x83Zw\x16\xc61\x08r2*\x1e\xe4\x94\xc4\xd5\xb0!\xdf\xde1\xe3\xe3\x14\xc3\x90\xac\xe0nF\x12lO,\xc5\xf0F*\xcc\xbd\xae\xf7%\x83"\xd4\xc4&lt;@*n\x1f\xb4d\ry\xb1\x91\x97!\x7f\xcd2\xa62\x8d\xa3\xed^\x7f\x8a\xec\x07+2\x96vp%@\x9cx\xae\xf3\xae\xfc\xb6^\xa7\xb3\xec=\x19??\xedc1\xe3\x0b2\xfa\xb4]\x19\x8d\xecuB-\xbfkKg\x9c|I\x7f\xaa\xf9\xbd?8\xee\x9dW^\xdf\xe4A+$\x19\xc0\x03\xd9\xad,\xc4\x14|\xb1\t\x19J\xfa\xe5\xd9\x04\xfe\x04\xd9^\xdc`\x8c\xda\xc6\xc6c;\x073\xd8\xf2\xd6\x1f\xc2\xc7\x1eE\x93\xa6\x91L\x10$\xd8y\xab\xdd\xcd&lt;@Y\x95N@R\x14\x18/z\x85\xf2\xd8\xc3$\xb2a|\xb9k\x80\xb2\xb8kh\x04\x87%\xb2~\xa37\xc5o\xba\x1d\xf9\xd9)\x04J\xfeA-\x19]%\xcf&lt;\x9b\x86e\xaa=\xbd\x07\xba\xd8z1\x02_\xb5\x85\xa6\x9c|\x8dr\xcf\xe4]\x1du\xd8\x19\xf7BrS\x0e0\x8d\x82\x046{\x02A\x86\xaf[\x8b\x01Y\x99\x15 WL8d\xa0\x9b\x0ew\x84\x19\xbd\x87\x83\xbe\x9d\x06\xfd\x04\xfe\xd2\x89\xd0\xfe\x85\x04\xa1l\x86/\x08\xd5\xb3\xa4\xfa?\xeb\xedC\x8f\xbc\n\x94\xcc`r\xac6\xf9\xd7\xfae\xd2\xa9\x9cjh\xd7i\xd2K\xaa\xda\x10*\xbb\xda"P\x9f\x04\xa0\x11\xf0g\x14\xf8Y:\xc2\xa2[!|\xb1:\xe1[7\xbc\x97\xfd5)&amp;\x02\xa9y\x1f\xa7gY\xe0\x01g\x9c\x1c\x8cc\x9e\x08eB\x83\xfc\xa9\xa1\x84\xff:9\xf3?\xe7bZ\xb24~\xe0\xa8\xc0\xf9\x11.\xe0\xf2\x06\x0e\xc8\xab\x13\x00R\xcd\xf2S\x88m\x12V\xc73\x0c\xf89\x7f\x97\x9a\xbac\xfc\x15\xa0\xc4\xf8\xb1\xf8\xb6L\xe6\xb6\x8e\x7f\xd6CQ\x8d{(\xcf\xa7\xd9K6\xef\x1b0\xff\x05\xc6,\xb4\x97u\x1a\xde"MU\xc5\xe9\xaa*P\x1a\x01\x82\x15\x16\n\x94\x8a\xa7\xf3\xd1\xdc\x1fUkF\xe0\x06e\xe1\xcf\x18\x00\xc9~\x8f"\xfe\xcdb\xd0I\x84\xdc\x9c\xc6F\x10\xb8\xabp\x14\xa8/\xe5\xd2d\xda\x85\xc7\'\x99C\xb6mn\'\xa6\x90\xb6B\xfa6\xb9N\xd4j\x0b\xf8\xb8\xaa:onnd|m_:\xe0\xf9Y\x9c\xe3\xe8yJ\xc9e\xb3D\x1e\xd9h\x91\n\n#\x00~\xd6\x9e,\x82\x85}\x81\x92)X\xabr\xee\xb9\xd3\xa3\xbe",\xa7/\xd7#P\xc5\xa5\xae\xe0\xedx@\xd7\xc0m\x0b\xd8\xc5\xad\xeaz\x80\xb1n\xfe\xf1!`\rt7\x018|W\x02\x90\xc6\x03p\xc1\x9fx\xff&gt;\x9f1\x9a\xb8\xde\x8a\xc8M\xacn\xf0\x13\xf5&amp;\x9e\xd2Rs\x82\xcc\x80\x02\x92\xa9b\x11#\x86|\xc0\x8b&gt;\xc9\xa7c^\x1e\x9eA\xcc\xc8\r+{D\xb9\xa1\xc4\xc4,\xce\xa9@\xde\r{R\xc1\xf8\x8a:\xd8\xc3=c\xcb\xd1Q\x89M\xed\x90\xc9\x17\xdf\xf6\x1cd7!\x99~kUdzC\xad\x91\xee\xa3\x17!\xa7\xc8\xc6 \xd5\xb0\x1e\x01\xfb\xb2\xd7&gt;\x1d&lt;Sy~\xf4\xa0\xe0)\xe1 ~\x10\xf4\xe6\x85%+\xb9&lt;\xcf&amp;\x85\xb0\xe2\x16BN\x13\x9bW\x9aD f7L\x83\xd2\xfe$~d\n6W0*\xe5\xc1\xf6\x9c\xbd\x8dB\r\xe9\xf0\x83~w\xd0\x93\xbe&lt;.\xca\xb5Q|^\xea\x80m\xa8]Lz\xbf\x82\xfb\xe9\x1b\x89\xbd\x18\x998\xf0\x03\x9e\x19~\x8b\xe2\x84\xc0\xe5\x108\xdf\x9bK\x173\'\xe3\x07\xdf\xc9\xd9\xfa\xf83\xe1\xfb\x83N\xac^\x1e\x94\x89\xff\xc0MF\xaf2\xdb[Y\x91\xe0\xfd\xe3A\xf4\xf5\xa5\xccR.\xcd\xac\x05B*\x97\x847NS$\xd4\x80\xab#J\xa3\x9d0b\x89dx\xc9N\x12\x98\x85\x18\xf5F\xb7\xb2\xd8c-i\x97\xc3+\xea\x8d\x0c\x04WL\xa8\xa7\xaaM\xd24\xfd\xb1\xcc\xe1\x90\xc0bUn\x8cO\xefDx\xc2\x1f\xc5\x0b\x01D\xdd\x90CT\xbc\xff\x01\xb85I\nf\xa8C\xeb\xc7!\xd7\x8f\xf0*j\\\xf3S\x84\x1d+\xd8\xf6\xa0\x85C\xa9\xe3:\x1c\xbd\x0edz\xe5\xd4\xaa\xa2\x99\xbb\xcc:_\xb4\xb9\xeb\x8e\x14B\x87\x1f\xe2J\x9aS\x0e\xc91\xe6\xc0/\xb7\xc6\x9c\x87e\xd6]\x88\x83\xc4pW\xd2KS\xab\xab\xf7\x99\x15\x18\xe7\x11\x16\x82\x02v\x05\xd0GtdR\xf1lD\xdfo\x0c\xa8\xf4\xbaw3\xf4F\x0cQ\xe0\xcf\xe4\x8c\xad\xe9g\xfe+\x0c\xa6f\xe5\x83\xa4;\xffTN9\xcfj\xae\xf7\x8d\xa6\x8a\xa6\x10\xe0N;\xd6\xb6\xaa\x8d\x85p;*\xb1\x1b\xc1\xc7$\xdaw\xac\xc6v?\xe7O\xb5{\x91\xa7\xe0:\xf4\x19{\xf1\xe0\xce\x07\xcd\xa9@\xf2eC\xf6*Nr\xbc\xc8-.\x81\xdfd&amp;X\x05~\x04"t\x17\xe6\x86r\xc8H\xf4\x8bl$#\x1e\xad\x02&lt;\xfb\x871\x0b\x927\x1f\xabH*\xd3I\xbe\x03Q\xac\x12k\x15\x97\x80\x86\xb9\x93\xa1r\xf0"\x9e!\xd8\xa9\x9cr\xc0X\xf9\x06\xe4\xa2\x01\xba\xe7\xec9\xe8\x80\x14\xc6\xb8\xaeQ\xf1\x14&amp;\xf3\xbfI\x86 e\xaa\xa6s\x8b\xef\x0c*\xe9\x10D\x07\xc2\xbe\x1d\xcdOM\xd5i\xba\x82\xd3\x05} \xfa\xb4Tr\x9a\x91\x9f\xc6\xf5^\xec\xd7L8{\xdaA\xdb\xff h\xa7GXE\x8d\x9c\x1d*\xb3j\xab\'VN\x1as\xa1\xd3Pov\xf5\x8f\xcb1\x96\xb0\xdaY\x06&gt;;\x8a\x867\x81\x9e\xa0\xefy\x0e@m\x0b03G\x82\t\x99b\xdaQ\x94\xbfGT\x10$\xbdiT\xb4.R\xc2\x8e\r_ T\x0c\xc5\ng\x8b\xd3^\xbe\xfb\xc3\x90\xc5\xf7\x8f-!$\xe0*D\xf1\xfe\xf2;\xebv8\x04\xce\xf2"}\xb0\xc1\xd3\x93\xe2\xc1\x81!\xca\x85\x00\xe1`v5\x8dk\nM\xf2\xd4PUb\xceTO}j\xb1\xaad\x1f\x80F3\x04\x98\xafdUA\x1d\x05\x1a\x19k\xbd\xaf\x18\x93{G\xfb\x8cg\xe7\xc2\x96\xb5avY\r\x95\xd6\x8fS\x0e\xb1\x1b\x04\xf9\\\xddU\xc2\x1d\xf6.\xd5\xd8\xa5\xfbW\x9f\xfc\xa9G\x16&amp;\xfct\x15x#+E1\x9d\x19\xc9\xfe\xe3S7r\xd3\xedQ\xdbR\xf2\'\x10\xc9\x82\xe2~\xf9\xc4nO\xd0\x041\xffd\xb8\x18\xe8\x1f\x84\x9a\x0c\xef\x10\xa8\xff=\x95\xc7\xdc\xd2\xa0\xb9\xfe\xe7\xb1\xec\x82\x10\xd2\xef\xc8\xaa\r\x18\x06\xaamk7\x9e\x84\xeece\xb9\x0b\x18\x92\x1aJ\xaa\xc1T\xbd\xb1\x11\xae\xdcscR\x89\xe7vz\xe9\xa59\x1d\x81\xf8-\xb3gk\xd1\xa5\x02\x8f0\xff\xd9\x0e\n`1&lt;4\x9f\xca\x00\x88\x9c\xa0\x02R\x1b\xf8\xba\xa5\xf5G\xf07\xb0\x92x%\xe5A\x0fjq+;\xe9`\xaa\x02\xaf\xb1\x04\xd6\xef\xc0\'\x1a\xf6\x03_\x8e\xeb8\xe6T\x9a\x88\xc4\xfcx@U\xbd\xe8nH\xa1\x84q\x9dO\xa5\x98fA^6\xa0V\xfb\xe8\xa8\xf8&lt;\xadqm\x925YYX\xde\xa7\xd7\x92;R\x14\xd2"h\xdb\xd0\xe4\tP\xda\xb7\x8b\xf8\xec$\x05`\xb8K\xd3\xaf\xf7}\x7fAYFm&lt;/\x1d\x1f\x9c\x15a"o\x13\xa1\xde\xe1\xf1\x88\x08\xcb\x14\xcf\xe2\x88\x95\xbe\xdd\xc8\xf5\x0f\xfd\xa2\xe3\xfblmo w\xf3}x\x91L\x8c\xff,\x80N\xa5[\xd7\xbf\xcf\xc2\xf9L+\x0b\xcb\x0f\x9c\xfa\xc3\x132\xe1._\xba*\xe4\xc1p\x9dt~d\xef\xe1\xe8[\xc8CV~W\xf0\xa1^\xf87$uo\xfe4\x85\xe4\x8d\xaek\x96\x18\x95\x08\xceH\\\xa6%M\xc6:Y+\xee\xf3\xe1\xea)HL\x11\xe9\x04\t{\xfdw\xe7o\xb0\xfe{\xfc&gt;[$\xaa\xb24\x84\xf0\x05\xff\x08\xd5\xdc\x1b\x84.\xc6nh\xedkKd\x9e\xe4\x92\n\x97\xdaZ;\x9f\xf02\x0b\xf0G\xde9\xdb4\xd9Z&lt;62\x82\xeb\x8d=&gt;\xd4\xb9\xbc\xf5fV\xf6\xfdd\xad&lt;\xe2,6Z\xbdU\x17\xa7\xec4dV\x81N6m\x85\xad\xea\xc1\x0b\x13\xe2\x8f\xfe\x82:IE\xb3f\x8a\x8e\x96\xa3\xe9$\x02\x88@\xfd\xca"\xc5\xa9\xc9H\xfd\xa1y\xa6\xb4X\x8d\xc1\x8c\nlu\x875\x91\xa2\xcb\xac\xb2\xe3\xcd-\xd7\xa0\xf50\x80]\x8dP\xc6\xf3\xf8\xac\x97\xca\x16\r\xde\xd3`\xc6P\xbbO\x00*w#\x19?\x90se0]\xbb\xba\xedq\xce\xd2\xd5\x9c9\xab\xe8\xfa\x97r\xecU0\x1b4 \xa7\xa9\x1a\x8a\xa8\xd6\xd5\x89S\xd6\xc9&lt;1{2\xae\xfb\xd6\xa3\x8eU&gt;/\xa6\xe3?\x1d\xf9\xf1Xp\xfe\xc6\xf7~\x05\xc1\xc3^\xc7\xde\x08y;\x8ew\xa50Y\x96\xc0\'F\xf9&lt;\x83w\x82\xe0\xaa\xeau\xb490\xfbW\xa1MV\xe5\x10\xd0\xf7\xca\xc0\xc9\xe69\x07\x0br2\xc4\xa3\x83\nF\x15\xe9\xe2\xd9\xbdr8\xec\xea:R]\x7f\x19\xc3\xc0\x0c\x04#A\x86\x9b1jh\x8f\xe7\x1fLG,?\xd8\x8a\x87\xee\x8c\x8eQ\xca\xb2l&amp;f\x91\x90\x0c4K1U\n\xa0\x9e\xcf\xe0\x19\x8cb\xcf\x97f\xaa\x12\xfb\x82G\x17:P\xe2"\x11\xcd\xd2g\xd0A|\r;(AdE\xd0tG \xe9iKs_\x01\xee\xec0\xac\x8bg\xc9\x07\xf0-\xbbP\xf73\xf9#\xbbP\xca\xadr\xfd\xed\x9eB\x8c\xf5\xeeXj\td&gt;\xd2\xc5\xd101\xb2\xc7\xb6o\xb7\xd1C\xcc#~\x86\xf7n0+\x02.\x96\xce\x14\xc2 \xc3\xa3J\xad\x8b+\xea\xd1\xc2y\x8cY}Y-(\x8b\xa9\xd4\xe9\xe0\xbe\xfc\xc5\xe7N&lt;n\xb96%\xc9\xa8+0\xfc\x10r\x14t\xc7\x04~bw\xb2\xff\'Dv\x95J\xb3CNom\x872OFk\xa23\xd4\x87\x03\x92S\xdd\xa3\x10F\xfa\xd2\xa3\x10\x17\xac\x96\xdd\xabE\xc3\n:\x85) \n\x991&lt;\xcc\xa8\x82\xe0\xb1\xcb\xd6\xea\xdb\xb4\x9e\xb6\x93\xfa\xf4p&amp;7+{\xf7\xb6\x17\x92\x9e\xcb\xb0^^\x86\xfdw\x8cW\x10\xd0\xec\xc0f\x9c\xa6Lm'</t>
  </si>
  <si>
    <t>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</t>
  </si>
  <si>
    <t>b'\x1e\xd5\x18\xbbv\xa5%L\xb5\xd0\xc4\xcc\xc8\xa9\x8c\xe9'</t>
  </si>
  <si>
    <t>thplace and the haunt of his early years. To the estate at Tholouse she had
 no peculiar attachment, and it was her wish to dispose of this, that she
 might purchase her paternal domains, if M. Quesnel could be prevailed
 on to part with them, which, as he talked much of living in Italy, did not
 appear very improbable.
 737
 CHAPTER 15
  Sweet is the breath of vernal shower,
 The bees' collected treasures sweet,
 Sweet music's melting fall, but sweeter yet
 The still, small voice of gratitude.
  GRAY
 On the following day, the arrival of her friend revived the drooping
 Emily, and La Vallee became once more the scene of social kindness and
 of elegant hospitality. Illness and the terror she had suffered had stolen
 from Blanche much of her sprightliness, but all her affectionate
 simplicity remained, and, though she appeared less blooming, she was
 not less engaging than before. The unfortunate adventure on the
 Pyrenees had made the Count very anxious to reach home, and, after
 little more than a week's stay at La Vallee, Emily prepared to set out with
 her friends for Languedoc, assigning the care of her house, during her
 absence, to Theresa. On the evening, preceding her departure, this old
 servant brought again the ring of Valancourt, and, with tears, entreated
 her mistress to receive it, for that she had neither seen, or heard of M.
 Valancourt, since the night when he delivered it to her. As she said this,
 her countenance expressed more alarm, than she dared to utter; but
 Emily, checking her own propensity to fear, considered, that he had
 probably returned to the residence of his brother, and, again refusing to
 accept the ring, bade Theresa preserve it, till she saw him, which, with
 extreme reluctance, she promised to do.
 On the following day, Count De Villefort, with Emily and the Lady
 Blanche, left La Vallee, and, on the ensuing evening, arrived at the
 Chateau-le-Blanc, where the Countess, Henri, and M. Du Pont, whom
 Emily was surprised to find there, received them with much joy and
 congratulation. She was concerned to observe, that the Count still
 encouraged the hopes of his friend, whose countenance declared, that his
 affection had suffered no abatement from absence; and was much
 distressed, when, on the second evening after her arrival, the Count,
 having withdrawn her from the Lady Blanche, with whom she was
 738
 walking, renewed the subject of M. Du Pont's hopes. The mildness, with
 which she listened to his intercessions at first, deceiving him, as to her
 sentiments, he began to believe, that, her affection for Valancourt being
 overcome, she was, at length, disposed to think favourably of M. Du
 Pont; and, when she afterwards convinced him of his mistake, he
 ventured, in the earnestness of his wish to promote what he considered
 to be the happiness of two persons, whom he so much esteemed, gently
 to remonstrate with her, on thus suffering an ill-placed affection to
 poison the happiness of her most valuable years.
 Observing her silence and the deep dejection of her countenance, he
 concluded with saying, 'I will not say more now, but I will still believe,
 my dear Mademoiselle St. Aubert, that you will not always reject a
 person, so truly estimable as my friend Du Pont.'
 He spared her the pain of replying, by leaving her; and she strolled on,
 somewhat displeased with the Count for having persevered to plead for a
 suit, which she had repeatedly rejected, and lost amidst the melancholy
 recollections, which this topic had revived, till she had insensibly
 reached the borders of the woods, that screened the monastery of St.
 Clair, when, perceiving how far she had wandered, she determined to
 extend her walk a little farther, and to enquire about the abbess and
 some of her friends among the nuns.
 Though the evening was now drawing to a close, she ac</t>
  </si>
  <si>
    <t>b'\xc3r\xab\x83\xf1\x11 \xb4\xef\xdf\xf3Vj\xde\x1bF\x91\xdc\xd0R\xe7\xcf\xda\x8b5}\x92Yy\x80IZ\x9c\xeb\x04\x13\xd2\x9c\x15\xfd\x8e7&lt;\xf9U\xf14\xdc\x1dh(FM\x00\x8583|\x1bx\xd1\xfb\xa7\xa8'</t>
  </si>
  <si>
    <t>c372ab83f11120b4efdff3566ade1b4691dcd052e7cfda8b357d92597980495a9ceb0413d29c15fd8e373cf955f134dc1d6828464d008538337c1b78d1fba7a8</t>
  </si>
  <si>
    <t>b'\xc3r\xab\x83\xf1\x11 \xb4\xef\xdf\xf3Vj\xde\x1bF'</t>
  </si>
  <si>
    <t xml:space="preserve"> the following compounds into benzene?
(i) Ethyne (ii) Ethene (iii) Hexane
13.21 Write structures of all the alkenes which on hydrogenation give
2-methylbutane.
13.22 Arrange the following set of compounds in order of their decreasing
relative reactivity with an electrophile, E+
(a) Chlorobenzene, 2,4-dinitrochlorobenzene, p-nitrochlorobenzene
(b) Toluene, p-H3C â€“ C6H4 â€“ NO2
, p-O2N â€“ C6H4 â€“ NO2
.
13.23 Out of benzene, mâ€“dinitrobenzene and toluene which will undergo
nitration most easily and why?
13.24 Suggest the name of a Lewis acid other than anhydrous aluminium
chloride which can be used during ethylation of benzene.
13.25 Why is Wurtz reaction not preferred for the preparation of alkanes
containing odd number of carbon atoms? Illustrate your answer by
taking one example.
2022-23
Amines constitute an important class of organic
compounds derived by replacing one or more hydrogen
atoms of ammonia molecule by alkyl/aryl group(s). In
nature, they occur among proteins, vitamins, alkaloids
and hormones. Synthetic examples include polymers,
dyestuffs and drugs. Two biologically active compounds,
namely adrenaline and ephedrine, both containing
secondary amino group, are used to increase blood
pressure. Novocain, a synthetic amino compound, is
used as an anaesthetic in dentistry. Benadryl, a well
known antihistaminic drug also contains tertiary amino
group. Quaternary ammonium salts are used as
surfactants. Diazonium salts are intermediates in the
preparation of a variety of aromatic compounds
including dyes. In this Unit, you will learn about amines
and diazonium salts.
I. AMINES
Amines can be considered as derivatives of ammonia,
obtained by replacement of one, two or all the three
hydrogen atoms by alkyl and/or aryl groups.
For example:
Like ammonia, nitrogen atom of amines is trivalent and
carries an unshared pair of electrons. Nitrogen orbitals
in amines are therefore, sp3
 hybridised and the geometry
of amines is pyramidal. Each of the three sp3
 hybridised
orbitals of nitrogen overlap with orbitals of hydrogen or
carbon depending upon the composition of the amines.
The fourth orbital of nitrogen in all amines contains an
unshared pair of electrons. Due </t>
  </si>
  <si>
    <t>b'\xc9`KW\xd1\xb1\xdd\xf2\t\xe1v9Umx\x1f\xcc\x82\x18\xfdvP\x17t\x10\xbdn\xf7\xb5f\xe2\xee0\xe2vj\xc8\xf4\xba\xbb\xc3\x99\xc9G6d\x05$\x84\xea\xd5u\x8a\xc5\x0f\xff\x84[nc\xd1\xe15l\xdbg3\x14C;\n\xed6\xcb(\xc3\x93\x1aE\x0e\xb1&lt;\xc9^\xe2\xb4\xa2\xeb\xdf\x9db\xa2\x9cV\xd2u\x891\x83\xe8n/\xf4n\x9d\xde{\x02\xc4\x8e{?\x8a\x9a\xa8\xe8\xde\xb7\xcdL=\x19}\xb5\xb8\x11~\xce"L\xa8y\\Y\xb3\xf4\xa4S\x87!j\x87e/\xdb\xa8MA\x18\xd3\x8c?\xa9\xa5f\xf9\x9bn/\xa7\x0c\xb1C\x89\xf63\xaa\xe3\xca\xe5\xb6\x0e\x18}\xc2\xf3!)A\x8b\x89\xbec)\xe8k\x86\xfet\x1c\x0b{e\xbaH\xe3\x19\xfe\xec\xa2\xa1&gt;&amp;2\xfb\xfdy\xa5?*y\xc7_\xb32\x1eI\xb8w.[\n\x8a0\xe0\x93\xf9\xaf\xfc{\xe3\xaf\xb1n\xa6\x9a\xe4\x9cJ[\x1b\xacJ\xd4\x18\xc5\x8b\xd5\xf4yt.\xc1b5\xff5z\xbb\xf5\x88\xaf\xdf\x19\x8d-\x03\x9f\xea\xc9\x9b&gt;\xd5=\xc0s`\x8b\x00C-\xbe\x935`/*G\xf4\x93\xf6\xb7\x97\xb7\xe4\xbd5\x03_\x08U\x90\x83\xb6\xac\x89\x9f\x13\xa3\x82\xc5G\xc1\xf8\xc3}\xec\xf8\x7f\xff\xc8\xef7\xf4\xe33+\x84\xde\x9c\xd8fd|\x83\xeb\xd8\x914\xe15#\x91-\xe2 \x9a\xc1\x06\xa7\xda\xad\x9dX\xef\x17\xe7\x0b\xf2\n\x82\xd7\xf8\xfb\x7f\xc9\xe1\xfb\xe9\xf6-%=\x05W\x06\x8dl\x02\xa1\xe3Cu\x0c\x8e\xb6\'{C\xc2\xf0\x1b\xd47\x91\x19g.m8\x17C\x90\xc8\xbf\xf1\x7f\x95\x0e\x8f/\x1c\x8f\xc4\xf2\xd5\x86*\x8d\xf2H\xf0\xcbsB\x8a\x8c\'b)y\xac\xc3\x9c\x07qS\xf6o@x#t\xe2\xde.0\x00\xb1\xbc\xa2\xb8\xcb\x08g.SK\x1d\x9f\xd0/\xe0\n\xd0[\x82\x165\'\x81x\x95\xe4\xc4\xbb\xa1\x8d\xd5)\xde\xb8\xf1\xfa\x83\xa9\xcdb\x91n\x95:\t\x8c\x03\xbeB\x8c=\xb8\\\xf1\xcb\xcd\xe0\x14y\xbbmv\x88\xb27A\x10\x01\xa3\r\xbb55\xfey\x8e?:o\xccp\xc8z\x8b\xe2C\x0foZ\x14\x1d\xb8K\xf2C\x1aJ\xd4p\x95\x14\xd8m\xcb}v~\xab\xecL\xfc\'ri\xcc\xec\xf7\xb2\x94&amp;\x03Kd\xc1V\x0f\xdd\x10\x1b\xf1P\xd0U\xc8E\xac}tx9AF\xf8\xf6\xd2\xb6\x16\x102&lt;z|\xa9\xf8l\x9e\xba\x03\xcd\xfbY\xad7\x00\xe0gP\xbd\x9d&lt;"C\x1ee\x94\xea\xc6A\xdbBz\xd5\xa0%$\xe4V\xa7\x17\xce\x015$&amp;0\xf56`_\x94\x81\xe9\xa2\x87\x87tVkZ\n`\x0bcQ\xb0fsM\x11\xd8\x19\x01g\xea%\x86\xc5\xdcB{\xb9\xec3\x91K]I\x18T\x89\x976\x05\xce\xe1\xaaCM\xe3\x02\xd0w7G|\xf2\xb7\xf1\x97g\x1d\xd2\xcfe\xe2\x12FtY&gt;\xc9\xcd\x08%\xda\x9bG\xe4\x8e\x03!A\x85\xff\x00\x90\xdb\xc2OY}\x86Q\xe8\xf0\xd0\xedU\xbb^\xb4\x10\xee\x03\x06\xfd\xdf\xf9\xdd\xdd\x88\x94!\x02\x86:\xb7m\xdf\xb8\xb4\xb1\xb3_\xbbxw\x87\xee\x7f\x04\xd0\x10\xd8.\x8e\x025\xd5\ng\x1d"g\xde:\x92\xcc#C\xe8r,\xad@\xd5\xea?\xa0-\xf4.\x06\x1b\xfa\xe6\xbd\x92T\xd4F\x9f\xd1\x8a\xc4\xc3K\x11\xea\xe7\xb6v1\xc5f\xcbmQ\rH\xf1FP\xf6\xee&gt;\xd1\xd6\xe2\xd2m\x90\xf5\xc7AH\xda\xf09\x1b\xfaxR\xdd\x06OV\xcc\xcaj\xc8\xf9\x85\x9e\x1d])\xb9\x86\xd7\xbd\x1c\xe5\xa8\xa3\xa3s\xf3\xac \xb3\xb0\xfbb\xdd\xba\x98\x12\xfe\x8a\x943\x01\x83\x87X\xf0\x88\x07:\xf3\x01\x89Be}0\xf7z\x91F\xd9\x96\xa6\x83;\x01\xb4f\x9e\x1b&lt;\x96\x7fw\xf8TM\xe4\x8c\xbb\x18P\xe3R\xcf\xc2\xd6\xa3c\x04G!\x0cvvC/.wv|\xf0\xc3t\xd2\xd2\xbd\xbbU\xf3\xf8\xe0\x11\x11c_Q\x0bAkH\xfaJT\x02\x8d\xcc\xa8\x80\\\xdcCY\xb0\xe2\xcc\xef\xc2%8K\xdet\x9a\xb7\xfc\xdd\xf1\xcfx\xbb!u&gt;\xa8\xb2\x83\xac7%\x0c\x93\x17\xb6\x8b\xbd\x81\xb0\xbe\xb0\xe0?\x11\xd8\xee{#\xeb\xa5`\xcde\xe6\xd0fb\xd0y\x84O\x92\xb0\x1f5^\x90\xbb\xd52\x01$\xfc\xebZ\x93I\x86\xf2\xeb\xe3\xd3\nV\xa9kM\x96\x00\x80gYy\xce\x8dM\xb9u\x84\r&lt;RU\xc1@\xc0\x03(\x83r\xfa\xf5\x92\xa8q\xa8QB\x19\xff\x91\xf2\xcb\xac\x92OT\x80\x11=\xc0ol$==P"\x81\x1cJ+\xcf\xb7\xff&gt;\xd2\x18i\xdc\xfd0\xf6\x16WZ.\xf7\xb5\x05t\xdb\xfd\xa1q@\xa8-\x8f2\x05b\x11\x7f\xe9(\x8dq\x1a\x01\x01\'T\x12x\x9d4\xd4\x00:\xdc\'=\xfb\xe7e\xb9\xc3\xc9\xed!\xc9\xc6,\xb5C\xd1\\W\xf5W\x95\x0b\xdc\xe0v7\x1a\x1e\xd8\xb6N\x87\xa6\x11\xf4C.\xf1(\x16G\xfeF\xebz~\x8e\xf0\xad4\x99G\xab\x8d\x16a\xc3\xbfYmr/X\x9b\xebQ\x9b\x98\xdc\xaf\xa9\xcb\x9e\x9a\x9b.\x023zA:9\xa2\xb7G\xa2\xcf\x03\n\xc3&lt;\xaf[\x088\x8d\xfdM\x00@\xb5\xde#\x01Z14\xef\xb8\xf6\x10\xf9E\xf0\x15\xd7\x95k\xe1\xb0J\xd5\x14+\xcd\x1ek\x01XoVs\xbd\xa7k\x1b\xa1\xb8\x126\x14-Ux|\x14Cg\x1eR\x06\xb4\xf7\x83\xa1\xdb\x8dt6}p\xccF\x80?2Uq\x8d\x1cC\xc1\xd9\xc2yf\xc5e\xed\xb4\x95\xda\xe8\xb0#\\\xa9:\xa09\xc6QS\xef\x7f\x8d\x8e\xa3lOR\xf4A\xa3\x84\xe9\x014\xa9\xb25\x11OY\x05\x1e\xc9\xf4i7\xc0&lt;\x9a1\xef\rsr\xa0\x81-\x8e\x81\x84\x80\xb2K?\xc2L\x00\x96#lD|\x9d\xde?\x0c\r\xbeKK\xde\xb5\xb6\xd7\xad\xf8&gt;#\x80\r\xac\x90qT\x90d\xca\x1b\x10\xcf\x95\xce\x07)\x10\xe9\xb2Y\xb6E\x15\xf7WK?D\xe8\x057\x8fKE\xf2\x1f"\x14\xd4.q\xa6/\xb9\x16\x04\xb6\xedH\xcb\xca\xec7!\xd5\xa8\x02a\xe8\x9e\x89\xfe3\xb0\xab\xd76\x01=J2 m\xbfO\xc7\xf7FS\x17\xa9\xaclp\x1a\xff\xacBD\xb3\xfcF\xa6\xa4\x18\nya\xe9\x93\xc7\xd3\xec\xf2u\xd2nL\xe1\xe8\xd9\x88\x1b\x02;\xae.\xdfS\xf6\x0f\xb7\xd4\xabk\xe3\xc8+M\x0bd\xc7\xe6\x84\xe9\xbd}\x0b7\xd3\xc1*\xfd\xee\x9d\xbb\xb1\xe4\xc1\x81B]9Yx\x13*\xd4\x1a\x91co\x8b\x8eT\xb2\x15\xe9\xa6j%\xf3\x1a\xfcY!ICX\x95\x82\xabA\xe8k\x1b?`6)\xbfb\x9fW\xbd\xe3\x81\x16\xaa\xdc7]8\xd6i&lt;\x95\x11\xc7\x02\x9fR\xcf\xd4\x8f\xae\xd2\xa3\x86\x06\xc1\xe7\x99\xd8M-\r\xf42\xf2\x00\xe27o\xcf)6@*\xd7\x9ckxNrv\xda\xc6\xa7G\x14\x84){\xf5O|S\xce\xb5&lt;\x03\xdd\xda\x86\xa6\x83i?I\x10\xcf2\xa4\xbdY/\xf8&amp;\xeb\xecf/\xf9A\xef\x83\x98A("\x0cQ\x7f\xe4e\xf5{\xe0\xbf\xe6@\x0f-5\x11u0\x82\xd9\xbf\xdem\x97\xfd-o\xf5\x15Q\xfe\xd5\x11\x1f\xf5\x8e0)\x0e\x08;:G\xe8\xd3\xdf\xfc\xe8\xffSl\xb0\xf3\xf9Z0\x81q\x19,\x02\x83\x01@)Ul\xf7\xadh\xfdO]Yy\x14@z/qJ\x10\x15\xc0\xb1\xf8\xd5\x17\x8b\xb0&gt;\x18{\x1el\xc4\xf5\xecbLl\xa6\xdbE\xe5yr\xb7+\xd9m\x01\x9aa\x1a,\xa9V\xefQI\x118C\x80\xfd\x17Z\xe5\x083\xf5&lt;\x06@\xc6E\xac\x18\x1et\xfca\xa84\x17\x86\xb3\x00n\xa4\xb9[\xdf\x89\xf00\xa5&lt;\x0cO\xa0\x88\xcbR\x84\xba\xc1lJ\x8c\xb6\x89\x9dou\x94L\xc3\xe7\xd3Sm\x02\xc59\x08}\xc6s\xfe\x95\x03p\x84\xf1\xf4\xcc\xff\x94\xd2c\xd5\x04\xde\xf5\xf4g\xde\x0c"&gt;8&lt;^_\xd6:\x03\xf1\xa5Co\xa4\xb1Ai\x85+#\x11\nL\xbb\xb4\x8c\xb0Mb3\xd4f\xcc\xc4\xf2u\x1fK\x86\xd1\x8a\xa20\xb7\x88"\x94\xa4\xa1\xe43L\x93\x9c\xb3\xe5Z\x86\xa0o-[a\xe7\xab_\xa7]\xb7\xcf\x02l\xb2\xcetDJV\xc7\xad\xbfEy2\x9d\xfb\x92\xa4=\xab\x07\x1a\xa7\x84\xcc:\xf7f\xe4\xdb\x0cb\xfa\x15\x03\xee\xd3\xac\x15\x93\xc1\x19a\xffBPq\xab\x86U\x06\xa1\xa6\x93\xc9\x03\xa9\x01\xde\xbc5\x0855\xb7\x1dq]\xe1\x8f\xa3\xf5\x9d\x15\xac\xc1\xee\xf4C\xc36\xae\xa5I\xe7\xe1\xc6\xa2\xff%\x0ev\xa5\xdd\xca\x02\xe0\xd6\\\x95\xcb{4\x9b\x0e\xa8f\x82\xed9\xee1\xbe\xfagc\xfc\x1b\xed\xed\x18&gt;\xa0\xc2\x9d\x1aU\xb6\x9f\x023)^|\xbe\xd7\xe1\x16F\x19\xfb\xee`\x81\x17\xdb\xc7@\x9b\xbc9\xae\x9f\xbe\xb9^=;\xfd\xe9\x86\xd7PoW\x83f\x98]@=\x8er\x13\xd3\x119\xe5\x83F0\xe3[\xd4\xabfl7\\\xf1\x1d\xad\x12f\x1b'</t>
  </si>
  <si>
    <t>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</t>
  </si>
  <si>
    <t>b'\xc9`KW\xd1\xb1\xdd\xf2\t\xe1v9Umx\x1f'</t>
  </si>
  <si>
    <t>od! It was all that cursed drink; why will they sell that
 cursed drink? Oh Reuben, Reuben!" So she went on till after he was buried; and then, as
 she had no home or relations, she, with her six little children, was obliged once more to
 leave the pleasant home by the tall oak-trees, and go into that great gloomy Union
 House.
 61
 Chapter 27. Ruined And Going Downhill
 As soon as my knees were sufficiently healed I was turned into a small meadow for a
 month or two; no other creature was there; and though I enjoyed the liberty and the
 sweet grass, yet I had been so long used to society that I felt very lonely. Ginger and I
 had become fast friends, and now I missed her company extremely. I often neighed
 when I heard horses' feet passing in the road, but I seldom got an answer; till one
 morning the gate was opened, and who should come in but dear old Ginger. The man
 slipped off her halter, and left her there. With a joyful whinny I trotted up to her; we
 were both glad to meet, but I soon found that it was not for our pleasure that she was
 brought to be with me. Her story would be too long to tell, but the end of it was that she
 had been ruined by hard riding, and was now turned off to see what rest would do.
 Lord George was young and would take no warning; he was a hard rider, and would
 hunt whenever he could get the chance, quite careless of his horse. Soon after I left the
 stable there was a steeplechase, and he determined to ride. Though the groom told him
 she was a little strained, and was not fit for the race, he did not believe it, and on the day
 of the race urged Ginger to keep up with the foremost riders. With her high spirit, she
 strained herself to the utmost; she came in with the first three horses, but her wind was
 touched, besides which he was too heavy for her, and her back was strained. "And so,"
 she said, "here we are, ruined in the prime of our youth and strength, you by a drunkard,
 and</t>
  </si>
  <si>
    <t>b'8rF)\xfe$\xb9?'</t>
  </si>
  <si>
    <t>38724629fe24b93f</t>
  </si>
  <si>
    <t>y;
 what do I matter? Do go back and keep an eye on the children.' So long as
 mothers are like this their children will take advantage of them; and they may
 lay to that.
 Even now we venture into that familiar nursery only because its lawful
 occupants are on their way home; we are merely hurrying on in advance of
 them to see that their beds are properly aired and that Mr. and Mrs. Darling do
 not go out for the evening. We are no more than servants. Why on earth should
 their beds be properly aired, seeing that they left them in such a thankless
 hurry? Would it not serve them jolly well right if they came back and found
 that their parents were spending the week-end in the country? It would be the
 moral lesson they have been in need of ever since we met them; but if we
 contrived things in this way Mrs. Darling would never forgive us.
 One thing I should like to do immensely, and that is to tell her, in the way
 authors have, that</t>
  </si>
  <si>
    <t>b'G\x01\x17\xfa"+E\xf1'</t>
  </si>
  <si>
    <t>470117fa222b45f1</t>
  </si>
  <si>
    <t>ISPANIOLA still lay where she had anchored; but, sure enough, 
 there was the Jolly Rogerâ€”the black flag of piracyâ€”flying from her peak. 
 Even as I look</t>
  </si>
  <si>
    <t>b'&gt;\xf9\xea\xadY\xa7\xca\xea\xb4\xe6\x9a\x97\x9ef\xf6\xe3.\x83\xcf\x85\xc6\xf1\x16L\xaa\xc2\x8eU\x88\x19\xfd\xfc\xe3\x19\xaf\xc5\n\xf4p\xd2\xac\x86\xdf\xa7f\x8c^Bw\x0f\x11\xbfNj\xf5\xb1\xe8\x8fBXN\x93_q\x0f\xfbX\xc4z\x9b\x8c\xa5\xd7\x93\x17\xf7\xa4J\x99\x85\x8b\x13\xd5\xccmZ\x8e\xd0\xc7\x01\x9c\x8a\xbd\xd1W{\xe9G\x96w1\x08\xd0\x92\xa9+v\xa4\xfb"\xc2\xb9\xa4xO\xa6;\x91I\xd8!\r\xce\\kNp\xb6\xd0&gt;\xaefg\xd2\xc1&amp;\xf9\xe4\x929_\xe3\\\xe2\n+b)\x917\x1a\x9a\xd4-\xef\xea[T\x99\\C3\xc2\xef\x08\xf6\xa6\xd2\xd1\xad\xec(\xfbYR\x1cE?\x96U\xb7Z\x8d\x18Q\xd6\xcf6\x85^\xc92\xc2O\xeeY\xc0\x85\xcda\xf4&lt;\xc6\x1a\xbf\x19\xfa\xf0\xf8\x1dF\xe9\x9a\xf4\xef\xf7\xb3)T*\x84\xc1\x92\x1c9\xc3\x90\x91\x88\x9cUp\xb3\xf3M!\xf7Pm\xd7\x9e\x8cY\xf9\xd4\xd9\x07\x94\xf9\x94\xb2GS\x81!\xa6'</t>
  </si>
  <si>
    <t>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</t>
  </si>
  <si>
    <t>b'&gt;\xf9\xea\xadY\xa7\xca\xea\xb4\xe6\x9a\x97\x9ef\xf6\xe3'</t>
  </si>
  <si>
    <t>, this issue is resolved by replacing the emitter
 resistor with a constant current source (Fig. 5.95). Now, since IEE is constant, so are
 VBE and RBIB. Thus, if VCC rises, so do VX and VY , but the bias current remains
 constant.
 5.4 Summary and Additional Examples 247
 Q1
 VCC
 R
 C1 in v
 B
 C2 RL
 Figure 5.95 Capacitive coupling at input and output of a follower.
 5.4 SUMMARY AND ADDITIONAL EXAMPLES
 This chapter has created a foundation for amplifier design, emphasizing that a proper bias
 point must be established to define the small-signal properties of each circuit. Depicted
 in Fig. 5.96, the three amplifier topologies studied here exhibit different gains and I/O
 impedances, each serving a specific application. CE and CB stages can provide a voltage
 gain greater than unity and their input and output impedances are independent of the load
 and source impedances, respectively (if VA = âˆž). On the other hand, followers display a
 voltage gain of at most unity but their terminal impedances depend on the load and source
 impedances.
 Q1
 VCC
 Vin
 Vout
 Q1 RE
 VCC
 RC
 Vout
 Vin Q 1
 R C
 VCC
 Vout
 Vb Vin
 CE Stage CB Stage Follower
 Figure 5.96 Summary of bipolar amplifier topologies.
 In this section, we conside</t>
  </si>
  <si>
    <t>b'T\xb0\xb8\xd1\xf9#\xff\xc2E//\xc0\x93\x94\xbc\xb9'</t>
  </si>
  <si>
    <t>54b0b8d1f923ffc2452f2fc09394bcb9</t>
  </si>
  <si>
    <t>she can. And that makes it seem as if it were true. Have you never
 pretended things?"
 "No," said Ermengarde. "Never. Iâ€”tell me about it."
 She was so bewitched by this odd, new companion that she actually
 stared at Sara instead of at Emilyâ€”notwithstanding that Emily was the
 most attractive doll person she had ever seen.
 "Let us sit down," said Sara, "and I will tell you. It's so easy that when
 you begin you can't stop. You just go on and on doing it always. And it's
 beautiful. Emily, you must listen. This is Ermengarde St. John, Emily.
 Ermengarde, this is Emily. Would you like to hold her?"
 "Oh, may I?" said Ermengarde. "May I, really? She is beautiful!" And
 Emily was put into her arms.
 Never in her dull, short life had Miss St. John dreamed of such an hour
 as the one she spent with the queer new pupil before they heard the
 lunch-bell ring and were obliged to go downstairs.
 Sara sat upon the hearth-rug and told her strange things. She sat rather
 huddled up, and her green eyes shone and her cheeks flushed. She told
 21
 stories of the voyage, and stories of India; but what fascinated
 Ermengarde the most was her fancy about the dolls who walked and
 talked, and who could do anything they chose when the human beings
 were out of the room, but who must keep their powers a secret and so
 flew back to their places "like lightning" when people returned to the
 room.
 "WE couldn't do it," said Sara, seriously. "You see, it's a kind of magic."
 Once, when she was relating the story of the search for Emily,
 Ermengarde saw her face suddenly change. A cloud seemed to pass over
 it and put out the light in her shining eyes. She drew her breath in so
 sharply that it made a funny, sad little sound, and then she shut her lips
 and held them tightly closed, as if she was determined either to do or
 NOT to do something. Ermengarde had an idea that if she had been like
 any other little girl, she might have suddenly burst out sobbing and
 crying. But she did not.
 "Have you aâ€”a pain?" Ermengarde ventured.
 "Yes," Sara answered, after a moment's silence. "But it is not in my
 body." Then she added something in a low voice which she tried to keep
 quite steady, and it was this: "Do you love your father more than
 anything else in all the whole world?"
 Ermengarde's mouth fell open a little. She knew that it would be far from
 behaving like a respectable child at a select seminary to say that it had
 never occurred to you that you COULD love your father, that you would
 do anything desperate to avoid being left alone in his society for ten
 minutes. She was, indeed, greatly embarrassed.
 "Iâ€”I scarcely ever see hi</t>
  </si>
  <si>
    <t>b'\xc1\xb0\ta\xf1qQ\x82'</t>
  </si>
  <si>
    <t>c1b00961f1715182</t>
  </si>
  <si>
    <t>having paused a moment at the
 door, before she attempted to open it, she then hastily entered the
 chamber, and went towards the picture, which appeared to be enclosed
 in a frame of uncommon size, that hung in a dark part of the room. She
 paused again, and then, with a timid hand, lifted the veil; but instantly
 let it fallâ€”perceiving that what it had concealed was no picture, and,
 before she could leave the chamber, she dropped senseless on the floor.
 When she recovered her recollection, the remembrance of what she had
 seen had nearly deprived her of it a second time. She had scarcely
 strength to remove from the room, and regain her own; and, when
 arrived there, wanted courage to remain alone. Horror occupied her
 mind, and excluded, for a time, all sense of past, and dread of future
 misfortune: she seated herself near the casement, because from thence
 she heard voices, though distant, on the terrace, and might see people
 pass, and these, trifling as they were, were reviving circumstances. When
 her spirits had recovered their tone, she considered, whether she should
 mention what she had seen to Madame Montoni, and various and
 289
 important motives urged her to do so, among which the least was the
 hope of the relief, which an overburdened mind finds in speaking of the
 subject of its interest. But she was aware of the terrible consequences,
 which such a communication might lead to; and, dreading the
 indiscretion of her aunt, at length, endeavoured to arm herself with
 resolution to observe a profound silence, on the subject. Montoni and
 Verezzi soon after passed under the casement, speaking cheerfully, and
 their voices revived her. Presently the Signors Bertolini and Cavigni
 joined the party on the terrace, and Emily, supposing that Madame
 Montoni was then alone, went to seek her; for the solitude of her
 chamber, and its proximity to that where she had received so severe a
 shock, again affected her spirit.
 She found her aunt in her dressing-room, preparing for dinner. Emily's
 pale and affrighted countenance alarmed even Madame Montoni; but
 she had sufficient strength of mind to be silent on the subject, that still
 made her shudder, and which was ready to burst from her lips. In her
 aunt's apartment she remained, till they both descended to dinner. There
 she met the gentlemen lately arrived, who had a kind of busy seriousness
 in their looks, which was somewhat unusual with them, while their
 thoughts seemed too much occupied by some deep interest, to suffer
 them to bestow much attention either on Emily, or Madame Montoni.
 They spoke little, and Montoni less. Emily, as she now looked on him,
 shuddered. The horror of the chamber rushed on her mind. Several
 times the colour faded from her cheeks, and she feared, that illness
 would betray her emotions, and compel her to leave the room; but the
 strength of her resolution remedied the weakness of her frame; she
 obliged herself to converse, and even tried to look cheerful.
 Montoni evidently laboured under some vexation, such as would
 probably have agitated a weaker mind, or a more susceptible heart, but
 which appeared, from the sternness of his countenance, only to bend up
 his faculties to energy and fortitude.
 It was a comfortless and silent meal. The gloom of the castle seemed to
 have spread its contagion even over the gay countenance of Cavigni, and
 with this gloom was mingled a fierceness, such as she had seldom seen
 him indicate. Count Morano was not named, and wh</t>
  </si>
  <si>
    <t>b'!Y5\xaa\x18GG\xb5\x0c \xfc\x16\xcbu\x7f\x0b&gt;\x1b\xa6Z\xaaN\x9e8\x96F\x95;B\x0c\x05Av\x90\x86\x03g}\xacp\xf0\x99\xab\x9b\x88`\x8e\xcc\x99\xf5\xfe\xbb\xeb\x0e\xb4\xba\xa5\xe5\x81\xdb|\x8e\xc6~'</t>
  </si>
  <si>
    <t>215935aa184747b50c20fc16cb757f0b3e1ba65aaa4e9e389646953b420c054176908603677dac70f099ab9b88608ecc99f5febbeb0eb4baa5e581db7c8ec67e</t>
  </si>
  <si>
    <t>b'!Y5\xaa\x18GG\xb5\x0c \xfc\x16\xcbu\x7f\x0b'</t>
  </si>
  <si>
    <t>,
 As his lone footsteps print the mountain-dew.
 From Indian isles thou com'st, with Summer's car,
 Twilight thy loveâ€”thy guide her beaming star!
 To a warm imagination, the dubious forms, that float, half veiled in
 darkness, afford a higher delight, than the most distinct scenery, that the
 sun can shew. While the fancy thus wanders over landscapes partly of its
 own creation, a sweet complacency steals upon the mind, and
 Refines it all to subtlest feeling,
 Bids the tear of rapture roll.
 The distant note of a torrent, the weak trembling of the breeze among the
 woods, or the far-off sound of a human voice, now lost and heard again,
 are circumstances, which wonderfully heighten the enthusiastic tone of
 the mind. The young St. Foix, who saw the presentations of a fervid
 fancy, and felt whatever enthusiasm could suggest, sometimes
 interrupted the silence, which the rest of the party seemed by mutual
 consent to preserve, remarking and pointing out to Blanche the most
 striking effect of the hour upon the scenery; while Blanche, whose
 apprehensions were beguiled by the conversation of her lover, yielded to
 the taste so congenial to his, and they conversed in a low restrained
 voice, the effect of the pensive tranquillity, which twilight and the scene
 inspired, rather than of any fear, that they should be heard. But, while
 the heart was thus soothed to tenderness, St. Foix gradually mingled,
 with his admiration of the country, a mention of his affection; and he
 continued to speak, and Blanche to listen, till the mountains, the woods,
 and the magical illusions of twilight, were remembered no more.
 694
 The shadows of evening soon shifted to the gloom of night, which was
 som</t>
  </si>
  <si>
    <t>b'\n\xdf\xa0O\x026\xa5J\x8e\x12t\xe1/v\r\xec\x83\x9d\x19\xb0 \x80\xfe\xaa\x86Q\x93\xaf6\xab\xae\xd6R\xcf\xf3\xde\xf7\xeb\xac\xb3?\xc9h\xcc\x05\x1d\xfe\x9b\x93\xc9Z\x8d*\x90#g?\xde\xd3\xf4\xa3\xf7\xd1]'</t>
  </si>
  <si>
    <t>0adfa04f0236a54a8e1274e12f760dec839d19b02080feaa865193af36abaed652cff3def7ebacb33fc968cc051dfe9b93c95a8d2a9023673fded3f4a3f7d15d</t>
  </si>
  <si>
    <t>b'\n\xdf\xa0O\x026\xa5J\x8e\x12t\xe1/v\r\xec'</t>
  </si>
  <si>
    <t>alar potential Â¯ V is zero.
  28F. H. J. Cornish, Am.J.Phys.54, 166 (1986).
 572 Chapter12 ElectrodynamicsandRelativity
  (a) FindthescalarpotentialVinS.[Answer:
  1
  4Ï€ 0
  Ë† RÂ·(vÃ—m)
  c2R2
  (1âˆ’v2/c2)
  1âˆ’(v2/c2)sin2Î¸)3/2
  (b) Inthenonrelativisticlimit,showthatthescalarpotentialinSisthatofanideal
  electricdipoleofmagnitude
  p=vÃ—m
  c2
  ,
  locatedat Â¯ O.
  m
  l l
  K v Ïƒ
  FIGURE12.44
  Problem12.65Astationarymagneticdipole,m=mË†z,issituatedaboveaninfinite !
  uniformsurfacecurrent,K=KË† x(Fig.12.44).
  (a) Findthetorqueonthedipole,usingEq.6.1.
  (b) Supposethat thesurfacecurrentconsistsofauniformsurfacechargeÏƒ,mov
 ingatvelocityv=vË†x,sothatK=Ïƒv,andthemagneticdipoleconsistsofa
  uniformlinechargeÎ»,circulatingatspeedv(samev)aroundasquareloopof
  sidel,asshown,sothatm=Î»vl2.Examinethesameconfigurationfromthe
  pointofviewofsystem Â¯ S,movinginthexdirectionatspeedv.In Â¯ S, thesur
 facechargeisatrest,soitgeneratesnomagneticfield.Showthatinthisframe
  thecurrent loopcarriesanelectricdipolemoment,andcalculatetheresulting
  torque,usingEq.4.4.
  Problem12.66Inacertaininertial frameS, theelectricfieldEandthemagnetic
  fieldBareneitherparallelnorperpendicular,ataparticularspace-timepoint.Show
  thatinadifferentinertialsystem Â¯ S,movingrelativetoSwithvelocityvgivenby
  v
  1+v2/c2
  = EÃ—B
  B2+E2/c2
  ,
  thefields Â¯ Eand Â¯ Bareparallelat thatpoint. Isthereaframeinwhichthetwoare
  perpendicular?
  Problem12.67TwochargesÂ±q approach theoriginat constant velocity from
  oppositedirectionsalong thex axis.Theycollideandstick together, forminga
  neutralparticleatrest.Sketchtheelectricfieldbeforeandshortlyafterthecollision
  (remember thatelectromagneticâ€œnewsâ€travelsat thespeedof light).Howwould
  youinterpretthefieldafterthecollision,physically?29
  29SeeE.M.Purcell,ElectricityandMagnetism,2ded. (NewYork:McGraw-Hill,1985),Sect.5.7
  andAppendixB(inwhichPurcellobtains theLarmor formulabymasterful analysisofasimilar
 12.3 Relativistic Electrodynamics
  573
  Problem 12.68 â€œDeriveâ€ the Lorentz force law, as follows: Let charge q be at rest
  in Â¯ S,so Â¯ F = q Â¯ E, and let Â¯ S move with velocity v = v Ë† x with respect to S. Use the
  transformation rules (Eqs. 12.67 and 12.109) to rewrite Â¯ F in terms of F,and Â¯ E in
  terms of E and B. From these, deduce the formula for F in terms of E and B.
  Problem 12.69 Achargeq is released from rest at the origin, in the presence of a
  uniform electric field E = E0 Ë† z and a uniform magnetic field B = B0 Ë† x. Determine
  the trajectory of the particle by transforming to a system in which E = 0, finding
  the path in that system and then transforming back to the original system</t>
  </si>
  <si>
    <t>b'q\x16$2j@\x11\x8ev\x1c\x88N\xa0\x9e\xcc\xa3\xdc\x11k\n^Dw\xfd\xef\xdc\xc5\xe5\x92mi\x89'</t>
  </si>
  <si>
    <t>711624326a40118e761c884ea09ecca3dc116b0a5e4477fdefdcc5e5926d6989</t>
  </si>
  <si>
    <t>b'q\x16$2j@\x11\x8ev\x1c\x88N\xa0\x9e\xcc\xa3'</t>
  </si>
  <si>
    <t>ad nothing to do
but talk to each other, but they always came to wait outside the Throne
Room every morning, although they were never permitted to see Oz. As
Dorothy entered they looked at her curiously, and one of them
whispered,
"Are you really going to look upon the face of Oz the Terrible?"
"Of course," answered the girl, "if he will see me."
"Oh, he will see you," said the soldier who had taken her message to the
Wizard, "although he does not like to have people ask to see him. Indeed,
55
at first he was angry, and said I should send you back where you came
from. Then he asked me what you looked like, and when I mentioned
your silver shoes he was very much interested. At last I told him about
the mark upon your forehead, and he decided he would admit you to his
presence."
Just then a bell rang, and the green girl said to Dorothy,
"That is the signal. You must go into the Throne Room alone."
She opened a little door and Dorothy walked boldly through and found
herself in a wonderful place. It was a big, round room with a high arched
roof, and the walls and ceiling and floor were covered with large
emeralds set closely together. In the center of the roof was a great light,
as bright as the sun, which made the emeralds sparkle in a wonderful
manner.
But what interested Dorothy most was the big throne of green marble
that stood in the middle of the room. It was shaped like a chair and
sparkled with gems, as did everything else. In the center of the chair was
an enormous Head, without body to support it or any arms or legs
whatever. There was no hair upon this head, but it had eyes and nose
and mouth, and was bigger than the head of the biggest giant.
As Dorothy gazed upon this in wonder and fear the eyes turned slowly
and looked at her sharply and steadily. Then the mouth moved, and
Dorothy heard a voice say:
"I am Oz, the Great and Terrible. Who are you, and why do you seek
me?"
It was not such an awful voice as she had expected to come from the big
Head; so she took courage and answered,
"I am Dorothy, the Small and Meek. I have come to you for help."
The eyes looked at her thoughtfully for a full minute. Then said the voice:
"Where did you get the silver</t>
  </si>
  <si>
    <t>b'\x7f\x12\xbc\xe4/*\xd90\x14\xc3\x12\xc1z\xe2t&lt;C\xc4fR\x89\x98E\xfaVF\xe5\xba\x90\x86\xb8\xe0\x91\xde\xb6\xe6\xffk\xfa=|\xa5j\x03\x80\x93\xe4\x1e\x05\xc72Y\xd3\xcb\';\x028\xa0\xb6\xfdr\xeb\x14\xc8Z\r[\xdedr\xfc7\xd7\x93\x0f\'\x98\xc3\xc5\x98Y\xf4\xfe H\x9c\xd9x=_\xeb\xd9\x9b\xd7\xbdcP\x8e6\xf4\xca*m\x14\x00!\x8f\xe6S%\xe8\x01+\xcc\x07\x9d&gt;=\xfe\xc3`\x10\xe2\x84\xe8\xf2w\xca\xb6\xc6I\xfbl\x1d\x93\x9d\xe66W\xc1\xbcZ\xddX\xd7\xcb\x9b\xd8\x8c\xe6]\x88\x98\x1a\xf7\xf77:\xa8\xa7\xf3\xa0m\x9e{\x7f\xd9\x9fhL\xd2\x10\x97c\xb2,f\x1a1eY\x0f\xa0l\x87}\x8d\x085\xc6 \xb1\xfd\xcci\x1b&amp;\xeb\x87\xff\x9b\xf2.u\xe8\xb5\x82\xc4c\xc4\xf6\xe0=\x1a\x13\x9ba\x90\xeb\x91t\xa7-\x9b\x98\xce[S\xc6\xa3\xab4c\xe8#G\xf0v\x8f\x1d\xad\xdf2Ub\x01\x1c\xf2\x93\xe7\x13(\x8e]\xf8\x81`\xa42t{\xfb[\xfc2!W@\x95\xaa[Bmu\xe6\x07s\xc6i\x1c\xd68%u\xb8\x9d\x85\xda\x80h\xb8\x1b+o\xd1\x07F5\x90f\xca\xa0\x97\xe6\rt{\xce\xeb\x17i\xf8+W\xb9\x1a\xc6\xc6\x0b84\x94_hqg\xe2q\xfbM|\x11\xba\x91\xf53K\x9d\xb8\xaaP\xc5\xd0T\xee\x94$N\xf2\xa9 \x1b\xbe\xc0\xef\xd3\xdbf\x17~\xed\xf9\xf8R\xeb\xa3?\x97\xe97\x86B\xd4N\x9e~a3u\xa0W\x93&lt;V\x17\xc0\xaa\xc1\xc1\x92\xfa\x08\xbd\xfc\x93-Cf\xcf\x1e\n\x1a\xd6\x8az\xad\x17vy\x81\xefMe\x0b\xbc\xbe\xee]\x7f)\\\x08\xf8\xfd%\x1du\xf2&amp;5x\x82g\xb8\x10}\x15\xa5\xee&gt;\xe0\xbc\x12\x84[\x7fb\xee\xde\xa0\x00\xf4H\xf2\xecp\xe6\x9d4\xd3\x7fz\xef\x9eD\x10]\x1e\xf5\xae\xa6\xce\xfaHg\xd9\x91R*\xf9\x9e\xe06\xe1\x08\xd9\x9d0\x82P4~|\xd9\r]\xa3\xfa\x1e\xab\xb8\x06\r\xe9o\xb8#\x88-\xf2\xb6\xa7q\x96\xb5\xc3\x9b\x16\xb5\n\xc9\xef\x88\\\xcc,\xe9\xcb\xcb\xf5\xd2\x99\xdb&gt;=\xed_\xf7?\xe3\x12\xe2\x85\xcb}\x9a\x12\xb5AeK\xc7\xbc\xa5R,\xb2\x9f\xd2,\x86d\x01\x1d\xae\xfd\x9b\xa9\xc7!&amp;\x07y\x9eV0D\xbb\x14\x9c\xe4\x92\x90\x8ea]\x1d\xe4\xa2\x11\x8f9q\xe5\x9e\x04\xbf2\x9c\xd9;\xa3\xcc\x02\xf75mVA\t\x9b\x0ff\xa3\xae\xef\x1cp%p)&amp;\xd1\xc1\x13\x7f\xac/\x8f\x15\x92\x145\x1e\xf2Q\xa5\xc6\xa3\xf6\xd2a\x87\xeeW\xd7\x9e\xefF-WP\x98e+\xe9I\xb8\xe7\xb4\x0f\xd8#Y*\xab\xee\xeblL\xca C\xf5\x1eoB\xfa\xde=\xfa)\xb7\xe8\x1aZ\'\x92\xa4\x90\x18\x13\xc4t\xc5\x1a\xd2rk\xcf\xde~\x96\n\xdf\xee\x99\xc0\xa6\x9ddX\xa7\xf0\'g\xea\\\x7fm4\x9fm\x02\\\x89\xe1u\x96M\x0f?;v\xa3]\x8ch\xce4ja\t\x8a\x80\x973\xfb\xabmkCz\x0b\xb7\xe8\x85y\x18\x9b\x10\x8c\x1e\xfaID\xb3\x02/ \x00Iq\xd90\xbb\xd441a\xd2\xf0\x1dk\xfd\xb3\xfe,\xcb\xba\xde]w0(,\x0bj\r\x94\x8c:\xab\x06\x03\x18?Z\xb8s\x9d\x05C$\xfa\xe1\xc1C\x02\x12\xf9\xab\x1e\xfa\x97\xd9\xb1:\xea\x9en\x04\xac\xad\x17\xb8&gt;\xf7\x12\xc7j\x81\xb7B\x1dy\x92\x9fQ \xda\x03\x9a\xe8m\x90\xe5J\x079\x98u[&amp;\xb8\xb9\xc3\x80\xad\x05\xe1\x86\tH\xc0\xde|\xbd\xe0\xd9O4-\x1ba6\xe4\xfb\xdbC\x1b\xb0\xbe\xc3N&lt;\x98\xe2\xc0\x90\x91\xb1\xf9\xab\xff\xc5\xfa\xee\xd9\x909\xbe\xa5?Q.l)9\x84\xee\xd8\x1a\x81[OJ\xcc\xccB\xac\xfb\x0f\xed\x08\xfb\xef7*\xeb\x15\xaf\xbb\x02\x03c\xf0\xe1+s\xfc\xd6\x7f+u7\x97q\x95\xdb\xf1v+\xf6I3\x1e\x02\x90\x18\xc7\xc9a\x9a\xb1\x05#ql\xde\xed\xfd6\x93\xcc\xa8\xc0\x1f\x1d\x90\x8eQ:/\xf0\x019\xc7\xaf\xe5\xa9\x88\xdd\x9bK\xb0\x99W\x8fw\xce\xa8\xbf=#z\x8b\x9f*\xe0} \x98\x0f\xd2\x90Yq\x07[\x00\xf6g\xaa\x12R\x13\xbeLD\r\x8c"\xd1\xc3\xf1\x00q\x9d\xa9\x92\x877;W~\xa7\x81\x96X\x08\xd0\xa3\r\xd4\xb5\xfa\x86s\xa2\t-6\x13\xf8\x0fK\x9b\xcc\xa6N%\xdc\x1b\x83\x8f\x1eV\xbb&amp;\x17\xa3\x14\xa9:\x9b\xf0\xd7\xd0\x13\xe16\x14\x1c\xa0\xe2\xff5\xf7\x93\xff5\x17\xbes\xcekR\xc2\xf9\xe2"\x9c\x13\xc5@f\xd9\x16\xf4\xc4Fs\xb3/&lt;\xa1\xa8\xb9\x15\xed\x833\x1d\xfen\xc0\xc1\xe4\x99\xbc\xec\x94\xb2\x1dC\x1fN\rWu\xca\x8e\xdb\x87\xb8\xe32\xf9\x83\x9f\xc5T\xeb\x943\xcb\x97\\\xc0\xe3\xa0R\xe0}]f \xcd\x7fv$\x92\xff\xc6\x9b\xdb\xcf\xc1Kt?C\x11\xbf\xde\xad\xfft\xa1\x0c\x10h\xf6\x988\xdb\xbc7A\\\xec\xf6\xcf\x0c\xbb\xf9j\xd7\xdc\x18\xdb\x84\xe4\x1f\xcb*\xcd\x877\xbc\xd6{G\xda\x19\xc7\xc9\x18\x9cix\xb3\x03\x86\xd4\xbe\x18&amp;\xa2B#\t.\x8e%17B\xe6j\x7f\x14\x068c\x95\xc8\xfeBx\xd6\xec\x1a\xacO\x07e\xc1\xcd,\xfd\x8c\x98%L}\xfeR\xc9m\xe3\xe6\x9c\xfb\x8ds\x84\xc7\xc5\xab&gt;\xdfj\x16r\xcdu\xcf\x98\xa8\'\x89\xfd\x92@/(\x10`\xdf\x8af;\xb5U\x9e&amp;\xb5&amp;\x10\xfa&gt;\xd6D\xd5\x99\x94\x07\x8aW\xaf\xf0t\x8f\x8c\x96\x86\xa2@$\xa33\xa6\xdb.\x10$&gt;d\xa5\xff\xfd\x9c\x81OY\x84\x89&lt;/\x97\x01\xec\\\xdet\x86n\xf3\xdcc\x80k\xe7k\xaf\xec\x0e\xde\xb7\xa6\x84\xba\xc6\xbc\xf1/}\x89L\xd3\xcf\x1b\xf0\xf320Qf\xb5\xdeI\xd4\x0e~h\xb9\x94\x05\xcf\x1a6\xa1\xd8?t\xe5\xa8\x8b\x0c\x0b\x1c\xbbQ\xba\xe1R\x8d CY\x7f eF\x1e\xcb\xc1\xe2H\x01]"2d\xac\xf8\xa1U\x82&lt;\xf7Kd\x8e\xe7\x0c\x0b\x1c\x1c\x83\xbb=\xab_\x08\xa7\xc3\x88\xe88\xdb"\xe2Ay\xf5E&gt;\x00P\xbd\xf6\xf2*\xdf\xcd!~\t\x8b\x9a\x15\n\xfeFCY\xdb\x80\x98\xa3\xdaq\x95\ro)\xb5A\x1f\xc7\xd2q\x06=\xdc\xaadF\x8d\xa2p\x81\xba,\xc9nS\x1a\x0br\xd2{\xc4\x00\x00"\xdeD\x16\xc4\xc2\x98\x93\x0c5\xc0e\xda{\xdaT|\xac\xd5\xb1AW\xbd^\xd6\xf7\xea\xa7[\xa7\xa63\xdfy\xd9[\x15\x00s\xef\xfc-\x19\x0fm\x97\x9d\x9f0\xcci\xdc_\xf4\x03\xb3\x8aONl\xfe]I\xe68\xaf&gt;(\xb3v\xfd\xcb\xc7\xe2\xa0,\x92\xa6w\xf1\xc1\x99,\xea\x9e\xe2\xe6\x15\x9e\xf3s\x9b\xf0l\x9c\x10\x9d\x87\x84\x970J\xc9\xcc,\xd5O\x0c\xdf\x98\x908\xd4f\xd5\xf6t\xa1\xde\xca4+\xb6"kK\xeb*\xf0V\xccG\xc4G_\xfd\xf1]\xea"{~\\?&gt;\xee[\x8e*\nWF\xb1\\8\x1a\xa0$v\x01\xe3t\x8c\xd8\x946\xbf(h@fEO\xdb.\x80\xd7\xcc\xab\xad"\x8dD@\x04kW\xea,\x15\xea}\xd5^\xd8\x93\x9bQ\x9cM&amp;Q#\xa5r\x95\x83="\xcd,\xac\x10\x95\x8e\xb5\x80l\xb3\x17\xc4\x18\xcdjE\xa5\xf5\x8c.\x87~\x04V\xcc\x06W\x82R\t\xd5\x10\xd3\xfb\xec\x05 \xce\x82\x1bi\x88\xeeW9\xd4~7\x89\x9dP^\xd7%\x16\x19\xa5{\xeb\xbb\x84\x00]7\x8eH\x8f\xd7W"_\xae\x86\t\x94/\x91\x13\x9a\xb4\x99\xad\xb8ho&gt;\x89\x9cXM=\x01!\x88\x08N\xfd0\xda\xd1WM{/g"\x11k\x8c\xc0\xe5\xedPk\xf5qE\xe8^\xc2x\x83\x81\xb0\x12\xf9\xbaaA\n\x84\xac\x17\xb5\xdf\xc89\x04\x84\xc7\x9d\xce\xe6\x94\x98a\x1d\x9f\xb8\xf6\xe2\xf3\x82\xbc\xa5\x14\x07\xb6 \xe0k\x9f@\xd6q\xab\xe5\xc4\xee\x8b\xad\xd2\xd17\xdbH\xa8e\xf1hl\xe6\xdea\x9d)J\x1d\xed\x92.\xf3l\x15`\xf2\x93\x12\xca\xf0\xe1D\x82\xf2s\xadO^\x83@v\x82y\x18\xb4%\xa3\xd6\xa2\xc5\xca\xf2\xa6\xe3K\x7f\x11\xf78\x1e\x9ck\xce\xe7)\x02j\xee~\xf9\xa6m\x1b\xbb\x02X\x9e\xc7\x96\xa5\x12I\x99\x04\xd9\x06\xc6\xff\x1e\xbe#\x10\xd2\xde\x99\x06\xfbc&gt;\xc7J\x8f\xc3\xf7\x18\xe7\x8d\x91\x05\xf2-{\x91y\xed\xc5\xbb!A2\xbc\xdb\x88\xc5\xbee\x9e\xa9C\x9f\xc3\xf4!\x9a\xa0\xda\x14\xee\xb0~|.d\x7f\xcc+\x94e\xefS\xdfP\x05\xa8&gt;}1e\x13\x88\x1e;\xfb2\xbe\xbc7\x12\x08\nC~q\xa1\xb1\xe7\xe2Q\x82\xbb\xc2\xbf)\x9c\xa5\x87\xc6\xfc_\xbb\xa1B\x85F\x1c\xa43\x07v\xbaL\xfa\xcd\x97\x1c\x11\xb4\xf4\x05\xa4:@E\x0b\x83%\xe0\xb5K\xbfCg\x82\xaf\x84\xb0(\xdd\x8b [\x1a\xac\x9eL\x95\xb3v\nH\xe7%\xf4\xa8A\xbe\x96&amp;\x07\xe8~\xc0\x90\xfd\xf5\x9b\xde\x8d1\x86d\xea'</t>
  </si>
  <si>
    <t>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</t>
  </si>
  <si>
    <t>b'\x7f\x12\xbc\xe4/*\xd90\x14\xc3\x12\xc1z\xe2t&lt;'</t>
  </si>
  <si>
    <t>lications for Global Capital
 Flows and Financial Markets.â€ Current Issues in Economics and Finance 10 (September/October
 2004). Analysis of trends in central bank reserve holdings.
 Owen F. Humpage. â€œInstitutional Aspects of U.S. Intervention.â€ Federal Reserve Bank of Cleveland
 Economic Review 30 (Quarter 1, 1994), pp. 2â€“19. How the U.S. Treasury and Federal Reserve
 coordinate foreign exchange intervention.
 Olivier Jeanne. Currency Crises: A Perspective on Recent Theoretical Developments. Princeton
 Special Papers in International Economics 20. International Finance Section, Department of
 Economics, Princeton University, March 2000. Recent thinking on speculative crises and attacks.
 Robert A. Mundell. â€œCapital Mobility and Stabilization Policy under Fixed and Flexible Exchange
 Rates.â€ Canadian Journal of Economics and Political Science 29 (November 1963), pp. 475â€“485.
 Reprinted as Chapter 18 in Mundellâ€™s International Economics. New York: Macmillan, 1968. Classic
 account of the effects of monetary and fiscal policies under alternativ</t>
  </si>
  <si>
    <t>b'0E\x02!\x00\xd5\'\xb2^\x96\xa9\x07k`\x1d\x19@\x13:J\x0f\x84\xe4\xff\xe8\xf7$\xec0\xdd\xe1y!a9\x90\x7f\x02 \x1c"\xdcZ\x1d\x80\x87\x0b\xa8\x89\xc3\xd07\x84q\x01\'\xbf\x19\x9a\x90:Z\x8f\xe6/\xd4\xc7\x1b\x93\xdb:'</t>
  </si>
  <si>
    <t>3045022100d527b25e96a9076b601d1940133a4a0f84e4ffe8f724ec30dde179216139907f02201c22dc5a1d80870ba889c3d03784710127bf199a903a5a8fe62fd4c71b93db3a</t>
  </si>
  <si>
    <t>b"0E\x02!\x00\xd5'\xb2^\x96\xa9\x07k`\x1d\x19"</t>
  </si>
  <si>
    <t>tor.
3.10. PN Junction Diode (Semiconductor Diode)
A pn junction is known as a semiconductor diode.
 Anode
Cathode
Conducts
Diode (P-N Junction) Forward Blased
Figure-6
It is also known as crystal diode since it is grown out of a crystal (like germanium of silicon). A semiconductor diode has two terminals. Its symbol is shown in fig.-6. It conducts only when it is forward biased i.e when terminal connected with overhead is at higher potential than the terminal connected to the bar. However when it is reversed biased practically it does not conduct any current through it.
3.11. Depletion Layer
A region around the junction from which the</t>
  </si>
  <si>
    <t>b'\x88V\xab\xbbC\xa3\x8c)\xf9\xe0U#\x14\x0e\xfb*~\x95\xc1\x8b\xaa\xfbT\xda$"-T8\xd0\xcd\xc9\xbe\xf4Q\x1d\xba\x7f\x98\xa3\xde\xaa\xa1\x1b~\x1e\xc54\x00\x19\xceq\x8d\xb0\x86\xb16\x0f\xf5m\x0e\x19\x11\xda{6H\xadr\xdc\xc8\xeeze\xfa4\xe2I\xb6\x19\xe8\xbdg\xf5i\x88\x1fB1}\x19\x90\\S\xe7H\xa5a\xf7R\xf8\xf0\xb4u\xdf\xd6\x11\xe0\x11\x0c`\xa3\xf2\x93,PO&amp;\xd5\xedG\x02\xefE\xaf\x96\x19\xa6\x1f\x90\xed\xde\xe3\x0e\xe1\x85\x19k\xa9M\xc6\x87\xf6\xb8C\x93\xc0\xe1l]\rk\xf3b\xf4\xf5N\x08\xf6\x8a\\&lt;\x9d0&gt;\x1c\xd1\x1a\\^\xad\xc1\x89\x98\xa7\xef?bz\xe2\xba\xbf\xa0#\xe4\x1f\x96/4\x91\xe4\x0eu84\xe2qW\xcd\x1b\xb9"-S\xc4\x8a=\x99\x89\xf5\xa6B\x8f7z\x8bH0\xb1\xecQ1\xd3}(}\'Yb.]\x9d\xcdj6\x1aH\xf8\xb7$\x01\x89\x92\xdd\x0c\xed\x90=\xc0\x99\xf6\xfb\xbd+\xd3.V\xe5\xcd"\xc2\xb3F\xdc\xf1r\x1b\xde\xca\xab\xc9i/\xf6\xa9_\x1fbp4\xf0\x8aQ\xf4.b\x1e0S\'\xad\xa1`\xe9O\x1e\xa0\x8e\xa6\x9b\xb1\x13\x19p\xceIm\xa4\x86\x1e\x96\xf5\xda\xaa\xb3\xc9\x86G\xc0.\x17[\xdbT4\xf8MH\xbc&gt;\x8a\xaf\xfc&lt;\x05*\xf5\xa9J\x85;Q\xc2\x93p\x82\xc53b*\x12\xb3G;\x80He a\x19\x1d}\xa1[\x84\xaa\x95\xbd,\t\xf8O%\x90\xdc\xdc\r\x97B\x84\xfe\x050\xeb\x92\x1c\x83c\xcf\xb7{\xf7\xb2\xf6I\xd6}\xd5\x9f?\xe8\xd5\'\xbe#\xf7=\x9b\x96\xf6w\xf7\xf9\xc7\x01-\xeb\xf0,\xc5\xa4\xb8\x11|\x07\xfc\x8av\xf1Z6\x82Jm\xd1\xbd&gt;b\xbf\x18\xa9\x8aH\xa3\x15)\xfc\xef\xd1\x92\xcc\xf2P\xe3\xf0\x0bN\x93V-\x96[dHu\xb0\xc8\x1a\xef%/\xbdI\x1e\x9f\x83\x9c\x9e\xe4\'\xdczbh\xb5%Hz\x8a\xfeA\xc6\xc1^\xfa\xfa\xe1y1\xc4\x85J\xb1q\xc2\x90\xa0X\x15\xf4\x7f#x\x00A\xe9\x93\x82\xf99\x08.5\x8c\xacgac\xa8M]\x97b\xd1H\x90\xe5s\x1c\x90\xb1\xb4#\x95^\x8e\xb2\xdfev?_\xcb\xf8\x1b\xe5\xf0\x0c\xbe\x93:_&lt;@\xb8\t\xf8\x148\xa1\xc2,}\xb7@\xa9\x93\xfcVP\x87\xc3\x8f\x88nQk\x80\x8e\x9d\xf2\xbb\x10\xf7\xe9\xa8\x8d\x82\xa2\x1ce\x9a\x87\xb6\xf2=4Y&lt;\x9fKVH\xa1q%\xfa7`\xfe\xee\xb6\xe3M\xecW\x10\xe9\xca\xd90\xde\xefC\xe5\x9b2\xfdsV\xab\xf2\xbb'</t>
  </si>
  <si>
    <t>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</t>
  </si>
  <si>
    <t>b'\x88V\xab\xbbC\xa3\x8c)\xf9\xe0U#\x14\x0e\xfb*'</t>
  </si>
  <si>
    <t>00,000 = 0.000000000001 = 10â€“12 F
Types of Capacitor
There are a very, very large variety of different types of capacitor available in the market place and each one has its own set of characteristics and applications, from very small delicate trimming capacitors up to large power metal-can type capacitors used in high voltage power correction and smoothing circuits.
The comparisons between the different types of capacitor is generally made with regards to the dielectric used between the plates. Like resistors, there are also variable types of capacitors which allow us to vary their capacitance value for use in radio or â€œfrequency tuningâ€ type circuits.
Commercial types of Capacitors are made from metallic foil interlaced with thin sheets of either paraffin-impregnated paper or Mylar as the dielectric material. Some capacitors look like tubes, this is because the metal foil plates are rolled up into a cylinder to form a small package with the insulating dielectric material sandwiched in between them.
Small capacitors are often constructed from ceramic materials and then dipped into an epoxy resin to seal them. Either way, capacitors play an important part in electronic circuits so here are a few of the more â€œcommonâ€ types of capacitor available.
(i) Dielectric Capacitor
Dielectric Capacitors are usually of the variable type were a continuous variation of capacitanc</t>
  </si>
  <si>
    <t>b'9\x1c\xbc\x82\xc4w[)\xadY\xa4qv\n\xf4\xa5\xd1\xfdg\xe6\xa8&amp;&amp;\xb6\x0c\xb5u\x9b\x90j\x8c\xb0\xa0\xe2BN\xb5\xa1\x90\xc8\xf8v\x08\xfcT\xe8\xc1k@Pg^Z\xc4\x19=\x1f\xb4\x12\xba\t\x84:\x8bVR\x8b\xb3\xbc\xb2&lt;\xde|\x04\xe3\x1b[6\xce\xe3\x99\x1c\xab0\x9e0\xdc\xef_*\xf9\x0f_\x94\xf5\x94\x16T\x1e\x81M\xde\xe2\x93\xd4\x00\x8d\xed8\xa6\xc6\xc7w;\xa7\xb4\x04\xb8\x93,\x7fL/\x8b\xe1\x0e\xf8H$SV\xfdN{FsD}#\xfb\xf4\x16\xf0\x0f\x85m\xc9yZ\xc0R]D\xad;s\x16\xc1\x12\x8ch:\x15W\x90\xff\xf4\x85\xb8\x0e\xc8\xf2\xf2e8W\xae\x9c2$\x83_\\\x89H\xb0\xdd\rZ\xb0\xb8s\xa9\xd9\xb1\xe3[U\xe30\xa6\x97\xdf\xb5\xcf \xf8\xa4\t\xd4\xd3h\x86\xd2\r+r\xc9\x08\xdf\x98\xa2\x9e\xec\xfa\xb8\xa3\x1c\x99f5\xef\x00\xc2X\x14\x1ay\x0b\xa4\xba\x1e\xb3\xd0{i\xaeCg\x0f\xe5&lt;\x8a\xb7\xaa!\x95\x08\xc4\xf9\x96\xad$\xc7\x86\xb5\x89rkQ\xd4\x97]}\xa1\x1e\xe64n\xbf\x8b\x90\x9a2\xae\xb6\x8a\x1f\x14\xc6\x138\xb5\xce\xbe\x9eVT_n\x8a{\x85.&gt;\xe3\xd4s\x83\xc0\xd74#\x84\xbf\x11YB\x17$w\x7f#`\xdd\x14\x8c\xd6\x02\xf5XJK\xe7u\x05\xc4Sm\xb4\x0bD\xc8\xd7^nT\x97\xea\xdd^*b\xacI\xe1\xb2~N\xbf\xca:s\xb8\x17\xeb&lt;v\xd6 \x82\xc7\x1b7\x05uE\xcd\x05n\x1e\x1bU\xe4\xa7vT\x15\xb8\x10\xbeg\x91\x7f\xff\x85\xdb\xd4NL\xc6\xacJ\t\xb80\xe7\xe8\x81\xe3\xe3\x96\xf3\x11\x89Pf\x0bD;\x18W\xa4\x8e\xcf\xf4\xa5X\x94Rs\xac\xfaM\xf6\xa7\x8c\xc7\xba\xfb\xeb\xa2u\xdeR\t\xeev_\x06\xb7\xa8\x9c\xa2\xec\xe5\\\x9cVMMS\xb3\xfe\xff_\x98x\xb9\xd4\x0eww0Dw5\xd7H\x96a\xfb\xbe\xdc\xe4X\x87H\xa7\xd8\x12\x138\xac"x\xba!,\xdeI\xf6\xab\xfbN\xa6\r\xe9 \x81t\xbf\xe0w0o\xac\x01B\'\xbe\xd5\xe4Yun\xa2y\x0b\\\x0bz\xbf\x82\xbe\xa7\xb8|Rp\xc9\xc2\x93kBQ{\x8d\xf5z\xa9\xde:\xc2z)WU\xf4\x017\x1c\x8733\x7f\x12\x86\xc5\xdd\xbb\xf8\x1c\xc3\xc4\xd7\xcc\xcdS[qz#?|\xf3\xeaB\xc5\x03\xf1\x081\xb7\x87%\xc5\xda\xb3)*5\x07lk\x02\xe8N\x19\xdf\xd8\x12\xb4\xb7_\xa2\x84|!\xcf\x16@\x0c\x15$\xa0VO\xd6~\xd0\xe0\x85\r\t)\x1f\x9c\xa9\x89`\x10\x97\x9e"\x06W\x8c \xfbh\x13Dj\xd6Y\xd0\xe1"\x98\x1bH\x8d;\xf36\xaa\x80\xc6\xe8A\xbfu\xa7\xc4\xe9\xa8\xd0_\xcbq\x8e\x8a\xd7\x14|\xe8\xb4\xfc2\'\xa6\xe6z\x93\x7f`\x9f`\xd5\xf8\x15\xdd\xa7`#R\x18\xac\xe3\x1d\xb3\x10\x1c0\xcd\xf9\xe3(\x1bR\x06\x90TR\xa4@H\xf8Y\xfa6\xd2Q\x87\xad`t\xd9\x04\x996\x8c\x91\xa0\xda\xb2\x1cExrr\x8bu\x1a\xfa&gt;\xdb3GC&lt;y\xbay\xa9\x0f\x05:N\xcd\x8d\x8d\t)\x19\\\xa7|\x18"v,&lt;\x10|A\x1e\xd4\x19\xcdO\x1d%\xd3H\xf4Y\x96\xc6\xd9\xa7J/\xc3\x92\xee\x91\x9b[\x8ba\xe9\xe3P\xb9\xf0\xee\xafp\x91\xf3\xd6r\xbf7]\xda\xfb\xe0\xfd\xc9\xd80\xa7\xef&gt;\xf9p\xcf\xe9\x98\x8d\x15\xe0\x14m\'\x13\r\xff \t\x10W\x12\x8d\xbf\xfa\x85\x88v\xe0\r`\xbb\x88:mw\x01\xe2\xec\x98\xd9\x86`\xa1\rB\x7f\x87vM\xe8!\xee\xbf\x013\xc7\x86\xc8\xc90\xb9\x89\xac\x8f\x0fE$X\x04\x92\xa7$\xd6\xbc\xb4@\xc0\'\xff\xa8\xd38\xc1\x9c\xab\xc1N\xb4:7\xa3s\xb2\xe5\xb1\xe1\xa8cDv\xdc\xc4Le&gt;\xd8$\xfbF\x0f\x9f\xef\r\xd8\xb1h\x9b\xacN\xf7~#\xfc#\xb25yh\x9f\xc6\xef\x1ft+1a\x06W\xb6\x03.\x03A\x00\xbb.S0\xdb@f\xf8:\x0e\x82\xaa;\xb2\xce\xf1\x06\re\n\xdb\x1e\xdc\x16\x8c\xbb\xd5$\x00+Z]\x03\xab\x14\xf7\xb0\x02\xec\x91\xfa\xe1a\x86V\xc2\x1d|\x0b\xf1\x86\xd2\xd2\xb9\xf7\xd8z\x9b\xc6\x1d\xf7\xc3D$\xd6\x99;F+\xd3N\x05\x1d\x0b\xe4\xbc\x86484H\xa7]\x86\xbb\xe4\xf9\xdc{0ww\xa8\xde\xd3\x94q#\xc1k\xe2\x8d\x97\xd0V$\xc1\x04\xed\xf8_\x80\xcd\x8de\x01o\x91J\xc1k}\xbe\xc0\xf0\xc9&gt;-\x81h`\xe5x\xc5p\x83CveA\x91\x83\xb4\xb5\xc3\x80\xce\xc2\x92\xfc\xeap\xccsm\xdf\xd2\x87\x05\x11\nZ\x1f\x0f\x83\x13\x9a\xb2\xfdq\xc8o\xf1\x84\xe3RK\xfc\x01\xd5f\xd0\x1e@\x83jj\xc8\x9a\xc5Fk\xe7\x87\xf2=u\xf6[&gt;,\xa6\x1a&gt;\xaa#\x86\x83\x03\xad\x04\xd5\xf9\xad\xdd\x07\x03\xcf@\xb4Y\x98\xba\xbf8RD\x83\x99\xdc\xdcDJ~\xc5V\xa4\xbc\x9d\x97C\x06\x0c\xc1\x91\xee\x15+\xe4\xfc\x08\xcd\xd1t\xba\xbf\xbb\x13[\xfdEw"\xcfB2L\xf42*\xf9\xee%\x92\x86?"\x85\x84[n\xcd\xa7\xb5\xcc\x90=\t\x8d+z\xc7\xd1\xbc\xc0UMw\xd3\xfd\xefs\xffa\xe5\xd4\xfc\xf53\xd5\xc05\x94\x81\x0b\x80\xca;\xfcG\x18\xfc\xda\x81\x84i\xf8\xad\x8fdP\xf9\x1e\xe2\xf4\xbc^=\xc6\xaa\'\xa1\xa7i\xb5\x9bq\xb7\xe9M\x90\n^\x11T\x0f\xf9\x9e\x90\x1a\xc5w\x85U\xb6\xbc\x88\xca4\xe8\xb1\xd5\x1e}\xf6\xed\x1d!_\x82E\xaf\x04 \x1e\xfe\xdd\x9b&gt;\x0eQ\x97&lt;q\xdd\x83\xa0\xd8W\n\xbb\xe3j\x83\x15\xd91,\xa5S\xdf\xa4e\xa8\xa4\xfc$'</t>
  </si>
  <si>
    <t>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</t>
  </si>
  <si>
    <t>b'9\x1c\xbc\x82\xc4w[)\xadY\xa4qv\n\xf4\xa5'</t>
  </si>
  <si>
    <t>ed more solemn like; and then, says you, Ben Gunn 
 was short-handedâ€”no chapling, nor so much as a Bible and a flag, you 
 says." 
 So he kept talki</t>
  </si>
  <si>
    <t>b'f\xc4\xcbRX\t\xa8O\xefGU\xc4\x7fM\xd4&amp;\x9b\xde\xc9\x9a(*\xc6\x0f\x0f\xe2\x88\xf8\x05\x81S\xd1&gt;&gt;\x1bF\xc8\xc3?\xf8\x1a\xcd\xbd\xb38\xf0H\xcf0/\xd0f&amp;\x19\xf5\xa4\x8f\x01&gt;\xd7\xbf\xa4\x82/l\xc4\x9a&lt;~6\x89pkq\x14\x84c\xa5\x91U\x84\xf4\x91"\x18\xb8u\x00\x9d\x14`\xfb\x9e\x1b\x81\x15\xc0\xa8\xa1\xa1?\x0f\xa7\xee\xca\xe0\x93\x96\xc5\xb9\xa0V\xab\xc6\x07.\xc7\xa9\xcf\x9cL/\xdaP\x12$\xd2\xcck\tm\xc5W`\xd7\x8f3\x80\xb5Bx^:m\xcc`5`R\x95\xe9\x04w\x05\x15\xd4*\xa1&gt;\x9e\xb2\xfc\xbe\xf8\xac\xaa]:U\xce\xf9@&lt;~M\x13#\xefa\xed\xf5F\x82\xd0o\xf2\x90E\x9b\x0fq\xce\xb7\x0fnq\xc6;\'\xa0\xde\xb4n4\xdc\x83P&lt;\xf2\x0e\xd4\xf40\x13,\xb0\n\xdb\x02"4\x16a\x85\x9f\xee\xb7\xe3\xabA\xc4Y\xb8\xbc2aw\x89#\xac\x0bS\xcat\x91n\xaa\x1f-\x99YdU\xc3+\xf4i\xbc\xe4J:\xbe\xd5\xf0\'\xad\xd8\xc5GC-)\x03*:v\xb7\xf1\x1e\xfe\xa5\xba\xe0\x8c&lt;-\xae\xbe\xda\xce\x00H\x81\x8f\xbcn\xf2\x86\xb9|\xe8"\xf3?\x8a\xe5 \xd1\xbe\xbd\xf9\xd7;D\xf4A9",\x9c\xdbBz\xf1\x03\x17\xdbL\xd2A;w\xbd\xa4ut\xe88]\xd0*\x05\xe7\xa67\xad\xf7\xf9\x16\xf7\x0f\xe7\xf4K\x86\xe4C\xb7"\x10g\x9a\xe6^H8j\xc7\xe5;\xfaG.\xf9\xe2S\xe3\x95\xb1\xa8f\xe2\xafC\t\x7f1\x0b\x86H\x16ta\t\xda\xa2\xd1\x86Q\xbc\x86\x7f\'\xcf_\xb7\x1d*]\xa93Mb^\xaf;BM\x1eF\x01CRP\xae\x1bU\xbb\x98\x95\xf1-\x08s U\x1d\xfc\xac\x03\x9c=\xf3\x01\xad\xb7W5\x1a\x81\xa6y\xd5\xb9\xc2R\x9c\xb5\xbe\xf5\x9e\xe1\xb1\x8a\x15\xd4\x12\xb4\x8e\xc6O\xca\xd7\xc9&gt;\xbe\x83/\xfe\x0f\x84`yf\xd0\xce\x1c\xd84\xb7]6~\x18\x10\x93\xa1I\xc25u\x18\xd2LH\x11\x85;\x8f\\\x17_'</t>
  </si>
  <si>
    <t>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</t>
  </si>
  <si>
    <t>b'f\xc4\xcbRX\t\xa8O\xefGU\xc4\x7fM\xd4&amp;'</t>
  </si>
  <si>
    <t>ckon."
"Did you feel as if you hated people?"
"Yes," answered Mary without any affectation. "I should have detested you
if I had seen you before I saw the robin and Dickon."
Colin put out his thin hand and touched her.
"Mary," he said, "I wish I hadn't said what I did about sending Dickon
away. I hated you when you said he was like an angel and I laughed at you but
â€”but perhaps he is."
"Well, it was rather funny to say it," she admitted frankly, "because his
nose does turn up and he has a big mouth and his clothes have patches all over
them and he talks broad Yorkshire, butâ€”but if an angel did come to Yorkshire
and live on the moorâ€”if there was a Yorkshire angelâ€”I believe he'd
understand the green things and know how to make them grow and he would
know how to talk to the wild creatures as Dickon does and they'd know he was
friends for sure."
"I shouldn't mind Dickon looking at me," said Colin; "I want to see him."
"I'm glad you said that," answered Mary, "becauseâ€”becauseâ€”"
Quite suddenly it came into her mind that this was the minute to tell him.
Colin knew something new was coming.
"Because what?" he cried eagerly.
Mary was so anxious that she got up from her stool and came to him and
caught hold of both his hands.
"Can I trust you? I trusted Dickon because birds trusted him. Can I trust
youâ€”for sureâ€”for sure?" she implored.
Her face was so solemn that he almost whispered his answer.
"Yesâ€”yes!"
"Well, Dickon will come to see you tomorrow morning, and he'll bring his
creatures with him."
"Oh! Oh!" Colin cried out in delight.
"But that's not all," Mary went on, almost pale with solemn excitement.
"The rest is better. There is a door into the garden. I found it. It is under the ivy
on the wall."
If he had been a strong healthy boy Colin would probably have shouted
"Hooray! Hooray! Hooray!" but he was weak and rather hysterical; his eyes
grew bigger and bigger and he gasped for breath.
"Oh! Mary!" he cried out with a half sob. "Shall I see it? Shall I get into it?
Shall I live to g</t>
  </si>
  <si>
    <t>b'\x90\xe0\x14\xff:5H\xb8\x8fB\xb0\xe6\xf90\x9e3\x80\xaa\x95C\xc0\xaa\x81;\xa64E5\x1f\xec\xaf\x86\x8c\x11\x1b\xfb;+\xbc\x90);\x7fx\x8d\xf2i\xa2\xd7\xba\xea;9\xd1\x899\x07+\x1b|\xf6\x87\x89!\x1cQ~J=\xd9M\xc5u[=\x82\xb3\xd0jD\x17k\xc3\xe1f\x02ZP%\xa4\xc1n\x1d\xd6\x96\xb9oJ\xa9\xa8mP\x8a\xaa\x98\xfe\x02\xe1\x17zi\xcf\xf0\x9b\xa2\x1a\xe6p\x83\xcd\xbd\x1f`\x85An\x11o\x1a\xf1g/\x99\xa4\xf7\x10\x97\xe2\xa40\xdb\x10]\xa1D\x10\xcb\x7f\x18*2V\x0b\xe5\x88\xa2q\n\xeb1\x9c\x15\xa1W7\x10\xe1\xa4&lt;\xa2F\xa4\'\x8d\xb8io\x04)I1O\xda\xd5\xee\xdf\x96\xd2-\xff\xbbd\xae\xac\x11\x16\xf8l2\xf0P\xea\xf1\xb3Q\x155@LYkz\xc3\x9f\xc6\xd9\xbb\xba\xba30\xde\xd81\xa0\xaf\x8a\xdd\x7fg\xe9\xba\x99d8d6h9W\x1ccW\x12\xddUX\xc9J\x9dr\xf4&gt;\x03\xcef\xcc\x12`\xcd\x84a\xf7\xb93\x13\xea\xb6\xe1\xc1FETP\xff\x96\xe9H\xe4\xfcyA52o_.\xea\xa9\xd9\x0fr\xfb&lt;xQ\x10\x9b\x94\x01\x1e\xac[\x1d\xc4\xbb^\x7f\x1d~H\xab\xda\xdc\x9d\xbe\xad=~K:\x1a\x04"\x8c\xbf\xbcG\x9e\x14\xa2\xbc\x8b\x13\xaa\xb4\x94\xd3\xa9LV\xcf\xd4\xd2S\xd4\xc55\xfbi\xc0\xac\x03\x0b\xf7\xadOn\xf5\xf6\xf9\xc3\xddE\x8a;`\x89\x1d~\x99\x8b\xd3&amp;K\xec\xc4\x89\x07n\xa5\x9fcd\x80\xe3\xa2\x03\xf4DQ\x03\x84u\xb9\xcd\x0b\xfe\x0cS\xcf?\x08Q\xbc\xf36xs\x85\xbc\xa8\xdc5\xbb\\\xd6\x9eP\xb1\x8e\x94Z\xcd\x92\xd7\xd0\'\xa5:Ck\xd4\xe97\x81\xd6\x89\x9f\xcf\xf4?k\xcc\xc9v.\xd1\x8f\xfb\xae\xae\xa98\xdd\x97\xfas\x80l\xe25j\x10\x9d?~\xcdw\xf4\xcb,&lt;\x18E2\xfcr\x05F\x16GF\xcdy\x0bg\xf0\x004\x8d\x1e\x8c\xe6\x12\xd7\x92\xc6\x10b\xd8\x00$\x0bpy\xea\xb6B-\xce`\x19c\xbd\xb3&amp;\xdb\xba\x87\x16z*?\x1b\xedPW\x91\xbbW3)\xce\xf6\xa3[\xb8\x97j\x1d\xe9\xf3\x1d\xa8\x8f}\x12\xbem\x1f\r\x80K2\x1b\xc7:;9\xb8\xac\xd3\x8f|\xf5}\xf4P\xa0\x1b\x8e\x9bG\x7f \'\xa2\xe2s\xd8\xa5\x82;\x14\x1b\x05\\N1\xda\x90K+\xed\xe4\xe5\xe8tPH\x18\xa0\x03\xc9\x9b\xf8\x17\xc5\x0f[\xe8\x97\x81\xdb\xdf\x98\xb2\xe9\x8b\xca\tH\x16\xc3\x18\xee\xe4\xd9#\x18B:\x00 C\n\x0bQ\x1d\xbb\x18\x88\x8eIN\x9b\x80}\xe8^\xd4\xa1~d\xaeY\xac\x7f\xfd-\x83\xae\x96\xae\x17\xec\xdc~@2\xa1Ruf\xc5\x7f=\x11\xc3H\x8a\x92[`\xe8!`\xf8~q\xc4\xaeL,\x174Zu\xa3:\xa1\x89G\xfe\xc1\xc6\xc6\xc0\xef\x94\xa0\xcb\xfe\x11d\x86\x95T\x13\xf7\xdf&gt;\x84~\x86\x1fS|2\x8a\xc1\xacx\x7f(O\xaf\xe3\xbe]\xf4\x1c\xa15\xe1*\xbf\xc7k\xd6s\x91\xe6&amp;\x19\x8b\xe7\x07\xfb\xaa;\xcc\xe8\xbf!E\xd9|2\x8a\xc1\xacx\x7f(Q\xdd\xc0\x970|\xcb%\xc3\x05\xc6Bh\x1e\xe0\x83\xf3x\xc3\t\x94%\xace\xee,\x87&gt;\xc8\xc3\xeb\xfa_\x15\xcdob\xf9\xb5x\xa7X\x81u\xb4l\x84\x1b}\xf5\xad\xbd(\n\xb4\x81\x04\x96\xf5\xc9\nS\xd4\xa1iZ^\x95`\xe3\xdaN\x16\xdd\xd0\x7f\x1b\xa9Q^XP\x00;\xf0 \x84e\x0f\x0e\x98\xc2\x92"A\x10\x95\x12\xe1x\\\xdb,\x8e\x86\xb1\xbd\xcf8\x15o\xde\'K\x8a&lt;\xd7\x9cN\x17*M\x97\xc8OW\x9f\x07\xbck\xb6\x1b\xbe\xe9\xcem\xd2\x921\xbc\xefH\x9a\x82n\xc3\xee\x88\xbdA/\xc4\x11\xfe\xcdd\xd8\xc9\rJ\x1a\xbeyT=\xc3\x00\xd1\xd0DZ\x83\xb0\xfd\xe1\xdb\xa3\xf5\xbbm\xe8[\xde\x11?\xe0\x9e\xdc\x12\xf1\x9a\xe2V\xfan\xdd\x95\xdb\xdd\x04%-PD\xefG.`\xcc\xabP\xdc\x80\xe9\xb1\xb2\xd6\xcb\x1a\x17\x9c\x8c{9fe\x07\xb8o\xb8\x1anO*\xe0\x84\x03\xabJ\x86E\x8b)\x8bx!\xec6jK\x15\x9eUS\x12\x8cV\x1a*m3E\x0c\xfd\x19\x19\xcd\xc2\x99\xad\xc0\xb3\x0bo\x9b\xd0BT\xb2\xc2\x93e\xa2*q\xac\xe3]I\xc1)\xa5\x08\xafF,\x8e[\xcfO\xdcm\xc2\x1e\xdf\xf3 ai;"\x13\xf3\xbcN\xaa\x8cm\xf8\'\xce\xf20\xb0\x90T\xba\xc3\xe5&amp;D\x96M\xc3\xc9\t\xaa\xe2e\xab\t-\x98\xe4\x17\x1ch\xe4\xdcP\xfca\xab2\xf5\xc6\xc7B\xf85\x0c\xd1o\x9c\x91\x9c\x1f\xcd"z9\xa5\xbeG\xbd\xa9\xff\xc4\x18b..c\xc5\x1b\'_\x04\xe6\t8\xb2\\k\x12\x1c\x17\x93:\x98_\x13\xaf\xac\x18\x9fy\xb4s\xfb\x1cO\xc9\xdb\x17%\xf3\x84\x82\xc3\xbd#@\x12\x82hB:}K=\xa5\x9d\xf3\xc2\x83\x81\xcct^\xab\x06\xd3\xf6f\x00\x87.\xde\x94\xd2\xcd\xb2#\xe6\xeb\xb8\x17\x82\x92[e\x07@\x14V99\x11\xe2b\xb2\x15\xefJ\xfdr\x06\xbf\xb5i=9\xf1\xfe\xee\'\xf3b\xb3\x08q\xce$\xb9\xce\xac?\x04\xdf.\x10\xab\x9e\xc7=\xe1\xfd\xc50\xf5Z\x8c&gt;\xa5\xe2\x1cPZ&lt;\xbb\x1d\x17\x8c\xe1\xce\xa2\xd2y,-\x9fz\xfdE\x14jf\xdc\x1cn\xf2\x0f\x95C\xdfO\x9b\x9c{,E\x997&gt;\x9cYysO\xe8\x0e\x991\xfd\xf6Z\x1f\xbc\xcb\xb1\xae\xf12\xc6\x12\n\xb0;\xaaj^\xb8\xb4\xf3\xcdu\xa4\x1a\xe5\x08\x0e\xad\x83U\xbf\xd40h\x0f\xed\xf7\xce@\xc6E\xad\xf5\xcf\xb6\xef\xc8y\x8aH\x92\xc2mP\'\xc7\x80\xb3\xde\x05\xdd\xd3\x057i\xf5g\xadd\x9f\xce\xa2^\xc7\xf8\x83\x930U\xbe\xfab\xd5\x1dn\x0f\xd9\xce\x96\xa9\x89\r\xefJ\x0fvsa\x83%\xed\xa5\xe9\xe8\xfc\xe3\x8ad\x0c\x94\xe8Xe\xe7\xc3\xba\xf4\xe9\xc2\x9b\xf4Nk\xb4\xc1\xc0,`\x83\xfd\xdbcE\x87d\x88\x00\x0c\x1a\xaa\xb2|V{r\xa8\xb3\x9e\xc9N\xd2T\xb3\xbf\x946\x84\x9fc\x80/&gt;\x99\xdd\x8e\xee\x90\xda\xa33;\xdc\x96\xa0o$D\xae\xfe\xa3Cp\x96\xc5\xdcH\x9c\x96\x1fc=\x0bx8rT\x7f(\x9b;6\xfa\x82\x00\xf4\xfb\xff\x8c\x03\xf7\xc6\xdb\x8b\x1e\xd3\x1f J\xdf\x86c\x97;\xd3L;\xcb\xcf\xd2G\xc3\xac}1ES\xc7\xc8C#\xac\xe1\xb4KL\xb22\xbdN\xe6h\x1d\xa5=6*,j\xe5\x0c&amp;\x1bQ\x04G\xd8f\xe4\xc9\x9b\xf7\x06P\x07\\\xc6\xc73-\xb7\xec\x19_\xc4\x04s\x93\x96^\xfc.\xac\xfc\x96\x81\xe13\x92\x1d\xe2c* J%\xb3\xd9\xd0\x95\xb0\xa9\xac*m1\x95\t\x80\xf3A\x10Z\x86D0\xe9\x9cn\xed\xa9`\'\xe0\x04\x05J\\x\x80\n\'\xfc\xa7rN\xb68\xa3\xbdD\x08~D\xaf\x13\x0c#\x06jS?\x9c\x83I\xee*k]\xe5U\x8e0D\\\x10\'\xd4\xe7\xcc\xe1%\xf0\xc1\x9bj\xa9\\\xa5i\xe8\xdd:\x8etE\xcf\x0c\xa7c\x8f\x16\xcd\xfc\xee4\x00{\rz\x19\xc3\xeb\x15\x1d\xbe\x1a\x85M \xf1YXi\x1d\x08\xadY\xc8\xd7\xf25\xefk6\xe1\xf1\xd1\xfew\xa4\xf5\xed+\xc8V\xa8+\xb3\xb6\xa7\x97,\xe2\x01e\xb3\xb1\xeb\xbc\xa6\xc0\xdc\xb8Z\x8c\xf5{Eak?R\x13\x88\x02\x81l\x9f\xd1\xd9U\xc2\x08\x81l\x9f\xd1\xd9U\xc2\x08\x8b=\x9c\x91\xb7y\xe4\xae\xd2=\x1b\x9c\xd2\xd5\xa8\xb21r\xe9\xba\x03\xc1\xaa\xfb\x1c\\\xedS\xdf\xa5^\x97\x1b &amp;\xb2joV\xbc\x94\x84j\xe6\x02&lt;g\x1bc9v\x1d\xf0W\xe4ed\xfc\x9d\xae\xf5\x88\xc5]\xd9\xa5\x17%\xd8\x03\xa9\x88\x93\xe1\x7fhV;f6\xb6E\xf7v\x17\r\n\xe9\xf4\x06\x02j\x8a\x96g\x9d\x7f-\x83a\xfa\x05\xb6\xa0\xe3G\x01\xaf\x04\x03\x8c[\x13\x84/\x90\xd2\xa8V\xa2$\x8eU34\x04\xd7F\xc2\xea&gt;q^\xf1\x0f\xbfAhN&lt;\x05\xf2\xba\xc5\x00\x95\x8fI\xb7\x98Q\x90\xd8=^\xef\xef5\x1f\xc2\xd9Rp\x1f-B\xc3\x83\xee\x92\xa3\xd9\x17i\x84\xc06Xlg6\xd0\x89\xe9Z)\x01\xf0\xd2\xeet\x86&amp;\xb4C\x8a\rvb\x94'</t>
  </si>
  <si>
    <t>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</t>
  </si>
  <si>
    <t>b'\x90\xe0\x14\xff:5H\xb8\x8fB\xb0\xe6\xf90\x9e3'</t>
  </si>
  <si>
    <t>n children learn,  
about the importance of,  
sanitation, they can influence,  
their families and communities,  
to adopt better hygiene,  
habits. Community participation is,  
crucial for successful sanitation,  
programs. Community-led total sanitation,  
(CLTS) is a widely,  
used approach that involves,  
the community in identifying,  
their sanitation challenges and,  
developing solutions. This approach,  
encourages behavior change by,  
empowering communities to take,  
ownership of their sanitation,  
needs and discourages open,  
defecation. Sanitation is not,  
just about building toilets,  
or sewage systems; it,  
is about fostering a,  
culture of cleanliness and,  
hygiene. Sustainable sanitation solutions,  
involve not only infrastructure,  
but also long-term maintenance,  
and proper use of,  
facilities. In some areas,,  
innovative, low-cost sanitation technologies,  
are being developed to,  
meet the needs of,  
communities. For instance, composting,  
toilets, which do not,  
require water, are being,  
used in water-scarce regions.  
These toilets safely treat,  
human waste and produce,  
compost that can be,  
used as fertilizer for,  
agriculture. Biogas digesters are,  
another innovation in the,  
sanitation sector. These devices,  
convert human and animal,  
waste into biogas, which,  
can be used for,  
cooking and lighting. This,  
technology not only improves,  
sanitation but also provides,  
renewable energy, benefiting the,  
environment. Sanitation is closely,  
linked to water access,  
and hygiene. Together, these,  
three components form the,  
WASH (Water, Sanitation, and,  
Hygiene) framework, which is,  
essential for public health.  
Access to clean water,  
is fundamental to good,  
sanitation. Without safe water,  
it is difficult to,  
maintain hygiene and sanitation,  
practices. Many regions of,  
the world, particularly in,  
developing countries, face challenges,  
in ensuring access to,  
clean water for drinking,  
and sanitation. Contaminated water,  
is a leading cause,  
of illness and death,  
in many parts of,  
the world, particularly among,  
young children. Waterborne diseases,  
such as cholera, are,  
prevalent in areas with,  
poor sanitation and limited,  
access to clean water.  
Improving water supply systems,  
is critical for achieving,  
better sanitation outcomes. The,  
Sustainable Development Goals (SDGs),  
adopted by the United,  
Nations in 2015, include,  
a target to achieve,  
universal access to clean,  
water and sanitation by,  
2030. SDG 6 specifically,  
focuses on ensuring the,  
availability and sustainable management,  
of water and sanitation,  
for all. Achieving this,  
goal will require significant,  
investment in infrastructure, education,,  
and policy changes. Governments,  
and non-governmental organizations (NGOs),  
are working togeth</t>
  </si>
  <si>
    <t>b'\xfcJ\xeb\xbb\xb5\xa1\xa0\xf3\xaf\xf5\xae\xcc\xd0\x1c\xfd\xf0\xee\x84\xf3\xe6\xa3S\xe7\x18g\xeb\xbf\xe8&gt;\r\xfb:g\x887WOaX\x02\x8a\x1dwh\x84\xce\x9a9+\\\xbf\x97tD\x8a\x90w\xe3F\xc7\xed\xc1M\xbc\xaf\x87\xbbt\xfe\xeb\x1erb@\xb0\xcb2\x85\xd1\x97\xf1g\xdb\xa4R\x9d\xc6d\x1b\xe1I\x8ah\x1d_\xd1\x81\xd5\xf0\xca\x15\x97\xbf\x9d\x92\xe0\xd4\x03N\x92\x17\xb0U\x10\xf1\x82\x96\x1e\x02\x9e\xc6"\x8d\x85y 6\x92=\xcf\xc75\'\xafA\xb4\xd0PH\x0f5\x8b\xcb@Q\xa5\xa5l\x1f\xcb@\x91c\xf6\xb6&gt;\xbc=\x96\x08\x8bn\xb9G\r\x1f8\xb9\r\x82\x17C\xaf\xa7\x9c\xc6\xbbkRT!\x83|\xb0}S\xfdY|\xa6\xd5\x17:\xd0\xf4\xbd{\xde\xd2\xc8\xf2\xa0O\x82\x98\xc0\xc85\x9c-c\xef6(\x81\x08\xd5\r\xd2\xc3 a\xf4\xc8\x04\x1dJth\xf1e\xfcm\xca\x90\x86\x995\x98"g\xc4G5e\x9a\xf98\xa9\xe5\x9d\xa3S\xaaH\xea\x80\x8a\xe0\x9cBPj\xfc\xea\t"\x9e\xf4$\xc8\xd5pjl\xf5\xe6\xa1\x8c\xbb\xdcR\xa1L+\xe4\xacb\x02)--J\x1f\xe3J\n\x08\x0f\xc4\xbc{\xf7\x17\xbc\x16\x02\x9d\xd4\x90\xb7\'\x89\xb8-\xd8\xf0\xd0Y6\xb3\x137\xda\x8b\xce\xf8B\xad\x97%\x10\xec\xc9\xa6_\x97a\x04\xd4\x1aS\xad\xe0\xc3\xb0\x1cL\xcf\x1f\xaf*&amp;\xf8+\xb5\x8fM\'ybI\xe7w\x94\x95daS\x1cMA\xaf_\xa5\x02fQoo\xf6\xc0m\xd1~5%\x1f\xb0p\xc6s;\xc5\xc1HN\xbf*\xf7B\xba\xff\xe2\xaa\xc2\xde\xe6\x8a\x1e\x05Z\xa4\xcd\xb0\xddcb\x8e\x12\xc2\xef\xda\x08\xdc\x1b\x11\xf7\xaa\xd0\x8a\x10\xf2\xca\xa4\xa9\xe012&lt;A\xa5\xfd\x93o\xb1^\xd4\xce\x8eK\xb5&gt;\x80\xdd4\xdf\x80E\xcch\xa3lZR\xcc2\x112\x86a\x00U+\xd4\xeb\x82F\xc15^M~p\t\x1e!V\xd0X-Q\xf2\xc4&lt;MA\x0e\xc6Yq\x8c\x95\x1c\x00\x8c}\x11\x19\x033\t\xe7\x88\'\x04\xbd&amp;\xc6\x87\xba\xc7\xd0\x0841\x99\x82F\xdb\xd6\x02\xf9\xff\xb8h\xbf1^\xaf\xb3\xe9`I\xd7\xd7Or\xf5\xe7\xeeEW\x01J`\xdc\x93\xb2\x15L\xdd\x18\xa2\xa1\xee\xad?\xcaD2C\x9b\x1aiL/`\xb1,I{\x1fh\xf2H\x9cg\xd3\x02\xb3\'?\x1d\xd1[\r/7\xc0o\xf11\x14\x1ab6P\xbe\xdc\x8cO\xfdxAh.!\x978\xa2d\xc7\x14\xa979\x1a$\xfc\x17?\'2\x8a\xf1\x15J\xba\x8c\x89\x84V\x02s3\xc1\x7f\xccT\xfa\x07&amp;e\x8e\x06}\x0f\xda\xbb\x8f\xa6\xf9\xd4=\xbd\x80\xe1Y2~.\x8a\x81uf\xc35AG\xa4\x80!{\xbd\xe8F\xb7&gt;Z\xfdJ\xd2\x89\xeb\x0b\x85\xdf\x14\xa0\x13\xf8\x1e~\x95(\x06L\xd0|kn\xadS\xcc\xdb\xf6s\xc81\xc3l\x93~\xc1\xd8kc\x901\x80\xa1&amp;\x1bjK\x8d\xae`h^\x81bT\xaf\xa5x\x1f\xe0\xa16\xcfB\x825\xe0\xf5\x14}\x91S\xce\x8b!J\x96u\xc8k\xe3k\xdbu?\xab\x1b\x1d\x96\x9fmr\x1c\\66\t\xe0I 2\xee\xdf\xaa\xd5i\xa6;K\x1fKXd\xf2\xdd\x12\x1e\xdeq\xc7\x88C\x0f\xa8\xed\xc4[K-R\x9b\x96l\x88#\x96$\x99/C\x8ccmp%\x17\xa8\x02\xa5\x13\x86\xe5\x9a\xa6rG\xe0$\xce\x9fp^\xf0P^Rz\x19\xd0\x06\nU\x81$\x95\x1e\x9b\xae\xc1\xc7)\x104\x94?\x81fM\xc7z\x13\xe1 \x10\xd6\x0e\xc2O\xec2\xe9:\x06\xb1Q\xf9(*M\xe9y\xc9\xa1}3\xea,.X\xf7MPY\xc4O.\xe3k\x88#p\x03B\xa4\xc8\xd1\xaf\x84}w3\xb3C\x111\xc8\x7f\x9467\x1eRy*\xfe\x8f\xd7$\xd6=\xe8N\x9a\xb7@t\xe9B?\xa2\x1f\x06S\xbc5\xe0\x91\x9aq\xbfZ.\xefr\x17;\xffU\x0f\xb3\x1c\x874\xc6E5\x93;J\xde\xebD\x93\x9c4&amp;\x04\xded0\xdd\xed\xd7\xd8!\xee\xa4Ok0\xfc\x86\xf4\x02\xb8\xb6\x8dtW\xbf\t\xbf\xd7\xa4|L\x0f$5g\x9e\xf8\xb0\xb1\xef\xdd\xb1\x9c\ty\xe7iK\x8b\xf2\x8c\xfd\x05\x8a\x7fLL2!\x97\xc6\x95\\\xf6\xbd\xde\x9e}\xb7\r\x97\xba\xf9rT\xee\xad\xdf\xc5\x0c\xd6\x82Wy\xaf\xea\xdcH \xeb\xda D\xf2\xe3\xbcgB\xb9W\x8az%G\xf3\xc9z$\x7f\xec\xa6j\x0f\xed,\xc3s\x0e\x15\x82\x1e\xc7\xa6|Z\xeaw\xcf\x1a\xdd\xa0\xa2=w\xebeb\xd9\x1a5e\xaai\xebMp\x12\xca\xe5\n\r\xbf%&lt;\xa5\xef\xec\xf72\xfd\xa4\x1am\x00*\x83q\xed\xd5R5\xa9vr5\xc6\xc9t\x14)\xda\xba\xe6-\xb3\x8b\x8e\xce\xb3\x12\x86h\x8a\x03NN\xdf\x9f\xb3\xca\r\x04\xb0W6\xe4.\x80\xd5\x8c\xf1\xb1P\x1f\x164\xa5\xbd\r\x06\xc0\x88/j\x0f\xf9\x05:\x7f\xd7\xfb\xfbCT\xd4\x1c\xa0G\x8d\xfd\xb5v\xffr\x93N\xf3\xe4\xcb\xbcS\x86"Trx\xea\xd0$b\xe7\xb4&lt;tp\x07\x9d6\xfaK\x17:\xffv\x96\xcdc\xb3\xdc%\xd7\x842\xd1\xbb\xb0\xf4\x01\xa1\xe4/\x10\xaf?\x9eNS\xf3\xb7q\xbd8cl\xac$\x89\x9f\xc4\xec_lR\x1d\x04\xdd\xbb&lt;\x99&lt;@\xb4\x92\xc8O&lt;\\\xbc@\x7fG?\xea\\dM\x85Eg\xd6\xbezL\xd3\x97\xd0\x12xK\xf3\xf8\n\x91\x8b\x8eOd\x95\x90\r\xb4\xd2\xc3\xea\xe4Z\xcf\xf2\x89\x8e\xe2\x84VC\xb4\x9dB5\xf2\xb3\xc4T\xf7?\xca\x8f\x86&lt;\xb8\x8dC{W&amp;\xf3\xe5\xfd\xd9\x83\xe9\xd7/\x86\xc0I(}\x1a`\x80Z\x9f\xc4\x00J y\x1f/\x9a\xe7\xf7\x87\xb5w\x19\xed\xf6\xfcO\x0e\x1d\x99\xb7\xfeEG|\xd0\xeb{\xa1\x16\xc9\x1e^\x99r\xc1\x07\xee\xfc\xc7\xdbk\x90\xf0L\x8cN}\xbcKU\xef\xd7I\xde\xb7\xda[\x91\xaf\xa8\x11\xed\xeb\xe5^*\xdc\x9e\x10\x9c\xbbK\xac\xb9\xa19D\xd4\xc9\x9d\x8e)\xe9\xf9$&amp;\x93\xa4\xcf[\xb7\xcc?\x1e\xbcVe\xf3\x8b\x8d=\xdb\xdb=&lt;\xcf\x91\x0c\x116\xa9\x9eXkW\x12\xec\x16\x0b\xf5\x02\x07\xcd\x00i\xcd\xdd\xb3\x9d\xae\xdb\xc94\xc4L\xe1l+z\x0b\\&gt;v\x89g\xde\x00\x96B\xea\xe1\x91V]\xc2\x14n@\xe9\x01\xf6\xafa\xec\xcc\x9fh{"\xce\xfa\xe3V^\x11\xa0\xce \xe6\x19+\x92 }\x99\xa0\n\xc8{d\x07\x07\xd8&lt;\xe9\x9e\x0cg(2F\xe3Y\x98\xb6&amp;\x07\x02\'\xce\x06\x9bk\xa3\xd6\x04,\xf7\x0f\xa0(4\xfd\xcb\x7fh\xfaJ\xf3\xe2\x156r\xcd\xa1&amp;\x84"4\xcc)P\xf4^\\\x1a\xca\xa4\x93\xa7\xbcPkC\xb2\xf8\x0f\x04\x11\xed\x88\xe0\x95&gt;\xfe\xda\xd7_uPA\xfa\x8cP\xe0\xba\xe7\nk\x8e&lt;\xbe\xb3\xf6X6\xa2\xf8\xe6\x06\xead\xcc\x7f\xea1\x17\xe8\x87\x08HT\x86\xc9E\xe1\x9b\x00\xea\x08\xda\xaf~\x93\xee\xddF#\xd8\xb2\xe0\xbb\xb0\xc9)o\x83,\x1c\x83F\x8a,\x8d ,\xfeJ\t02\xf7c\xa3:\x9eW\\h\tqVaz\x92\x0b\xf88;@\xd4\x10\xef\xb4\x87\xae\xaa\x18R\x80\x12.\x05\xd9:Ol\xc4X\xc9\xb5h\x7f@\xd6\xbe\xa0|\xe1`\x08R\x9c\x8bK\xe0-\xc1\xba\x03rJG\xfc\xb9MS\x07\xc8vbE\xac\xb4\xe8Q\x1bXx\x03\xac\x84\xbc\x02I\x80J\xd5\xe8\xbd;U\xc8G\xac\x96kD\xdd\xc1\xec\xa8\xc6\xadeT\x0e\x0ep\xa3\r\x1dK\x94\xc8\x14E\x90\xafJ\x9b\xef\xd2\xd7 \xf0k\xfe\xdd\x0e.\xa2y \xf0p\xb5\xa9\x91q\xfe\xf8\xcc\nV\xf9z\n\x85~#\xebu,;\xaa\x84\xbf%\xd8\xca\xe7\x08\x11\xc1-\xf9\xc6\xdb,\x0c\xafB-\x06\x0c\x1aW\xb5w\x8b\xa9\x81\xe4U\x991\x02\x10\xbc\xb7\xf5\xc4\xea\x961\xcf\x0bE\xca\xabP\xe9M\xdc!$\x8b\x18\xad\xe8\x1a\xc0\x05\xd8\xf4;\x96?"yl\xe6@\x8eHqj\x1a\xa9\x1e\x9c\xcaT\xa6\xdcI\xb7F&amp;\x82Vc\x83\x05l\n\x93\x9c\x86\xdcpLd\x8e{qX\x80\x0c\xf0\xff\x9bi\x88\xafsp\x07@\xe2\xa5\x03\x87P0_\x7fS\xc9\x07Y\xcfX\x95\xc7\x9a\xb3\nz\x06\x18Sn\xa5F\xd4\x18\x99\x07p|\r\xecz5\xdb\'q\xa8\xa8Q&gt;L\xb02\xbbe\xc5Hj\xf3\x06\x90\x9f[p\xbf\xd2\xe1\xad\x90\x0c\xf0\xd8!&amp;\xbf\xab\xe2\xac\xea\xda\xfd\xe0\xfb\xe6\x9e\x989\xbc\x0c_\xae9\xe2\x18)\xff\xbd4\xf4\xbdM\x8cT\xe0\xab\xf9\xd7\x9a\x13\x94\xe9\x84\x918)n\xd4\x06,\x16k\xce\xbb,\xe8\xd6\x96\xf9&amp;\xe3\x1b\xfd\xbb$\x83Bk\x13\x13\xea\xc2\x0c\x94\x8dWc\xe8Y\x12\xaa\x86S\x82\xc9\x11I\xe4\x08\xf1\xf4\x04\xfcBm\t\x0c\xa7\xba\x1c:c\x13\xde?\x19&gt;\x81G\xd3`\xb0\xe9\xf8i\xa6\xc8\xc5@`\xd8\x80gi\x90"\xb0\'?e\xc3\xadC\x9c\x8a\xf8\x07\x91\x9f\xff\xc6\xc8\xc68\xc7\x9c#\xf1\xff\x95\xd4\xb1\x03\r\x92ww\x9e\xde\x84\x0f\xc6te\x12D\x85\xf1\xdf|\xdf8\xcc\x9f\xe2\x10\xd8o\x94\xde\xb7bi\tZ\x1b\xa7\xc7\xee\x15\xa8LS \xa1\xbf\xf1s6L\xfc\x04~\xe8\x87]\x9b\x99{\xf1`7\xeb\xcd\xdeQ:\xdd\xf4\xfc\x0f\xf9\x0c\x1b\x80\x82Jlq\xf0\xacu\xe2\xc9FL\x81\xcc\x94V\xf1\x8e\xb7_,Y\x9a\xfd.\xbd\x99\xc7\xdaC\x0e\x80\xb6\x8daPj.]z\x96\x94XE\xe4C\x06\xf8J@\xa8-\xec\xd9\xbc\xaa\x82e\xfa\x82\x05n\x0c\x8a\xc4\xbd=\x7f\x0e\xa2\xac7KT\xfd\x84\xe6:\x89\xe5\xdf\xd84N\x80\xff\x1c,\xa3\xae\xa2\x8b%\xbf\x03\x97\x8e\xd1s\xe7$\t\xfee\x1evw\xfe\xe1\xdfA\x92\x90\x17oO\x89\xf0\xe6m[\xc2*\xc5B\xd0Y\xee\x07x\x80\xb0\xf7\xcan\x03\xb5\xc8A\xd0\xdc\xa0\t\x88\xce\xe5\x928P\xb1\xad \x1e\xb2\xc80}\xbd^\xe9JF\xc7\xb8\xbb\x1d;$\x83\x1b\x91"\xec\xe1,\xfe\xbf\x80&amp;IX\x7f\xe3N\xb2\xc3\'=\x14$\xac\x8dtX\x95\xec\xd3T\xe4@\x9e\xed\x13\xd3\x0f\xb1\xa4Z\xad\r\x08\xa8\xe7\xafA\xdf\x99J\xb2\xe7\x02\xbf\x18\x99\xba\x7f\xf3\xee\xd8\xae&gt;\xe2#\x00o\xdc\xb5\xfe42\xc1w\x12u\x05\xaa\xe1\x1f\xed\'e\xa1}\xbf\x92\xb6&lt;\x89,{\xe6\x0c\xaf\x07\xd4z\x0cU\xc8\x11\xb3"\xec\x1as\x8c\xd3}E8\xd9\xcbT\rl\x82\xe2 $5(s\x90\x0b\xfbK\xe2W\xc5\x06\t\xeb\x89\xc0\xe8\xa7\xb1\xdbg\x1a\x82\xff\xf8\xa7\xa6\xfa\xc2Jg\xf3\xb6+&gt;\xc3/nD\xac\xf8!\n\x89\xf2c\xe7\x15\x8a\xd8\\^"&gt;\xffq\xeat\xf3\xef\x86E\x15\xd2*&gt;\xc1i\x83\xe6\x19a\xab\xa1#eJ\x9d%\xc8\x0f@a\xb9\xc5y\xf0\xf9\x97\x815\x82@\xef=L\x8f:\x1c\xde\rm\x83&gt;P5\xa7N\xcfJ\xa4\x11\xe9\x9f$\xecRR.\x9e\x8da?\x06\xf3[\x9f\xcc\xce\x15\x9eb \t\xf2\xe6jw/y\xb0`p]\x981\xf4)\xda\x11\x1aG]\xb0n\x97\xb9\x81\xf0\x8c\xc8t)\xe6\xbe\xd75U\xfa`d\xe3\xe6\x89M\xa5\x06b&lt;\xa9\x95*\x18.7\xc4:X\x9ag\xb9-\xe2\'\xc24QX+\xf0}T-\x05\xe4\x1e\x07ky\xce]\xc2\t\xc61\xe0\xb9\x91n\x12\xce\xfc\xed\xd9\x06N\xbcD]\xb6\xbc\xa5\x01f\xcc\x85\x8e:\xe7:866\xaa\xb9\xbe_\xa7)\xd1c \xfd#\xd1\xa5\xd5\xf8YPby\xa7W\xb7\xd9\x8d ;q\xb4\xc9L\xec\x91\n\nMA-\x18\xf1!R\xb3S\xc0\xce\xaf\x81n:\xd0\xbb\x9d\xab'</t>
  </si>
  <si>
    <t>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</t>
  </si>
  <si>
    <t>b'\xfcJ\xeb\xbb\xb5\xa1\xa0\xf3\xaf\xf5\xae\xcc\xd0\x1c\xfd\xf0'</t>
  </si>
  <si>
    <t>ct of Sugar Prices, 2006.
 208 PART TWO International Trade Policy
 Voluntary Export Restraints
 A variant on the import quota is the voluntary export restraint (VER), also known as a
 voluntary restraint agreement (VRA). (Welcome to the bureaucratic world of trade policy,
 where everything has a three-letter symbol!) A VER is a quota on trade imposed from the
 exporting countryâ€™s side instead of the importerâ€™s. The most famous example is the limita_x0002_tion on auto exports to the United States enforced by Japan after 1981.
 Voluntary export restraints are generally imposed at the request of the importer and are
 agreed to by the exporter to forestall other trade restrictions. As we will see in Chapter 10,
 certain political and legal advantages have made VERs preferred instruments of trade pol_x0002_icy in some cases. From an economic point of view, however, a voluntary export restraint
 is exactly like an</t>
  </si>
  <si>
    <t>b'0F\x02!\x00\x99\xd2\x8d8h[\x87{#!\x00\x96\x96Si&amp;\x1f\x13\x0e\xd4w\xf5V\xd9\x0eJ\x1d\x0bPW{`\x02!\x00\xf6,\xd4T\xa4\x83\x86:\x9c\xf6~!`\x1a\x9a`\xd5\xb0\xee-\x87\x17\xd5\x19\xb2\x81\xb7\x89\xb9V\x8f\x83'</t>
  </si>
  <si>
    <t>304602210099d28d38685b877b23210096965369261f130ed477f556d90e4a1d0b50577b60022100f62cd454a483863a9cf67e21601a9a60d5b0ee2d8717d519b281b789b9568f83</t>
  </si>
  <si>
    <t>b'0F\x02!\x00\x99\xd2\x8d8h[\x87{#!\x00'</t>
  </si>
  <si>
    <t>and vacant look on Annette,
 and, when she spoke, either did not hear her, or answered from the
 purpose. Long fits of abstraction succeeded; Annette spoke repeatedly,
 but her voice seemed not to make any impression on the sense of the
 long agitated Emily, who sat fixed and silent, except that, now and then,
 she heaved a heavy sigh, but without tears.
 Terrified at her condition, Annette, at length, left the room, to inform
 Montoni of it, who had just dismissed his servants, without having made
 any discoveries on the subject of his enquiry. The wild description, which
 this girl now gave of Emily, induced him to follow her immediately to the
 chamber.
 At the sound of his voice, Emily turned her eyes, and a gleam of
 recollection seemed to shoot athwart her mind, for she immediately rose
 from her seat, and moved slowly to a remote part of the room. He spoke
 to her in accents somewhat softened from their usual harshness, but she
 regarded him with a kind of half curious, half terrified look, and
 answered only 'yes,' to whatever he said. Her mind still seemed to retain
 no other impression, than that of fear.
 Of this disorder Annette could give no explanation, and Montoni, having
 attempted, for some time, to persuade Emily to talk, retired, after
 ordering Annette to remain with her, during the night, and to inform
 him, in the morning, of her condition.
 407
 When he was gone, Emily again came forward, and asked who it was,
 that had been there to disturb her. Annette said it was the Signor-Signor
 Montoni. Emily repeated the name after her, several times, as if she did
 not recollect it, and then suddenly groaned, and relapsed into
 abstraction.
 With some difficulty, Annette led her to the bed, which Emily examined
 with an eager, frenzied eye, before she lay down, and then, pointing,
 turned with shuddering emotion, to Annette, who, now more terrified,
 went towards the door, that she might bring one of the female servants
 to pass the night with them; but Emily, observing her going, called her by
 name, and then in the naturally soft and plaintive tone of her voice,
 begged, that she, too, would not forsake her.â€”'For since my father died,'
 added she, sighing, 'every body forsakes me.'
 'Your father, ma'amselle!' said Annette, 'he was dead before you knew
 me.'
 'He was, indeed!' rejoined Emily,</t>
  </si>
  <si>
    <t>b'\x1f\xda\x82\x9f\xaa@\xee(L\xc4m\x8frj\x0e_\xc2eY\xae\x92^\x1fM\x98\xf13\xd6\xdb\xb6\xf9\x0fT3\x9aA\xd6S8\xa8\x076.\x9f\xa2K\\\xbb\xf2\xa4\x86)\x00P\xcb\xb5\xead\xf2\xbc\xb1\xc4)!'</t>
  </si>
  <si>
    <t>1fda829faa40ee284cc46d8f726a0e5fc26559ae925e1f4d98f133d6dbb6f90f54339a41d65338a807362e9fa24b5cbbf2a486290050cbb5ea64f2bcb1c42921</t>
  </si>
  <si>
    <t>b'\x1f\xda\x82\x9f\xaa@\xee(L\xc4m\x8frj\x0e_'</t>
  </si>
  <si>
    <t>Montoni and his friends entered into
 close conversation, which was sometimes checked by the irascible
 temper of Verezzi, but in which Montoni displayed his conscious
 superiority, by that decisive look and manner, which always
 accompanied the vigour of his thought, and to which most of his
 companions submitted, as to a power, that they had no right to question,
 though of each other's self-importance they were jealously scrupulous.
 Amidst this conversation, one of them imprudently introduced again the
 name of Morano; and Verezzi, now more heated by wine, disregarded the
 expressive looks of Cavigni, and gave some dark hints of what had passed
 on the preceding night. These, however, Montoni did not appear to
 understand, for he continued silent in his chair, without discovering any
 emotion, while, the choler of Verezzi increasing with the apparent
 insensibility of Montoni, he at length told the suggestion of Morano, that
 this castle did not lawfully belong to him, and that he would not willingly
 leave another murder on his conscience.
 333
 'Am I to be insulted at my own table, and by my own friends?' said
 Montoni, with a countenance pale in anger. 'Why are the words of that
 madman repeated to me?' Verezzi, who had expected to hear Montoni's
 indignation poured forth against Morano, and answered by thanks to
 himself, looked with astonishment at Cavigni, who enjoyed his
 confusion. 'Can you be weak enough to credit the assertions of a
 madman?' rejoined Montoni, 'or, what is the same thing, a man
 possessed by the spirit of vengeance? But he has succeeded too well; you
 believe what he said.'
 'Signor,' said Verezzi, 'we believe only what we know.'â€”'How!'
 interrupted Montoni, sternly: 'produce your proof.'
 'We believe only what we know,' repeated Verezzi, 'and we know nothing
 of what Morano asserts.' Montoni seemed to recover himself. 'I am hasty,
 my friends,' said he, 'with respect to my honour; no man shall question it
 with impunityâ€”you did not mean to question it. These foolish words are
 not worth your remembrance, or my resentment. Verezzi, here is to your
 first exploit.'
 'Success to your first exploit,' re-echoed the whole company.
 'Noble Signor,' replied Verezzi, glad to find he had escaped Montoni's
 resentment, 'with my good will, you shall build your ramparts of gold.'
 'Pass the goblet,' cried Montoni. 'We will drink to Signora St. Aubert,'
 said Cavigni. 'By your leave we will first drink to the lady of the castle.'
 said Bertolini.â€”Montoni was silent. 'To the lady of the castle,' said his
 guests. He bowed his head.
 'It much surprises me, Signor,' said Bertolini, 'that you have so long
 neglected this castle; it is a noble edifice.'
 'It suits our purpose,' replied Montoni, 'and IS a noble edifice. You know
 not, it seems, by what mischance it came to me.'
 'It was a lucky mischance, be it what it may, Signor,' replied Bertolini,
 smiling. 'I would, that one so lucky had befallen me.'
 Montoni looked gravely at him. 'If you will attend to what I say,' he
 resumed, 'you shall hear the story.'
 334
 The countenances of Bertolini and Verezzi expressed something more
 than curiosity; Cavigni, who seemed to feel none, had probably heard the
 relation before.
 'It is now near twenty years,' said Montoni, 'since this castle came into
 my possession.</t>
  </si>
  <si>
    <t>b'\xe6\xed\xf8\xca{\x07^/\xb2\xf2\xf5V\x92v\x00\x10\xa9*X\x04).\xd1\x9e\r\x9a6\xa3\xad\x80{ \x02!\xd0u\x9e\xbc!\xfcpx\xf2\xa5=P\x86\x0e\xf5t\xdc\x84\xd8\xa1\x1e\x10\x0bT\xaa\xc5\xec\x1b\xdf\x80'</t>
  </si>
  <si>
    <t>e6edf8ca7b075e2fb2f2f55692760010a92a5804292ed19e0d9a36a3ad807b200221d0759ebc21fc7078f2a53d50860ef574dc84d8a11e100b54aac5ec1bdf80</t>
  </si>
  <si>
    <t>b'\xe6\xed\xf8\xca{\x07^/\xb2\xf2\xf5V\x92v\x00\x10'</t>
  </si>
  <si>
    <t>Ï‰n2 = 0.528Ï‰0 = 2Ï€ Ã— (2.64 MHz) (15.194)
 Q2 = 0.783. (15.195)
 If R1 = R2 = 1 k_x0007_, then (15.61) and (15.62) translate to
 C1 = 2.45C2 (15.196)
 = 2.45 Ã— (38.5 pF). (15.197)
 Figure 15.53(b) shows the overall design. The reader is encouraged to compute the
 sensitivities.
 Exercise Repeat the above example if capacitor values must exceed 50 pF.
 15.6 CHAPTER SUMMARY
 â€¢ Analog filters prove essential in removing unwanted frequency components that may
 accompany a desired signal.
 â€¢ The frequency response of a filter consists of a passband, a stopband, and a transition
 band between the two. The passband and stopband may exhibit some ripple.
 â€¢ Filters can be classified as low-pass, high-pass, band-pass, or band-reject topologies.
 They can be realized as continuous-time or discrete-time configurations, and as passive
 or active circuits.
 â€¢ The frequency response of filters has dependencies on various component values and,
 therefore, suffers from â€œsensitivityâ€ to component variations. A well-designed filter
 ensures a small sensitivity with respect to each component.
 â€¢ First-order passive or active filters can readily provide a low-pass or high-pass
 response, but their transition band is quite wide and stopband attenuation only
 moderate.
 â€¢ Second-order filters have a greater stopband attenuation and are widely used. For a
 well-behaved frequency and time response, the Q of these filters is typically main_x0002_tained below âˆš
 22.
 â€¢ Continuous-time passive second-order filters employ RLC sections, but they become
 impractical at very low f</t>
  </si>
  <si>
    <t>b'\x90hmQ\x1b\x05\x0cY\xc1\x97\x12\xaa,\xec$\x8d'</t>
  </si>
  <si>
    <t>90686d511b050c59c19712aa2cec248d</t>
  </si>
  <si>
    <t>irmly convinced
 that no one knew how to look after children except herself.
 Once a week Jane's nurse had her evening off; and then it was Wendy's part to
 put Jane to bed. That was the time for stories. It was Jane's invention to raise
 the sheet over her mother's head and her own, thus making a tent, and in the
 awful darkness to whisper:
 'What do we see now?'
 'I don't think I see anything to-night,' says Wendy, with a feeling that if Nana
 were here she would object to further conversation.
 'Yes, you do,' says Jane, 'you see when you were a little girl.'
 'That is a long time ago, sweetheart,' says Wendy. 'Ah me, how time flies!'
 'Does it fly,' asks the artful child, 'the way you flew when you were a little
 girl?'
 'The way I flew! Do you know, Jane, I sometimes wonder whether I ever did
 really fly.'
 'Yes, you did.'
 'The dear old days when I could fly!'
 'Why can't you fly now, mother?'
 'Because I am grown up, dearest. When people grow up they forget the way.'
 'Why do they forget the way?'
 'Because they are no longer gay and innocent and heartless. It is only the gay
 and innocent and heartless who can fly.'
 'What is gay and innocent and heartless? I do wish I was gay and innocent and
 heartless.'
 Or perhaps Wendy admits that she does see something. 'I do believe,' she says,
 'that it is this nursery.'
 'I do believe it is,' says Jane. 'Go on.'
 They are now embarked on the great adventure of the night when Peter flew in
 looking for his shadow.
 'The foolish fellow,' says Wendy, 'tried to stick it on with soap, and when he
 could not he cried, and that woke me, and I sewed it on for him.'
 'You have missed a bit,' interrupts Jane, who now knows the story better than
 her mother. 'When you saw him sitting on the floor crying what did you say?'
 'I sat up in bed and I said, "Boy, why are you crying?"'
 'Yes, that was it,' says Jane, with a big breath.
 'And then he flew us all away to the Neverland and the fairies and the pirates
 and the redskins and the mermaids' lagoon, and the home under the ground,
 and the little house.'
 'Yes! which did you like best of all?'
 'I think I liked the home under the ground best of all.'
 'Yes, so do I. What was the last thing Peter ever said to you?'
 'The last thing he ever said to me was, "Just always be waiting for me, and
 then some night you will hear me crowing."'
 'Yes.'
 'But, alas, he forgot all about me.' Wendy said it with a smile. She was as
 grown up as that.
 'What did his crow sound like?' Jane asked one evening.
 'It was like this,' Wendy said, trying to imitate Peter's crow.
 'No, it wasn't,' Jane said gravely, 'it was like this'; and she did it ever so much
 better than her mother.
 Wendy was a little startled. 'My darling, how can you know?'
 'I often hear it when I am sleeping,' Jane said.
 'Ah yes, many girls hear it when they are sleeping, but I was the only one who
 heard it awake.'
 'Lucky you,' said Jane.
 And then one night came the tragedy. It was the spring of the year, and the
 story had been told for the night, and Jane was now asleep in her bed. Wendy
 was sitting on the floor, very close to the fire, so as to see to darn, for there
 was no other light in the nursery; and while she sat darning she heard a crow.
 Then the window blew open as of old, and Peter dropped on the floor.
 He was exactly the same as ever, and Wendy saw at once that he still had all
 his first teeth.
 He was a little boy, and she was grown up. She huddled by the fire not daring
 to move, helpless and guilty, a big woman.
 'Hullo, Wendy,' he said, not noticing any difference, for he was thinking
 chiefly of himself; and in the dim light her white dress might have been the
 night-gown in which he had seen her first.
 'Hullo, Peter,' she replied faintly, squeezing herself as small as possible.
 Something inside her was crying 'Woman, woman, let go of me.'
 'Hullo, where is John?' he a</t>
  </si>
  <si>
    <t>b'B\xd6#\xcb\xdc\xe3|.'</t>
  </si>
  <si>
    <t>42d623cbdce37c2e</t>
  </si>
  <si>
    <t>t Salt Lake, where, in the midst of that fertile region,
 directly on the route of the emigrants who crossed Utah on their
 way to California, the new colony, thanks to the polygamy
 practised by the Mormons, had flourished beyond expectations.
 â€œAnd this,â€ added Elder William Hitch,â€”â€œthis is why the jealousy
 of Congress has been aroused against us! Why have the soldiers
 of the Union invaded the soil of Utah? Why has Brigham Young,
 our chief, been imprisoned, in contempt of all justice? Shall we
 yield to force? Never! Driven from Vermont, driven from Illinois,
 driven from Ohio, driven from Missouri, driven from Utah, we
 shall yet find some independent territory on which to plant our
 tents. And you, my brother,â€ continued the Elder, fixing his
 230
 angry eye upon his single auditor, â€œwill you not plant yours
 there, too, under the shadow of our flag?â€
 â€œNo!â€ replied Passepartout courageously, in his turn retiring
 from the car, and leaving the Elder to preach to vacancy.
 During the lecture the train had been making good progress,
 and towards half-past twelve it reached the north- west border
 of the Great Salt Lake. Thence the passengers could observe the
 vast extent of this interior sea, which is also called the Dead
 Sea, and into which flows an American Jordan. It is a
 picturesque expanse, framed in lofty crags in large strata,
 encrusted with white salt,â€”a superb sheet of
 water, which was formerly of larger extent than now, its shores
 having encroached with the lapse of time, and thus at once
 reduced its breadth and increased its depth.
 The Salt Lake, seventy miles long and thirty-five wide, is
 situated three thousand 11 eight hundred feet above the sea.
 Quite different from Lake Asphaltite, whose depression is twelve
 hundred feet below the sea, it contains considerable salt, and
 one quarter of the weight of its water is solid matter, its specific
 weight being 1170, and, after being distilled, 1000. Fishes are of
 course unable to live in it, and those which descend through the
 Jordan, the Weber, and other streams, soon perish.
 231
 The country around the lake was well cultivated, for the
 Mormons are mostly farmers; while ranches and pens for
 domesticated animals, fields of wheat, corn, and other cereals,
 luxuriant prairies, hedges of wild rose, clumps of acacias and
 milk-wort, would have been seen six months later. Now the
 ground was covered with a thin powdering of snow.
 The train reached Ogden at two oâ€™clock, where it rested for six
 hours. Mr. Fogg and his party had time to pay a visit to Salt
 Lake City, connected with Ogden by a branch road; and they
 spent two hours in this strikingly American town, built on the
 pattern of other cities of the Union, like a checker-board, â€œwith
 the sombre s</t>
  </si>
  <si>
    <t>b'k\xa2I\xf5\xf7D\xb7_\xe6\xee\xcf\xe6mT\xc2\x13\xec5\x91\xae\xeah\xd2\xfa\xf9.\r\xee[/1e'</t>
  </si>
  <si>
    <t>6ba249f5f744b75fe6eecfe66d54c213ec3591aeea68d2faf92e0dee5b2f3165</t>
  </si>
  <si>
    <t>b'k\xa2I\xf5\xf7D\xb7_\xe6\xee\xcf\xe6mT\xc2\x13'</t>
  </si>
  <si>
    <t>ure, 284
 Anderson, Kym, 243t
 Antidumping, as protectionism, 179â€“180
 Antidumping duty, 178
 Anti-globalization movement, 5, 239, 241,
 279â€“280
 Apparel industry. See Clothing industry
 Appreciation
 defined, 322
 exchange rate changes and,
 322â€“323, 343
 floating exchange rates and, 536
 inflation targeting and, 376â€“377
 rate of, 336
 revaluation and, 475n
 Appropriability
 defined, 259
 as justification for infant industry 
 protection, 258â€“259
 Arab world. See Oil shocks; specific 
 countries
 Arbitrage, 326
 Argentina
 currency board in, 644n
 debt crisis in, 632
 Mercosur and, 249
 reforms in, 633â€“634
 Arndt, Sven W., 397n
 Asia and Asian economies
 before crisis, 646
 economic weaknesses in, 639â€“641
 financial crisis in, 7, 641â€“642
 growth of, 265â€“268
 India, 267â€“268
 industrial policy in, 266
 nondeliverable forward exchange 
 trading in, 330â€“331, 331f
 terms of trade in, 123â€“124
 trade and growth of, 165â€“168, 
 265f, 266f
 trade policy in, 265â€“268
 Aspe Armella, Pedro, 635n
 Asset market equilibrium
 with fixed exchange rate, 471f
 output, exchange rate and, 432â€“434, 433f
 in short run, 432â€“435
 Asset returns, 329â€“332, 334
 Assets. See also Asset returns;
 International trade; Portfolio 
 diversification
 defined, 306
 financial derivatives as, 311
 gross foreign assets and liabilities of 
 industrial countries, 609t
 restrictions on bank, 596
 of United States, 313â€“316, 315f
 Asymmetry
 floating exchange rates and, 531
 in Germany in 2000s, 575â€“577
 regulatory, 594
 reserve currency standard and, 484â€“486
 Atkeson, Andrew, 397n
 Automobile industry
 equilibrium in, 167f
 North American Auto Pact and, 171
 voluntary export restraints and, 208â€“209
 Autonomy
 floating exchange rates and, 530â€“531
 monetary policy, 544â€“545
 Average cost, 158â€“159, 159f
 defined, 158
 market equilibrium and, 161â€“162
 Baillie, Richard T., 484n
 Bailouts, government-organized, 597
 Balance of payments, 6, 306â€“316, 511
 in Brazil, 480â€“481
 defined, 294, 313
 money supply and, 468â€“469
 net errors and omissions, 311â€“312
 transactions recorded in, 306â€“307
 in United States, 309t, 492
 Balance of payments crises, 476â€“479, 521
 capital flight and, 476â€“479
 defined, 477
 timing of, 501, 502f
 Balance of payments equilibrium, 511
 Balance of payments identity, 308â€“309
 Balance sheet, of central bank, 465â€“469
 Balassa, Bela, 45, 262n, 402
 Balassa-Samuelson theory, 402, 
 407n, 413
 Baldwin, Richard, 574
 Baldwin, Robert, 99t, 231
 BaliÃ±o, TomÃ¡s J. T., 645n
 â€œBanana Protocol,â€ 248
 Bananas, trade preferences for, 248
 Bank bailouts, government-organized, 597
 Bank examination, 596, 598â€“599
 Bank finance, 630
 Bank of Canada, 379
 Bank of England, 516, 603, 604
 Bank of Japan, 452â€“453, 539
 Banks and banking. See also Central
 banks; Commercial banks
 collapses and, 646
 international banking, capital market,
 and, 647
 in Japan, 539
 regulation in Asia, 639â€“641
 safeguards against failure, 595â€“597
 strengthening, 649
 Barriers to trade
 decline of, 591
 elimination of, 243
 in EU, 562
 in Mexico, 261
 nontradables and, 396â€“397
 red-tape, 211
 removal of, 5, 233
 in United Sta</t>
  </si>
  <si>
    <t>b'0E\x02!\x00\xdfL2l\x94\x0bC\xcf\x08 M\x96\xa2\xae\xcc\xe4\xe4\x08g\xf4L\xf5\x8bv\xcb{\x15\xad\xc8\xd1*(\x02 \x10\xf7f\x80b\x92\xf3\x7f\x06\x9f/\xb1\xa4\xec\x95\x80\xb1Ek\xa9T\x94\xb2\xbd\x05\x0f\x12\xfb\xeb\x87\x1e\xc9'</t>
  </si>
  <si>
    <t>3045022100df4c326c940b43cf08204d96a2aecce4e40867f44cf58b76cb7b15adc8d12a28022010f766806292f37f069f2fb1a4ec9580b1456ba95494b2bd050f12fbeb871ec9</t>
  </si>
  <si>
    <t>b'0E\x02!\x00\xdfL2l\x94\x0bC\xcf\x08 M'</t>
  </si>
  <si>
    <t>so, spoke of the situation of her niece's property,
 in the hands of M. Motteville. While she thus talked with ostentatious
 pity of Emily's misfortunes, she failed not to inculcate the duties of
 humility and gratitude, or to render Emily fully sensible of every cruel
 mortification, who soon perceived, that she was to be considered as a
 dependant, not only by her aunt, but by her aunt's servants.
 She was now informed, that a large party were expected to dinner, on
 which account Madame Cheron repeated the lesson of the preceding
 night, concerning her conduct in company, and Emily wished, that she
 141
 might have courage enough to practise it. Her aunt then proceeded to
 examine the simplicity of her dress, adding, that she expected to see her
 attired with gaiety and taste; after which she condescended to shew
 Emily the splendour of her chateau, and to point out the particular
 beauty, or elegance, which she thought distinguished each of her
 numerous suites of apartments. She then withdrew to her toilet, the
 throne of her homage, and Emily to her chamber, to unpack her books,
 and to try to charm her mind by reading, till the hour of dressing.
 When the company arrived, Emily entered the saloon with an air of
 timidity, which all her efforts could not overcome, and which was
 increased by the consciousness of Madame Cheron's severe observation.
 Her mourning dress, the mild dejection of her beautiful countenance,
 and the retiring diffidence of her manner, rendered her a very interesting
 object to many of the company; among whom she distinguished Signor
 Montoni, and his friend Cavigni, the late visitors at M. Quesnel's, who
 now seemed to converse with Madame Cheron with the familiarity of old
 acquaintance, and she to attend to them with particular pleasure.
 This Signor Montoni had an air of conscious superiority, animated by
 spirit, and strengthened by talents, to which every person seemed
 involuntarily to yield. The quickness of his perceptions was strikingly
 expressed on his countenance, yet that countenance could submit
 implicitly to occasion; and, more than once in this day, the triumph of
 art over nature might have been discerned in i</t>
  </si>
  <si>
    <t>b'\xa0\r\xff\x9b|MFR\xa2\xaf8G\xbd\x86)\x90\xd2\x82,\xef\xc5\x99\xb1.\xae#\xeba:+\x8f\x06\xd8\x12\xc6\xea\xbeU7\xf4!,\xf1f\xbe\x89f\x87\x11c\xf9\x0by\xdf6\x08\xea\xf4\x04\x9c\xa4\xac\xde\x9b'</t>
  </si>
  <si>
    <t>a00dff9b7c4d4652a2af3847bd862990d2822cefc599b12eae23eb613a2b8f06d812c6eabe5537f4212cf166be8966871163f90b79df3608eaf4049ca4acde9b</t>
  </si>
  <si>
    <t>b'\xa0\r\xff\x9b|MFR\xa2\xaf8G\xbd\x86)\x90'</t>
  </si>
  <si>
    <t>an wore in this country, and the figure was raised
above the stalks of corn by means of the pole stuck up its back.
While Dorothy was looking earnestly into the queer, painted face of the
Scarecrow, she was surprised to see one of the eyes slowly wink at her.
She thought she must have been mistaken, at first, for none of the
scarecrows in Kansas ever wink; but presently the figure nodded its head
to her in a friendly way. Then she climbed down from the fence and
walked up to it, while Toto ran around the pole and barked.
"Good day," said the Scarecrow, in a rather husky voice.
"Did you speak?" asked the girl, in wonder.
"Certainly," answered the Scarecrow; "how do you do?"
"I'm pretty well, thank you," replied Dorothy, politely; "how do you do?"
"I'm not feeling well," said the Scarecrow, with a smile, "for it is very
tedious being perched up here night and day to scare away crows."
"Can't you get down?" asked Dorothy.
"No, for this pole is stuck up my back. If you will please take away the
pole I shall be greatly obliged to you."
14
Dorothy reached up both arms and lifted the figure off the pole; for,
being stuffed with straw, it was quite light.
"Thank you very much," said the Scarecrow, when he had been set down
on the ground. "I feel like a new man."
Dorothy was puzzled at this, for it sounded queer to hear a stuffed man
speak, and to see him bow and walk along beside her.
"Who are you?" asked the Scarecrow, when he had stretched himself and
yawned, "and where are you going?"
"My name is Dorothy," said the girl, "and I am going to the Emerald City,
to ask the great Oz to send me back to Kansas."
"Where is the Emerald City?" he enquired; "and who is Oz?"
"Why, don't you know?" she returned, in surprise.
"No, indeed; I don't know anything. You see, I am stuffed, so I have no
brains at all," he answered, sadly.
"Oh," said Dorothy; "I'm awfully sorry for you."
"Do you think," he asked, "If I go to the Emerald City with you, that the
great Oz would give me some brains?"
"I cannot tell," she returned; "but you may come with me, if you like. If
Oz will not give you any brains you will be no worse off than you are
now."
"That is true," said the Scarecrow. "You see,"</t>
  </si>
  <si>
    <t>b'Q@pa\t=\x1b\x8er4\x8f\x1b\x9e\xfd\x1e\xe1\xe6o\xbd\x1d&lt;S2i\xa92\xbe\xe6\x80B\x89\x89\xe3v\xf1H/Fc\xb5h\xa6\xc8\x06~3M\xe7F~\xa2\x19T.k&amp;\xcb\xf0\x96\xa4|\x9b\xb2)\xe3\x80\x9f\x15\xa36\xf7\xcde\x14\xaee\xe6\x05 \x88\x94]\xf7\xf3\x8b\x96\'e\xadt8\xe9\xe2xN\xa9\xb0]\x83\x87\xf7\xef1\xeaO\xd3\xfewT\x13m\xe5\x1f\xd4iS\x04\x05\xadN\xc6r9\xb2\xa2_Wx\x91ytu\xb4\xd9\xfe\xb2$\x8d\xc5\x8f\x84\x08x\x12\xcd\'\xf3\x0c\xf4&amp;i\xd0d$\x11\x96KBT\xbdt?\xf0\x06$LeP\xaa\'\x85x93?\xab\xa1o&gt;J\x89\xd1\xfc\xb0\r\xa6\xa8\xfe\x1d\x08\xa6\x8fvKIA\xc2\xa6b\t\xa0\x7f\xcc\xd6\xb2\x817\x86\xa2a\xd6\r\xdd\xbe,\xe4\xd9\xb0\xca\x13\xf2\xaa&amp;+bS\x05\x03\x11\xd9\xbd@\xa5\xbb\xa8\n\x08\x857\xdf\xf6\xcb\x85\xb8Ike\x10\xc7\x0c\x8d\x1d\xdf\t\xc7mk\x93\x0f\xa3\xbf\x91\xca"\xaf\x00\xd5\x83\x15\x9b\x17\x9f\xfe\x12\xaf\x1ed\x1aN~\x89\x07\x96-\x00i\xb5\x88K\xe6()O\x96x\x9b\xab\xab"\\b\xdf\xd8\xbf\x9f\x9bd\x8a\xe0\x85\xda\xee\xcar|\xd49\x9buC\x18\x05\x88IP$\x83_A\xa6\x97z&lt;\xcfk\x84b\xd0M\xd0]\xb4\xaf\xda\xd1\xb8\xc7;uI0$\xbf\xac\xc0\x92\x12\x94 \x85\x1f1bm\x8a\xce\xc6\x17\xd9\xd80\xad\xec\xa7\x84\x81Hw\xc9\xa5\x8a\x96\x08DZ\x98\xdf\x92UQi\xdcO\x92\xba\x1f\xc5}\x96\x9f\x12\x03\xc8\xed\xacI&lt;\xc2\xcdPd\xf7\xd7\x80J\x98\xc1G\xbd61\xbe\xbb\nd\xfarj\xe6\x0b3\x04T\x94\xa2u\x9d\xa2\xe8\x8e%\x1c\x833k\xba\xee2\xf7\x00yx\xf6#\x08\xbaNp\xff\x18P\xa0KR\x17RO\xac7\xc7@\xc33v\xc5\x11a\x8c\x93]\xfdYH\xe0c\xa0\x05\x07d\x84\x88\x15\x05\xfb\xf2F\x82\x87/\xa9\x99\xc5S\x051\x89?!6\xedwL\x10\x8e\xceG\x85\x98\xa7\x8b\xc1M+\xd9l\xfc\x14o\x956c\xcd\xcba\x9c4Q\x1asyVzd\xb6J\xce\'o\xc9\xe7\xeb\x90\x03n\xb1\'\x00[\xbe\x7f\xd4"\xf5\x05`\x06q\xa0\xde\x96,\xaa+FN\xa1\x92\xe58\xbb\n\xfdU)!Ccz4\xce\x9f_\xb7\xdb&gt;\xa5\x1d1~\xd8\xce\xae\xfc\xe7\xd0\xeb\xf7m0\xee.\xe6P\x86\x1aX\xd2#5\xc5fW\xe9\xe6\x1d\x98*\x7f\x9e\xfc\xd0\x84\x87ADA\xa4\x18\x9d\x00}\xa2&amp;\x9e=@\x1b!*\xb7\x1f\xee\xf1\xdd\x97\r\x02\x94"\xc9+L\xb2XK}r\x18wt\x99M\x17\x04n\x8cibk\tG\x0c\xc0v\x87\x00\xc1\x9f\xab\xce\x15\xe3W\x82\x98u\xe0\x8a\x1e\xff\x7f\x12\xe4;Z\\(\xff\r_e\x90\xef\xfb?\x02\xce\xd2\x9e\\\xf5q\x8b\x887\xca\x07\xe5R\xc3\xbccc\x1f\x0c\x10\xcad%\x02\x1f\xbd\xb9&lt;{TV\x151\xd2\x9b\xf1\xc7i\x04\xa3\xc1\xdb\xc1=\xa2\x86\x0e\xacf\x9dC\xf1\x9f\x07\xd4\xab\xa4\xc3\xfe\x91\xe94\xcf\x07\x01\xd6\x9b\x85\xb8\x9a\x85.,+,\xfc\xcc\xe4\x00\xd6F\x1c\t`|\xe0\xe1\x89\xc4\xb3N\xfb\x0c\xae\xf3\xa8j\xe8\x10\x9f\xece\xca._\\S8a\x02\xa7}\x0b\xea\xcd\xd9t\xca\x17Y\xf0\xce|\xa5\x1amT\x07\xd2\xa0#\x19\xa0\xf618l\xf5F\xbb\xebgQ\xc2\xc8\n\x16\x1b\xb0\xfc\xdb\x08\x06\x90\x89\xed\x10\x85I5\x8d3p\x7f\xf6\x86\xd3\xc3\xf3\xe1X\x9a\x90s\x0f\xba\xec\xf0\x1f\xcd+A$zY0\xcd\x81i\x8b\x11\xd7\xb1$j\x95\x8d\t\x17U\xeb\xb0/\x855\x0cx\x14\xe6\xa0\xbe\xe2\x96\xbe\xf0\xc93K\x8b\x14\xde\xe7\xe0{2\xd1\xc0\xa0\xe7{\xa4\xcf\n\x07\x9c\xab\xb0$\xda\x89\x8d./\x0c\x94\xbd\xb5\x0c\x84\xfb\x1c5\x1f|\xe5\xa5\x93@\xb4\xca\x0e\xcd\xc4\xd71\xd5\xdc\xc3\xc4\xf6\xd1\xe1\xd1\x87\x16\xb1\xb3\xea\xdf\x9c\xc4\x04V\xbf\xe9 y\xd8\x8f \xf0\x0b\x0bK\xb8\xdd\xdd@\xd74f\xff\x9a\x12\x18\xe9\x16\xac\xe8\xec\x05b\xa9\x04\x0ce\xd1\x06\xc7J\x82\x01\xbe?W\xce\xb4\\:&lt;\x81\xfbN\xf7:\xc2\'\xe3\xdcN\xefjy]\x94\xc7\x8dA\xd4F\xd4N z\xa7\xa4\x01^\xce\xff\x1a\x9a5\x9a\x10@d\xed&gt;\x8ca%w`\xc4b\xc7\x10\xf9\x95Q\x9e\x8a3\x91I\xcd\xe1\x84\x10_\x19\xac\x0f\xcf\x15\x1fN\x7f\x8dK\x07l\x93yp\x08;8"\x83\x7f\xb0;\xb7\x12,%c\xa9\x04\xf6\xa4[\x85\xd4}L\xa1\xf2\x1c&gt;\xf6\xaa\xbe\xeb\'\xbb\x7f\xe6?\xdf\xef1]\xa5\x1d\x95\x1cST"j]\xac?;Bc\xe7(y\x9ct\xe9]\r7U*\xfdLs\x92p\x82d+\xe8\xb0K|\x84/\x1el5\xf9\xf5\x1d\xeaQ\x94\xc0f\x8f|E\xf8\x05\x9c,\xa2\x9f\x12\x11\x805\xfb\x00&gt;\x13\xff\xd2 OW\xe0s\x9bJ\xe4\x9d\xe4;\xb8\x0e\x82\x9e!\xd1\x90$\xc0\xee\x95F\x94!\x81\xa1\xf8k}\xc6\xe0\xa6\x026\xe4"\xe01\n\x92\xd2T\xbb\x9d\x1a\xa5~C\xb4\xf3\xf1+\xec\xe0ZF\\U\xb3\x1f\xff\xbd\xd9\xa0\xb1^[c\xb0\x18I\xf8\xc7\xdb\xf4g\xa5\xf71\xccN\x02\x1b\x1b\xf0\xe9\x8a\x0f"ooGL\x0e\xcd\x1a\xf9nq?\x8a\xc6C9\xa7\xea!MUL\x91\xf4\xeb\x8d\x9e\xbc\x90%\x94-\x1d,U[F\x9e \x84Q\xd7b\xe9\xfc]\xe1\x87^\x12\xaa\xed,\xe8\x14.O\x10\xbf\xb2\t*1\xbb,n\xb5\xc5\xa2\x0e0\xcb\x11nQ\xff\xf1\x8c\xd81\x82\xa8e\x00\xe5\xc84\xb7h\x06\x1a\xab\xe4\xd8\xd8\xb0\x96y\x15\x8688)9\x19c\x99\xadg#\xf2\xdbQ\x1c\xd3w\xc3\n\xf9\x14\x0f?\x80\x16\xfer\x1b\xf7\xb5\xae\xbd\x07\xa57\x0b8\xc1\xebW\xa0Oh\x84`\xba\x01\xbb\xde0OS\x99\xe4\xcb\x80\xe6\xab\x9d\x01\n\x12`\x86\x85\x15W{L\xfc\x92g\xc0&amp;\xec\xc9ZD\xe4{\x82\x06\t\xbe\xcf\x9e\xec\xb0\r\x0c\x83|\x0c\xe9a\x0c\xe3\x011\x1dI\x16\x11\xa8a\xb4\x0e`\xbe{f\x0e\xf0\xf0M`\xc5JpJ\xc6\x0cu\t`#\xe4\x83m\x06n\xc0\xd9\x0cN\xbe\r-g\xe42\x85\xc1~\xef]K_\xb6\x9c\xcc6%}\x93\xa1\xdd\xd08u\xbc\x98\x96\xe2\x10W\x98\x10\x0c\xac\xa5\x7f\x13\xcb*A\xc6\xfeX\xcb\xdd\xdc\xd0\xdd\xf6]\xc7\xa8\xbfg\x84\x06\x87\xc3\xad\x1d5\x15\xfd`\xaa\xc8\xea\xae\xd4\xf2\xd2\'n\x9a"\xeb1\x90\xc8\xf7S\x12\x8a\x8f\x0c)\xaa\x19{\x91H\xe4\xd5\xdak\xdc/\x96\x1dd\x82\xf7V\xcd`\xb2];-\x8d\x1fN\xa0\x95\x97\xfa{\x030\xc1k9k\xb3\xd8\x8d\xb1\xf4\xa5\xb7)\xbd\xdc=c\xf0O\xdf\x0c\x12-\xe5\xea;\x9d\n&amp;\xd9\xaa\xdf\x94\x86\x7f\xa7\xa6\xa1\xc2\xe1\x9b\xe1\xb9P\xd1w\x86\x1e\xd5`\x8b\xa4\x00\xc4\xe2T\xef\x8f\xccV\x9d\xe3!K\xbb,x\xf8\x18\xcb4\xc0\xd8@\xf4\xf3i\'\x87\xbe\xefU\xe7R\xf2\x8c\xc4\x881\x08\x06\x8c\xa1\xa6\xe3\xc4\xb6\x88\xfa\xc7c\x9d\xec\xae\xf8x\xbc\xe0ek\xcf\xf1\x84,\'\x9c\x00\xcd&gt;\xafch\xc8xB\xd2\xa9\x87\xd2\x8b\x1d\xad\xef3\\\xa3\'\x02\xf0\xa7\x97\x0f\x8b\xde\x05\x04hA\xbb\xdc\xca5\x94_\xe1\xa7\xdb"sz\xa5H{C\x84\xad\xbd\xf7\xe6\xc4\x82\xf3)\xa2\xe0\xb1u\x1e\xbd\xf6\xbb!S|\xd4\xf8\x00\xe6\xf9o\xbb\xed\\z\x92\x90\xa9A)\xaf\x03\x94\xea/\xac\xa2\xd9z*a\'\xae\xf7[|\xa5\xfd\x04\x93\xfd\xa5\xb8\\\x88\xd34\x005-\xdc\xaeN\xac+eB\x1f\xb78^\x88\xd7\xf0\x1a\xf9\x7f&lt;\xd6\x03\x97\x038Zg\x88\x83kQ`[\xd0\x1c\x80\xec\xd2\x8a\xecM\x12\x7f\xff\xe3\xf4Z\x18\xcc\xe37\xc7^\x0b\x0bc\xcd\x12\xf1\x98\xb7-\xa6\x98\x84\x04\x0e\x05\x8a_\xe9\xd9\xcf\x0b\xe9\x86k\n\'\x9b\xd2*\xef\xa2\x91\x87\xf27&gt;\x02\x92\xefg%\xae\x99\xaa\x1d\xf5+\xb0\xa4\x8eU\xf9n/\xb4\x85\xbc\x0c\xfe*\xa4\xe7\xacF\xfe\xe9\xf6f`mG&gt;\xd7\xee\x89\x1d\xd4\x92\xcb\xed\x7fV\x94a\xd9HM\xda\x7f\xbc\x84\x08\xadKt\xd3{\xf8\xcc\xf4\xa7\xcagC/,t%\x1c/\xb2&gt;_\xe39\xbeX\x114;\x86\xa5f\xe7\xe6\xd4}\x9e2\xac\x18\x91\x0e\xfb\xbe\xb5\x89G\xcf\x840jw\\x\xf2i+\xf5k\xfb\x93\xdePX\xb0&lt;\xbc\xe9\x96~\xc8\x1d[\xc8H\x8c\xfe3\n(u\xa1%p\x8dp\x1d\x0b\xc1c\x1e\r\x93\x05:\x1d&amp;\x19\xfbl\xf1\xc4G\x05\x9d\xc7\xb2\xa0\x952e^\x8aA\nL\xdd\x9b\xfc\x01\xeaKR:\x89B[\xe3\x96\x19\x08[U\xbf\xb48\xfd\xe9i\xba\xb4\x1b\xf5\xfc\xa1\x8a!\xba\xae\x08b\x1d\x9d\x04K\xc21\x87\rf\x04~\x92u\xbb'</t>
  </si>
  <si>
    <t>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</t>
  </si>
  <si>
    <t>b'Q@pa\t=\x1b\x8er4\x8f\x1b\x9e\xfd\x1e\xe1'</t>
  </si>
  <si>
    <t>hoose either offshoring option
 and import some of their intermediate inputs.
 This sorting scheme for firms to import intermediate goods is similar to the one we
 described for the firmâ€™s export choice: Only a subset of relatively more productive (lower_x0002_cost) firms will choose to offshore (import intermediate goods) and export (reach foreign
 customers)â€”because those are the firms that operate at sufficiently large scale to favor the
 trade-off involving higher fixed costs and lower per-unit costs (production- or trade_x0002_related).
 Empirically, are the firms that offshore and import intermediate goods the same set of
 firms that also export? The answer is a resounding yes. For the United States in 2000, 
 92 percent of firms (weighed by employment) that imported intermediate goods also
 exported. Those importers thus also shared the same characteristics as U.S. exporters:
 They were substantially larger and more productive than the U.S. firms that did not engage
 in international trade.
 Consequences of Multinationals and Foreign Outsourcing
 Earlier in this chapter, we mentioned that internal economies of scale, product differentia_x0002_tion, and performance differences across firms combined to deliver some new channels for
 the gains from trade: increased product variety, and higher industry performance as firms
 move down their average cost curve and production is concentrated in the larger, more
 productive firms. What are the consequences for welfare of the expansion in multinational
 production and outsourcing?
 We just saw how multinationals and firms that outsource take advantage of cost differ_x0002_entials that favor moving production (or parts thereof) to particular locations. In essence,
 this is very similar to the relocation of production that occurred across sectors when open_x0002_ing to trade. As we saw in Chapters 3 through 6, the location of production then shifts to
 take advantage of cost differences generated by comparative advantage.
 We can therefore predict similar welfare consequences for the case of multinationals
 and outsourcing: Relocating production to take advantage of cost differences leads to
 overall gains from trade, but it is also likely to induce income distribution effects that leave
 some people worse off. We discussed one potential long-run consequence of outsourcing
 for income inequality in developed countries in Chapter 5.
 Yet some of the most visible effects of multinationals and outsourcing occur in the
 short run, as some firms expand employment while others reduce employment in response
 CHAPTER 8 Firms in the Global Economy 187
 to increased globalization. We mentioned in Chapter 4 that those employment changes due
 to overseas plant relocations (along with plant closures due to import competition) account
 for only a small fraction (2.5 percent) of all involuntary worker displacements in the
 United States. Nevertheless, when such plant relocations do occur, they inevitably gener_x0002_ate some substantial costs for those affected workers. As we argued in Chapter 4, the best
 policy response to this serious concern is still to provide an adequate safety net to unem_x0002_ployed workers without discriminating based on the economic force that induced their
 involuntary unemployment. Policies that impede firmsâ€™ abilities to relocate production and
 take advantage of these cost differences may prevent these short-run costs for some,</t>
  </si>
  <si>
    <t>b'0F\x02!\x00\x83\xa1\xe3\x9b\xaf\xad\x95\xea9\xfd\x17\x00\x8c\x93K\xddow#L\x85\xa7\xbb,\x83m\xd8\xae^\x17f\x8b\x02!\x00\xe5\x94`\x85\x83\x8a\x84@\xeaE|\xac\xa5\xa2-\xd6\xe3i\xe5\xd0\xf4&amp;\xd34\xe1\xff\xc97\x89\x8eg\xae'</t>
  </si>
  <si>
    <t>304602210083a1e39bafad95ea39fd17008c934bdd6f77234c85a7bb2c836dd8ae5e17668b022100e5946085838a8440ea457caca5a22dd6e369e5d0f426d334e1ffc937898e67ae</t>
  </si>
  <si>
    <t>b'0F\x02!\x00\x83\xa1\xe3\x9b\xaf\xad\x95\xea9\xfd\x17'</t>
  </si>
  <si>
    <t>(Figure 2.1) â€“ the
mass of coin was about as great as that emanating from Rome. These large scale mints
were joined, on occasion, by short-term ones, coining on the Roman standard, whose
purpose is generally unclear.
Romeâ€™s laissez-faire attitude towards monetary arrangements in the provinces is
evident already in the republic, when for example Attalid cistophori continue to be the
Figure 2.1 â€˜â€˜Crocodileâ€™â€™ as from NÄ±Ë†mes. The obverse shows heads of Agrippa and Augustus,
back to back, with Agrippa facing left wearing a combined rostral crown and olive wreath. The
head of Augustus is bare. The reverse shows a crocodile chained to a palm branch, evoking the
conquest of Egypt (RIC Augustus n. 155 editorâ€™s collection)
Roman Imperial Numismatics 39
currency of Asia long after its organization into a province. After some experimentation (C. E. King and D. R. Walker 1976) the coinage of Egypt stabilizes along
Ptolemaic lines; other less isolated provinces continue to possess and produce their
own silver.
The best summary of what can be known of the early provincial coinage is provided
by RPC; where the volumes do not exist students have to rely on the rather uneven
coverage provided by regional surveys, mint studies, or corpora. Already the arrangement of the material has departed from the traditional classification by â€˜â€˜provinceâ€™â€™
(Ionia, Caria, Lydia, etc.) to a more fluid one that recognizes regional influence and
proximity of towns, a` la Louis Robert; but for Asia the classification by conventus
(provincial administrative center)</t>
  </si>
  <si>
    <t>b'\xf8=\x11\x8b\xda\x15\xcd\xae\xb4\xad\xef\x07\xcd\xe5\xe2=\x13\xf8\x87E\xb7\x9e\xab\x0cl\x97\x96Z\x11n\xfb\xfb\xb7\xa8\xb6\xf4\xf3\x9d\xcc\x0eF\x89XF\x93\x1e\xe3\xa8\xb7^\x9c\x8f\xdc\x9d/\x87\x1bZ(Ta\x12\xcb;\x16\x91\xcbB2l5\x06\x00]{\xecG\xae\xa5\xaf\x83\x0e,j\x81\x06\xe1\x9c\xc93\xaa\xb1\nh\xa3\xab\xdc\x00l/\xf1gj\xe5aw\x9bX\xcb\x94\xea\xb7\x1c\x80o\xcf\xe6\xe1\x96\xd4\xc6\x9a\xdd\x03:QH\xdfG(\xf7\xddD:\xe3\xa7\xc3\xa6\x05\xdee\x03\xec\x9ff\xads&lt;\x05k\xf8\xd2\x0b*Y)\xf2\x86\xe2\x87\xb6\x06`\xf2\xb0\x00S\xaeK\x02r\xe7\r\x17\xba\xd7\x89\xc4}\xa5\x10\xa6\x88W\xb1\xc4\xdc\xc5c\xcfU\xd2\xceR\xaem\xaf\x0b\xd7z&gt;\xd4\xf6\xda\xd6g\xaf/\xbc\x07\x11\xb2\xb5y\xdc\xe53\x13-\xaf\xc7\xf4`\xe3\xcf\xd6%\xed|\x9dM\xc8\xf6\x91E\xa1\xa9\xea\xb1\xaa\x1b\xf6\x92\xabH\xbd\xdb\xe6\'\xaf\x88OR\xefTZ\x97\x95z\xef%\xdezj\xb2H\xa1\x8d\x81\x99W\xd1\x96\x97\x8d\xa7\xb2^\x9d\x18\x9f?\xb9t\rj\x19\xa3oF\x9a=\xda~\xe8\x1f\xeb\t\xf6\xb6\xa1\x9eyNI\xc4\xd3\xfc&amp;K\x13\x17\x86\xc25\xb2\x0b`\x9f7B\x84\x8b\xaa\xfe\xb0\xd5a\x80#\x82_\x7f\x16wb\xb1\x14&amp;\xc5Y\xf85\x822\xa4\x11\xe0\x11+\xeec\xaa\xd4w\x91\x83\x8e\xe4\xeb\\\xc1\xf2\xdf\x16\xd0\xa4\x8bI\xa3{\xd7\xd9C\'\xd2s\x19\xd7N\xb0\x02\xd1J\xbf\x03&lt;i\xbd\xbaC:\x988\x18\x04\xe09@\x87\xc5\xf78tV\xe4\x90,\xfd[H\x9f=s=\x0c\t^\xeb\xfc\x83\xb3\xa6\xffh\xed\x11\x99\x98K\xc4\x11\xc9\x89\xc3C\xdf}\xd3/1h\xb0n\xd8\xdfY\x18\n\xe4Dq\x04\xe7.J\xfe\xf4\xe0\xeft/t\xa0\x16o\xe9\x92\xb1tK\x17X\xfbY\xd0S\xf7\xc6\x82F\xfak\xb7\xba\r\xbf\xf1g\xdc\x93-\\\x9c!\xa0\n\xb8i\x84\x96\x8ak\xca\x81F\xbb\xfc\xd49\xfe\xd1\xc0\x02?\xe8\x85\xa4\xb4#Z*\x10a{*v`)Aj\xbf\x973/\xe6?\xd0v\x81\xe1Z.\\\x15w7U\xd4\\\xa3B2\x92$\x95\x1bq\xe9\x85\xb6y\xae\xdb\xda-\x07\xa2\x1e\xc9\xe8_\xdb\xcb\xc2\x8d\x92}d\x92\xc20\xb3w\x97\x91=$\xcd\x18\xb9\xa3\xe4\x11\xb6\xd1\xb5w\xa2\xe3{\xaa\x1a\xca\x93\x8fv\x8b\xa6\x996_\xc4\x1b=\xcc\xd2\xb6Cm\xda\xc5\x996\xcde\xbd$\x98\xc8T\xfa\xaf\xfaY\x10\xf3lw\x04\xd0u\xe4&lt;\x9a\xd8\xe2\x11\x96k\xbe\xe5\xb3\xe9%\xe1m9\xbf\xdf\x01{9\xcdA\x9a\x9c\xef\xda\xb6\x92\xb4\xbc\xd2\x03\xdc-T\xd8\x08\x93K\xe1\x1e\x9d\xa6]k\xaa\\\xa9E\xd55\xde\xde\x98-I\xec[u\xcd@\xb9\xcct\xc8E\x80T\xc6\xb9\xbcMjL/V\x89\x01xB\xaa \xf3|;l\rTV\x035\x82\xe7\xec\x94E\xe2\x9d?\xfd\x9ey\x91\x13Kd*W\x88\xc9\x87N\xcaoc5\x0e\x80D.=x\xd3\xb2i%#\xe2W\xb7w\x93\xcb\xb6\x9cB\xb9\x12\xf5\xe4\xc2\xea\xa8\xe0\xd0\xf38\x83\xe0_Ito\xc3\xc3\xba\xad\x9f\x1c4E\xb5As\xd9\x83\'\x16;F.\x05\xa5\x98\xaf\xcd\xdbf"M\xf2ZO\xac\'O\xd8\xc08\x19\xc5d\x0e\\v\xe0,\x08\xe9Z\xabH}@M\xaa\x84\xc9\x04="i\xd0\xb2&gt;t\xfcI\x16\xceI\xfahgI\xbbY\\\x08\t\xaa\x0eR\xb54\xb0j\xf3\x8a\xe2\xb43e\xd6\xde\x11\xf4\xdd\x12\xd1\x8e\xfayC\x816y\xd5yf\xb2?\x84\x06\x94KH\x9a9\xb8\x0bRo}:c\x9dX.\xde%\xee\xcc"\xbd;\x80\x8e\xec\xb2?#\xc9};\xa60\xae\x88Ec5_:\x80*;&amp;\xfdR\xd3w*\xc4\x90\x18\xf9&amp;\xde+\xacE\x1f\x96\x99\xe1B\x15Ev\xdd\x18\x9e\xf6&gt;CD\xc0J\xe9\x9a\xc5\xa2\td\x90^\xe5\xa1(zr\xef\xdcM\t?L\x18\xe0\xa7\xec\xdb-K\xed\x07{W\xe69N^a\x9c\xfd\x98?\xa4\xa7\x83\xd5\xb3Y\xcc8\xef\xa2\xb6\xc46\xa6\xab\xc3\xed8#WJ\xd0\x89\xa7\xc1\xfa\xd10&amp;2\xa1\x977\xa7\xc0#\x98M\x15\'wML 5zA(j\xa0"\xfcFF@\xf4:\xde\xf7\xa7\xc9\xf3\xb2b$\x0b\x00=\x9c ^\xfeR\x83xF&gt;\xa9\x18M\x9b\xb0\xee\xf4N\xd3\xfa\xca6\xbb\xe0\x96+\x13\xfd\xda\x10\xd7\xe4\x839|A\x1c;~AU\x066/\xb6\xa1kB\x91\xf4\xfb\tB\x04\xa2\xd8\x04Je/iT\xce?)\x0e\xea\x99\xfa\xcdd\x86\xa7\x08G\xac\x9af\x1b\xe4K\x05\xea\x89\xb6W\x82\xb1\x82\xd9\xe3Y\'\xa0\xe7\x06\xb8\xa5\xd8\xb0\xc6\x9b6\xaa\xb4\x8dDPC\xf6\xa3\xbaI\xa0\xb32\xc36\xe2\x12\x9by\tI^C\xbbv\xaa\xee\r5:\x0e%\xe5\xf3\xdb\xa8\xdb\xdc\x95\x1e\xa3\x87o+h\xd6C\x055\xd4\xca\x81\xec|\x89@\xb8\x13\x13\xfcB1\xf1T{L?\t\xd9aPm\x91Z\x85\xdd\xb9\xf1\'Yn"J\xb5\xe1wZzN.?&gt;\xfc_\xe6\xf3&lt;&gt;\x0b\x05S~\x91\xdf\xc4\xb8\\\x07:,7\xa4\xef\xd2M\xb1\xa8Y\xb9\x19\xf7\xfa\x84n\x82\xa3\xe1\x80su\x83z\x97\xb0gl\x81e\xfdr\x84\x0b]w\xf0\x98I\x89\xc5\xb8\x1e\x96\xb8\xfd\xba\xd5\xa1/\xedPg\xab\x84\xbb\xc7\x8f\xa94\xf6@:\xb1\xcfz\x81\x1b\xacj\x9c\x0et\xc7\x11}s\xf9\n\xb7\x1c\x02\xa5\xed\xfa\x95\nS\xa3\x0b\nn\xef\xb7O1\x08\x06\xa7\xd3\xca\x13\xceL9u\xf8\xdc\x8d\xa2FcD\x80\x99\xc3\x7f\xc8\xf3\xb4\xa6d\xf5\xe4Z\xd6\x8f`\tm\x95\x88w\x03W:\xfd\xf2;#\x82\xeb\xf6\xa4%t9\xf0\xa1\x8d\t\xf3\x00\x91\x8c\xc1\xf0\x88\x89j\x99\xe3\xeb!\x95 *\x98\x84\xafw\xeb\x12\xd9\xf5\xcb\xe4C\xdd\x01\x8f\xb9\xfb\x97\x92\xb9\x00u\x9a&amp;\x87#\xa9\x13-/"\xdc9\xf0\x1c\x80\xe7\xfbS\x96I\'\xe5\xf7d\x04!;\xd7\xa6\xacBj\xeb^\xcc\x14\xbbK);A\xf3\xda\xa8\xf2!\xb9\xbe\xcc\x067U\xc7\xe3&amp;\x83\xac Y:\xa6\xbcI\xda\xc9\xe8\x89r\x12\\6\x9f\x82\xf5e*\x96\xcc\x04N\xaf\x03\x10\xf6\x7fF\x99b\xfe\xc8\x97\x01\xe8\xc8m_\x7f\xc5Ns*\xf2\xef\xd6\x91\xd9\xb6\xeelj\x88\x9c\x9f\x1b(,\x0f\xb5\x12\x81\x17uh'</t>
  </si>
  <si>
    <t>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</t>
  </si>
  <si>
    <t>b'\xf8=\x11\x8b\xda\x15\xcd\xae\xb4\xad\xef\x07\xcd\xe5\xe2='</t>
  </si>
  <si>
    <t>ears hence, letâ€™s meet, and see how
many of us have got our wishes, or how much nearer we are
then than now,â€™ said Jo, always ready with a plan.
â€˜Bless me! How old I shall be, twenty-seven!â€™ exclaimed Meg,
who felt grown up already, having just reached seventeen.
â€˜You and I will be twenty-six, Teddy, Beth twenty- four, and Amy
twenty-two. What a venerable party!â€™ said Jo.
â€˜I hope I shall have done something to be proud of by that time,
but Iâ€™m such a lazy dog, Iâ€™m afraid I shall dawdle, Jo.â€™
â€˜You need a motive, Mother says, and when you get it, she is
sure youâ€™ll work splendidly.â€™
â€˜Is she? By Jupiter, I will, if I only get the chance!â€™ cried Laurie,
sitting up with sudden energy. â€˜I ought to be satisfied to please
Grandfather, and I do try, but itâ€™s working against the grain,
you see, and comes hard. He wants me to be an India
merchant, as he was, and Iâ€™d rather be shot. I hate tea and sild
252
and spices, and every sort of rubbish his old ships bring, and I
donâ€™t care how soon they go to the bottom when I own them.
Going to college ought to satisfy him, for if I give him four years
he ought to let me off from the business. But heâ€™s set, and Iâ€™ve
got to do just as he did, unless I break away and please myself,
as my father did. If there was anyone left to stay with the old
gentleman, Iâ€™d do it tomorrow.â€™
Laurie spoke excitedly, and looked ready to carry his threat into
execution on the slightest provocation, for he was growing up
very fast and, in spite of his indolent ways, had a young manâ€™s
hatred of subjection, a young manâ€™s restless longing to try the
world for himself.
â€˜I advise you to sail away in one of your ships, and never come
home again till you have tried your own way,â€™ said Jo, whose
imagination was fired by the thought
of such a daring exploit, and whose sympathy was excited by
what she called â€˜Teddyâ€™s Wrongsâ€™.
â€˜Thatâ€™s not right, Jo. You mustnâ€™t talk in that way, and Laurie
mustnâ€™t take your bad advice. You should do just what your
grandfather wishes, my dear boy,â€™ said Meg in her most
maternal tone. â€˜Do your best at college, and when he sees that
you try to please him, Iâ€™m sure he wonâ€™t be hard on you or
unjust to you. As you say, there is no one else to stay with and
253
love him, and youâ€™d never forgive yourself if you left him without
his permission. Donâ€™t be dismal or fret, but do your duty and
youâ€™ll get your reward, as good Mr. Brooke has, by being
respected and loved.â€™
â€˜What do you know about him?â€™ asked Laurie, grateful for the
good advice, but objecting to the lecture, and glad to turn the
conversation from himself after his unusual outbreak.
â€˜Only what your grandpa told us about him, how he took good
care of his own mother till she died, and wouldnâ€™t go abroad as
tutor to some nice person because he wouldnâ€™t leave her. And
how he provides now for an old woman who nursed his mother,
and never tells anyone, but is just as generous and patient and
good as he can be.â€™
â€˜So he is, dear old fellow!â€™ said Laurie heartily, as Meg paused,
looking flushed and earnest with her story. â€˜Itâ€™s like Grandpa to
find out all about him without letting him know, and to tell</t>
  </si>
  <si>
    <t>b'\xb5\xa15\x19y"h\xed\xe4\x88\x16m\xda"1,\xc2\xf9\xe0\x13@\xc1\xd7"\x83\xfc\xc5\r\xdf\x82\xd3dx\x05\xbb\xa4\xe0\x00\x1eX\xf8\r\xbb;\x8b.D\xc7pbO\xbc\xcdA\xdaLJ\xd9\xf9=E\xdf\x9f\n\xf8b\x08!ns\xd6o\xe7u\x1b\xfc\x84\xdbx\xc8PrT\xd1\xb6\xb6q\xcbw"\xb4V\x8a~_\x18\rY\xba\x10\xcam\x8e\x7f\xf4a\x0e\x0c\xf4R\x7f\x08\xe3\xe8\xceu\x14\xaaZ\x7fY\x0f\xafu"8sP_d\xf8\xfa\x88\xc6\xb9\x92\x8c\'\x9d\xf6n%\xacJ\xca\xf0\xb4j\xb9\xaf\xbc\x95\xec\x89\xba\xd0q\xd9\x8f\xe7\xf1W05\xcd\xf1,\x9f5C\x93\x86\x1c\x17|!.\xae\x19\x1a\xd2Gv\xc4P\xc3\x86\xf7L3l\x9c\xd3\xc6\x84\xf1c\xbf\r\x8dB\xf8\x04\xf3\xad\xbbI\xe6luI]y\xba!\x14i\xe1Y\xee\xa3\xd6\xff\xa25\xa0U\x01\xc8\x81\xdaZ\xa65\xce@\x8a\x1d\xe0\x1d\xd2\x9d\xbbe\xbe{\x05\xcd\xc4A_|(:(\xa1\xf5JH\xf1\x12E\xb6C-\'E\xbf\xdf\xb9F5\x846\x1eT\xea\xa0\x16\x81\x80AN&gt;\xd6\xf0\xebB\xff\x11\xaboQ\xbf\xaa\xb9Ft{/\x8b\xae7\xf7abr\x11\x16j\xa0\x17\x05\xb1\xd8`\xae\xf5\xd2\xcb-\xdcn\xf3k\xaf\xbf\x07\xa1\x17\x83\xc9\xcc\xe5\xa7\xb4\xdfql\xdb\x13Yl\x85\xf7+\x92\xb0\xd7\x81\xf3\xc3J\xcbi\x9c\xd1\xc8\x10\xe9\xc9\x87\xd5K\x8dt\xc4\x80\xe0&lt;\xce\xc7\xf2S\xd0\x8bXNrH\x9e\xd91\xab\x8d\xe8\xb5\xf2!\xa3\x12\x19\xe6\xd4\xcb7\x84G\xe5\r\xbf\x846X\x9c\xe6\xeb\xf5\x8ap\xee\xe8c\xcd\x07\x9e\xc94\xf3\xdf\xc4u%\xd2\xc9\xe0\xd0\xeac\xff\xb7^5_\x1c^Aa\x19\xff\xf3\xef9\xf5s\xca\xaf\xcf\x17m\xf2\x1f\xc0k\x90#\xd0R&amp;\x85d\xa2\xe4\x12A\xb1\xda:\xc9&lt;]m\xed\xbfH\n\xed\x17G\xc4\xa2Z\xc1\xa7\xb2\x82\xd4+\x1a;K]l\xb9\xcd\xd5\xba8\x170NqC\x1f\xd3K\x9a\xea\xa5\xfc\xb6\xec&amp;\xa3\xa4\n \xdcR\x9a\x95\xf3v\t\x99\x96)sN\xf5\xb5\x94\xdb\xab\x9b\x1eB\xb5\x82\x99H\x9et\xffs\xc3\xefAs;\xb2m+\xda\xbb \xdc\xd2I\xe2l\x8a\x0b\xb1\x025/\xcd\xcbu!^`\xbbb\xed.9M\x01\xcaN\x03\xc2\xb4\xd4\xb1l\xd3\xb0|Drx\x80_2\x9d\xf2}\xf1\x1b\xa6\x0f\xc8z\xa1\xe9\x89\xa08N2%\xa0&gt;\tI\xa3\nG\td}U\xd2O}z\x1a\xdd\x96H\x99{\x81\'\x10&lt;\x92\xbc]\xcf\xdb\xe7\xder\x96\xf5\xa2q\xc2rp\x96O\xe9\xe7g\xe0\xab\x8c,\xc8#\x8d\x02\xf9z5]f\xb0-\x02\x86\x8d\xc1i\x90$\xef\x0fB\xf3D\x8e\x96\xc0^\x8e\xd0jFH\xd6}\xf4G\xd6\x8f\x959\xfac\xec\xe4\xf4\xd3Y\xa1\xe1\xf0\xc9\xd5\x03H\x0e\x9e\x80\x1eP\xcb\xd5\xda\x95\xc4\xf3\xa1\xa3\x04\xe6lP\x10\xa1\x1bv\x07T&lt;U\xa6\x89\xbf\xb4u\x0f\x89&amp;\x9a\xdf\xd3\xd4\x1cw\x8aH\x916&lt;4\x19N\x96\x0c\x96\xef|\x89@v(\xcc;\x1a+\xe0&gt;y[\xc9\x90\xd7\x85\x8a\x03\xb9\xbb&amp;\xff\xa9(p\x9cF\xd44\xb6\xfcv\xec\\6\xe2\xbe\xa8x\x000\xd0Vx3g\x82\xd7\x0ed\x1e\x1b\xbeu\x8d\xb8\x97\xd2L0W\xa4\xf3~\x1c\xad/^_\xd3\xc6\x00E\xe9\xcf\xa9\xf5\xdbR\x8e\x90\xa7`\x03\x9e\xc6\xe1\x10\x12\xf2\xd4u\xb3\xcf8\x84?\x8b\x16{[\xa7\xfeZ\xec\xf2\xd1\xe1~\x16\xb4\x0fR\xf7\xa0\xfe\x85\xfbK\x95\x0c\xb6\x1b\xd5\xbe\xae\xc8\xf7\x91\x88\xbf\x12D\x97O\x1aa\xba\xa5D\xc4\x12\xdc\x8c\x06\xd6\x9e\xb8\'BU+7\x97\x8a\xd1"rn_\x9c\x1b\xac\r\xf3\xa7\xb6\x16\xa3\x7f`\x80\x14I\xe8\x86\xcfGvd,{\xc5\xe0\xe2#\xc1\xfe\x9e\xb7\xc1@\x8f\xc8\xf0}\xf9\xe0\xd2\xd4"\xe0\x12\xcb~?T\xfa\xb7\xe9MBh\xd6_ \x87\xf6\x12\xd4h\xe8\x87\xe3\xdc\x0e\xee\xca\x0b\xe9Z\x97+fS\x9a\xfe\x05\x15Q\xc3xs\xfb\xc1\xcfj@\r\x1e6C\x94i\xf6\xa2Q\xd1\xd5&amp;\xd3\x88\xbb\x97\x05\x83\xbc\xe9\xa7\xb4m\xd5\x82\xa4\xaf\xfc\xbe\xe6\x88q\xf1\xf6\x9c\x8e\nHBGq\xee\x86q\x03&lt;U.\x07w\x12\xa9\xd5\xc8\x981_(\xa2\xea\xf6\xc1\x8c*UU\x91\xfe+uG\xae\xed\x88\x10\xb1\x96\xadi\xb7\'\xe2P\x13 \x8d\x080zJ\x9e*=|Z\xdc\xf43S\xc6\xca\x1dAO9@\x95\xc4\x8fl`\xcaM\xec\x06\xa7\xb1\x83\xfa\xea\xe3\xe0\xc3M\xe0\xeesa"\x1d\xc1\xb8\x89C\x07\xaa\xf9NG\x0b&lt;\xf6\x97\r\x06VI\xca\xc8\rb\xc9\x7f\x84\xd0\xe8k&amp;\xa5A\xeb\xb0\xe1\xa6\xc8!\xd8\xc1\x9a\x94\xed\x02\x9eH\xcc\x11\xeb\xf8k\x03\xc7\xc2\xc1\xa2\x04;\xc8\xda\xb9\xf5a\x90\xed\x878\x9dnr\xa8\xfd\xa68\x9f1uQ\x8d\x15\xff&gt;\xbdHki3)\x10@s?d\xb0ebi\xbc}\x82\x04\xa4\xc4\xda\xdc\x19C\x8a\xc0\xffp\xa6\xaf\xd9\x94\x86=mu\xc4m\xfc@\xa6*\xbd\xf1\xba\xcd\xa6\x83\x8d\xd4,V\xa6s\xb49\xa4\x84\xbc\xa6\xe5Y\x87e\xa4\xffAYn\xc4\x86\xbf\x0f\xf3\x83O\xef9\xab\xaae2\x8f\xc4\x99\xb8\xdf6\xcdzx\xee\x93\xc9\xa4\xba\xd9\xf7\xca\xf13G\xe9\xc6\xf7\xbc\xa7\x13cE\xf9\xe2+\xf6\x1b\x14\x02c\xfa\x8c_B\x1af\x1a\xbc\x10\x9f\x90\xeb\xba\x9c\xf13\x9e\x1f\xa9ZV2] b\x8bd\xbc\xdf\xa8T\xf8\xad1\x8b\xb5\xf5\xfe\xe0\x9a\xf4\xfa\xb9\xe9\xe7\xff1S\t\xfc\xa3\x97\xf6\xc89\xdb\x91&amp;\x89\x81\x08\x06O\x8a\xf4\xa2\xe8\xaa\xf73\xc1\xa4\xff\x08q\x9c\xc5\xaf\xf5\xfaA\x88\xb5X9\x91\xae\xdb\xa3;]\xe4\x13\xe8\xa7G\xa8\x82\x05c&lt;\x07\x98\x90\x067/\xef\x07\xb8:\x8b6\x07\x0b\x03s\x91o\x8d\xa3\xaa\xa4\x98\xe3\xe2*D\xa3\xab&lt;1\r\xea\xc3$V{\x0fh\xbe\xc6d\xc5RI&amp;\x1e\x02\xe6\xee\x04E`\xd6\x99\x92yB\x19\xf2\x04+\x99n\x08h\xc5/\x00;!\xac7\x98S\x85=\xe1R\x80dI\xe4\x0cY\x10y\x91M\xc4$SA%\x8c,\xf9\x13K\x87\x9f\xfd\x921\x93&lt;D\xa9f\xd9\x1e\x0e=\xebO\xc6\xbf\x93\xf9g\xc90;a\x08B\xe1\x95N\xff\xc7\x08\x9d_\xaf\xd6\xa7=\xb1T\xe24TA\x01\x1c\xf6\x08\xca\xcel\xd1\xb3\xeb@%W\x02X\x80\x85\t?Y\xbf\x12\xb2\xc4\xa7\xe6a\xef\xdc:G\x9eC\xc1\x188d\xc6\xb3\xea\xe94\x10\xfbOs\xd1\xe6\x0e \xbf\xc9\x0f\x03\xceT[\xe2\x14\xf2\x92\xb0HGLo\xbb\xbb\x80\x0b\x1c\x81\x16\x0e&lt;\xb5\x11\x9b\x06\xe1S\xc4\x8b\xf8\xcenR\xd9\xf8\xdf\xe55_\x9e\x98?$T(\xa8\xfd\xcc\x8ey\x10\x0e.^\xd1\xcej\xc0T\xbb9\xaep\xe3\xa6oi\xe0\xd8\xf2[\xf4p\xe6\x01\x04-\xc2i\xa4}?\xcf]\x8a\xaa\xdc\xbd\x96\xa5\xd3\xcaBo\xba\xe9\xfc\x00Mn\x91\x11w\xdb*\xbf\x88\x05\xe3\x99\x7f&amp;\xdc;\xc4u\xef\x99 \x1f\x0c\xa5\xd8\xb6\xc8o%,\x97\x140\xf5\xa0\x14-\xc4Dy\x19\x86rR@\x8b&amp;76\x16(#Z\xe5\xf6f@v\xb2vQ\xdc\xa7\\\x9a\x96o\xa3=lE\x13c\xbb\xc4\x81.K{\x1e\x89\xfe\x83\x8d;J(M\xda`\xf6\xcfu\xd6\x05G\xce\xee\xfd\xfa\xef\x92\x9a\xad#\x11\xdf\x96\xd2\x1asj\xff\x9e\x14\xf9Y\xbfN\xb2=\x10\x16\x8d\x88C\xbb\xd7\x1a\x13P5\x1b\xc4\x14\xe3\xd5%xb\xb9\xae\x08\xf2t\xf4\x1fk\x96%J&gt;\t\xb8\x98:\x0b\xe3\x11\xb2#T\xf7X\xc9&gt;Cs\xe0\xda\'\xea\xef\xb2\tl\xc4\x1e\xdeSJ\x11\x9f\x85\xdb?\xe6:p\x1b\xce]7^&lt;^\xee\xd5\x8f6R&amp;\xa7S6,\'/\xe8@\xec\xa0\x88\xdf\xb9\xa9a/\xcf\xb8~\xab\xa5H\xf3`\x83^\xa9o\x0cj}7\xd6\xe1&amp;D\x9f8\xed\x12\xd0:U\xf7\nL=\x16\xc6\x83\x9f\xe6\xbf\xa2\x04[\xb3V\xc4r5\x1fF\x9ex\x1btf\xaf\xcc\xc2_\xbe\x057R\xfc!N\x12\x99\xf7X\xec\xec\xf8\x04s&lt;\xb0k\xc6E\n\x86\xbe\xd3\r\xb5\t\xd4\x82{_\x881\x81XZ\x11n\x8c\xa6E\xdd\x7f\xbf\xc8\xb1H\x03\x1b\xf6\x82&amp;\xd7\nw\xb9\xd9/N3\xc4\xaf\x90\xd4l\x80\xfd-\x06\xf1\x01\x1b\x86\xb0\xf0\x83^\xc0\xb4`\x9e\xf3\xdbe;\xcc}\xc0\x0f\xd2\xfc\xe1\x9f\x91?\x97wM\xa5w\x8c\xbb\xb5\x0ePE\xe0x%8\x03{\x10z\xbb9b\x1e\xbfp\x03e\xd0\xb8\xf0\xd9e\x9c\xe6z\xb2\xe9\x0e\x16\xd9\xcc\xc6{\x95^f8\xdbS\x02|;\xed\xe8?\x80"\x0eU\xec`\x93u\xf64\xbd\xd2MQ\xe1g\xb9w+Z\xbc\xb5h\xbe\x90Bw"\xac\xa3\xa3\xc8\x19\xb5\xa2\xef\xf8\x03\x00\xa1\x7f\t\x1a,E{K\xdc{{\xfa\xb9NHJ\xe8sl\x0b\x13c\xfc\x92\xf7\xd7\xba\x08\x03\x1e\xde\xbe\x8d\xcc\x81\xb1\x00Wj+\xc6&lt;dR\x96\xc8C\xd7\xae\'\x03l\'\x83\xd8\xc4\x1d\xa0(v\xca\xfc\x92]\xefs\xc3:\xaa\x12AY\xce\xe1+\x1f\x97f\xcc\xb8\nM\xb9-\xd3\xac\xef\xa4=A\x83\xe4\xe2{.\xcbv+\x94\xda\xb9\xf0\x9aE\xfb\x1d(\x96\x95\xf9L\xdc\x14g8\xf6\xe8\xd1\xac:n\x05\xb5\xf3,K#8\xf9\xda\x14|\x0335\xc4\\o\x93\xe8?#8\xf8(\xbav\xf2\xe8\x8a\x1b\xcf\xb7\x0e\xc5\xe0\xe3\xe3\x91\xee\xff\xe2\x82\x0b\xc3t\xa7\x9d}\xf2e%\x04\xf8\xc6o\xc4\xc6\xde\xa4\xb6Su\xff\xb6Ax.\x9c+\xd7\xcf\xcaU\xf0V\xc1J\x06\xdf\x80*\x9b&amp;$\x06;+\rjR\xce\xba\xf9\x13\x95\x18\xdd\x87\x9f%\xf8\xaaw\x9fe:6\xd0\xa9Qz\x9b3\xcci\xaa\x9fu\xe7b\xa0p\xde\x9f\xc6#\xb5\xd7\x08G\x1f\xef\xd7\x93\xe5\xb0N\x9c\xadQj\x88D\x01\xc6\x9f\x9e\x7f\xef{/\x02\xb8\xc3\xca&amp;\xa3Y\x0409ma\xd4A\x9a-\xe9s\x03\x87\xb8qeh\xb3\x88V\xea\xd7\xd0\x91\xefH\x94"y\x99E~&gt;\xf6\xc2A\xfd\x18\x19\x1c\xa2\x9b \xc4\xd0\xadC\xf5\xfd\xe7\xda\x15\xb7\x8b\xc0,\xbaj\xe4\xe4&gt;-+\xe3\x130L\x8d\x8dh\xed\x1bX{V+\xe5\x9e\xf1\xea\x9ah\xee\x82+e\x04\xc5\xd9\x01\x85\x1eM\xe8\xfb\x00Jwa~\x0cd3\xec\xe1\xdb\x97\xd6l\xef\xef\x0b\xfeV\x99V\xfd\'(\x8d\x97\x10\x9d+\x906\xea\xbe\x95\xef\xc9/@\xe8\x98\xe2\xf7i\x05C\xed\xcf\xc6\xa3v\x919\xda#\x05&gt;\x93\xe4\xfc\xa5\xbd\x87\x99\xa6\xca\x9b\x0c\xdd\xe5O\xc4Hi\xeb\xa0\x91Y\x05\x07\xec\xf0p+\x8d\x04\xa6\x0f\xf4)-&gt;\xa3%\x1e2\xb3zH\x01\xd0;\xeb\xdd\x98\xfc7\xfa]\x91\xda\x03&gt;+\xb3a\xc8i\x98\x13\x0e\x95\xff\no\x13\xa4=\x9e\x0f\x08\x80\xf4\xeb\x95\xb3\xfe1\xaa\xf4\x19NM\x8co\xb3*(\xfb\xfa\xd44I\x14\xf5W\xbe\xab_1\xdf\xebh\xa1l\x0bvq\x93L{\x16\xb9\xfc\x90\x876\x16\x93\x93p\xfb\xaa\x83\xb4V\xff\x80\xc4&amp;\xc0\xac\x9e\xad\x03\xbb\x8d\xaa\x15\xeb\x0b6\xcb&amp;\x1c\xafV\x7f\xbe\x95\xccx\xdd1$54\xd0\xe6\xebcl\xc8}? \xf4pr\xccS\x92y\xc0\xed\xafy\x12Dx\xcd\xd01\x9f\x10\xfc\xfb\x18\xe0J\xce\x9e\x1b\xa1%\x10\x07\xc4\xd4\xe2h\xafO\xbe\x15^\x1c\xfd\x1b\xb0\xf8\xe4Y\xa5\xb9-\xdd46\x03l\x0f\x9cYM\x93\x81":\r\xb8\xdd\x90lI\xa6yx\x91\xc4R\xa0/\xb2\xa8\xe7\x9d\x12"\xabY\xc4\x08;(\xb0\xe5\xcb\xa7W\x14\x18\x8e\xe42\'\x8cT\xde\x85P\xc1\x1c\x89\x05\x864\xa3\xbcu\xce\xbc\xe7LN\x0b\xdd\xd2Ok,\xb3\x9d\xfd5Q\xe3\x0c\xfaS\xf6\xe1\xd9P\x062\xa5\t\xc2\xd6\xc3\x89\x0e\x862\xa8P\x1b\xf3\x14\xda\x94\xf8\x1b\x00\x12fz\xa1:"\x9c\xa0\x8f\x7f$\x92y%\x9a\x13\x86\x8eh\xc83\x19m\xd7\x816\x80\x01!\xda\xd6;\xd9\xa5!\xc6\x0c\x12u\xd84\x17b\x06I\xc0@\xc9K\xc3\xf3\x17\xa5\x91.(\xb7\x16\x8b\x8f\xb5\x06U\xca\x05e\x0c\x0fL\xdb\x08\x1c\x8c\x10\xc9\x93\x00\xa1\x83\x9f:H\x81v\xf4\xc4\xfe@\xa3\x7fEcs\x1ch\xe7b\xc4\xc6\r\x9bX\x8b\xab#\xbb\x81\r"\xfc,\x1e)\x93\xc8\xde\xa0Wq\xc9\xfc\x03h\xf7\xf3\x88\x824\xc3f\xda\xf98\x97E\x84\xde\x14\xb9C\xc9\xbad4:\xb8\xcb\xeb\x8f"\x0bd\x93a\x88O\\\x85K\xa3\xa7T\xb7lr\x84X\x0fH\xd8\xa3W\x03\xe8C!\xae\x8f\xfciF\x97\xa0\xf0\x8fI\x16\x0bo\xca\xa3\x90\xefv\x12\xff{\xd0\x9e\xedF\x86%\n\xf7\n#NL\xe2\xba\xfcrx\xd0\x08\xf7\x06\xf6o4\x13\x87c\x95I\x17\xf6\xf7\xbc\x8ez&gt;s\xe1D$\x83\xb1\x12\x95\x87\xe2\xe7\xa2\x06\x0cf\x08_2\xf9BU\x06\x8e\xb5\x15\xad\xce\x15\xb1&amp;\xe5}{\x16\x07\ni\xf2\x80\x1d/\x99'</t>
  </si>
  <si>
    <t>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</t>
  </si>
  <si>
    <t>b'\xb5\xa15\x19y"h\xed\xe4\x88\x16m\xda"1,'</t>
  </si>
  <si>
    <t>oups â€“ those amenable to discipline, who loved praise for its own sake, and those
who resisted out of naughtiness:
[W]e sometimes see one of them hurt by a playmate, and . . . we see some of them take
pity on him and help him, and others laugh at him, gloat over him, and sometimes join in
and take part in hurting him. We also see some children rescue others from difficulties,
Figure 25.2 (Contâ€™d)
Roman Medicine 519
and others push playmates into dangerous places, poke their eyes out or choke them.
Some are reluctant to give away anything they have in their hands, some are envious,
others are not. (Mor.)
Galen deemed vigorous exercises appropriate for older children who attended school
and were learning sports, such as riding on horseback, but by then frequent bathing
was no longer salubrious (Sanit. 1.8.5â€“6).
5 The Medical Sects at Rome
It is also from Celsus that we first learn about disagreements in medicine as to
what knowledge doctors must rely upon in order to cure patients: some held that
experience and awareness of the evident cause of the illness were the essential ingredients, while others claimed that a thorough knowledge of human anatomy and physiology was required in addition to experience, so that a cause arising from deep within
the body could be identified through reasoning (Med. proem. 9â€“53). The quarrel Celsus
referred to was that between â€˜â€˜Empiricistsâ€™â€™ and â€˜â€˜Rationalistsâ€™â€™ (or â€˜â€˜Dogmatistsâ€™â€™), and
while this essentially epistemological argument among doctors originated among
Greek-speakers of the eastern Mediterranean, it too transferred to Rome and was a
part of the medical scene there from Celsusâ€™ day to the time of Galen. When Celsus
came to describe beliefs of the two medical sects, he switched from past tense verbs to
the present tense and continued to do so when he added the third way of looking at
what was essential to medical practice. These latter were the doctors of the Method, a
sect which developed subsequent to the other two and did so primarily at Rome,
classifying diseases according to bodily states and applying rules the Method established
for treating each state (Med. proem. 54â€“73). While Soranus was a Methodist, Galen
considered himself an eclectic, choosing what was best from the Empiric and Rationalist
points of view; he gave the quarrel full coverage and even claimed to have seen a
doctrinal dispute erupt into fisticuffs at the bedside of a patient (Diff. puls. 1.1).
Nonetheless Galenâ€™s insistence on combining information gained from both empiric
and dogmatic points of view and the influence he wielded over subsequent centuries
seem to have lessened the vehemence in doctorsâ€™ epistemological arguments.
6 Overall Roman Health and Life Expectancy
At the end of the eighteenth century, Edward Gibbon began his History of the Decline
and Fall of the Roman Empire by observing that the empireâ€™s inhabitants in the years
98â€“180 CE were reaping the benefits of the peace and prosperity initiated by the
emperor Augustus, â€˜â€˜a happy period of more than fourscore years.â€™â€™ Gibbonâ€™s assertion that these inhabitants â€˜â€˜enjoyed and abused the advantages of wealth and luxuryâ€™â€™
is reminiscent of Celsusâ€™ view that townspeople were more sickly than country-folk
because of their sedentary lifestyle and improper diet, both of which sprang from the
omnipresent luxuries then available (Med. 1.2). The average citizen of Rome and
those inhabiting urban centers throughout the empire certainly lived more varied
and more interesting lives than those in centuries past. Traditions of euergetism
520 Ann Hanson
flourished, and the emperors, as well as local elites, undertook many individuals
projects that enhanced the quality of daily life (Gleason, this volume). In addition
to entertainments, spectacles and doles of food stuffs, public libraries and parks, and
magnificent buildings, there were aqueducts bringing wat</t>
  </si>
  <si>
    <t>b'\x81W\x8bc--\x93GE.\n6r\xf0\xa8\x96\x13CN\xccYR\x9d\x1b\xbd\x1e\x7f\x8c;o]P&amp;\x9d\xbf\xbe\xa1{\x92\x8bK\x1csw`\xccU|\xf2\x8bx\x86Q"`G\x90@\xdcV\xb6\xc1\x1c?`\xa6\xa1\x18\xff\x15\xb9\xdd%Z\x04o_\xe6\xd1J\xba\xf9\xdc\x1aWr\x9a\xf1-d\xfdU\xf7\xbcO:\xdej\xcae\x84\xd9\xf0|\xd4\xb6\xa6\xb7G\t\xac\xcd\x98\x82\x96A]\xc9\xa6X\xb8\x16cG\x15\xc95a\x0c3EK\xa9\xf7e\x0e\xb6i\xa8\xc1(\xc9\xfd\xc5\xf6\x18\xdb\x95\x92\x99\xc7T\x1f{\x9d\xfbJ\x8b\xa0;\xa8\xea\x0c\xa9\xfcl&amp;N\x83\xd9LFJ\xa2L\xa6s\x86\xc2[\x9e\x9c\xac\xf0aa\xa6M\xdd\xc8\xbe\x8d\xec\xd3\x19\xf6\xe4\rn\xe6\xacR\xee&gt;+l\x08 \xb5`t\x90.O\xdc\xfd\x14\x13\xeb\x8dk \xc4yF\x8f\x07\x84\xcb\x1d\xfdvl\xdc\x98J\xfc\xd0hQ\xc8l\x80\x16\xca\xa4\xcb\x9d\xbe\xe9n\xfb\x81f\x13\x82\x94\x96Z\xc6\n\xc6\x07.\x92\x9b\xde\xb4u\x18\xdf\x0b\x8d\xf7kd$\x8a\xcfn\xd3t\xeay\x1d\'\xa3\xe2\xa2\x9f\xc0\xba\xab@\x8a\x16\xf3\xb8\xd7\x08\xf7Ew\x96\x15n\x8cd\x04Is\xb3\xdf*\xa0\xa0\xdd\x8e\x8d!p\xcad\x18S\xb0j?\xe0\xeel6B\xe2Sfq\xba-\x8e\x89\xf7\xba\x8c\x9f\r\x1d{t3\xdeW~\xc8H,E\xd3\xc3\xcd\xff\x94\xbek\xecc@ ,\x0e\xc3\xb2\x7f\xa2\x8b\xcah\x85\xce]\xce!?_\xe3N\xf6\xf8\x0e\xcc\xdb,\x9c\xb2\x94\x14u\x04\xe6\x8b.\x89\xbd\xad\xdcn\xae\xa0\xf7\x9d\xfb\x13s")68m\x8fP\xa1\xca\xdd\xc0\xed\xdc\x05\xc5J*U\x8f\x85 H\xdc\xda\xa0\xfd7\x84\x81"2~\xfb\x18\xb5\xd8d\x8c\xf9\xc1\x043\xde\xb8H2\x00\xf4\xf3\x95\x1b\xde|C\x10\xb0T\xa3\x1d\xe7\xcaDT+\xb3\xae{\x0b\xb7\x95b\xafk\xe1)\xc6\x01\xc0\x16P\xa7p&amp;d\x92\xf4\xbeq\xc6\xda\xe1\x05\x18\x10y\xa3B\x8flR\x98ap\x9f\x10\xcd~F\x1ag\x88W`#\r\x12\xd2\xac6\x96\xd5\x7f\x02\xb2\xcd&lt;\x89\xb5\xde\x98!\x90\tS\xbe\xc5\xe4\xce\xb0\xee-\x06{\xa2y\x81\x1b}w\x1e\n\xbdY\x96\xf9\x9d\xec{\xc8\xbb\xba\xbfA4D7\xe9\xba :\x19o\xc9\x97n\x11N\xb6\xc0\xc7\xdc&amp;\x03\x89\xcb\xe1\x19vW\x98\xce+\xb4b\x98\xda\xd4\x03\\\xb9\xd0\xec\xcb\x98S\xf7\xc8s,\xbe3\rA\xe3Vf\x17F\xb0\xd5\'\xda\xa4n\xce\x9a|\xcf\x90[G\xa1\xae\xed`Y\x85\xc7=\raAB\x80\xd9\x95\xdfy\xb3\x03\x15Z\x9dEh\x87A\x92\t\x0b\xda\xa6\xcb\xf6\xa8\x03\xd4\xb7\xbf\x99\xa6\xb6\xbbo\x9a\x8bU\x16\xa2\xb6\x9a]\x89\x8d\x12!\x94\xd90v\xbaHMbc\xc1j\xd7&lt;\x15,\xd0[\xff\xab\xad\x10\xa4\xfdefY\xbf\xbc\xdf=%u\xd3\xad\x91\x1c\xde\xda\x84\xcb\x8fR\x8b\x93v-1\xc4\x04\xa3\x7fe\xae9X\xaeh\xfb\xa0\x17\x1ew\xde\x1fb\xb3-\x0eY\xaf\xed\x13cJ"\x16\xf0e9\x0fU~\x94u\x01`sR\xf4\x06\xa6\xe1\xbc\x82m\xba\x9fl\xfe\x8c&gt;\xdf]as5\x1dB\x9f\xa3\xce[\xd6v61!q\tiz\xf1\xe7|f\xef\x01\xf0\x167\xd4\x91M\x02\xa4+vjbE\xbf;\x10\x85\x14u\xc7\x93\xe4\xef\xc2c\xc97\x0c93\x8d\xae\x1e\x94\xe3\x9ea\xeb\xf7S\xe3\xaa\x8f\xea\xc2\xe5\x82\xe0\x0bwx_\xf0\xe1\xfd\xb8\x83\x83\xa1\x86TgV\xa1CQ\xd5&amp;\xe7\xdb\xf8E{w\xe1\xb6\xd5O\xc8|\xdb\xee\x86#0b\xd7*\x04j\xec\xef\x1a\x1c1\x14\x1d\xc1S\x91\xa5.ps\t\x03\xbe\xc8\x12\xfc\xfb~}A\xb5/\xc7\xb0G\xf1\n\xb5X\xe9\xa8\x96O=\xd3\x110/\xb8\x92\xa5Lr\xdd\xc3G\xf0\x85\xbf_x\xbd&gt;e\x91\x9b*B\xcc\xe8\xfa\x85\xa7/!\x94\xb3\x1b\xb3\x0f\xd5afh\xddFO\x1dHT?\xa9g\xd3A\x15\x9d\xf3\x9e4`yqKy\xb0\x0f\xa7\xfd\xbc\x01c\xfdsA\x0b\x84\xdfX~\x99&amp;K=rH]\x9a\x94PG\x87\x98h\xb2\xaf\xad\x1e\xd1\xa3\xdb\x9b\x87\xa7\xdf\xc4\tC"\xdb/\xb1\xa9\xad\x04\x13\xa1B\x93~i^nj\x15x\xf7"M+n\x19\x0fo\x80c\xdbd\xd5\xb8\xef\x86a\xf5"_\\\xbd\'\x020\xe7\xe1!\xbf\x05V\xd0\x02\x8e\xe4c\x85h\xe2\xb0\xe5 \xae\x10\xd8p\x01w\xbe\x92&amp;\xb2\x8c\xde\xe8Z8\x99\xd6\xb2\xb8\x9eF\xd4\xbd]H\xf4v\xc3\x83\xdb\x8a\xa2\xce4\xa5\x02O\x0c\n\xec_\xfc\x9f\xb9\xe1\xd9\xa7*\x1f\x9aY\xaa4C\xabX\xe6\\\x8eBT5z\xf6Lt+\xd2Z\x86\xe6g{\xdc\x00\xec\xd8n#\x16\xb4\x1b#\'m\xac\xed\xed\xb2\x0eP\xad\xcb\x8d\xb8\x89\xee(\x82\xad\xe2\x10\xf6\xfd,\x16\x02\xddr\xaetT\x9c\'\x90\xa6\x91;\x87]^)\xac&gt;/=\x19N\x9e\x89p\x90\x13Kw\xfe\x11H2\x9f\xf0\xa6\xfe\xfcL\xfd\xaf\xb38\xeaC:\x85\x07\x8d\xc7\xa9&gt;I\xef5a\xa0\xf8\xf9e\x13Y\xe9\xe72do\x9eU\x07\xd0\xf7\xb4\xaf\x16kM\xc2\x02\xfb\x83U\xe6O\xf9\x11L\xa6s(\xac\xb7\xd8\x15)B\xd2S\xe9\x98\xc2\x03\x83R\xc5\x1b\x07\x7ftvl\xc5\xeb*\x12\xbe\xa1p\x0b@8j\xc70;\xe3\xb0\x98!\x9d46\xae\x01\x05"\x13\x93_VS8\xc5%&amp;s\x8a\xf8~\xc2\xcb\x7f\x8f^UY\x0c\x82"\xf8\xa5s\x1f\x860\\\xa6i)k{\xd9U\xb5\xd0\x1a)\xc6\xd6\xb9\xbe\xa8\xec\x96\x00\x16\xcc\x81Q.\xab\xe9v\x16d\xe1\xf6\x08Z\xe7o\x85\xa3\x99\x19\xcc\tL\x9d:f\xaf\x8ad\xea\x9d0\x12\x07|\xc9&amp;\x92r\xf8\xa2\x0f\xcf\xbb\xa6\x98*i\x12\x05H\xc8u1\xdd\x8b\xb8p\x12\x8e\xee\xcc\xe3\xbb\xa5\x0b\x81Z\x89\x8d\xdf\xf4\x0c\x18\x8b\xb3\xd9\xa6*\x95\xf6*\x8cP\xb7~\xdc\xac\xc3B;\xb7+\xff(\xb6K\x9fD\xf9(\xbf\x9e\x8dX\xce\xdc\xc1\xdar\xfa\xca\xdf\x0c\xa0}\xb0\x99\xaa\xae\xdc\xa9\xad\xb2\x02A\x0f\xf1O\x02\'\xa3\x97M+\xcc\x14\xcd\xa0\xe1\xf6\x8e\x9b\xaf\x15\x17,+\x16\xb3\xc8\xb3F\xac\xfa\xe5\x02\xf9\\\xa2XzLLT$\xd7\xd1\x11%.9\xe8h\xa5\xb7{\x1e\x0b"\xe10\x07\x99?\xdc^\x05\x99\xf1\xf7\xcd\x96\xa2\xff2#\xe9\x95\x1a\x1b\x99\xa9\xb6\x00\x8c\xe8 U\'fp\'\x83\x1f\xe6f.\xb1"\xfa\xf7=\xb8p\'C\x92a\xc6\xaft\xe2\x0b\xd8nk\x11\x06\xa0\xcd\x17\xc5\x84a\xcf_37\x1b\xcf\x91\xbd\xf3\xeb\x11\xa0_\xf2\xd7\xf6h\x8fY\xed\x8fC\x8b\x03\x8e\xf6lY\x9f\xfc\x88,\xaa8\xa0\x97\xf1{\x04\x812\xed{W\xfa2|\x04:Ti\x11\xde\x06\x93\xed\xa50\xef\xb4P\xc4\xd8\x82\x90;\x80\xbe\x8e\x95\xe67\x0e\x96M)^W\xdf\x84N\xf2\x08\xd5\xd0\xd1\x9a#0\x80,.\xa0\xad\xea\xcfp\x9b\xc5\xfa\x90Xb\xbe\xf7\x04w\xa6\xac\xfb\x92\xaa\xa8\x87\xe8\x1a\xa9\xfdF=\x8cn%X\x83Q\xdf\x83\x14\xfbo%\x96\x10\x8bue\x01\xb0\xf6\xb9\x9b\'\\p\xd8c&lt;E\x99\xf22\xb8\xce\xebPQ\\\x08\x83\x87W2\xd1]v@q5!V\x0cnN4|\xa79\xd3\xf1`\x06\xe2\xe5.\x8b\xba\x90\xca\xecM\xb0\x89\xb1\xdaq\xb0\xd1\x8c\xfe\x13\x82\x13\x7f\xf8\xfa\x04A\xc7\'Af\x81\xdd\x9b\xd9N\xff\x14\x85\xea\xefQ\xc7q\x88+\'V/T\xde+\x19\xfb\xc4\xc4i\xe2\x8e\xf1#\x7f\xd6*\xde\x0b.z\x8d\xfeI\xba\xb8\xa3\x18\xbc*m#\xed+\x01\x989%21\x15&amp;\x01m\xb9[\xfbs\x83\xd1\xef\x91^\xc7\xd0N\x18\xa0\xc2hW\x81Ns\nP\x9e\x14c\t\x05\xa8\xbcKg\xcf\xd8\x01R\x89\x86g\x81\x93\x9bl\xee\x80\xd0\x95\x95\x8b\xd5\x19\x9b\xaa\x02r\xac\x80\x9ckP\xf3\xe6T\xae\xeeE\xe5\x07w\xe3\xc7f\xf4\x8d"M\xae\xd7\x87\xf4\x14W\xe7\xa6\x9bS\xd9\xa3s[\xd2%\xbbtAI\x83\xd4\x88\xb6?\xfcT\xe7\\\xc5\xdap\x7f,\xac\xb0~\x10&gt;\xf3\xe7:\xfc\xb5\x99\x9c\x17%\xd8(q\x04\xd2B[\xfa\xcc.v\xe7\xd1\xd2\x12L4%uXM\xa3\xb5CVg)\x85\xdd\xe7|{sS\xe7\xf1\xd4!meLvJ\x05\xf5\x034\xb9!m#\xb5\x80\x84\x84\x1e\r7,\xd4\xce\x85$NW\xb2\xf4i\x04\x9e.\xf6\xa0\x8f\xe4Gz\xed\xd4\xdd^\xeb!\xc3\xbfL\x82\xb4\xb67I\xc8\xe3\xbd\xa0\xcb\x9a\xfd\xf8v\xb9#z\xf3H\x0e#rwb\x98\x1e\x85RM\xf4ppVp\x11\xe9\xbdV+\xe5&lt;]\xdf5&gt;m\xebH\xd4\x10\xed\xaa\x9b\x12\x9f\xcd\xb4oP\x97\xb4C\xb7=)H\x88\xcc\xdf\x93\x9e\xfd\x01\\\xbd\x9a\x1c\xfa+w\xc4\xf4\x0cq\xb2&amp;f\x02\x88u\xc4\xdbF\xbb\xd2}~\xa2\x10\x10\x14#s\xd6\xccZ|\xaa`b\xec\xdd\n\x806\x1d&lt;\x8e\xf6\xc3\x13*D\xf1c\xe3D\x93\x97m\xfd\xaa\xe6\xf6\x14\xce}\xd4R\xca\xfa\x06\xa4\xe2\xa3\x1e:\xd2\x1b\x8cW\xd27b%\xe1\xba3\x15\x061D\xa7\xd6\xc5\xc7\x97\x1cr\'A\xdd\x10u\x9b\x92\x7fi\xe6\xea\xb8\xc8(\x16\x9c\xac\\\xd34\xe5\xeb\xe4~Z5\x7fW\x89\xbf\x8c\x05\xc4n3M\xaa\xb2$_F\xd3\xf0\x87q1\xc9d*\xef\xaft\xc13\xbcz\xae\xcf^\xa5\xb3?\xca\x92Y,\xad\xf2~K&gt;\x0411\xa0\xa1\xc1\x12o\x1f\xe0"&lt;\x14\xb8s\xecX\x1bP&amp;\x17f\x16\xdd\xb3\x8c\x87O\xd1\xc4\xb1\x9d\x08\xee\x93\xbf\xeb\x85\x18\xed\xe0d9c\xf2\x9d\xca\x1e\x8f_\x8e\x1a\xebX\xc22q\xf5\xa7\x80l&lt;+\n\xc7\xf3L\xdf\xa2\x04t\xcd)\x8a\x18d\xc5\xc1\xc7\xf6\xf7\xbcsbb\x15\xd7\x1ax\x97Ns\xa2\x9f\x107\x9f\xbdxDs\xd8\x87\xba\xe1"\xf6\xa8\x81\xe9\x16P\xe8\x8d\xa3Vo\x19\xa6\x944\x00_\t\x17\xa5?\x00\xb4\xd8\xef\x9ac\xf1\xac~&gt;3\xdd\xecL\xcc5.\x12\x98\x9bo\xe4\xc8\x12\x8f\x1e;1\xd5\xd1\x8e\xd73\xebL\n\x02\x8b`}m/\xf5\x8a\xc7\x92\xac\xf9\xdb\xdeI\xfd\xe1\xa8\x8b\'h\xfaF\x03\xce\xb7\xb11\x9ac\xfa$\x03T\x9e\xa4\x04\xd2\xe9[\x9fr\xc7O^\xdf?W\xbeR\x00\xa2\x89I\x18\xbc\x9b\xe0G\x139;m&amp;N%\xa2%\x7f\xd7\x89O\xe0\xf1Ut\xd0\x84\x1b\x14\x1c\xa4\xce\xce~\x86\x03\xbb#4\xba|Ew\xe7\xbf\x89\xc6\x1e|\x05\xb88\xcc$aJ\x13\xe0\xbe\x8b\xfbc\x9d\x15\xd3\xdf=o&amp;\xfbp\xd8\xdf!\xccX\x98W\xce\xf1\'b\xfa\xda\xc3\x08\xf1_\xc5\x1ae2\x9a\x03\x18\r\xcc\x0e\xd5.y\x15\xea\xc3\xe4\xb4YH\x89`\xe4\x8d\xff\x16m\x1a\x9c\xed\xa3\x15V\x9c0\x945\x810\xcaz\x86c)\xeb\xd6\xf8%\xe1)\xa8\xecH\xa9,\xb9\x99&gt;/U\x9c?\x03q\xd1\xb2\xd7t\xceN\x0b\xcbn\xa9\xa3\x0c0\xd2\x91+\x12#\xc1I8^ Q\xacK\xd6\xacj\xd1\xe1\xc7\xd9\x1f\xb6P\xd2s\x7fF\x9b_\xc3\xff\x00\xa8\xf8\xd8\xf0z\x01B\xba\x02\xb8\x15&gt;p\xa5\xad~\xf0\xc6\xfc@\xeeY\xde\xbb\x9fU\xc7\xa4\x89\xba\x8ec%\x02\xf8\xba\xc2\x15\n\r\xfcAb{r\xb5\xac\x83W\x16\xc5r\xf7\\\x18\xc9rD\xcd\xe3\x93@y\xb5\xa8\x1e\x0c\xb1\xe06\xc5\x9b~\\\xc6\xf3\xcf\xa1\x028\xdd\x81\xbd\x82W/\xd8\x87\xc9\xcaQ\x91xE\xc4\xd4\xb6\xcdF\x06Z!\x9d\x0b\xa2\xf8\x19zt-\xf5\xc1DCt)\x02\xb4_\xd6\x80\xe1\x0c\xec7\xd1&lt;\xab\xa9\xa4\x8d4-3m\xf9b\x13\xc0xs\xef\xca\xdbf\xc4\x83\xa6e\xe1\xb9\xcd\x1a\x82\xd8jH\x98\xee\xbb\x82U\x04\xe1\xfc8\xfc6\x05\xae\xf3\x89Za5\xc61\xce\x1c\xf6\xea\xc3\xdd;b\x8c\x8753\x06Y\x13n\x8e!\xb7\x18"\xb9%\xc7\x84\x987\x1cy\xbc#\x05uK\x9a\x93\xd6\xc5\n)\xb9O\xb6\x7f\x1eP\x02\xbbk\xf5\xdc\x83mz\x9dM\xe4\xde\x97\x06\x96i\x1d\xf0\xb7\x10\xc1\xe1\x88\x10\xad\x1b\xff\xa5V\xbd\x89\x8e\xfa+\x11\xa5\xfeV)\xf6\x01\xd8\xa2\x1c\x17\x18S\xdb\xf9P\xd8}\xe7\xa1+\xce\xba\xafY\x10\n\x95\xecO\x16\x88|h]\xed\xb8i\x7f\xb2IBr\xfa\x94g;\xca)]#\x01c\x9b\x07\x7f"A5A\x92\x08\x86!\x8bk\x84X\x9d\x0e\xf9\xf9\xb7\xb9\xba\x88r~\x96\x98\x13rQ#\xfd`Y\x00`ci\xc2\xfe\x19\xd8\xc1v\xf0\x97L\xd8\xef\xc6\xd2\x94 &lt;\xf6\xfa_N+Nd\xe8x\xe0+\xfc\t\xc4\xd9\'a\xb8\x82\xaa\xd48\xf54\xb2\x04\x9e\xbdT\x0f\x98\xc6\xa7}t\xbbM\xe3%\x92Y$\xd8^\x8b\x8b[u\xed\xa5\xaco!T\x9d6cE\xech\xbfWm\xcc\x8b\x11\x7fdT\xaeZ~\t!\xad\xb0\xee\xf3\x80\xdf\xecu\x1a\xf2\x84&gt;:h\xca2\xf9\x96D\n\xd7\x96\x8a\xb2\x8e\xdd:\x0fVw#\xe8\xf8\xdbS\xa4\x81\xa8\x80y=\x17\xc3NB\xa5q\xb4\x91*S$\x1e\xb3w\x08o\xa6\xce\xc7\x99\x81\xf2\x9dn\x19\x12\xae\\\x1e\xef\x1c\xc3LP\xacb\x8a\xab\x96\x1b\xf3?\xf6$\x0c\x807\x11\xb0\x98j\xc12\xe0.\x1e\x03\x8f\xbf\x10\xff"\xbd\xf9j\xe9\x9b0\x9d\x11\x8c\xa6\xc9\xb4\x04\x13\x98\xca\xed\xdcS\xfes\xb3\xec\xf8\xe3vv\xd6Q\xe9\xeb\xa6|\xfc\xed\xd7\xebH\x9c\xaf\xfc\x04\xf2\x82#a\xb6\xba\xce:g9\x8dx\x98\xc5\xffj\x85\xc7 \x1e\x1b\x00&amp;\xae\xa6\xb8\x08\xba\\\xad;-k\xb8\xb3_\xe7\x07\xf6\x7f\xcc\x04\x06\xdd,\xad\xd4\n\xa1\xd4x\xaa)$.H,=g!f)\x0b\x15\xfc\xc9\xde"\x13\xa3\x8c\xa3\xd7\x0c\x9b\x0b\xa90\x02\x12\xc6\xc4\x97\'\x07\xbc\xab\x17q\x18y+\x8c\xae\xa5\xcf\x05\t~z\xd8@yy\x0b1\x1a!\x8c\xeeK\xe5\xd8\xb4\xf2\xb5jsd\xdaZ\xcbjt}\x14\x85\xaeNm\xd9\'\xc7{\xf1\xec\x01\xbe\x9f\x16\x19\xaaW\xa9.!\xdd\xa2\xf1\xfe\x1d%h\xdc\\\xc4[m\xcb"U\xd7\xc2j\x86;\x9eC\xb0T\x11\xa6\xc3fn\xb3\xa9\x17!\xd5\x1f\xd5\x14\xbb\xf0Ws\x9e\xdc\xa6hDn\xfc\n\xe7L\x01kv\xbc\xec/\xb31\x8ey\xac$\xb6\xa1\xf6\x7f\xa7\xb2bB\x1f_\xeb;\xbb3n`l\xc85c\xd4/E\x03#\xf0l8H\x84C\xa2\xb0\xd4\xe5\xcd\xec\x07\x1exV\x0eW\xfd\xc1R\xd9\xe4\x97\x01Z\xb8\x1f\xd6|\xe7%U\xed\x04\xee\xbb\xae\xea\xd2\xc98=\x9e\xbc\x1a\x1d\xa3 4sfr\xea\x18\x85\xb4\xe5&amp;\r\t\x96\';Q\xfb\x9a_@^H\x97\xa88Z\xb0\xce\xb5\xaeWk\xcbH\x97i\\\x1c\x92}J\x834f\x0eZ\xc7\xf3\x98P\xbfPf\xb7\xe1J\x02\xf9\x00\xc5g\xe4/K~t\rd\t\xeb\xac\x86\x19;~W\x8b\x15\xb7\xa4\xc6\xb8\xb51+\x8f\x15q\x19\x9e!\xaf\x07\xd6P\xf4\x08\x8brH\xfb\r,?\xd6\xd4i\xe4UR\xe2\xd9\xb2\xc5Wb\x80+\x96\x0b\xb3\xa3#G\xb794\xfd\xf9\xa0s\x0c\xa4&lt;2P\x0c+x\xea\x04\xe0Q{$\xbd\x95\xfa&gt;\xc0\xbcv\xa7\x194C*\xa6\xbc\x03\x11\xc13^&amp;pG\x9fR\x8cA\xff\xca\x18"\x95\xb2\x99\x86XT\xb6\x08T\xdd\x89\xc4u\xfe\x1d\xe4:\xf0A\xb6\x19.U\x8aN\\\xc9x\x07X1m\x0e\x88z\xe2;\x9e\x9f\x94\xe0\xf5\x05\x86\xa4\xf9\x8aZ^\xa7\xca\x9c\xf9w?S3\xae\xbc\xcd\xafj\x02\xe6\xef].&amp;\xa3:\x07\x1cA\xf6\xd3l\xb9e\xc0\x84`\x980\xa5\xcey\x15\xb9\xe4\xed\xcbW\x96K\xf5\xdbP\x13c\x90\x8c\x8f\x9b\xde\xe5;\xb4\'\x08\xd2\x1a/\xeb\xb7\x02\x1cT\xff\xd0\xd1\xb8\x04\x07\xdf\xff\xeeG\xbd\xed&lt;^\x91\xe1\x97&gt;\x03\xb7\'H\x0eRo\x99c/\xe7\x94`&amp;\x9c%\x9d[t\xe9^&amp;'</t>
  </si>
  <si>
    <t>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</t>
  </si>
  <si>
    <t>b'\x81W\x8bc--\x93GE.\n6r\xf0\xa8\x96'</t>
  </si>
  <si>
    <t>lves were in awe of all the other huge sponsors at the show.
 We made these snarky t-shirts that we handed out: I bought some
 supplements on Amazon, and now I look like this. They were a huge hit with
 everyone but the reps from the big companies. Things got a little
 confrontational. â€œItâ€™s people like you who are ruining the supplement
 industry by selling online instead of in retail storesâ€ was a line we heard a lot.
 That was evidence that our approach was working. We were beating the
 big guys at a game they werenâ€™t even equipped to play. Also, because those
 big companies werenâ€™t equipped to play the new game, we had a leg up on
 how our business was built. The majority of big businesses are totally left in
 the dust when it comes to targeting a specific audience and giving them what
 they want. Theyâ€™re just not agile enough to be able to do that.
 Trying to bring a slow-moving big-business style of machine into a fastmoving industry like e-commerce usually involves wasting a lot of money.
 For instance, one of the acquirers I sold to only purchased my company as a
 leverage point for launching a bunch of other brands. They wanted to become
 the Procter &amp; Gamble of Amazon. They bought my business as a case study
 of how to scale well, so that they could build a huge infrastructure aimed at
 replicating the style of business Iâ€™d built.
 Initially, I was honored that they saw my company as the example they
 wanted to follow. It meant a lot to me, so much so that I stayed involved after
 the sale to advise them for a year. On our weekly calls, Iâ€™d tell them the exact
 same thing every time: â€œYouâ€™re lost in scale and replication. Youâ€™re thinking
 too big. Youâ€™re not implementing any of the things that built this company in
 the first place.â€
 They completely ignored me. They couldnâ€™t see it my way, because they
 could only think big. As a result, they lost millions of dollars in investments
 by trying to scale fast before having any specificity. Iâ€™ve seen this happen
 time and time again, not just with my own companies Iâ€™ve sold. Iâ€™ve seen
 acquisitions from older, rich businesspeople who are literally trying to buy
 the speed and momentum of internet businesses. Theyâ€™re set up for failure
 right from the beginning. Itâ€™s impossible to maintain the momentum of
 somebody whoâ€™s thinking small if all you can do is think big.
 What I learned from this is how effective the strategy in this book works,
 and how vulnerable big companies are. The minute that they lose connection
 with their customers, the faster they will go out of business. You hold the
 cards, not them.
 When Should You Sell?
 Once you hit a consistent 100 sales per day, the game changes. The years that
 follow will be spent growing that from $1 million to $3 million to $5 million
 per year. When youâ€™ve crossed that initial million-dollar mark, youâ€™re in
 â€œThe Gold,â€ where you</t>
  </si>
  <si>
    <t>b'\x89\xb2\xc1\xe6Y\xbfO\x8a\xf4TK\x8bU\xbf\xf3?\x88\xfat\x8ax\xa2T\xec\xe5\x97\x92\x94\x03!w,\xe4f\xfe\xf3\xd4V\x1d\xa2\x86\x05\xb6j\xa75\x17 #\xf2b\xc8gm\x9b\x02#\xed-\x02\\\x05\xcd\xf7%\x04\xfd\xb2\xaa\x8e\x0b\x0fYs\xb0\xd8b59\x93\xc7\xad\x8e\xcf\xcb\x80j\xea\\6\x8aHX\x83lbj7]\xfcue\xd3p\xaaP\xc1T\xd2a\xfc\\\x89\x84\xa2\xe1D\xe3F*\x94~\x03\x15\x7f\xdec2\xc9\xbb\x9d]:\xad\x85\xefn4\xaa\xf6\x18`\xb0\xd9ZOH;0\xac\x8b\xc9\x0b\xa4\xf9\xe0\x9d\xea\xcb[\xb0\xf3\x8a\x822P\x1f\xcd\x90\xa9v\xe9\xe2\xc4\xca\xa9\x8b?\x9c\x85\xa4(\xaddl\x97\xd3\xc8\xda\xfd\xa5\x1a\x1a\x19\xfd\xbb\xb8\xbd\x80Z\xe2\x82U\xb3H\xf4\xd0dy\x135\x90^N\x11?\xf8\xff\x87h\xfe\xaeLP\xed\xd0\x98\xfb\xbb\xb2\xc3\x02S%\x9c\xb8\x81\x87\xd8SI\x16\x8b\xe4\xa2\xb2\x8c\xa3\xb4\xf4\xff\x9bTf/\xd7&gt;6\x87\xd8FfpgA\x89\x8c\x12\xcd\x9fcdR\x02R\xe9\x82\x9f}\xf8\xe25#\xa4D\x0cC\xcd\x8c\x9bkE\x7f\xcc\x0c\x02\xc2\x9c8\rH\x80s\x18\xcb\xc3;\x98,\xedo\xff\xe8\x07\xb9}\xe4\xfdJ\x06k\x06\xc6\xe2\xa3\x0b\x00\x87\x85\xb4\x89\xc9\x8a\x17/\xac\xca\xde6\xbdi\x13x\x91\xf6\x9b\x06\xca\xf8\xb7\xa0\xbf\x96\x16\x1b2HB&amp;\x94\xf1\x1d]\xba\xe9\x07\xa5\xe4\x835\xaf\xb0JS\xac.5,=\xc8\xfe%\',\xee\x1du\r\xd0_\xfd,\x8c\x15;\x01~\\\xfa!.\x8f\xef\xa6\xe9Cg\xe79B\xb2\xca\xabO\x04\xf6\x87 \xed\xf0\x14\xfa\x13\xa9\x0c\xb42@\xabp\xd0pM\xe2k$e\x08\x06$M5\xd6\x98j\x01\xbd\xc9!y\xd5C7\xfeG\xde\x10\xb6\x19yC\xb7\xa3\xec\x18\x03:\xd6\xa8\xd1o\xd9\x8c\x86e\x9f/\t\x06\xf1\xe7\xe2\xc1\xb6W\x9bl\x1dU\xb2\xa0OAL6\x8d\x7f.EP\x02\xe7\xdb\xabr\x99i#\t\x1c\xd3\x8d\xaa\xc2w\x7f\xde\xb1\xfb\xfd\xd1$\x94\xa7x\xf5F\xf7\x13\x8d\x96\xa5\xe9\x8a\xb8^\xbdq,\xba\xe7#Q\xf9\x08\xa1\xd8\x0cM\x86\xe2\xa7\x13\xb7\x98\xed5\x10\xf3-\xe6\x91vfI\x95\x19\x82\xc9{^M3w\xddA\xfd\xfe\x82`\xf1"(\x9f\x9d\x86|\nP\xd0rb(\x89\x99\x1f\x8d\xc2\xcc\x86-*Ob\x07\xbc\x92\xd9V&amp;R\x94\xf7\x184\xd4\x01N\x94W\x1f\x0be\x03f!\x1as\xe2IA\xcd[\x1a:\xac\x86\xfd\xbf\n\xd1\x98b=;\xc1\x94\x16$s\xf7T\xee~\x0b\xcb\x99}\x8bp\xb8\xcf\xfc+\xc8\xc3\xd4\x80\x08\xae\x17c\xac\xb4Tj\x8f\x12.`\xf1\x93D\xe2\x82\xc5\x17\x15\x85\xf02\xf3\xddd\xfc\xbe\xa9\x90\xb4\x99@]\x8a#\xd5\xb5S\xab\x0eP\xa7FO\x918O\x02B\xf0\x81\xe4\x0f\xa1\xe6m\xff\xdb\x04P\xcc5U\xf9\x1el\xd4bw\xa7&lt;\xaa\xdb\x8f\xf1\xb2\xf1\n\\V\xde\xf9o\x14\xfd\xdc\xaa\x1d\x93\x80\x1c}\xdaMG;\x0c=nEk4\xa4\xf3\xf2\xf9\xc1),\xda\xab!\x83p\xb1\x8a\xa6\xf6\x805 _\xd4\xe0\x97\xda\x93\x11\xd1K\xf6\xb6\x11\xa0\x1a`\x93\x92\x90\x91\x15;\xcd1@N\x01\xf7\x1f\xecn\xc1\x90\x0f+Q\xd2\x0fA\x92F\x15s\xc9\xc2\xbf&gt;\xbeW\x92\xbad(\ny%,[\x94_\xf6u\xba\xe9\xb4Tw\xf6\x07\x00p\x18\xb9\xa0\x8f\xa0\xa8b!#\xc8\x86l#W\xf3:\xffj%G\xb5\xa1$\x84\xe2ioe/u8\xa1\xe3\x8ea\xb9\xdf\x989\xf7\xa3\xf5\xb0\xba\x8f\x182\x06\rA1uM?\xf9\xae\xa2a\x00\xea;B\xef\x0c\xde\xcbh\xde&lt;\xd9\xfd6a\x83\xa8\x19`%\x8a\xef\x85a\xbd\x0e\x197tH\xc1\x0b`\xc0!\x17\xd6\x11\xe6\xc8\x8bz\xf8\xec\xef\xb2q\xee\x83\x1b\x99\xcfc\x1a\xbb\xe4\x86\xe6$\xa7uc\xe2\xfd\xe6G\\\xea\xe0\x9b\xdb\x9e\xcb\xb0{\x1e\xf9\xc3\xe1\xcf\x15|\xcd/\xaa_3\xdc\x8f\xa9\n\xc1B\x93bP.\xb5\xa6\xee\x8e\xf2nn\x1d^\x98w]\x8e\x12\x14V\xea\x992m\xd6\xbc\xf0v}\xda\x8cdiN\x03\xce.\x17\xc3\xc7\x9b\xc6\x1e\xa6\xbe}H\x9fU\xa34\x83tc\x17\xc5q\x01\x00E]\xb9i\x9f\xb8\xe6\x1fP\'L=\xdd\x85-\x89\xab\x88\x9d\xb1\xd8\xbf\x8f\x110h\xdemX\x88(\x10j\xc4C2r?\xa9\xe0S*\x02\x17\x11\xee_\x051.\xa9\x9f(\xf5\x15\xcfy\xa3=\xbc&gt;\xa73jL\xd1HV\xc6F1\xc9\x99P\x97\xd7\xb4\xfa\xb6\xa3c$\x16\\Sg\xe6c\x05\x0b\xf1G\xb6\xff\x96\x11K6WN\xf5\xce\xeb\xc0\x95\xf6\t\xc1\xae\xdf\xc4JX\xb7-\xb6\x13\xe5q\x8d\x14\xa5\x9c\xe5\xc5O\xb4j\xc6\xb2\t\xd44@9T\xbd7:{O\x15\x9ey\x9e&lt;\x9c\x19\xb2\x15z\x9b\xe3u.8\xb1\x91i\xb3\x93\xc5\xc34\x05\x95\xdd\x1a\xd5\x8e\xe4\x91$pA\xad\xb9\xef2\xab\xc6\x1bi\n|(:m}15\x86H\x02\xd6\xab\xae\xe6\x9b^\xe9\xb0\x84\x85\x0c\x15\xf1&gt;\\\x16\xe4\xfd.\x1f\x98\x03vF\x14\xbeMJ\xd4\xbd\x1e\r(\xef\xf4\xdaG\x1c\xc7[\xf3\x9f\xbe\xc3\xd5Bo&lt;W\xf0uM\xfa&gt;\xa7\xb7?\xff\x94\x8d\x10Cmc "h\xdf\xd9\xdeH\xeewa\x8d\x97C\xa2\xb2\xdb\x82,^\xfa\xfa]2\xc6(\xa0\r\xc6\x17Pm\x13\xaa\x0b\xb5l\xbc\xdc\x11Cr\x08\xc5\x18S\xfaI\x0cT2&gt;\x05b\xce\x88\x1dYAC\xf6e&gt;\x8e\xac0/V:\xe2xq/\xf9\xdd^8S:L$|\x06C\x160\x17\xfd\x16\xc2d6\x9d\x7f\xaar!\t"\x18\xf0_\xf4\xcaC@\xf9\xda\x1fo\xa2*\x8a\xb6)\xa4mm\x1d\x05&gt;\x8e([\xc5&amp;t\x01a\x9a\xf7ih1Q\xa48&amp;\xa0\xfe\xfb!\x13W\x19`94\xe0\xf1\xcd\xa3\xc8\xbc\x1dC\xab\x17\xc5\x07\x85\x89\nK\x14AK\xcb\\Y\xd0w\x92U\x85\xb1\x12\x8f*7\x8cw\xfe}p\x0c%\xf0\xad\xd0\x89\xcd\xf5\xe6C-\x07\x0c\x03(|\x8eK;\xc3*\xe4\x94[w\xd9\xe0\r\xe4\x92qQ%_\xcaI\xaf\x89]\xfcK\xe8\xb7Nm%3\x84\xddv\xe3\x98\xad\xc2+mW\xbf\xa0\xe1Ek\xd6\xd1e\xa6^\x88\xab\xe8L\x81]eH6\x8f%\xa3k\x0e\x91\x86Pu\x90?\x9e\x7f\xcerT\xcb\x97*\xd3E_\x0bf\x8eK\xf0Q\xba\x8a\xe5)^\xe9\xbe&lt;r\xe1\xd7&lt;\xd3\xf3\xcdg(\x1b\xf8\xd0[\xdd\x8b\xfb\xe8\xc3+\x05\xec\x1a\xd8z\xce\xccj1r?\xcaz+!\xf9\x87N\xd7\xe6\x13\x8d\x17\xda\x1cF\xc1se\xc0\xef?$\xd2V-T\xa9\xd2\xd0\xca\x19\xadz[\xb6 \xd0\xea\n\xba$\xaf7\xaa\x01\xd8\x1fI\xff\xa3\x8e\xc4\xa3\xe0=\x92*\xf2\x98lhP\xf9P\x17\xcbeH[\xe8\x00\xd7\x1e\xaa\x02\x1d5\xfe\xd7\xd1\x12\x01\x131H\x1a\x9e\xd5\xe4\x82\x0cJ\x91\xde\x949\xe9\xbcC\xec\xcf8\xf6o\x1b\x07\xc7]a\xf4\xd3\xf5w"*=\xe8\x86\xc84oyV\xc9\xb6-\xab\xa4\x08i\x14I\x0b0\xbdD\xea\x85\x99\xe5j\xa9\xc3\t~\xec79\x11\xbf\xaf\xb3\xde\xe7\xd7=\xd6\x7f\x11\xf1\x90t\x1azP\xad\xc8[\x92\xfbV\x06o\xe4/\xdf\xfa\x7fU/M\xb0\t\xc8;s\xa0\xf7\x02%\xda`G\x8aC\xfc\xe0x\xcc\xae\xb1\xc1\xf3\x10\x18\x85D._\x8f\xf6\xc2([\xab\xe6\tm\x13\x1dWG\x86\xdc\x18\x9a\x0c\x8fC\xbb\x9c\xa7`\xd1\xd8\'\x80\xa5\x9ff\xec\xd9&lt;\xdf\x81\x0f8\xfav\xbae\x0fE{\xfb\xbc\xee\xe1\x01\x83,\x08\xd2p,h"\x80dg\xeb\xc4\xe7\xd2\xfdsh\xbf}\x99U4\x99/\xe0\xb1\xb8\x98\xbc\xe4E.j\xe4\x95Z\xb7:\xe8\x1e\xc6\x85F\xfcu9\xdc\xf0Q6\xd4@\xde\xbb\x06\xd0\xe1\x15b\xca\x9fS`\xf7\xfd5\xd0\x13%\xc9\x81N\xdbcv\xda\x80|\x17\xeb\xf5\xff4\xd2\xbcg\xc3\x93v1A/Ax\xf7\x14%E\xa7{U2\x03\xe7\xe6?\xe4\xad\xf1\x10\xc6\xcd\x8a{\xf6\x7f\x1a0\xe0\x95\xa1\\4\xf1\x96\xaa/\xda\xc4\xd2\x04m\nu\xf9@\xf1\xc4g\xe5\x05\x98\x10+\xc1\xb7QQ\xcdB\xa6\x83I\xa8/\x8d\xfcz\xb0\xc4\x90#\x91iS\x15X\xf3\xc3\x03\xc3ub_\x91\x1a\x9b\xdf\x96\xca\x12\xd8\x95\x16i\xfa\xc3[\x04\xd3\x19\xbf}WD\xef\x99f\x17e\xd7\xdd\x0e3Q\x08!\x82\xb8\xbdC\x96\xde\x06\x8e\x88\xb1KaZ\xb1\x04I\xd1\xe0G\xc4\x0cj\xec\n\xe6E\r\xae\x01\xf5\x9c)$b\xbe\x9d\xb0\x99wMF\x0e\x8f\xba\x8f\xda\x8f\x1e\x14\x81\t\x99\xa6\x8e\rO\xcd\xf0\x96\xdf\xa3\xab\x80Y\x8b\xff\x8fS9\xc5\x17bL\xf2o?\x95&amp;H|\x10)\x89\xf8\x9e\x12`\xe6\x82\xbd\x86\x01\x18\x12J\x9f\x84\xbc+\xa7\x98\x90Q\x0f8\xde\xa5}A5\x99pP\r\xb5\x1b\x92\xd1tx\xe4@\\\x9e\xda\nOTZ\xde\r\x86\xc1\x88\xb2z\xa1\x1bR\xde)\xbfH\x1e\x85\x83\xf7\xae\xc2\xdd\x8el\xea\\E\x0c\x9f\xdf\xe2\xa2\xb4\xbb\xcf\x9aqJ\xba\xe3gP\xae\xc2\xe3\x18\x05\xbc\xf7\x98f\xf3.w\x19/\xc2R\xce\xe2C\n6`\xc4\xdc\xb0Y9\xabB\x0e\xb8\x12lu\xaa\x0f\xd9\x96\x02{\xc3\x83\x0e\xa77\xb8\x85\xc9-Z;\xe0\xa8\xaaF\x8e\xf1\xc9J\xe8\xf9A\xc06\\,\n\xe9\xdcA\xa6,\x1fH\x84\xea\x97t\x10\x02\xa8\xc2\xde\xb5\x1c{`\x17vx\xb2\x99\x80\xbf\x90\xbaZ\xb72\x03\x89t\xef\x83\x94\x84\x97\xff\x87]\xc1\x14\xce\xe9\xf7\xb9\x7f\xfc\x12)D\\\x98\x14AVC\xfc/J\xb3A!M\xe7\xb7kj\xe9\xd3\xa7\'\xa4&amp;\xfe1\xee\xea\xea_\xb5=\x13y\x1a\x03\xda\xd7\xab\x9e\xe0\x80\xbe\xff\x89\xa9\xc8n-\xbap\xf4\xd6\t\x8c"\x82\xc4\xec&amp;(\xf3*\xae\xd4\xdf?\x11\xc7\xd2;Lub\xcf\xf7\x03\xd8\xb0\xfc\\\xda\xbb\xf5@\x93a\x0e\xb2\n\x9b\x18F\xd1J\x89\xd0\xa0\xe27\x0c\xb1l_\x8eVU\xd8\x19\x1b\xc9J\x1db~-\xab\xa2O\xdeE\xea\x11\xca@i\xb8\xd3\xca\x879M\n\x92e&lt;\xff\x84v\xb6\x11E\xb7?\xd1\xdf3\x0f\x913\xb5\xd3*z\xf7&lt;^k\xebEa\xf1\xc6\xcf\xe6\x93\xc2\xaf\x12\xba 8\xd5\xb2\xfb\xc3\x1a\xa8\xab\xda\x9c\xff_%\x15\xd1Od\x12!\x9ed\xf1\x02:\x07&lt;\x12\xc8sg\xb0\xbd\xdeH\t{\xf1\xc2\xcc\xa4X8\x80\xf1iv\xb4\xe0\xd3?p\xa4\x06\x8d\xe7\xc1\x99\xc9\xb0\xbbrI\xdbb\x9f\xf3/q\xfe!\x86Y\xf0\xca\x0ba\x83x\xa3\xc1\xa40)\x83]\xacG\x9b\x1bj\'Z\x7f\xed\t\x92\x8f\x83\xad5\xe4\xb9\xff\x12Y\xf12c4e\xec2\xe9\xf3\xc6^\xfbI~e\x89i\xc2\xd8\xc0\x92^%9\x159\x14\xb3\x1e?\x88\x13\xa3G\xb8\x04\xfd\r\xbe\xdcd,\x19\xac\x80-\'\x1d\xa5\xee\x07\x0b(P\xad\xf0\xa4\x8b\x03\xf6\xe7\xde\xea\xda\x9c\xea6\xfaQ"CNJ\xddj\xe33\xcf\xbcpErW(\x94\xce\xf5\xb8?"\x17\xeb\x03\x98WTZ\xcagu\xc0\x0b\x16p\xdcL/N\x94\x16k\xdc\xa7\xfbi\x13P\x9e=\xb7x\xc8\xb2\xda\xf3\x1fN\x02uQ\xcbN\x95\xbe\xbb\xe8\xdd\xb6J\xe9\x98 q\xb3\x82g\xaf\x98\x84i~\x8c\xfb\xf3#\x8b\xc2\xe5\xc7\xa8\xbb\xd70\xe0\x12.\x9cV$a\xdb=\xf6\xfc\x85\x8a\x00\xedI\xf8\xc4\xff\r{\xbe\xac\xddV[\xb3\x87\x9fx=\xf30$\xc4;\xc0\xb8S\xe4\\\x93z\xb4\xd7\xd0\xb1\xc0\x82'</t>
  </si>
  <si>
    <t>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</t>
  </si>
  <si>
    <t>b'\x89\xb2\xc1\xe6Y\xbfO\x8a\xf4TK\x8bU\xbf\xf3?'</t>
  </si>
  <si>
    <t>ions that are asked in the CBSE board exams are completely based on NCERT Books. So it is a must Class 11 Chemistry book that students should have access to at all times. Having good knowledge of Class 11 NCERT Books will not only help students to crack the board exam but also help clear the toughest competitive engineering entrance exams like JEE Main and Advanced.
Students can download the class 11th Math book PDF from the official site and can download it from the links provided in the above section.
How to Use Chemistry Class 11 NCERT Book PDF Effectively?
To use the Chemistry Class 11 NCERT Book PDF effectively, students should:
Go over each chapter in detail.
Complete the chapter-ending exercises and in-text questions.
For thorough explanations, check the NCERT answers.
To gain a practical grasp of ideas, use the NCERT Lab Manual.
Why NCERT Class 11 Chemistry Textbook PDF?
NCERT Chemistry Textbook PDF for Class 11 offer a solid basis in Chemistry. Experts in the field curate the content, which is updated frequently to reflect the most recent developments in the industry. Every student can access these books because they are free of cost.
Grab
Extra 10% Discount
on Educart books via email.
NCERT Books for Class 11
English Core
Mathematics
Physics
Accountancy
Economics
NCERT Exemplar for Class 11
Mathematics
Physics
Chemistry
Biology
CBSE Class 11 Syllabus
Mathematics
Physics
Chemistry
Biology
English Core
educart books on amazoneducart books on flipkarteducart facebookeducart instagrameducart telegram
Connect With Us
+91-7217012258
quickreply@agpgroup.in
Class 10 One Shot QB 2024-25
Science
Mathematics (Standard)
Mathematics (Bas</t>
  </si>
  <si>
    <t>b'\'xX\xb5\xe1\xac\xcc\xbf\x1b\xcc\x9b\xde*V\xcc$b\xe6\x11J\xb4\x16\x8d\x98l\xd7\xdc+EA-T\xaf\x92\x84Nm\xdd\x04\xa7\x07\x14\xd1@\x86\x89/\x003\xb4\x81\x82\t\xa7\x05f\x86\xc3Z\xe6%\x88Z\xb9\x94\xc8$\xc5\xacG\xfc\xe4\x82\x1bD\xf2L\xab-1\xa2[\xb1\x8br\x15w&lt;\x1dq\xf2/\x14\xd2\x03I)\x07`+\x8b\xe0Q\xe9\xafD\xb1dN\xa6J\t\x0bb\x85\x0b4\xe8\xe8\xe4\x02\xc12O\x8fIT\xf0\x1f\xc2\x97E\x97\xd6S\x83\xcbX\x8eJ\xe8A\xd5!\x07\xccP\x13\x7f\x11#l\xfa\x0f8&amp;JT5k\xb8K\xb2[\xd2\x16\xdc9\xe7W{\x14O\xc4\x1b\xcd%\x1bjfze\xcf\x96\xedd\x98q\xdd =\xea_86\xa4\xbd\x8cQ\n\xc3Xb\x0f\xc6LB6\x15S\x1c\x05kV\xae\x14,,T:*,\x03\xc1\xe3b`\x0f\x1d=m\r\xd3\xdfSw#|\x13\xfbE\xa8\x10A2\x1e\xa0\xdc\x19/\x82\xb70u~\xa7l\x86\x05}W\xb2,\xf3\xc1\n$\xd7\xe1\xb3\x8a]\xe9\xc5\xfd/\xfa\xe0\x0f\x06\x10\x94\xe1\xeb\x90\xd2SQ\xdc.w\xc5\x06\xddJ\xb3\xeeO\xf2\t\xa6\xc6(\n\x8a\x15,\x0c\xa4\t\xc7\xe3sp\xa0i\xc1\x1cd\xcd\x94\x10\x91\xfe\xdb\xdc\x82\xce\x13\\e\x10\xe0\xd5\xe9\xd8\x7fHpv0\x7fJ#\xc5\xe1A{\xe37\x9d6\xcf\xd1n\xa14\xf6\x08\xb9j\xb5#W8\xff\xff#\xfe\xc1\x0e\x11y\xe7rd\xaba\xe6w\xc3\x08\x9b\xa4\xa5\x06FG\x9e+aP\xc0\x84"\xfd\xdc\x97\x89\x90H\x87\x15\x13\x0c\x92\x1f\xa9c=&amp;G\x9eVT\xcd\xccm!@\xd2\xdd@\x19T\xd3\x91\xc5\x8a~Zh\xdd&amp;l\xbc\x1b\x94\x0e\x94\x92\xb8\x8by\x14\x83\x8a\x03\x83\xc8\xaa\x9f&lt;\'\x95v0\xb1\x02y\xfb/.\xeb\x92\xc4P\x05\xe52_\x98\xf7\xbbl{\x1e\x08\x9bG\xa0\x9f0\xe8l,\x83D$V\xed\x95$\xb7\x98\xbc\x91\x9a\x7f\x8d\x85x-\xd8d\xab\n\x10\xcd|\xcb\xf3\xc6u\x9fL\x82\x1c\x93w\xe3\x90k\xbeA\xe9Oz\x16\xacr9{\xf7\xa0\x17djMa!\x08\x02:=\xa4\x0c\xba\\\xc9\xc7\xca5&lt;\x92\xa6\x88\xce\x04C\x01o\x80*\xf6\xc3\xdd\xf0\x18\x10k\xef\xbet\r\xdd\x89T\xc1\x16\xb0\x90:\xcf\xf8(@\x83\xfe\xd9*\x8e\r/;\xfa\x1e+`J\xc6\x8e\xc3N\xc6\xd7\xd8\xdd\xba\x7f\xc3H\x0c\x04c\xc1J\xacF\x1f\xe8\xca\xa8\xdb\xa2g\xc2\xe4\x16\xa3\xbf\xcc}x\xbd\xb4VzN\x19\x95W\x01\xa0w\x0f\xdf\x1c\x92\xf74G\xd1d\xfe\xe3\x8c\x83\xe8e\x8f\xd9\xdcj\xbe\xceG\x03x\xc6!~T\x02,\xc0\x95\x1dN\xac\xbc\x17\xef!\xa7\'5\x99D\xd7fh\x1b\r2\x16\xbe\xb4\x1f\x86\xab\xc3\x1c\xc1Y\xac\x91\xed\x15V\xf3u\\\x990\xc3)7"B&amp;7\x0b6\x08\xa2p\xa3\xf2&gt;`\xdf\t$\x9ch9b\xaa\xe6B\x10\x8f#r\x9cX\x91\xb8\xc3\xa0,\xccT\xe7\xbd\xb7s\x89NX\xd4\xd5\xa0MP\xbd\xe6\xce\x9c5D\xe7\xebY8\x9bS\x97\xcf\xe2#\xa6\xe0h\x80\\\x1d\x07\x0e\xd4\xa4F\x92\xb3\x88k\xdb\xf7&amp;\x90\x91\xf2\x86q\xfab\x80\xa2B\xbc)\xec\x80\xa9\x9b\xc2V\xb9\x8e\xfd-\x81\xe2f\xd7A\xb9\x80G\x03\xca%\x87\x86\xd1%\xf8k\'a\xac\xba\xd26d,\xe6/Sc\xc3n\x14\xa2\xb2b\xb0\x1c7-k\xd9\x1f\x81u\xec]\xe83Ui\x03xl\xa6o\xc3g1\x11\x0f\x06N\x82\x8c\xb5\x07DI\xd6\xe6l\xb8\xbd\xed\xda"\xcb/Y!\xda\\\xd6W\xe5\x99f\xa7\xb7\xfb,\x1fUI\x83\xc6\xe1\xea&amp;\xbd;\xd1\xf4\xd0\xb5\xa0\xb3\x11\xef\x1e\xaaF^d@\x8cX5\xe3\xa0m\x80\xd5\\\xdc)\xb5\xb1\xdd\xa2k;\xd8\xd2`\x0ew\xa6\xa9\x15\xcb\xbc\xb4\x03}\x12\xe8\x01\x05\x85\xa15=;\xad\xc0l\xcfX\xe5\'\x9e\xad\x96;\xb9\x06Z\x16!m\xe7\xf4\xc7\x9fi)\xbe%H\x8d\xe0\x1d\xf0+!}Z\xbeD\x1e\\a\x8a\xbci\xd8\xabZ\xb2&lt;\xb0\xe9W\xd5\xc8"a\xe2\x05W8\'\xef\n\x1f\xef\xe6\\\xe1\xd6R)Rh\xff,\x7f\x9e\x18;\x065C\x97\x84Vv-^\xfc\xa6b\x088\xdb\xe5\x0f5\x17\xe7\xc9\xcad\xd6\xa3\xd2\x9eb.\xdb/90\xdb\xce\xce\x98\x89\x81$\xb2\x8a\x86\x93\x1f\xe9y\xde,O\xbf1\xfe\xc3\x9b\xf5\x9a\xe8\xb8\xbfx\x9d\xd3]\xa6\x9e3\x16p\xb8X\x8d\x8d3\xc3$WQ\xca^PF\xfc\x00\x94gb\x12\xfek\xbc\x8c\x0f%\x87a\xab\xaa\x96\xbe\x07\xc8\x9b\xde\xb1\xb5v\x90\xeeI:\x11\x00\xa3ET\xe4v5\x13|\xbf\xe0-\xae\x0e\x1dB5\x87\xad\x9a5\xe5\xf0\xa8\xf5\xbd\x8a7.\x8a\xb7\xe5\xd0\r\x90\xd01~\xfdg\xa2a\xbbf&gt;\x08\xbc\x8eb\xb6A\x92\x95\xaf\x07h/]\x05\xdd8*\xc0\t\xb4\x84\xbb\xa8\x11=\x03\xa3!\xda\xaf\xb5\xea\xe6&gt;\x9bx\xd8sz \x9bZ\x8d\x00\x10\xacCv\xc91\xa3B\xcc\xa4)\x03]\xb4\xc6\xcc\x92\x860\xab\xa3:\xa3\xb2\x89j\x18\xd3`\xf0\xb7\xa0\x13\x97wh\xa2Q\xd76\x94\xcf\xaf\xe7\xca\xc9\xdb\x92A\xf43P\xae\xb5ix\xf5\x87\x96\x17\x12^\x1e\r\xf9\xc2\xcc\x1d\xe4\xca\xe7\xcfp\xe18\xc3\xe2\xd3\xbf\xf4\xb5\x82\x9e\xf7\x17\xd0\xd4\x8f\xb7\xf73\xefh\x94%\xed1\xb8\x07\x1d\x99\x8d\x90\x96\x0e&lt;\xb4\x14\xc1\xbdgGw\xb4\xf6\xcf3I \xff\x81\\\x17\x82-\xf8\x8d\xe40o\x8e;\x98,\xb2\x97F\xb89w\xb3U\x9d\x99\x8e8v2\xd9\xc8\xf40\xd0P\x18\xd4b\xb1\\\x8a\xd9lJO\xcb\xdaxg\x92\x15\xb72\x8aX\xf0\x88w\x157\xea\xc8q{\xd0N\x99\x13\xc6\xe91\x9e\x89\xf7O\x89\x8c5{\xd5\x81(x\xfa\x86R\t\x13\x9d\xf2\xfd\xcd[\xf3\xbcn\xfd\x88\x8f\xac\xf26\xa8\x99\xe4\xf5m\xe7b\x80$\x88\xf2\xc8O\xaeBp\xe0\xea\x86\x06RXd\x1c]\xaeP\x87h\x1a\xf0\x04\xb9\xe7\x07vn~-\xbeF\xa5\x8a\xbc3\xa9\x85\x91^d97\xa0\x87\x80\xf3\xfb\x86\xae8O\xbfD\xf0\xe3o\xf3o\xe64\xddT\x11\x1f\x97K\x81\xff\xd8\x06\xf2\x11\xe0}\x0cpN[\x10W\x19\xa1i\xd7\xc1\xa1\x88Zf0!\x08\xc0\x94.\x88\xe3 \x97\xb3\xa5HL\xee\x81Fw\xf7\x80x7\xdbf0\xcd\xc5\x00\xc3\x81\x0e\x87\x85\x0b\xe93\xd8\xc0\x13\xb38\x1f\xa1\xa7\xe6"i\xa5\x84\xdb\x01\x1d\xbe\xf1\xe89\x9b\xcdJ\x1f\xc0\xf0\x84\xb8\xe3#IO\xa5\x93\x10\x97q\x10\x9f5\xeaY\xf5\xa7W\x9d\xbeh\xcf\x0e\xf2\xf7\x1fO"p\xa4\x94K\x10I\xd5'</t>
  </si>
  <si>
    <t>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</t>
  </si>
  <si>
    <t>b"'xX\xb5\xe1\xac\xcc\xbf\x1b\xcc\x9b\xde*V\xcc$"</t>
  </si>
  <si>
    <t>hand to hand with the passengers. Penetrating the
 baggage-car, they pillaged it, throwing the trunks out of the
 train. The cries and shots were constant.
 The travellers defended themselves bravely; some of the cars
 were barricaded, and sustained a siege, like moving forts,
 carried along at a speed of a hundred miles an hour.
 Aouda behaved courageously from the first. She defended
 herself, like a true heroine, with a revolver, which she shot
 through the broken windows whenever a savage made his
 appearance. Twenty Sioux had fallen mortally wounded to the
 ground, and the wheels crushed those who fell upon the rails as
 256
 if they had been worms. Several passengers, shot or stunned,
 lay on the seats.
 It was necessary to put an end to the struggle, which had
 lasted for ten minutes, and which would result in the triumph of
 the Sioux if the train was not stopped. Fort Kearney station,
 where there was a garrison, was only two miles distant; but, that
 once passed, the Sioux would be masters of the train between
 Fort Kearney and the station beyond.
 The conductor was fighting beside Mr. Fogg, when he was shot
 and fell. At the same moment he cried, â€œUnless the train is
 stopped in five minutes, we are lost!â€
 â€œIt shall be stopped,â€ said Phileas Fogg, preparing to rush from
 the car.
 â€œStay, monsieur,â€ cried Passepartout; â€œI will go.â€
 Mr. Fogg had not time to stop the brave fellow, who, opening a
 door unperceived by the Indians, succeeded in slipping under
 the car; and while the struggle continued, and
 the balls whizzed across each other over his head, he made use
 of his old acrobatic experience, and with amazing agility
 worked his way under the cars, holding on to the chains, aiding
 himself by the brakes and edges of the sashes, creeping from
 257
 one car to another with marvellous skill, and thus gaining the
 forward end of the train.
 There, suspended by one hand between the baggage-car and
 the tender, with the other he loosened the safety chains; but,
 owing to the traction, he would never have succeeded in
 unscrewing the yoking-bar, had not a violent concussion jolted
 this bar out. The train, now detached from the engine, remained
 a little behind, whilst the locomotive rushed forward with
 increased speed.
 Carried on by the force already acquired, the train still moved
 for several minutes; but the brakes were worked, and at last
 they stopped, less than a hundred feet from Kearney station.
 The soldiers of the fort, attracted by the shots, hurried up; the
 Sioux had not expected them, and decamped in a body before
 the train entirely stopped.
 But when the passengers counted each other on the station
 platform several were found missing; among others the
 courageous Frenchman, whose devotion had just saved them.
 258
 C H A P T E R XXX
 In which Phileas Fogg simply does his duty
 HREE passengersâ€”including Passepartoutâ€”had disappeared.
 Had they been killed in the struggle?
 Were they taken prisoners by the Sioux? It was im</t>
  </si>
  <si>
    <t>b'\x99m\xdc:\xb1\xa3\xab_fKu^\x8a\xcf\x1c\xc7\x93\xff\xb7\x9e\xa2j\xa0\x91\xa7ar\x95($O~'</t>
  </si>
  <si>
    <t>996ddc3ab1a3ab5f664b755e8acf1cc793ffb79ea26aa091a761729528244f7e</t>
  </si>
  <si>
    <t>b'\x99m\xdc:\xb1\xa3\xab_fKu^\x8a\xcf\x1c\xc7'</t>
  </si>
  <si>
    <t>s of crocuses.
Six months before Mistress Mary would not have seen how the world was
waking up, but now she missed nothing.
When she had reached the place where the door hid itself under the ivy, she
was startled by a curious loud sound. It was the cawâ€”caw of a crow and it
came from the top of the wall, and when she looked up, there sat a big glossyplumaged blue-black bird, looking down at her very wisely indeed. She had
never seen a crow so close before and he made her a little nervous, but the
next moment he spread his wings and flapped away across the garden. She
hoped he was not going to stay inside and she pushed the door open
wondering if he would. When she got fairly into the garden she saw that he
probably did intend to stay because he had alighted on a dwarf apple-tree and
under the apple-tree was lying a little reddish animal with a Bushy tail, and
both of them were watching the stooping body and rust-red head of Dickon,
who was kneeling on the grass working hard.
Mary flew across the grass to him.
"Oh, Dickon! Dickon!" she cried out. "How could you get here so early!
How could you! The sun has only just got up!"
He got up himself, laughing and glowing, and tousled; his eyes like a bit of
the sky.
"Eh!" he said. "I was up long before him. How could I have stayed abed!
Th' world's all fair begun again this mornin', it has. An' it's workin' an'
hummin' an' scratchin' an' pipin' an' nest-buildin' an' breathin' out scents, till
you've got to be out on it 'stead o' lyin' on your back. When th' sun did jump
up, th' moor went mad for joy, an' I was in the midst of th' heather, an' I run
like mad myself, shoutin' an' singin'. An' I come straight here. I couldn't have
stayed away. Why, th' garden was lyin' here waitin'!"
Mary put her hands on her chest, panting, as if she had been running
herself.
"Oh, Dickon! Dickon!" she said. "I'm so happy I can scarcely breathe!"
Seeing him talking to a stranger, the little bushy-tailed animal rose from its
place under the tree and came to him, and the rook, cawing once, flew down
from its branch and settled quietly on his shoulder.
"This is th' little fox cub," he said, rubbing the little reddish animal's head.
"It's named Captain. An' this here's Soot. Soot he flew across th' moor with me
an' Captain he run same as if th' hounds had been after him. They both felt
same as I did."
Neither of the creatures looked as if he were the least afraid of Mary. When
Dickon began to walk about, Soot stayed on his shoulder and Captain trotted
quietly close to his side.
"See here!" said Dickon. "See how these has pushed up, an' these an' these!
An' Eh! Look at these here!"
He threw himself upon his knees and Mary went down beside him. They
had come upon a whole clump of crocuses burst into purple and orange and
gold. Mary bent her face down and kissed and kissed them.
"You never kiss a person in that way," she said when she lifted her head.
"Flowers are so different."
He looked puzzled but smiled.
"Eh!" he said, "I've kissed mother many a time that way when I come in
from th' moor after a day's roamin' an' she stood there at th' door in th' sun,
lookin' so glad an' comfortable." They ran from one part of the garden to
another and found so many wonders that they were obliged to remind
themselves that they must whisper or speak low. He showed her swelling
leafbuds on rose branches which had seemed dead. He showed her ten
thousand new green points pushing through the mould. They put their eager
young noses close to the earth and sniffed its warmed springtime breathing;
they dug and pulled and laughed low with rapture until Mistress Mary's hair
was as tumbled as Dickon's and her cheeks were almost as poppy red as his.
There was every joy on earth in the secret garden that morning, and in the
midst of them came a delight more delightful than all, because it was more
wonderful. Swiftly something flew across the wall and darted through the trees
to a close grown corner, a little flar</t>
  </si>
  <si>
    <t>b'C\xa1\xd9\x89\x0f\xa0/\xe2\xb6\xb1.\x9fF\xad\xac,\xabh\xc5x*\xc3+A\xb5\x03U(\xc3\x82.\xc6\xe1\xfc\x04:?/^\x1d\xd9\\\xac\xfe\xcdb\xd4\xad\xd0\x1a\xdc\xa8;6\xce\x0eL\xa3\x9c\xd7l\xc4\xa6\r\x061\x1e\xd1\xf2v\x06\x95v\xe3\x93\xbd\xfe\x90:\xc5\xd1U\xfd\xda\x1b\x8aT\xdcE\xe7\xac!\xf8\xb7m-\x9f$\xfd=n\xf8\xdf\xfb3\xd5\x9c:\x929\x12\xfe\xf4\x99rK\xbe\x1b\x03\x97\x0cs\xe1\xe23\xfdQ\xa9T\xd0\x8dGN\x0c\xe2\xc4\xedu#\xce\x88\xde\xb8\\\xd8@\x83\xbb\xef\xe1\x9cz|\x8c\x97\xef\xaf]\x80\xc8\xb1\x81\x8f\x89\x0e*w\xe2\xaa \\zy:\xe2G\xcag\xa0\x08C\xcc\xe3\x8av\rj\xcc7-\x06-L\xab\xc8w&lt;\x8cd\x10\xc2\xfbn\x0f\xd5\xd2\xdcg\xfb\xdcoN\x14\x83\x81\xeai\xd67\x92\x0bP\xc6\x05\x85@\xaa\x8b\xe3\xc1:\xc0\x04\x98\x93\x91-\x8c\n\x15\xa1\x93H\x0e\x16\xb5\x1a\x97I\xef\xa4\x91\x01\x11\x19j\xa4\x0fKKB]\x1c8\xf0 ~E\x04\x94\xab\xc8\x98\x0c\xea\x94\x0bG\xbd\x8fK\xa0\x9b\xfcm\x89S\x86\xc2\\\x90\x07\xe1\x99\xe9\xe4\xed\x07\xf4\xc7\x98\xa4G\x11\xd9\xe0S\xb0\x91\xaf\xc0\xfb\xdd\xd0\xc0J\xd4\xddijHD\x0f\x8f~\x8fs\x99\xe2~\xbc\xdf\x99_\xa3 g\xb5\x12\x7f\xa2m\xa4\xc7\xadc\xef\xeb\xe8PH\xa8\x07\xbd\xfdS\x12\xa4\xba\xeeo\xa8z\xd0\x1eQ\x8d\xb5\x9d\xe5\xa9\xbeGG\x0fl-\xc6\xf9\xbb)\x1b\xf1\xcfa\x08\xf1\xd2\x1eM\xa0J\xf8&gt;\xcb_\xbb\x83\xb5\xec\xd4\xb2!\xae\x0c\xd3SQ\x9f*\xe5\xb7\xb6\xd6|\xfc\x89\x91\xb5\x07\xb7\xa7H[6 r\xfed6\xe3\x7fh\xb8] \xa8j\xfa\xf20\xc1\xa3\xbc\xdd\xbb\xe91vO\xf0\x11\xab\xe0r\xe6\x94HdKB)\xf8\x16\x9f\x8e-\xb7\xe9\x92\x19_\xe7s`m\x19\xcd\xcf\x04\xc5\xfd\x9f!T\xda%\xd8\x90\xfd\xa9\x16\x99\xabB~{\x7f\xa55\x9a\xc1N\xba\x13H\x91d\xe6\xad\xdc\xf8\xf2\xb1\xb9\x04\xbb\x03$\xb0Z\x12s\x1a\xae\x98.\xc2\xa2\xd1\xf8A*\x97\x0c\xcc\xbd\xea\x19\x90f:\xb5\xa6L\xe9\x88L\x12\xdeL\xd7\xcaK\x96a\xcaC+7\x15\xf0\xd1\x8bqDN\xcf.\x15\xcc\x84i3\x95\xc7QzB\xd0\xe9^\x17n\xf7\x84\xe6\xf5e?\x9b\x9f9\xfc\x16@a\xbf\xad@\x93e\x1dY\xe77\xa5/\x1a\x06H+\x1dD\x889\xf7\x87\n\xf0\xff\x04e\x1b4`4\x04\xca\xb6\x13\xb9\xa3s@\xca+[\x99\x1dE\xd0s\xe1\xc5\xcf\xde^i\x0eH\xf9\x01\xd6j\xda\x90\x8c`\x11F?\xdcv\x8b\xac\x8b\xee\x8c$I+\x96\xe5Ty\x01\xfc\x96\x0fV\x97nf\xce\xffIEC81?\xc1\xb44\xc3R\xe8\xb7u\x8c/\x00\xc72\xae\x85\x88A\\\xeao/:z$\x08X\t\xe0\xd49A1\'\x14Y\x04\xd0\x96\x95j\x0f\xb6\x85\xbf\xcc\xcc\xcf%\x89{,\x93\x1b\xc4}\xd9|\xc1:sn\x9b\xc7=\xfe\xed`8\xb5j\xea\xb8|+\xbf\x00\xcd&lt;\x103\xc4u@\xb3\x05\x9c\xefD\xc2M\xc4\x01\xddZH\xba\xd1M\x7f\xaf.\x92\xa8\xa9\xfd\xa8\x81\x1b\'tl\xe3X#J3[\x96\xf2\x1e\xe9\xe9\xf2\x14\x97\x96\xf7\xf5\xfc\xeb\xfe\x16d\xfd\xaa\x81\xea\xaf@9\xb3-\xe0%\x03\xff\xfd\xbc\x1a\x03`\xa5{\x1f\x9c\x1b\xefK\xedP\xb5\xb0\xbd\x8d\xabU\x12\xfck\x17x\x02\x1b\x7fb/\x93\x17\xd5*\x98M\xc6\xa2\x86\xa4\xb1\x82\x94!U\xb7\x0e\'\xfc\xc3L,\xfez*\x05?\xf2\xe4\'\x8b\xf30\xb7}\x84\x95\xe2\x99\xbey\xb1\xdd\xbd\xbe\xbb\xc3\xb2x\x99\t\xdb[\xd9\x90T\x13M\xe5\x8e\'\xf6r2\xf5\xb4$\t\xd1\x89\xcdm\xdci\xee\x87\x1d\xd2\xfas\ta6\xb1\x9a\xbbU\xe7d&amp;\xb7\xce\xe6\xd8U\x00\xfe\x87\x1f|\x06n"\xf2\xdd\x98\xee\xbd&amp;\x17\x07h\x89\xf6\xf9\xdf\xd3F\xec\xd5\xc3OA-$\xf4\x9a\xefX1\x8c\xb6\x9e=\xd0\xb9\x01\t5]\x8b\xdf \xa5\xbf\x1d8~=\x16vT(\xd4\xf1+L]\xb5\xc3\xd1\x87\xec,\x14\xe8\xf0_A/7\xb3\x1a\xb8\x93R\xfc\xb0\x1b\xba\x92\xf0\xb3\xc1l\x9a\xf7p\x1e\xe5^U\xe7\xfe+\x04@\x82\xa1\x1cEF\xfc\xd4~\x91\x16\x86\x0e%\xc2Tk\x13\x9f\x1d\xe0c\xa5\x08\x17\x15\xe8\xd2\x8c\xe8\xdf|`ObE0^Zh\xbag\x901\xdeo\xdd&lt;\xdd\xa2\xc9\x1b\x19S\xbc1UgO\x9e\x87h\x983q\x90\xd2\x90\xba\xd6#6\xe1\xae\x19\x88\x18\x86v\xd6\xb6\x99\xbem\x0c\xc2@\x7f\x19\xee\xf9d\xfb/|\xc1\xf8\xb2\xa0\x94\x06\xda3x\x9c\xc5\x92\x8cS\xa5\xe6!\xec\x9c\x0f\xfe+9\xcf\xf7nGm\x8dK\x1b\xc6\xe8\xe8\xc9\xd2L\xfb\x90\xd7X\xa5\xe9\xcb\x920\xa5p\xee\xeb\xfc\x9a&gt;\x0c$\xcfp\x9f\xb6$\x0b4\x1d\xf8+\x87\x88\xc7Q\xe0{\xbcK3n.3\xbaJv\xd2\xce\xb3T:\x8c9\xf7\x98\t\xdac\xcd\x06\xc4\x0c\x9c\r\xab\x8bbr\x8e\x1c\x94b#\xb1g\x9d\x1f\xa6x\xe9\x95]id\x1b\xde\xb3\x94\'2\xe3`u\xeeDm\x01\xf9J\xfcp$\x13\x8a\xd0\x88\xe8\xe5\xcb\xa2\x7f}\x93\xf4\x9c\x8d\xa6\x03\xa0J\xc1\xcbGU\x9e\xbf\xe0)\x129\xc638\x059\xfa\xbf\x19\xdbs\x16\xac\xde\xe5\xf9b0\x00\xaf\xc0\x15\x9c\x87m\xf6\x04\xee\xa4t\x1c\x0b\x15\xcd\x04aA[\x16T\xc2J\xd8y\x00\x1b YZ\xd5\xbf\xb1\xbc}\x9d{\xe35N\x90\x18\xa8\xb3\x10\x01\x96&amp;A\x7f-g\xffa\xe48\xf4(\xa3w\x13\xbc\xfeh\xb3CY&gt;_\x9d\xc9\xc0x\x94\x98\xfa\xe6\xf6\x7f\x05]\x179\xa6\xc6\'Q/9$\x19r\xfc\x13\x0e\xaam&lt;\x99\x1dZbd\xc2fGccBX\xcc\xe3\xcb\x86\xbd\xf7x\xe0_\xfe7\xe3\x08\xfb\x18\x00\xa4{W\xb6Eg\x0b\x92\xf7\x17\x1f\x9d\xf5\xc6Z\xdbRM\xab\xf0\xd4\xc9\t\x8d\xba%)\x15+\x86ku\x8d\xf5\x9b\xf2\x0bT\xf3\xd7\xd1\xab&amp;\xc6\x9b\xa6\xf1 \x91\x00\xaf\x89|Y\x19\xcf+\xf3\xea^\xb9\x94\xdd\xe0\xc1\xea|\x15\xde\xac\\\x8c\xa7k\xeb&amp;[\xcf\xfa\x8fH\xf14\x04\x82\x93\xf03\xf5;\x9b(\xcc\x07\xba\xad\x90x\x91\xb8U\xa6\xf0\x8cc\xcc\x90\xe9d&gt;w\xb2\xe5\xc9m\xa62m\xc8\xb8D\xd9\xd8\x9a\xc4\xad\xc4\xefx+\xb4c32\xde\xeb6\x15\xb7\x95L\xefO\xb7\x9d\x96\x16\x0fhb\x89F\x80Q\xf2V\xb9\x9a\xe9^\xf5\xeb\xab\xa7\xc9%S\x854)\xd4\xe4\x04^\x17@\x85[\x00\xa9s&gt;\x97/\x87=\x12\xed\xe7&lt;\x15%\xff\xd3v\xd7\x0f5S\xd8\x0b\x81\xc7?h\x18\x98\xa6\xad\x86\x08\x02yy\x9d^\x04\x84\xd9gxm"\xa17jf^$\\\xf5\xa3}8\xa6R\x03\x15Z0\x81F\xcd\xb8\xd4!\xe6\xae\xa6l\xa2\x93\xffZ\x1c8\x9c\xfax\xec%dw\xa6\x0f\x19\xf1\xb6\xbd@\x085\xafd\xf0\x12\xd2b\xcd\x8f\xb1\n\xb8\xde\\\xf2\xf0+\xedS\xb1TS\x92\x0cc\x8b\xe0w\xe1\xa9\xcc\xe6\x88\xfd\t0\x14&amp;B\xfa\xec\t\x04"D\x8cz\xd6\xb5DiD\xb5\xed2\xd2Z\xaa\x8a\x03\xe0\xd9\x8c{\x1a\xdf\x96u\x8f\xcf\xf1\x81\x99O\r!\x0b8\x18y\x80\xd2\x15\x9bZb\xb0L&amp;\x13\xf0\xc9\xf6{tz\x1d\x84\x88\x18\xd1\x8a\xd0nM\xd1\xb0P\xa3!\xf1\xab\xba\x9d,\xe3\x1dP\xe6.e\xcf\xb3\x91\xdcg\xac\xec@m`.Q\xbf;W\x13\x81\xc6\xde\xa7\xf1]\xc5X\xaa\xb8\xc2\x8e\xf4\x97\xbe#\xb0\xaf\xaf\xb1\x12\xfd\x12\xc7a\xb7e\xba\x92\xadT\x90A\xc9\x0f\x96\xc7s\xea\xd6\x89h\xde\x02k\xf4G$\xc8\x00\xb9\xbd\xfb!\x9bV\xfah~\x92\xe0\xb6\x97\nOX\xc1\xb6\x8bd\xc4\xd4\x9d|^c\x83\xa4\x86\x81P\x8e\x7f0\xcf\xab\x07\xd0\xcb.&amp;Anu"/D\x08\xcc\x1cm\xe9\xed9\xd255\xa2 \xcf"\x04\xc0 \xea\xaa\xe0\xbb.6\x87,6\x96\xc6\xf6\xc7\xf6B\x1a\xff\x8aHx\xec\x13\x19\xcb\x08,B\xec{\xdfH\x9c\xcf\x91;$S\x8d\x9f\x9d_\xbd\x8e\x9e\x138U,\xd9\xdd\x1fk\xd0\x7f\xecq\x80x\xe0\x9b\xc5\xb2b\x9e\xe0\x8b\x11-\xd46\x99\xc6\r\xe2\xe62H\xbb\r\x16.\xd5\xa6@\x1e\x8f\xb3\x94YO\xa93\x08l\x1dXw\xc4\xf8\xe3@-\xb6\x15\x80\xb7\xd0\x18\xbb\x8e}\xb2\x06\xb9(\x7f\'\x94\x88\x18y\xfe\xb8^\x9d!\x1f\xbaPk\xdd\x9eV\x16\xdc\xcc\x91\xf7\xff\n:\xfbQ\xdf\xa6\xc2\xb73N=(\x0eB\xcb&amp;u4y\xb9\tv\xea\xa6S\x9c8k\xcez;\x04\xf5\xbe\xd0\xcd$\xee\x1d\xc3\xb3\x1b\xd5\x14\x9f\xeeP6\xda\xac_e\x96\xd6\xc8\xd4\xbbS-w\\g\x19U\xce\xbfln\xad\xaac\xcc*[l\xc4sL\xc2\x92s\xfa\xf3n\xa1v\xf1\x16\x86\x91A\xdc\xff\xe1\x851\x8e\xfeG\xcd\x1aI\xfaa\xb2\xc1H\xf2E\xd87\x15Yk\xe6\xa5\xb6\x1d\xd8l\xaf\xc8k\x8b\xa5\x06i{\x8b\x0c[\x16v\xa2\xe7\xf9\xcb`\x92w\xa1\xcf\xbdp\xfa\xea~7\x88\xc6\xe20\x7fg=.\x87@2\xcb\xb1\xdb\x13\x11\xdf\x12\xe4\xddur;\x98\x83\xd9\xc4ENAM?\x8abU\xf1{\xff\x0e\x16~iG\x05W\xad\x8a\xbd\xa3\xa8\xab\x82Y\xf0\x17\x9f\xe2z\xcb\xdc[\x1c\x06\x87\xd9\x15\x85\x80\xb0Z\xef\xa4\xd7\xed\xd37\xd3\xdb\xe1C\x8bwk;\x83v3`\xbd\x89\xaaBZHv\xb8P\xe5\xbcj\xfa9\xde/\xc8T\xe8\x12\x0cL\x8b\xf3)%\xd7\xf5\x0b\x17W\x1b"^\xc45\xcc\x0cd\xbf\x08\x0e\r\x13\xdd\xb4@\xebf\x9fU\x03\xbc\'\xd2_3\xd3\x92\x81\xcd\xff\xe4/\x16\nlV\xa2\x0b\xcd\xd98Q\x9a\x7f\x01\x87\'F\x0eM\x88\xc9}z\x82fx \x94\xbf\xe2\x9a\x1e\xf2\xe4\xfb\xc0\xd1nV\xe0\xb2"\x00}\x86\xcd\xd3Sn\x87\xd8\xbe\xa4\xbe1\xbc\x96\xd6,}\x0bW\x9e\xe4\x1b;\x0c\xd4\xaf\xb9\x02\xddE?\xed\x13\xf4,\x8a\xb2\xe1\xdaS\xd6\xcb\xee\xe1#\xab\xcb\xad\xda\xb8&lt;\x1d~K\x85o\xcfd&amp;FoD\xeeI\x83\xab2\x92\x16\x01C\xdb%\xdbC\xf8h\xe1\xa9\xbd\xa3\xf0iW\\v\xabak\xf7\xbb\x93\xa4$uZ:\x87k\x89\x02{\x0c\xfd\x8f\x89\xe1\xb7\xf6)\x14\x9d&gt;c\xea\xfa?\xd7\x05\x0c4\x0e~l\xb7\x91\xaa/\xc1QJ\x84\xad\xec[\xf12e\xc4:1\x05I#\rI\xdd\xe6\xfc\xb0\x85\r\x1e\xc8I%k\xe7\xb8\xbe\x89\xf1\xf3\xe8\x8b\x9e1$d\xcd\xaf\xba/\x8f\x19F\x18\xc5tq\xc1O\xa1\x97\\\x17\\\x84b\'\x05\xaaM\x16\xb0\x9d\xea\x8c=\x8a\xf0\xa1\xd5\x1duS\x14\xe0ywV\x11\x13\xaa\xc4DU5\xa5]c.W\x9bG\xe2\xfbxo\\\xdf\x1b\xbb1OP\x85Y\xf6\x93\xf3\'\xd7\x92\xdb\xe5\'\xc6\xd6\xf3\xef\x87\x8b&lt;a8\x9d5\x87\x9e\x94IQr\xbc\xe2\x02v\x08\xbbM\x12\xcb\xc2\xa9\x194\x80R&amp;\xf5o\x18\x93~\xed\xec\xc3\xa2\x030\xc9\x06\x07\xe6H\xb0Li$\xdc\xd8\x17\xf7M\xd3\x90\xe2\x88\xa7\x91;\xbf\x0f)#\x92\xb8bw\xbdr\t\xad\x9c\xea\x08\xcf&lt;2\x0b\xcc\x97\xc6q\x95i[\x90}\xcf\x16sd;\xc5\xc0\xd5V\t)\x91\x81?6a\xcb\x96\t\x1c\x8b\xbd5\xda\xb1\xd4:xz\xd0\x8dy\xd6\x07\xe6:\xb4\x17\xed.\x10/\xff\r\xc5\xfa0\xdfg\xa3\xe1\xb2[S\xfa\xfd*\xbfE\x1b\xa0\xb9[\xd5G\x84\xa8\xd9\x12\xbf\x7f\x17\xcd\x1f\x1b\xb8YH\x1b\xac1\x12Q\xcb\x1a:$zGG(\x8bV\x13\xf4\xf0j\xdc\x07^\x9e\xba\x15\x8cKEl\xb9\x98\\Fcs\xffC2h\xe1/\x9aq\xfd\x9cbB\xa3\xb7\x80/_\xbf\x19l\xfd\xf3\x8d \xb9\xb7|\xe09/\x926c\xa6\x9a0\xb9\xf90\xf0;X\xb9\xcf\nq\xbe\xd9\xc4H\xaa\xe5x;)E\x08\xda\xfb\xce\xf38B\xd1\x89\xae\x03:\x85&lt;\xc8\xd5\x1c\x13$\\\x96\xb1\\H\xa1:\xdc5&lt;\xaa\xae\xe1\x17\xf4\xee"\xce\xde\x84\xe7\x0e\x92SD\x8d\xed{)n\x82JT\xe8\xbdd\xd5\x86\xba?JH\x13\xed\x16\xba\xf9\x96OX\x8e\xf2\x8e]\xfdr_\xf4Gw\x81\xd1\x0bS\xa7\x9d _&lt;\x7f\x80`\x95\x8e\x07r\x91\xd3f\xec\xe2\x17\xef\xce+\x7f\x9d3\xb3`\xff)8s\x8a\xccf\xb5\xd3vE\xdb\xa5By4Q\xde6\x89\xb0\xd9\xc4\xb0\xc8\x17\xd4Q\x11\xec\x8b\xba\x9a\x11\x80)\x05\xe9\xa9\x18\xfa\xbce\x0b\x07\x9e\xaaSc\xb5\xf0k9\x04\xeax(\x10.\xae;\xad\xd3\xc1\xdf)\n\x8e\xdcc\x9c\x04\xaa\x8e\xbcq\xef\xec7J\xf2j\xf6\x81\xb0\xa2\xc3\xd2\x0c\xc5\x94\xc17T\xfa\xbe|\x86\xb4\xb9\xcc\xd6\xcb\x13\x13\xde\xd0\xee\xdb\xa0\xf7\xba\xd9\x82d\x9eh\x97\xe8\xef\x7f\xd0 6\xc4\x8f\xa4?o\xe9\x94\xbf[\x19\xe9l\x04\xdd\xbbW\x8f&amp;\xc6\xc8\x02\xf6\xcew\xe5X@~\xa4\xfdQ\x96L\x92\x05B\xbb\xc7=v2\xe3\xe49N\xa4i\x8b"UtS8\x88vA\xd8\x088\xa4on\xa9\x03\xa4\xb9\xac\xcd\x8f\xfahM\xf7R\xfb\x8d\xf1\x04\xfeB\x83\xc2+\xd3Oy\xc3\xd7\x02}\x03\xe1\x16\xb1.{\x8ef\x82Z\'\xd0\\\xe5\x98\x82\x9c+\x13\'\x01\x18\x0c\xe2\x823\x9c/F\x99\x1b\xba/\xc1\x15/S7,\xb3\xae\x7f\xf3\xae\x8f\r\xe0\xfc\x99\xfae\xd0J$\xe1\x01o%\xfc\xfa&gt;\x86\x991\x9d\x85\x15\xe6\x82\xfd\xd9\xf8\xdb\xae\xb1\x93\xd0\xaa\xc5IM\xb50\x93\xa3Z\xd1\xde\x14F\x0cR2\xde\xeb\xfb\xb97\\\x0c\xe0\xa7\xf7^\xd8at\n\xfe\xc0\x91\x98\x9a\xcdR\x17\x18\xe7\xbaI\xa6\xaf\x19\xbe\xba\xa7\xc5\xac\xa6\xcc\x1d\x15\xa6?\x94\xcc^\xce\xca\x1c\xbfN\x13\x86\xa4YcF\xe1\x9f\x9c\xc6eY\x1d\xfd\xa733\xb9\xaa\x9a4\x80~\xaf-\xd7@\x7fY\xba\x81\xff\xf1\xc2\x8b\xcc\xfd-\xb6\xd4\xb8;8\xd4Z_G\\\x1a\x00q\x96@\xd0\t^\xd3\xf8\xc3K\xb4M\x93&amp;\x17\xb7Wr@C\x8cA&gt;M!\x06k\xd0\xdaXUv~6:\xd9U1\xcbiFG\x8e\x8fy\x0e\x86_^\xb1\x00\x06!\xe4}\xfc\x1b\xf2\x86Ai\\D[\x83\x86\r\x0e\x81\x86c\x9c.\xa9cJ\xf2\xc0\xf7`C_8\x84\xfa\x13\x97A\xda&lt;\xbb5\x9d\xfe!\x85\xdc\x0b\xce\xcf(\xc5A\xc4\xea(s\xcf\xb3\x02e\x1a\x85\x82FX\xd7\xc5\xc2W\xf0^\x0fE:\x81);z\x8a\xf3J\x95O.\x9b\x0c\xe7\xb8\x8d\xe6:\x99k\x7f\xaf\x9d\x7f\x82i\xb5\xfa\x85\xb3\xe2\x19\xcez\x9fm\xc9\xc9\xea\xdc\x19\xc7\xa1&amp;\xfc\xf0\tlO\x87\tx&amp;6mJ\x98\x05&gt;\xf66#l\xf1P2\x92\x02\xd7_wNo\x13\xf4u\x06\x82\x8d\x01\x896F\xa3u\n\xdb\xa0&lt;Z\xb2\xf9\xdc\xad[\x04\x12P\x82\xf2\xd9\xdc&lt;Fh\x9c\x02\x89\xbd\x1e\x08\x02\x06\xfa\xddw\x86\xd1\xafU\x05\x1e\xf8?\xf0\x00\x85\x1e\t\xb0\\\x87\x9b\xaa\x19\xb4\xb16\xd0v\xee\xecU\xef\xca\x7fj\xb0\xdd\xe4c\x9az\x9f\xd4\x1d\xfd\xdb\xb0\xa1\xf7\x19\x96k\x81k\xa7\xbb\x8c)#\x1f\x96\xbb\xd0\xde\xd0\x91\x0c\x9f\x97$\xb3\x96:B\xf0F\xeaL\r\xfd4aIbY_mqy\xde\x17\xde\xb2\xd4M\xff\xd2\xeb\x0cYyH\x84\x83Md\xe5\x15\xae\xb1\x94\xee\x9a\x88\x9di;\x9b:1\x8c\x92w\x15j\x0f\xa9\x00\xc8aq\xaa\xd3\x87\xcc`hyn\xca\x1e\x91\xa4\xc0\x9a%\xa0\x99}\xb7\x8a\x9a\xa2t\x13;\xc8\x87\x82i\xc2_\xd7\x90\xc4h\x83\x00UZ1\xe5p\xc9\xbe\x8b\x0f\x86\x08\x9d\x06\x93\xfbp&gt;\xcd\x88`\xd9\xfd\x90\xf2\x1fq0\xc4\xa91\x85\x9b\x03W\x1ft\xf3\x81\xdbZ\xfaM\xfe@}\xfb#&lt;\x82q\xb0\x801\xe90\xdc&lt;\xb4\x1e\xf0\'\xac\x90\xf1\x07\x15z\xc8\x8c\x04\x0ft\xa3\t\xbdG/`\xa06*\xc2\x8bs\xe7y'</t>
  </si>
  <si>
    <t>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</t>
  </si>
  <si>
    <t>b'C\xa1\xd9\x89\x0f\xa0/\xe2\xb6\xb1.\x9fF\xad\xac,'</t>
  </si>
  <si>
    <t>k of the inn to be carried on in the 
 meanwhile kept me so busy that I had scarcely time to think of the 
 captain, far less to be afraid of</t>
  </si>
  <si>
    <t>b"C\xb6V\xee\x8ei\xb3\x95\xd0h\xa9\xc6J\x1e\x01:\xc13\xefr\xd3R\x14U\x82w\xcb\xdc\x10\x17\xbb?\x07\xb5\xed\xaa\xbas\x8d'\xba\xb6\xd2V\xb3\x1f\xa4Yg\x0f\x83\xc1\xa5\x1d\xc7\x8d.J\x84\xe0\x9c\xefT\xbc\x8f1\xa7)y^\xbbH\xa3\xe1\xd5\x99\xa8\x1d\xe4\x0cg&lt;CL\xc2\x11;Qa\xfc\x80+go\xe8Q\x98\x8d\x16{=\x13Z\xc72\xb3\x95\xf8\xa7&amp;H\x8b+\xcf\x05O\xd1\xc2\xb9\x06\x8c\x03\x88\xf5\x0cY\xb2\xcc\xdf\x13\xf6\xe8#Xs\x8chH\x1eqc\x9fu\xbf\xddYYX\xc8\x11\xe2\t\xb6\xc8:\xe2X\xd9\t\x08\xdfC\xca\xfb \xba}\xd5\xcb\x01\xb3\x10\xcdu\xa8\x11\x99\xefb\x91\xd7F\xc8\xa5\xed\xae\xd5?\x01!\x1f\xfc\xa5A\xd6\x18\x1a\x01\xd9\x9f\xac\x0fyk\x13\x0f\xaf\x08\x19Q2\xaf\xd0\xf2\xf1\x15\x85h\x0e@\x84G.\x0eW\xc9\x02\x1b\xb1\x02F\x99\xe0\x04\xc3&gt;\x8agS\xcf\xc4\xa9\x11\xe3\xff=-\xe4\xf0\xbd\xcf\xfc\xc3&amp;g\x17"</t>
  </si>
  <si>
    <t>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</t>
  </si>
  <si>
    <t>b'C\xb6V\xee\x8ei\xb3\x95\xd0h\xa9\xc6J\x1e\x01:'</t>
  </si>
  <si>
    <t>affections
 which we conceive for home. The abbess repeated many kind assurances
 of regard at their parting, and pressed her to return, if ever she should
 find her condition elsewhere unpleasant; many of the nuns also
 expressed unaffected regret at her departure, and Emily left the convent
 with many tears, and followed by sincere wishes for her happiness.
 She had travelled several leagues, before the scenes of the country,
 through which she passed, had power to rouse her for a moment from
 the deep melancholy, into which she was sunk, and, when they did, it
 was only to remind her, that, on her last view of them, St. Aubert was at
 her side, and to call up to her remembrance the remarks he had
 delivered on similar scenery. Thus, without any particular occurrence,
 passed the day in languor and dejection. She slept that night in a town on
 the skirts of Languedoc, and, on the following morning, entered
 Gascony.
 Towards the close of this day, Emily came within view of the plains in the
 neighbourhood of La Vallee, and the well-known objects of former times
 began to press upon her notice, and with them recollections, that
 awakened all her tenderness and grief. Often, while she looked through
 her tears upon the wild grandeur of the Pyrenees, now varied with the
 rich lights and shadows of evening, she remembered, that, when last she
 saw them, her father partook with her of the pleasure they inspired.
 Suddenly some scene, which he had particularly pointed out to her,
 would present itself, and the sick languor of despair would steal upon her
 heart. 'There!' she would exclaim, 'there are the very cliffs, there the
 wood of pines, which he looked at with such delight, as we passed this
 road together for the last time. There, too, under the crag of that
 mountain, is the cottage, peeping from among the cedars, which he bade
 107
 me remember, and copy with my pencil. O my father, shall I never see
 you more!'
 As she drew near the chateau, these melancholy memorials of past times
 multiplied. At length, the chateau itself appeared, amid the glowing
 beauty of St. Aubert's favourite landscape. This was an object, which
 called for fortitude, not for tears; Emily dried hers, and prepared to meet
 with calmness the trying moment of her return to that home, where
 there was no longer a parent to welcome her. 'Yes,' said she, 'let me not
 forget the lessons he has taught me! How often he has pointed out the
 necessity of resisting even virtuous sorrow; how often we have admired
 together the greatness of a mind, that can at once suffer and reason! O
 my father! if you are permitted to look down upon your child, it will
 please you to see, that she remembers, and endeavours to practise, the
 precepts you have given her.'
 A turn on the road now allowed a nearer view of the chateau, the
 chimneys, tipped with light, rising from behind St. Aubert's favourite
 oaks, whose foliage partly concealed the lower part of the building. Emily
 could not suppress a heavy sigh. 'This, too, was his favourite hour,' said
 she, as she gazed upon the long evening shadows, str</t>
  </si>
  <si>
    <t>b'\xda\x15\x87\xc8\x0e\xf1\xd1\x18\xa7\x8ajRB\x84&lt;\xb3\x11k&amp;\xa6\xca\nc\xe5\xb9\x08E)\xb8]E\x98g\xf2\xf5&gt;mZ\xc0\xa6\x08Q{\x19\x9e\x8c\x8a\xb8%\xdd\xf1\xd1hx\xfb\xa4\x9b\x13\xcb\xe8\xe6\xb0b!'</t>
  </si>
  <si>
    <t>da1587c80ef1d118a78a6a5242843cb3116b26a6ca0a63e5b9084529b85d459867f2f53e6d5ac0a608517b199e8c8ab825ddf1d16878fba49b13cbe8e6b06221</t>
  </si>
  <si>
    <t>b'\xda\x15\x87\xc8\x0e\xf1\xd1\x18\xa7\x8ajRB\x84&lt;\xb3'</t>
  </si>
  <si>
    <t>Effects of trade (b) Effects of skill-biased technological change
 Skilled-unskillled 
 wage ratio, wS /wU
 LL HH
 wS / wU
 SL /UL SH / UH
 Skilled_x0002_unskilled
 employment,
 S/U
 Skilled_x0002_unskilled
 employment,
 S/U
 Skilled-unskillled 
 wage ratio, wS /wU
 LL HH
 wS / wU
 SL /UL SH / UH
 Figure 5-10
 Increased Wage Inequality: Trade or Skill-Biased Technological Change?
 The LL and HH curves show the skilled-unskilled employment ratio, , as a function of the skilled-unskilled
 wage ratio, , in the low-tech and high-tech sectors. The high-tech sector is more skill-intensive than the low_x0002_tech sector, so the HH curve is shifted out relative to the LL curve. Panel (a) shows the case where increased trade
 with developing countries leads to a higher skilled-unskilled wage ratio. Producers in both sectors respond by
 decreasing their relative employment of skilled workers: and both decrease. Panel (b) shows the case
 where skill-biased technological change leads to a higher skilled-unskilled wage ratio. The LL and HH curves shift
 out (increased relative demand for skilled workers in both sectors). However, in this case producers in both sectors
 respond by increasing their relative employment of skilled workers: and both increase. SL /UL SH/UH
 SL /UL SH/UH
 wS /wU
 S/U
 CHAPTER 5 Resources and Trade: The Heckscher-Ohlin Model 95
 increase in the relative price of high-tech goods). The increase in the relative cost of skilled
 workers induces producers in both sectors to reduce their employment of skilled workers
 relative to unskilled workers.
 In panel (b), we show the case where technological change in both sectors generates
 an increase in wage inequality. Such technological change is classified as â€œskill-biased,â€
 as it shifts out the relative demand for skilled workers in both sectors (both the LL and
 the HH curves shift out). Then, a given relative price of high-tech goods is associated
 with a higher skilled-unskilled wage ratio (the SS curve shifts). In this case, the techno_x0002_logical change induces producers in both sectors to increase their employment of skilled
 workers relative to unskilled workers.
 We can therefore examine the relative merits of the trade versus skill-biased
 technological change explanations for the increase in wage inequality by looking at
 the changes in the skilled-unskilled employment ratio within sectors in the United
 States. A widespread increase in these employment ratios for all different kinds of
 sectors (both skilled-labor-intensive and unskilled-labor-intensive sectors) in the
 U.S. economy points to the skill-biased technological explanation. This is exactly
 what has been observed in the U.S. over the last half-century.
 In Figure 5-11, sectors are separated into four groups based on their skill intensity. U.S.
 firms do not report their employment in terms of skill but use a rel</t>
  </si>
  <si>
    <t>b'0E\x02!\x00\x80\xc1\xb4j\xc8\xe9\x8a !6\x9f\x1di2c\xf6\xa3v\t\xc2k&gt;P\xde#\xee\x0e\xc8\x8b\xc9p\xbf\x02 ?\xfe\xf5\x18\x06;\x84\x8e\x15v\x94\xa2a\x1c\x12j\xb2\xc2\xcc%f\xe6\x8cN\xf2\t\xeb9\x11\xce\x9f\xeb'</t>
  </si>
  <si>
    <t>304502210080c1b46ac8e98a2021369f1d693263f6a37609c26b3e50de23ee0ec88bc970bf02203ffef518063b848e157694a2611c126ab2c2cc2566e68c4ef209eb3911ce9feb</t>
  </si>
  <si>
    <t>b'0E\x02!\x00\x80\xc1\xb4j\xc8\xe9\x8a !6\x9f'</t>
  </si>
  <si>
    <t>b'\xc5&gt;\x82\xf7\x95\x91\xa7\xa5\x9bf\n,+\x05\xbe\x92'</t>
  </si>
  <si>
    <t>c53e82f79591a7a59b660a2c2b05be92</t>
  </si>
  <si>
    <t>fall me, would keep me, at 
 least, from starving till far on in the next day. 
 The next thing I laid hold of was a brace of pistols, and as I already had a 
 p</t>
  </si>
  <si>
    <t>b")\xcb'\x8a\x8drn\n\xb9|\xa4\xb4\x88\xdd\xf9\xf1\xaf\xd9\x12%a\x07\x11;-\xed\x81\x01\xb9\x05_\xe1\x0f\x00\x93\xaeZ\xacuB \x1d\xe0\x98\x81\xce4 \x1e\xf1N|NZ\x9e\x16\x8cI;\xb2\x93e%\x82\xe87\xc3\xf5\x06D\xd9\xdf\xde\x9bC\xa5\xa1\x01\xbdH)1U\xdca!\xf6\x12N\xda&lt;\xf9\xcchQ\xc0\xe2\xd5\xc6Ex\xfe\x1d\x0e\x1c\x93\x90\xbc\x99\xbe\xf88\xde\x7fAc\xd3\xec\xbe\xa4\xf5\xd9\x9d\xf2\xd9\xef(\xc1\x08\xfcS\x87,\x9bQ\xc1\xc6[\x91\xbd\xe6?\x92\x08\n\xa4`\xe6U\xc5\xe8\x05&gt;\x19#|\xd9\xe7\xe0O\xc3\x85xv\x13\xf2^\xcf\x04\x1e\x98\x13\xeb\x964H\xb4\xca!\x1f\xe9\xf3\x19&amp;\xc8\x90\xf4W\x10\xdd\xce\x02\xc8\x0c\x18a\xc2\xda\xd8B\x1dW\xfb\xb2\xf8\x8e\xd5k\x989Z\x02^5\x0f)\x8e.\x00W\xaa\xb8A\xba)M15\x8d\xdd+\x9e\xcaf\x1f\xbb\xc3\x0f\xb10\x93\xe9[a\xb2P\x12\xff\xc1\x91b\x80\x91\xa0\x19\xa8"</t>
  </si>
  <si>
    <t>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</t>
  </si>
  <si>
    <t>b")\xcb'\x8a\x8drn\n\xb9|\xa4\xb4\x88\xdd\xf9\xf1"</t>
  </si>
  <si>
    <t>re general gravity model of the following form:
 (2-2)
 This equation says that the three things that determine the volume of trade between two
 countries are the size of the two countriesâ€™ GDPs and the distance between the coun_x0002_tries, without specifically assuming that trade is proportional to the product of the two
 GDPs and inversely proportional to distance. Instead, , and c are chosen to fit the
 actual data as closely as possible. If , and c were all equal to 1, Equation (2-2) would
 be the same as Equation (2-1). In fact, estimates often find that (2-1) is a pretty good
 approximation.
 Why does the gravity model work? Broadly speaking, large economies tend to spend
 large amounts on imports because they have large incomes. They also tend to attract large
 shares of other countriesâ€™ spending because they produce a wide range of products. So,
 other things equal, the trade between any two economies is larger, the larger is either
 economy.
 What other things arenâ€™t equal? As we have already noted, in practice countries spend
 much or most of their income at home. The United States and the European Union each
 account for about 25 percent of the worldâ€™s GDP, but each attracts only about 2 percent of
 the otherâ€™s spending. To make sense of actual trade flows, we need to consider the factors
 limiting international trade. Before we get there, however, letâ€™s look at an important reason
 why the gravity model is useful.
 Using the Gravity Model: Looking for Anomalies
 Itâ€™s clear from Figure 2-2 that a gravity model fits the data on U.S. trade with European
 countries pretty well but not perfectly. In fact, one of the principal uses of gravity models
 is that they help us to identify anomalies in trade. Indeed, when trade between two coun_x0002_tries is either much more or much less than a gravity model predicts, economists search for
 the explanation.
 Looking again at Figure 2-2, we see that the Netherlands, Belgium, and Ireland trade
 considerably more with the United States than a gravity model would have predicted. Why
 might this be the case?
 For Ireland, the answer lies partly in cultural affinity: Not only does Ireland share a
 language with the United States, but tens of millions of Americans are descended from
 Irish immigrants. Beyond this consideration, Ireland plays a special role as host to many
 U.S.-based corporations; weâ€™ll discuss the role of such multinational corporations in
 Chapter 8.
 In the case of both the Netherlands and Belgium, geography and transport costs
 probably explain their large trade with the United States. Both countries are located near
 the mouth of the Rhine, Western Europeâ€™s longest river, which runs past the Ruhr,
 Germanyâ€™s industrial heartland. So the Netherlands and Belgium have traditionally been
 the point of entry to much of northwestern Europe; Rotterdam in the Netherlands is the
 most important port in Europe, as measured by the tonnage</t>
  </si>
  <si>
    <t>b"0E\x02 '\x82p\x8f&lt;*e\xc9\x051\xe9\xc6gpx\xff\xe9S\xab\xeeP\xbe\xfc\xbdQ\xfc\x0c(JMns\x02!\x00\xc7x\xf2y\x86\x87\xb4\xc6&lt;$\xd1\xe5z#7\x92p\x11\x17Y2U\xc2\xd8\x1e(\xe9E\xc4\xc8\xd4\xe9"</t>
  </si>
  <si>
    <t>304502202782708f3c2a65c90531e9c6677078ffe953abee50befcbd51fc0c284a4d6e73022100c778f2798687b4c63c24d1e57a233792701117593255c2d81e28e945c4c8d4e9</t>
  </si>
  <si>
    <t>b"0E\x02 '\x82p\x8f&lt;*e\xc9\x051\xe9\xc6"</t>
  </si>
  <si>
    <t>g riddles that have no answers.â€
â€œIf you knew Time as well as I do,â€ said the Hatter, â€œyou wouldnâ€™t talk
about wasting it. Itâ€™s him.â€
â€œI donâ€™t know what you mean,â€ said Alice.
â€œOf course you donâ€™t!â€ the Hatter said, tossing his head contemptuously.
â€œI dare say you never even spoke to Time!â€
â€œPerhaps not,â€ Alice cautiously replied: â€œbut I know I have to beat time
when I learn music.â€
â€œAh! that accounts for it,â€ said the Hatter. â€œHe wonâ€™t stand beating.
Now, if you only kept on good terms with him, heâ€™d do almost anything
you liked with the clock. For instance, suppose it were nine oâ€™clock in the
morning, jus</t>
  </si>
  <si>
    <t>b'\x88\xb3\xaf\xe7\xd3L?\xc2\xa9\x9394\xf7\xbbt\x93\xee\x1c\xf4\x85\x82&gt;\x9d\t\x83T\xb8?{v\xeb\xd7\xc2\xff\x84!\x82&gt;\x94\xf8\xdf\xf2\xeeY\xaa\xaa\x83*\x90}\x1a-\xcc\x81Z\x01\xdb\x8eo\x16\xd08;&gt;B\x98gd\xe2\xcfX \n\x99&gt;\xc0G\x94~R[\xe3\x18\x9e\xc0W[\xba\x98\x9b\x1d\xd7\x86\x19b2\xe5\x82\x88\x89\xdf\x18\xc4qE\xc9*\xd03\xff\x11\xd7\xca\xb9\xa1X\x1cz\x99W\xa4\xdbvBk\x97\xc2\xd6\'\x9aJ]\x96\xf3\xd95G\xf5\xab\xde\xcd\xf5\xd9\xbf\xc1U\x7f\xb1\xe7\x08\xa8\xefk\xa1\xfci\xb2\x1e\xa7\x17\xba3\xd1\xaa8\xda\xf6"R\x18\x19\x96j\xc9\xc1\x14\xa2D1\x10\xc4\xa0T\x0c\xc9~\xd4?\xe2\xc6h\x12\x00V\x8b\xe1b\x1be\xb3\xa0\x96\xadz\x99d_\xda\xf2\xb7!\x82\xf1\x8c3\xe6\xac\xc4\xef6\x8b\xd5\xcc7\x82\xb4q\xdf\xbe\x95\xf1\xf2I\xfa2\xed()a\xbc\xa1\xdd?\xf4\x99\r\x7f\xeb$Z\x8f4\xfb\xbb_\xf4\xc3\xaf\x86\x7f$\x9a\xecj"\xba*2?\x86f.\xfb\xc3\x7fM\xe3\x8a|\x96\x8e\xe4\xab\xf9\xe3\x1c\x13;m\x88\xd0+\x10Nu\xb9\x18DW\x0c\xbf\xcbuY\x87\xfc5\x15\xad\x16\xc2m\x1d|\x87\x17b\xed\xa7\xceew\xb1K2\xef\x85\xfe\xc3g\x92\x05\xc2\xb5q\x01\x17\xa4\xea&lt;\xde\x03\xdd\x07\xf1\xdf\xb8\x15\x1cS#\xfa\xafM\xcevP\x84\x9ba\x9a\xdc\'/\x8c\xcf\xe9\xb0\xe0\xa7\x0c(\xb1e#\xd1prQ\x93\x00\x95\xacj\x92# \xfb\x01.\xfa\x8e\x80\x93q\xbd\xeaJ\x91K\xb0\xf7\xad\xa2b\xedw#\x7fk\xcf9\x91\xa7\x85\x8cFi\x13\xb9\xd4v\rV\xafE-\x93\x8c",\xcc\xb7Ec\xa9\xc2\x1c\xa4]\x07s\xb1.\xdd=\xd3_G\x871\xf0$m\xefC5\no\x19\xd6\xa5\xa5\xee\xd0\xe1\x8b\xc4`\xea-\x055\xfc\xd7\xe2\xec,}+\x1ea2-/mG\x0c\xa8$#\xfb\xdfN\x0f\xdc\xa2\x93\x9dz\xac\xcd\x86^h\x84\xb1\xeb\r\xdf\xe5\xb6&lt;~N\x8f\x0f\x95\xf6"T\x1d\xafFWw\xc8tTD\\\x13)O\xf1\x16\x1b&gt;x\xad\xa9Q\xc6\x98\xac\xc3J\xea"R\xe3\x1au\xc6\x19\xec\xca\xb3\xfa\xe8r\n\xb3\x90\x8e\x0f\x8e\xdaC\xc0s\xd6\xf4\x9d&lt;\xaf\x89\x03\xc5\x95\x031\xc0\xe5&gt;\xab\xe9\xc2\xe2M\xfd\xcf\\&lt;@L_\xab\xf0\x8b1\xd5\xc6\x04\x80\xc0n\xd0\x88\xd1,e;1\xda\xd9\x8b$nb\xe6f\xb9h\xcb-\xdb`\xeaE\x9d\xe5\x00S0~\xcf\xdb\x97\xda\x89\xcd\xdf:\xfc\xcb\xdf\xae\x04:\x80\xf6\xdf\xd1#!\x07\xa8OQ\r\xe1\x1c\xee'</t>
  </si>
  <si>
    <t>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</t>
  </si>
  <si>
    <t>b'\x88\xb3\xaf\xe7\xd3L?\xc2\xa9\x9394\xf7\xbbt\x93'</t>
  </si>
  <si>
    <t xml:space="preserve">already read about nomenclature
of different classes of organic compounds in
Unit 12. Nomenclature and isomerism in
alkanes can further be understood with the
help of a few more examples. Common names
are given in parenthesis. First three alkanes
â€“ methane, ethane and propane have only
one structure but higher alkanes can have
more than one structure. Let us write
structures for C4H10. Four carbon atoms of
C4H10 can be joined either in a continuous
chain or with a branched chain in the
following two ways :
Fig. 13.1 Structure of methane
Butane (n- butane), (b.p. 273 K)
I
2022-23
HYDROCARBONS 375
In how many ways, you can join five
carbon atoms and twelve hydrogen atoms of
C5H12? They can be arranged in three ways as
shown in structures IIIâ€“V
structures, they are known as structural
isomers. It is also clear that structures I and
III have continuous chain of carbon atoms but
structures II, IV and V have a branched chain.
Such structural isomers </t>
  </si>
  <si>
    <t>b'\x9c\x12m\xd5X\x15\x19Xt^\x8c/\xa7\xb1\x0b\x84\xed7\x81\x1f1\xbd\xde\xd4\xd1/4\xfe\xd9\xc0\xea\x8a743\x81\xdb\x07\x92\xc1|\xd3\xcc\xc1\xb1\xe1\xb4\xf4\xe5\xe9\x87B\xc1\x10\xe0\x9e\xf6\x0b\xb6\xd0\xf6.\x04k\xdbg\xee\x87eB\x95M\xd78\x81\xb5\x17\x06\xd4\xd2\xe7\xa1\xba\\\xcc\xedbn\xae\xa1\x98^n\x19\x88\n"d\xd3\x8ef\xab\x06\x97\xbf\x0f\xd9\xfb\xb6\xc3\xa3d\xcb7\xe2\xe6{bB\xecy\xd8T\r\xfduOGG\xa0e\x81\xad\xee\xb6\x0fW\xb06\xce\x83\xf6@\x7fb\xab\x05\x91\x91],h\xfb\xf3\xf4\xba\xa2\x9d\xdc\xc4\xc4\xbd\x91Tp3\x13\xd3?t.zQ\xe5\xa3\x02v\xfb\x1d\xea-}\x0c\xef\xca\xf5\xdd\x84\xe7n\x1dCuU\x93\x95\x96Z/\x9f\xee\xed\xb75z\x1ek\xb3\xb1;\xb1+8x\x87\x89\xf5\xd9\xc8\xac\xc0\xacK)\x16VH\xcal{\xec\x9e\x89j\x87(\x90\x99&amp;\xca\xddA\xae\x1f\x05\xf9@ky\xaaZ"\'\xda\xd3kP`\xa2\xd4\x04\x01\xa3.\tIK*\xdd\x86\xd2\xe0&lt;\xaeU\xceT\xeaM\x1a"Gw\xfe\xfaON\xb73T\xea\x1aL\xd5\x82\xcbz\xa0\xfc;\xa8\'\x00\xad\xa5\x05,/\xc3\xd4\xbc&gt;q\xd21\x01ChfN \xc7z\x13"yj\x8b$c\xee\xa5&lt;Z\x96\x81\xda\x98\xdd\xa1\xee\x86S\x9c\x05\x91\xe0\xb6e\x96\x87\xa1bw\x9a;\x1bmm\xb7\xba\ns\xf3\xd0\xf8W\x13%.\xc4\x92\xb3\xbe\xd3k\xc6\x18\xe6\x03\x9c\x97\xa03\xe4\xad\x9b\xba\xef&amp;\x17\xebM\x04\xfc\x89;\xc4\r#\x99\xec\xdaead\xfe\x94\xff~\xf6:\x08sH\xca\xe8\x8e\x19\xe40\xaat\x9a\x8a\x91\x00\x18\x85\xa9I\x15V\x7fC\xc6\xaa\x93!\xf9\x905\xcb\xaa\xd1\x8e)\xd8k\xa0\xad\x05y\x0f1\xea\x84\xf1\xe8\xf5\xe5@q\x8fi9\x9a\x87\xd0\xe2\x88\xab\xc49\x0e\xb1\xc9\x15\xa9\x91!.\xc0 \x1fu\xc5\x9d/\x7fdM\xc4\x14\x1dk\xe3\xff\xa2N&amp;\x8c\xf66\xfb\xf3u\xce.\x13\xce\xbc/\x83?\xd4V\xfb\xa4\xf7xY*\x05\x99=\xbd73\xd4\x13\xf7\xa9\xdcnwC\xf0\x89$E1\xb6\xab\xbe\x9c\x99n\x03@\xd9 M\x0e\n\x90]\xbd\x84Y%\xcb\x83\x10&lt;m\x05\x9e\xe7q\xa9\xd4\n_6s_y4x\xae\xe6\xba\ra%sYW\xab6\xee\x05\xf6\xa0&lt;\x98\xaf\x1e\xf8\xc1,1\x8c\x0e;!jc@\xd4O\x96\xd9\x05\x08`\xd9\xc84\x0cS\x85\xc6\xdc\xc9\x9e\x92\xef\x1f\xc3\xd9\xae\x0c\xc47&gt;)&amp;\xfb\xb5o0\xbf\x9b\xbef\xa7\xcdZ\xe3"\xfc}\x8c\xa1\xf1\xd2\xdd\x81\x04,Xh\xbb\xe5\xf7\x9b\xd3"\xf0\xcf\x06\xb5T9\x8e\x90\xe4\x0c]\xf5$\xab)\xec\xbf\x95L\xf8\xfc\x12\x95/\xf3A/k\xdbQTb\xb5\xd7Y\x94g\xe2\\\x8c&gt;\xed\x95\xf1\x1e\xbbT\xec\x99n\xdd\xc4\xcd2KuE\x947\xd4,O\x08C\xa1[ \x9d\xdc\x9f.\xa3p\x06\xa3\x1b\xf17r\xb5\xa4\x9f\xf9\xfcu\xa0W\xb8y^\xf3ZK2\xedr\xf0\x0fv\x7f?\x08\xfd\x7f\xb7R\xed|8\xbb\x11&lt;o\x98\xfb\x1a\xfb\x91\xfe]\xfdL\xf3\xa6L\xbc\xca\xa0\x9c\x16\x1a``\xe3r\xa8~\x98\xc5N9R\x80=\xb7\xde\x08\xdc\xd0\xa6cu(\xf4W\xb8),\xd48\x9b\x0b\xe6\xa2oY\xde\x8d\xb7*\x00\xa1\x8f\xf6v\xc2\xa6\xc3\x96b\xf2Hs\xab\x0f\x13S\xb5\\0xQ\xa4]bT\xddY,_\xeb\xbc\x85NY\xf8\x99\x9a\xcebt\x96\xce\x13\xaa\xe2{o\xf9\xf4[A\xe4\x93\xc3\x12Rp\x92\xeaN\xb4:\xcc\x1eHF\n\x15\xads(/\x0bT\xfd\xf5]\xdf\xb0pv\xfd\x12\x8d\x8c\x19x\x9b\xd6&lt;q~\xc4\xfd\xf9\x9f^f0\x94\x1d\xb3\x86\x102\xfd\xf5h\x94Wb\t\xc1!ss\xe7q=_\x98'</t>
  </si>
  <si>
    <t>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</t>
  </si>
  <si>
    <t>b'\x9c\x12m\xd5X\x15\x19Xt^\x8c/\xa7\xb1\x0b\x84'</t>
  </si>
  <si>
    <t>ston, R. 1995. Soldier and society in Roman Egypt: A social history. London.
Alston, R. 1999. The ties that bind: Soldiers and societies. In Goldsworthy and Haynes:
175â€“95.
AÂ´lvarez MartÄ±Â´nez, J. M. 1983. El puente romano de MeÂ´rida. MonografÄ±Â´as Emeritenses 1.
Badajoz.
AÂ´lvarez MartÄ±Â´nez, J. M. and Nogales Basarrate, T. 2003. Forum Coloniae Augustae Emeritae:
â€˜â€˜Templo de Diana.â€™â€™ MeÂ´rida.
Amandry, M. 1988. Le monnayage des duovirs corintihiens. BCH Suppl. 15. Athens.
Amouretti, M. C. and Brun, J. P. (eds.) 1993. La production du vin et de lâ€™huile en MeÂ´diterraneÂ´e. BCH Suppl. 36. Paris.
Amphores 1989 Â¼ Amphores romaines et histoire eÂ´conomique. Dix ans de recherches. CEFR 114.
Paris.
Anderson, G. 1986. Philostratus: Biography and belles lettres in the third century AD. London.
Ando, C. 1999. Was Rome a polis? CA 18: 5â€“34.
Ando, C. 2000. Imperial ideology and provincial loyalty in the Roman Empire. Berkeley.
Ando, C. forthcoming. Administration and acculturation in the Roman Empire.
Andorlini, I. (ed.) 2001. Greek medical papyri 1. Firenze.
AndreÂ´, J-M. 1966. Lâ€™Otium dans la vie morale et intellectuelle romaine, des origines a` lâ€™eÂ´poque
augusteÂ´enne. Paris.
Andreau, J. 1999. Banking and business in the Roman world, 310 BC to AD 284. Cambridge.
Andreau, J. 2000. Commerce and finance. In CAH2 11: 769â€“86.
Ankarloo, B. and Clark, S. (eds.) 1999. Witchcraft and magic in Europe: Ancient Greece and
Rome. Philadelphia.
Archer, L. J., Fischler, S., and Wyke, M. (eds.) 1994. Women in ancient societies. London.
Aristides, Aelius 1981. The complete works. Edited by C. A. Behr. Leiden.
Arjava, A. 1996. Women and law in late antiquity. Oxford.
Arjava, A. 1998. Paternal power in late antiquity. JRS 88: 147â€“65.
Armstrong, A. H. 1966. Porphyry: On the life of Plotinus and the order of his books. Cambridge,
MA.
Athanassiadi, P. 1993. Dreams, theurgy and freelance divination: The testimony of Iamblichus.
JRS 83: 115â€“30.
Athanassiadi, P. 1999a. The Chaldean Oracles: Theology and theurgy. In Athanassiadi and
Frede: 149â€“84.
Bibliography 621
Athanassiadi, P. 1999b. Damasc</t>
  </si>
  <si>
    <t>b'\xe6&gt;\xb2\xfe\x18\xf4\x12\xfdg\xac\xd7\xe9\x85i\xee\x81$\xe5\x1d\t\x8c\xd32\xab\xf8W\xdaLV\x00\xe9\xa2\xfdm#\xfaS\'\xba\x99\xc0\x06\xc5&gt;\xefB\xe4\xc7\x13?\x1a@\xe2\xf59\x93\x05|\x9ef\x1e\xf3\xad=# J\xc8P\xd7Cg\xad\xecA\x07\'\xe6\xb4z\x1f\xf2^K\xa4e~\xdb\xaa\xae\xba\xe5\xfc\xf45\x02|\x10\n\xb9\xb4\x17\x811\x7f\xba\xd0\xbb\xad^\xc9\xd8[b:\xa7\xab\xefq\xbfR|\xf4\x8dJ\x1a\x16\xf3S\xa6]\xf1\x9b\xbe!\x07`xm\x89\x0e\xb4$\xdaw=\xf8\xb4\xe0\x98\x10\xac.\x0f\xa1)\xd1sr\xf3\xcer\xfd\xd7\x82\xa1l\xb1,\xc3\x92[\xd7\x8a\x9a\xec\xbcT\xf8T\xfa\x82\x19]L\x93E\x1fU;\x16%c\xaaj\xc7\xdd0\x7f\x02\xc8\xd2\xe5e\x04\x16\xba\xfe\xe3|\xeb\xc2\xa2I\xcagi\xfd\xfb\xe2*M\x90S\xd5\xa8$e\x9a\xd3\xedI={k\'"\xbd\xb1\xd0\xca\xc0!f\xa9\x9d\x8f\xdc\xc1\xca\x1d\xe3]\xe1\x17\xd9\t\xc25\x02^_\xf3BB\xb6q\xc6-:r\xd1O\xd5V\xda6\xff\x191\xedx3\xb1\xc5\xf1\xc4a\xc5\xa4e\xef\xf2\xf5%1\x1e\xed\xb7\xc0\x89_\xc1r\xdeg\xf0\xd9\xf6\xb5[\xc5*\x10PM@2z\xb423\r:\xc8\xe7\n\xce\xde\'\xa1\xe0\xa8\x1e\x0cbd?\xad8\x8e\x922\xb0k\xf9a\xd7_\xb2&amp;\xdcD\xd8\xfet\x11]\x96\x0fI\x16d\xcc\x0c\xa6\n\xd65W/\xe9\xba\x9b\xc0\xa74\'\xcf\xcb\xaf\xc5\r^=\xb6\xd7\xb6\x14\x13"\xa0H\x84\x84\xa3r6\xe5\x8a\xc7\xcb\x88\x92\xcb:\xbf\xafqvh\x81\x02\xc4\xb5\xe8\x96\xd8#\r\x19\xa9\x1f2)\xe4\xc6\xc9\xb5X\'7\x92\xa2\xf0\xad\x8dc\xe6^\x83A\xe5\x9f\x15i\x81\xc2\xdb\xf8\xcdN\xcaF\xef\xcbI\xf9)S\x9c.\xcd\x7f\x14\x15\xceIJ\'\xad\xc0\x08\xd7\xfe\xc8\x1f\xd8\xc0\x81+\xc9n\xfft\xefhR\xe3\xf4\x8d\n\xe7\xc0\xa8\xa5Li\x90\xb9\x1e\x03\x85"#\x1ac_M\xe5\x97;\x9dMY\x9d\xd6\xd4\xa6\xf1\x96&gt;T\xd6 \xd8\xa6a\x90)Bx\x00kO\x9e\x01J\xfa/\x16\xcaQ}rZ#\x0c\xa1w\xdf\x99\x0b\x91\x8b\x9e\xc3?\'\xef\x97\xec`9Rt0\xb0\xc4@\x0f\xc0h\x8fM\x0b\x92\xb2\xa2\x95\x93\x7fW\x1f\x84\xb7\x83%y\xbb&lt;\x00S$\xb4\xe5\x10\xd5\x06\xaa\x0e\x06\x95L\xcd\x11\xf4nx7^!&gt;2\x96\xe8\x81\x13T_\xa1\xa2P8\x89wD\x1d\xc9K\xd3\xb6\xa6\x98\xef\xdf3N6\x97\xd3\xb3\xcb@1\x9ec\xed\xa1\xa84\xcd\x16\x85\xc1\x1e5%8\x90\xbct\xdad7\xf2\xdd\x01U\x7fL\\P\xa5-\x92\x89\xeb@\x03\xdeH\x01B.x#\x16\x003\xfdv\xe9\x0f\xda\xacbTe\xeb\x81\xf6\x9bj\x02\xf1\xb2\xf9\nO\xe3~\x96\r\x1b0M\x9b\np\x93\x9a\x8e\x9dk\x00yWan\'\x0c\xc2u\xad;s\xf9G\xa8^\xe3\xe7}\x8d.HB/O\xe5\xde\xcad\x1e\x07\xc7\xb2\x95\x03A\r=\x9bU\xf8\x83U\xdbo\x7f1\xe0i\xfa\xb4\x1f*\xdan\x9e\xa6r\\\xb2)\xdd\xd2\xcaoE\xf9_K\xda\x13\xed$\xf3\xff\x7f\xd1\xf6\x1fDv\xbcz]1"\xc4hXzu\xd7\xd9\xb1\xd8F\x05q\xdd\xcaH)\x02O07\xcf\xb9n\x12T@x\xa1\xfc\x89\xf9=]\xdf\x91\xc8\xc2\xd9\x0e"\xbd\x91\xdd\x8f\xec!\xb1\x82%\x161\xd1Ua\xea\x81\x93y\x91\\w\xfb\xd8\xd1L\x98T\x14\x86\xc4\xber\x8a\xc4\x8d\x91\x98\xc5\xd9\xe2\x8f\xf2\x81\x8f,B&lt;D\x9f\xacy\\\x10\x8c\x98\x8d\xef\x85\xeeprM\xca\x1b;\x87\xec\xb9\x8c\xba\xb9\xda4\xa7\x15\xce;t\xd3\xa9\xcc\xcb\xec\x0f\xf7\xe6\xfd\xfde\x9c\x0b \xa7C\xbe\x0f}\xc1\xfa\x14\x93"4\xc5\xe6\xe3L\x07\x03u\x08\xdd#\x96\xe9\xc1\xbbp\xdf|\xbe\xb51\xb8\x96F\xady2\xc8&gt;`\xa1\x839?g\x0b2G\xc6$cRi\x16!\'Q`\xf3\x05\xce\x80\xa3\xe3\xf9&amp;q\xc7\xaa$\xda\xd4\x84\xa6\xc5\xb3m\x11/\xeb\x9cV[[r|\x13v\xcf(\x9dp\x8e6}\x19\xfc|\x12|\xfb1\xe6d\xcc\\\xffJ\xfa\x8c\xf0\xb9\x014\xe2+\xab\xcf\xfcj\x18\xbd]\\y\xf9\x02\x97\x07\x90\x1a\xd0;VQfL\x93\xbc\xb3\x82U\x82\x0f\xfb\xb7\x16\xbf\x82\x8b!$ \xa6D\xd0\xe3G\xfd\x93\x95\xc8\x15?\xb9\xf0\xe0\xae=\xe3\x15\x878T\xec\xac%\x84eZh)-\xfe\xf4\xf7Tq\x84\x1f!\x15\x94\x0cnQeB\xd2\'.?\xf0\x0c\x90MPR\x0f\xc4\xc2\xd3\xa5\x81\x83\x96\x9c\xabW\x88`&lt;\xd8yc9\xe7\x00V\x9cYP\x91f\xf9\xdc7\x18x\\\x11\xf7\xaf\xf8\x05\xb4\xdbm\x19\xa5\xea\xa0g\xf6\xf5\xb1_\xfa|\x87a\x00(\xd4t9m\x04*\x04Q\xd3\x00&gt;\xc4A\xa2F\x9f\xc3\x1f\x068\xff\x9a\xf6G6\x94_8.\xa1\x12\xfaH;W\x87t\xdb\xe6\xc7\\\x15\x06\x91\xd9\x11\x95G\t\xf0%\xf7ui\xaa\xf4\xff=\x9f}\xc3\x86\xd7\xe0\xfb\xd1\xe9b\xd1*\xe4\xf5\x96|F\xc7\x03\xb3\x18_\xce\x0e\xd5\x0cE*\xc8\x0b\x1d\xc9\xe9\xf2\x12\x81\xf3\x80\xd5c\xfe\x96W\x02\x1bj\x1d|)\xc5\x9b\x04\xe9\xff\xc8\x83\xe5,N\x19\x8fRB\x0fM@z\x99t\x14\x90\x85I\xb0\x90\xb6\xacb\xfd\xd4\xfca\x10;?\xcdu\xd9-\xae\xdf\xc0\xac5L*\x15\xe8v\xb3\x90\xb8\xad\x80\nz@\xf0\xad\x1dp\xe0+\x82\x97D\r\x9a\xceK\xa0!\xbcb\x00\x82K\xd1F.6\xc2nsX\x86\xc5\xd4\x89\x1b\x7f\xb1\xc4j\x9f\xdc\x92\x05\x0b\xd2%\xe4\x072T\x94\xb1T/;\n\x0ei\x0e\xea\n\xa6[\xb6\xb7\xa3\xce\xe9\x921\x80\xda1g\xb3\xd6\xc3V\xb3\xec\xc8\x05\x84\xe6\xc6\xb7"\xa0\x07\xccL\xff_H:\xad\xd6\xe9\x04\xe4\x8b#\x12\x04\x80\xcc\x19\x7f\xd8F\x10~/B\x01M\xe6s\xb0\xcd\x92\x7f1\xa6\x16L\xc6\xecN?[(v10\x8a\xed\xddLUB\x85\xb8\xddq\xf8\xc7\x16Rx^\x06%\xe0r\xb3Y\x9eS\x83P\x82~\xee$\x07\xfd\x05\x87\x88W\xc0\xea\xfcvK:gj\x15\xd2\xf1\x81\xac\x9b\'X\xd7\n\xc5\xbb\xa3\xff\xce\xb1\xfc\x10\xa91\x002b\xc4\x7f0\xa7\xaa\x15]\xb7\x8e\xc4\x12-xI$|\x18\x85\\%\rz{(\xf7\x1ds\xe9S\xe1\tE\x96\x084Q\x99t\xd9\xdb\xe7\xc6\x9b\x19&amp;UYe\xe4C\xc3b\r\xbf:\x04\xbf\xc8\xac\x98\xd0Xz\xff&amp;\xc0\x04\xa5\xc1\xf1\x1dN4\xff\xdc\x81)\x1fA\xd7\x895\x1a\xe0iX\xd3,\xdaGV\xbax1\x94\xc0\xc0@\x0c\x81h+LuyH\x0fU\xf3\xac\xbb\x91\x99\x98\xf4\x010\x84\xfa;\xa6\xe4\xbc\x05,&lt;\x81\x9eX\xbb\xc1\x92\xefZ\xe5\xdaS5`\xb81\xc4w]\xc7\xc54$\x98%\xb0\xd8\xd7h\xf0o{\xde\x14p\xc1\x7f\x8b\xdd\xad\x04Zc\xa5sm\xd6\xbb\xf1\xf7\x00m4\xac\xee\xf1f\x0b\xb8{@\r\xea\xddk\\\xb4\xa4#\xe0T\x82\xdc "=z\xcf\x9c\xb5\x95k,\xeeC\'\x93\xbb\x85&lt;\xd7\xa3\x0f\xcd\xddt\x9c\x9b);\xe4\xe9J\xec\x98\xcc\xa4\xae\xa2\x1d\xf1"a\x92\xe8\x8fi\xbd-wi\x11\x98\xed\x13Z\x1d`\x90a\x14L\x95W\xef\x9f\x13=\x1d\x1c\xf5\xf2\x06b\x02\x1e%\xc6"\n/c\xa8qda\xeeItP8\x98G"\xb4!\x0e\x1f\xc2\x03[z\xa1fz\xaf$\xedB(O\x87j\x01\xd5kY!\x84\x1f\xfe9o]\x86\xa7\x89"L]}!\x9d\x94*\xdf\x1d\xca\xfa@\xd7\xfd|d-\xbaC4y\x97q\x91\xbfM\xf6\x9e\xbe\xe8\x9cF\x84\x81&lt;\xb6\xad\'A\xf6YF\x86O\xcc\xbc.\x0b#\x82\x96\xb1v_C\xc0)\xe5~\xb9+\x9d\xbb\xba[\x10\xa0\x99\xd0#\xc4q\xcb\xb9;Z\xd4\xb8\xc3G\xadK*\xa8Ig\xd9\xef\x83\x95$\xfe\xc9\xae\xf8\xdb\xe3\xdcKE\x8c\x85\xd47\xbf\xfc\xc3\xb3\x03X\xcfe\xa3\x98{T\xbb\x06\xb1IjKq\xf4\xc2\x14\x9b\x92\x11\x88LD\xeb\xab\xb2\x11\xbd\xa0\xdb\xa1\x9f\xd9\xa6?\x1b\xe8\xbd\xd9Y+\xf5\x8cV,1\xa1\xae\x1cW\xc4\xc9\xda\xa8ez\xdf\xd5\xce\xb7~\xc1\xe1\xdb\xbbH\x18\x0eV`\xd2R\xc3\x1f\xea\xcb\x04\x8a5_\xc8\xae5\x16AAk\x9d\xd6#\xc6\xabD\xe86\x82\x11e\xcaEl\xb05\xf6\xeb\xc65\xd7f\xf7\xc5\xdb"\xe2\xfd\x88B\x9c\xee\x82\xe9\xa5\xea$e\xd3\x0b\xe8\xcf\x9e\xab\xd6(\x89D\x98g\xb9\xd6\xa7L\xbb\xb1.t\x9f\xe7k\xee\xe0\xff\xb0\xb4)8\xf7\xcci'</t>
  </si>
  <si>
    <t>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</t>
  </si>
  <si>
    <t>b'\xe6&gt;\xb2\xfe\x18\xf4\x12\xfdg\xac\xd7\xe9\x85i\xee\x81'</t>
  </si>
  <si>
    <t>ls and source/drain dimensions given in Ap_x0002_pendix A. Assume the substrates of NMOS
 and PMOS devices are tied to ground and VDD,
 respectively.
 7.74. In the circuit of Fig. 7.96, I1 is an ideal cur_x0002_rent source equal to 1 mA.
 (a) Using hand calculations, determine
 (W/L)1 such that gm1 = (100 _x0003_)
 âˆ’1
 .
 (b) Select C1 for an impedance of
 â‰ˆ 100 _x0003_ (_x0003_1 k_x0003_) at 50 MHz.
 (c) Simulate the circuit and obtain the
 voltage gain and output impedance at
 50 MHz.
 (d) What is the change in the gain ifI1 varies
 by Â±20%?
 M 1
 VDD = 1.8 V
 Vout
 I 1 10 k Î©
 1 k Î©
 C1
 Vin
 W
 L( (
 1
 Figure 7.96
 7.75. The source follower of Fig. 7.97 employs a
 bias current source, M2.
 (a) What value of Vin places M2 at the edge
 of saturation?
 (b) What value of Vin places M1 at the edge
 of saturation?
 (c) Determine the voltage gain if Vin has a
 dc value of 1.5 V.
 (d) What is the change in the gain if Vb
 changes by Â±50 mV?
 = 1.8 V</t>
  </si>
  <si>
    <t>b'\xd6F_\xe3\xf4\xd8ekQ\xeeO&amp;\xc9L\r\xa3'</t>
  </si>
  <si>
    <t>d6465fe3f4d8656b51ee4f26c94c0da3</t>
  </si>
  <si>
    <t>ll day long; I want Lais at night.
(Mart. Ep. 11.104.1, 17â€“22; Lais was a famous prostitute, see Richlin 1992a: 41, 159â€“60)
Plutarch, moral philosopher, Boeotia, c.100â€“120 CE:
This is the way, I think, for the lady of the house: not to run away, nor to bear such things
with bad grace when her husband begins, but not to initiate it herself, either. The latter is
prostitute-like and hasty, the former is arrogant and lacking in affection. (Plut. Coniugalia praecepta 18 [Mor. 140c]; see Richlin 1998: 158â€“9)
Rabbi Akiva, Palestine, 110s CE:
[A menstruating woman] imparts uncleanness to him who has sexual relations with her.
(mNiddah 2:3 G, trans. Kraemer 1988: 47)
The tractate Niddah concerns ritual uncleanness due to menstruation; see Satlow
1995: 296â€“8. For comparison with Christian attitudes, see S. Cohen 1991; for
Roman ideas on menstruation, Richlin 1997d.
344 Amy Richlin
224 CE: Clement, Christian teacher, Alexandria, c.190â€“92 CE:
So it is altogether necessary to marry, both for the sake of the fatherland and of the
succession of children and of the debt we owe to the universe as best we can. And so the
poets pity a marriage â€˜â€˜half-finishedâ€™â€™ and childless. . . . (Clement of Alexandria Stromata
2.23.140.1)
Clement wanted all sex to be procreative; see Brooten 1996: 325; Brown 1988: 132â€“
6; E. Clark 1989: 90â€“1; Satlow 1995: 261.
Rabbi [Yehudah the Patriarch], Palestine, before 217 CE:
[A certain woman came before Rabbi. She said to him: Rabbi, I set him the table, and he
turned it over. He said:] â€˜â€˜How is the case different from fish?â€™â€™ (bNedarim 20aâ€“b, trans.
Boyarin 1993: 110, with disc. at 109â€“13; cf. Satlow 1995: 239â€“41; 1996)
This passage concerns the Rabbisâ€™ attitude towards non-procreative sexual techniques, which they treat as a matter of choice (for the husband), like cuisine.
Heliodorus, novelist, Phoenician, Emesa (Syria), 200â€“250 CE (the speaker is Persinna, Queen of Ethiopia):
Those who . . . came to build the royal palace . . . made use of the romance of Perseus and
Andromeda to adorn the bedchambers. It was there one day that your father and I happened
to be taking a siesta in the drowsy heat of summer. . . . that day your father made love to me,
swearing that he was commanded to do so by a dream, and I knew instantly that the act of
love had left me pregnant</t>
  </si>
  <si>
    <t>b'|\x8a\xc4G\xd04\x01\xfc\xd1\xdf9\x91h\xc1D\x89\xfd\xb9\xa8(\xe5\xe3\xbb\x89mQE\xcb\x8b\xc8}\xca\x93\xd1\xb8dd\xa0\'\x894\x9a\xd5\xfb0\x80\xbeJr\x82\xe5\xdd\x0fD-+\xb7\xda)nd\x9d\xf3\xb1\x05hs\xa0nW\x93\xe0\xffW\xd2_4\xdf\xa0\xfbo\xaa\x1d\xcf\nDD\x9eS\x80k\x06\xa2\xe4_V\xab\xb5D\xb4\xc6\xa6\xeb{v/n\x90o\xb1\xe1\xcd\xf5Jt\xaa\xcc\xaf\nFLI\xf0f\xfe\xa0}g\xd8zsn\xd4\x9d\xbfV\xbe\xee \xb8\x03\xcf\x93\xf0X\xe3\x7f\xcc[{\xa1\xc0A\xb7V\x8dqpA\\\xc2i+\xbc \xc9\xf6i\x90\x16\xfa\xc4\r\x0e/\xb3\xc4\x83\'|\xa8\x1ep\xc05\xddE\xb3\xdf97i\xe3E\xf2\xbb\x1a\xa5W\xf2)\x14\x95}\xa9\x1b\xbc\x97\xa2a\x8f"\x01F%v\xebD&lt;I\xb6\xc4\xb9_\x90\x98\xe8\xcc\xd6\x97W\xf4\x08\xd3L\xa8\xa8$`u\x9dT\xeex\xb2R#\x9e\x8c\xfa^e$8`\xe26\xea\xd3\x89yAZ\x08\x16\x0b/\xc1p\xe8\xaa\xcb\xdaA\xe9Fk\xa5\x1e/\x80\xd6\xa9\x8aR\xd2Jm\x9aS5\xc4C\xa01\x1a\xe3\x0e\xda\xe9Q|\xb2\xfc\x81\x82\xad\x12J3\xe0\x1b\xc3\xfcH8%w\x9a\xce?\xa8R\xb6v\xcd\x03\x10/\x96\xe6xcq0\x8c\xcacVf;\xabQM\x05\xd2\x04\xe9\x8a#\xce\x87\x0f{\xe4u\xcfzsl\xac?\xaf{\x7fr\xb8\xe8{\xb32r\x05\xd3\xe4\xd5\xc7\x10\x94]X\x8b\xc2\xc5\xae\x88\xf7\xdc\x1b2x" @\xf6\x90u\x80\xed\xb8\xf0O\xd1K\xb0\x10\x85\xe7\x92\xa0\xcf\xb9\xee:t\xcc\xca\x07T.\xd6\x0b\xe4\xa4\xae\xa6\x1f;\xf9\xb8\x07\x9b\x1c\xe5@1:@\x07\xffa\xf6\xd1\x07\x03\xb4+\x8cU\xd4\xfa\xfc\xfdM\xf7\xfd\x9f*\xfa&lt;\'\x02@w\xf0\x8a8\xd9?M\xc4\xbfE\xc7\x1f`\x9d&lt;q\x8d*\xec\xb68)[\x92\xf0L\xd6\xa3\xd3\x89\xf8A\x17\xc8\xbd\xf4\xd7\x88I\xdftA\xbb\xe3\x12\xd4\x90\xeb\xb6&gt;n\x04\xa6\xb3\x88\xbb\xa7k\x14\x08\x02\xc2\xae\xdb\xe8\xebbY\xbf:\xeb\xf4P\x07h\x8a\xee&gt;\xe5\xa8\x15\xa4\x18\xcdU\xca\x86\x84!\xd05\xd39\xa4-M\xf3\x8d2\x18\xaehQ&amp;\x9d\x87\xe0Q\xd56\x9c\x1c\x7fS(NYW\x8f\xb2Z\xe1\xcc\xbc^\xb3\x88q0\xf1@E\x9a\xf7W\xcdl=\xb9\x03\x0bm\xa5\xc4Q\x01\xe0\x8d6\xacOY\xfe\xe6\xe0\xc4\xab\x8f\xff\xf2PSG\xde\xe3\x06\x85\x85\x9f \xf3\x9a$\xbe\xbf\xabI\xc5\x93k\x979j$,x\x00r[\xc0(j\xba\xd4\x12\x9f\xc9\xbd2S|/\x1e\xe0rzg\x07\xa8\x98\xdal\xd8\x03\x14\x80\xa6\x1e\x9b\t+\x9eu\xf6\xd9\x83\xd0\xff#\x8ad\x8biz&lt;\t5K\x1f+\x00fw\xea%\x9d\x835I+\x82*=\x19\x11\xaa\xddI=\xb1H\x10\x95\xc4\x80U\xed\t\xaa{\x036N\xb8\xc9\xba\x1es^5\x9e\xe6\x91\x83\xd2\x19\xc4\xa56\xdeh\x1b\xe0\x8cp`\xc0\xdcbi\x84\x8b\xa9\xda\xcd\xfc&gt;\xf1#\x9f\x80k\xb0&lt;LPa\xa3H\xcf\xfa\xc9\xea.\x7f\x94\xdeu\xf3R$ 6\xee\xb5 v\xb8C\xb7H\xf6\xe0\xfb\x14\xcc\x0c\xa6\x02\x9c\xf0\xf5\x81\xe4\x11\xffEC\xf7\xc4\x8e\x80\x90\xa2\xb5{\x93\x91/\xd0\xedP\xc0~`\xc7\x97N\x93z\xfa\x131\x9d\xc4X\xe6E\xa6\xc3\xafCI\x97\xad;dn\xee\n\xde\xb7\xd6,\xccj\xc3\xf4\x86\xbd\xbf\x89h\xec)z\xc1\xb0\xe4\x11j{v\xda\x1c\xda\xa0\xcb\x13\xf0\x05T\x9a\xfc|\xd2\x81\xf0\xa5\xce\xdf\xd9\xcfw\xbb}\xc1\x18\xbe\xa5\xfaRr\xa6\x07\x0fR\x19P\xea\xd4#y\xcf\x02y\x83\xdf\x0c\x84\xb2\xcb6\xa6A\x9fLP\xd55]\xdb\x03\x10\x1d\x8f\x8ei\x1b\xd8\xc44\xcc\xc4\x10\xd5\x8e\x89\xc6\xac\x9c\xfa\xaa\x87\xc1\x1a\xe0\xc5ox\xe1\xe1H/b@\x07\x9c\xe6Vg\xea;T\xf9\xd4\x08_\xa3\xf5Y|\x0e\xfe\xd5\xae\x16\xc2tx\xd9\xab\x19\x14\x86Z\xf4\x93\x94O`5\xab\xe5v$\xe6\x1b\x00\x12\xa3\x8f\x8d\xea\xc4\x9b\x06F\x8fS\xdf74\x193\xde6S\xf6\x15\xe9*#\xc7\x84-[\xe9O0\r\xc0.3\xaa\xc0"]\x008 rPx"\x8cuF\x98|\xba\xd1|+\xb6\xfc\x1eR\x86\xed\x04\x93\xc7nc\xcd\xae#\x10\xd9\xb1\x83\xfc;L tI\x91\x01O\x83\xa7{\x96\xfc\xc3+Z\xa59\xf33\x07*\xd0p\x1b2\xeb\x8b\x8a\xeex\x0b\xe8\x02u\x0c*o&lt;\x13\xfa\xd0\x1f\xf4\xe4\xbb\xf2l\xd6\xd3x\x1e0\xef\xead\x9d\x04\x1d^\xb1t\x96\xd6\xc3\xc9\xe8\xd9\xb5\xe4u\xe3\xbc\xc7\x85\xa3\xe5\xef\xa9%\xcc~4c\xe9fc\x87\x0eh{\\\xf8\xc0\xd1\xa8\xcc#:\x97\xbfk\xc6K\xa99@\xc3#\x17-D\x03\xf9\xe6\xf8\x97\xe1\xec\xf0hG\xd4*\xedTn&gt;\xa0|C\x9b\xedD4t\xe9\x00d\x88\x83\xbeDbqY\xdb\x00\xdeV3\xf7\'\x1a\t\xe1@;d~E}\xd9B\x05\xb0+\x98\x8d\xf8AYitx\x95|\xa5g\xe74\x18=%\xde\xf3]\x90(\xb3\x17q\xd9\x0b\xc4\xce\x91u\xaaOAw\xc7\x84V0\x83\xa6\xfa\xe3Xh\xf53\x14\xb5\x19\x9d\x18\xa7\xb6\x07bzKx\xcfj\x1b\xbdC\xeb\xdc\xc2\xe6\xfb|\xcb\x93K\x80\x96\r1\xe6c2\x11\xb5qE\x10f\x15_\xd3\x18\x81\xa4\x0etC\x0f\x1aq\xa7+\t\x9f9\xe2\\\xd74\xb0\x02]\x9c\xecC\x9e\x1fD\xdc\x8b\x03\xc1I\xc0\t\xc6\xe3\xa5?c\x1c\x04\\\xab\xf3(\xbej\xc4\x81\x00m\xa4\xcbW\x99\xe6\xdf\xe8\xbcb\xe3\x1d\xb7\xd3\x80\xf2\xcc\x90\x02y\xbc\xef5y-5t5\xee\xa5\x12\n\x86\xd8\x00\x94\x9f\x02\xbc/\\\x0e\xd6\xac}\xc1a\xf4XZ\'\xe5\x0eYk\xe1\xc1]\xc5\xf0\xcc\xedF\xe99\xa1\xbfy\x17}\x18\xe6\xa9\x1c\xc7\xf6a\xdd)\x1aU\x1e\xc1\x10$\xa4C\x90\x03 \xf1\x86)\xfe&lt;\xbc\x81T\xcd\x89Ur\x1a]2L\x0e\xfe\x93\xde\xc8\x15\xee=\xa0=\xe2\xff\x16\xe5e\xc0\xfc\xf5D\xf6D\xdc+xs\x94BaAB\xda\x7f\x0e*\x12\xd6\xdd\xb9$\xc8\x04\x0c\xc7Y+\xf7\xb5\xcf\xffU@$\xbb\x90E\x08\x98\xb9U\t \x93\xce\xc5\xbb\xd7\x0bGgdL9h\x92\x16,\xa5\xba\xde#\x8e\xc6I8\xe3=U\x1d\x84\x9c&gt;\xd5V\x87\xb4\x1b\xdd\x98\xb8\xd7\xff(\x1d\xa8\xc6P\x9b\x06\x0f|\xdav\x9f\xf6\r&lt;]\xda\xb2\x80O\x82\xbaD\xc0s{\xe1\x1d\x92oQ\x8f\xb7\xe9r\xf4Q\xdc\xd9K\xd5#G\x1d^\x1dd\xc4\xe2\xc19\xbfO\x1c&gt;\xaa\x83~\xe8^Zw\xe6\xaa\x96yW\xbc\xd6G\xdfEiW\xf1\x90V,\xef\xce\xea\x88V\x07\x0b\xa1C\xb9\xd8,&lt;\xc4m\x80\xda\xba\xee\xe70\xa7\xa3|*\xb9L\xafvU\x0f\xf7P\xbcy\xfa\xc1\xbc\xed\x9f\xc9yw?k.\x9ap\x97\xe3o\xf0\xff%\x13.jj22l\x10\xd2\xa0\xbc\xa1C &lt;#\xc7\x11!\xf3\xd473\x16\xec\x10\xe8\xb8\x1bU\x8e~\xd2Q)0\xac\x99$\x92\xdai\x90i*D(\x05\x17\xcdL\xdaVB\xed\x9eu&amp;\xb6w:\xe0\x9e\xce\xb6P@\xe6Q\xfc\x04{\xec\xcf\x86\xc2\xae|\x96\x08\x80v\xa8\xfd\x9c\xd9]\x13\xd6\xd4 \xfa\xc4\x05\xff3\x166\x11\xd3\xf2\x9de\x82\x15\xcd\xba`f1\x9a\xe5\xa6\xe93b Bq\xeb\xdd\xe1r\x0b}o\xdd\t\xe6\x93\x9b\x1d\xb0\xb2!\x8a\x9a\x03\xeeu\x98U\xbb\xc8\xfa\x15\x13\x94\r\x83\x0cF\xfe\xae\xdc#\x1a\xa7b\x85\xe2e]\x9c\x16a\r^\xad\xa8\xd2\x9c\xd6f\n\xd3\x99`\xbdC\xd5\tNf6x\x18\xcad\x06\x0f\xb7\x1a\xb7\xd7;\x00\xeb\x0c{v\xed\xf05\xbd\x10\x07B\xe0j\xa2\x90\x9b\x04\x91\xe4nL,`\x91\x0e\xe2m\x17,M/\xe7&gt;\xb5o\xd5\x10[\xf4:\xbdy\xc3\xb9\x87\x85\x90?\xdaD\xce\xa8"D\\\x12\x06\xb95\xb4\xc0sl?;\xcf\xb1\x96\x0f\xddad\x11\x1d\x98j`}{\x1c\x1dz\xc9\x9c\xea\xeb?\x08\x9b\tl\xc5\xe1\x9d\xe3|\x10\xcc|\xce\xd0\x80s\xdd]k\xa3\x07\x9d\xabs/\x9e&lt;\x0b\x9d\xc9Y\xab\xe09\xf40\x05\xca\xf5\xc1\x93,\x91^\xed6\xd2\x05\xa8eC\xe3(@\x96\xf1\xd2&amp;\x89q\\\x89\x8a\xc0M\x10\x89\xd3\x0c\x98j(\x96\xb9\x9a\xbfb\x99\x02\x88\xd1\xe6h\x1a\xc5s\r\x7f\x81\x9872\xce1z\xe3\xe3\xa0pQ|\xb1-\x1ea\xd7\x7fX}&amp;\x1e\xf0\x16\xeb6\xe0\x83[)\xa3TL\xfbD-\x0e&gt;\xd3\xfec\xf8\xab\xa1V\x17o\xacgL\x06\xd5\xe1\xac@\x9e\xa6\xf6\x94\x92#\xaaJw\x9c\xbd\xf6\x0fO\x9a\xd6 i\xdaU\xfc\x89;\xf9\x8b}\xae\xf7"\r\xf8\x9b\x9b\xab\xde\xc2\x8eK\xc0O\xbe\xf0\xb6\xad\xe6\xb6\xb0+\xdf\xb0\xdc\xaf\xee\x94\x08\x8d\xfcx\xe6\x9a\xd5\x9b\n#y\xd5\xc3\xf6\xcb\xc8\xbd\x07\xcb\x1a:B\xb0\xe4\x85\xe4@\x07\xe2_3u\x9c\x98r\xe5%\xe8\xd2\x08\xf3\x07\n\xc1g\x0c\xb1e\xdf\xa9858!gB^G\xc5i\xf9\xe0\x10\x9a[&amp;M/6]\x07O1!\xd1\n\x16\xf7\x88o\x1br\xea\xc4\x02P\x9e\x16\xbc\xf5t\xa0\xe6\xa5\xf1g_O\x97\x8f\xe2\x0f}\x17\x04\xdf\xc6[[\x85M\x9am)\xef\xd8\x7f\xc3PB\xe4\xbb\xfb91\x10\xec\xc0\xda\x91&amp;\xd1\xda\x0e\xe7\xff\xa4i\xd1B\x00c\xaf\x1f\xbe\x1b\xbc\x8e\xb3\xf9\x93\x89s\xae\xca\x995&amp;\xe2\xb7'</t>
  </si>
  <si>
    <t>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</t>
  </si>
  <si>
    <t>b'|\x8a\xc4G\xd04\x01\xfc\xd1\xdf9\x91h\xc1D\x89'</t>
  </si>
  <si>
    <t>erything, and could do my work as well as my
 mother.
 I must not forget to mention one part of my training, which I have always considered a
 very great advantage. My master sent me for a fortnight to a neighboring farmer's, who
 had a meadow which was skirted on one side by the railway. Here were some sheep and
 cows, and I was turned in among them.
 I shall never forget the first train that ran by. I was feeding quietly near the pales which
 separated the meadow from the railway, when I heard a strange sound at a distance,
 and before I knew whence it cameâ€”with a rush and a clatter, and a puffing out of
 smokeâ€”a long black train of something flew by, and was gone almost before I could
 draw my breath.
 I turned and galloped to the further side of the meadow as fast as I could go, and there I
 stood snorting with astonishment and fear.
 In the course of the day many other trains went by, some more slowly; these drew up at
 the station close by, and sometimes made an awful shriek and groan before they
 stopped.
 I thought it very dreadful, but the cows went on eating very quietly, and hardly raised
 their heads as the black frightful thing came puffing and grinding past.
 For the first few days I could not feed in peace; but as I found that this terrible creature
 never came into the field, or did me any harm, I began to disregard it, and very soon I
 cared as little about the passing of a train as the cows and sheep did.
 Since then I have seen many horses much alarmed and restive at the sight or sound of a
 steam engine; but thanks to my good master's care, I am as fearless at railway stations
 as in my own stable.
 Now if any one wants to break in a young horse well, that is the way.
 My master often drove me in double harness with my mother, because she was steady
 and could teach me how to go better than a strange horse. She told me the better I
 behaved the better I should be treated, and that it was wisest always to do my best to
 please my master; "but," said she, "there are a great many kinds of men; there are good
 thoughtful men like our master, that any horse may be proud to serve; and there are
 bad, cruel men, who never ought to have a horse or dog to call their own. Besides, there
 are a great many foolish men, vain, ignorant, and careless, who never trouble
 themselves to think; these spoil more horses than all, just for want of sense; they don't
 mean it, but they do it for all that. I hope you will fall into good hands; but a horse never
 7
 knows who may buy him, or who may drive him; it is all a chance for us; but still I say,
 do your best wherever it is, and keep up your good name."
 8
 Chapter 4. Birtwick Park
 At this time I used to stand in the stable and my coat was brushed every day till it shone
 like a rook's wing. It wa</t>
  </si>
  <si>
    <t>b'\xc8\x9c,\x82\x94Wmf'</t>
  </si>
  <si>
    <t>c89c2c8294576d66</t>
  </si>
  <si>
    <t>ged the conductor.
 â€œNo matter,â€ replied Forster; â€œI think that by putting on the very
 highest speed we might have a chance of getting over.â€
 â€œThe devil!â€ muttered Passepartout.
 But a number of the passengers were at once attracted by the
 engineerâ€™s proposal, and Colonel Proctor was especially
 delighted, and found the plan a very feasible one. He told
 stories about engineers leaping their trains over rivers without
 bridges, by putting on full steam; and many of those present
 avowed themselves of the engineerâ€™s mind.
 â€œWe have fifty chances out of a hundred of getting over,â€ said
 one.
 â€œEighty! ninety!â€
 Passepartout was astounded, and, though ready to attempt
 anything to get over Medicine Creek, thought the experiment
 proposed a little too American. â€œBesides,â€ thought he, â€œthereâ€™s a
 still more simple way, and it does not even occur to any of these
 people! Sir,â€ said he aloud to one of the passengers, â€œthe
 engineerâ€™s plan seems to me a little dangerous, butâ€”â€
 245
 â€œEighty chances!â€ replied the passenger, turning his back on
 him.
 â€œI know it,â€ said Passepartout, turning to another passenger,
 â€œbut a simple ideaâ€”â€
 â€œIdeas are no use,â€ returned the American, shrugging his
 shoulders, â€œas the engineer assures us that we can pass.â€
 â€œDoubtless,â€ urged Passepartout, â€œwe can pass, but perhaps it
 would be more prudentâ€”â€
 â€œWhat! Prudent!â€ cried Colonel Proctor, whom this word seemed
 to excite prodigiously. â€œAt full speed, donâ€™t you see, at full
 speed!â€
 â€œI knowâ€”I see,â€ repeated Passepartout; â€œbut it would be, if not
 more prudent, since that word displeases you, at least more
 naturalâ€”â€
 â€œWho! What! Whatâ€™s the matter with this fellow?â€ cried several.
 The poor fellow did not know to whom to address himself.
 â€œAre you afraid?â€ asked Colonel Proctor.
 â€œI afraid? Very well; I will show these people that a Frenchman
 can be as American as they!â€
 â€œAll aboard!â€ cried the conductor.
 246
 â€œYes, all aboard!â€ repeated Passepartout, and immediately. â€œBut
 they canâ€™t prevent me from thinking that it would be more
 natural for us to cross the bridge on foot, and let the train come
 after!â€
 But no one heard this sage reflection, nor would any one have
 acknowledged its justice. The passengers resumed their places
 in the cars. Passepartout took his seat without telling what had
 passed. The whist-players were quite absorbed in their game.
 The locomotive whistled vigorously; the engineer, reversing the
 steam, backed the train for nearly a mileâ€” retiring, like a
 jumper, in order to take a longer leap. Then, with another
 whistle, he began to move forward; the train increased its
 speed, and soon its rapidity became frightful; a prolonged
 screech issued from the locomotive; the piston worked up and
 down twenty strokes to the second. They perceived that the
 whole train, rushing on at the rate of a hundred miles an hour,
 hardly bore upon the rails at all.
 And they passed over! It was like a flash. No one saw the
 bridge. The train leaped, so to speak, from one bank to the
 other, and the engineer could not stop it until it had gone five
 miles beyond the station. But scarcely had the train passed the
 river, when the bridge, completely ruined, fell with a crash into
 the rapids of Medicine Bow.
 247
 C H A P T E R XXIX
 In which certain incidents are narrated which are only to be met
 with on American railroads
 HE train pursued its course, that evening, without interruption,
 passing Fort Saunders, crossing Cheyenne Pass, and reaching
 Evans Pass. The road here attained
 the highest elevation of the journey, eight thousand and ninetyone feet above the level of the sea. The travellers had now only
 to descend to the Atlantic by limitless plains, levelled by nature.
 A branch of the â€œgrand trunkâ€ led off southward</t>
  </si>
  <si>
    <t>b'\xdf\xc9&lt;\xfa\x13\xce_"\x9f\xb12kM\xe7\xafv\x99\xa7\xe0\x1bN\xb8~\xe3\x8e\xf8\xd7\xd5\x01B\x11q'</t>
  </si>
  <si>
    <t>dfc93cfa13ce5f229fb1326b4de7af7699a7e01b4eb87ee38ef8d7d501421171</t>
  </si>
  <si>
    <t>b'\xdf\xc9&lt;\xfa\x13\xce_"\x9f\xb12kM\xe7\xafv'</t>
  </si>
  <si>
    <t>makes an angle Â¯ Î¸ with the deck
  (Fig. 12.20). If this boat is then set in motion at speed v, what angle Î¸ does an
  individual photon trajectory make with the deck, according to an observer on
  the dock? What angle does the beam (illuminated, say, by a light fog) make?
  Compare Prob. 12.10.
 524
  Chapter 12 Electrodynamics and Relativity
  12
  13 c
  FIGURE12.19
  Beam
  Î¸
  FIGURE12.20
  v
  Problem 12.15 You probably did Prob. 12.4 from the point of view of an observer
  on the ground. Now do it from the point of view of the police car, the outlaws, and
  the bullet. That is, fill in the gaps in the following table:
  Ground Police Outlaws</t>
  </si>
  <si>
    <t>b'\xe4\x12\\\x1d5"X*\x83\x80\x96 G\x97x\x867Z\xc44c6\x93\xe2\xbc_\xdd\xfb\x08AX\x9b'</t>
  </si>
  <si>
    <t>e4125c1d3522582a8380962047977886375ac434633693e2bc5fddfb0841589b</t>
  </si>
  <si>
    <t>b'\xe4\x12\\\x1d5"X*\x83\x80\x96 G\x97x\x86'</t>
  </si>
  <si>
    <t>form
 Output
 Figure 16.6 Degradation of output levels in an inverter.
 Example
 16.5
 Sketch the small-signal voltage gain for the characteristic shown in Fig. 16.4 as a function
 of Vin.
 Solution The slope of the VTC begins from zero, becomes more negative above V0, and ap_x0002_proaches zero again for Vin &gt; V2. Figure 16.7 plots the result.
 Vin 0 VDD
 dVout
 dVin
 Figure 16.7
 Exercise Is this plot necessarily symmetric? Use an CS stage as an example.
 Example
 16.6
 Prove that the magnitude of the small-signal gain obtained in Example 16.5 must exceed
 unity at some point.
 Solution Superimposing a line with a slope of âˆ’1 on the VTC as shown in Fig. 16.8, we note that
 the slope of the VTC is sharper th</t>
  </si>
  <si>
    <t>b'\xb7$\xa4q\x9e\xee\x85\x9b5\xafO\x9f\xa9\x97f\xb5'</t>
  </si>
  <si>
    <t>b724a4719eee859b35af4f9fa99766b5</t>
  </si>
  <si>
    <t>gamekeeper hoisted over the stockade and carried, groaning 
 and bleeding, into the log-house. 
 Poor old fellow, he had not utter</t>
  </si>
  <si>
    <t>b'\x99\xaeW\xd1\x83\xec#z\x898\xa3jU\x0e\xb9xM_\x8c:\x0f\xef2&lt;;\xcd\xf7\x9f\xd7"\x84 \xf2\x8f\x87DYsK;\x0f\xb1\xa3\x19\xad3mNRn\xce\xa8}\xd4\x95\'\x8c\x19\x95(\xb2\xd9\xab\xfc\x9e\xfdH(\xed{\x84\x96\xc2)\xce\xd9x\x05we?\x0f\xba\xf8\x89\x073\xf8EMi5\xcbQ.D2\xcb\x85\x9f\xd9\xd2\xceW\xa34\xba\x17\x9f\xb7\xc6F\xd1\xe2\x90\x149\x92\xeb2IER\xebW\x13\xf6\xd6\xd4\\\xfdD\xa6-\x08 E\xee\xca\xc7:#\xf1\x88\x90\xe0N\xdb\xe9"*\x1fXJ\x18\xc9\rx\xd5\x86\xda\x93b\xca\x86\x8eB1\xb8\xe8\x1b6\xec"&gt;\xc1\t2+X\xbe\xdd\xac\'\xcay\xa7\x0e\xa0t\xd6\x8b\x94\x9f`\xf7\x96 \xec9\xdb\xab#\xe8\xf2\x02\xa8(!\xba\xb2\x86w(\xb3j(\x06a\x13\xe3\x90\xfe\xa9\xd8P\xb7f\t\xbe`\xc5\xe6(/\x8a\xc0#C2C\xf1\x84\x19"\xb5\x04\x8c\xe4\xb9\xa4&lt;\x1db\xa9-'</t>
  </si>
  <si>
    <t>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</t>
  </si>
  <si>
    <t>b'\x99\xaeW\xd1\x83\xec#z\x898\xa3jU\x0e\xb9x'</t>
  </si>
  <si>
    <t>ed quickly of sleeping, and soon he would cry in his captain voice, 'We get
 off here.' So with occasional tiffs, but on the whole rollicking, they drew near
 the Neverland; for after many moons they did reach it, and, what is more, they
 had been going pretty straight all the time, not perhaps so much owing to the
 guidance of Peter or Tink as because the island was out looking for them. It is
 only thus that any one may sight those magic shores.
 'There it is,' said Peter calmly.
 'Where, where?'
 'Where all the arrows are pointing.'
 Indeed a million golden arrows were pointing out the island to the children, all
 directed by their friend the sun, who wanted them to be sure of their way
 before leaving them for the night.
 Wendy and John and Michael stood on tiptoe in the air to get their first sight of
 the island. Strange to say, they all recognised it at once, and until fear fell upon
 them they hailed it, not as something long dreamt of and seen at last, but as a
 familiar friend to whom they were returning home for the holidays.
 'John, there's the lagoon.'
 'Wendy, look at the turtles burying their eggs in the sand.'
 'I say, John, I see your flamingo with the broken leg.'
 'Look, Michael, there's your cave.'
 'John, what's that in the brushwood?'
 'It's a wolf with her whelps. Wendy, I do believe that's your little whelp.'
 'There's my boat, John, with her sides stove in.'
 'No, it isn't. Why, we burned your boat.'
 'That's her, at any rate. I say, John, I see the smoke of the redskin camp.'
 'Where? Show me, and I'll tell you by the way the smoke curls whether they
 are on the war-path.'
 'There, just across the Mysterious River.'
 'I see now. Yes, they are on the war-path right enough.'
 Peter was a little annoyed with them for knowing so much; but if he wanted to
 lord it over them his triumph was at hand, for have I not told you that anon
 fear fell upon them?
 It came as the arrows went, leaving the island in gloom.
 In the old days at home the Neverland had always begun to look a little dark
 and threatening by bedtime. Then unexplored patches arose in it and spread;
 black shadows moved about in them; the roar of the beasts of prey was quite
 different now, and above all, you lost the certainty that you would win. You
 were quite glad that the night-lights were in. You even liked Nana to say that
 this was just the mantelpiece over here, and that the Neverland was all makebelieve.
 Of course the Neverland had been make-believe in those days; but it was real
 now, and there were no night-lights, and it was getting darker every moment,
 and where was Nana?
 They had been flying apart, but they huddled close to Peter now. His careless
 manner had gone at last, his eyes were sparkling, and a tingle went through
 them every time they touched his body. They were now over the fearsome
 island, flying so low that sometimes a tree grazed their feet. Nothing horrid
 was visible in the air, yet their progress had become slow and laboured,
 exactly as if they were pushing their way through hostile forces. Sometimes
 they hung in the air until Peter had beaten on it with his fists.
 'They don't want us to land,' he explained.
 'Who are they?' Wendy whispered, shuddering.
 But he could not or would not say. Tinker Bell had been asleep on his
 shoulder, but now he wakened her and sent her on in front.
 Sometimes he poised himself in the air, listening intently with his hand to his
 ear, and again he would stare down with eyes so bright that they seemed to
 bore two holes to earth. Having done these things, he went on again.
 His courage was almost appalling. 'Do you want an adventure now,' he said
 casually to John, 'or would you like to have your tea first?'
 Wendy said 'tea first' quickly, and Michael pressed her hand in gratitude, but
 the braver John hesitated.
 'What kind of adventure?' he asked cautiously.
 'There's a pirate asleep in the pampas</t>
  </si>
  <si>
    <t>b':p\xc5\x8c\xc7D\xf5\xbb'</t>
  </si>
  <si>
    <t>3a70c58cc744f5bb</t>
  </si>
  <si>
    <t>t it won't do; every man must look after his own soul;
 you can't lay it down at another man's door like a foundling and expect him to take care
 of it; and don't you see, if you are always sitting on your box waiting for a fare, they will
 say, 'If we don't take him some one else will, and he does not look for any Sunday.' Of
 course, they don't go to the bottom of it, or they would see if they never came for a cab it
 would be no use your standing there; but people don't always like to go to the bottom of
 things; it may not be convenient to do it; but if you Sunday drivers would all strike for a
 day of rest the thing would be done."
 "And what would all the good people do if they could not get to their favorite
 preachers?" said Larry.
 "'Tis not for me to lay down plans for other people," said Jerry, "but if they can't walk so
 far they can go to what is nearer; and if it should rain they can put on their
 mackintoshes as they do on a week-day. If a thing is right it can be done, and if it is
 wrong it can be done without; and a good man will find a way. And that is as true for us
 cabmen as it is for the church-goers."
 88
 Chapter 37. The Golden Rule
 Two or three weeks after this, as we came into the yard rather late in the evening, Polly
 came running across the road with the lantern (she always brought it to him if it was
 not very wet).
 "It has all come right, Jerry; Mrs. Briggs sent her servant this afternoon to ask you to
 take her out to-morrow at eleven o'clock. I said, 'Yes, I thought so, but we supposed she
 employed some one else now.'"
 "'Well,' said he, 'the real fact is, master was put out because Mr. Barker refused to come
 on Sundays, and he has been trying other cabs, but there's something wrong with them
 all; some drive too fast, and some too slow, and the mistress says there is not one of
 them so nice and clean as yours, and nothing will suit her but Mr. Barker's cab again.'"
 Polly was almost out of breath, and Jerry broke out into a merry laugh.
 "''Twill all come right some day or night': you were right, my dear; you generally are.
 Run in and get the supper, and I'll have Jack's harness off and make him snug and happy
 in no time."
 After this Mrs. Briggs wanted Jerry's cab quite as often as before, never, however, on a
 Sunday; but there came a day when we had Sunday work, and this was how it happened.
 We had all come home on the Saturday night very tired, and very glad to think that the
 next day would be all rest, but so it was not to be.
 On Sunday morning Jerry was cleaning me in the yard, when Polly stepped up to him,
 looking very full of something.
 "What is it?" said Jerry.
 "Well, my dear," she said, "poor Dinah Brown has just had a letter brought to say that
 her mother is dangerously ill, and that she must go directly if she wishes to see her alive.
 The place is more than ten miles away from here, out in the country, and she says if she
 takes the train she should still have four miles to walk; and so weak as she is, and the
 baby only four weeks old, of course that would be impossible; and she wants to know if
 you would take her in your cab, and she promises to pay you faithfully, as she can get
 the money."
 "Tut, tut! we'll see about that. It was not the money I was thinking about, but of losing
 our Sunday; the horses are tired, and I am tired, tooâ€”that's where it pinches."
 "It pinches all round, for that matter," said Polly, "for it's only half Sunday without you,
 but you know we should do to other people as we should like they should do to us; and I
 know very well what I should like if my mother was dying; and Jerry, dear, I am sure it
 won't b</t>
  </si>
  <si>
    <t>b'\xf6\xbb~Z\x82h\xdd\xf3'</t>
  </si>
  <si>
    <t>f6bb7e5a8268ddf3</t>
  </si>
  <si>
    <t>nt which sections you have
 mastered and which ones you need to study. That way, you are more efficient
 with your study time, and you are better prepared for your exams.
 To see how it works, turn to page 9 and then go to www.myeconlab.com/krugman
 155
 8 chapter
 Firms in the Global Economy:
 Export Decisions, Outsourcing, 
 and Multinational Enterprises
 I
 n this chapter, we continue to explore how economies of scale generate
 incentives for international specialization and trade. We now focus on
 economies of scale that are internal to the firm. As mentioned in the previous
 chapter, this form of increasing returns leads to a market structure that features
 imperfect competition. Internal economies of scale imply that a firmâ€™s average
 cost of production decreases the more output it produces. Perfect competition
 that drives the price of a good down to marginal cost would imply losses for
 those firms because they would not be able to recover the higher costs incurred
 from producing the initial units of output.1 As a result, perfect competition would
 force those firms out of the market, and this process would continue until an
 equilibrium featuring imperfect competition is attained.
 Modeling imperfect competition means that we will explicitly consider the
 behavior of individual firms. This will allow us to introduce two additional char_x0002_acteristics of firms that are prevalent in the real world: (1) In most sectors, firms
 produce goods that are differentiated from one another. In the case of certain
 goods (such as bottled water, staples, etc.), those differences across products
 may be small, while in others (such as cars, cell phones, etc.), the differences are
 much more significant. (2) Performance measures (such as size and profits) vary
 widely across firms. We will incorporate this first characteristic (product differ_x0002_entiation) into our analysis throughout this chapter. To ease exposition and build
 intuition, we will initially consider the case when there are no performance dif_x0002_ferences between firms. We will thus see how internal economies of scale and
 product differentiation combine to generate some new sources of gains of trade
 via economic integration.
 We will then introduce differences across firms so that we can analyze how
 firms respond differently to international forces. We will see how economic
 1
 Whenever average cost is decreasing, the cost of producing one extra unit of output (marginal cost) is lower
 than the average cost of production (since that average includes the cost of those initial units that were produced
 at higher unit costs).
 156 PART ONE International Trade Theory
 integration generates both winners and losers among different types of firms. The
 better-performing firms thrive and expand, while the worse-performing firms
 contract. This generates one additional source of gain from trade: As production
 is concentrated toward better-performing firms, the overall efficiency of the
 industry improves. Lastly, we will study why those better-performing firms have
 a greater incentive to engage in the global economy, either by exporting, by out_x0002_sourcing some of their intermediate production processes abroad, or by becom_x0002_ing multinationals and operating in multiple countries.
 LEARNING GOALS
 After reading this chapter, you will be able to:
 â€¢ Understand how internal economies of scale and product differentiation
 lead to international trade and intra-industry trade.
 â€¢ Recognize the new types of welfare gains from intra-industry trade.
 â€¢ Describe how economic integration can lead to both winners a</t>
  </si>
  <si>
    <t>b'0F\x02!\x00\x86W\x1bsb%\x9d\x8aK\x02\n\x04\xa6\xf0\xbck\x03&lt;jzda|\xe8\xb5\x93\xa2\xc1B/\xd7\xc1\x02!\x00\xe1\x02O)Q\x8f9\xfa\x8ab\xcb\x87\xb6\x0e\x02\t\xc18\xb8b\xbf\xb9\xa9\xc1\x9d\x98\xd0\x16lc\xe9\xdb'</t>
  </si>
  <si>
    <t>304602210086571b7362259d8a4b020a04a6f0bc6b033c6a7a64617ce8b593a2c1422fd7c1022100e1024f29518f39fa8a62cb87b60e0209c138b862bfb9a9c19d98d0166c63e9db</t>
  </si>
  <si>
    <t>b'0F\x02!\x00\x86W\x1bsb%\x9d\x8aK\x02\n'</t>
  </si>
  <si>
    <t>ch was new to me, and required a good deal of courage the first
 time; but as I found the puffing, rushing, whistling, and, more than all, the trembling of
 the horse-box in which I stood did me no real harm, I soon took it quietly.
 When I reached the end of my journey I found myself in a tolerably comfortable stable,
 and well attended to. These stables were not so airy and pleasant as those I had been
 used to. The stalls were laid on a slope instead of being level, and as my head was kept
 tied to the manger, I was obliged always to stand on the slope, which was very fatiguing.
 Men do not seem to know yet that horses can do more work if they can stand
 comfortably and can turn about; however, I was well fed and well cleaned, and, on the
 whole, I think our master took as much care of us as he could. He kept a good many
 horses and carriages of different kinds for hire. Sometimes his own men drove them; at
 others, the horse and chaise were let to gentlemen or ladies who drove themselves.
 63
 Chapter 28. A Job Horse And His
 Drivers
 Hitherto I had always been driven by people who at least knew how to drive; but in this
 place I was to get my experience of all the different kinds of bad and ignorant driving to
 which we horses are subjected; for I was a "job horse", and was let out to all sorts of
 people who wished to hire me; and as I was good-tempered and gentle, I think I was
 oftener let out to the ignorant drivers than some of the other horses, because I could be
 depended upon. It would take a long time to tell of all the different styles in which I was
 driven, but I will mention a few of them.
 First, there were the tight-rein driversâ€”men who seemed to think that all depended on
 holding the reins as hard as they could, never relaxing the pull on the horse's mouth, or
 giving him the least liberty of movement. They are always talking about "keepi</t>
  </si>
  <si>
    <t>b'#\xe7(\xdfB\xf1Sm'</t>
  </si>
  <si>
    <t>23e728df42f1536d</t>
  </si>
  <si>
    <t>ays a little girl like me could not do any
harm and I may do what I likeâ€”anywhere!"
"Eh!" said Martha delightedly, "that was nice of him wasn't it?"
"Martha," said Mary solemnly, "he is really a nice man, only his face is so
miserable and his forehead is all drawn together."
She ran as quickly as she could to the garden. She had been away so much
longer than she had thought she should and she knew Dickon would have to
set out early on his five-mile walk. When she slipped through the door under
the ivy, she saw he was not working where she had left him. The gardening
tools were laid together under a tree. She ran to them, looking all round the
place, but there was no Dickon to be seen. He had gone away and the secret
garden was emptyâ€”except for the robin who had just flown across the wall
and sat on a standard rose-bush watching her. "He's gone," she said woefully.
"Oh! was h</t>
  </si>
  <si>
    <t>b'\x90\xe9l\x1b\xf9\x8f\x97{\x19w\xba\xe4\xa1\xc5\xdc\x07\x909\xccA+\x99\xec\xbcA\xff\x06\xa1X\xe5[\xf4\xb8d\xd67\xfe\x1ek;\x16\x87M:j\xeb\x08\xd5\xce\x82\x11?\xe7\xde+)$\xa8\xd7\xc3\xdc\xb8=\xd2S\xdd\x8d\xd1\x9a\xba]\xe3W4\xd3\x7f\x18Z\x0cs\xd2I\xdb\x83\x98K\xbaSM\xb7a,\x84\xc5\x7f-\x04 \x91\xe5mT\'\xf2\xee\x0f\x1f@&lt;\x1c\x0c\xc3\xcfx*\xbbHO\xeb1)\x88&lt;\x0c\x05{;|c\xe9\xa4&gt;\xc2\xce\xb4\x18\x0bjL\x9c\x9c\x1cAAll\xc7\xacz\xbf\xe9"\xae(\x1c\x81\x1a\x87\xf8\xbeE\x94\x9eg\xd9\x9a\xf0\x01\x98B\xab\xa0\x84\x01\xa0-\xbe\xa5\xdf&gt;E\xc2\x03)\xd5`GO\xefL\xf5\xba\x8e\xb7\xe0?S\xa7\x90k\x0c\xf9jq1(\xa6j\x84\xeb8\x02\x9d\xb6\xa4N\xcb\x81\xbd\xffa?\xbcZ\',\xabF\xe3\xdcH\x91\x90R\x94\x8f\x94\x85\xa1rj\x8aLNe3\xe7\x13\x8d\xec\x1e^L\xb3\x1bMDn\xeb+\x9be\xfc\xcad\x10,+\x1c\xa6I\xa3\xdf\x9e\xb7&lt;0l?\x17\xaf\xb9.\x14\x89\xb3\xce(\xf6\xc5\x16\x82\xd0n\xa1g\xbf^\xfa\xd3z[\xa7\x8a5}(\x87\xe2\xfe\x9f3\xa9~\xae\xdc\xb0\x15\xfc\xa5J\xafje\xab\xb1\xba\xe6\xe2\xc8\xb3\xca\xfc K\x0clIP\xad\x1f\xf3\xfb/\x0b\x1e&gt;\x8b:\xe88#P\x9b\t|\x9e\x8d\xb2\xdc2Wt\xc3\xb5U\xad\x98a\x07\xf5\xb7p\x9ff{\x89\xf7\xb1\\^\x87u\xdc\x8e\x7f\xfd]\xbe\n}(*\'\x04\xfdO:\xc4m\x1b}\xe3)\x17\xca\xb8\xd5\xbe\xc7\xe7\xb3\xfbF~\xe99\xf3K\xb9&lt;\xf3\xf4Ed\x12FI\xfa\x13Tr\x06:\xa9\xb05\xad\r\xe9\x90o\x92"\x01\xbd$\xf7\na\xbd\x96\x9e\xc6\x8aI\xd6D\xa5\xe0\xab\x85hj\xdb\xbe\xd4\x1e\xc3\x17\x08\xea-\xad~p\xebIO\xdd\xa4.\xfeUt\x17\xc6\xdfy\xfe_!\xbeG\x08&amp;u\x98&lt;\xcf\xf7\xd3\x83\x01\xf5\xea|\xff%\x19\xb5c\x9aj\xa0]EA=\x1b=\x19\xbf\xa3s\xc9O\x16%\xc3\xde\xd3\x993\xb7\xb3+v\x0e\x90\xa7~\xaf\x10+2m{\xf7\xb3AK\x03\tx\xca\xdc\xc5l"}\x13\xc6\xcc\t,\xb3Z\xe0\xf5\x81^\x8a\xaeF\x10\x8d\xb1\xb4L\xf4\xa5hd\xfa\xc0\xcf#r\xa6\xa2\xaej\xd3\x7fc\x85\x10"4LtV0\r\x15\xab\xee\x0b\xa7\xc4p?\xb6\x9f7W\xcd\x1e\x83E\xfcJ\x11j{\x1d\x80\xf0\xf7 C\x84\x98\x9a\xb8\xd2\xf3#\xab\xfc\xe89\xac`\xe70\xef\x12.\x95\x14\xf3KGj#2\r\x9c\x8d\x02\xd2!\x070\x1e\xfe@p\x8d\xc3\xf0[\xa4\xcc\xc9\xfc4\xfe\x80\xcb\x02\x12zn\xde\x1c\x9d\xd9T\xa8\x1a\xfe\xf6\'\xc5\xb6\xb9l\xb1i\xfb,\xa2 \x1cBK-B\xc09\xe2\x1aA\xa5\xb4\x96\xd5\xb7\xb3\xa6k\x1d\xe8Y\x7fq\x05TS\xc8\x8b3\xe5\xfb\xab\xb8\xcc\xdb\xed\x14)t\x84\xfe\xc6\xde\x90\xb19\xff\x8e\xa1\x01G\xd2~X\xaa\xc1-,me&gt;\xd2\x95\x8b\xb9\x80\xdb\x9d%\x9bla\x03\xa0\x80M\xb6[1\xf7g&lt;Hi\xe4c\xb7\xf0\xb1\xfd\x81\xf0\xbc\xd7\x13J\xed\xafw \x06\xa8\xa5\xd0\xf2\x93\xe8?\x03\xb7\xd0fXJ\x84\xa4\x1f\x18a\xf9\x95^\xfc0D\x8dM\xee\x01o\x84\xfd\xf3b\x14\x861\xf9\x84J3\x99\xa3\xbc\xcb\x1dN\x0bg\xcdi\xeaz\xb6\xa4\xc0\x19\xcc.q\xe8\x8e\x99\xbcG\x93B\x03@\xc3 \x186\xcf\x85\x19\xc3t\xf7R\x90zt\xc1b\x0c\xfe-\x07\xe0'</t>
  </si>
  <si>
    <t>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</t>
  </si>
  <si>
    <t>b'\x90\xe9l\x1b\xf9\x8f\x97{\x19w\xba\xe4\xa1\xc5\xdc\x07'</t>
  </si>
  <si>
    <t>head o'er winding rill.
 But these I'll leave to be thy guide,
 And shew thee, where the jasmine spreads
 Her snowy leaf, where may-flow'rs hide,
 And rose-buds rear their peeping heads.
 With me the mountain's summit scale,
 And taste the wild-thyme's honied bloom,
 Whose fragrance, floating on the gale,
 552
 Oft leads me to the cedar's gloom.
 Yet, yet, no sound comes in the breeze!
 What shade thus dares to tempt thy stay?
 Once, me alone thou wish'd to please,
 And with me only thou wouldst stray.
 But, while thy long</t>
  </si>
  <si>
    <t>b'\x8cy7\x87\x103\xb3\xf2\x8a\xfa\x17-\xa5)\x0c[y\xff\x8a\xa8*{]\xac+ #\x0cH+E&gt;\xc2I^J\x08D^V\xb3\x94\x94\x1a\xd7\xd1\xb1F\x06O\xd7*b\xcf\x19\x9b\x84\xd0\x1a3\x0e\x14\x84w'</t>
  </si>
  <si>
    <t>8c7937871033b3f28afa172da5290c5b79ff8aa82a7b5dac2b20230c482b453ec2495e4a08445e56b394941ad7d1b146064fd72a62cf199b84d01a330e148477</t>
  </si>
  <si>
    <t>b'\x8cy7\x87\x103\xb3\xf2\x8a\xfa\x17-\xa5)\x0c['</t>
  </si>
  <si>
    <t>nd collector bias voltages, (b) simplistic view of bipolar
 transistor.
 anodes at the base terminal. This view implies that D1 carries a current and D2 does not; i.e.,
 we should anticipate current flow from the base to the emitter but no current through the
 collector terminal. Were this true, the transistor would not operate as a voltage-controlled
 current source and would prove of little value.
 To understand why the transistor cannot be modeled as merely two back-to-back
 diodes, we must examine the flow of charge inside the device, bearing in mind that the
 base region is very thin. Since the base-emitter junction is forward-biased, electrons flow
 from the emitter to the base and holes from the base to the emitter. For proper transistor
 operation, the former current component must be much greater than the latter, requiring
 that the emitter doping level be much greater than that of the base (Chapter 2). Thus,
 we denote the emitter region with n+, where the superscript emphasizes the high dop_x0002_ing level. Figure 4.7(a) summarizes our observations thus far, indicating that the emitter
 n
 p
 n
 VBE = +0.8 V
 VCE = +1 V
 +
 e h
 â€“ +
 n
 p
 n
 VBE = +0.8 V
 VCE = +1 V
 + h
 + e
 â€“
 Depletion
 Region
 n
 p
 n
 VBE = +0.8 V
 VCE = +1 V
 + h
 +
 Depletion
 Region e
 â€“
 (c)
 (a) (b)
 Figure 4.7 (a) Flow of electrons and holes through base-emitter junction, (b) electrons
 approaching collector junction, (c) electrons passing through collector junction.
 4.3 Operation of Bipolar Transistor in Active Mode 127
 injects a large number of electrons into the base while receiving a small number of holes
 from it.
 What happens to electrons as they enter the base? Since the base region is thin, most of
 the electrons reach the edge of the collector-base depletion region, beginning to experience
 the built-in electric field. Consequently, as illustrated in Fig. 4.5, the electrons are swept
 into the collector region (as in Fig. 4.5) and absorbed by the positive battery terminal.
 Figures 4.7(b) and (c) illustrate this effect in â€œslow motion.â€ We therefore observe that
 the reverse-biased collector-base junction carries a current because minority carriers are
 â€œinjectedâ€ into its depletion region.
 Let us summarize our thoughts. In the active mode, an npn bipolar transistor carries
 a large number of electrons from the emitter, through the base, to the collector while
 drawing a small current of holes through the base terminal. We must now answer several
 questions. First, how do electrons travel through the base: by drift or diffusion? Second,
 how does the resulting current depend on the terminal voltages? Third, how large is the
 base current?
 Operating as a moderate conductor, the base region sustains but a small electric field,
 i.e., it allows most of the field to drop across the base-emitter depletion layer. Thus, as
 explained for pn junctions in Chapter 2, the drift current in the base is negligible,1 leav_x0002_ing diffusion as the principal mechanism for the flow of electrons injected by the emit_x0002_ter. In fact, two observations directly lead to the necessity of diffusion: (1) redrawing
 the diagram of Fig. 2.29 for the emitter-base junction [Fig. 4.8(a)], we recognize that the
 density of electrons at x = x1 is very high; (2) since any electron arriving at x = x2 in
 Fig. 4.8(b) is swept away, the density of electrons falls to zero at this point. As a result,
 n
 p
 n
 VBE
 VCE
 +
 e
 h
 Forward
 Biased
 x
 x 1
 n
 p
 n
 VBE
 VCE
 +
 Biased x
 x 2
 Reverse
 e
 n
 p
 n
 VBE
 VCE
 +
 x
 x 2
 x 1
 e
 Electron
 Density
 (c)
 (a) (b)
 Figure 4.8 (a) Hole and electron profiles at base-emitter junction, (b) zero electron density near
 collector, (c) electron profile in base.
 1This assumption simplifies the analysis here but may not hold in the general case.
 128 Chapter 4 Physics of Bipolar Transistors
 the electron density in the base assumes the profile depicted in Fig. 4.8(c), providing a
 gradient for the diffusion o</t>
  </si>
  <si>
    <t>b'\x93\xfd\x962aJ\xc6B\x9f\xc7)\x01\x02?ZC'</t>
  </si>
  <si>
    <t>93fd9632614ac6429fc72901023f5a43</t>
  </si>
  <si>
    <t>t. Well, now I tell you, I never seen good come o' 
 goodness yet. Him as strikes first is my fancy; dead men don't bite; 
 them's my</t>
  </si>
  <si>
    <t>b'7\x8c*\xb6\x85\xa2V\x8dSI\xc5iF\x9ca\xf1g\xcam\x112\x8e\xafH"\xe0\xda4\xe5\xa2\x8bU\xa2\xd5\xbf\xcch\x90\x85&lt;Ky\xa5\xe1\xfc\xe6yV\xc5D6G&amp;\x1dXFJg(\xe2\xda\xc3\x9d\xa2/\x83\x9c\x81\xde\x0f\x97\xc2\x9b\xc1\x87=\x87g\xe9\x1b\x88+\xbe\xfd\xb8\xcd\xfeW\xd8\xad\x8eR\xd8\xc9~\x8cl\x1c\x8c]\x10\x19\xaccb\xcd\xb7\x1b\x0cR \xb0\xe8=\xa0\x1e\x01\xaaP\x80\xe4\xa3#\xa9\xf5\x16\x1d\xd8\xe7]b\x13\xdf\x9f\xb1\x8aC\xe3\x9e8\xa1\x06\xcaTW\x8ctF.\x06K\xdb\xbd\xafbe\xc2\xa0\x96)\xb7\xffFT\x1aQ^\xb2\xd1O\x05{\x15u\xb1y\xb1\xcd\xf8\xb4)\xbcr\x02k\xc8\xdb\xb3,\xffT2B\x88\x811K\x14w~\xcf\xc2,\x89#s\xd2u\xbe86J\xbf9\x862R\x92\x90\x93j\xb8^\x84aZ\xe7W\xbd\xf1g,\xbb\x0e\xce\x8b\xf3\x166\xaf\x82T\x9b+\x84\xf1\xc3Q\xd6\xc1\x95\x94\xeb\xedW\xc2\xb1\x87\xbc\x08\xee\x00\nc\x99\xe7\xfa\xc8\xea\r\xbf\x80i\xa2\x05\xd1\x93\xa8\xd4\t\x8a!8\x0ch\xadSt\xfe\x9a\xbb\x01\x02w\xc5\xd7G\x85\xf3qG\xa4Om!M\x04\xed\x80\x97%\xc2\xbd\x9f)\x84\x1c\x9b\xf9+\x91\xf6u\xdf\x10e\xa3\x98\x1e2\xc5;o\xf4\x1b G\xa8\x81 \x9f\x004\xb2)s\x88\x9f\x9c\x86\x10V0+\x14\xe6\\%r\xcc\xe5|Q\x99)\t\x84\xac\xbcb\xe0"\x7fJ\x00\xca\xb1\x9a\xec\x90}\xfa\xd7\x89n\x9a\xa7/\xdc\xa1\x02\x9aW\xbb\x12$\x8f\xa4L\x1b?\xbap\x91\x93\x9dU\xf7\xa6,\x81\x06\xa29\x8e\x89\xe6J\xc03-\x13]\xa7IN\xc9\x86\xae|\xdd\x0f?\xd2ax\xd5\x08\xef\xec\x9d1\xfa\x0b\xa8\xea\x12\xe6\x01\xb1t\r\xc4\x99t\x83\xe7\x0c\xc2\x90 @\xd9U\xda\xd1 Wt\x91\xd4\x9eWY,\xb5\x17\xce\x00Q\x85\x1f\xc4K\x08C\xb7@]\x8c\x02\x89Kr&lt;G\x12W,\xa0j\x0bJ7\x9a\xcezN\xdd\x12\xd4\x03'</t>
  </si>
  <si>
    <t>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</t>
  </si>
  <si>
    <t>b'7\x8c*\xb6\x85\xa2V\x8dSI\xc5iF\x9ca\xf1'</t>
  </si>
  <si>
    <t>lways be people who want to copy you,
 which means each business is a dying business. If youâ€™re not forever
 evolving, you have a time limit.
 â€œI remember back when we started the brand and launched a
 product run right around Christmas, everyone told us that for the
 holiday period, we should order three to five times as much product as
 we thought weâ€™d sell. We didnâ€™t have the cash for that,â€ he said.
 The two friends sat down and had a serious conversation.
 â€œHow willing are you to go through with this?â€ they asked each
 other.
 They were both determined to push through and decided to put
 $80,000 on a credit card with an 18 percent interest rate. They knew
 that if this didnâ€™t go right, theyâ€™d go bankrupt.
 â€œThatâ€™s when I found out how strong I was and how bad I wanted
 it,â€ Marvin told me. â€œIt turned out to be the best thing Iâ€™ve ever done. I
 finally feel like Iâ€™ve accomplished something all on my own. To me,
 thatâ€™s priceless.â€
 W
 7
 Step Five: Launching Your First
 Product
 hen Matt and I first started growing Sheer Strength, we loved to walk
 around bodybuilding shows and fitness conferences, just to see what
 kinds of products were being talked about.
 It was fun to walk up to booths that were offering samples of pre-workout
 drinks, take a sip, and say to each other, â€œOurs is better!â€ It was a great way
 to spy on the competition and also to get product ideas. Looking back, those
 were some of the most fun days Iâ€™ve ever had in business.
 One day, while walking through one of the conventions, we saw a bunch
 of people lining up for free samples. That was a normal sight, of course;
 companies gave out free samples of their products to generate buzz.
 But this was no ordinary line. This line of taste-testers wrapped all the
 way around the convention hall, even interfering with some of the other
 companiesâ€™ booths! There were hundreds of people in line for a free sample
 of something. It was like an amusement park with everyone waiting for the
 most popular roller coaster to open.
 I wondered if maybe The Rock was at the other end of the line signing
 autographs or something. (Fun fact: Matt and I always dreamed of partnering
 with The Rockâ€”Dwayne Johnsonâ€”at Sheer Strength. We did meet him
 once, but it never materialized.)
 Overcome with curiosity, I turned to someone in line and asked, â€œHey,
 whatâ€™s this line for?â€ He pointed up to the ceiling. There I saw the logo of a
 company I had never heard of: Quest Nutrition. In an instant, I became
 fascinated with this company.
 It would be easy to think that Quest Nutrition always had a line of people
 waiting for it. It was just a few years into existence, and it was already the
 best-selling protein bar ever! I would later discover that Quest did $500
 million in sales by its fourth year in business. That type of growth is amazing,
 but it didnâ€™t start out that way.
 I became so obsessed with Quest Nutrition that I invited the founder, Tom
 Bilyeu, to speak at the Capitalism Conference a few years later. Tom told me
 that he started out by making the products himself in his own kitchen. He was
 hand cutting them on his own! Tom didnâ€™t even have a clear â€œlaunch planâ€ in
 place. He would talk about it to whoever would listen, and he gave the bars
 out for free to athletes.
 Over time, small groups of raving fans started to form. They began
 sharing innovative ways to eat the bars. For example, if you heated it in the
 microwave and mushed it into a circle, it became a cookie! And if you broke
 the bar up and put it in a thick protein</t>
  </si>
  <si>
    <t>b'D\xf5L\xc8\xb1ES\xb1\x16/3\x8a\x94\xde\x7f\xcc\x04\x8c\xa8+\xdd&lt;\xdf\x9853\xb5paT-\xa1\xd1\xa7\x89p\xa1*\x12\x9dn4s?\xcf\xedu\xc7\x80\x07\x1c\xe3K&lt;\x1c\xc5\x9d\x81\xaa\xac\xe2\xf34\x9eC\xb3\xadY\xd8\x9a\xb6\xc93\x9b\x1a\x1d1\x87\xe0\x87c\x18/H\xe5\n\x032\xd6\x8fK(\xdbYo\xfc\xfa\xfe\xd0\xa4\x86\x8b\xdd\xfa\xc7D\xb4k\x84Qj\x19\xd6Ws\xe3~2\xe0R\x15\xbcI\xaf;^}=\xfcs}\xb6\xa6\x81--&gt;\xbf\xf1}G\xb7\xbf\x0eS\xff)g\xb4\xa1z\x9dE*\xff\x10`K\xfaj\xd2ol\xecW\xf8Sk\x14\xc1\xd6\x82R\xdeM\xbf\x04-\x12\x9cI\x94\xdfb\xdeC\x80g(R\xab\xe3i\xb7qm\xd1\x92q\x99\x8f\xa2)\xcdCh\xe9\x8b\x8f\xf9N\xe9q\xd9\x80\x01z\x13\xf8\xd9&amp;\x0eS\x02\xb4s\xe8}\xda\x1b\x18\xe7\\\xbauk\x8d1\x87\x82\x8b]\x01\xe2\xd3co\xc0\x81\x8f\xfb06\xeeN\xb6\x9c\x01@:o\xeb\'R\\`\xae\x86\xfdQ\xb5\xfb\xaeO\xff\xa7\x93\xfe8[\xda\n\x9f\xda\xd1\xefil\x1c\x9f\x1d\\\xc7A\xaeV\x02\x0c\x8b_\x98\xd4\x1d&lt;\xccjz\xac4\x83\xa7D\xaf\x1a\x1egc)^\xc2BTD\xe7\xe1\xf3\x84\x9aQ\x94\xea\xf7z\xd2C\xa4|\xe8\xb1I\xfe.\xa5\xa77\xbd\x81\x18!`\xee\x9e\xa6!\x8e5\xb7\xce&lt;\x14\x0e&gt;\x97\nG\xdf"\xdb\x0e5&lt;5;4\x17\x8b\xe1t\xde\xcd\xbf\xdcH\x8c-En\x9e\xe1\x81\x19\xab\x160:\xc6sWn(\x91\xcf\xf9\xe3\x00VJ\x8f\xc6\xd5d\xf0\xd9\xb4Y\xaa\x07\xcc&lt;\xdc\xfa\xb6\x87.\xdf\x8e=\'\x01\x11\xb0\xda4&gt;\x1a\xe7w\x92\xda\x0c\xab\xa7?2T#\xdb\xd4\x10\x80.\xe1p\xc4\x12\x04\xa9$\x13v\xf4\xac\xaa\xc7\x10\xb6\x13\xe8\xe7\x9a3\xb9\xcb\x9c\xdd\xba\xdb\xfd\x8c\x1e\x11\xb8\x1754i\xf1\xd4H\xb8\x9e\xd2\xba\x1d7:Mf\x973\xacv]&amp;\xa4J%A\xa0`+\x06\xd3\xff\xd3R\xb1%l\xaa]k\xab9\xfeR\xf4\xac\x9f|\xef\xd0\xce\x08\x7f\x8cC&amp;c\xd5\xa4\xf0*pv\x0c&gt;*E\x1c\xfd\xbfE\xc9\x0e\xa0U2\xa4\x14\xde\xab\n\xbb\xf2\x02{\\\xdd\x89+\xa0\x7f\xce\xafkI\x80\xe7\x9c\x8b\xf1%\x11Z\xb0\x00\x14\xe9\xd8\xeb\x8d\x1b\xdc\x9e\xfb\x86\xafy~\xad\xf3\xe1\xe2\xbf\xa1\xcb\xb8\x06\x9e\x08\xbdg{P\x9d\xfa\xe3\xba\xa3\x87\xee\xe1\x83\xcb:\xed\xf7{\x93\xb6(\xbd\xf0i-\x1e{\x84\x812;^\n\x8c\x88\xa8\xac\xe0\xba\x8f\xa7\x8dK\xedRW^t\xe3M\nWO\xedKc&gt;M\xcb\xb9\xec;m\xceJZ\x835\xbbVC\xf1\x18\xe2\xc9z3\x1b\x94\x1d\x8f\xb8.\xfc\x92\x81\xe3*Z\xf9\xeb\xa3`:\\U\xabE\x0e5\xda\x10\x8b\x18\x11%\xcf&lt;D\xe0\x18\x90\x15\x9c\xc5\xd8\xae\xfd\xaa\x0e\xee\r\xe7^B\xb50V\xd8\x1a\x8a\x83\xa1\xe3\xe1F:|\x9cj\xb7\x03\x89\xaa\xcb\xba\xf9\x02\xae\x8d\xc8sxX\xf7\x19\xf1\xb0\x89\x11\x04\x0e\xef\xb0ib\xd1\xcfp\xe2\xda\xdfK\x93\xb5\x1c\x9b\x8d\x8b\xd4\xc12\x8a\xf7\xf31uC\x0e\x8bC)\xd4\xe3\xa2\x9f\xca0\x03\x06zm\x1e\xfa\xeaO\xdc\xa5v@\xb4R\xaa\x02\x1d\xfe\x90r\x1a\x04L\xf3nK\xcd\xc3\xd5\x83\x0e\xf1+X\xd7x\x81\xf4zC\xa6\xba{\xef\x1f\xa4\xb0\xa4E\x88\xde!-B\xe0-\x8a:t!\xc5\x98:\x12^#\xc3\xea\x97Z\xc0\xd7\x1f\x0f\xadK\xfc\x0b\x15\xa3Q\xa2\x00\xec\x90\x1bf\x92jM\t\x9d\xc3\xbf\xf3\x98\x91\x16qC\xc62\xd8G\xf0\xfb\r!\xf1\x13m\xd7\xce\xf6`\xe2\x18\xf9CW9\xfe\x12\x19ECL\xf7d\xaf6\x19u \xd0md\x0b3S&gt;\xe1\x99ke/\xf7\xdb\x83\x82\xb9\xdcH9i\x8a\x16\xcc\\+\xe9@\xba\xbd\xae1t\xe3\xce\xc2L\xd7b\xceEJ\xf2\xb8\xa8\x00\xec*aZ\xbe\xc9}d\xfe\xa6\xdb0&amp;\xe3\n\x1e\xab;\xe5\x98\xc3\x9c9\x8b\x15\xc8V\xfddQh\xca\x93\xfa$?\xd6\x96\xe9\xecx\x14\xe4U}\x19\xeb\xdc\x884&gt;\xc57\x13\xcc\xc8\x16\xddmF\x94\xc4\xf3\xe7\xe2\xa1mU\x01\xd6\x10nynSK.&lt;\xd3\xeb\xcc^\xce2Tk7\x90\x90\xd0\xfaf\x9f\xd2\xe3a\x86\xe5\xb5c\x97\xbeKw\xb9?\x19`\x06H\x8eT4\x99s\xb1\x8c\x07&lt;sQ\xf7\x10\x85\xc8\x14iJ`\xf1\x9f`8\xb2@\xaf\xbc\xd9rosS\xef\xa5]\x8a\x1c\x82\xca\x97\x83\xc1\'\x19vz\xfe@z*{E\x8ee\x84\xd7\xb5\xee\x1a\x81\x13\xa1\xee0v\xccO\xb4h\x9c?\x0e\x84\x8e\xf6w\xec\xa6\xb3\x1e%!\x1fui\x88\xa8\xfa\xeb3\xeaB\x98Q\xe4\xb0J\xe2\xb4\xec\x1f,\xb2\xda0F\xc2\xb9\xdb\x1e\r\xb4\xbfV\x1dt \xa4\xfd\x1a\xb5\x0b\xc5\x1e\x83((\x85Q\xc8J\xaf\x99\xd5O\x91#5\xc1\xc2%\xd3\xb62\xb2\x16x\xa72\n&amp;dl4\x92\x08\xeav\xc7\x9b\xe5\n\n\xfc\\\x95~\xf6\xd4\xaa\x01_\x00\x8e\xf6\xeeek\tR\xa4\x00/GU\x83j\x11\xbaF\x93\xe7\xda\rw{M\x19\xf1\xfe\xdf%d\xe62\xc5\';\xebw\xd3s\xdc\x15\x03q\x90.\xc8z\xca\xa6\xbf\x1c\xabS:\x9as\xbc\xae\xa2\x00\xea\xf2\x02D\x11\x08r\xf1\xbbD\xad\x85\x1by/\xc8b\xb1\x91k\xbd\xd3\xa5A\xc5\x9c\xb5U\xae\xbe3\xdd%\xbf\xa8\x83]W-\t^X2tZQ\x9c^\x80\xcb\x12\x9a\xf1\xfe\x10\xce\xda,\x03\x92\xb0\x8e\xc4\xaa8_0\xbcu\xf3\x9f\xc5\xf4\x85\xd1\xa2\xf9W\xe8\xd0Y\xfb\xcb\xad\xae\xea\xf5\xbd\xff.\xb5\xadB\xbegL\x1c\xfd\xae\x05(cE\x0c=\xc1\nu\xce{yi`\x8c7\x9b&lt;\xedb\x9d\xd7\x0f\xba\xb3\xb3\xe7\xc2v\xd9\x0e`[dH\x15\xe6\xb8T\xadc\xee\x8c\xf2\x94\xafy\xed\xb6F\xcbj\x85\xe2f\x8e\xebM\x14k\xf7\xdexP\x9d\x90XwN9\x94=$f\xe5s\x1a!\x98\xdd\xb6\x8f\xbe\xff1\xf6y\x93\xe4+\x1b\xe10KU&amp;\xebz\x0fxC^\x92\xc2\xd5\xb7\x88\xf4=o\x12\xa8\x8e\x08vS\x952M\xa9\xd8\xd5\xf6ni.o\xdd\xc0\xd0u;v\xc4J[\x0e\x06C\xd4\x89}\xfc\x8dv1\xe8W\x14\x1ck\x18\x00\xf5\x11\x9e\xf5\x90\xd0\xf2\xbdX\xf5\x14e\xa7;e\xe1.\xc1\x1b\x7f\xbb\xc6\x1br\xe0\x9f\xf56Vy\xed\xf4\xdc\xf6\xba\xe2\xbf\xc6\x083\xa6$\x98\n\x80\xbf\\\x85D\xf5C(\xf0\xec\t!.\xb1\xf6ZfK\x1f;\xe9a\x88\x18\x9bu\xf0\x92+\x92\x11%\xaf\xf3\xb4&lt;w\xa18r\xbc\xc1\xea\x8b\x85\xb8\x10fwIu\x89c\xce\xbc\x01T\xe9h\xdb\x1a\n\xfd$\xeel\x88\xbag5\xff&gt;5\x80\x0bDS\x0cH\x85\x9a\x0f\n9U\xcdVp\x9cf\xc1N?\xd0\x07\x97\x8eO\xa3\xedNP\xdf}\xbaW\xdb\x8f\x99\xdaN\xcf(\xf2u]q\xe1\n\x81\xdcR,\xd3N\xe9\xc7_\xa9\x82\xbf:\xec%Y?\xc6T\xf0\xccd\xf9\x84\x06\xb0,%?\x82\xf3(;\x88\xa0\xfaI\x03\x9e\x97 sS?\x9e4h\xbe\xa5\xef\xc6\x11\xf2\xa8\x16\xb3\x0e\xf1`\x9e\x81\x11\x19\xbb\xf1o\x03)\x99W\x1b\x08\xad\xc3\xe7%\xcb\xec7\xac\xbb1.\x13\xf5z\xb3\xc0@\xce\xa4^\x95\x97\x83\x0b\xae\x83\xe3:z\xc7l\xff{\n\xf2\xe6\xc2\x13Y@\xb4\xa8g\xcc\xcfs@\x16l\xf2\xe3\xe5\xda\x8c\xf1\xa1ch\x17KbF\x82H\xbdz1T82\x84p&lt;\xcb\x9c\x1f\n0\xaf\xbd\xfa\n\x80\xd0\xce\x86J\x0eZ\xe2p\x99T\xc1\xde`\xa0\xae\xbb\x11jsI\xe7_\x95\xdd\x06\xa9HN\xea\xb0&lt;\xd7\x82\x12\x18\xb8\xc3\xb9\x8d`\x9e\xc0\xe6\x80\x03\xb44\xe0p\n\x07\x9f\xb5\xc1?\xa3\x9e5\xf1\xb8\xe6\xb2}\xc1\xe5\x0b\x1e0\xa6\xe0\xe8\t\xb4\x9e\x8a\xbeC}|\x1e\x7f\x97o\xb5\xdc\x0c|\xfc\xd6\xdb\xd6\xe5a*,\xa9\xd9\x0f[\x0e8\x05\xa2\xd9)\xe0\x99Tx\xb8\x01\xaa\xe5\x01\x9d\x07\xe3]8\xa9[p!K\x98\xccw\xfb\xb5QcI\x8c\x1b\xc2rv.-N\xbfg\x9f\xd3\xad:\xbc\xd0\xbd\x90\x9f*OU\x1f\x06\x00\x11\xda\xac\x1c*\xa1\\O\xd4\\t/\xa69P\x0e\xde\xdd\x8b\x16\xa616Gy\x0f\x06\xb0J\x01\xabAY\xebF\xf3,\xea\x1d\xca\xa4\x89]\xd5\x96cK{\r\xc2\xda\x10\xc9\xc0\x15SZg\xcbI\xf4\xaeYCT@\xba\xbf\x8eJt\xabZvQ\xdf\xb4~P\xcft\x85\x03\xafA\x91LH\x81\x83\xfc\xf4\x98\xc8\x90\xce\x80\'\xaf\x1b\xd5\xa2\xde\xdd\xbd\x1bg\xfa\xb8\x93\x82[\xe6i\x1fyZ\xf5Ep~\x9bkl\x95hCDbR\xc4vr\x03\xb8~\xab(\xcc\xd6f\xcf\x15\n\xbf\x02+\xd4\xac\xc7\xf8\x14\xef\x13\x1f\xf9\xdc\xb8\x92\xfdx}\xd6K\x87mv\xa9\x08\xcd\xc3\x02\xee]Eq\xbeF\xde\xd9\x0cP\x03\x03\xaf\xd9"\x9d\xf5\x18A\'O4b\x8a\x0f\x04\x12j\xd8\xcb\xcd\x9c7 \xb3\x96\x9a07E\x9a9b\x9c\\q&amp;:;/\xce\xb1,?\xf4U\xfe4\xee\x8b\xb3\xbcX\xcb\xd2\xc7\xe7\x04;)\r\xca\x0b1\xf6Y|f\x94\xdc\xbc\r~\xd2B\xb1\xe30\xac\xd8\xe5\xba\xdd$\xdd\\\x1c\xbd\xc5\x97sE\xcb\xc51\xb7\t\xca\x169\xbd\xc4\xac!*\xa0\xea\xde\x17\xe7\xd5\xe2\xbb\xc8t2\xd3\t\xcb \x16\x00B\xb9\xa8\xe5\xb5\xd4\xa9m\n\xa5\xdb\xf4\x99);\xfd\x88p\xa8F\xa9\xe65\xef\xab;\xff\x7f&amp;\xa8d\xf3\x07\xb2\x9c,\xa6\n\xde\xe7Y\xb4\x1f\xaf\xde\xb0\x9f\x94\xdf\xa7]H\x8c\x00\xae\x83\xd2+\x92&amp;~W\x80&gt;P\x0c\x96&amp;\xee\x0e\x04\xbe\x93/*\xc5\r\xf3\xe3\xca\xbc\x7f\x1d\xfc\x06$^@-\xe8\xb5X\x90\xde,\xdf\xa511\x10\nG\xcf\x108k\xe5o\x92i\x1e\x82j\x84{d\xe3\x13L\xfa\x91\n!D\xebH&gt;M\xe8\x1f\xe3uQ\xd3\xc4\x91\x06\xb9\xb1\xabm\x83\x0bg\xec\xaa\xd2y\xe4\x96j\xdb\xdfZ\xb7Q\x0b\xae/m\x8bjJ:\xc4x\x10{\xc3jWQ\x058\\\xd4d\xd5\xabe\xffK\xce\x1e\xdc`\xef\x9f\xe1\xca-\xb9s\xa3\x921\x1a`B\x89\xfbr\x975b;7\x9d8\xe8b$Z \xba\x04\xaeI\xbb\xe5H,\xc1\xe8\x19cM\xab)\xd2\xd4d4\xee\xf1\xf8\x9d\xaf\x9c\xd7\xdb\xd9\xce\xa3\x8f\xf2\'{\xa3$\x85c\xf7G\x9d\xf0\xc0A\x8e\x0e\x8fO\xd3\xd2#F)\x1c\xf9\xec\xf0\x80\x05\xa1\xd0\x8c!\xd7\xad\x84\xbc\xd6\xef\xf1j\\;\x976\xbe\xbf)\xb4w\x9e\x82\x8e_\x1b\xcc\x82\xb0g\xba\x97\x87R(\x04\x88\xe5\x18\xf0\xbb\xa4\xabv\xa5\xa9^oK\xd6N[\xe7\xa2\x7fu\x86J\xf3@w\xa4\x11\x8d}\x96\x81\x14n\xcb\xe4\xea\xc4t\x15\xa6\xb1]\\\x07}\xa9q\x00\x12\xffH\xccO\xe3$\x17\xcc\xb8-r\xce\xd9\xea\x8f\xf3\xa1\xfbc\xf5\x9f\xe2r\xb1\xcd\xbb\xa26\x97\'\xd6\x01\x9d@;\'\xdbj\xcf\xa0}\xe4SnG^\x1an\xe8\\\xb08\xc0\xfb\xaa\x90k\x01\x03\xda\x1e[dw\xc6\xbd\x11\x15z\xa6\xa3\x14\xe8\x01 \xdaI\xd1\xfbc\xd9\xd5\x94"\x1f\x88\x05{\xb7\tz\xca\x10\xa0\xc3\x05s\x1b\xbd\xae@\x8ao\t^7+\x10\'r\xa4[\xd32\x14\xcd_\x07p\x93\x11\xb7\xb3\x91}U\xf0E\x06c\xe5#\xcd\x1b\xd7/\x15&gt;\xb1Ly\x0b0\x86\xee\n&amp;\xb7\xf4\xc7B\xdb\xe5\xfb\xa3\xf7\tt\x1e\xc1w\x050\xc1\xfaR*\xd8\xc3\xbd\x1a\x9c\xd5\xe5\x16)\xa3\x17\x1d\x04|s2\x95\xf1,8+4k\x9e\x7f\x845\xf1\x9b\x18\xdd?/G\x82\xbc2\xc6\xf4\xbcM8\xdfT\xeb\x8bU\xba^\xefo\xc6/\x14\xb0\xf0-\xe3\xbf\x921_\xc7\xf0\xfb\xc0;f\xc9\xd10\xd17\xe5M\x8f\x1ag\xbb\xbd\xe4uJ\x86\x8e\xc3\x0c\xb3\xc0\xa6\x8cJ\xf8F\xf0/\x0b\xd8\xaa&gt;TIL\x0e/\x1c\x9c\x07\xfc8\xf7*\x7f\x04#M\xa5&lt;\x96\xd7\xb9\xa1\xfe\x15\xfaO\'\xde-\\\x04\xea\x84=&amp;\xf9\xfa\x0c\x93h\xde\x86?\x9b\x92Q\xd2\xd9Y\xe06Q@\xf0"\xd2\xa4\xb9eP\xcb\xda\xac\xbbgo[/\x1et~eY\xac \xba\xbe\'\x7fD\xe9\x08\x13\x84\xf2by\x14p#\xc9\x8c\n\x0c\xf5\xa1h\xd9\xe5\x11m\x0b\xeft\x05\x99fY\x02*\x86\x98\xc7\x9a\x80c2\xe5\xc3~\xf9\xe5\x02\x8f\xbc\xa1;l\xbf\xab\xc9\xf4\x01j\xcf\xf1\x0f\xd1M\x05]\xec\n\xd9\x054\xfe\x8b{\x16\xf2Ai\xffcMK\x17\xdf\xdc\xb5\xcf\xedO\xcf\xb5\xd4k?\x1c\xafc\xe2\xbb.\xb0x\xcc[l\xf6\xa6D\x8dc\xd8\xcd\xe9\xba_\xa8\xa5\x91\xcc\x82\x9dkf$9\x9a\xfa\xbb;\x8a\xdc\xb1\x12\x1c\xdc$U\xd1\xc2:\xe943\x02"\xa4\xa4\xbe\xff\xad\x06C\xeb\xb6\x99\xdc:\x82D\xf3c\xf3G\\\xb2\xa4\x94\xbc\xdb\x8cjA\xe0\xfb`\x1c\xd3\x1b\xc9\xb3\x81;\xde)\xb0\xff\x9f\xcc\xf72F\xd1Z\x1d#\xc3Q\x15K\xd9\xd3\xecwj_\xf4\x8c^\xf7\xa4O\x95\x1c\x80\xa2\xdb\xbb!\\\xc7F0\xceQ1l\xa5\xb5\x98\xba\x08\x1eM\x8d\x1dt\x9a\xfe\x8ag\xe3\x07o,&lt;&gt;\x97\r\x07\xce\x19\xe0O\xa2\xee\xfe\x94\xfc\xd0\x88\x88?"F\xd8\x00\x84fL\xb5S\x93\xc5\'\x98w5\x01\xd6\x85,9\n\x9a\xdf\xed.w_\xcb\xd2\xa9\xab\xc6)\xb6\x81!\xf2*\xacA\xdb\xa2m\x92\x92&gt;2\x0b\xea\x1f\xf6\xa9H\xd2s\x10\xb2\xef`|i,\xbc\xc1\x06\x02\r"\xea@\xd1\x02\xbf\x06\x10\xc4^\xba\xc7\x90\x93UH\xcf\xb8r\xfd\xe3p\x12\x91}\xe9\x92z\xbc\xc9\xb5;\x8e\n\xff\xd8\xa8\x96\xdf\xaaVxp*\xe69.\x1e\xbd\xe8\x8a\x03\xee\xdcE\x04\xde+^h\xc3\x9eQ\x92W\xec\xa3\xe96\x8d\x95\xe9T\x03bz\x9b\xad\xd6\x83CX \x00\x13\x1c\xc92\x12\xaf\xef\x03\'e\x8a\xcaC\x10\x018\x0eK\xbc\x8c\xd9\xc2\x84\xa4\xef\xd3/j\xc3\x99\xdaa \xd3S\x96\x86~\xc3m\xc5\x91\xaa4\x82wz_\xe9G\x1e\x16&amp;\x01^\xe6xm.\xe7\x15X\x16\xec,\x96\x8fa\x08;\xb7\xd1!\xba\x19J\xeb\xefV\xf8B'</t>
  </si>
  <si>
    <t>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</t>
  </si>
  <si>
    <t>b'D\xf5L\xc8\xb1ES\xb1\x16/3\x8a\x94\xde\x7f\xcc'</t>
  </si>
  <si>
    <t xml:space="preserve">ay be inferred that rotation around Câ€“C bond
in ethane is not completely free. The energy
difference between the two extreme forms is of
the order of 12.5 kJ molâ€“1, which is very small.
Even at ordinary temperatures, the ethane
molecule gains thermal or kinetic energy
sufficient enough to overcome this energy
barrier of 12.5 kJ molâ€“1 through intermolecular
collisions. Thus, it can be said that rotation
about carbon-carbon single bond in ethane is
almost free for all practical purposes. It has
not been possible to separate and isolate
different conformational isomers of ethane.
13.3 ALKENES
Alkenes are unsaturated hydrocarbons
containing at least one double bond. What
should be the general formula of alkenes? If there
is one double bond between two carbon atoms
in alkenes, they must possess two hydrogen
atoms less than alkanes. Hence, general formula
for alkenes is CnH2n. Alkenes are also known as
olefins (oil forming) since the first member,
ethylene or ethene (C2H4
) was found to form an
oily liquid on reaction with chlorine.
13.3.1 Structure of Double Bond
Carbon-carbon double bond in alkenes
consists of one strong sigma (Ïƒ) bond (bond
enthalpy about 397 kJ molâ€“1) due to head-on
overlapping of sp
2
 hybridised orbitals and one
weak pi (Ï€) bond (bond enthalpy about 284 kJ
molâ€“1) obtained by lateral or sideways
overlapping of the two 2p orbitals of the two
carbon atoms. The double bond is shorter in
bond length (134 pm) than the Câ€“C single bond
(154 pm). You have already read that the pi (Ï€)
bond is a weaker bond due to poor sideways
overlapping between the two 2p orbitals. Thus,
the presence of the pi (Ï€) bond makes alkenes
behave as sources of loosely held mobile
electrons. Therefore, alkenes are easily attacked
by reagents or compounds which are in search
of electrons. Such reagents are called
electrophilic reagents. The presence of
weaker Ï€-bond makes alkenes unstable
molecules in comparison to alkanes and thus,
alkenes can be changed into single bond
compounds by combining with the
electrophilic reagents. Strength of the double
bond (bond enthalpy, 681 kJ molâ€“1) is greater
than that of a carbon-carbon single bond in
ethane (bond enthalpy, 348 kJ molâ€“1). Orbital
diagrams of ethene molecule are shown in
Figs. 13.4 and 13.5.
13.3.2 Nomenclature
For nomenclature of alkenes in IUPAC system,
the longest chain of carbon atoms containing
the double </t>
  </si>
  <si>
    <t>b'O\x1dCE\x01\xbe\xd7J\x8aB\x13#\x82_\x85\x1b\xc8}\xe8\xfb\x03\xe7`3}\x82\xdb\x03\x0f*\x9c\x8d\xd5\xdd\x80\xe9}\xe4\x07\xfa\x92\xce\x07\xbb\x01\xf2\x07\xf9\xcdd\xf2T&lt;(~V\xad\x0f7\xdc\xf8\xaav\xe83bf\xe7\x19\xea\x8cjz\xb8.\xb9\xdc\xb6,\xb3\xe1H\xcb\xd6\x14{\xc8|N\xf6\x87\xf2\xde\xf6\xc3/\x82\xa7\xf2\xf3\x12\x14\x02\x1aB\xdf\x8d\xa3RSj\xd2\xf2\xfb\xcfV\xdan_\x87\xc9\xc8\x9c\xc8\x8fAR \xfavSO\x8d.\xf1\xd2_\xef\x139\xdd0\xd5$f\xd5i\xab\x1b\x18\xe2\x0c\xb0\xac\xd5CB\x95v\xb5@\xb1\xca\x97\xce.\xae\xdf\x83\xdbi\r&gt;\xfe\x16V&lt;\xa7\x91\xe9\xd1g\xf8\xd3\x83\x0f\xd8\xe55\x9e\x0b\xc6L2\x8e\xd6\xa6\x1f\xaf\xc6\x1d\xd2\xe9\xe4B=\xc3\xa5\xb5&gt;\x91s\xaeQ\x13\xa22\xcc\xf5\xdb\xb0\xe6\x81\xde\xea+\xadO\x9a\xe0I\xf8\xcf\x9f \x8b\xd2,\x95\xd3\xa6x\xd0\x9f\xb7\x89&lt;\x0fL\x19\xf3\x86s\xc9\xd5\x17\x07\x1e4\xf5{}x@b\xbd\xa1\xd5\xcc\xfb\x07\xff\xc3\xfa\x19\xca\xc5\xbd;\xcf\x91\xba\x81KU\x9e\xacZ\xdd=V\x15\x97\x91\xeb\xd9\x91\x9e\x80\xf2\xa6_\x87a\xa3\xad4\x85X\x13[\x1b\xaev\x8fCED\n\xe9\xbf\x86\xa7\xb53(RA-_\x1c\xcc\x8e\xbb.~\x13\xa2\x8d7YV\xa6\xc4\xfb\x1d*\xd0\'\xbfA\xcaZ\x00\xe5BN\xa1?53\x18~*\xb1\xed\xf1\xc1e\xd6\xa2\x9f\xd8z\xf5\xf6\xca\x9bx\x1a\xe9s\xc0\xc0\x19-\xb7\x08\x89k\xf2\xfd\x14&gt;)\x8arid\x86\xfc\x80\x9eO\xb2\x84\xac\'lfb\xdc\x13\x80h\x13@~\xba\x1d\r\xde\x0b\xedJ\x1c^\x0fC\x19l\xda\xf4\xb9\xabK\xea^eT\x81\xe7Hn\xf82\x91\xffh\x89\x9ae\xd2\x163\xa85=\xcf\x84/\x90\xe5g%c7\xa5\xd0\xf1\xaf\xcc\x1de\xdb\xbe\xb5\x93\xa7\x11\xed\xa2\xd0bd\xd0\x95\x82\xd0vw\xeb&lt;\xf9\x8a0\xd7Lg\xdd\xdfSQ\xee\x12Ra\x03\xb5M\xc3\xa2\xa7/VXZ\xb1Y\xdd\xf5\x1c\xeeE\\&amp;!2\xfat\xd0b\x9c\xa0\xd8|\xd5\xd8m\xe89\x89\x9367\xe2\xfcA\xc2~\xc4\x05\x1c\xf3\xc5\xcdCP\xf1+/\xe4\x08\x9f\x85k\xf0g}\xc2\xda\xeb\x19`\x01\xf5\xe9\x92yK&gt;\xf6\x95\x84\xcf\xd7\xbb\xd2\xf9\xf9\t\x95\xc6\x88&amp;\xfb\xd5\x80\x97\x86\xb3\xbb\xef/\xbc\x1a&gt;m0%\xc9?\xeeHU2e\x13\n\x1a\xf9\x89\xb1`p\xcc\x82\xd2\xc8x\x19\xfe\xf8\x13\xa1\xc9E\xd1\xd3\x86\x81\xc0\x0e|\x95.\xa6\xe8O\xb9h\x14\xf7\xf9vA\xd6Z\xf2]\xdf\xc8\x03\xe5_\xb9\xc5I:\r\x9e,\xe4\xcf\xcc\x81\xee\xfb\x02\x0b\x8d\xa7-\xd3/*\x94h\x90\xe2\x8bd\x86\x83\x15\x83\xa9]\x82\xcc\xa1\x8b{m\xaf\xefUWk\xf0\xbc\xaaB\xf8\x10\x84\xb7T\x00gg\x95\x1e\xfef\xa6\xf1UM\xae\xaaU\xb9\xf4V\x83\xaa\x92\x0c`u\x1cY\x18Vk\xe9~\xaa\x17;}\xf88\xc3\xb9`L\x12\x1eLn\xd0D\xa0\x91\no\xc52.\xc2\x04\xae\xb4\x16\xa8\xa1\x9c\xfb\xe0\x86\xdc\x81\xbb[D\xed\xc4\x0fsx\xd4\xf7%\x80\x07\xa2T\xc3\xf0d\x83\xe5\xd3\xe0\x99o\x88\xe5.\x1aD\xba\x80\xa5\x9e }\x92D\xa5\x89W$@\xcaeS\x11\x8b\xdbK7\xb4}\x8aH?8}\x990\xf9\xa4\x8b\x89\x86\xff\x13z\xefv\xba\xbe\xf7WC\x10\xd5\xe7\x9a\x02\x9a\xdd\x95t\xdfE.Ux\xebkD\x9bo\xfb\xde\xcb;\xd5\x85\x88\x95t-\xa7,\x9d\x1f\x8f\xb3$\xfd\x14\x182t{\x91I\xea\xf1\x81\x13}w|L\xb7|Ll\xaf\xaa\xe1gF\x1e\xb1DM]\x9b3\x01\xc0\x82\xf6\xee\xbe7\xb1\x83\xf1I\xf2\xabN\xde\x89\tN\xb5\xfa\xfd\xb3bi{\x0fP\xd8\xad\x14&amp;\xb2\x8dtMmt\x1c\xc9Xq\xa3\\\xc0\xfeF\x065#m\xa9\x10\xa7Pq\xb0y\xb0.\x8c\x80F\x87G&lt;`\xd8\x89UQF\xc5I\xa4e_\xf8\x03\xcee\xf1\xf69\xd2g@\x8f\x17\xe4(\xfbB\x8a\t\x8b\x14\x1f\xce\xb2\x0e\x19ErIf4\x10\x0f[\x9bbD\x16\xde\xe1&gt;\xcb\xeb~U\xf5\x86\x06\x07\xfa\x82\x83i%\xa1f\xc19\x81\xffP\x8e\xf9\xfd\x1d\x95"\xb0!\x16\xb6\xa1\xba\x01\xee\xef\x89\xc7\xa1/\xe2\xe2b\xc5CE\xf2K\xf4\x814\xb9\xe35\xf8\n4\x05\x165u\x04\xd3\xd6!\x1d\xaf\xf0\x07\x87\xfd\xbf\xee)U\xa9\xf2\x03\xa9\xf0\xd2z\x9a\xb0\xb4\x95&gt;\x9f\x9ds\x84\xd6\xdbx_\xf1]\x03\xb7\xf65\xec0m\x13\x83\xca\xd7\x7f\x98\xc75\xffk\xa7\x96X\x0b\xc1\x04\x1e\xe0\xdb\xf0\xf2\xe2\x87\xe5\x85D\xe0g\x9eT8H%)\x8b\x8c\xb7\x9b\x95y\x1br\x86.\xa0/tW\xac2\x89?6dr\xdf\x1a\xa9\xc6!\xbf\x07-\x1a@e?\xe3\xfcY\x97X{\xdak\x8c\x0b\xf5\x83\xa2\x16W+`\xb1\xaa\xd5\xad5\xe7\x11\xe1\xa3\xae\xf9{B\x92\x1c\x8a_6?[7l]\xe5j-\xd1\x7f_\xbe5\xa7T\xc1i\x8eK\xd8\xdcC&gt;*!p|\xa5\xed\x99e\xf8\xf1x\te\rw\xab\x7f\xbd \xee\xf8\xb8\xa8G\xb0\x8f\x9d\xd4\xafE^\r\xa3\x92Bs@\xa7\x83\xe1&gt;\xaeIX\xf6\n\xc4\x87\x1eyO\x00\x93\xac1a\x18\x98\xf6\xd9\x88o;\xf8\xc2\xbd\x94\x030+&lt;i\x83lF&amp;^\x7f\xd4\x9a\xce\xed\x03@\xa6\xf6o\xef\xf5\xa6&lt;Y\x8ac\xce\xe7w!\x8b`\x94\xc4A\x94\x15L0OB\xb3\x07\xb7\xff\xd3\xbctd+\x10i\x91\x1d\x9c\x08=\xa5\xeer\xeb9\x91L3\xec\x98&amp;\x7fG\xcb6\x13q\xf8\xf6\r\x15\xc0\xde#\xce\x010"\xa8\xeb\xadh~iMV\x94\xb6\xf1J6\x11\x94vn\xd5\xb9\xa9\xe8\xb1\xf8H\xaa\x8ep\xe9\xcd3q\xda\x90\x96k\\/\x88\xa1\xb0\x8f\x84\x84\x042I\xe6\x07\t`v\xe1"\xe3#\xae\xd7\x1b\x81\x14\xd4\x00v0\xf7\xc9u2\xb1\xa5Elc`&gt;\xc1\xf0#\xd0"\xd1\xd0N\x9a\xaf\x0cg\x9bpd\xee\xf2;\xf6g\x11\xb0\x94\xe8#\xfc\x8d\xdb@s\xa0\x0e\xe5\x8e\xd1\xa4\xd6\xfb\xb94\xb9{\xdf1\xda0@G\xb0u-X\x0eR\xdbI\xca\xe6\x13\xdaPu\xd0\xc7\xd0\x05"\x9fP\x07\xc8\x15\xcfC\x92\xe9?\x9f\x99`\x0f\x97tD\xac\x84KH\x883*\x8d%P\xdeZ\xc8BR\x9duP\x04\xcd\xfcZ\xda\x8d\x89\xa2x\x1f\xe4\xc8\xfa\x92\xe2q\xecr\x0cv\xe9\nE\x92\xa0\xfd\xc7|0D\\\xe2\x99\xa1(s\xfeM\x11\x05"\xe5\xdb(A+HY\xedb\xe4\xcaI\x11\x00\x17&gt;\xb4\x1d\x8d\xba\xb3\xda\x1a0a\x1f\xe8`\x148\x7f\xacA\x7f\xadX\xea%\x95)N\x15\x13y\x81\x9f\x7fge\xb6\x08\xd8t\x1cq\xdf\x80\xd7\x9d\x97?\x88\x19o8B\xdb\r\xfc[\xa3\x14\xf5\x8fH\x12a\xc6"\xac\xe3\x08}C\x883\xae2\xdb\xb6\xd5\x9c\xf0\xa7\xb7\xbbgZp\x0bR\xb4\xc7\xd41\xbe\xe3L\x8a\x19\x9c\xfa\x89\x0c\xd3\n\x07L\x14c\xbc\x9bb_\xf0\xfa\xf3H\xb7\x14&lt;\xd3|\x19;x\r\x98\xe3.\x0cE\xad`B\x9c\xe7&lt;\xe0\xaa*\xf9k\x92T1\xc0A\x18\xd5\xa7\x93\xac\x1a\r\xa5\xa03\x12\xa2\xfb|^\xdaV\x96q\xf4\xb0J\xdd\xce\x95\xc0\x8aT\xa4j\xcb\xc8\x7f\x03\xdf\xeb\x03!\xec4\x95\x87\xc2\xcc*bgGv\xc6\xabT\xe1\xc4\xe8\xa1\x00\xf8\xf1!,u^\n%&amp;3|\xf0s\xac`\xc0L\xab\xf1\xe7\x93\x82E\xa5\xe2\xf50\x9fg\x8e\x7f\xdfN\x86\x90\xc9\xaa\xab\x86\xfb\xe9\xa5\xba%\xc8\x9e\xeb\xc4\n\x02v{\xe8\x109p\x83\x9d3I\xae\xa7\xde\xf86\xac\xe5&amp;s\x0b\x18B\xdem\xf6\x1b\x83\xd4\x06\x10\xf6\xed&lt;\x89\x0f!P\x06\x1e\xb5\xe3\x7f\xcaV\xd2\x01\xf2\xd6\x17\x18d\xdc\x9a\xb9\x991\rw\xc7\xe6\xd3o2 Y\x1fD\xad\'\xec\xc0\x9bL_\x8c\xa3\x7f\xff\x810\xf8z\xe2\xb9\xa3#\x98A\xef%\xdez\xd4\xf3\x12\xb2\x8dh\xea;\xb6\xa7\x88\xa3\x99\t5\xa8\xe2\xb1G\xdap\xdf\x06\x0e&amp;H\xf1\x91A\xa4\x04\x04O\xf5\x88\xe5\n\xfaL\xe7m.\x18&amp;\x7f\x87no\xf7j\x98\xa4\xe7Y\xc8?q\x90u\x95b\xcf\xd8\xb2CR~{\x9dQ\xed\xdd\xcf\xe9\xb4=&lt;E\x04\xc7;j\xed\x02E\x1d\x0f\xf1P\xb9*\xcaN@*\xc3\x81\x02\x0f\xb6\x0e\x10\xe5V\xb7\x7f\xefP\x91\xce!\xdd\xc2^x\xd6\xf4K\x91FRz\x89&amp;\xf46u2\xa7\xddni*\x06\xf0\x17\xe9\x0f\x87d\xcb\xcb\x80-\xa0\x90]7`\xa3\xb0\x18N\x15\xa9\xd6\x03\x82\x14\x1a8+\xac\xd4k[\xf4\xaa\xfb\xb1J\x99S\xdd5\x08\xc4.]\x82\'\x1e\xfbKl\xb6\x84\xeckA8\x85\xcb\xe2rz\x99]\xf6\xa7\x9cv\xd55\x19\xcfi\x86\x7f\xc1\xaf\x02XX\r,\x9a\xe8\x8eb\xb9\xd2\'\x16\x8f\x8a~cP_c\x12H\x94 &amp;\xc7u\xdfh\xf9e\x8b\x8f\x1f|Kv\x96\x07\xd2\x9f\x15\xfbVr\xcb\xf2\r\x00WB\xf1&lt;x\x1b\xbd\x19\xc8w\x17\xf0\xdf\xad&lt;\x19&gt;\xdb\xacd\xd8X\xb4\x1c\xb3\xe9\xc5\xba\x079T\xbb\xf4 \xe1\xe87\x06?J&gt;\xd8\xa7r\x94\xb8d\xbf\xed\xa5\xf1\xc7&gt;\xa8\xde\x02A\xee\x84EM\x90\xf1\xe1\xf0\xf5\xc0\n\x9cR(\x93\x15\x04\xe1\xe9z.\x80^B\xce\x8f\xce\xbb{\xd8\xb8\xd1\xfb\x0e\xa9mb\xb7\r\xc4\xe3x\xb1IV5\xb2\\^\xc8\x15s,\x82\x87Z\r\xef\x16\xb7\xaf\xf0\xd0\xdf\x01X-&lt;\x1b!\x1d\x16\x87\xf1-\xac\x84\x0b\xfd\xe89\\j\x174\x82\xe4\xb1_Yw\xa7h\xf4'</t>
  </si>
  <si>
    <t>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</t>
  </si>
  <si>
    <t>b'O\x1dCE\x01\xbe\xd7J\x8aB\x13#\x82_\x85\x1b'</t>
  </si>
  <si>
    <t>this quite well by the way
 in which he took up the reins, and I believe his whip was more frequently stuck up by
 his side than in his hand.
 In a short time I and my master understood each other as well as horse and man can do.
 In the stable, too, he did all that he could for our comfort. The stalls were the oldfashioned style, too much on the slope; but he had two movable bars fixed across the
 back of our stalls, so that at night, and when we were resting, he just took off our halters
 and put up the bars, and thus we could turn about and stand whichever way we pleased,
 which is a great comfort.
 Jerry kept us very clean, and gave us as much change of food as he could, and always
 plenty of it; and not only that, but he always gave us plenty of clean fresh water, which
 he allowed to stand by us both night and day, except of course when we came in warm.
 Some people say that a horse ought not to drink all he likes; but I know if we are
 allowed to drink when we want it we drink only a little at a time, and it does us a great
 deal more good than swallowing down half a bucketful at a time, because we have been
 left without till we are thirsty and miserable. Some grooms will go home to their beer
 and leave us for hours with our dry hay and oats and nothing to moisten them; then of
 course we gulp down too much at once, which helps to spoil our breathing and
 sometimes chills our stomachs. But the best thing we had here was our Sundays for rest;
 we worked so hard in the week that I do not think we could have kept up to it but for
 that day; besides, we had then time to enjoy each other's company. It was on these days
 that I learned my companion's history.
 78
 Chapter 34. An Old War Horse
 Captain had been broken in and trained for an army horse; his first owner was an officer
 of cavalry going out to the Crimean war. He said he quite enjoyed the training with all
 the other horses, trotting together, turning together, to the right hand or the left, halting
 at the word of command, or dashing forward at full speed at the sound of the trumpet or
 signal of the officer. He was, when young, a dark, dappled iron-gray, and considered
 very handsome. His master, a young, high-spirited gentleman, was very fond of him, and
 treated him from the first with the greatest care and kindness. He told me he thought
 the life of an army horse was very pleasant; but when it came to being sent abroad over
 the sea in a great ship, he almost changed his mind.
 "That part of it," said he, "was dreadful! Of course we could not walk off the land into the
 ship; so they were obliged to put strong straps under our bodies, and then we were
 lifted off our legs in spite of our struggles, and were swung through the air over the
 water, to the deck of the great vessel. There we were placed in small close stalls, and
 never for a long time saw the sky, or were able to stretch our legs. The ship sometimes
 rolled about in high winds, and we were knocked about, and felt bad enough.
 "However, at last it came to an end, and we were hauled up, and swung over again to the
 land; we were very glad, and snorted and neighed for joy, when we once more felt firm
 ground under our feet.
 "We soon found that the country we had come to was very different from our own and
 that we had many hardships to endure besides the fighting; but many of the men were
 so fond of their horses that they did everything they could to make them comfortable in
 spite of snow, wet, and all things out of order."
 "But what about the fighting?" said I, "was not that worse than anything else?"
 "Well," said he, "I hardly know; we always liked to hear the trumpet sound, and to be
 called out, and were impatient to start off, though sometimes we had to stand for hours,
 waiting for the word of command; and when the word was given we used to spring
 forward as gayly and eagerly as if there were no</t>
  </si>
  <si>
    <t>b'\xa8\xae=\x89\xcf\xe1\xa7{'</t>
  </si>
  <si>
    <t>a8ae3d89cfe1a77b</t>
  </si>
  <si>
    <t>tion.
 The trick is not to ask, as in, â€œHey, can I be on your show?â€ The trick is
 to give: â€œHereâ€™s a piece of content I made that I think your audience would
 love. Is there anything that your audience is struggling with that I could write
 about or speak to, in order to serve them?â€
 If you do that, youâ€™ll find that influencers will happily invite you onto
 their platforms to better serve their audiences. If youâ€™re a guest on someoneâ€™s
 podcast and your content is helpful, you make that podcaster look good and
 you earn more followersâ€”itâ€™s a win-win.
 It will be slow and frustrating at first, but you have to do it. Answer every
 comment, and respond to each message. Just like a new diet or other life
 change, it will be hard to see the progress at first, but over a few weeks, you
 will gain the momentum that you need to hit pay dirt.
 Prepping for Go Time
 Everything in the lead-up to Day One is designed to prep your audience to
 buy from you on launch day. For Sean and me, that meant that the closer we
 got to Day One, the more promotional we got.
 Our messaging wasnâ€™t over-the-top or pushy, but it was direct. â€œWeâ€™re
 really excited about this product line. But we have some bad news: We were
 only able to order 500 of these for the first round. If you want one, leave a
 comment below and weâ€™ll put you on our special launch list so that youâ€™re
 first in line, ahead of everybody else, when they go live on April 30.â€
 We werenâ€™t shy about selling the product or sharing the inventory
 constraints, and people responded. It worked. We took fifty sales out of the
 gate and fifty more sales shortly after that. Those people left reviews and told
 their friends, and we were soon doing fifty sales per day on that first product,
 which was the equivalent of a six-figure business. We knew we had a winner.
 Donâ€™t miss the opportunity to line up those hot leads so theyâ€™re ready to buy
 on launch day.
 You might think that your business is too small or your niche is too
 specific for a launch strategy to be applicable to you.
 Two of my students, Jenna and Travis Zigler, are eye doctors. They
 started out selling sunglasses, but they wanted to release more products that
 reflected their expertise. They had a list of products they wanted to launch,
 but there didnâ€™t seem to be enough volume to support the purchase of more
 inventory.
 One of these products was a spray for dry eyes. Thereâ€™s just not a lot of
 volume out there for people looking for a spray to relieve dry eyes.
 They told me they were going to put up a Facebook group for people with
 dry eye</t>
  </si>
  <si>
    <t>b'U\x82IZ\xfdQ\xff\x7f\x94I6P\xd5\xd7[g5\x1f\x96a\xc1f\xbb\xe1\x0e\x85\x13Th\xaa.E\xfd\xbe\x89\xdbJ\xe7fB\nE\x84\xf5{d\x17\xeb\xfe*Dm)~\x9f\xf2)\x8a\x05\x03\xad;VP\'OG\xdb\xc0\x08\xb6\xcb\x94z\x8f\x89A\xfe\xcb\xf1\xeekk\x99\xfb\xb1\xc5\x12\xc9\xf36B-\xf9\x0b\xc2\xa0\x91\x91\xed\xb8\x90\xe0\x975\x0en\xd2\xb5D\x96\x05\x19\xf3\x102L0\xc6\xc7S\xb6\xc2\x1b\xfd1Cj\x93\xae\xed\x07=\xfb)U\x10\xe7\x0fNe\x0ejW/\xecf3\x80\xe7LY\x04\x81 qA\xf3\xa9=\x9d\xa7t*-\xdc\x98\x00\xaa\x81\xd3\xe5\x15T+\x02\xe5\x0f\xf8S\xab\x89&amp;\x84\xa7\xb3\x90\xe4\x9b,\xf4l\x10\x9b\xef\xa8z\xa7\xc5\x9a\xf3\x15\x8e\x92v@\xa6\x9dubg#\x9e\xa8iB\xac\xed\xa0\xdbV\x8a\t:\xa5\x1f\\\x14\xb5r\x1cE\x05\x82\\\xcb\xf9-\x96\x17uJ\xa8V\x98W9\xe3\xe0v\xc0\x87\x0b\x8e0G\xb4\xb0\x0e\xb1N\xa8\xef\x7f\xd6\xf1\xa4\xaao:\xb8\x1a0\xf4K\xe8\x0b&lt;\xc4\xcf\xd5:c\xcb\x1a\xe3Q\x90S\xb4\xfb\xb8\x98\x10\xc0`\x0f\xd4\x8d\x1d\xb8\tuJ\x16I\xb9o6\x97\xff5\xc95l\xf8o\x9c:bq[\x81\x84\xfdMcu\x9b\xcfe~m\n\xc6|HXa\nMvi\x88\x96Sy\x88\xc8\xbe\xa6\x004\xcb\xc4\xbf\x13\x951\xd3\xaem3\x8ay\xb1!Hb\x8b\xd54\xa3(q\x12"Rg\xe8\x9d\x0e{\xc9&amp;V`\xad\xe5`\xfch\xd4\xa3\xa3;\xec\xc9o\x8d\xd4\xcb\x19z\xeb\x05\x02\xfe\x03\x17\x12H\x11\x06{B\x15\x98m\xcc\xe1\x94#%\xfd\xe6\xf4\xb0\xd3H\x1d\xed\xeb\xd0\xfc\xd6\x0f\x13y\xbfS\x07\xb3\x08\xb7\x93\xf4{,Cu\xc9\xa2Z\xfel\x95+\x80\x8e\xdd\x95=\x12:~\xe0t\xe1\xf6\x03\xe2\x15\xcc\xd5\x8d\x9aU\xdf\xbduo\xb2\xc2$\xcd\xff9^\xa3\x032\x91ep\x0fy$\xe1\xeb]5q!\xe0\xbd\xe2"\xdf\xfb\xc80&amp;\xce%T\xe5\xd7\xdd\xf4\x8f\x8b\xddz6\xdc\xd3\xf6~\xba\xfc\x903:\x8c\xd1x\x1b\xe1\x1dS\xaf\x92\x94\x17\xe0\x88\xdfm\xa2\xdc\xbd\x7f\xc7wH\x92\x1c\xe3lS"z`D\xac\xf3\xb4\xf9t\xda\xe9\xc8\x9cX[\xe9\x85\xb7\x03\xe4\xa2e\xb7\x15`\x99ul\x8e\xfb\x82\xc5\xdf\xe6\xd1o\xa1\xb27\xbe2\xfc|\xb6\xa2\x0f\x9e\xfc$\xabE"\x85\xc9\xabY&gt;\xcc\xd1\xf0g\xf4!\xff^\xb0[J\xe4\x02j\xd9\xe8\x17\xea\xdek -\xe3\xb8\xce\x99\xad"\xa0y-,E\xd0\x87M\xa9\xcfK\x14\x0e\xbf\xc5\xf9\xadE\xf2 $\x12\x0b\xdc)O.\xcc\xe5`U\x0f\x9e\x11\xa5m=\x88tb\x1bc\x1d\x94\xd8\x13\xe0\xf8\x93\xa0\xff$\xa1\xd6\xec\x0f\xc2y\xcc\xbc=Q\x8a%eCI\x060\x84\x0f\xc2Z\xeb&amp;O\xd3\xf0\x8d\xab=\x12\t\xd8\x19\xf6\xf0\xb9\x9d\x925\x8dd\xfb.\x03\xbc&lt;g\xfc\x1b+\x1b\x04^rr\xa2\xe68\x8d\x18\x88\x1dV\x1f*\x05F\xfb\x08\xbd\xcdz\xa3\xf4\xd7\x1d\xd9#\x00\x19\xee\x00\x18\x13\xb6\xc7\n\x8f\xfaFn\xd47\x80\xbeG75\x97\xe7\xe4\xe6\xafx\xce\xf6\xebeEci\x1d\xa4\x96d\x8b\xa2\xee\x80\xc2\x9eb\xc6\xf2\xbc\x87 \x8djY\x9d\xa1\x84w\x0f\x87\xbd\xc0r,\x87L\xc7\x0b\xec\x1a\x94h\xf8\x96\xa0\x810\x94\xd9I\xe3\xc5\x8fm\xa1\x16q\x06\x1b\xe5\xc2\x84\x1d6\t\xde\xbc\xc5\xd5\xa8\xe1mEZ\xa9\x0b\x80\xd2J\xf1\xb5\x9fJw\x18\xe4s\xa0\xd9`y\x1a\xfdp\x1b\xdd2H\xfdw\xdbs9\x0e\xdc\xbb\xecT\xb3\x92\x91\xc3m\xed\xb6\x1a\x16nN\xfd\x1f\xc7\xd7+\xe6a\xc3\xc6\xedo!R\x00\xa5\xfem\xdf.\xeew\x83p\xc7\xc9\x0f\xaaM\x10\xd7\x1b\xd9N\xec8\x81\xa4W"\xcf\x06\x85\xd4\xa0S\xa9\xb1\x8c\xf1\xed\xa9t\x93@\x14n\x8f\xb7-\xa8\xa0\xe2\xa4!\x0b\xf9*\xbfi\x8b\x89"\xa1ol\x9a\x07{\xaf\xc4\xce@\xf2\xc0A\xdfS@\x88(=\\M\xe9\x7f\x15C\xe5.\xfb\xdb\xb7\x17N\xc9\xac\xf0}\xf5\xc2.Di\x03\xcc\xa9`\x10u\x1d\xbbI"p\xf4&amp;\xe3\x8d\xf5\xce\x82}\x83Q\xabP\x1b\x8e0\xd1\x90u\xe5\xaaMFW\x84\xbe\xc3dF\x00\xb4\xf8?\xda\xb6\x0c*\x1f\xb6\x85\x82\xec\x89\x8cT\xe6\xeay\xaaM\xc1\x943SfFO\x05*#d\x17CJ\x97j=2\xcdn\xae.\xafS\xfd\x11\xa1\x10\xd5\xfc\xddZ\xdc/\xafr\x03\xa8\x9f\xda\x0f\xfc\x94\xb9\xcf=\xcf\x0f\xb5\x16gE\x9c\xa6\x12m\x8c\xfc\xdb+m!\xf9\xcd\x0fE\xcdd|\xd0\x0fE\xb8\x87\x89\x8f!\x1f*\x11\xd3\xb2"\xb2\xe4`\xf9\xb7\xb3\xf8.\xf0k\xc1\xe3\x1c\xfaNb\xa0\xb6FD\xe2\xb9\x91\xd4O\xbb\xf7\x08/\x8c\xec\x80\xa4\x01\xc9\xc4\xe9\x9e\xf9P\\\x0c\xbf;\x127\xf2\xe3\xee4\xbdL\xc6\xfbH\xdba\xa3kw^\x83\xd1(\xe7^\\\x9f\xb3T\xa5\x16\xe0{\xebu\xe0J\xbcnH\xc2\xd2\xe1\xa6\x95\xad\x8a\xa9\x96@\x90\r-\xb5\xf3\xf4\xa7zE\x10\x98\xd4\xb9\xb8\'\xc2e\x03\x00x&lt;I\t7\xebt\xf2A\\\xc4\xca\xcf\x94\xe6\xccw\x1bN&gt;\'\xc3+\x82\x9c\xb6\xfb\x1ejQ\xa0\xd1\x80Bz\xf3P\x04\x93\xca\x8abi\xeb\xf0\xe4E\x87(\xd6\xce\xb6\x85\xa3\xe1V%\xc3D,\x8b\x9a\x16\x80\xda\x93S\xd7F\xc8!\x84\xd1D\xe3\x80\xc7LN\xcb~=\x9b\x9b\x99\xfb\x99\xaawm^\xd2\xf8,\xeb\xcb*\x9e\xbcD\xb4\x07r8\x93\x86\xde\x002\x929\x90O\x90\x87\xd3\xa9\x957\x99p\x9c\xad\xa0%\x99\xbcOc\xfc\xbdl\x13\x1b]-\x8b\xfeA\xe1\x9e\xe3g\xa5Z@\xaf\xcc\xb9\xcb! sP\x8b\n\xe6ZW\x04\x1daX\xba\x13\x1f\x8f\xce\x97\x0e\xd2\xfd\xa9Yd\xa5/S\xad\x92\xd1\xb1\xc7\xe1tn\xafB\xca$\x82\xc5TU"9\x87\xfd9^-\xcbi\x84\x92u\xa82E^\x01\xd1\x9e\xe9\xcf*~\xfb\x80\xb0\xf4\x19\xe0\xfd-\x8b\xb2\xe3\xe3q/\x15f4\xb4\xaf\x93\xb1\xb5\xebJ\xf2\x93\x0e\xba\x92N&amp;\xb2\xf4e\xf6.7\x105\x89]\x9c\x04\x99\xcf"j\xd8\xd2\xc2\r\xc6Q\xf0\xb1\xef\xd4\xb9\x93\xfa\x0e?\x0b\xd6*\xf2\xb4\xd6\xc7\xfc\xaf\xe3\x91\xaa\x0f\xa7\x9b\xa8-\xa3~\x15\xd1\x02\xdf\xfe\x81^\xa0\xb0\x15\xb3\x8d |\xbe]SS\xedz\xfd\x96G\x87,\xd2x\xcdZY\xc0\x90\xe4i\xa4Ik\xdcf~\x9b1F\xf4\xdcK!\xa0VA\x85\'_\xc6`\xc76\xd9gK\xee\xa3\xb3\xcc\x06\x0f\xafU\xeb\xbc$/m\xbb\x9c\x036\x03p,s\x97\xd4\x99js%}\xf9\xac\xb6W\xd3\xc0\x14c\xd2+S\xa0\x82fEa\x84JV\xa1&amp;\x9fx\xad^\x9b\xf1"\x8f\x9a\xffPA\x1e\x10./\x93x|[l\xbdtF\xeb\xd1\x82i\x1fm\xbcB\xbf\xd8\x14\x96~WC\xd0_m\xfe/\x08\x90RmeW\x05]\xe3\xf6\x85\xb5\xd3\x1a+\xb7;\x86&amp;6\xde\x82\x93\xa2\xb3.?toh5\xc0h\xb6o3\x1d\x96y}\xc2\\!OU\xc2\xe8\x92\x16\xe0\n&amp;\xec\x1a\xc3#\xcc\x06w\xc2\xf8\x9c\xfe\xb2\x05\xceH\xd7\x99\x1dI\x16\xd4\x08i\xfa\x1f\x04m9\x1a_\x13\xae\xc5\x17T9\x8dd\xb7\xb7(\xfaf\xafV\xa3\xd5\xcb\x14`\xdf\xf1Kx\xd40-I\x08\xc9j\xbb\xca\x93Z\x86\x8dW\xf32q\xe4\xe3&amp;d\xd74\x8d\xe5uyta0\x83\xdc@\x82H\xd07\xb0#\xc1\xd2\x9b&lt;\xbc\xb5p\x88=\xde\x8c6\xadC\x1e\x1aK\x9aFr\xc8\xcc\xdb0\xa1y\x06\xae\x82\x96\x85\xcf&amp;\xf4\x80)\xeev\xbe?-\x8b\xe2\x9d\x10\xc6\x90\xfc\xf0\xb74%c\xfa\x9a\xfa\xd3;?Gv\xce-\x08\rh\xe1\xd6\xde\xe6\xa2\xaa,o\xd6d\x16b\xe6&amp;\x15{\xf3H\xc8\xf5cL\x05\xf3M\xfe\xed\x86A\xd6\x1f\xbf\xae\x88\xa2V\x9a.\x0fsC$\xf9\x10\xee\xe6^\x06\xbb\xd4\xa1\xbe\x8b|\x8c\xb5\xce\x03Nq1r\xd8\xa0\x9b\x0f\xa8\x9c\x82\xfa\xec2\xde\xc2\x9f\xac\xa4\xa6q\xbd\xa4j\xdc\x01\x92\x1cCy\x15\xae&amp;W\x9b\x8cL\xcen\n\xdap\xcc\x95\xa2K\x89)\x91)^\xec\xd2O\xc9+Pz\xe3\xec\xb3\x9d0\x85\x07z\x89\x82&amp;0\x16F\xc1\xf5\xca\xcdyOH\x97\xac\x02\xb6#\xb4I\x0c\x1f\xad*\xe1\x8fw\xed\xfd\xbf\xcfB\xcf\xe0.\xd8\xa5\x82&gt;\xc2\xdd\xa707\xca7\x177\xfe\xc2M\x8d\'U\x0bx\xa9\xce\x93u\xb0\x88Y\xdc\x98\xff\xa4AD\xfa\x1a\xadh"\xca\xd6\xc0EI\xd4Du&lt;\xc9}.Q\xacy\xe4G\xf8\x15\xb0"\xc9\xe4y\xbc\x12\\\xf0lM\xf1D\xc6S\x94\xeb\x0cm6\xc1\x82I[\xb7\xd2t\x1an"Ri\xdc\xbdC\x05yhNw&lt;p\xfd\x90A\x80\x8f5\x8f\xc0;%\xaa\xe6\x8b1\xacV]\xac\xde\xfb\xab\x19fEJ\x12\x88k\x91\x84\xe3{\xf0sL]M\x7f9\xd0\xce\x16\xc6\xf6\xd04\x13\x82D\x8e\x1c\xcd0y\xf7\xdff\x11Z\xd0\x0bl\x90;X\xf6\xb2,\xf4h\xf2\x10\xcaw\xbeN\xca\xc8\x8f\x81\xc6Y&amp;!\xd7]\xde-\xcd\xdf\xea\xd8\xe6\xd3\xa0\x07aY\xd7&amp;\xcb%)\xca\x88\xef\xe3\x94l\nT.(jkD\x91e\xd2\xc5\xd3\xe6\x0e\xf2\x85\xb3\x92\xd0\xf4o\xf8\xc6_\xca\xef\xd2\x00\xed\x19\x11#J\xe4\x98F\xc3\'\xfc&lt;\xd2\x19aeX\x8e\xfcT\xab\xe8I\x11\xb5\x01z\xe9\xb7\x85\xda\xd7\xed\xaf\x1d\x95\x16J\xb2\xe0\xb6t\'\x87v\x12J\x1e\xf5\xc2\xd6\xf3\x03\x07\xdd4&gt;\x13\xcek+\x92\r\xb5\xfd\x99`&gt;~\x1d\xc0\x15\x118\xc7,\xc9\x7f\xc6\xfbK~\x8a\xf2&amp;\x81\xb8\x93E\xfa#\xb6o\xaag\x91-\x01\x80J\x06\xa5\x84\r\x9f@\x1eB\xd8\xf3\xf8\x06\xcb1N\xe0\xbc\x9a\x1a\x95Wqt\xbe]z\xc4V\xc7\x04\x10\xe9_\x9fK\'\xd4\\\xae\xfc\x91\xbbV\xd3\x8c(\xff\xb5`\xe2\xb6\xa3\x9a\xae\x12pPPz,\xc5\xfd\x94\x9dn\xd8\x9b\x7f\xd9\x02\xf7\xa0[GE\xa8\xe2\xbf.\xcej\xe9\xc7-\x93\xb3\xef[\x7f\xf1\x82\x7f\x8a\x0e?%\xcb}\x85\x8c\xfe\x01`\x05\xcefOB8E\xb9N\xd4\xcfN\x06\x84eo\xe6\xbe\x16\xa4k\xbd\xd7K\x03#\xc3\xd8P\x01\xd5\xc5\x01\x0bJ+\x04\xffk\xda\xa3'</t>
  </si>
  <si>
    <t>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</t>
  </si>
  <si>
    <t>b'U\x82IZ\xfdQ\xff\x7f\x94I6P\xd5\xd7[g'</t>
  </si>
  <si>
    <t>he role of R2 in the noninverting am_x0002_plifier (Fig. 8.47). Also, Vin = 1 V. Deter_x0002_mine the gain of the system, defined as the
 change in Vout divided by the change in W.
 A 0 Vout
 R1
 RS
 Vin = 1 V
 Figure 8.47
 *8.11. Calculate the closed-loop gain of the non_x0002_inverting amplifier shown in Fig. 8.48 if
 A0 = âˆž. Verify that the result reduces to
 expected values if R1 â†’ 0 or R3 â†’ 0.
 Vin
 A 0 Vout
 R1
 R R
 R
 4
 3
 2
 Figure 8.48
 Sec. 8.2.2 Inverting Amplifier
 8.12. An inverting amplifier must provide a nom_x0002_inal gain of 8 with a gain error of 0.2%. De_x0002_termine the minimum required op amp gain.
 8.13. The op amp used in an inverting ampli_x0002_fier exhibits a finite input impedance, Rin.
 Modeling the op amp as shown in Fig. 8.43,
 determine the closed-loop gain and</t>
  </si>
  <si>
    <t>b'\xb34,\xe7r\xf2Bmkld\xb5\xed\xd9\x1a&gt;'</t>
  </si>
  <si>
    <t>b3342ce772f2426d6b6c64b5edd91a3e</t>
  </si>
  <si>
    <t>b'\x92U`=]=\xc9w\x06:\\\x08\xb7\x86,\x05'</t>
  </si>
  <si>
    <t>9255603d5d3dc977063a5c08b7862c05</t>
  </si>
  <si>
    <t>e are three kinds of squeaks. One kind is the
 children's, and one is Mrs. Melchisedec's, and one is Melchisedec's own."
 Ermengarde began to laugh.
 "Oh, Sara!" she said. "You ARE queerâ€”but you are nice."
 "I know I am queer," admitted Sara, cheerfully; "and I TRY to be nice."
 She rubbed her forehead with her little brown paw, and a puzzled, tender
 look came into her face. "Papa always laughed at me," she said; "but I
 liked it. He thought I was queer, but he liked me to make up things. Iâ€”I
 can't help making up things. If I didn't, I don't believe I could live." She
 paused and glanced around the attic. "I'm sure I couldn't live here," she
 added in a low voice.
 Ermengarde was interested, as she always was. "When you talk about
 things," she said, "they seem as if they grew real. You talk about
 Melchisedec as if he was a person."
 "He IS a person," said Sara. "He gets hungry and frightened, just as we
 do; and he is married and has children. How do we know he doesn't
 think things, just as we do? His eyes look as if he was a person. That was
 why I gave him a name."
 She sat down on the floor in her favorite attitude, holding her knees.
 "Besides," she said, "he is a Bastille rat sent to be my friend. I can always
 get a bit of bread the cook has thrown away, and it is quite enough to
 support him."
 "Is it the Bastille yet?" asked Ermengarde, eagerly. "Do you always
 pretend it is the Bastille?"
 88
 "Nearly always," answered Sara. "Sometimes I try to pretend it is another
 kind of place; but the Bastille is generally easiestâ€”particularly when it is
 cold."
 Just at that moment Ermengarde almost jumped off the bed, she was so
 startled by a sound she heard. It was like two distinct knocks on the wall.
 "What is that?" she exclaimed.
 Sara got up from the floor and answered quite dramatically:
 "It is the prisoner in the next cell."
 "Becky!" cried Ermengarde, enraptured.
 "Yes," said Sara. "Listen; the two knocks meant, 'Prisoner, are you
 there?'"
 She knocked three times on the wall herself, as if in answer.
 "That means, 'Yes, I am here, and all is well.'"
 Four knocks came from Becky's side of the wall.
 "That means," explained Sara, "'Then, fellow-sufferer, we will sleep in
 peace. Good night.'"
 Ermengarde quite beamed with delight.
 "Oh, Sara!" she whispered joyfully. "It is like a story!"
 "It IS a story," said Sara. "EVERYTHING'S a story. You are a storyâ€”I am
 a story. Miss Minchin is a story."
 And she sat down again and talked until Ermengarde forgot that she was
 a sort of escaped prisoner herself, and had to be reminded by Sara that
 she could not remain in the Bastille all night, but must steal noiselessly
 downstairs again and creep back into her deserted bed.
 89
 10. THE INDIAN GENTLEMAN
 But it was a perilous thing for Ermengarde and Lottie to make
 pilgrimages to the attic. They could never be quite sure when Sara would
 be there, and they could scarcely ever be certain that Miss Amelia would
 not make a tour of inspection through the bedrooms after the pupils
 were supposed to be asleep. So their visits were rare ones, and Sara lived
 a strange and lonely life. It was a lonelier life when she wa</t>
  </si>
  <si>
    <t>b'\xea\x1d\xbf\xf3\x82\x82\xab\x0f'</t>
  </si>
  <si>
    <t>ea1dbff38282ab0f</t>
  </si>
  <si>
    <t>lying this current by
 RB + rÏ€ , we obtain the voltage at node P:
 vP = âˆ’âˆ’vout
 Î²RC
 (RB + rÏ€ ) (5.281)
 = vout
 Î²RC
 (RB + rÏ€ ). (5.282)
 We also write a KCL at P:
 vÏ€
 rÏ€
 + gmvÏ€ = vP âˆ’ vin
 RE
 ; (5.283)
 g Ï€ m v Ï€v r Ï€
 RB
 in v R E
 R
 v out
 P
 C
 Figure 5.72 CB stage with base resistance.
 232 Chapter 5 Bipolar Amplifiers
 Did you know?
 The CB gain reduction as a result of an impedance
 in series with the base has stumbled many a de_x0002_signer. This effect is especially pronounced at high
 frequencies because the parasitic inductances of
 the package (which contains the chip) may intro_x0002_duce a significant impedance (= LÏ‰). As shown
 below, the â€œbond wiresâ€ connecting the chip to
 the package behave like inductors, thus degrading
 the performance. For example, a 5-mm bond wire
 has an inductance of about 5 nH, exhibiting an
 impedance of 157 _x0002_ at 5 GHz.
 Package
 Chip
 Bond
 Wire
 Bond
 Wire
 Effect of bond wire inductance in a CB stage.
 that is,
 _x0002_ 1
 rÏ€
 + gm
 _x0003_ âˆ’vout
 gmRC
 =
 vout
 Î²RC
 (RB + rÏ€ ) âˆ’ vin
 RE
 . (5.284)
 It follows that
 vout
 vin
 = Î²RC
 (Î² + 1)RE + RB + rÏ€
 . (5.285)
 Dividing the numerator and denominator by Î² + 1, we
 have
 vout
 vin
 â‰ˆ RC
 RE +
 RB
 Î² + 1 +
 1
 gm
 . (5.286)
 As expected, the gain is positive. Furthermore, this ex_x0002_pression is identical to that in Eq. (5.185) for the CE
 stage. Figure 5.73 illustrates the results, revealing that,
 except for a negative sign, the two stages exhibit equal
 gains. Note that RB degrades the gain and is not added
 to the circuit deliberately. As explained later in this sec_x0002_tion, RB may arise from the biasing network.
 Let us now determine the input impedance of the
 CB stage in the presence of a resistance in series with
 the base, still assuming VA = âˆž. From the small-signal
 equivalent circuit shown in Fig. 5.74, we recognize that
 Q1
 VCC
 RC
 v out
 in v RE
 R
 Q1
 VCC
 RC
 v out
 in v
 RE
 B RB
 Figure 5.73 Comparison of CE and CB stages with base resistance.
 g Ï€ m v Ï€v r Ï€
 RB
 v
 R
 v out
 X
 i X
 C
 Figure 5.74 Input impedance of CB stage with base resistance.
 5.3 Bipolar Amplifier Topologies 233
 rÏ€ and RB form a voltage divider, thereby producing13
 vÏ€ = âˆ’ rÏ€
 rÏ€ + RB
 vX. (5.287)
 Moreover, KCL at the input node gives
 vÏ€
 rÏ€
 + gmvÏ€ = âˆ’iX. (5.288)
 Thus,
 _x0002_ 1
 rÏ€
 + gm
 _x0003_ âˆ’rÏ€
 rÏ€ + RB
 vX = âˆ’iX (5.289)
 and
 vX
 iX
 = rÏ€ + RB
 Î² + 1 (5.290)
 â‰ˆ 1
 gm
 +
 RB
 Î² + 1
 . (5.291)
 Note that Rin = 1/gm if RB = 0, an expected result from the rules illustrated in Fig. 5.7.
 Interestingly, the base resistance is divided by Î² + 1 when â€œseenâ€ from the emitter. This is
 in contrast to the case of emitter degeneration, where the emitter resistance is multiplied
 by Î² + 1 when seen from the base. Figure 5.75 summarizes the two cases. Note that these
 results remain independent of RC if VA = âˆž.
 Q1
 R
 Q1
 RE
 B
 g m
 1 RB
 Î² + 1 +
 VA =</t>
  </si>
  <si>
    <t>b'\xd3\xc8\x0b\x94?8#\x9f:\xcb-Z\xd6\x99\xc3\x06'</t>
  </si>
  <si>
    <t>d3c80b943f38239f3acb2d5ad699c306</t>
  </si>
  <si>
    <t>eases the collector
 current by gm_x0005_V and hence the voltage drop across RC by gm_x0005_VRC . In order to examine
 the amplifying properties of the CE stage, we construct the small-signal equivalent of the
 circuit, shown in Fig. 5.30. As explained in Chapter 4, the supply voltage node, VCC, acts
 g Ï€ m v Ï€v r Ï€
 in v
 R
 v out
 v out C
 RC
 â€“
 Figure 5.30 Small-signal model of CE stage.
 5.3 Bipolar Amplifier Topologies 197
 as an ac ground because its value remains constant with time. We neglect the Early effect
 for now.
 Let us first compute the small-signal voltage gain Av = vout/vin. Beginning from the
 output port and writing a KCL at the collector node, we have
 âˆ’vout
 RC
 = gmvÏ€ , (5.113)
 and vÏ€ = vin. It follows that
 Av = âˆ’gmRC . (5.114)
 Equation (5.114) embodies two interesting and important properties of the CE stage.
 First, the small-signal gain is negative because raising the base voltage and hence the
 collector current in Fig. 5.29 lowers Vout. Second, Av is proportional to gm (i.e., the collector
 bias current) and the collector resistor, RC .
 Interestingly, the voltage gain of the stage is limited by the supply voltage. A higher
 collector bias current or a larger RC demands a greater voltage drop across RC , but this
 drop cannot exceed VCC. In fact, denoting the dc drop across RC with VRC and writing
 gm = IC /VT, we express Eq. (5.113) as
 |Av| =
 IC RC
 VT
 (5.115)
 = VRC
 VT
 . (5.116)
 Since VRC &lt; VCC,
 |Av| &lt;
 VCC
 VT
 . (5.117)
 Furthermore, the transistor itself requires a minimum collector-emitter voltage of about
 VBE to remain in the active region, lowering the limit to
 |Av| &lt;
 VCC âˆ’ VBE
 VT
 . (5.118)
 Example
 5.19
 Design a CE core with VCC = 1.8 V and a power budget, P, of 1 mW while achieving
 maximum voltage gain.
 Solution Since P = IC Â· VCC = 1 mW, we have IC = 0.556 mA. The value of RC that places Q1 at
 the edge of saturation is given by
 VCC âˆ’ RC IC = VBE, (5.119)
 which, along with VBE â‰ˆ 800 mV, yields
 RC â‰¤
 VCC âˆ’ VBE
 IC
 (5.120)
 â‰¤ 1.8 k_x0002_. (5.121)
 198 Chapter 5 Bipolar Amplifiers
 The voltage gain is therefore equal to
 Av = âˆ’gmRC (5.122)
 = âˆ’38.5. (5.123)
 Under this condition, an input signal drives the transistor into saturation. As illustrated
 in Fig. 5.31(a), a 2-mVpp input results in a 77-mVpp output, forward-biasing the base_x0002_collector junction for half of each cycle. Nevertheless, so long as Q1 remains in soft
 saturation (VBC &gt; 400 mV), the circuit amplifies properly.
 A more aggressive design may allow Q1 to operate in soft saturation, e.g.,
 VCE â‰ˆ 400 mV and hence
 RC â‰¤
 VCC âˆ’ 400 mV
 IC
 (5.124)
 â‰¤ 2.52 k_x0002_. (5.125)
 In this case, the maximum voltage gain is given by
 Av = âˆ’53.9. (5.126)
 Of course, the circuit can now tolerate only very small voltage swings at the output. For
 example, a 2-mVpp input signal gives rise to a 107.8-mVpp output, drivingQ1 into heavy
 saturation [Fig. 5.31(b)]. We say the circuit suffers from a trade-off between voltage gain
 and voltage â€œheadroom.â€
 Q1
 VCC
 RC
 t
 2 mVpp
 800 mV
 t
 pp
 800 mV
 77 mV
 Q1
 VCC
 RC
 t
 2 mVpp
 800 mV
 t
 107.8 mVpp
 400 mV
 (a)
 (b)
 Figure 5.31 CE stage (a) with some signal levels, (b) in saturation.
 Exercise Repeat the above example if VCC = 2.5 V and compare the results.
 5.3 Bipolar Amplifier Topologies 199
 g Ï€ m v Ï€v r Ï€ v RC
 i X
 X g Ï€ m v Ï€v r Ï€ RC X v
 i X
 (a) (b)
 Fi</t>
  </si>
  <si>
    <t>b'^\xfe\tTmn\xed\xd3\t\xdb\xf3\x91\xcbj\xed\xf8'</t>
  </si>
  <si>
    <t>5efe09546d6eedd309dbf391cb6aedf8</t>
  </si>
  <si>
    <t>e relieved, for Silver giving a 
 little whistle, a third man strolled up and sat down by the party. 
 "Dick's square," said Silver. 
 "Oh,</t>
  </si>
  <si>
    <t>b'\x06\x16\x16\xfe\x9at"\xbbG\xa28\xf0\x8d\xa0\x03p1\x80\xcd\xf9Z\xcb]U\xe0:\xef\xb8\x7f#\xc9u\x1f\x96\xe9\x9a\xd6\xdeX\x11=\x946H\xd0u\x8bh\n\xaf\xcc:O\r\x96\x00D\xd3\'\xe5\x81\x0eK\x8f\x9d\xbcu]G\x868\xbe\x99\xef(\xe7w\xa8\x91j\x8a.R1\xa6^\x1dt\xfc\xb0\x14\xf9\n\x1f\x04\x1a$\x17\xd8(@\x07a\x88\x06S\x91K\xfa@O+Ya[9\xf2\x90\x01\xbe\xac\x0frE0\x07\xb0\xb6s\x88\xf9*&lt;\xdc\x81"FA\xf9\'\x80#\x8cV\x1c\xd3m#\xca\x0ba\xaf\xdf\xab(\xeb\x94SOO\xb1\xcf|\xe4\xc3H\x94=\xc6\xd0Cr\x01T\x01\xd0\xfc\xddD\xc5\x9b\x91$&gt;\nS4-?\xac\xd2\xd7\xe3\xfa\x01[FV\x1a%\xb7\xfa\xf3\xc5\xb6k\xc8&amp;\xae\x95\x8bb\x96\x13\xa9\xfe9A\xe8\xce\x89\xfc\\M\xbf\xb1]ST\xa8\x0eT\x1b\x84\xaa\x95]\x1e\xd1\x01\x9e\x96\x0e=E\x0b*F\xeb\x1f\xd0Z!\xfacp'</t>
  </si>
  <si>
    <t>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</t>
  </si>
  <si>
    <t>b'\x06\x16\x16\xfe\x9at"\xbbG\xa28\xf0\x8d\xa0\x03p'</t>
  </si>
  <si>
    <t>the
 years, allowing them to serve their customers in a way no one else was.
 They didnâ€™t do a million dollars in sales in their first year, however. They
 made more than $100 million in their first twelve months.
 Their small team did not use Amazon, retail stores, or any of the
 â€œtraditionalâ€ ways of marketing, either. They took all the orders on their own
 website, and most of their customers came from old-fashioned email
 marketing.
 I invited Joel to the stage at the Capitalism Conference and asked him the
 obvious question: â€œHow the heck did you do that?â€
 Joelâ€™s answer was simple and unsexy. It also flew in the face of every
 piece of advice that most business owners follow.
 His secret to hitting $100 million in just twelve months: be willing to lose
 money. â€œIf I know that I am going to make thirty dollars from a customer
 after ninety days, then I am willing to spend twenty-five dollars up front to
 acquire them and nurture them,â€ Joel said.
 Most people would give up if they didnâ€™t make money within thirty days,
 he told me, but he looks at the long-term relationship with a follower and a
 customer, rather than the short term. If you know that you can get the
 numbers to where they need to be over the long term, then itâ€™s okay to lose in
 the short term.
 Most of the entrepreneurs that I know have a serious fear of losing money
 in the short term. If they cannot spend $1 to make $2 right away, then they
 fear loss, bankruptcy, and certain death (to risk being a bit dramatic). But if
 you know a customer is going to stay with you for the long run, then it makes
 sense to â€œloseâ€ in the short term. Thatâ€™s how Michael Dubin acquired so
 many customers for Dollar Shave Club, and thatâ€™s how Joel and Josh built
 BioTrust.
 If you want to build something, you must be willing to actively acquire
 customers.
 â€œIf I can spend more money to acquire a customer than my competition,
 then I am going to win every single time,â€ said Joel.
 Marketing, like everything else, is building a committed relationship. But
 most people see it more like a one-night stand.
 Back when I was really trying to break into the entrepreneurial circuit, I
 went to an event for a bunch of internet marketers. One guy there, the most
 prominent information marketer in the space at the time, was flapping his
 gums about how well he was doing. Other people crowded around to listen,
 presumably just flocking to bask in his infinite wisdom. I was there, too, but I
 elbowed my way to the front of the group so I could piece together his whole
 strategy.
 â€œLook,â€ he said. â€œThe way it works is there are eight of us with email
 lists, and we take turns saying who is up. When youâ€™re up, Iâ€™ll promote for
 you. We get you to the top of the rankings, and then we move on to the next
 person.â€
 I nodded. â€œSo itâ€™s basically a big circle jerk?â€
 Other people laughed, and he just looked at me over his drink. â€œYeah,
 basically.â€
 I was pretty sure right then that this was not the business I wanted to be
 in, but it taught me a valuable lesson: If you have access to the people who
 control the audience, you can make any product win.
 Smart entrepreneurs put their money into customer acquisition and
 building a long-term relationship with them. If a customer stays happy, they
 will continue to pay you money over a long time.
 This type of thinking doesnâ€™t make sense if you only sell yoga mats, or
 one product of any kind. If you spend $30 to sell a $30 yoga mat, youâ€™re not
 going to make much money. But if you have yoga blocks, towels, mats, teas,
 clothes, and meditation cushions, then you will happily spend $30 to acquire
 a $30 customerâ€”because they eventually come back and buy more. When
 you have several products in your arsenal, itâ€™s time to start thinking like this.
 Doing this separates you from the rest of the pack fast. When you can
 create your own exposure, you can launch product after product, putting you
 at â€œseven-figure statusâ€ in no time. Thatâ€™s why this stage is called The Gold</t>
  </si>
  <si>
    <t>b'5\x8c\xab\x80m\xc1\x0b\xb0\xc1\xb2v45\xa4\x9e\x8f\x82D\xf3p0\xfbVR\xdf2\xe5\x81\xf8b\x9e\x1a7\xbe\xc7\xe7K\x12p\xe8\xe5K8P\xb4+\x86\x86R\xd1U\x05\x08O\x14R\x07\xe6N\x91\r\xb2j\xf9\xdd\x85\xd9\x07\x05{\x90u\t\xe9;\xcd\x1d\xc98\xf6\xec/\xbb\xde\xc6\xd0J\xdd\xb4\x04\xd7\x9f\xe5\xd9\xa1y\x1fD\x8c{\x1c\x9b&amp;\xf7\x9b\xc4\xae\xbe\x94MY\xf4\xa1\x8dX\xaf\x1c\x026\x9cv\xfc\xd8\x92\x07\x18\x1cp\xe5in\xf5\xea-\x1f|\xf1gz\xbe\xd3\t\xfb\x97\x08\x12tw\xfaD\x00\x9a\xe8\xe4\xb1\x07\x85.5\x9e\x14\x0b\x94\xfc\x1d\xfc\xcd\xc1\r\xd9\x7f}W\x86.h\xf9\xf3\x9c\xcb\x8f\xd0\x9ev0\xf5\xc2nBe\xa4\x8a\xc3\x89I\x9c2\xa8\xe2\xbd\xe7\xe2\xb8\xd2\xcaD\xe4\x8c\xdd\xd8K\'\xc8c\xb8-8\x8c\x8e\xca\xb6\x0f\x8fW3\xf9X)\x9bF#m&amp;\xfcuE\xb7W\x9a\xf0$\xf3\xc9\tp\xc7\x9b\xe8\xfc\xd59\xebY2\x19*;\x8fsk\xf0\xa7\xe2\x120\xa7d\xcf\x18\xba\xfaf,,\xcf\xd5\xf8P4\x8a0\xd8\xcai\xf4Y\x8d\x90&gt;|*&amp;\xeb.\xa1.4\xc3lFxl\xf5B\xa7\x9bx\xdc\xba\x15\xfc\x0fB\xe8\x0b\xec[X\xc5]\xe7\x11\xec\x96\xc3u{\xf9o]\xba\x1c%\xe8\x8dC\xf0=\x0f\xc2\xb9\xc1\xab\x11\xa6\x07\xad-\xe8H7f\xe9\x0c\x11\xd8+9s\x8d\xb7\x85\xce8\x948\xc4\xe2;\xab\xcdE\xbb\xcf\xbc\xa5\xa6`\xf9\xe0\x98R\x06\xf9}d9\xf5\xe6\x83=8\xb3i\xdd"\x1e\xc3\xd31|\xfa\xa8\x8dc\x1c\xca\x9e\xd1\'\x93v\x0c_|\x87s A\xcf\xeb\xfa~QM\xed\x9cD\xf1\x87e\x84\x04\x0b\x8fn\x88\xbdH\x91\x91\xc4\xf4\x9d \xa5\xccO~\xac\n\xc7\xd4@\x935c\x12Q\xe2\xd0\xbf=\x90\xd2\xda\x8a\x05\'\xd4G^\x8a\r\x8bg\xdd\xe8\xf2\xd6\x82\x13\xb3\x8e\x0c\x1e\xb9\xea^C1\xf8ls\x90\x88\x9f\xa0@;Gu\x02\x88_\xd4\xff\xca\xe5Hc\xc0\x91\x8b\xc0G\xcc\xbc5-\xdc\xac\x9f\xbd\xa66\\\xb7^\xfaj\x13\xfb\xfc\x19\x90\x01\xd0)\xae(\x16P\xe8\x8c?i\xfc\xd6\x92\xf6\xdd\xb3\x16\x10\xfd\xceT\xe9Y\x02A\xc9j\x12\xd7\x17\x8a\x1d\x83\x87Q\x14X\xe2\xe5J,\x85\xe6G\x938\r\x10\xcc1\x81\xc7s\x8b\x1c\x18\xa6\xbd3J\x1c\x05\xd3\x01P\xaf\xef\x00\x89O\x14k\xcc\xf7(M\xe0\xa0\xefB\x95G\xdcG\x98\xc3\x13,-&amp;\x01\x15(W\xb6\x8d\x80H\x13n\xa7\xc4IwF\x9b\x16\n\xca\x02o\xcc\xdc\xab\xf0K \x08\x9aN?Q\xc6\xf4\xf6AM\xae\xf1O\x1e\xf4}\xf3e\xea5\x9a\x88O\xe13CM{\x87\xb6h\xb9\xc1P\xe6/\x04b4\xe7\x82\xca\x8ft\xbcw\xcdGZCY\x84R\x88\xc9\x18T\n6s1\xa7y0l]-1\xdbT\xe2\x0e\xb6r\x87\xd6/R\xa0\xab\x05=\xfd\xa6y\x84\x15\x886k&amp;\xbdZ\x92\xd8\xb4\xa6\x89\xc5\xd1\xef$\x81\x15\x9a\\\x90\xd8DMq\xbd*\x8d\xfd\xa6\xb5\xe5}\n\xcc\xe1\xfc\x87\xe8\xd3t\x8d$\xccr\x99\xdb\xee\xdd=\xe4\'u3\xb9\xfdO\xeb\xa2\xaa\n&amp;\xd7^!\xae\x8f\xbe,\xea&gt;\x98}u(\x8c\xcc\xd0\xc6Yz\xd9l\xa5\x19L\xd2\xf4\xcd4}6%Y6_lJ4_\xe4uq$\xedI]8\x93\x83m\x1e,U\xe7\x0c\x81\xea)Oe\xbd\x15\x91\x97\x81\xd9\xf1\x1f\xba\xa5\xd4X\xa35\x14\x1b\xfc\xf3\xb3{;\x1d\x89\xfd\xa7uD\x18\xd3\x95\x0fc\ri\x9c\xbf\xeaxd\xb7|\x9f\xa08\x06!\xe9m\x8e\xdfc+\xca]\t0\x97h\xe1\xfc\x0f\x9cG\x97\xb3]\xec\xcb\xa0\x99\x1ar\xab\xe9r\x1b\xeb;\x11Vy\xee5\x1b\xddb\x0c\x19\xac\xde\x9d\xb3\xad$\xb2\x08\xf8d\xec\x7f\x9b\x0fr]3\xf9\x7f\xec\n\x82q\xbeI\x96^\x03\xabc\xc7\xd8\xfeDW\xf86\xe5ye\xfe\x85a\t\xfa\x1f\x07\xa4\x84\xfb\x8e\xfc[\xd82\x1b8D,\xc7l\xbeH\x03@\xf4\xe7\x01\xa0|\xb0!\xdc,\\\xc9\xf7^\x0f`\x8fPbT\xf1Ie!\x1cC&lt;\x80O\x1b\xd4\xf8m\xf4w\xe7\xdfr1\x8a;\xf6+\xbb\xed^z\xb9\x81tu\xe2\xd9`+\x11]\xa6\xf7\xec\x83\x91U\x13U\xb4T\x92\xb4\xc8;L\xb4\x19.\xa0\x80\xcd&amp;G,4\xa3\x12u\xbfY\xd1\x80\xbd\x8b\x80\xa1}Y\xe9\x1e\xa9i4\xd9\x02\xb6\'eCs\x97~\x01\x1c\x91&amp;+Z\x99C\xef\x06J\x826\xdd\xcc\xff\xfd\xd2\x8c{E"\xe0\x97\xe6:\x94K\xe4\xe7(\xd9\xd0\xc4\xbf\x99\x81\x1b\xf9t\xb4F\x0b\xfeh\x08\xd8\x8d\xc3o\xcb\x98\x07\xef\xbb%\'\x16\x1f1f\x82\xab\xd2\xeeM\xdb\xf8\xb1oe\x9c;G\x8c\xc6l\x0e\xab\xc4\x01\x9fa\x08h2\x84\xce\x92\x1d\xdc\xa4\xe1\x81\xc5\x99)\xc4\xfe,\xd1D\xb3\x94q\x1a\xa6\x92\x9dN\x98\xc1B\xe5a90\x0f\xe1"/\xcb\xb9s!`\x95\x97\xcbj\x00\xb2B\xf4\x16\xf4\xf8I\x99\xc9\xe8\xa8\xd8\x9d,\xd9\x1f\xed\xde\x0e\xbb\x80\xed\xd9\xf7N\xd4\xce\xff\xd4b!(\xaf\xc4\xec\xfb\x16\xbb\x07\xf4\x85\xa5\x0e\xe1\xd7\xf9\x06\xd4\x94\xecv\'\xc3\xe8Fk\x88\xe02\xb5%\xd3&gt;sN\x86\xc0\xcf\xc8\xdaq\xfe#\x95\xcc\xd5\x1f\xac\xfd\x8f\xfd\x8c\xf0\xec\xc2\x85\xd4zPX\xf2\xe5\xa9\r&gt;\xe15\xaa\xa9\xf8\x0f/\xc8r\x12\x10\x18\x13\xba\\s\xfdI\xcd\xf7W\xffb\x9c\xe5\xa2\xea\xf1\xdfX~M\x99\xf4\xb1|\x19\xaaa\xd8\xd8\xff\xbf\xa7\xf1\xda\xe0%\x0b\x03%U\x16\xbd*\x8a\xbf\xd5yfg\xda\x8f\xae\'\xd9\xf3n|\xe2HYI\xees\xa5\x98#&lt;\xbc\x85g\xe5\xd9J^\xa1\xf7\xb4\x19\x17\xd3\x8e]\'\x14]\x81P/\xbb\x94\x081c/\xfb\xf2\xb9\xd1cW\xf1\xfd\x16\x03\xcb\x91\xc2\xc2\x8c\xbe\xfaR\xc8(^f\xe7\xc0\xf1\x99\x83\xadSa\x156\xdb\xeaLG+{s\xab\x08)L\x02\xbe1\xd4#\xeb\xd4$tg\x9aQ\x80\xb4Q\xf0\xb0\x0852\x8ek,\x01X\xad\xa5\x16\xc3\n\xbc\xd9q\xa7X\xb4go\x87y\xd1\xaf\x8e\x1f\xd3\x87\xfe\xd5\xb3\x9cH\xa9X/&gt;o\x97\x89L\x8c~`\x9fx\x8f\xc6\xdf-\xdd\x8f7\xbb\x13\x95k\x08\x8f\x9d\xc1\xea\x8f\xe6t\xe6l\xdf \xa4.-\x06\x07\xf8\xb9\x02=\x9d\x11\xea\x8e\xaf\xa6\xc3\x06|l\n\x95E,\xb0O\t\xce\xcb\xcd \xdfEJ\x9c{\xc7\x87\x1e\x89Y\x85M\xac\xf2U\xd6\x1fTv\xedAQ\xd7J\x83=.)\xea+\xe5r\x90\xa31\'\xde\x19#=\xf5\x998\xed\xaf\xf5\xddO\xbf\x92\x11\x83]\xc4\x10/MZ\'\xba[\x07h3I+\xd3\x12X\x8es\x91&amp;\x10\xe92eP\xbf\x7f\x19hO\x19CmU\xef\x12V\x99\x8aJ4#w\x9e\xe1\x1bo\xa8\xe7\xb0\xc3\xe9tj3\x12\xd2\xae\xe7\xa5\xd9\\\xa9/B\x9f\x15\x94w\xb6\x1a\xeb&gt;\x99\xc0\xa8\xedx\xed\xa0m\xc3W`d\xcc\x0b\x15j&amp;on\x00B\xaa\r\xdc\x15\x02j\xd7K\xe4\xf8[v:\xc9\xd6/\x81\xb0=\x98`zD\x88qV//\x16\x98\x1c\xbc\x01\xc9\xeb\x1eV\xe9\xe6\xecpo\xdd\x90I\t\x87\xd6\x81\xbfg\xca\r\xa4%\xf7\x9f\xb2C\xed\x000\x8a\xc8\x10\xac\xf9\xc4\x0e\xbd\xbff\x96\x97\x0c\x87\xe3\xf5\x99\xd9\xaf\xbd\xcd\x84x\xd8\xf80\xf4N\xbb\xba\xc9\xbf#V\xcfb\xe0B\xc0R\xf3\xc4E\xac\xf3G\x8f\xdb=\x93\xbe\xff\x1f\xba\xdb\xd4LG\xb3d\xe3\xb0\x15\xfeC\x13\xb4y\x0c.\xc6\xd9O\x85;\xf0\xe1(\x83\x81`\xa0\xf3\'\x1b&lt;G\x17 Bc\x88=\xe5\xf2\x0b|q\xa6\xab\xe2\x0efh\xe23\xaa\x932\xb5/\xf6\xc72Z3\xe7\x99|A\x9e\xfa\xaa\xf4\x97\x80\x82\x86gx\xb9\x18\x08\xe6\x07\x1a\xf6\xed\x16\xbd\xff\x13\x9b\x92\x13\x82\xd5\xaf\x88\x9e\xde\xaf\xe0\xaa\x1a\x1e\x84l\xb8PW{\x82\x1c\x8c\xf0\xdd1\xa3\x0f\x15\x8c\xf2\x92;x\x9e!w\xbd\xb8\xa5v\xc8F\xcc\x8f\x9a\xe6\xc4\xd6\x10U"\x86\xbd$/\xd7\xb9\xca\xdb\xe6\xa1\xf5\x8dq`\x89U \xf9\xdb\xa4\x9a\xe2w6\xc8\xd4J\xb6p\xc0\x90\xb7%)h\xd9K\xd4%\xe6PR\xe2\xdfh\xb9\xd5\xe2\n\xe5\xd2\xce-d$v\t\x0f\x10\xbd\x07\xb3\xbd\xa8\x16\xbe\xeb\x08\x88k\xcf\xb0\x83\xce\x8f{\x81\x11\xd2a\x18H\xf9\xa5\x98\xb6\x1a\x19\xbd \x91\x9f@\xe2\xa2v\x06\xf9\xd7\x9bs\xf6E\x1b~\xa0\x82\xb1\x1fL*\x82S\xbb\xd8\xa4\xd1^\xc0xl\xd1\xda\xd0\x97\xc0}u%\x16&gt;Q\xe9\x80\x8f\x1e\x9f!\x8a5\xf25\xe8\x9f$\x0f\x9b\xf9\x92K\xf3\xac\x90TzNs\x8b\x89x\xb8\xec\xa66\x8a,\xf8W\xee\xdb#\xfd.g\x1c\xa7\xf9\xc2+=h\x14\x87\xf9\x01Q\xa6\x8fs\x08\x9bj)\te\xbc\xd1!\xe0 ]7\xdf\x81\xf0\xc6\xbee\xa0\xcd\x93D\x81 \x82\xe0;\x9bE1\x18\xb8\xe4\xa7\xdd\xa6\x08\x7fC15\xf7\xdd\x92\x96oF]\x08\xfc\x14\xe7\xd5\x91_Nf2[\x19\x99\x9c\xe6\xc1qUX\xdd\xee\xd9\x12\xd0\x83y\xb0\x11\xd7,{B\xb4P\xa8lc\x9e\x1e\x04\xde\n\xd1\'K\x11-\x99\xa2q|\xe2.|\x96\'\x19\x89\x94\x04\xfe\x86\x02\x93!\r0\t\xb6\x99\x11\t\xf5&lt;\xa4\x07\xda\xd3)\xef\xce}&gt;5\x1e\x82\xdf\x88\xee\x8e\xda]\xb6M^\xee(\xadb\x80\x8c\xf6\xe0\xefU\xf8@\xd4Z\xe551\xa63u\x1a\xd2\x1e\xc4\x8ey\x85\xab\x83\xee\xec9\xfc\xb6\xbd\xe7aX\x9f:\xd8"c\xb0\xd2}M\x93\xfd\xa2\x11\x15p\xe8\xa6:d!\x05"e\xc9Ms\xd7\xc79\x91C?k\x03\xae7\xd4\x0c8\xe3\x14\x86\xf3z\xc7\n\x0e\x80\x02\x8d\x1c\x13$E\xa6\xaa\xbb\xfb\xbc&gt;\xf9**\x10#\xd6\xce\xb6\xec\x93\xc1\xda\\\xe4\xf3\x11g&lt;\xf3\x87\xefYM\x81\xfdU\xb0\x89k\xeb&amp;k\xb7{/\x18\xdd\xd4fC@\xfd7\xb0H\xf0wgc\x96\x8e\xeb[\t\xf1\x06S\xbf6\x12,i\xf1\x92\x12F?\xf9.\xedb\n:\x0b\xa9\xe6\xe6\x18\x18\x82Mn\x86-\x9bo4[\x89q\xb6\xd4\xcb\xdcA\xa5\x98\xa1\x9c\x1f\xf7Lj\xe8\xaf\x1a\xad\x88\x0cv\xcc\xdcA\xf2\xf5@\x1c\r\xf5\xecJ\x06\x1a\x80\xde\xb7Z\xa8\xc6ES"\x05R\x80,\xab)\x8e\xcer\x1e\xdf\xe2\x11\x13\xe2\x82Yx\xe46\\%\x15\x87\x97%\x10c`wf.\x9e\xb1\x88@7\xddr\xb0\xd2x\xc8p\xd9\x9d\xff\xa1=7\x83d\x90|\xc67\xfe\xb4\xe2\xe88O\x04\x1f\\&amp;\xfbc\xb1\xee|\t\x0c%\xd7\x96067\x9eR\x8a\xadF\xda\xb6z\xd5\x1bIn\xf8\x96j\xda\xac\x85nM\xd0\x17+\xa3\x82\x05\xc4N.\xb1\x0c\xb2\x10u\x15MT\xa1\x92\xd5\x85\xfe\xf1\x8b\xe9\xa4\xd7\x18m~\x97\x86\'h\xcf\xc7"\xaa\r\xa2g6\xbb\xfa\xa6\xbc\xc14\xa97\xaaS\xa5\xa0e:)i\x99\xb6b\xb8\xa5\x00\xd9\x81\x0cGo?`nzz\x97\xf5\x7f\xd5\xb5t3\xeaw"\xfa\xac#V9s\xc1f\xf3.U\xb6U\xab\x83\xc4\xe5\xd4\xb5v\xc6S\xf6"\xc2f\xda\xcc\x0e\xe0#Hg\xbaH\x08\x1e\x98\xbc1\x15\xfa\xe0\xaa2\xf0)\xc0ic\x8d%\x04\x8e\xfc\xaf\xd5\xf4\xe3\xf6\x9d\xf4-9\'=g\xaad- :\t\xc4\xc0\xb4R\xb8\xb4\x1f\x10\x8a\xd0\xcb&gt;\xfd\xa5\xa4s\xee%[g(\x13@q//\'w\x0c\xff\xcd\xe1.\x1f\x05\xeb\xde\xde0\x16\xc9\x1a\x06\x1e\xf5(\x98\x95\x99\x82\x90\\&gt;\x8d,\x91z\x1b\xca\xcb\xff\x02\x06Ok1?|\x92\xfb\x1e8\x14\xcb\xed\xd9\xf9\xf0\x08\xce\xebw\xd6\xc6G\xf8\xd5s\xaa\xf7;\xf6p\xe0=6\xea\x91\xb5\xf9f\xfc\xdd\xdad\xd1\xac2YF\xc5\xb6\xb4p\xba\xa9\x8aV\x1b\x0f\x16\xed\x00\x1f\x13M0&gt;\x94\xfe(c\xb6U\x98\xe3\x1e\x18\xf7\xfa/\xe7I\xc37\xc6u\x05\x94\x99\xba\xab\xa8\xcb\xc2+\x93}J\tKg\xdal\xa1\xa9L\x19\xc9k\xf0\xa6?\x08\x0e\xe0U\x07\xb9\xf1\xbb\xe1o\t\x0c\xd0\xdd\x18\x7fOx%R=\x9b-&amp;i\xee\xb8\'\x10\x86d\x86.\x18\\\xc1\xdd\\\x0c\xec\xd1\xdf\xfaX\xfeg\x07\xc5E \xe0f\x19n9\xc3\x80\xe9~T\xf6\xd3N\xb70\x00Ixmi\xd9\xd4\x1e$\xfb\x03\xbf\xe8\xa8\xf74\xf9\xf5\xcfpd\x1b\xe1\xec\xab\xf8\xcd\x80\xc3\xbdz\x84\x84\xeeb=\xc7\xec\xd0\xf7\x1f\x1b \xef\x902hlI\xc2\xe5\xd3\xba}\x8f\xb7\x8dfLs\xa7\xb1\x8a\xafv\xc4\xa3j\x1e2\xf3\xa3\x06y\xe3\xeb\xec\x93\xcfZ&amp;\xf0\xb7-\x1a\xc6\x0f\xdf\xe4Eqvs\xeaY\xf8I\xe7\xdbI\xd4Q9\x80D\xe6\xfdq\xc7\xe8\t\x05/\xfa|\xfd\xdd\xb7\xe3#h\xa4\x1bt\xfc\x1c\x88\x1f\xd9[zl\xb5\xfe\xb7\xc0\xde\x18\xae\xae,\xc8;5\x17\xbd\xbb\x0c)\x85\xfdD\x9f\xe6^2t\xf9Mz\x7f48,0T\xa3n\xae\xe7"\xcd,S\xd1\x04Q\xbaH]IB\xc1z\xbcA\xd5\xfeeB0\x86|U\xd1\xfd\xf5\xde\xa2P\xd3\xa0\xc6\xe0\x0e]\xac\xed\xe8\xd0\x96\x11\xc4v/l\x9fmQ\xb0\xfa\x85H\x83\x95\xc6\xefD\x8f\x99\xc7\xc48{\xa1\xbd\xaf\xc5\x9a\x9b5\x99\t\x1df16(x\xb4\xd1\x11\x960c\xd9\xa7n`\xa8\xe8\xc6I\x98R\x03\xdb\x8c\xfe\xbc\x1d9D\xc5a\xaa\xd1\xben\x1c\xbc\x9f\x90-\xd2\xe6\x8f\xd3\xb1W]\x1f\xf8\xe2\xf3q7\xb7\xee"\xb4\xeaV\xf3?\x1d5%\xde\xd0r\xfc\x97\x1c\x08\x1cZ\xfec\x00}\xa0\xfc\xea(\xf7~\xeeA\xe1\x92\xaed3\x94\xc9\xc6\x8fP\x8f\xa6Z)\xa5 9zf\x8e\xfar\xfe\xadE\xd0\'\x1f$\x8b\t\xa3`\x0bY\xc5k9z\x8e\xd6h\xaab\xa7\x82\xa2\tv\xf6\xf2\x9a\x009\xce\x95GA=\xa0H\xf5\xdf\xd6\xd7gR\xc3\x9b\xc0\xed\xe9E\xd7\xe1\x12Qf\xe1-\xb2\x9d|I\x973ZO1/\t2u\xf8\x02\x81\xbfy\xc9#\xebE~\xab\x97\xac24\x19|\x016\x9f\x9d\\\x06\xb2\x12*a5\xe0H)P\xa9p\x80\\Y\xac&amp;G\xea\xd5*\x92\x89 \xa7\xd3\xe0_\xbe\t._B\x88\x83`\xa1\x89%\xb0\xd3\xbd\xaf\xecL\x13W\xcc\xaf\xaf\x87oq\x8d\xe8\x14\xbbZ\x0cP\xfbp\xe9\xe6\xd4&gt;\xae\x93W#k\xcf\tl\xeaa\x90\x1e\xb0\x93\x9b+\x8d&amp;8\xbd\x81.\x01\x80\xd2\xe2E4%\xce\xa4\x1b\x12M\x03/FK\xf9\x81\x9c\xb7&amp;3@\r\xb1\xae\xa4\xa4\x0b1\xf9/\xf3\x1f\xa2J\xf5\x08B\xbe]\xbb\x93\xc7;~\x9d\x16\xf00\xcb-\xb2\xb8\xa3\xb0\xda\xd2\xcb\xe1\x1e\x9a\x08*\x80(\xa4\xdd\xb5\xeb\x82\rm\xc1o^\x14;P\x14\xf3\xf7\\\x90f\t&amp;\xb7"\xee\xbcX\x8d5%\xa4\x97\x91A\rs\x18\xbb\xed.\x17!{c\xa3u\x93\x8a\xc7\n\x8a\x89-\xeb\xbd)\x9e\x1bl\x84\x10\xb8\x8f\x9f\x13\xe6\xd0\x13~\xa8V\x89\xef\xe5\xe2-\x01\xa1[P1\x1584\x80Z\xb1U:\x86P\xb0\x14\x8d\xdaf\xb4\xed`\xd3A\xe0\xf3\xb2\\\x86\xf8\xf8 [\xc0\xcd\xd5\xe6\xafE\x7f\xa2CA\x11d\x1a\x1e\xf8\xe6\x18\xca\xa1\x14\x04f\xfa3\x1e\xb7\x7f\x8fX,x\xcc\x0bx6\x8cb\x10\xbcd\xaco\x04\x03\xf9\xb8I/`\x19uA6\xdao\xd2\xc5.\x80\x11V6\xb4\x9fEe\xc8\xdb\xe9*\x08\x93\x00\xc4\xdc&gt;#\xa0\x19\xf2\xf5\xfe\xf1\x0f\xdcb\'x\xaa\xd7\xee\x9f\xc7$\xb3\x1dI\xbe\x8e\xcb\x9e\xb3m\x04\xea\x85\xe3\x83{\xa2/\r\x12\x8e]\x16\xc4H2\xfdJ\xa2PY\x93\xaf\xc8\x0fuO\xbd ?R\xf4\\\x10\x1c\xab\x0f\xc3\x9eN\x88\xde\xad?dj\xbf%n\x02\x8ea\xc0\xea\x80\xda~q\xa1;\xdf}\xddI@\x19-p-\x03\x9c1\xff\xd1\x06\xb5\x02\xbb{{p-"\x14l\x19\xfb\x85\\\x0ct\x8a\x00\xda\xc5\x1f\xea\xba\xb19X\x82\xc5\x1e\xdf\x13\xf8\xf3v\x8e\xb8\xf0\xbf&gt;3\x94\x18\xc8\x8b\xb7\xa5$\xa5\x8fYaQ}/\xe2\xdb\x94\x1a\xdbN\xe5+}\'R\x1a\xf4|'</t>
  </si>
  <si>
    <t>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</t>
  </si>
  <si>
    <t>b'5\x8c\xab\x80m\xc1\x0b\xb0\xc1\xb2v45\xa4\x9e\x8f'</t>
  </si>
  <si>
    <t>n the exact stepsâ€”in the exact
 orderâ€”that you need to follow to build a seven-figure business in one year.
 In each chapter, youâ€™ll see how the step looks in practice through real-world
 stories from myself, my students, and big brands youâ€™ll recognize.
 Do not skip steps. Do not rush to get started before you finish reading.
 Read carefully and thoroughly, and, if you have questions, seek out the
 Capitalism.com community online. Thereâ€™s a whole legion of entrepreneurs
 just like you out there waiting to share their experiences and answer your
 questions. The relationships that you build during this process will likely
 become some of the most important relationships of your entire life, so reach
 out early and start bringing together your tribe.
 Most of all, enjoy the journey! Yup, Iâ€™m done trying to scare you awayâ€”
 this is going to be fun.
 A
 3
 Step One: Choose Your Customer
 â€œmillion-dollar businessâ€ feels impossible to many. Itâ€™s too big, too
 bold, and too out of reach. However, Iâ€™ve seen it happen hundreds of
 times, so I know itâ€™s completely possible for any entrepreneur with enough
 drive and commitment. Since most people donâ€™t have that, I am often accused
 of overselling the simplicity of it.
 Thatâ€™s why I refer to the first few month</t>
  </si>
  <si>
    <t>b'\x15\xdc\x9d\xf4\x84t\xd0\xc8.\xe7\x1ccW\xd4\xc0l(*\x9b\x84\xc8iHH\xa8\x05\xbdr\x8e`\x12\xaf\xe7\x94|\xc2\xa8J\x91}\x01[\xa4\xc4,k\x03N\xce\x8d\xaf\x9b\x93\xeaF\xec\xcag\x8d\xc1]\xb4q\xa7@\xce\xa6\xd8\x90\xeb\xd6F\x17\xcdg\x0b\xadz \x1bg\xe8\x90\x05\x18\xd9i\x0c^^-\xd7\x11\xab\xbc\x06oh\'(\xaf\x00{NY\xd8\xa7rd\xf9y\xc7\x83\xa3qN\xcf\xfd\xc0eD\xabz\x98\xb10\x14\xdb\x05\r#s\x0bUb\xbb\x14\xcb\xa8@\x9b\x960[\xd4\x83?\x9b\x15\x18su\x17\x01\xa9,\x00\x0cG\x86\x02\xea\xd9\xc3n6\x8f5TCR\xb3\xf1\xb7\xe1\xfd\x99.\xdbl,\xc0\xc1*\\\x0c"\xae\xd0\xd5\x1drg\x99\x11&lt;\xedx0\x94\xf3\xa1Z\x9e\nl\xa2\x9d\xd0\xf1\xca\x97\x83x\xaep\x1fE\x12U\x90\xdf/\xa7\xec\\\xee\xad8u\xad\xff\x92W%\x8e\x8e\xde\xff\xe9OF~\x9e\x97\xfe\xb4a\xb7\x99$\xe5\x17m\n\x07X\xd0(\xa7\xbdD\xa2-\xed\xf0\x97\xf4\xf5\xc2k3\xac\x04\x9fgtQ\xbe\x83O\xf4\xf4^\xe7I\xdc\xc5\xc8\x07\x97\x99H\x10m1\xc3\x14\xc4\xa8\xc3`\x84\x80\xf1\x02\xd0\xdb\xee\xc9#\x8d\x82\x94\xe0n\x9d\xb4I\x1d\xa9\x9f\xae\xffd\xe0\xab}\x89\xaa6\xfe{Vs\xfd\xdf\x012\xec?\xa3\x1c\xeaPyV\xd1\xc0&lt;\x99\xecc?\x8b\xea+!\xb8@\xd1\xd0\xed\x08\x96\x07\xfa\x08\x11_\xd8(o\xdcV; U\xaa\xd0\x82\x84%\x1e\x96du}\x85\xaf\x9a\xa9i\x83\xec\xe2\x0e\x0c3\x87\xd1A\xc6\xb9k\x9d\xac\x8a\xa5r\x1b\x1d,\xa7\x00@\xd5\xfc\'\x96\xa5O\x9b\xaa\xc5@*\x07\xfa\xc1s\xb5\x06\x85\x87\xf2G$\x0b\xf4\xdd3\xcf\xf5\xdf\x8c\x06\xab\x812\x95\x012\xcc\xda\xc8\xc3\xd6\x7fD\xb6\x9c"\r{\xc4q\x1dZMW\xdci\xc4\x08w\xf6\x1c\x08N\x1b\xcez\x10\xe9\x01\xd0C7\xa5\xcb\x16!&amp;\xa1\xa2r\xa7}Kl\x88\xf5s\x7f\x0b-\xe84\xf3l\xfc\x9b/&amp;\x06\x86c\xd6zMB\xa6f\xf0G\xb1%&amp;C\x86\xbd\x91\xe1\xe1\xfcD\x05\xe4)\x89\x87C\xee\xc7\xa0a\x92@f i\x15\xf7\xe5&lt;\xcdQ\xf3\xf4\x93\x07\x91\x13e\xe5?S}\xa3\x16\x81\xb2X\\i{\xe2\x8b\xfa\xf803E\xf6t\xc8\xbe80\xcc?\xabX\xcc?\xcc\xc8&amp;"\x84HA\xc3/\xdcwf\x86\x02p\xdcr\xa2~\x96\xea\x97l\x1e\xc1x:Ebz\xb4g|\x96HY%\x88\xc9\xbf\xa6\xb3\xfa(T\x96\xd0z\x8e\xbb\xf2\xf9\xaf\xbe}\xc3=:i\xa7\x0c\xe5\x01\xeb$\xd7\xbb\x8d\xddw\xd9K3\xbe\xd6\x8a\xa6\xae\xf1\x1c\xa4)D8\xf3\x95\xf4k\xa6\x0fe\x95\x01\xd9\x0c\xa1Q0\x88\xf3\xbb\x05\x1cY+\t?\xa8\xd6\xa38(\rkJi \x16u\x9a\xd09\xfci\x13J\xb2V\xca\xe6.\xc0"\x80\xd4^,V_\x07t\xe3\xd3\xda\xcd\x06\xfe&amp;\x82\xcfa\x92H[\xa9.\x17Y\xb8\x8c\xa0=|xA\xc7\x0061\xef\xa4\x1co6\x1bP\t\xf0\xdb\x13\xdfN.\xba9Ws\xda\x0f\xe2\r\xb3\xb1\xc5\xcdX\x18\xc3\xb5e\xa9f5\xb0\xae\x03\xefq=\xf9\xa5?\xa9\xd1\xabM\x99\xe2\x1c\xbcZ\tf\x9e\xea\xa6{\n\x85\x18\x1f\xd9\xd5G|!\r@\'q0QnoH!\xb2\xd4\xc4\xf0\xfeQ\x80\xce?\x82\x18aY\n\x90\x9a\xfc=\xdbI|\xbfkz9\x0b\t\x18@\xea\xfa\xd4\xda\xec\x00\xbdK&lt;93\xd4-\x0c\xba\xfe\xa5\xeati4TC\x10F\xb9\x1degg\xc8\xa6\x9cq\x075k\xd6&gt;\xcf\xfe\x07\xe6\x90\xee&lt;\x9e\x96c\xc6\xe7\xf9f\xdfJ&lt;\x0b\x84\x90\xae\x0e\x87%7\x80\x07J\t\xd5(\x14u\x19\xcf\xd6\xb2\xcc*\xc3\xf5\xda\xd6^\xc87\xa2\x82\x92\xd0\x10\x99XGW\xf0c&lt;\x9d\xf8\xda&amp;\x9d\xbf\xd3;\xdeLl\x97]\x85\x80\x9da\x1cE\xc1B,\x97\x9e)\x0f{ \x96\xf9\x0c\x07\xc1e;\xad\x9dOQ\xaa\x83\xf9_\x98\xb4SFT\xeb\x0b\xb5\x94\xd9xT\xbd\x08\xd5\xe9Z\x13)k\x1f+d\x8d\xfb\xbe}\xad\xa97}\xd7\xdf\xfa\x90|M;\x9e\xb8\xc8\x0f\xb7y|D\xa0\x19\xaf=^u\xc54\xfeM\xc8\x81/\xa5J\xe5\xed\xc9\x17\x02\x1e\xeb\xde2\x9b\xc6%\xec\xc3\xbf\xd83\xc5\x04\x9e\xcc}\xfb\xdaf\xfd\x14\xf7\xdc\xaaO\xffe\xc1\xff\xa4\xac\xbb&lt;\xd4\x13e\xa0W\xa2C\x14\xb6\x81\xec\x07T\x1e\x1d^\xc3ceI\xfb\xe4:W\x8f\x98\x00dk#}\xf3d\x1av\xd2\x82"\x1a\xa3_T\xabr\xee\x8d\x8cT\xf2\xb9\xc5F\x1d\xddE\\5\xe9\xa6\x05\xf7j\xa5\xcfGW\xfb\xbeJ"?\xe6\xf7\x97Oi\xfc\xa3\x8d\xf0b\xda#\xba\x0f_\xd1\xf9\xc4\xff\xce\xc8-\xe3v\xe2U\'A\xbc\x91S\xc0F\\gB"\xf3\xd4MA\xb1\xb6\xb3`W.{\xd8q\xc8e\xfcrwY]\xb8\x88s\xc4\x0393\xf3(2@-\xe18\xde\x0f\t\x96t\xcd\xed\xddY\x7f\xe4\xd2p\x15\xd1\x0cpT\x8a\xde\x05Q\x0f1'</t>
  </si>
  <si>
    <t>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</t>
  </si>
  <si>
    <t>b'\x15\xdc\x9d\xf4\x84t\xd0\xc8.\xe7\x1ccW\xd4\xc0l'</t>
  </si>
  <si>
    <t>Tom Sawyer. If I had a farm and it was mine, and
 another person wanted it, would it be right for him to--"
 "Oh, shucks! you don't know enough to come in when it rains, Huck Finn.
 It ain't a farm, it's entirely different. You see, it's like this. They
 own the land, just the mere land, and that's all they DO own; but it
 was our folks, our Jews and Christians, that made it holy, and so they
 haven't any business to be there defiling it. It's a shame, and we ought
 not to stand it a minute. We ought to march against them and take it
 away from them."
 "Why, it does seem to me it's the most mixed-up thing I ever see! Now,
 if I had a farm and another person--"
 "Don't I tell you it hasn't got anything to do with farming? Farming is
 11
 business, just common low-down business: that's all it is, it's all
 you can say for it; but this is higher, this is religious, and totally
 different."
 "Religious to go and take the land away from people that owns it?"
 "Certainly; it's always been considered so."
 Jim he shook his head, and says:
 "Mars Tom, I reckon dey's a mistake about it somers--dey mos' sholy is.
 I's religious myself, en I knows plenty religious people, but I hain't
 run across none dat acts like dat."
 It made Tom hot, and he says:
 "Well, it's enough to make a body sick, such mullet-headed ignorance! If
 either of you'd read anything about history, you'd know that Richard Cur
 de Loon, and the Pope, and Godfrey de Bulleyn, and lots more of the most
 noble-hearted and pious people in the world, hacked and hammered at the
 paynims for more than two hundred years trying to take their land away
 from them, and swum neck-deep in blood the whole time--and yet here's
 a couple of sap-headed country yahoos out in the backwoods of Missouri
 setting themselves up to know more about the rights and wrongs of it
 than they did! Talk about cheek!"
 12
 Well, of course, that put a more different light on it, and me and
 Jim felt pretty cheap and ignorant, and wished we hadn't been quite so
 chipper. I couldn't say nothing, and Jim he couldn't for a while; then
 he says:
 "Well, den, I reckon it's all right; beca'se ef dey</t>
  </si>
  <si>
    <t>b'|M\xf4Z\xc5\xff\xe7["bK\xe5\xdf\x84\xa4\'\x08\xc4\t\xb4t\rO\x0c a \'%\x13q\xc8'</t>
  </si>
  <si>
    <t>7c4df45ac5ffe75b22624be5df84a42708c409b4740d4f0c20612027251371c8</t>
  </si>
  <si>
    <t>b'|M\xf4Z\xc5\xff\xe7["bK\xe5\xdf\x84\xa4\''</t>
  </si>
  <si>
    <t>ple
 14.13
 Calculate the power dissipated by the current source I1 in Fig. 14.25.
 Solution The current source sustains a voltage equal to Vout âˆ’ VEE = VP sin Ï‰t âˆ’ VEE. Thus,
 PI1 = 1
 T
  T
 0
 I1(VP sin Ï‰t âˆ’ VEE) dt (14.40)
 = âˆ’I1VEE. (14.41)
 6Here, VBE is neglected with respect to VP.
 694 Chapter 14 Output Stages and Power Amplifiers
 The value is, of course, positive because VEE &lt; 0 to accommodate negative swings at the
 output.
 Exercise Explain why the power delivered by VEE is equal to that dissipated by I1.
 14.7.2 Push-Pull Stage Power Rating
 We now determine the power dissipated by the output transistors in the push-pull stage
 (Fig. 14.26). To simplify our calculations, we assume that each transistor carries a negligi_x0002_ble current around Vout = 0 and turns off for half of the period. If Vout = VP sin Ï‰t, then
 IRL = (VP/RL) sin Ï‰t but only for half of the cycle. Also, the collector-emitter voltage ofQ1
 is given by VCC âˆ’ Vout = VCC âˆ’ VP sin Ï‰t. The average power dissipated in Q1 is therefore
 equal to
 Pav = 1
 T
  T/2
 0
 VCE Â· IC dt (14.42)
 = 1
 T
  T/2
 0
 (VCC âˆ’ VP sin Ï‰t)
 _x0002_ VP
 RL
 sin Ï‰t
 _x0003_
 dt, (14.43)
 where T = 1/Ï‰, and Î² is assumed large enough to allow the approximation IC â‰ˆ IE. Ex_x0002_panding the terms inside the integral and noting that
  T/2
 0
 cos 2Ï‰t dt = 0, (14.44)
 we have
 Pav = 1
 T
  T/2
 0
 VCC VP
 RL
 sin Ï‰t dt âˆ’ 1
 T
  T/2
 0
 V2
 P
 2RL
 dt (14.45)
 = VCC VP
 Ï€RL
 âˆ’ V2
 P
 4RL
 (14.46)
 = VP
 RL
 _x0002_VCC
 Ï€ âˆ’ VP
 4
 _x0003_
 . (14.47)
 Q1
 Q
 RL
 VCC
 VEE
 2
 D1
 D2
 I 1
 I 2
 t
 I Vp RL
 t
 Q1
 Q
 RL
 VCC
 VEE
 2
 D1
 D2
 I 1
 I 2
 t
 Vp
 I RL
 t
 â€“
 (a) (b)
 Figure 14.26 Push-pull stage during (a) positive half cycle and (b) negative half cycle.
 14.7 Heat Dissipation 695
 For example, if VP = 4 V, RL = 8 _x0002_, and VCC = 6 V, thenQ1 dissipates 455 mW. Transistor
 Q2 also consumes this amount of power if |VEE| = VCC .
 Equation (14.47) indicates that for VP â‰ˆ 0 or VP â‰ˆ 4VCC /Ï€, the power dissipated in
 Q1 approaches zero, suggesting that Pav must reach a maximum between these extremes.
 Differentiating Pav with respect to VP and equating the result to zero, we have VP = 2VCC /Ï€
 and hence
 Pav,max = V2
 CC
 Ï€2RL
 . (14.48)
 Example
 14.14
 A student observes from Eq. (14.47) that Pav = 0 if VP = 4VCC /Ï€, concluding that this
 choice of pea</t>
  </si>
  <si>
    <t>b'\xc4\xc0 \xdeg\x89\xf2l\xff\xff\x0f\xa2\\B\xc0\x81'</t>
  </si>
  <si>
    <t>c4c020de6789f26cffff0fa25c42c081</t>
  </si>
  <si>
    <t>e must choose C1 large enough that it behaves
 nearly as a short circuit at the lowest frequency of interest. We return to this concept later
 in this chapter.
 17.2.2 Biasing with Source Degeneration
 In some applications, a resistor may be placed in series with the source of the transistor,
 thereby providing â€œsource degeneration.â€ Illustrated in Fig. 17.16 is such a topology, where
 the gate voltage is defined by R1 and R2. We assume M1 operates in saturation and neglect
 channel-length modulation. Noting that the gate current is zero, we have
 VX = R2
 R1 + R2
 VDD. (17.17)
 Since VX = VGS + IDRS,
 R2
 R1 + R2
 VDD = VGS + IDRS. (17.18)
 V
 I
 Y
 X
 R
 DD
 D
 M 1
 D
 R S 1 k Î©
 R1 4 k Î©
 R2 10 k Î©
 = 1.8 V
 Figure 17.16 MOS stage with biasing.
 17.2 Operating Point Analysis and Design 813
 Also,
 ID = 1
 2
 Î¼nCox
 W
 L (VGS âˆ’ VTH)
 2
 . (17.19)
 Equations (17.18) and (17.19) can be solved to obtain ID and VGS, either by iteration or by
 finding ID from Eq. (17.18) and replacing for it in Eq. (17.19):
 _x0002_ R2
 R1 + R2
 VDD âˆ’ VGS_x0003_ 1
 RS
 = 1
 2
 Î¼nCox
 W
 L (VGS âˆ’ VTH)
 2
 . (17.20)
 That is
 VGS = âˆ’(V1 âˆ’ VTH) +
 _x0004_
 (V1 âˆ’ VTH)
 2 âˆ’ V2
 TH +
 2R2
 R1 + R2
 V1VDD, (17.21)
 = âˆ’(V1 âˆ’ VTH) +
 _x0004_
 V2
 1 + 2V1
 _x0002_ R2VDD
 R1 + R2
 âˆ’ VTH_x0003_
 , (17.22)
 where
 V1 = 1
 Î¼nCox
 W
 L
 RS
 . (17.23)
 This value of VGS can then be substituted in Eq. (17.18) to obtain ID. Of course, VY must
 exceed VX âˆ’ VTH to ensure operation in</t>
  </si>
  <si>
    <t>b'D)\xaaF{\xc4I\x8c]\xcf\xc0[\xe2\xc1\xffv'</t>
  </si>
  <si>
    <t>4429aa467bc4498c5dcfc05be2c1ff76</t>
  </si>
  <si>
    <t>t of her
 father's arrival, Michael had attempted to pass in search of a house,
 which was still nearly as wild and desolate as it had then appeared; for
 the Count had been so much engaged in directing other improvements,
 that he had neglected to give orders, concerning this extensive approach,
 and the road was yet broken, and the trees overloaded with their own
 luxuriance.
 As she stood surveying it, and remembering the emotions, which she had
 formerly suffered there, she suddenly recollected the figure, that had
 579
 been seen stealing among the trees, and which had returned no answer
 to Michael's repeated calls; and she experienced somewhat of the fear,
 that had then assailed her, for it did not appear improbable, that these
 deep woods were occasionally the haunt of banditti. She, therefore,
 turned back, and was hastily pursuing her way to the dancers, when she
 heard steps approaching from the avenue; and, being still beyond the call
 of the peasants on the green, for she could neither hear their voices, or
 their music, she quickened her pace; but the persons following gained
 fast upon her, and, at length, distinguishing the voice of Henri, she
 walked leisurely, till he came up. He expressed some surprise at meeting
 her so far from the company; and, on her saying, that the pleasant moonlight had beguiled her to walk farther than she intended, an exclamation
 burst from the lips of his companion, and she thought she heard
 Valancourt speak! It was, indeed, he! and the meeting was such as may
 be imagined, between persons so affectionate, and so long separated as
 they had been.
 In the joy of these moments, Emily forgot all her past sufferings, and
 Valancourt seemed to have forgotten, that any person but Emily existed;
 while Henri was a silent and astonished spectator of the scene.
 Valancourt asked a thousand questions, concerning herself and Montoni,
 which there was now no time to answer; but she learned, that her letter
 had been forwarded to him, at Paris, which he had previously quitted,
 and was returning to Gascony, whither the letter also returned, which, at
 length, informed him of Emily's arrival, and on the receipt of which he
 had immediately set out for Languedoc. On reaching the monastery,
 whence she had dated her letter, he found, to his extreme
 disappointment, that the gates were already closed for the night; and
 believing, that he sh</t>
  </si>
  <si>
    <t>b'\xefz\x8e\x9b\x0f\x0c\xa3\x7f\xe4\x80\xec\xe9\xa1"\xaf\x81:\x88\xe4,\x97\x13C\x0f\xd9_t&lt;\'\x01#R\x99\xfc\xb5N\xe8\x12\xd6]\x80\xdd\xd0\x9d\x03+nNw\x98\xae\x0e\x0bU\x8bh\xdf\x16\xe7\tb\x0c\x9d\x95'</t>
  </si>
  <si>
    <t>ef7a8e9b0f0ca37fe480ece9a122af813a88e42c9713430fd95f743c2701235299fcb54ee812d65d80ddd09d032b6e4e7798ae0e0b558b68df16e709620c9d95</t>
  </si>
  <si>
    <t>b'\xefz\x8e\x9b\x0f\x0c\xa3\x7f\xe4\x80\xec\xe9\xa1"\xaf\x81'</t>
  </si>
  <si>
    <t>erceiving, that
 he had fainted probably from loss of blood, ran for water; but he had
 been absent only a few moments, when Blanche heard other steps
 approaching, and, while she was almost frantic with apprehension of the
 ruffians, the light of a torch flashed upon the walls, and then Count De
 Villefort appeared, with an affrighted countenance, and breathless with
 impatience, calling upon his daughter. At the sound of his voice, she
 rose, and ran to his arms, while he, letting fall the bloody sword he held,
 pressed her to his bosom in a transport of gratitude and joy, and then
 hastily enquired for St. Foix, who now gave some signs of life. Ludovico
 soon after returning with water and brandy, the former was applied to
 his lips, and the latter to his temples and hands, and Blanche, at length,
 saw him unclose his eyes, and then heard him enquire for her; but the
 joy she felt, on this occasion, was interrupted by new alarms, when
 Ludovico said it would be necessary to remove Mons. St. Foix
 immediately, and added, 'The banditti, that are out, my Lord, were
 expected home, an hour ago, and they will certainly find us, if we delay.
 That shrill horn, they know, is never sounded by their comrades but on
 most desperate occasions, and it echoes among the mountains for many
 leagues round. I have known them brought home by its sound even from
 the Pied de Melicant. Is any body standing watch at the great gate, my
 Lord?'
 'Nobody,' replied the Count; 'the rest of my people are now scattered
 about, I scarcely know where. Go, Ludovico, collect them together, and
 look out yourself, and listen if you hear the feet of mules.'
 Ludovico then hurried away, and the Count consulted as to the means of
 removing St. Foix, who could not have borne the motion of a mule, even
 if his strength would have supported him in the saddle.
 While the Count was telling, that the banditti, whom they had found in
 the fort, were secured in the dungeon, Blanche observed that he was
 713
 himself wounded, and that his left arm was entirely useless; but he
 smiled at her anxiety, assuring her the wound was trifling.
 The Count's servants, except two who kept watch at the gate, now
 appeared, and, soon after, Ludovico. 'I think I hear mules coming along
 the glen, my Lord,' said he, 'but the roaring of the torrent below will not
 let me be certain; however, I have brought what will serve the Chevalier,'
 he added, shewing a bear's skin, fastened to a couple of long poles, which
 had been adapted for the purpose of bringing home such of the banditti
 as happened to be wounded in their encounters. Ludovico spread it on
 the ground, and, placing the skins of several goats upon it, made a kind
 of bed, into which the Chevalier, who was however now much revived,
 was gently lifted; and, the poles being raised upon the shoulders of the
 guides, whose footing among these steeps could best be depended upon,
 he was borne along with an easy motion. Some of the Count's servants
 were also woundedâ€”but not materially, and, their wounds being bound
 up</t>
  </si>
  <si>
    <t>b"Kw\xd7\xd5\t\xe0\xb1O\xbfW;\xe2X\x9c6'\x9a\xd3\xd5\xdc \xd62\xf5\x1ck\x9fy@\x9b\n\x9e\xdf@|\x85u$'\xf6\x02\x0b5\x08$\xc1i;:&gt;\xdcW\x84M\xce\x1by\xa5OC\xce\x82\n]"</t>
  </si>
  <si>
    <t>4b77d7d509e0b14fbf573be2589c36279ad3d5dc20d632f51c6b9f79409b0a9edf407c85752427f6020b350824c1693b3a3edc57844dce1b79a54f43ce820a5d</t>
  </si>
  <si>
    <t>b"Kw\xd7\xd5\t\xe0\xb1O\xbfW;\xe2X\x9c6'"</t>
  </si>
  <si>
    <t>have tended to have weaker cur_x0002_rencies than their low-inflation neighbors. Furthermore, most of the difference in depreci_x0002_ation rates is due to inflation differences, making PPP a major factor behind long-run
 nominal exchange rate variability.
 While the inflation insulation part of the policy autonomy argument is broadly supported
 as a long-run proposition, economic analysis and experience both show that in the short run,
 the effects of monetary as well as fiscal changes are transmitted across national borders
 under floating rates. The two-country macroeconomic model developed earlier, for example,
 shows that monetary policy affects output in the short run both at home and abroad as long as
 it alters the real exchange rate. Skeptics of floating were therefore right in claiming that float_x0002_ing rates would not insulate countries completely from foreign policy shocks.
 Symmetry
 Because central banks continued to hold dollar reserves and intervene, the international
 monetary system did not become symmetric after 1973. The euro gained importance as an
 international reserve currency (and the British pound declined), but the dollar remained the
 primary component of most central banksâ€™ official reserves.
 Economist Ronald McKinnon of Stanford University has argued that the current floating_x0002_rate system is similar in some ways to the asymmetric reserve currency system underlying
 the Bretton Woods arrangements.23 He suggests that changes in the world money supply
 23Ronald I. McKinnon, An International Standard for Monetary Stabilization, Policy Analyses in International
 Economics 8 (Washington, D.C.: Institute for International Economics, 1984).
 Percent change in foreign-currency price
 of U.S. dollar, 1973â€“2009
 Percent change in foreign price level less percent
 change in U.S. price level, 1973â€“2009
 150
 100
 50
 0
 â€“50
 â€“100
 â€“100 â€“50 0 50 100 150
 Canada
 Italy
 Germany
 France
 Japan
 Britain
 200
 200
 45Â°
 Figure 19-10
 Exchange Rate Trends and
 Inflation Differentials,
 1973â€“2009
 Over the floating-rate period as a
 whole, higher inflation has been
 associated with greater currency
 depreciation. The exact relation_x0002_ship predicted by relative PPP,
 however, has not held for most
 countries. The inflation difference
 on the horizontal axis is calculated
 as 
 using the exact relative PPP
 relation given in footnote 
 1 on page 387.
 Source: International Monetary Fund 
 and Global Financial Data.
 (p - pUS) , (1 + pUS/100)
 CHAPTER 19 International Monetary Systems: An Historical Overview 545
 546 PART FOUR International Macroeconomic Policy
 would have been dampened under a more symmetric monetary adjustment mechanism. In
 the 2000s, Chinaâ€™s policy of limiting its currencyâ€™s appreciation against the dollar led it to
 accumulate vast dollar reserves, possibly reinforcing the worldwide economic boom that
 preceded the 2007â€“2009 financial crisis. As a result, some economists characterize the
 period of the early and m</t>
  </si>
  <si>
    <t>b'0F\x02!\x00\xe5\xc0m[\x18B\xe3\xe73\xeer\x90rB\xb2\xd8\xaaE^y\xfe\xb1\xf8\xf0\x93k,r\xec\x94\xb8`\x02!\x00\xa7s\xa6T\xf1+7\x87I\x96\xd8\xfc\xab\xd8\xce\x1d\x84@7jG\\\xe9;?O\xd5\xa2\xe8\xb4U\xf6'</t>
  </si>
  <si>
    <t>3046022100e5c06d5b1842e3e733ee72907242b2d8aa455e79feb1f8f0936b2c72ec94b860022100a773a654f12b37874996d8fcabd8ce1d8440376a475ce93b3f4fd5a2e8b455f6</t>
  </si>
  <si>
    <t>b'0F\x02!\x00\xe5\xc0m[\x18B\xe3\xe73\xeer'</t>
  </si>
  <si>
    <t>e is 
 done, why, it's hundreds of pounds instead of hundreds of farthings in 
 their pockets. Now, the most goes for rum and a good fling, and</t>
  </si>
  <si>
    <t>b'Z\x16\xd4\xfb\xb2\xec\xba,8\xf2\xe7\xa3drlX\x16\x15\xcd\xc8N,\xd8b\xb1sC\xfey~0PFu\xe6v[\xa8&lt;\x16\x0f\xba\x8eO-\x8b\xf6\x88\xd6\xd5E\x7fCV\xd8*Hv*\xfdG7\xccJ&amp;a!\xf3\xdf\x1d\xd9\r\xce3n\x8f\xb7ZnN*\xa6\x91\x03\xb2D:\xbc\xba\xd4\x96Kx\xc7\xb8\xc6;\xe0\x08D\xcd"K[\xee\x92$\x81\xf6\xd9\x06\xe5"6\x0b\xeel3`Q\xe7DA\xb1|\x9ejXUe\xbcl\x01\x12\x80\x83\xf9\xdf37AF\\~\x03\xbcR\xca\xad"\x7f\x88\x8b\x19\xd1\x8cq\x1f\xc1\xb38?}:u(\xfc\xb3\x98\xa3\x91mf\x91\xa5\x0bv$yaSVf\x11\x9b!\xee\xba5A\x9d\x04m\x15\x07)\x9c\xb4bX\xb9\xe2\xe2n\x9c\xb2L7\xb4\xc1\xd9X\xbc\x9f)\xa4F8\x95\x8c\xa41\xafQ\x99\x02SD#~\x86\x15w\xc2r\xd1\x1aJ\xb4\xcfE\xd4\xdaly\x92\xe0\x04\xc9\x8eE7\xfc\xcd\xfe\xc7\xceUYb\xfd$\x9a\x98M\xebx\xa46\xffTL\xc3\x0f\x83\x11\xc1X\xdfY1\xaa\x82E\xd4\x01]\xdb\xb2\xb2l\x13q0a\xc3\xd6\x99c\xb2\x04\x1e yO\xc8\x0f^\x86\x99\x98F\xb9\xd8K~f\xf8j\xa6a\x16\xac\x0f\xc9M3\xc5\xe5uG\xa8\xbbLZ\x86\xf4L\xe5\xae?!_r\xa4\xda_\x11I\x11&lt;\xb2\xbe\xcf\xc7\x1dE\x8c\xa9%\x807\x15\x8ddV,%\xadv\xc2y\xcfa\x1b\x95\xbc\xafZ\xa7l\xb8\x08@\xd1\x07\x9f\x9fF\xe4\xab\x1f\xf4\xc6&gt;al\x11G\nf\x93%nC.\x97$!\x03o\x85-\xd4W\xdfjd\x96C$\x00\xa4\x89=\n\x01L\xe2\x03\xfa\xa5\x80r\xdb\xa9g\xd5\xeer\xb9ulE\xda\xff\xd6\xbb\xd3\xe5\xc8\x00X\x82\x14\xda\x10gK\x9aX\x93y\xf0X\xe0\x98\xbes\x18\x10a\x90\x8d\xfe\x102\x8c\xde\xd9\x14\x01\x03\xb9\xb5g\x0f~\x9a\xe6N\xbd\x13\x1e\xf7\xa4\xb8:\xbeB\x8d\x95\xcb\x8eOrN\xd2\xda\xaaH\x93'</t>
  </si>
  <si>
    <t>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</t>
  </si>
  <si>
    <t>b'Z\x16\xd4\xfb\xb2\xec\xba,8\xf2\xe7\xa3drlX'</t>
  </si>
  <si>
    <t>the neighbourhood of Valancourt's
 residence.
 187
 From a little eminence she looked back upon Tholouse, and the far-seen
 plains of Gascony, beyond which the broken summits of the Pyrenees
 appeared on the distant horizon, lighted up by a morning sun. 'Dear
 pleasant mountains!' said she to herself, 'how long may it be ere I see ye
 again, and how much may happen to make me miserable in the interval!
 Oh, could I now be certain, that I should ever return to ye, and find that
 Valancourt still lived for me, I should go in peace! He will still gaze on ye,
 gaze when I am far away!'
 The trees, that impended over the high banks of the road and formed a
 line of perspective with the distant country, now threatened to exclude
 the view of them; but the blueish mountains still appeared beyond the
 dark foliage, and Emily continued to lean from the coach window, till at
 length the closing branches shut them from her sight.
 Another object soon caught her attention. She had scarcely looked at a
 person who walked along the bank, with his hat, in which was the
 military feather, drawn over his eyes, before, at the sound of wheels, he
 suddenly turned, and she perceived that it was Valancourt himself, who
 waved his hand, sprung into the road, and through the window of the
 carriage put a letter into her hand. He endeavoured to smile through the
 despair that overspread his countenance as she passed on. The
 remembrance of that smile seemed impressed on Emily's mind for ever.
 She leaned from the window, and saw him on a knoll of the broken bank,
 leaning against the high trees that waved over him, and pursuing the
 carriage with his eyes. He waved his hand, and she continued to gaze till
 distance confused his figure, and at length another turn of the road
 entirely separated him from her sight.
 Having stopped to take up Signor Cavigni at a chateau on the road, the
 travellers, of whom Emily was disrespectfully seated with Madame
 Montoni's woman in a second carriage, pursued their way over the plains
 of Languedoc. The presence of this servant restrained Emily from
 reading V</t>
  </si>
  <si>
    <t>b'8\xb4!\xe8b\x94\xf5\x02\nP\xd3a\x97\x8b\xb4j\xce\x1e\xf2\xb1\xd4\x1b\x9c\xe8&lt;d\xfb\xc5*+z\x0f\x9f~\xbc\x9a\xef\xf5,\xa9\xcc[\x86j&gt;^\xc38\xc82\x04A\xa3\xd5\xf0e\xf6\xf8`\x92\xce\x8c\x8c\x1f'</t>
  </si>
  <si>
    <t>38b421e86294f5020a50d361978bb46ace1ef2b1d41b9ce83c64fbc52a2b7a0f9f7ebc9aeff52ca9cc5b866a3e5ec338c8320441a3d5f065f6f86092ce8c8c1f</t>
  </si>
  <si>
    <t>b'8\xb4!\xe8b\x94\xf5\x02\nP\xd3a\x97\x8b\xb4j'</t>
  </si>
  <si>
    <t>iers. We also know that a single transistor can operate as a current
 source but its output impedance is limited due to the Early effect (in bipolar devices) or
 channel-length modulation (in MOSFETs).
 How can we increase the output impedance of a transistor that acts as a current
 source? An important observation made in Chapters 5 and 7 forms the foundation for our
 1Coined in the vacuum-tube era, the term â€œcascodeâ€ is believed to be an abbreviation of â€œcascaded
 triodes.â€
 395
 396 Chapter 9 Cascode Stages and Current Mirrors
 Vb
 R
 R
 Q1 Vb
 RS
 R
 M 1
 out1 out2
 E
 Figure 9.1 Output impedance of degenerated bipolar and MOS devices.
 study here: emitter or source degeneration â€œboostsâ€ the impedance seen looking into the
 collector or drain, respectively. For the circuits shown in Fig. 9.1, we have
 Rout1 = [1 + gm(RE||rÏ€ )]rO + RE||rÏ€ (9.1)
 = (1 + gmrO)(RE||rÏ€ ) + rO (9.2)
 Rout2 = (1 + gmRS)rO + RS (9.3)
 = (1 + gmrO)RS + rO, (9.4)
 observing that RE or RS can be increased to raise the output resistance. Unfortunately,
 however, the voltage drop across the degeneration resistor also increases proportionally,
 consuming voltage headroom and ultimately limiting the voltage swings provided by the
 circuit using such a current source. For example, if RE sustains 300 mV and Q1 requires
 a minimum collector-emitter voltage of 500 mV, then the degenerated current source
 â€œconsumesâ€ a headroom of 800 mV.
 Bipolar Cascode In order to relax the trade-off between the output impedance
 and the voltage headroom, we can replace the degeneration resistor with a transis_x0002_tor. Depicted in Fig. 9.2(a) for the bipolar version, the idea is to introduce a high
 small-signal resistance (= rO2) in the emitter of Q1 while consuming a headroom in_x0002_dependent of the current. In this case, Q2 requires a headroom of approximately
 0.4 V to remain in soft saturation. This configuration is called the â€œcascodeâ€ stage.2 To
 emphasize that Q1 and Q2 play distinctly different roles here, we call Q1 the cascode
 transistor and Q2 the degeneration transistor. Note that IC1 â‰ˆ IC2 if Î²1 _x0003_ 1.
 Vb
 R
 Q1 V
 R
 Q1
 V Q2
 b1
 b2
 r
 )a( )b(
 O2
 tuo tuo
 Figure 9.2 (a) Cascode bipolar current source, (b) equivalent circuit.
 Let us compute the output impedance of the bipolar cascode of Fig. 9.2(a). Since
 the base-emitter voltage ofQ2 is constant, this transistor simply operates as a small-signal
 resistance equal torO2 [Fig. 9.2(b)]. In analogy with the resistively-degenerated counterpart
 2Or simply the â€œcascode.â€
 9.1 Cascode Stage 397
 in Fig. 9.1, we have
 Rout = [1 + gm1(rO2||rÏ€1)]rO1 + rO2||rÏ€1. (9.5)
 Since typically gm1(rO2||rÏ€1)</t>
  </si>
  <si>
    <t>b'Q\xddq,/!\xd4\x9e%{\x8d_+\xc2\\P'</t>
  </si>
  <si>
    <t>51dd712c2f21d49e257b8d5f2bc25c50</t>
  </si>
  <si>
    <t>y, but other models lead to
  exactly the same result. See V. Hnizdo, Am.J.Phys.65, 92 (1997).
 548
  Chapter 12 Electrodynamics and Relativity
  u+
  w
  I
  I
  I
  l
  FIGURE12.33
  I
  uâˆ’
  E
  u+ to the right, and Nâˆ’ charges in the lower segment, going at (slower) speed uâˆ’
  to the left. The current (I = Î»u) is the same in all four segments (or else charge
  would be piling up somewhere); in particular,
  I = QN+
  l
  u+ = QNâˆ’
  l
  uâˆ’, so NÂ±uÂ± = Il
  Q,
  where Q is the charge of each particle, and l is the length of the rectangle. Clas
 sically, the momentum of a single particle is p = Mu (where M is its mass), and
  the total momentum (to the right) is
  pclassical = MN+u+ âˆ’ MNâˆ’uâˆ’ = M Il
  Q âˆ’ M Il
  Q = 0,
  as one would certainly expect (after all, the loop as a whole is not moving). But
  relativistically, p = Î³ Mu, and we get
  p =Î³+MN+u+âˆ’Î³âˆ’MNâˆ’uâˆ’ = MIl
  Q (Î³+âˆ’Î³âˆ’),
  which is not zero, because the particles in the upper segment are moving faster.
  In fact, the gain in energy (Î³ Mc2), as a particle goes up the left segment, is
  equal to the work done by the electric force, QEw, where w is the height of the
  rectangle, so
  Î³+ âˆ’Î³âˆ’ = QEw
  Mc2 
 ,
  and hence
  p = IlEw
  c2 
 .
  But Ilw is the magnetic dipole moment of the loop; as vectors, m points into the
  page and p is to the right, so
  p = 1
  c2
  (mÃ— E).
  (12.73)
 12.2 Relativistic Mechanics
  549
  Thus a magnetic dipole at rest in an electric field carries linear momentum, even
  though it is not moving! This so-called hidden momentum is strictly relativistic,
  and purely mechanical; it precisely cancels the electromagnetic momentum stored
  in the fields (Eq. 8.45).22
  Problem 12.37 In classical mechanics, Newtonâ€™s law can be written in the more
  familiar form F = ma. The relativistic equation, F = dp/dt, cannot be so simply
  expressed. Show, rather, that
  F = m
  1 âˆ’u2/c2
  a+ u(uÂ·a)
  c2 âˆ’u2
  ,
  where a â‰¡ du/dt is the ordinary acceleration.
  (12.74)
  Problem 12.38 Show that it is possible to outrun a light ray, if youâ€™re given a suffi
 cient head start, and your feet generate a constant force.
  Problem 12.39 Define proper acceleration in the obvious way:
  Î±Î¼ â‰¡ dÎ·Î¼
  dÏ„ = d2xÎ¼
  dÏ„2 
 .
  (a) Find Î±0 and Î± in terms of u and a (the ordinary acceleration).
  (b) Express Î±Î¼Î±Î¼ in terms of u and a.
  (c) Show that Î·Î¼Î±Î¼ = 0.
  (12.75)
  (d) Write the Minkowski version of Newtonâ€™s second law, Eq. 12.68, in terms of
  Î±Î¼. Evaluate the invariant product KÎ¼Î·Î¼.
  Problem 12.40 Show that
  KÎ¼KÎ¼ = 1âˆ’(u2/c2)cos2Î¸
  1 âˆ’u2/c2
  where Î¸ is the angle b</t>
  </si>
  <si>
    <t>b'/\xd8\xc1dF\xfe\xb3k#+\x83\xceA\xd8\x9f\x84Du~\x01\xc4\x7f\n4\xe7\xee\x1d\t\x89\x1b\xa5\x14'</t>
  </si>
  <si>
    <t>2fd8c16446feb36b232b83ce41d89f8444757e01c47f0a34e7ee1d09891ba514</t>
  </si>
  <si>
    <t>b'/\xd8\xc1dF\xfe\xb3k#+\x83\xceA\xd8\x9f\x84'</t>
  </si>
  <si>
    <t>grandeur of the
 plane-tree, that spread its wide branches over the terrace, and under
 whose shade they now sat, she remembered how often she had sat thus
 with St. Aubert, and heard him express the same admiration.
 'This was a favourite tree with my dear father,' said she; 'he used to love
 to sit under its foliage with his family about him, in the fine evenings of
 summer.'
 Valancourt understood her feelings, and was silent; had she raised her
 eyes from the ground she would have seen tears in his. He rose, and
 leaned on the wall of the terrace, from which, in a few moments, he
 returned to his seat, then rose again, and appeared to be greatly agitated;
 while Emily found her spirits so much depressed, that several of her
 attempts to renew the conversation were ineffectual. Valancourt again
 sat down, but was still silent, and trembled. At length he said, with a
 hesitating voice, 'This lovely scene!â€”I am going to leaveâ€”to leave youâ€”
 perhaps for ever! These moments may never return; I cannot resolve to
 neglect, though I scarcely dare to avail myself of them. Let me, however,
 without offending the delicacy of your sorrow, venture to declare the
 admiration I must always feel of your goodnessâ€”O! that at some future
 period I might be permitted to call it love!'
 Emily's emotion would not suffer her to reply; and Valancourt, who now
 ventured to look up, observing her countenance change, expected to see
 her faint, and made an involuntary effort to support her, which recalled
 Emily to a sense of her situation, and to an exertion of her spirits.
 Valancourt did not appear to notice her indisposition, but, when he
 spoke again, his voice told the tenderest love. 'I will not presume,' he
 124
 added, 'to intrude this subject longer upon your attention at this time,
 but I may, perhaps, be permitted to mention, that these parting
 moments would lose much of their bitterness if I might be allowed to
 hope the declaration I have made would not exclude me from your
 presence in future.'
 Emily made another effort to overcome the confusion of her thoughts,
 and to speak. She feared to trust the preference her heart acknowledged
 towards Valancourt, and to give him any encouragement for hope, on so
 short an acquaintance. For though in this narrow period she had
 observed much that was admirable in his taste and disposition, and
 though these observations had been sanctioned by the opinion of her
 father, they were not sufficient testimonies of his general worth to
 determine her upon a subject so infinitely important to her future
 happiness as that, which now solicited her attention. Yet, though the
 thought of dismissing Valancourt was so very painful to her, that she
 could scarcely endure to pause upon it, the consciousness of this made
 her fear the partiality of her judgment, and hesitate still more to
 encourage that suit, for which her own heart too tenderly pleaded. The
 family of Valancourt, if not his circumstances, had been known to her
 father, and known to be unexceptionable. Of his circumstances,
 Valancourt himself hinted as far as delicacy would permit, when he said
 he had at present little else to offer but an heart, that adored her. He had
 solicited only for a distant hope, and she could not resolve to forbid,
 though she scarcely dared to permit it; at length, she acquired courage to
 say, that she must think herself honoured by the good opinion of any
 person, whom her father had esteemed.
 'And was I, then, thought worthy of his esteem?' said Valancourt, in a
 voice trembling with anxiety; then checking himself, he added, 'But
 pardon the question; I scarcely know what I say. If I might dare to hope,
 that you think me not unworthy such honour, and might be permitted
 sometimes to enquire after your health, I should now leave you with
 comparative tranquillity.'</t>
  </si>
  <si>
    <t>b'\xd1\xd2G\xf6\xb3e\xb57\xdaz\xbbV\xa2*\x9a\x00\x1f5{\xb1-\x167bv\x10}C`GD\x8f]\xcfj\xcf\x0c\x8ch\xf9\x14\x17\x11\xaa\xda\xab\xda\xc5\xe3e0\xb2\xc5CFYL\x16lo\xda\xe4*\x04'</t>
  </si>
  <si>
    <t>d1d247f6b365b537da7abb56a22a9a001f357bb12d16376276107d436047448f5dcf6acf0c8c68f9141711aadaabdac5e36530b2c54346594c166c6fdae42a04</t>
  </si>
  <si>
    <t>b'\xd1\xd2G\xf6\xb3e\xb57\xdaz\xbbV\xa2*\x9a\x00'</t>
  </si>
  <si>
    <t>10.49. Explain what happens to the characteris_x0002_tics shown in Fig. 10.31 if (a) the gate ox_x0002_ide thickness of the transistor is doubled,
 (b) the threshold voltage is halved, (c) ISS
 and W/L are halved.
 *10.50. Assuming that the mobility of carriers falls
 at high temperatures, explain what hap_x0002_pens to the characteristics of Fig. 10.31 as
 the temperature rises.
 Sec. 10.3.3 Small-Signal Analysis
 of MOS Pair
 10.51. A student who has a single-ended volt_x0002_age source constructs the circuit shown in
 Fig. 10.75, hoping to obtain differential
 outputs. Assume perfect symmetry but
 Î» = 0 for simplicity.
 (a) Viewing M1 as a common-source stage
 degenerated by the impedance seen at
 the source of M2, calculate vX in terms
 of vin.
 V
 in
 RD
 M 1
 I SS
 R D
 VDD
 M 2
 V
 out
 P
 X Y
 Vb
 Figure 10.75
 (b) Viewing M1 as a source follower and
 M2 as a common-gate stage, calculate
 vY in terms of vin.
 (c) Add the results obtained in (a) and
 (b) with proper polarities. If the volt_x0002_age gain is defined as (vX âˆ’ vY )/vin, how
 does it compare with the gain of differ_x0002_entially driven pairs?
 10.52. Calculate the differential voltage gain of
 the circuits depicted in Fig. 10.76. Assume
 perfect symmetry and Î» &gt; 0.
 *10.53. Calculate the differential voltage gain of
 the circuits depicted in Fig. 10.77. Assume
 perfect symmetry and Î» &gt; 0. You may
 need to compute the gain as Av =
 âˆ’GmRout in some cases.
 Sec. 10.4 Cascade Differential Pairs
 10.54.The cascode differential pair of Fig.
 10.37(a) must achieve a voltage gain of
 4000. If Q1â€“Q4 are identical and Î² = 100,
 what is the minimum required Early
 voltage?
 V
 M 1
 I SS
 VDD
 M 2
 out
 M 3 M 4
 Vin1 Vin2
 V
 M 1
 I SS
 VDD
 M 2
 out
 M 3 M 4
 Vin1 Vin2
 Vb Vb
 M 5 M 6
 V
 M 1
 I SS
 M 2
 out
 Vin1 Vin2
 R1 R 2
 VDD
 M 3 M 4
 (a) (b) (c)
 Figure 10.76
 494 Chapter 10 Differential Amplifiers
 V
 M 1
 VDD
 M 2
 out
 M 3 M 4
 Vin1 Vin2
 Vb
 M
 (a) (b) (c)
 R1 R 2
 R SS
 V
 VDD
 out
 Vin1 Vin2
 R SS
 3 M 4
 M 1 M 2
 Vb
 M
 V
 VDD
 out
 Vin1 Vin2
 R SS
 3 M 4
 M 1 M 2
 R S RS
 Figure 10.77
 10.55. Due to a manufacturing error, a parasitic
 resistance, RP, has appeared in the circuit
 of Fig. 10.78. Calculate the voltage gain.
 Q1 2 Q
 I EE
 Vin1 Vin2
 Q
 Vb
 Q 4
 VCC
 Vout
 3
 RP
 Figure 10.78
 10.56.Repeat Problem 10.53 for the circuit
 shown in Fig. 10.79.
 Q1 2 Q
 I EE
 Vin1 Vin2
 Vb
 Q
 VCC
 Vout
 3
 RP RP Vb
 Q4
 Figure 10.79
 **10.57. A student has mistakenly used pnp cas_x0002_code transistors in a differential pair
 as illustrated in Fig. 10.80. Calculate
 the voltage gain of the circuit. (Hint:
 Av = âˆ’GmRout.)
 Q1 2 Q
 I EE
 Vin1 Vin2
 Q
 Vb
 Q 4
 VCC
 Vout
 3
 Figure 10.80
 *10.58. Calculate the voltage gain of the degen_x0002_erated pair depicted in Fig. 10.81. (Hint:
 Av = âˆ’GmRout.)
 Vin1 Q1 2 Q Vin2
 Q
 Vb
 Q 4
 VCC
 Vout
 3
 R S
 Figure 10.81
 Problems 495
 *10.59.Realizing that the circuit of Fig. 10.80 suf_x0002_fers from a low gain, the student makes the
 modification shown in Fig. 10.82. Calculate
 the voltage gain of this topology.
 Q1 2 Q
 I EE
 Vin1 Vin2
 Q
 Vb
 Q 4
 VCC
 Vout
 3
 Figure 10.82
 **10.60.The telescopic cascode of Fig. 10.38 is to
 operate as an op amp having an open_x0002_loop gain of 800. If Q1-Q4 are identical
 and so are Q5-Q8, determine the min_x0002_imum allowable Early voltage. Assume
 Î²n = 2Î²p = 100 and VA,n = 2VA,p.
 10.61. Determine the voltage gain of the circuit
 depicted in Fig. 10.83. Is this topology con_x0002_sidered a telescopic cascode?
 Q1 2 Q
 I EE
 Vin1 Vin2
 Q Q4
 VCC
 Vout
 3
 V
 Vb1
 b2
 Q Q
 V
 7 8
 Q Q 5 6
 b3
 Figure 10.83
 10.62.The MOS cascode of Fig. 10.40(a) must
 provide a voltage gain of 300. If W/L =
 20/0.18 forM1-M4 andÎ¼nCox = 100 Î¼A/V2,
 determine the required tail current. As_x0002_sume Î» = 0.1 Vâˆ’1.
 **10.63. A student adventurously modifies a
 CMOS telescopic cascode as shown in Fig.
 10.84, where the PMOS cascode transistors
 are replaced with NMOS devices. Assum_x0002_ing Î» &gt; 0, compute the voltage gain of the
 circuit. (Hint: the imped</t>
  </si>
  <si>
    <t>b"cX&lt;7$\xe9\x84\xdcK\x1b\x90;\xe7\x97'k"</t>
  </si>
  <si>
    <t>63583c3724e984dc4b1b903be797276b</t>
  </si>
  <si>
    <t>cation in most of to_x0002_dayâ€™s electronic systems.
 â€¢ The voltage gain of an amplifier is defined as vout/vin and sometimes expressed in
 decibels (dB) as 20 log(vout/vin).
 â€¢ Kirchoffâ€™s current law (KCL) states that the sum of all currents flowing into any node
 is zero. Kirchoffâ€™s voltage law (KVL) states that the sum of all voltages around any
 loop is zero.
 â€¢ Nortonâ€™s theorem allows simplifying a one-port circuit to a current source in parallel
 with an impedance. Similarly, Theveninâ€™s theorem reduces a one-port circuit to a
 voltage source in series with an impedance.
 2
 Basic Physics
 of Semiconductors
 Microelectronic circuits are based on complex semiconductor structures that have been
 under active research for the past six decades. While this book deals with the analysis and
 design of circuits, we should emphasize at the outset that a good understanding of devices
 is essential to our work. The situation is similar to many other engineering problems, e.g.,
 one cannot design a high-performance automobile without a detailed knowledge of the
 engine and its limitations.
 Nonetheless, we do face a dilemma. Our treatment of device physics must contain
 enough depth to provide adequate understanding, but must also be sufficiently brief to
 allow quick entry into circuits. This chapter accomplishes this task.
 Our ultimate objective in this chapter is to study a fundamentally important and
 versatile device called the â€œdiode.â€ However, just as we need to eat our broccoli before
 having dessert, we must develop a basic understanding of â€œsemiconductorâ€ materials and
 their current conduction mechanisms before attacking diodes.
 In this chapter, we begin with the concept of semiconductors and study the movement
 of charge (i.e., the flow of current) in them. Next, we deal with the â€œpn junction,â€ which also
 serves as diode, and formulate its behavior. Our ultimate goal is to represent the device
 by a circuit model (consisting of resistors, voltage or current sources, capacitors, etc.), so
 that a circuit using such a device can be analyzed easily. The outline is shown below.
 âž¤
 Semiconductors
 â€¢ Charge Carriers
 â€¢ Doping
 â€¢ Transport of Carriers
 PN Junction
 â€¢ Structure
 â€¢ Reverse and Forward
 Bias Conditions
 â€¢ I/V Characteristics
 â€¢ Circuit Models
 It is important to note that the task of developing accurate models proves critical for
 all microelectronic devices. The electronics industry continues to place greater demands
 21
 22 Chapter 2 Basic Physics of Semiconductors
 on circuits, calling for aggressive designs that push semiconductor devices to their limits.
 Thus, a good understanding of the internal operation of devices is necessary.1
 2.1 SEMICONDUCTOR MATERIALS AND THEIR PROPERTIES
 Since this section introduces a multitude of concepts, it is useful to bear a general outline
 in mind:
 Charge Carriers
 in Solids
 Crystal Structure
 Bandgap Energy
 Holes
 Modification of
 Carrier Densities
 Intrinsic Semiconductors
 Extrinsic Semiconductors
 Doping
 Transport of
 Carriers
 Diffusion
 Drift
 Figure 2.1 Outline of this section.
 This outline represents a logical thought process: (a) we identify charge carriers in
 solids and formulate their role in current flow; (b) we examine means of modifying the
 density of charge carriers to create desired current flow properties; (c) we determine cur_x0002_rent flow mechanisms. These steps naturally lead to the computation of the current/voltage
 (I/V) characteristics of actual diodes in the next section.
 2.1.1 Charge Carriers in Solids
 Recall from basic chemistry that the electrons in an atom orbit the nucleus in different
 â€œshells.â€ The atomâ€™s chemical activity is determined by the electrons in the outermost shell,
 called â€œvalenceâ€ electrons, and how complete this shell is. For example, neon exhibits
 a complete outermost shell (with eight electrons) and hence no tendency for chemical
 reactions. On the other hand, sodium has only one valence electron, ready to relinquish
 it, and chloride has seven valence electrons, eager to rec</t>
  </si>
  <si>
    <t>b'\xdbsx\x94\x14\xec\x0b5_\x08\x1dO\xc2\xeb\x82 '</t>
  </si>
  <si>
    <t>db73789414ec0b355f081d4fc2eb8220</t>
  </si>
  <si>
    <t>This was a misfortune. Mr. Fogg, in order not to deviate from his
 course, furled his sails and increased the force of the steam;
 but the vesselâ€™s speed slackened, owing to the state of the sea,
 the long waves of which broke against the stern. She pitched
 violently, and this retarded her progress. The breeze little by
 little swelled into a tempest, and it was to be feared that the
 Henrietta might not be able to maintain herself upright on the
 waves.
 Passepartoutâ€™s visage darkened with the skies, and for two days
 the poor fellow experienced constant fright. But Phileas Fogg
 was a bold mariner, and knew how to maintain headway
 against the sea; and he kept on his course, wi</t>
  </si>
  <si>
    <t>b'M\xff=_\x1e2{\x866\x14t\xa25\xb7\\a\xbb`\xf5\xb4\xa6\x87\xe55\xecW\x05H\x92(\xe3\x00'</t>
  </si>
  <si>
    <t>4dff3d5f1e327b86361474a235b75c61bb60f5b4a687e535ec5705489228e300</t>
  </si>
  <si>
    <t>b'M\xff=_\x1e2{\x866\x14t\xa25\xb7\\a'</t>
  </si>
  <si>
    <t>d in domestic output do not change, while imports
 measured in domestic output rise, there is an initial fall in the current account, as shown.
 Even after the old export and import contracts have been fulfilled, it still takes time for
 new shipments to adjust fully to the relative price change. On the production side, produc_x0002_ers of exports may have to install additional plant and equipment and hire new workers. To
 the extent that imports consist of intermediate materials used in domestic manufacturing,
 import adjustment will also occur gradually as importers switch to new production tech_x0002_niques that economize on intermediate inputs. There are lags on the consumption side as
 well. To expand significantly foreign consumption of domestic exports, for example, it
 may be necessary to build new retailing outlets abroad, a time-consuming process.
 The result of these lags in adjustment is the gradually improving current account shown
 in Figure 17-18 as the move from point 2 to point 3 and beyond. Eventually, the increase
 in the current account tapers off as the adjustment to the real depreciation is completed.
 Empirical evidence indicates for most industrial countries a J-curve lasting more than
 six months but less than a year. Thus, point 3 in the figure is typically reached within a
 year of the real depreciation, and the current account continues to improve afterward.12
 The existence of a significant J-curve effect forces us to modify some of our earlier
 conclusions, at least for the short run of a year or less. Monetary expansion, for example,
 1 2See the discussion of Table 17A2-1 in Appendix 2 of this chapter.
 CHAPTER 17 Output and the Exchange Rate in the S</t>
  </si>
  <si>
    <t>b'0F\x02!\x00\xd4~\x8e\xea\xce\xa4\xabZU\xaf\x05\x88Ra\xb5\t\xe1\x162\x8fA\x1b=\x87\x17\x7fo\xe5x1U\xd2\x02!\x00\xff\x8dz\xf9\x9d \x1dS\xdezT\x1f\x93\x99\x8a\x18\xcc\\\xe5\x1f\xa0\xf25\xc6\xcai\x07\xbcI\xa8KC'</t>
  </si>
  <si>
    <t>3046022100d47e8eeacea4ab5a55af05885261b509e116328f411b3d87177f6fe5783155d2022100ff8d7af99d201d53de7a541f93998a18cc5ce51fa0f235c6ca6907bc49a84b43</t>
  </si>
  <si>
    <t>b'0F\x02!\x00\xd4~\x8e\xea\xce\xa4\xabZU\xaf\x05'</t>
  </si>
  <si>
    <t>l overtakes the VW, going through a speed trap, a
  (stationary) policeman observes that they both have the same length. The VW is
  going at half the speed of light. How fast is the Lincoln going? (Leave your answer
  as a multiple of c.)
  Problem 12.10 A sailboat is manufactured so that the mast leans at an angle Â¯ Î¸ with
  respect to the deck. An observer standing on a dock sees the boat go by at speed v
  (Fig. 12.14). What angle does this observer say the mast makes?
  Î¸
  FIGURE12.14
  !
  v
  R
  Ï‰
  FIGURE12.15
  Problem 12.11 A record turntable of radius R rotates at angular velocity Ï‰
  (Fig. 12.15). The circumference is presumably Lorentz-contracted, but the radius
  (being perpendicular to the velocity) is not. Whatâ€™s the ratio of the circumference
  to the diameter, in terms of Ï‰ and R? According to the rules of ordinary geometry,
  it has to be Ï€. Whatâ€™s going on here?9
  9This is known as Ehrenfestâ€™s paradox; for discussion and references, see H. Arzelies, Relativistic
  Kinematics (Elmsford, NY: Pergamon Press, 1966), Chap. IX, or T. A. Weber, Am. J. Phys. 65, 486
  (1997).
 12.1 The Special Theory of Relativity
  519
  12.1.3 The Lorentz Transformations
  Any physical process consists of one or more events. An â€œeventâ€ is something
  that takes place at a specific location (x, y,z), at a precise time (t). The explosion
  of a firecracker, for example, is an event; a tour of Europe is not. Suppose we
  know the coordinates (x, y,z,t) of a particular event E in one inertial system S,
  and we would like to calculate the coordinates (Â¯ x, Â¯ y, Â¯ z, Â¯ t) of that same event in
  some other inertial system Â¯ S. What we need is a â€œdictionaryâ€ for translating from
  the language of S to the language of Â¯ S.
  We may as well orient our axes as shown in Fig. 12.16, so that Â¯ S slides along
  the x axis at speed v. If we â€œstart the clockâ€ (t = 0) at the moment the origins
  (O and Â¯ O) coincide, then at time t, Â¯
  Owill be a distance vt from O, and hence
  x =d+vt,
  (12.10)
  where d is the distance from Â¯ O to Â¯ A at time t ( Â¯ A is the point on the Â¯ x axis that
  is even with E when the event occurs). Before Einstein, anyone would have said
  immediately that
  d =Â¯ x,
  and thus constructed the â€œdictionaryâ€
  (i) Â¯ x = x âˆ’vt,
  (ii) Â¯ y = y,
  (iii) Â¯ z = z,
  (iv) Â¯ t = t.
  (12.11)
  âŽ«
  âŽª
  âŽª
  âŽª
  âŽª
  âŽª
  âŽª
  âŽª
  âŽª
  âŽ¬
  âŽª
  âŽª
  âŽª
  âŽª
  âŽª
  âŽª
  âŽª
  âŽª
  âŽ­
  (12.12)
  These are nowcalled the Galilean transformations, though they scarcely deserve
  so fine a titleâ€”the last one, in particular, went without saying, since everyone as
 sumed the flow of time is the same for all observers. In the context of special
  y
  O
  z
  z
  y
  vt
  v
  O
  x
  FIGURE12.16
  E
  d
  A
  x
  x
 520
  Chapter 12 Electrodynamics and Relativity
  relativity, however, we must expect (iv) to be replaced by a rule that incorporates
  time dilation, the relativity of simultaneity, and the nonsynchronization of moving
  clocks. Likewise, there will be a modification in (i) to account for Lorentz con
 traction. As for (ii) and (iii), they, at least, remain unchanged, for we have already
  seen that there can be no modification of lengths perpendicular to the motion.
  But where does the classical derivation of (i) break down? Answer: In
  Eq. 12.11. For d is the distance from Â¯ O to Â¯ A as measured in S, whereas Â¯ x is
  the distance fr</t>
  </si>
  <si>
    <t>b'&lt;_\xdc&lt;OP\xffQ\xc1\x1f/\xc9\x98K\xd5\xcb\xfd\xe7\x01\xf4T\xb9\x8d\xb9&lt;\xcc\x1ai\x03\xd2\x8e\xb5'</t>
  </si>
  <si>
    <t>3c5fdc3c4f50ff51c11f2fc9984bd5cbfde701f454b98db93ccc1a6903d28eb5</t>
  </si>
  <si>
    <t>b'&lt;_\xdc&lt;OP\xffQ\xc1\x1f/\xc9\x98K\xd5\xcb'</t>
  </si>
  <si>
    <t>me in the
city) and she was in Campania, recovering her health. They are noteworthy for their
avowals of romantic passion, previously found in Latin literature only in elegiac
poetry for real or imagined mistresses. It has been said that these letters â€˜â€˜blend
together, for the first time in European literature, the role of husband and loverâ€™â€™
(Sherwin-White 1966: 407).
Never have I complained more about my preoccupation with affairs, which did not allow
me to escort you to Campania for health reasons or to follow your foo</t>
  </si>
  <si>
    <t>b"\xf9\x07\xc0\x8d\tF\xc1\x9c\x0bV\xd7\x07\xc9B\xa8\xfd\x15[\xc5\x97\xab\xd6\xd7\xe7I$\xb8\xbc\x82u\x93\xb9\x13\x895=\xe4U\xb6\x1c\xd4S\xf9\xbf\xd4\xa4r\x87\re\xc0\xa9\x18@\xef-j\xc3\xd8\xc3\x8c4\x1d\x1c\x9fX;vqd\x8d\xffK\xa3^\x10\x06\xe8\xbe!\x9a8*z\xbf\x16\x8ap\xff/\x8av\xdcd\xb77\xb3\xdbA\x98O=v|\xd7\xeb\xaf\xa1\xbc\xb9\xb6\x04\x04C*\x18\xbda[\x81rP\xcc\x18! K\xcc\x8f{\x9f2SQ\xfd\nx\x97\\\x82\x92wX\xc6\x83\xf4\xf6N\xa3\x10\xf9\xb7\x81\xa0p\x82Y\x02R_\x88\xb1\xdb\xcf\x14\x8c\x9aE$W\x1c\xc6H\xc5\\\xc0\xcb\xf0\xd1&lt;Sw\x81\x8f\xe4v\x14\x1e\x10\xc1o\xff\x7f\xf3bt\xdb \x18\x18\x99%\x82Fc$?*I\x94\xb0_45\xc9\xccWr\xcax\\\x9e\xb4\tp`|\xf0\xe7\x8b\xc0\xc9\x94\x9c\xca\x8a\xf87\xf1\xffcB8\x96\x1b\x83\x1e\xdf\x17f\x8f\xd8Kp5t\xf9\x8e\xd8\x89\x87q\x9b\x83Q\xc1v\x8a\xc6'\xa2%4\x17\x8c\xf1\x9f?}\x87\x05\xdf\xb0\x9a\x9b\xa9\xbdy\x01a\xa8\x1f\xef\xbb\xed\xf4\x8d\xadj\xcf'z\xb0\x94\xea\xae}i\x88\xea,,\x7f\xf1\xf9\xb4\x06)$J\xef\xdc\xd2\xb1\x91\x89~\xb4\x7f\xaf?\xec\x9c\xe2\xf5jJ\xe6F\x14b\x1e\xef\xc4\x98\xde\x7f?\xc8\x83n\x01\x80\x9b\x98\x15\x1d\xda`\x0bq\xa2\x12\x85.\x02\xf1nL\x12\x0b\x12\xc1\x88\xc1=\x90\x0cL\x02L\x9b\xf1\xb1}\x02G\x810\xcbK\xec\x7fz\x07\xd1\x89\x89\x99\xd38z\x93\xb4\xa1\xe0]\xcd\xad\xd016v\x9f(\xb7\xf5\xa2\xa0\xef\x9ec\x9b\xb1H\r\xe3\xb6\x9f\xf9\xf6\xa4\xdea\x7f#\xf9\x17\xd3\xd2\x8c\x86v\x07\xd9\x00NRG\x08\x06\xee\xe7\x1c!\xe7y\x0cc\xec\xd0\x1f\xed\xe4\x02J8e\xb8ke`\x88,\x0c0\xbdS\x90\xb1=\\\x8cp\xdey\x14t\xb7\xbaP\xa5a{\xe7\x1c\x1f1\x02\xef\xf1\xe3?\x87\xb5\x1fRC\xea\x97\xcb\x01j\xb9\x8cT\xcd\xc2\x0e\xdf\x9b\xcb-\xc3\xcf\x92\xac#+\xb57\x07@\xbc\x89!\xfc\x86\xdc\xdb\xd0\x87\r\xf5~@\n~\x90\xba\xa6R2\xcb:\xf3\x93\xe0\xe3\xa7\x07{\xc8\x895:\xd2"</t>
  </si>
  <si>
    <t>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</t>
  </si>
  <si>
    <t>b'\xf9\x07\xc0\x8d\tF\xc1\x9c\x0bV\xd7\x07\xc9B\xa8\xfd'</t>
  </si>
  <si>
    <t>e ones does."
 We was sailing around examining the pyramids, you know, and now we
 soared up and roosted on the flat top of the biggest one, and found it
 was just like what the man said in the Sunday-school. It was like four
 pairs of stairs that starts broad at the bottom and slants up and comes
 together in a point at the top, only these stair-steps couldn't be clumb
 the way you climb other stairs; no, for each step was as high as your
 chin, and you have to be boosted up from behind. The two other pyramids
 warn't far away, and the people moving about on the sand between looked
 like bugs crawling, we was so high above them.
 Tom he couldn't hold himself he was so worked up with gladness and
 astonishment to be in such a celebrated place, and he just dripped
 history from every pore, seemed to me. He said he couldn't scarcely
 believe he was standing on the very identical spot the prince flew
 from on the Bronze Horse. It was in the Arabian Night times, he said.
 Somebody give the prince a bronze horse with a peg in its shoulder, and
 127
 he could git on him and fly through the air like a bird, and go all over
 the world, and steer it by turning the peg, and fly high or low and land
 wherever he wanted to.
 When he got done telling it there was one of them uncomfortable silences
 that comes, you know, when a person has been telling a whopper and you
 feel sorry for him and wish you could think of some way to change the
 subject and let him down easy, but git stuck and don't see no way, and
 before you can pull your mind together and DO something, that silence
 has got in and spread itself and done the business. I was embarrassed,
 Jim he was embarrassed, and neither of us couldn't say a word. Well, Tom
 he glowered at me a minute, and says:
 "Come, out with it. What do you think?"
 I says:
 "Tom Sawyer, YOU don't believe that, yourself."
 "What's the reason I don't? What's to hender me?"
 "There's one thing to hender you: it couldn't happen, that's all."
 "What's the reason it couldn't happen?"
 "You tell me the reason it COULD happen."
 128
 "This balloon is a good enough reason it could happen, I should reckon."
 "WHY is it?"
 "WHY is it? I never saw such an idiot. Ain't this balloon and the bronze
 horse the same thing under different names?"
 "No, they're not. One is a balloon and the other's a horse. It's very
 different. Next you'll be saying a house and a cow is the same thing."
 "By Jackson, Huck's got him ag'in! Dey ain't no wigglin' outer dat!"
 "Shut your head, Jim; you don't know what you're talking about. And
 Huck don't. Look here, Huck, I'll make it plain to you, so you can
 understand. You see, it ain't the mere FORM that's got anything to do
 with their being similar or unsimilar, it's the PRINCIPLE involved; and
 the principle is the same in both. Don't you see, now?"
 I turned it over in my mind, and says:
 "Tom, it ain't no use. Principles is all very well, but they don't git
 around that one big fact, that the thing that a balloon can do ain't no
 sort of proof of what a horse can do."
 "Shucks, Huck, you don't get the idea at all. Now look here a
 129
 minute--it's perfectly plain. Don't we fly</t>
  </si>
  <si>
    <t>b'"\xba`+\xb7u\x0f^3\x19T1Sf\xcc\xfb\xe9r\xd5\x10\xa9\xc6=\x9a&gt;.k\x82\xd4\x8f\ry'</t>
  </si>
  <si>
    <t>22ba602bb7750f5e331954315366ccfbe972d510a9c63d9a3e2e6b82d48f0d79</t>
  </si>
  <si>
    <t>b'"\xba`+\xb7u\x0f^3\x19T1Sf\xcc\xfb'</t>
  </si>
  <si>
    <t>0 and the pull-up device in Fig. 16.16(b) turns off at the same time.
 Compare the output falltimes of the two circuits if M1 and CL are identical in the two
 cases.
 R
 M 1
 VDD
 D
 Vin
 (a)
 VDD
 0
 CL
 Vout
 M 1 Vin
 VDD
 0
 CL
 Vout
 (b)
 VDD
 Pullup
 Device
 Figure 16.16 Comparison of (a) NMOS inverter and (b) inverter using an active pull-up device.
 Solution In Fig. 16.16(a), M1 must absorb two currents: one carried by RD and another required
 to discharge CL. In Fig. 16.16(b), on the other hand, ID1 simply discharges CL because
 the pull-up device is turned off. As a consequence, Vout falls more rapidly in the topology
 of Fig. 16.16(b).
 Exercise For each circuit, determine the energy consumed by M1 as Vout falls from VDD to zero.
 In summary, we wish the pull-up device in Fig. 16.15 to turn on when M1 turns off
 and vice versa. Is it possible to employ a transistor for this purpose and turn it on and off
 by the input voltage [Fig. 16.17(a)]? We recognized that the transistor must turn on when
 Vin is low, postulating that a PMOS device is necessary [Fig. 16.17(b)]. Called the â€œCMOS
 inverter,â€ this topology benefits from â€œcooperationâ€ between the NMOS device and the
 PMOS device: when M1 wishes to pull Vout low, M2 turns off, and vice versa.
 M 1
 VDD
 Vout
 Pullup
 Device
 (b)
 Vin M 1
 in Vout V
 VDD
 (a)
 Vin
 Vout
 VDD
 VDD
 (c)
 M 2
 M 1 Off
 M 2 Off
 Figure 16.17 (a) Pull-up device controlled by input, (b) CMOS inverter.
 16.2 CMOS Inverter 775
 Did you know?
 The CMOS inverter was proposed in 1963 by Sah
 and Wanlass of Fairchild. Unlike previous logic fam_x0002_ilies, the CMOS inverter consumed nearly zero
 power in its idle state, opening the door for low_x0002_power digital integrated circuits. Interestingly,
 among the first applications of CMOS logic were
 digital watches, manufactured in the 1970s. In
 1976, RCA introduced the 1802 microprocessor,
 evidently the first CMOS realization. Owing to its
 low power consumption (and its toleran</t>
  </si>
  <si>
    <t>b"\x87-\xc2\x13\x0c'aV,B\x1f\xef\xc6\xafC`"</t>
  </si>
  <si>
    <t>872dc2130c2761562c421fefc6af4360</t>
  </si>
  <si>
    <t>odisias. A tourist attraction in both ancient and modern
times, the Tetrapylon, framing the approach to the temple of Aphrodite, was repeatedly rebuilt.
The original civic building is a splendid example of second-century civic pride expressed in
public architecture. Interestingly, the building was rebuilt in the fourth century, when the
temple of Aphrodite was presumably less of an attraction than it was in the second century
( photo courtesy of Sarah Levin-Richardson)
238 Maud W. Gleason
bases in all the cityâ€™s most important public spaces. Indeed, the entire landscape of the
city served as a mnemonic device. One could not move through the agora, the
gymnasium, or the colonnaded streets without being reminded of the generosity
and achievements of the cityâ€™s elite, extending back for generations. The wording and
placement of these honors were the result of extensive negotiation and discussion in
the council and assembly: â€˜â€˜It seemed best to the Council and the people . . . to crown
Diodoros with a gold crown and to construct for him an exhedra in the new
gymnasium, between the solarium and the portico . . . in which a marble statue of
him is to be erected . . . â€™â€™ (IGRR 4.293). Presumably the Council had more say in
these details than the assembly, but even members of an occupational association
might ask for permission to put up an inscription honoring a prominent citizen, and
so get themselves on the map, as it were, of the cityâ€™s commemorative system (van
Nijf 2000).
Now it must be confessed that the public image presented by a Greek cityâ€™s official
inscriptions â€“ a harmonious sodality of gracious benefactors and grateful beneficiaries
â€“ is somewhat misleading. Not everyone was willing to spend who should have been,
and some categories of persons had official exemptions. Educators and physicians
performed a public service by exercising their professions. Therefore Hadrian â€˜â€˜wrote
that philosophers, rhetoricians, grammarians, physicians were immune from the
offices of gymnasiarch, agoranomos, priesthoods, from the provision of lodging (to
servants of the imperial government), service as buyers of grain or oil, that they were
not to be jurors, ambassadors, or to be enrolled either in the army against their will or
to be compelled into any provincial or other serviceâ€™â€™ (D. 27.1.6.8 Â¼ Oliver and
Clinton 1989: App. 9). Hadrianâ€™s successor had to limit the number of such exemptions allowed in any one city:
The smallest cities may keep five physicians, three sophists, and the same number of
grammarians free of liturgical duties. The bigger cities [where assizes are held] may have
seven healers and four teachers of each type. The biggest cities [metropoleis] may
have immunity for ten doctors and five rhetors and five grammarians. . . . There is no
set number for philosophers, since philosophers are so rare. But I think that those who
are extremely wealthy will offer the benefit of their wealth voluntarily to their hometown. For a person who quibbles about money shows himself no philosopher.
(D. 27.1.6.2, 7, 8 Â¼ Oliver and Clinton 1989: App. 8)
Aelius Aristides quibbled. A rhetorician born in the insignificant city of Hadrianotherae, he made his home at Smyrna, when not taking the cure at Pergamumâ€™s
sanctuary of Asclepius. Because he was a man of considerable wealth, he was pestered
from all sides by demands that he perform liturgies. He resisted with energy remarkable in an invalid. First Smyrna tried to elect him high priest of the Imperial Cult.
Then they nominated him tax collector. Clearly, Smyrna was not willing to count him
as one of their liturgically-immune teachers of rhetoric. They had a point: he didnâ€™t
teach. But on the str</t>
  </si>
  <si>
    <t>b'\xd9\xc5\r\x95\xd9\x1e\x9a,\xdb\x94C4B\x05\tl\x14\x18p\x91\x82T\x8dN\x15\xc0#&amp;\x7f\xed\xb6\xed\xbf\x8e\xa5\x9e%\x9e\x0b\xa3#\xcb\x88K\xaf7|u\xeb\xa5\x0c\xe1XH]4PO\xf9/h\xf3\x1b~\xb0\x88\xcb\xf8&lt;==\x9b\xd2\x80O\x86nt\x15\'\xfc\xb3\xd8\xbd\x1at\x1fk\x8a\xe30\xaday%3\x04&gt;\x14\xcf\xf8\x8b&gt;\xe9Q\x00\x14\xfaHwTs\x10\x07\x04\xd6\x1b)\xd0\xec\xf9QW\xe0\xa1;^n*\xf79q\xf6\x88e?\x9d\x9e\x9f\x83y\x8f\x1f:\x17&gt;\x94*\xd3j4l\xb7s\x12T\xd8\x99\x83\xe6\x80\xb4\x04\x03\xf3\x05\xd06Q\xe8\x00\xb0\xa6\x98\xc7\x9b\xb6\x89\x1a\xdc\xcb\x02Vlj\x14\xc5\xf4\xdff\x9aZ\x18\x7f\xb0\xf5o5\x9e\x12{2m\xf1\xbb\x12N\xe5\xd48\xd9\x9a\x07[\x05\x08G\xe2\xa4\xe6\x9aZ@\x90\x19K\xcb?\xe8E\x06M\x81\xf5))\x9b\x0e&amp;\xde&lt;s~Y\nc\x12l\xb6c\xba\xab\xe4\x03\xd5\xc1\x1e\xd6-\xcd\x1bxs\xb5\x9dJ\xb5\xdf]\xc6\xc6\xd6\xbc\x07?\xc4\x96z\x88E\xcc\x1c?\xf3\xfaT\xd4W\xc2\x1c\xf9\x1d\xc8\x14\xd6\x90\x12%\x1e\x1bD\xf7q\xae\xcc\x0bo\xa5A\xd6\x98\xa7\x1d2!\xde\xd7\xe6)s\x8e6\x05\x7f|\xca\xb68\x82os\x92\x0e\x8a\x90\x01\xc2T\xe44\xeb\xb0\xe5\x7f\x0e\x8d\x96@\xc2\xf0\x82\x98\xe7\xack\xea\xc8&gt;:\x87\x94\xdc\xa6\xc6O\xa2\x924\x97\x1cuH\xbeX\xd3\xe4\x05@\x04\xeb\x9f?\xc6v\xdaT\xfb\x81\xa8E\xce\x98\xb8\xea\xb2\xca\x8fS\x9b@\xf8\x80E\xd2\xe8h7\xad\x06_\xe0~W\xff=+\xdd@\xa2\r\xae\xd5Z&amp;\x12\x10 %((n\xa4z\xb4\x8af\x85\xdf\x1a\x81\x8c!\xa1o\x9b\xadA\xa8&lt;eY\t:[Y\xc2\x88\x01\xe1\xa4\xc6Z\xee\xec$\x95\xca\xadA\x9b\x03\x84\xaaY%\xae\x9f\xc6\x04qA\xa6vM\xeb\\\xef/\x8fG\xfb\x08\'\xad\xc1\x9fS\\\x82n)\r\x88\xff(\xc6\xc3\x0c\xd0\x0b,Q"\xfcp\xb2\x83\x9b\xec\n\xb4\xd7\xad3\xe2\x078Jn\x0eIN\xe45\xe9\xee\x0f\x10\x13&gt;hL\xc0"\x0e\x15\xdd\r\xccFT\xfe\xa0_H\x04\xed\xd7\x18PO\x0c\xe6T\xd1\xcfz\xb7|\x01\r\x8ch\xde|N\xc6\xc2kB\xcalq\x05\xcfV\x14M\n\xd4#\x9f\x87\x13\xc2Y\xe9L\xc17\'\x9f\xa7\xf9|\x93\xd4\xd4\xde\x055\x94\x97[00\x97\x87f\x8cg\x13\x1cT^#\xadw\x08\x0f\x0e\xb1\xf7\xd9\xc4B\x05$N&gt;\xa0p;\xfc\xc4g@0s\xd5](\x9b%\\\xc9"\xd1\x8a\x9d%\xe4\xe9\xd4\x19\xda\x1d8\xefb^K\xc6\x8c\xad\x95L)\n\xb6hK|\x83\xd5/\xff\x86\x10(\x9e/\xc3}a\'\x94\xbbR\x0e\x18\xfdA\xf3$L\x02\xfc\xbe\xb8\xbf\xd2\x9a\x06\x9eS\xce\x9b{R\x99\xac\x80\xe3I\x96\xd6[a{\xb1it\x05\x00\x1b\xf5\xa9Z\xda\xe1\xb7#\xb3\xea\xc3T\x08G\x98\x1bUi\x83\xba\x86&gt;*P\xe2\x1cc\xd9c\xf5\xbcA\xb5Xr\xf9\xc7\xed\x0e\t\xc8\x0bp\xdc\rX\xa2\xffSW\xaa"\x1d\xa6A\x9a\x90\x9b\xec\x91\x04\xe6H\xf4[O\xf1B\xafVRI2\x1b\xec]$\x95,f\xbaD\xff=\xd9\x9c\xbcL\x06\x12\xe1Y1\xdcKk\xee\x86&amp;\xa93\xe1\xa1\xaaM\x95\xe1^\xb0\x04\xe0\xba\xd2E\xe7\x9a\xd1\x06\xb8\xa2\x8f\x1e\x15\x17a\xaa\xc3Vr\xce\xc9\xac\x9d\xa8:^\xd5\x82\x8b\xe8^\x0bL\xd7c\xcco\xc1L\x82\xad\xd4\x85\xd0\xfd\xc3\xe9\x0e\xd3{^\xb6\xc9\x90\x0bOF\xd0\xea\x14{\x8e\xfc"\x83KS\x12:\x06\xe7\xbe(D\xce\xbd\x87;\x158\x90\xa1\xe00\xbf\xb9?\xcb\x07G\\p\x90\xfa3\x853\x03\xbe\x9eK3\x1al\xf9\xc9\xdb\xda\xc0@yi\x1e\xe7\xde{9\xa0\x12\xee\x94\xc4Q\x89\xcal\xc4\xeb\x85=Y\x0b\xd1\x08\xfa\xff,\xf6\xbc\x0f\x9c_\x02\xe1o7R\xefcZm\xf9\xd5\xdd^6\xd0\x95\xc2\xaa\xce\xc6\x8a\x05\xeb-\x1f\x84\xfbU\x8b\x8b\xd7\x01\xb3\x9c\ne\xe5\xf2\xc1\xcb\xbd\x84\xc1Su\x0f\x85\x08\x1c8\xba\x070e\x0e\x87\xa5!\xc7\xc1\x15\x18\xa4\x80\xfd\xc7\xdb\x9f\xa7o\t\xc8T&amp;=1l\xcd\xa5\x98\xb2\x10Vd9\xe4\x9e7\xbb\x90\x1f\x0b\x05}\x07\x86\x14\xe8\xd6u\xd35\xdf\x89\xfb)?\xbd\xd1\xbd:\x19k\x14\xe7\x0e!\xfe~A{\xe5\xa5vZn\xdf\x17\xa8\xa0]\x18\x9b\x04\x7f\xd4.\xb8\xf8:\xc16\xdd&amp;\xf0\x19\xe8}W$\xba\xbf\xe4\x94\x17M\xbd\xbf\x0c\xd7 \xf6\xa5\x17\xc3\x87\xdc \xd5\x06\xb4 \xfe]\xcbF\x0c"\x89\xb5\x86\x0f\xfa\xae\xf5\x14;\xb5\x196\x06i\xf5=C\x9ca\x9c\xbe\xd3\x1c\x82\x0bw\x90\x99|\xf2\xe2\xd9\xd8o)MQ\x9cj#M\x1a\xf1\x05t2\xda\x84\xdc\xbe\xe7\xb3\x8b\xccWv\xe9\xb1]8\xfap\xdd\xba\x83AnR8e\xe5I\xdd\xa2X\x95\x92\xdd\xb9n2`\x16\xa1\xa1XR\x92\xc1\xbc\xf5\r\x05\x88\xe3\x88\xb3\xcd\xa4\xc61\xf9\xb8"\xc0\xe1Z\xdf\x99\x89\x88{\xad\xa4D6\x05 \x85\x03\xf5\x9742\xc2rC\xdf\xd9@\xe9\xf9\xfam\xe5?\x9b\xa7&gt;\x97\xe4\xa1\x8f\x88#\x88\xaa\xfc\xed\x8d\'T.}7\xa9\x06k_\t\xb3\x93\x7f\xd5\x12g\x89s\xd0\xa7S\xd64\xa3VI\xdeK\xe6\xbf\xc0a\xb3H\xb7\xfc.Y\x83f)\x19\xa9[A\xeeR]Bk\x8a\x81\xdb=&lt;e\xea\x92\xea\xa0c\x8b_P\x16\x1d\xfa\xd0\xc4]X\xa8\x92\x15\xbd\xd7\xb2\x8b2\x83\xa0k\xbe\xc6\xc6\xf6\x8bj\xe7\x15\xfaT]R9\xd5\x13\x80k\x9c\xad\x92\xbbvJe\xaam6\xec\xf8\xd6}\xda\xdc\xb0T*\xbe\xa2&gt;\x94\xe3\x9c=\xa5\xc9&gt;2\x8c\x9bp)\x94\xc2_\x1e\xcb0\xc8\xa9\x1a\xa2\xa4\xdc6\xdb\xa4\xd2)\xdc\xb7\x8cW\xae\x89\xb7L\xd9\xc0\nz\xae\x1cX\xaa\x9d\xe9\xc6\\(\x0bX*|\xde]\x15\xe2\xc0D*\xdf7\xdb2t\xb2\r\xb0Sa\xd4tPn^1\x9a\x01\xc3pAr\xe9\x9bVs\xe5$\xf1\xe1\x821~\x8b&gt;4OsOd\xe2\xa7\xb8Y\xd5\x7fkb\x8d\xe8\xfa5CX\x83\xd4\xc8\x1e&gt;wi\x1ae\x89\xc7\x11\x98\xca\xee"\x99\x7f&lt;\x18r\x10\xce`"\x1eF\xf0(\xce\xd4O\r\xcc\xb8\x12$F\x99Q_2\x0bt\x149\xf0_\x99\xf7\xab\x17\x95\x1a\x90\x8b\x8b\x82\xd8B"\xc6^\x1a\x01\xd4F\x8e\x1aoV\x12_\xd5?WsP\xfbd\xf2K\xf0\n\xec\xd0\x1d\x16\x95\xe1N)=\x8f\x98\x7f\xb6I|\xe4G\x9bJ0M\xe4\x00:\xc4o\xccb\xb6Jd\x1e\x9f\xdf\x82&gt;\x1cP\x08\x00\x83jh\xf9-\xe0\x8f\x04\x8c&amp;\xf2!\xe2\x01\xb2\xd3\x98\xe4\x08\x1ag|\xcf\xde\xbd\x072\x0f\x95\xf4\x0c\xcdZ\x1b\xb9D\xda\xdb\xd5\xd6\xba\x10r\x19\xdc\xc2\rJ\x0ff,\xa6\xd3\x06\xe2\xb0\xb6\xdez\xaa\xe4\x12\x99\xf9\x1a\xff\\0,\x159Qe\x00T\xe2n\x12\x9d\x99\xd1vq\x81\xf0\xefKNi\xfc\xc3\x06{?\x04\xbb\xe5F\xfeg6=5\xff"\x84\x11\x8c_\x80vR5\xd9q\xb6\x8a\xcf5\xb2P\xac\xdd3V\xc0\xfc\xfa&gt;\x83&amp;\x93\xb2\x0f\x88\xdc+F\xb2\x13\x85\x94\xc9n?\xf7|UI\xd0W\xa4\xbe\xc8\xeb\xafvg+9Kg\x15 |\xaf\xff\xebF\x8b\x01t\x84b%\xccu\xc5(N\x98\x7f\x91\xed\xa9{`/\x9b\x005\xde\xf4\x92b\xc1\xfa\x1b\xa5\xd8\x98\x1a\x9a\xc4\xc4\xfc\xa3m\x10\x04\x8a\x1bt\x1f\xef\xc7\xce\x83?\xf0\xc4\xcc\x89\x9a\xd2\x8f\xbaL\r\xa58\t\xde\'\nZ\x1e#R\xcb$\xd0\x83\xc0J\xd3\r6u\xc3\xab\x82\xb5A\xde\xd8\x97\x89\xa2k\xaf6\xf40\x94\xbeo\x15Y\xd57\x12\xf7\x19Ak/T\x908(\xb1z\x80\xdd&lt;CX{\xbf\x8f2k\x0fm\xda\xe7\xe96p\xb6S+\x0f\xc9k/\xe7\xce\x95\xcc\x8b#K\xee\x07\xb4?Y\xbe\x00\x9a\xd9\x01\xce\xa4\xc2\x831\xdd\x91b\xd4\xd5\xfd\x17\x8f\xb4\x97\xf0G\x9b\xd8\xf3\xd6\xaa\xa3\x8f\x07\x15T\xbd\xbb\x1do\x88[\x93h2\xcfH4_\x04\xc2S\x1b\x9fQ%\xaf\x83G\xf9|\x11G\xef\xbd\xf8\xed\xf0]%\xa7\x03\xc2\xec\x16\xde5]\xfen\xa4E\x0fZ\xa5\xa5\xb6\xf3w\x08\xe7\xf1\xbe0\x97\xaeG\x90\xc3\x9e\x8d\x178:\xdb\xe2\xe4c\xc4ZO\x96&gt;\xde\xc1#\x98\xb2\x8f\xdd\xe7\xf3\x15\x1dn\xbeG\x00j\x9c\xda:\x7fV4\x12]\xf2\xea\x0e-9\xb0\xbcQ\x18\x15\x8d\x04\xaf\xab\x15H\xc0\xc5op\xed^\x81\xe7\x83\xee(\xb0\xee\xa1B\x0eWi\x05 \x9cJ\xc2g\xb7b$~\xf66\x9a\xe5\x19\xfc\x9b\x9bvl\xdb*\x19\xbcW\xc0a6\x06\x16w\xee\x1d\xce2\x1fk%w\x00J&gt;L\xa6\xa8\xc5\n\x1a\xfd\xc1\x8d\xd8\x9a\xdb\x1a\xcd\xda\x8fK\xa6/&amp;.0y,\xe0v\xbf"\xb2\xa3\x19\x07W\xb84G\xf6\xacT|-\xc0\x8c\xf0~\x83\x8d\xcc"\x94\xbc\x1cu\x113\xcb\x02\xdd\xcb\x02\xb5\xb8\x8c\x90\xc6`;H5\xf6\xc4\xba\x9d1\x85\\\xf5\xe6]{!@\xd3`\x8f\xfe\x12\xf0\x86\xe1\xb0\xb5\xc5\\\xed@\xd53I\xe7\xfc\x9f\x86E\xe1ZG\xbeiv\xf1\xee\x1c\xa1\xa36{\xcf\xfa\x1b\xcf\x12\x0c1\xc5[\xba\xca\xd8\xc5\xab\xcd\xa1\'\tR\xc4\xaeI$\xce\x1b\xa1\xfb\xf6L\xc1^\x0b\xa9md\xf3\x1c~M%\xb5\x1a\xa7\xe5\xb8\xe2\xde\x90\xeb\x86\xf2\xa3\x93Gg&amp;\xe2\xd7 \x8b\xac\xb6(\xdd\xb3?\xf5\x91\xcf\xef\xfa~\x8e\xbc\xc1\x94Y\x87\x00\xa4\xea\xb5\xadU\x1d\xcf\xcaO]\xa4]4q\xbd\xb6\xa5\xf3P\xac\xcb\xcd\x11\xb2S\x01FI),=p*B9Z\x03oQ\x8d\x1b\xed\xf1\xe3\x8d\x82m\x13\xe5o\xdb/\xbd\xf6l\xc1Z8\xc9\xcd\x19\xdb\x15z\xf7l@\x84\xb3\xdd\xb0\xbd\xf9\x16L%\x99\xe8\x9cp\xde\xff\r*\xe9\xe9\x03%u\xf6L\xd7\xffx\t\xedq\xfe\x82\xe4{\xd0&lt;\xba,[\xc5\xbeR\xe1*\x97X\xde\xbd\xbd\xae&lt;\xc0\xc1\x05\xcb\xe0Gp\x1d\xfd\xa0\x1c\xa2DB[\x1e\xfd\xee\x8c\x8c--\xd5\xc0\xa4\xa9\x0c\\\xe6\xf9\'\x7fs,_\xdc\xa7\xeczM\xbb~m\xddy\x12\x91\xfa\x85\xab\x17H\x9f\xd3`\xeef\xf8\x18[Q~\xa4\xf5J"Q%\xbcW\xab9\xa2O\x92\xbdP\x06\xe6\x88\x8d\x1b\x11\r\xe1pC\xb4\x19U+\x92\x96*\xd0&gt;\xf3\x0c?J\xea\xcb1\x91\x92\x1f&lt;\x88\xec\x95\x82!\xbb\xb8\x1f\xba\xccd\x83\n\x91\xc3X=!7\x9a\x88\x1c\xda\xd5\xa9\x17\xe8|\x05\xd1\xf1\xdd\xc6@\xd8\xe6h\xd2\xfe\xcf[\x14\x8e\xde\x83\x12\x8bc\xcd0~\x81\xd8\xc4/\xbd9\xf5k\x93\x94\xec\xbf\x97d\xa29\rh\xde\xe0\xc1\xc4f5I\xf1\xe9\xac\xb9Z\\A\x9b\xf2@?\x9f\xff\xd2L\x8b\x11@\x1eZ\xe9;]0\xc4\xb4\xc7\x9c\xacKK\xf5\xccn\xac\x1er\x1a\xf687\xfbe\x14\x8b\xa9\xe7LN\xd7~\xfe\x98\x9c\x8d\xe3\xa8\xbc\xdelN\x7fl|v\xf7\xcb\xa5[.\xb8\xc0[W\xef\xcb\x04\xa7\x8dx}\x00\x12V\\\xf6\xae\x90IS\xad\xcf\xfa\xe8Da\xe0\x86{\x85\x8f\x7f\xaaD`\x17|\x9d ?\xf1\x06\xfcu03\x1f\xf9\x98\x87\xdf8w\xcbvPq\xf8\x08\xcc\xcb\xc3\x04\xa1|\xaf\x1d\xc7\x8a\xc9\x94\xec\xc9\xf447x\xa0\xbd\xa5\xceM\x19\xdc\xf5\xee\x93w\xab`O\xd9mq\x9fbP\x06\xfb\xb0I\xf5\x8c5\x88l\xa5\xc1\xad%\xda\xc3y\xec\x19 \x05+\xa6p\xa3\x10\x08\x80}thk\xd2\xa9c8\xd2a\'\x0e~t\x90Q\xa3*\x88X\xb9\x151&lt;\x87\xd8\xa1\x84[P\xe3\x89\x17\x17\x83\x06z\xa3y\xbc\xa3\tE\xc5\xcd^~\xdaH^\x0f\xf8\x8a\xdb\x0f\xa0\xf1\x1e\xd0!\x91b&gt;|\xde_@HC|(1}\x88Y\x9b|9S\xc2\xb2\xaf\xea6I\x82Pd\n\xce\xed\xdaT\xbb\x9ew\xb4-`\xf6\xbc\x1f\xd5l\xd1\x0cVv{nU\xe0\xbc@R\x9a\xe2S\x9c\x05\x1cx\xc0\xa2\xf0\xca\x10\x91\xc6q\xe6\xa0\x19\x9a_\xf8\xcd\x02\x16\r)\xa3\x07\x17\xe3z\xd4\xb3G\x807\x1c\xc6&gt;\xe7\xc5&amp;\xdd\x08\x8d\xa0\xea\x16}\xed\x9b{\xdb\tn\xa8\x04\xbe;\x0e\xe0\xee\xa9\xdb2\x17~\x91\x91[*\\\x0em\xec\xb4j\x14\xfc\xc2?,v\n#~v\n\xf1\xb1\xd5\xe9\x124C,L\xa0fz\x1fO\x1bfe\xbcN\x0c\xce\xa7\xad\xde\xc8\x87"\xd0t\xb8\xc6.\x12dRE\xd6\x15N\t\x80\x04-\x9c\xbc\xc7?\x82\ta\x1c\xc8\xc7\x86\xd6\xfe\x99\xac&lt;\t1\x99&gt;}\xb9=\x8a\x8e6G\xa0.F\xe7%\x0ch\xfa{)\x0f\xe2\x8f\xacp\xf76\xc9;7\x1a3y\xec\xf0\x84*!\xd0\xc8\x8c\x99zX\xcb#\n2\xff\x96\x9c\xef\x99\xb88\xa9\xbf\xcf\xae\xa7v&amp;\x8fKYE\xe2,n\x92b\x14y\xdc\xc9w\xd7(*)\xf5q\x81\x8f\xa9\xd5Qwc\xdc\x8eG\xa5\xb1\x14-\xa9Uwns\xa8\xc3\xce{\x1d0\x0f`\xfc\xc4\xcbz\x01\xafx\xea\x0biH\xe8=o\x14\x1b\xd8\x80~\xb1Hy\x8fK)\xe2_\xa4\xa5\x9d 0\x95vz,\xfc\xeb\xed\xc9\xcf]e9\x13\\\x1f4)\xf6Y\xb2u\xceO\x7fC\xd1&lt;\xdc\xa4\xd9e}\x1b\xaaz\r\xbd\xe3\xa7&lt;|~\xd9rG-\x1e)\xe5\x12\xdf\xcdhh\xe7\xab\xde\xc7UI\xecY\x16\xb08Y\xe7c"ZuB\x8c\xd7\xfb5x\x80F\xc8\xe3\xe1\xebD/\x03\x82\xa6\x8a\xbe\x14D-Gi}\xee\xec\xc2=1j\xd7X\xf1\x11\x87\x96\xf3s\xc2\xed\xabqj\xf5\xdf\x91E\xd1\xa6\xec\x8b\x00o\xf3\xd0Le\xb2\xb1Qui\r\xd5\x0e\'Z\xb3Nb\x11f8w\xff\xbe\xefw\xbf\x0f\xb2r Z\x98x,\xbb\x17\x8b\x98X\xa2\x10\x92\\[z+\xbe\xfa\xa2\x94\x9ez\xea\x1e\xdb\xbd\x16\xbeb--\x17\xac+N{\x8c\x91\xa0A\xe9C\xbb\x8cw\xbc\xe6\x0eFd=\xa3)u+\x1c\xa8\x92D\x1a\x9d\x99z\xc0S\xf0\xf7\xd1q\x08\xe1\xa7\xbd\x08H\xd8\xdd\x80Zm,\x1d\xb0D\\][\xde\xb5B5\xfd\x07\xbe.\x99\xdb\x87\x8e\x0e\x18T\xa9?\rfHA|\x05z6]\x0f\xab\xec\x9b\xe6\xd9\xbe\xd9c\xd5\x12\xac\xd1\xe5\xe7\xe3\x9bg\x17\x88)\x81\xdd\xebZ\xc2\xb9\xe3#\x82\x1e\x9a&lt;\xdf\xe4?\x84\x15\xab\xf0m\xa1\xdbf\x98\xaeS\x08m\xf6\x0e\x80(\x9bl\x1d\x80\xd0\xf7\xc89H\xee&amp;\xd6[\xffW\x98\xc2\xaf8\x81\x95\xba\xfb\x08\x94]\xb8\xf5\x95N\xf5Fz\xe2i\xe6U\x91\xc9\xf0u\xe1\r6&gt;\x9b\xf0Dt}\xcbv\x91\xfc\xd9\x83)\xc2\x9a\xfa\r\xdd\x11b\xd7\xdb"\xf6\x82\xc1\x18\xc2\x06\xe0\x1cyj\x81\xfa\x81\xc6\xe5,Ic\xcf\x9cC\xd8whXS,\x84\xf1\x18\x1a\xdf\x17\xd7\xdc\x1f\xd8\xe6I\r\x1a:\x05\xe0&lt;;\xb98\x8f\x15R\xfb\x0e{}\xec3\xa3}&amp;\x1f/\xd2\x93\xb5y\xa8\xd3f$\xb2@O\x81$w\x13\xcc\xe2@'</t>
  </si>
  <si>
    <t>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</t>
  </si>
  <si>
    <t>b'\xd9\xc5\r\x95\xd9\x1e\x9a,\xdb\x94C4B\x05\tl'</t>
  </si>
  <si>
    <t>Fig. 12.94.
 **12.33. The amplifier depicted in Fig. 12.95 con_x0002_sists of a common-gate stage (M1 and
 RD) and a feedback network (R1, R2, and
 M2). Assuming R1 + R2 is very large and
 Î» = 0, compute the closed-loop gain and
 I/O impedances.
 R
 R
 Vout
 M 1
 RD
 VDD
 1
 2
 M
 Vb
 I 2 in
 Figure 12.95
 **12.34. Repeat Problem 12.33 for the circuit illus_x0002_trated in Fig. 12.96. AssumeC1 andC2 are
 very small and neglect other capacitances.
 Vout
 M 1
 RD
 VDD
 M
 Vb
 I 2 in
 C1
 C2
 Figure 12.96
 Sec. 12.6.3 Current-Voltage Feedback
 12.35. A â€œlaser diodeâ€ converts current to light
 (as in laser pointers). We wish to design a
 circuit that delivers a well-defined current
 to a laser diode. Shown in Fig. 12.97 is an
 example in which resistor RM measures
 the current flowing through D1 and am_x0002_plifier A1 subtracts the resulting voltage
 drop from Vin. Assume RM is very small
 and VA = âˆž.
 634 Chapter 12 Feedback
 (a) Following the procedure used in
 Example 12.21, determine the open_x0002_loop gain.
 (b) Calculate the loop gain and the closed_x0002_loop gain.
 Q1
 R
 Laser
 Diode
 A 1
 Vin
 VCC
 I out
 D1
 M
 Figure 12.97
 12.36. Following the procedure used in Example
 12.22, compute the open-loop and closed_x0002_loop output impedances of the circuit de_x0002_picted in Fig. 12.97.
 *12.37. A student mistakenly replaces the
 common-emitter pnp device in Fig. 12.97
 with an npn emitter follower (Fig. 12.98).
 Repeat Problems 12.35 and 12.36 for this
 circuit and compare the results.
 Q1
 R
 Laser
 Diode
 A 1
 Vin
 VCC
 I out
 D1
 M
 Figure 12.98
 12.38. The amplifier A1 in Fig. 12.98 can be
 realized as a common-base stage (Fig.
 12.99). Repeat Problem 12.37 for this cir_x0002_cuit. For simplicity, assume Î² â†’ âˆž.
 Q1
 R
 Laser
 Diode
 VCC
 I out
 D1
 M
 Q 2
 Vin
 R C
 Figure 12.99
 Sec. 12.6.4 Current-Current Feedback
 12.39. A student has adventurously replaced
 the PMOS common-source stage in
 Fig. 12.47(a) with an NMOS source fol_x0002_lower (Fig. 12.100).
 DD
 M
 V
 M
 1
 2
 R D
 I in
 R F
 Vb
 Device
 Figure 12.100
 (a) Prove by inspection that the feedback
 is positive.
 (b) Break the loop at the gate of M2, de_x0002_termine the loop gain, and prove that
 the feedback is positive.
 **12.40. Consider the feedback circuit depicted in
 Fig. 12.101. Assume VA = âˆž.
 (a) Suppose the output quantity of inter_x0002_est is the collector current of Q2, Iout.
 Assuming RM is very small and RF
 is very large, determine the closed_x0002_loop gain and I/O impedances of the
 circuit.
 (b) Now, suppose the output quantity of
 interest is Vout. Assuming RF is very
 large, compute the closed-loop gain
 and I/O impedances of the circuit.
 Q
 VCC
 Q
 R C
 Vb
 R
 I out
 R F
 M
 Vout
 1
 2
 I in
 Figure 12.101
 Problems 635
 Sec. 12.7 Effect of Finite I/O Impedances
 12.41. The common-gate stage shown in Fig.
 12.102 employs an ideal current source as
 its load, requiring that the loading intro_x0002_duced by R1 and R2 be taken into account.
 Repeat Example 12.26 for this circuit.
 Vin
 R
 R
 Vout
 M 1
 VDD
 1
 2
 Figure 12.102
 12.42. Figure 12.103 depicts the bipolar coun_x0002_terpart of the circuit studied in Example
 12.26. Assuming R1 + R2 is not very large,
 1 _x0007_ Î² &lt; âˆž and VA = âˆž, determine the
 closed-loop gain and I/O impedances.
 Vin
 R
 R
 Vout
 R
 V
 1
 2
 Q 1
 C
 CC
 Figure 12.103
 12.43. Repeat Problem 12.42 for the amplifier
 illustrated in Fig. 12.104.
 R
 R
 Vout
 V
 1
 2
 Q 1
 CC
 Vin
 Figure 12.104
 *12.44. Repeat Example 12.28 for the circuit
 shown in Fig. 12.105. Assume VA = âˆž.
 *12.45. Repeat Example 12.28 for the circuit
 shown in Fig. 12.106. Assume Î» = 0.
 VDD
 RD1 out
 R
 R
 in 1
 2
 V
 V
 Q 2
 Q 1 RP
 Figure 12.105
 M 1
 VDD
 R
 M 2
 D1 out
 R
 R
 in 1
 2
 V
 V
 Figure 12.106
 12.46. Assuming VA = âˆž, determine the closed_x0002_loop gain and I/O impedances of the am_x0002_plifier</t>
  </si>
  <si>
    <t>b'X2\x9f=4\x88\xa54\xc1\xb7$\xae\xc9\xef\\k'</t>
  </si>
  <si>
    <t>58329f3d3488a534c1b724aec9ef5c6b</t>
  </si>
  <si>
    <t>rs and consumers by inducing them to act as if imports were more expen_x0002_sive than they actually are. The cost of an additional unit of consumption to the econ_x0002_omy is the price of an additional unit of imports, yet because the tariff raises the
 domestic price above the world price, consumers reduce their consumption to the point
 at which that marginal unit yields them welfare equal to the tariff-inclusive domestic
 price. This means that the value of an additional unit of production to the economy is
 the price of the unit of imports it saves, yet domestic producers expand production to
 the point at which the marginal cost is equal to the tariff-inclusive price. Thus the
 economy produces at home additional units of the good that it could purchase more
 cheaply abroad.
 The net welfare effects of a tariff are summarized in Figure 9-10. The negative effects
 consist of the two triangles b and d. The first triangle is the production distortion loss
 resulting from the fact that the tariff leads domestic producers to produce too much of this
 good. The second triangle is the domestic consumption distortion loss resulting from the
 fact that a tariff leads consumers to consume too little of the good. Against these losses
 must be set the terms of trade gain measured by the rectangle e, which results from the
 decline in the foreign export price caused by a tariff. In the important case of a small coun_x0002_try that cannot significantly affect foreign prices, this last effect drops out; thus the costs of
 a tariff unambiguously exceed its benefits.
 Other Instruments of Trade Policy
 Tariffs are the simplest trade policies, but in the modern world, most government inter_x0002_vention in international trade takes other forms, such as export subsidies, import quotas,
 voluntary export restraints, and local content requirements. Fortunately, once we have
 understood tariffs, it is not too difficult to understand these other trade instruments.
 CHAPTER 9 The Instruments of Trade Policy 203
 of the original tariffs were dropped, except for the
 ones on chickens and light commercial trucks.
 Volkswagen stopped producing those vehicles, but
 the U.S. â€œbig threeâ€ auto and truck producers
 were then concerned about competition from
 Japanese truck producers and lobbied to keep the
 tariff in place.
 Japanese producers responded by building those
 light trucks in the United States (see Chapter 8).â€ 
 As a result, the latest company to be hit by the
 consequences of the tariff is Ford, one of those
 â€œbig threeâ€ U.S. producers! Ford produces a small
 commercial van in Europe, the â€œTransit Connect,â€
 which is designed (with its smaller capacity and
 ability to navigate old, narrow streets) for
 European cities. The recent spike in fuel prices
 sharply increased demand in some U.S. cities
 for this truck. In 2009, Ford started selling these
 vehicles in the United States. To get around the
 25 percent tariff, Ford installs rear windows, rear
 seats, and seat belts prior to shipping the vehicles
 to the United States. These vehicles are no longer
 classified as commercial trucks but as passenger
 vehicles, which are subject to the much lower
 2.5 percent tariff. Upon arrival in Baltimore, the
 rear seats are promptly removed and the rear win_x0002_dows replaced with metal panelsâ€”before delivery
 to the Ford dealers.
 *
 See Matthew Dolan, â€œTo Outfox the Chicken Tax, Ford Strips Its Own Vans,â€ Wall Street Journal, September 23, 2009. â€ 
 Before opening production facilities in the United States, Subaru got around the tariff by bolting two plastic seats to the
 open bed of the pickup truck (Subaru BRAT) that the company exported to</t>
  </si>
  <si>
    <t>b'0D\x02 &amp;\xd4\xf9%9\xb35\x08\x9d\xf7\x0c0\t\xed\xe9\x93-K/\xf3\xfd\xe2\xd3\xe3&lt;\xb9E\xd0\xdf\x02 \xd6\x02 i\x06-\xe6\x8aj\x0e\xf2\x8c\x7f\xd1\x18 ~Y\xa2\x9f\xa3\xfc\xc4z\x05gdv\xc6\x82xpn\xe0-'</t>
  </si>
  <si>
    <t>3044022026d4f92539b335089df70c3009ede9932d4b2ff3fde2d3e33cb945d0df0220d6022069062de68a6a0ef28c7fd118207e59a29fa3fcc47a05676476c68278706ee02d</t>
  </si>
  <si>
    <t>b'0D\x02 &amp;\xd4\xf9%9\xb35\x08\x9d\xf7\x0c0'</t>
  </si>
  <si>
    <t>nd when he left
 the reverend gentleman, it was thirty-five minutes past eight.
 But in what a state he was! With his hair in disorder, and without
 his hat, he ran along the street as never man was seen to run
 before, overturning passers-by, rushing over the sidewalk like a
 waterspout.
 In three minutes he was in Saville Row again, and staggered
 breathlessly into Mr. Foggâ€™s room.
 316
 He could not speak.
 â€œWhat is the matter?â€ asked Mr. Fogg.
 â€œMy master!â€ gasped Passepartout,â€”â€œmarriageâ€” impossibleâ€”â€
 â€œImpossible?â€
 â€œImpossibleâ€”for to-morrow.â€ â€œWhy so?â€
 â€œBecause to-morrowâ€”is Sunday!â€ â€œMonday,â€ replied Mr. Fogg.
 â€œNoâ€”to-dayâ€”is Saturday.â€ â€œSaturday? Impossible!â€
 â€œYes, yes, yes, yes!â€ cried Passepartout. â€œYou have made a
 mistake of one day! We arrived twenty-four hours ahead of
 time; but there are only ten minutes left!â€
 Passepartout had seized his master by the collar, and was
 dragging him along with irresistible force.
 Phileas Fogg, thus kidnapped, without having time to think, left
 his house, jumped into a cab, promised a hundred pounds to the
 cabman, and, having run over two dogs and overturned five
 carriages, reached the Reform Club.
 The clock indicated a quarter before nine when he appeared in
 the great saloon.
 Phileas Fogg had accomplished the journey round the world in
 eighty days!
 Phileas Fogg had won his wager of twenty thousand pounds!
 317
 How was it that a man so exact and fastidious could have
 made this error of a day? How came he to think that he had
 arrived in London on Saturday, the twenty-first day of
 December, when it was really Friday, the twentieth, the seventyninth day only from his departure?
 The cause of the error is very simple.
 Phileas Fogg had, without suspecting it, gained one day on his
 journey, and this merely because he had travelled constantly
 eastward; he would, on the contrary, have lost a day, had he
 gone in the opposite direction, that is, westward.
 In journeying eastward he had gone towards the sun, and the
 days therefore diminished for him as many times four minutes
 as he crossed degrees in this direction. There
 are three hundred and sixty degrees on the circumference of
 the earth; and these three hundred and sixty degrees, multiplied
 by four minutes, gives precisely twenty-four hoursâ€”that is, the
 day unconsciously gained. In other words, while Phileas Fogg,
 going eastward, saw the sun pass the meridian eighty times, his
 friends in London only saw it pass the meridian seventy-nine
 times. This is why they awaited him at the Reform Club on
 Saturday, and not Sunday, as Mr. Fogg thought.
 318
 And Passepartoutâ€™s famous family watch, which had always
 kept London time, would have betrayed this fact, if it had
 marked the days as well as the hours and the minutes!
 Phileas Fogg, then, had won the twenty thousand pounds; but
 as he had spent nearly nineteen thousand on the way, the
 pecuniary gain was small. His object was, however, to be
 victorious, and not to win money. He divided the one thousand
 pounds that remained between Passepartout and the
 unfortunate Fix, against whom he cherished no grudge. He
 deducted, however, from Passepartoutâ€™s share the cost of the
 gas which had burned in his room for nineteen hundred and
 twenty hours, for the sake of regularity.
 That evening, Mr. Fogg, as tranquil and phlegmatic as ever, said
 to Aouda, â€œIs our marriage still agreeable to you?â€ â€œMr. Fogg,â€
 replied she, â€œit is for me to ask that question.
 You were ruined, but now you are rich again.â€</t>
  </si>
  <si>
    <t>b'\x07\x94__\xe5\xe6h]Y\xee\xbbd*\xa7\xb2\x8c\x0e\xaeI\xfcZ\x1b^3\x8a\x9eE\xb7\x12^\x10\xff'</t>
  </si>
  <si>
    <t>07945f5fe5e6685d59eebb642aa7b28c0eae49fc5a1b5e338a9e45b7125e10ff</t>
  </si>
  <si>
    <t>b'\x07\x94__\xe5\xe6h]Y\xee\xbbd*\xa7\xb2\x8c'</t>
  </si>
  <si>
    <t>the Mock Turtle, and said â€œWhat else had you to learn?â€
 â€œWell, there was Mystery,â€ the Mock Turtle replied, counting off the
 subjects on his flappers, â€œâ€”Mystery, ancient and modern, with
 Seaography: then Drawlingâ€”the Drawling-master was an old conger-eel,
 that used to come once a week: he taught us Drawling, Stretching, and
 Fainting in Coils.â€
 â€œWhat was that like?â€ said Alice.
 â€œWell, I canâ€™t show it you myself,â€ the Mock Turtle said: â€œIâ€™m too stiff.
 And the Gryphon never learnt it.â€
 â€œHadnâ€™t time,â€ said the Gryphon: â€œI went to the Classics master, though.
 He was an old crab, he was.â€
 â€œI never went to him,â€ the Mock Turtle said with a sigh: â€œhe taught
 Laughing and Grief, they used to say.â€
 â€œSo he did, so he did,â€ said the Gryphon, sighing in his turn; and both
 creatures hid their faces in their paws.
 â€œAnd how many hours a day did you do lessons?â€ said Alice, in a hurry
 to change the subject.
 â€œTen hours the first day,â€ said the Mock Turtle: â€œnine the next, and so
 on.â€
 â€œWhat a curious plan!â€ exclaimed Alice.
 â€œThatâ€™s the reason theyâ€™re called lessons,â€ the Gryphon remarked:
 â€œbecause they lessen from day to day.â€
 This was quite a new idea to Alice, and she thought it over a little before
 she made her next remark. â€œThen the eleventh day must have been a
 holiday?â€
 â€œOf course it was,â€ said the Mock Turtle.
 â€œAnd how did you manage on the twelfth?â€ Alice went on eagerly.
 â€œThatâ€™s enough about lessons,â€ the Gryphon interrupted in a very
 decided tone: â€œtell her something about the games now.â€
 CHAPTER X.
 The Lobster Quadrille
 The Mock Turtle sighed deeply, and drew the back of one flapper across
 his eyes. He looked at Alice, and tried to speak, but for a minute or two
 sobs choked his voice. â€œSame as if he had a bone in his throat,â€ said the
 Gryphon: and it set to work shaking him and punching him in the back. At
 last the Mock Turtle recovered his voice, and, with tears running down his
 cheeks, he went on again:â€”
 â€œYou may not have lived much under the seaâ€”â€ (â€œI havenâ€™t,â€ said
 Alice)â€”â€œand perhaps you were never even introduced to a lobsterâ€”â€
 (Alice began to say â€œI once tastedâ€”â€ but checked herself hastily, and said
 â€œNo, neverâ€) â€œâ€”so you can have no idea what a delightful thing a Lobster
 Quadrille is!â€
 â€œNo, indeed,â€ said Alice. â€œWhat sort of a dance is it?â€
 â€œWhy,â€ said the Gryphon, â€œyou first form into a line along the sea-shore
 â€”â€
 â€œTwo lines!â€ cried the Mock Turtle. â€œSeals, turtles, salmon, and so on;
 then, when youâ€™ve cleared all the jelly-fish out of the wayâ€”â€
 â€œThat generally takes some time,â€ interrupted the Gryphon.
 â€œâ€”you advance twiceâ€”â€
 â€œEach with a lobster as a partner!â€ cried the Gryphon.
 â€œOf course,â€ the Mock Turtle said: â€œadvance twice, set to partnersâ€”â€
 â€œâ€”change lobsters,</t>
  </si>
  <si>
    <t>b'\x9c\xd8\x04;\xc6r\xe5\x00\xfb\x92\xb8\xd9\xae\x16\xcaEh\xf3\\\x8d&gt;\xb0\x88\xf4|vP\xc8\x87\xf8\x9aq\x84\x925\xe1g\xa8\xe63\xc6\x12r+\x11/\x8aL\xa1\x8ck\xc7&amp;:*\x1b\xce\xae\xea\xc1N\xd2pT\xa8P\x1e5,\x05Fd\x1d\x1eyo\xff`p.\xf9M\xdbyyT\x95f\xa6\x98\x8a\xa85J\xbc\xa1\x97B\x1aK+a4\xb6\xc1\x9a\x1b\x16\x1bB\x01\x85\x99\x15\xcb\x01\x0b\xf0\xdb\xa2\x04\xe3|\xc8\xd59\x08F\x1f\x943\xd6\x1d$\x7f\x86\xe9\x8eH&lt;\x83\xe6\xe8\xf4\xfat#5\xa0T\x13\xee\xa0{\xaa^\xdc+\x10x\xe9\xf7\t\xdf\xd8\xd8\xb7%Z\x8f\xdf\x92\xb8\xae^:\xe89\xc0\x88\xcd\x9b\xe6\xba\xa05\x17\x934\x9fp\xc6\xd0\xf7\xab*\x8d\xe7;\x03\xe4}\x9b&amp;\xae\x9a.\xb6\x7f\xb2\xc2\xa0\xd0\xbf\x12\xc7Lg\xa6\x10~\x05\x03\x8e\x18\x83\x92j\xf2Y;\xf8\x9d\xbb\x1d\xa8\xe9\xa2\xd1\xb9\xed|\x85jjvn\x05\xb72\x81\x1b}\xe7\xabR\xa7\xb4\xdb~"P\xad\x8d&lt;&amp;\xab;\xf4\xa9\xe6\xbc\xa4B\xd5\xb0\x96\xa8P\x88\xb6M\x92n\xd8\x8a\x9aa\xfc\xbf\xf7\xe0B*\xff\xa2\xfd\'\xeay\x04\xeaDxs\x01\x89\xbc\x04\xe9sp\x12o\xd7\xca\xf01\x1b\xb8\x86\xa4\x95\xae\xdf#o_\xf8\xf6\xb0\xec\x0c\xf2\'\x8cL\xdd:Hy\x1b\xfe\x97@\xff{r\xa2\xbb\xde\x83Y\x8a\x8f\xa8\x9e\xbf\xc4\xdd\ti\xad\xf9&gt;\x1dx\xb5\'\xec\x07\x87tk\xf4\xca\x9b\xcd\xa5\xe7\x8da\xa6\x13&lt;$\xa8\xa9\x92K\x16eU\x80\xa7\xbe\x99\xc7K\xd1\xa7\x82Rf\xffn\xb2 wH\x17\x14\x88\x0f\xdcl\xd1}\xc0M\xd1$S\xfc\x9c\xa8\xd7G\xd5dAd%u2`V5\x88\xe1\xae\x0f\xb0\xca\x10\xbd:\xf0z\xcf\xb8\x12D\x8c\xeb\x9c\xd44\xbfk\xf4\x0f\xd0\rl\x95.\xb3\x04\x8eS;\x07\xe0\\\xf4&gt;L\xed\xce\xdf7\xcf\x83]\xed\x18\xd3\xff\xf5\x87-\xc3\x7f\xb1\x7fQ\xa5R\xa3\xe8\xf8\xe6\x00:\xe8A\xa9T\xdb\x05d\xbau\x1aS\xc9us\x16\xcf\xa4\xe6\xe1\xc37@~\xf5\xeb\xb0\xc6\xbd\xe7n\xed\xd4.\xa5\xd0\xa1?;\x0b\\\xc4W\x12\xca\x91\x0c\xbe\x9f\xbd\x18F~\x88\xf6\x19\xcc\xc7\xb0\xe3^t\xfa\x06\x95\xb2\xa4X9@\x8b\x8d%\xc1\x7f{\x81P#\xf6\xc4\x9c\n\xe2\x9eON &amp;\xb3\xdb\x95\xb7\x8a\xb6\xf7\xc0\xcc\x8a\xc5Zy}\x02\x86%\xaa\x8be\xaaG\xcb\x02V\'\x7f\x8a\xf6~\xdf\x19\xf3Q\xd8\x90zS\x01\xad!\xf2\x88\xf1\x9f\x153\xf1\x1d\xf5@#\xdf\x8f#\xaffKe7\xb7=oYR\xd7;\\\x9e\xe9\xf0w&lt;\x03f\xe7\xd1\xe0\xa0\x8d\xed\xa0\x02\x8a\xf8 -"\xf6K}\x07\xf7;-\xad\xe6\x94\xce;\x1c\xcc ;eU\xa8\x83\xe1s)J\xbd\x06q[\xd1\xa3\x9d\xef\xd7\xd6\xba\xbf1\xd0\\\xd0V\x1a\xbem\xbevC\xeb\x80,*\xd2\x15R?\x8b\xc3\xb3\x83G[\x18Q\xdc\xca\xb4\xf9}\x17Gi6\xa8\xbb\'y\xa7u\x0e\xb6y\x16\xf4BL\x95\x03\xae\x0e\x05\x104\xf0\x81\xd3\x1a\xffx\xdcw\xa3-\xf2\xce\xfet\xb5\x8c\xc2d\xa8\x90\xe5Y\xa8\x08M\x0f\xae$*\xf5Z\xf3\xaa#^]\x8ay0,\xb8\xf6\xa5a\xaf\xf9\x873\xb3\x02\xef\xf7\xaaVa\xedo(%\xea\xa6\xbc\x1f\x98\xe9\xcb\x9eR{\xb4\x8asH^\xa4l\x82\x00/\x82K\xab\xcf\x11hy"\x13\xec\x97D\x90\xf7\xc6.9W\xd5b\rn\x1d\xf0h&amp;z%\xb4r\x895a*\xc7\xbewW\xc3\xc5\xc8.Ea\xf1\xd9l\xb2\xb2\xe9\x9a\xf0J\xae\x81L\xdc]\xcd\x05\x03dL6\xc0\x19\xcc\xcf\x82\x8e\xaf\x11s\xea=/\x12\x0c\x87)\xca\x1b\xc2\xa1S8\x97\x85x\xde\x85[\x14\x8b\x1d\x7f\x94\xdc\x96\xb3D!y\x0b\x91\xe3\xbe\xa0~Q\'\xd3C}\xff\xda\xbdw\x9f\xe6D\x8e4\xe2\xc3\x06\xab\x15s\xac\xb7Zg\xc3\x0f\x91Z\xe6!oB@\x07\x1dR\xbc\xeb2\xfc\n\xe8\x9d\xcf\x81\xd7dW\x0e)24\xdf`^c\xd2\'cd\xb8L/\xadjLH\x03\xe7*\x81\xa4\x84HV1\xeaD\xdd\x08\x80d\x02\xef\x9c\xcf\xdb\xd0\xe2v\xb8\xc5\x80Gw\xe75\xc4\x8c\x7f\xfd\x0f\xac\x83\xdd\xfe\xca&lt;\xde-V\xf1X\xa5[\x1b\x97\n\x8a\x99\xedo\x13\x1cd\x8a\x8e\xa2\xa7\xb3\xda\xfd^HN\xe83\x7f\xf7\xdb\x90B\x8d-&amp;\x04M\x92&lt;\xde\x9cE\xb9I\x8f\xe78\xf1#&amp;*\xca\xb7\xdc\x9aI\x0c:\xa5\xd6\xa23\xf0zd\x8baj\xc3\xd1\xe2D\xb3X\xf2\x95\x92DQ\xe0\xe2nE\x85B\xf7\x80\xe6\xafU\xb6\xf9\xbf+`9\xa6\xc0\xdf\xd1\x07\x7f\x15\x9af\xd2qx\x80\xbdK\xd9\xa7\x06:\x01\xc8\x12\xcd\x8c\xa0F\xcc\xb4(\xc9\xf7\xf4\x1a\xff\x11\xd6\xd5\'\x00\x88\xfb\xab\xbaKD\xa1\x96\xcff\xd9h\x88\x9b8:\xea\xc0\xb5&amp;\xaf\x86X\x8c\xeb+%\xcaG\x17\x13s\x0c\x8d%6\xe6\x93\xbdNh\x94\xb7\xfc\xbc\xffTXl`\xd9\xb2`?;\x05c\xd0P\xd9\x82)1\xe9(\x8feWe`\xe7\xeb\xc6\xbc(\xcb\xb2\xbd\x91\xdd\xc3U\xe5\x02\x19\xc6}*\x86:\x1c\x9f\xf3^\x8c\xad@\xfc\x07\xf4\x80v\xebB\xfd\xe6~\x88z`\xe6\xcc%\x15\x9a_\xc9\xbe\xe5\xc0\xa83\x87K\x92\x1c\xd2!g\x8f\x99\xba\x06.ULd\x02\x82\xa8\x02\x0e\xfa\xcd\xbe\xe0\xd6\xfd x\xe2&gt;\xee\\,\xd2\xf5\x01jO9\xaf*\x80\xd7;\'\xaf\xd7\xc5t\x84&lt;\xb4\xdb-\x9d\xae5oF\x87M\xe3\xd9\x1dV\x02n\xc4s\x17&gt;\xbd\x1e\x85\r\xdf\xfd\x0c\x16\xd4r\x13\x07\xca~\xf4\x86\xccs_\x9c\x93\xbc\xe7\xa62[\xe0;\xc2\xac8\xb4\x11\xe6\xc6\x1a\x0e\xe9\xf3\xb2\xf0\x94\x11I\xfd^n\x00`\x14\rr\xd5\x0f\xac\xba\xe0",\xcdQrb\x96r\x9dYfp\xfa\x94\x16Q\x93ZXa\xb98lJ\xfe\xc45,\x17(u9\xee\xc5\\\x95#\xe9\x07\x1cF\xd8\xb5$c,abblT\xe9\x9b/\xa5\xdfk\xd8\x1d9\xca\x13(Ah\x15r\xa1P\xe7I\x87AB\x0cH\xb7\x11&gt;\x84\xac\xc6\x84\xa1[\xf6\xb2v\x8b\xa8\xeb\x1c\xd6\xf1"ZE\xea\xa6@8\x86\x05\x00\xffdo\xfc\x92\xd0\x8a\xea{\xe7\xcb\xfd\xfd\x12\xb2\\\x97Hm\xb9w\xb1W4\x8c\x19\xb8\xe5\n\xf5\xa4\x98\xa5\xbcV\x16Z\x0e\x19\xf3\xa6WR\x07\xfc\x88I\xa9-u%\x90jj\xf5\xaa\x94\x82\xc02v\x0f\x0c\xf5=\xb58\xd9\xab\xc9\xd1\xe2\\\xb4@\x87\x8d\xb5`\x9cO\xcaV\x8c\xcf\xb4=\xdc%\x11\x8b\xcc\x17\xdc\x816\xd6B\xa7`\x1e\xef\xed\xd6\xf8\xaf\x89\xcb\xf9\xe3\xc5:\xc6\xcd\x8cDo\x10\n\x9f\xb3\xa9F\xab\xd4\xa8\x93\xbd\xab\xd2\xae\x88\x1euw)\xfd\xe5\x8a\xa3\xa2\xebi\x8d\x0b\xdf\xac\x1b\xd5\xb8\xf2\xb9]\xdb\x8b\xb9\x168[Vh\x8c\xfd\xd2\xc0\xb3\xb2A\xda\xcc\x1b?KU0\xb5\xdf\xc5\x1a\xb5\x18P\xac\xf7\x13`\xf8\x91\xd8\xbd\xa2\xabL\x04\x8d\xc3\x08\xefd\xff\xdaw\xa2)\x1eS\xe8U\xac\x0c\xb4\x07v\x15\x7f\xe7\x00\xf7$\xa95;%\x00\x8f\xf0f\x84d\xc2~\xe9vJ\xf4\x14}\x02\x84dp\x13\xa3\xcf7\xab\xd9O{\xa4&lt;\x14\xcd;\x7f\x9b\xa4\xd5[\x94\xb9\x97\xec|Y\x86\x90\xcd\xf2[{5\x93M\xb2\x95OL?McZd!\xb7\x19E\xf2^_8\xc3\xc4\xe1\xa0\xb7\xfb\x04\xdad\xcdU\x1aq\x82Q]\x16\x05\xd9M\x0f\x15h\xc5\xa3\xc6\x0c=\xe6iJ\x81I\xf1\xafS\x8c\xc73\xba\x85z\x85\xb1\xa8\xde\xe39\xbec\t\xf0-\x16s\xee\xbd\xdbHiD\xf0Y\x15\xc3}\xddDn\xb9\x1f\x04\x16\xa1\xd4\xaa\x8db\x13\xe9\xdf\xcex\x84;u\xa2t\xa6\xbb\xe7\xad\xda\xbe\xd0\x14K\x1a\xea?\x8drR\xa8\xd6$\x0c\xc5[\x7f\xe5/\x91N\x854An"@}]\xe5\xbc\x02\xca\x1b\x02\xb1\x87\xef\xb40j&gt;#0zc\x13\xdd^i\xa0w\xb4\xd9\xf8G\xebI\xdb\xdc\xb3\xad\xf6\xcf\x9fw\xe3\x89\x83\x0e\x1cb\x01\x06\xb4\xc1;\xc9\x9f\x11\x1a\xd2\x9d+\xde{\xbcp\xcb\x89M=\xf6\x0c\x0f\xb6b\xf4$\xb3\x8f\x9c\x10(\xe0\xab\xaa\xb7-\x0f\x94tY\xe6j\xc2r=,g\xa8/~\xe9\x866\x89x?\xd7\x88J\x99A\xe1#\xd2\xd3U]\x02\x17\x14|\xfc\xb2\x93/k\xdd\x1bG\xd8\x97\xd2\xeen\x16\x7f \\\x9bX\x0c\xf02\x94}\x9d\xe2\xbc\x92\x03\xe4ZT\xdei\x0e\xa1\xadt\xc5\xe6{\xb0\xe509\nk\xf6\x84A:\x8d\x98\xdf\xd9\x88|*\xaf\xb4\x80\x99\x0c\x86f\x8d{\xeas\xfa}\x7f\xbe\xef\x86\xb5\xb8\x17\x9d\x92\xac~]w\x03\x9f&lt;w\x83\x89\'COZ\'\xce\xdd\xdb\x06:UT$\x08M\xf0\xcfA\xbd\x1b\x15pb\xf7\xade$j\xb8\x9a1\xc9=\xa7\xa3\xb5\t\xd62A\x19-=hM\xc0\xc3A\x81\xc0q\xe0\x13tp8.\xa0\xb3\xf3U\xeb\x7f\xb1[\xfce\xafwb6\x94]\x8f\x0e$_\xff\x1e\x88\xe2\xaa\x18}\xf40FRdw,\xb3\x83c\xf6\xb3@\xa470;\xe0\xc7\xe0\x1fxXN\xdf$i\xeeW\x19\x187\x02w\xcax0m\x97\xc5T*\x9c\x8e\x11\x01\xa4\x89+)\x9d\xed\x9d\xdaGEU\xd23I\xe1t\xde.\xc8zx0,\xffA#8\xb9\xf5\xd4\\c\xec|5\xcc\xa66\xde\xe54x\x83\x1d\x9e\x8f}Uu\xce\x87\xb17\x92\x00 I\x98N\xeb\xf7\x99\xfd\xa1VY\xa1X\xdf~\xcc\xad\xbdd\xf2\xbc\x94g\xe9\xe4\x91\xa0\xf5\x12Z|C\xb3\xd9D{A\x05$\xa5\xab\xe7\x14u\xccr\nc?\xbd\x99\xdb\x17J\x98/\xa7\xfd\x08\x97\x02\x96\xc6\xa3\x19r\xfb\xac\xae\xc3\xe7\x9f\x04\x93\xd6\xb12\x9877\xe7\x1c\'-u\xc1\xa8\x98z[`\xd5\xdd\xac\xf8\x87F\x8dGe\xb5\x1c\xb1\x05K\xffg\x86\xf7\x14\xec\xe4\x07\xd6\x8a\xda\xfe\xfc\xf5\x84!\'\xc8\x0bsX\xc1\r5\xd0K\xfe\x8e\xc9rWw~\'\xea\x13R\xeb\xc8\xbb\x8fV\xb4\x18\xbb6?\xf5\x87\x88m\xe2P\x1cC\xfe H\xb4S`\xa9B\xa1\xd9\xd3\xaeY\x88\xa4.l\x91R;\xc4\xb1\x14\xac_{q^&amp;\xa5\xcd\x05zF\x04\x02\xcd\xac1\xadL\x14\x88\xcd.\xa6\x18K\x8a\xfd\xe50\x85\x81{-\xd4\xd7!\xe69\xb5\xd34\x96\xcft\xd0\x10\xc9\xac\x85p\xff\x8a\xa8\xc90 \x99\x8b\x84|\xf5\xad\x1b\x12\xec\x8f\x8d\x89!\xb3\xa4\x99:\xbc\x01zbYn\xedb\x14\x02z\x0cv\x9b\xc3Q\xb3l\xff\\\x93;\x8d\x1a\xeb\xc2\x0f\x14BBf\x17\x81\xce\x9fBOe\xf5F\xe5Ja\xfb\xa7B\xf6n\xd0\xf3\x86\xf4\xd5",\xf91\x08\xf5\x19`\x08Z6\x8c\'\x9f\xed&gt;\x1b\xcb\x0fF\xe4\x9f\xdc\xd8\x8a\x8d$`^]\x8f7\xc4*/?\x89\xcf\xfa\xcb\xba\x92-\xb9\xe2d\xfd\xcc\x80}8\xd85\x03\xf9\xa39\xbc\xe2\xb6G\xadw9\xef\x8d\x9d\xfb\xb1\xb1\x0b$\xd4%\xed\t\xc7:\xae_Q\xc2\xa3\xbbw\x0f\x90Y\xc9\xa3#\xddc]|sa\xfb.OR\xca\xeeT3B\xefw\r\xef\xb4\xf1\x1flcd~\x9e\xc9\xed\xe9\xbb3\xbaw\xc0K\xb0\x15[T\x05\x89\x00\xb6J\xd6\x99\xb7\xe6_\xa4\x9fkf\x14\xd1\x05\xb9#\xeeiL\xc1\xfa)(c/q\xc5\xcb\xb2\xf9\xea\x0b\x9e\xf7\xc8f\xdb\x14\xf2\xa4y\xd9y\xa8yv\x01F\x05J\xbc\xf2\xaeKqq\x07\xdd\x83;#m%\xe1\xcb\xe2G\x7f\x13&lt;\xf1\x92\xa2&gt;:\xc5\x84\x83\xfb\x94\x14\xb1\xe85\xb9%v\x90\nH\xe2\xa7A\xfb\n-\x18\xbc\x0e\x02\xe4Y\x95YL}\t\x18L[\xf0\xed1'</t>
  </si>
  <si>
    <t>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</t>
  </si>
  <si>
    <t>b'\x9c\xd8\x04;\xc6r\xe5\x00\xfb\x92\xb8\xd9\xae\x16\xcaE'</t>
  </si>
  <si>
    <t>solicitor, Mr. Barrow, has called to see Miss
 Minchin, and, as she must talk to him alone and the refreshments are
 laid in her parlor, you had all better come and have your feast now, so
 that my sister can have her interview here in the schoolroom."
 Refreshments were not likely to be disdained at any hour, and many
 pairs of eyes gleamed. Miss Amelia arranged the procession into
 decorum, and then, with Sara at her side heading it, she led it away,
 leaving the Last Doll sitting upon a chair with the glories of her wardrobe
 scattered about her; dresses and coats hung upon chair backs, piles of
 lace-frilled petticoats lying upon their seats.
 Becky, who was not expected to partake of refreshments, had the
 indiscretion to linger a moment to look at these beautiesâ€”it really was an
 indiscretion.
 "Go back to your work, Becky," Miss Amelia had said; but she had
 stopped to pick up reverently first a muff and then a coat, and while she
 stood looking at them adoringly, she heard Miss Minchin upon the
 threshold, and, being smitten with terror at the thought of being accused
 of taking liberties, she rashly darted under the table, which hid her by its
 tablecloth.
 Miss Minchin came into the room, accompanied by a sharp-featured, dry
 little gentleman, who looked rather disturbed. Miss Minchin herself also
 looked rather disturbed, it must be admitted, and she gazed at the dry
 little gentleman with an irritated and puzzled expression.
 She sat down with stiff dignity, and waved him to a chair.
 "Pray, be seated, Mr. Barrow," she said.
 Mr. Barrow did not sit down at once. His attention seemed attracted by
 the Last Doll and the things which surrounded her. He settled his
 eyeglasses and looked at them in nervous disapproval. The Last Doll
 herself did not seem to mind this in the least. She merely sat upright and
 returned his gaze indifferently.
 "A hundred pounds," Mr. Barrow remarked succinctly. "All expensive
 material, and made at a Parisian modiste's. He spent money lavishly
 enough, that young man."
 56
 Miss Minchin felt offended. This seemed to be a disparagement of her
 best patron and was a liberty.
 Even solicitors had no right to take liberties.
 "I beg your pardon, Mr. Barrow," she said stiffly. "I do not understand."
 "Birthday presents," said Mr. Barrow in the same critical manner, "to a
 child eleven years old! Mad extravagance, I call it."
 Miss Minchin drew herself up still more rigidly.
 "Captain Crewe is a man of fortune," she said. "The diamond mines
 aloneâ€”"
 Mr. Barrow wheeled round upon her. "Diamond mines!" he broke out.
 "There are none! Never were!"
 Miss Minchin actually got up from her chair.
 "What!" she cried. "What do you mean?"
 "At any rate," answered Mr. Barrow, quite snappishly, "it would have
 bee</t>
  </si>
  <si>
    <t>b'\x01\xa5\x87\xd0\xcc\xbf\xb5\x1a'</t>
  </si>
  <si>
    <t>01a587d0ccbfb51a</t>
  </si>
  <si>
    <t xml:space="preserve"> clamping pressure changes the resistance between the plates. These resistors are used when an adjustable load is required, for example in testing automotive batteries or radio transmitters. A carbon pile resistor can also be used as a speed control for small motors in household appliances (sewing machines, hand-held mixers) with ratings up to a few hundred watts. A carbon pile resistor can be incorporated in automatic voltage regulators for generators, where the carbon pile controls the field current to maintain relatively constant voltage. The principle is also applied in the carbon microphone.
  24
                 (iv) Carbon film (Fig. - 6)
Carbon film resistor with exposed carbon spiral.
A carbon film is deposited on an insulating substrate, and a helix is cut in it to create a long, narrow resistive path. Varying shapes, coupled with the resistivity of amorphous carbon</t>
  </si>
  <si>
    <t>b'y\xe5\xf4\xe9\xbb\x91\xca\x04\x19\xe6\xf7\xa2J\xe4h\x97h/Y\x86&gt;m\x9f,\x15\xa1\xcas\xc1q\x87\xd2\xf7\xdeXo\x02\x08Q\xb7s\x8ep\x13v\x13o{lT\x94\xcf\x86\xfctH\x04|\xa8\xb3K\xff\x81\xb0Iz\xbe\x81\xaf/\xe3c\xbfQ"\xca\xeaZ\xc6\x90\xcf\xb6\xc8\x97\x98q\x8b!1\xb3GJ \xc7hVrQ\x1b;gC\x04\xf5\xea\xbe;\xfe\xaam~\x13\xdc\x01w\x01\x96"Ad\xc0/\x9ah\x91\x1c\xb5$\x95\xecz\x8f\xe9f\x90~\xe7\xc7br\x13v\x8c\x8b\x87U\x1aoP\xd4\xd4\xf8\xa0\xd8\x9d\xd0\x80\xdf\x1c2\x8c{\xfd\x8bz\x1e\xdfz\xa1p\xe0y#\xcf\xba{@\xe9\x125\'\x075\x8e\x1e\xce\xe8\xf8\xc1g\xd8\xe8\x10\x8a\xdb.\x9e\xda\x98\xbfu\xc7\xd8:+\x83\x86\x88C\x18\x86\x83A\x14\x1d\xc24\x7f&gt;\x93\xe9\'\xd0\x11M\xd2\x9b\xd07\xc0\x1b\n\xe9|\xca\xf2\x8b\xe8\xe0\xb8\xc1\x1ea\xd6YiL\x89\xaf\x9c\x88\x94\xcd\x1b\x91Pu\xcd.\xdcF\xe7\xae&lt;\x0bF|\'\xf9\xdbS?\x83\xba\xb02\xa2\xc3g3&lt;c\x16\xb3\xb4\x87\xa0IO\x1aM\x92\x97\x1b\x04\xd8\xea \x7fW\x8d\x8b%\xfd\xccz\x04\xa8/[\xfe\xc2\xef\xd0\xe2\xe5w\x97\xa2&lt;\x98\x9d^\x01uTh\xde\x07.\x8c[\xcf\x08\x81\xa6%\xba\x96\xdb]\x80D\xb0\xb6%\xf3\xce?\xd5/U\xed\xed\xe6\xd1\x06\xf8&amp;\x14\xb61\x0c\x82\xc1\x16\'\xed\x8c&amp;\xef\xeb\xe6\xa8w#@z\x99\xe9=j\xeb\x96\x83\x0fGD\xcd\xaf\xf5\xcb\x0f\x81\xa0C\x8b\r\x0c\x0e\x028\xb7\xb4\x99^\x97\xd6\xfe=\x94\xdc\xe4\x99T\x02\xad[\xb0\x96,KG\xa1\xb7\xb9A\xfb\x1c\xcb\x0el\xa4\xa0_4{8\xf6=t\xe4\xa9}\xfb\x9a\x14\xa1\x86\x91O\x8d/\xf7\x1eN\xd3X%P\xdb\x91\x92\xe8\x10\x17\xd0u\xb7x_\xe5\xf9\xbd\xe9\xb3K\xe2\xd6v\x13\xc1/%\xf2\xd6\xe1\\\xde\x0c\xd8+%v.\x17\x08T\xc8:\xfc\xd2\xaf\x92\x14M90Kw\x94\x0f\xd2\xae\xc8uT)\xac&lt;\xfapu\x89\xd7\x1f\xa1\x94rC\xff\rv\x16\xdfv\xe9\xe8\xe8\x97\xab\xf4\xf7\n\x85\x7f=)&lt;\x82\xfb\xa0\x96\x8a\xd9Z.oN\xbf6\xa6\xffE\x1ea3Rb\x9d\xcf\x14\xaf\x93\xf8\xf9\xd4Q\xbd\xe9\xe6\xb3\xa5\x0e\x9eP\'\x98t\x00\xcb\x1e\xe3\x9d\x1bW\xb4]9\xc0\xeb\x9b\xc2\xea\x1f~\xcc\xa4\xb6\xc4\xd7K\xc9\xc6\x92\xde\xd2\x89\xf7Uk\xc4\xb6\xacIXU\r\xc8\x13\xcb7\x1d=[\x9czO\xbf \r\xc8\x0e\xd4\xc6i\xc32V`i\xc4\\E\x8c\xc2\xc6\x8a\x9ae\xad\x86\x81\x1d\x81J\xe0\xd5\xe8\x04\x87\xfe\xe6\xa6\xbc\x12"\x05\xed\x99\x19\xd1\x17\xf0I\x0ej\xf9\x92\xd5\xe2\x9f+\x15L4\xb67\x9d\xab\n\xae\x18\x17\xff#X\xb5h\xe8d0"*\x8b\xa8\xb1\xaa\x9dK\x92($\xb4\xbb|\xc79\x87\xcd\xd3:[\xc3g1_\xf4y\xcdN`\xfcQ\x1b\xb9\xf7nl\x8d\xf0\xa7QD\xe3\n&lt;t\x15\xf9{9\xa4n\xb6\x96\xff \xbb\x1e\x07\x9a\xd5\x84\xf4n2\x9a\xde,*\x85\xbcn\xa2\x8c\xdd\xd18\xc6\xc0\xe3O%kz\x8a\xcb\xae\xfe\x98\x8a\xee\xe9yc=\xbd\x97\x04\x11\x0e\xb8o\xb4\xbe \xc4\x17\xdb\x97k\xbcn\xa0$\x80CW\xba\xcbLj,\x15p\xf9h\xef6\xddG\x9c\x19\xfd\xb3\xaa\xdc%\x99B\xfc)\x81~\xb9r\x8a\x83R\xbf\xa4;lByrN\xb1_\x1c\xb8\xe2\xe4\xa3\xda\x06\xc0\xb44U\x81\x85%\x8d\x98\x13\x84\xdc'</t>
  </si>
  <si>
    <t>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</t>
  </si>
  <si>
    <t>b'y\xe5\xf4\xe9\xbb\x91\xca\x04\x19\xe6\xf7\xa2J\xe4h\x97'</t>
  </si>
  <si>
    <t>tatic characteristics. We must
 vary Vin from zero to VDD and plot the corresponding output voltage. Note that the two
 transistors carry equal currents under all conditions (so long as the inverter is not loaded
 by any other circuit). Suppose Vin = 0 [Fig. 16.18(a)]. Then, M1 is off and M2 is on. How can
 M2 remain on while |ID2| = ID1 = 0? This is possible only if M2 sustains a zero drain-source
 voltage. That is,
 |ID2| =
 1
 2
 Î¼pCox _x0004_W
 L
 _x0005_
 2
 _x0006_
 2(VDD âˆ’ |VTH2|)|VDS2| âˆ’ V2
 DS_x0007_
 = 0 (16.39)
 M 1
 Vout
 VDD
 M 2
 M 1
 Vout
 VDD
 Ron2
 (a) (b)
 M 1
 Vout
 VDD
 M 2
 Vin
 I D
 v g v 1 1
 v g v
 M 1
 M 2
 in v out v
 2 m2 2
 m1
 (c) (d)
 r O2
 r O1
 Figure 16.18 (a) CMOS inverter sensing a low input, (b) equivalent circuit, (c) supply current
 when both transistors are one, (d) small-signal model.
 776 Chapter 16 Digital CMOS Circuits
 requires that
 VDS2 = 0 (16.40)
 and hence
 Vout = VDD. (16.41)
 From another perspective, M2 operates as a resistor of value
 Ron2 = 1
 Î¼pCox _x0004_W
 L
 _x0005_
 2
 (VDD âˆ’ |VTH2|)
 , (16.42)
 pulling the output node to VDD [Fig. 16.18(b)].
 As Vin rises, the gate-source overdrive of M2 decreases and its on-resistance increases.
 But, for Vin &lt; VTH1, M1 remains off and Vout = VDD. As Vin exceeds VTH1 slightly, M1 turns
 on, drawing a current from VDD through the on-resistance of M2 [Fig. 16.18(c)]. Since Vout
 is still close to VDD, M1 operates in saturation and M2 still resides in the triode region.
 Equating the drain currents of the two, we have
 1
 2
 Î¼nCox _x0004_W
 L
 _x0005_
 1
 (Vin âˆ’ VTH1)
 2
 = 1
 2
 Î¼pCox _x0004_W
 L
 _x0005_
 2
 [2 (VDD âˆ’ Vin âˆ’ |VTH2|) (VDD âˆ’ Vout) âˆ’ (VDD âˆ’ Vout)
 2 ], (16.43)
 where channel-length modulation is neglected. This quadratic equation can be solved
 in terms of VDD âˆ’ Vout to express the behavior of Vout as a function of Vin. But from a
 qualitative point of view, we observe that Vout continues to fall as Vin rises because both
 ID1 and the channel resistance of M2 increase.
 If Vout falls sufficiently, M2 enters saturation. That is, if Vout = Vin + |VTH2|, then M2 is
 about to exit the triode region. But how about M1? Since the drain voltage of M1 (=Vout)
 is higher than its gate voltage (Vin), this device still operates in saturation. To obtain the
 inverter VTC in this region, we equate the drain currents again and neglect channel-length
 modulation:
 1
 2
 Î¼nCox _x0004_W
 L
 _x0005_
 1
 (Vin âˆ’ VTH1)
 2 = 1
 2
 Î¼pCox _x0004_W
 L
 _x0005_
 2
 (VDD âˆ’ Vin âˆ’ |VTH2|)
 2
 . (16.44)
 What happened to Vout here?! Equation (16.44) is meaningless as it does not contain Vout
 and implies a unique value for Vin. This quandary arises because we have allowed two
 ideal current sources to fight each other at the output node. Inclusion of channel-length
 modulation resolves this issue:
 1
 2
 Î¼nCox _x0004_W
 L
 _x0005_
 1
 (Vin âˆ’ VTH1)
 2
 (1 + Î»1Vout)
 = 1
 2
 Î¼pCox _x0004_W
 L
 _x0005_
 2
 (VDD âˆ’ Vin âˆ’ |VTH2|)
 2
 [1 + Î»2(VDD âˆ’ Vout)]. (16.45)
 16.2 CMOS Inverter 777
 It follows that
 Vout =
 Î¼p
 _x0004_W
 L
 _x0005_
 2
 (VDD âˆ’ Vin âˆ’ |VTH2|)
 2 âˆ’ Î¼n
 _x0004_W
 L
 _x0005_
 1
 (Vin âˆ’ VTH1)
 2
 Î»2Î¼p
 _x0004_W
 L
 _x0005_
 2
 (VDD âˆ’ Vin âˆ’ |VTH2|)
 2 + Î»1Î¼n
 _x0004_W
 L
 _x0005_
 1
 (Vin âˆ’ VTH1)
 2
 . (16.46)
 To gain more insight and prove that Vout changes sharply here, let us compute the
 small-signal gain of the inverter in this region. Operating is saturation, each transistor
 can be modeled as a voltage-dependent current source with a finite output impedance
 [Fig. 16.18(d)]. Since v2 = v1 = vin, a KCL at the output node yields
 vout
 vin
 = âˆ’(gm1 + gm2)(rO1||rO2), (16.47)
 indicating that the voltage gain is on the order of the intrinsic gain of a MOSFET. Thus,
 for a small change in Vin, we expect a large change in Vout .
 Figure 16.19(a) summarizes our findings this far. The output remains at VDD for
 Vin &lt; VTH1, begins to fall as Vin exceeds VTH1, and experiences a sharp drop when M2
 enters saturation. The input level at which Vout = Vin is called the â€œtrip pointâ€ (also called
 t</t>
  </si>
  <si>
    <t>b'\tV\xad\x07\xc6\xde\x89[\x14\xd70r\xff\xfe&amp;\x01'</t>
  </si>
  <si>
    <t>0956ad07c6de895b14d73072fffe2601</t>
  </si>
  <si>
    <t>face.
 "You will never see your companions again," she began. "I will see that
 Ermengarde and Lottie are kept awayâ€”"
 Mr. Carmichael stopped her with polite firmness.
 "Excuse me," he said; "she will see anyone she wishes to see. The parents
 of Miss Crewe's fellow-pupils are not likely to refuse her invitations to
 visit her at her guardian's house. Mr. Carrisford will attend to that."
 It must be confessed that even Miss Minchin flinched. This was worse
 than the eccentric bachelor uncle who might have a peppery temper and
 be easily offended at the treatment of his niece. A woman of sordid mind
 could easily believe that most people would not refuse to allow their
 children to remain friends with a little heiress of diamond mines. And if
 Mr. Carrisford chose to tell certain of her patrons how unhappy Sara
 Crewe had been made, many unpleasant things might happen.
 "You have not undertaken an easy charge," she said to the Indian
 gentleman, as she turned to leave the room; "you will discover that very
 soon. The child is neither truthful nor grateful. I suppose"â€”to Saraâ€”
 "that you feel now that you are a princess again."
 Sara looked down and flushed a little, because she thought her pet fancy
 might not be easy for strangersâ€”even nice onesâ€”to understand at first.
 "Iâ€”TRIED not to be anything else," she answered in a low voiceâ€”"even
 when I was coldest and hungriestâ€”I tried not to be."
 "Now it will not be necessary to try," said Miss Minchin, acidly, as Ram
 Dass salaamed her out of the room.
 182
 She returned home and, going to her sitting room, sent at once for Miss
 Amelia. She sat closeted with her all the rest of the afternoon, and it
 must be admitted that poor Miss Amelia passed through more than one
 bad quarter of an hour. She shed a good many tears, and mopped her
 eyes a good deal. One of her unfortunate remarks almost caused her
 sister to snap her head entirely off, but it resulted in an unusual manner.
 "I'm not as clever as you, sister," she said, "and I am always afraid to say
 things to you for fear of making you angry. Perhaps if I were not so timid
 it would be better for the school and for both of us. I must say I've often
 thought it would have been better if you had been less severe on Sara
 Crewe, and had seen that she was decently dressed and more
 comfortable. I KNOW she was worked too hard for a child of her age, and
 I know she was only half fedâ€”"
 "How dare you say such a thing!" exclaimed Miss Minchin.
 "I don't know how I dare," Miss Amelia answered, with a kind of reckless
 courage; "but now I've begun I may as well finish, whatever happens to
 me. The child was a clever child and a good childâ€”and she would have
 paid you for any kindness you had shown her. But you didn't show her
 any. The fact was, she was too clever for you, and you always disliked her
 for that reason. She used to see through us bothâ€”"
 "Amelia!</t>
  </si>
  <si>
    <t>b'{#f\x98\xad\xe5b\xf5'</t>
  </si>
  <si>
    <t>7b236698ade562f5</t>
  </si>
  <si>
    <t>probable, had his wound been dangerous. With this consideration, she
 endeavoured to support herself, during the enquiries, that were making
 by her servants in the neighbourhood; but day after day came, and still
 closed in uncertainty, concerning this affair: and Emily, suffering in
 silence, at length, drooped, and sunk under the pressure of her anxiety.
 She was attacked by a slow fever, and when she yielded to the persuasion
 of Annette to send for medical advice, the physicians prescribed little
 beside air, gentle exercise and amusement: but how was this last to be
 obtained? She, however, endeavoured to abstract her thoughts from the
 subject of her anxiety, by employing them in promoting that happiness
 682
 in others, which she had lost herself; and, when the evening was fine, she
 usually took an airing, including in her ride the cottages of some of her
 tenants, on whose condition she made such observations, as often
 enabled her, unasked, to fulfil their wishes.
 Her indisposition and the business she engaged in, relative to this estate,
 had already protracted her stay at Tholouse, beyond the period she had
 formerly fixed for her departure to La Vallee; and now she was unwilling
 to leave the only place, where it seemed possible, that certainty could be
 obtained on the subject of her distress. But the time was come, when her
 presence was necessary at La Vallee, a letter from the Lady Blanche now
 informing her, that the Count and herself, being then at the chateau of
 the Baron St. Foix, purposed to visit her at La Vallee, on their way home,
 as soon as they should be informed of her arrival there. Blanche added,
 that they made this visit, with the hope of inducing her to return with
 them to Chateau-le-Blanc.
 Emily, having replied to the letter of her friend, and said that she should
 be at La Vallee in a few days, made hasty preparations for the journey;
 and, in thus leaving Tholouse, endeavoured to support herself with a
 belief, that, if any fatal accident had happened to Valancourt, she must in
 this interval have heard of it.
 On the evening before her departure, she went to take leave of the
 terrace and the pavilion. The day had been sultry, but a light shower, that
 fell just before sun-set, had cooled the air, and given that soft verdure to
 the woods and pastures, which is so refreshing to the eye; while the rain
 drops, still trembling on the shrubs, glittered in the last yellow gleam,
 that lighted up the scene, and the air was filled with fragrance, exhaled
 by the late shower, from herbs and flowers and from the earth itself. But
 the lovely prospect, which Emily beheld from the terrace, was no longer
 viewed by her with delight; she sighed deeply as her eye wandered over
 it, and her spirits were in a state of such dejection, that she could not
 think of her approaching return to La Vallee, without tears, and seemed
 to mourn again the death of her father, as if it had been an event of
 yesterday. Having reached the pavilion, she seated herself at the open
 lattice, and, while her eyes settled on the distant mountains, that
 overlooked Gascony, still gleaming on the horizon, though the sun had
 now left the plains below, 'Alas!' said she, 'I return to your long-lost
 683
 scenes, but shall meet no more the parents, that were wont to render
 them delightful!â€”no more shall see the smile of welcome, or hear the
 well-known voice of fondness:â€”all will now be cold and silent in what
 was once my happy home.'
 Tears stole down her cheek, as the remembrance of what that home had
 been, returned to her; but, after indulging her sorrow for some time, she
 checked it, accusing herself of ingratitude in forgetting the friends, that
 she possessed, while she lamented those that were departed; and she, at
 length, left the pavilion and the terrace, without having observed a
 shadow of Valancourt or of any other person.
 684
 CHAPTER 11
  Ah happy hills! ah pleasing shade!
 Ah fields belov'd in vain!
 Where once my careless childhood s</t>
  </si>
  <si>
    <t>b'}\x01\xaa\xd63\xbbF\x1cK\x03&amp;&lt;\x8b\xbe\x872\xdd\xbe\x16\x00\x90\n\x13\xc6\xe4?:Y\xfc\xc9\xe9\xd7h\x15z\xf3\x17V\xa8f\x17\xe0:\xa2\x08\x04oObk%\x96D"\x81\xbaz\x7fc\xfd\xc0\x81\xeb&amp;'</t>
  </si>
  <si>
    <t>7d01aad633bb461c4b03263c8bbe8732ddbe1600900a13c6e43f3a59fcc9e9d768157af31756a86617e03aa208046f4f626b2596442281ba7a7f63fdc081eb26</t>
  </si>
  <si>
    <t>b'}\x01\xaa\xd63\xbbF\x1cK\x03&amp;&lt;\x8b\xbe\x872'</t>
  </si>
  <si>
    <t>d rates, monetary policy can affect the
 composition of the central bankâ€™s assets but nothing else.
 By fixing an exchange rate, then, the central bank loses its ability to use monetary policy
 for the purpose of macroeconomic stabilization. However, the governmentâ€™s second key
 stabilization tool, fiscal policy, is more effective under a fixed rate than under a floating rate.
 Fiscal Policy
 Figure 18-3 illustrates the effects of expansionary fiscal policy, such as a cut in the income
 tax, when the economyâ€™s initial equilibrium is at point 1. As we saw in Chapter 17, fiscal
 expansion shifts the output market equilibrium schedule to the right. therefore shifts to DD1
 AA1
 474 PART THREE Exchange Rates and Open-Economy Macroeconomics
 Exchange 
 rate, E
 E2
 Y1 Output, Y
 1
 E0
 Y2
 2
 Y3
 3
 DD1 DD 2
 AA1 AA2
 Figure 18-3
 Fiscal Expansion under a Fixed
 Exchange Rate
 Fiscal expansion (shown by the
 shift from to ) and the
 intervention that accompanies 
 it (the shift from to ) 
 move the economy from point 1
 to point 3.
 AA2 AA1
 DD2 DD1
 in the figure. If the central bank refrained from intervening in the foreign exchange
 market, output would rise to and the exchange rate would fall to (a currency apprecia_x0002_tion) as a result of a rise in the home interest rate (assuming unchanged expectations).
 How does central bank intervention hold the exchange rate fixed after the fiscal expansion?
 The process is the one we illustrated in Figure 18-1. Initially, there is an excess demand for
 money because the rise in output raises money demand. To prevent the excess money demand
 from pushing up the home interest rate and appreciating the currency, the central bank must
 buy foreign assets with money, thereby increasing the money supply. In terms of Figure 18-3,
 intervention holds the exchange rate at by shifting rightward to . At the new equi_x0002_librium (point 3), output is higher than originally, the exchange rate is unchanged, and official
 international reserves (and the money supply) are higher.
 Unlike monetary policy, fiscal policy can affect output under a fixed exchange rate.
 Indeed, it is even more effective than under a floating rate! Under a floating rate, fiscal expan_x0002_sion is accompanied by an appreciation of the domestic currency that makes domestic goods
 and services more expensive in world markets and thus tends to counteract the policyâ€™s posi_x0002_tive direct effect on aggregate demand. To prevent this appreciation, a central bank that is
 fixing the exchange rate is forced to expand the money supply through foreign exchange pur_x0002_chases. The additional expansionary effect of this accompanying increase in the money sup_x0002_ply explains why fiscal policy is more potent under a fixed rate than under a floating rate.
 Changes in the Exchange Rate
 A country that is fixing its exchange rate sometimes decides on a sudden change in the
 foreign currency value of the domestic currency. This</t>
  </si>
  <si>
    <t>b'0E\x02 i\xb3;\xc5P\xf64\xc2ei\x92Sw\xc6\xe0\x95\x05\x97G\xda\xb7\xc3;\xa2^\x87\x86\x8d\x9dN\xd1\x0e\x02!\x00\xa6\xdc\xabj\xdeF\x01\x1d!8\x079\xb8\xdfIz\xad%\x13HItF\x07\xe4\x1b\x19\xf4"\xd4&gt;]'</t>
  </si>
  <si>
    <t>3045022069b33bc550f634c26569925377c6e095059747dab7c33ba25e87868d9d4ed10e022100a6dcab6ade46011d21380739b8df497aad25134849744607e41b19f422d43e5d</t>
  </si>
  <si>
    <t>b'0E\x02 i\xb3;\xc5P\xf64\xc2ei\x92S'</t>
  </si>
  <si>
    <t>ort reign, of a great commander in the
East, who briefly toyed with the idea of military takeover (AlfoÂ¨ldy and Halfmann
1973; with Brennan 1990 [2000]: 46; see now, Eck 2002).
Put bluntly, the more â€˜â€˜constitutionalâ€™â€™ reigns of Nerva and Trajan did not witness
the disappearance of the military as a powerful factor in selecting emperors. On the
other hand, the conceivable â€˜â€˜settlementâ€™â€™ of the matter of the succession developed
in this period might appear also to have affected the capacity of the soldiers to raise
men to the purple. For on the whole, during the reigns of the â€˜â€˜goodâ€™â€™ emperors, the
troops were not much involved in politics.
Trajan died as he was being transported back to Rome from the eastern frontier,
where he had been on campaign against the Parthians. Aside from his wife, Plotina,
and his favorite niece, Salonia Matidia, the praetorian prefect, Acilius Attianus, was on
the spot in Cilicia when the emperor passed. It seems unlikely that Plotina would have
sent her letter announcing Hadrianâ€™s assumption of the purple without having consulted the guard prefect (cf. Caballos Rufino 1984: 242). It would likewise seem that
the allegiance of the troops, especially those in the East, must quickly have been
138 Michael Peachin
sought. The fact that Hadrian immediately provided the eastern soldiers with a
double bonus is suggestive (HA Had. 5.7). Still, the military appears neither directly,
nor actively, to have influenced the choice.
Later, as Hadrian approached his end, and Antoninus Pius took up the reins of
empire, the military was completely passive. The dying prince replaced his praetorian
prefect with two new men, and provincial commands were awarded to those whose
loyalty appeared certain (Birley 1997: 296). In other words, the conceivable threat of
military takeover seems not to have been utterly ignored. There was, however, no
overt involvement of any soldiers in this transfer of power.
Things went similarly with the next succession. In early March of 161, Antoninus
Pius fell ill, and realized he was about to die. Announcing that he would entrust both
the Roman state and his daughter to Marcus Aurelius, Antoninus asked that a
statuette of the goddes</t>
  </si>
  <si>
    <t>b'z\xa7\x9c{\x9aE\x1f7\xfeW\x99\xd4\xc2-\x1c\x0b\x81S&gt;\xf9nj\x82\x7f\x8b\x8a\xf3\x8a\xcc\xc1NVZ\x88)\x86\xa2\xf4\xbe-\xe7\xdd\xb0\xd4\xac\xd5&lt;e\x7f\xf6tw\xf3\xb2w\xb6\xb9\xd0&gt;\xceN\xf7\x9d\xb9{\xb5d\t\xfb\xe8\xfe\xe6\xac\x06s.\xd4\xe9\x81\xa5\xe4\xdf\x1c}\x84\xf0\xb5gc\r\\\xfc\\\xaa\xb0F\xfc\xf6\xecf\x82\x1b\x89\x8eM\x8e\xd7\xdf\x10\xfe\x98\xf0m\x9f6\x8e:D\x00\xc5Z\xa7\xff\x15\xb6P\xd0\x04\xc7\x9b(*\xf4\r[\xbc\xd20\x94V\xb8\xce\xe7\xde\xfb\xf1\x1a\t X"w.+\xc5b\x8f\x1dxA\xa8Z\xb8y+\x0fi&lt;\xd9\xf0\t\xd6\xdb\x85\xa8\xddD\xe6f\x86\x7f\xf7\xf9?\x88[a/\x1fXu\xb9^\x19\x9d\x16v\xc1~\x90\xec\xd8\x12\xcd \x9f\x1eS\x13E\xf9\xc1\xe0\x85\x15FeY%\xff\xfd\xfa\xb1\x82\t3\x85\xb4\x15\xd2\x82\xa8\x063(\xd2%0\x17\x97YI\x08\'\xe23\x00\x07\x98\x1e:\xab\xfd\xe2&amp;\x1a\x149\x9b\xe0\xa2`\x1c\x9a\xcc&amp;\x0cr\xd4\xc4IA]\xfffx\xf5\xd0T\xca\xdaY\xd4T\xf93g\xdf\xb9\xc3Hd\x7f\xdb\x9cbQ]W\x92\xa3\xa67\x11b\xdd`1Xdqm\xc6\x8e\xd9\x94d\x10&amp;\xef+!\xf6\xc4l\xc9\xa3\xd4"\x8e\xf9\xfd\x18\xfe\x86\xbat\xe7\xfa\xde\x9c\xb9G\xf0 \xd1\xb4\xb2\xba\\)\xf9\x08\'1\x96\x15B&lt;x\x0e\x1a)R\xfc\xd0\xa4Z\xbcNi\x8a+\xec\xed\x81\xa0\x87\xa4\xf6\xbb\xd7/\x15^ \xdf\xd9(\x19cY\x19\x18\x9d\xbe\xa1W\x07r\xbda\xb3I4\tdk\x1a\xcfy\xfa\xf7\xd8\xa0q\xba\xa5\xf8\xd3JDfd\x9fC\x14\xd5~$&gt;\x1f&gt;\xcb:\x0f\x86\x07\xf3P\xe4\xa1\xa4/P\x0fc!\xd7\x89\xb6\x06\xa7\x91\xbe\x0f\xb9\xba\x84]\xa1\xf5q\xa50\xcdM:\xa5\xbe\xf7h\xc1\\\x88\x81\x16\x13`\'\x85g\xc9\xbd\xe1\x1fUDDb\xdf=J\x92Q\x96\xbf\xcd\xa7\xc5\xcb\xce\xaa\x91p\nR\xfaq\x16\x0e\xb1|$\x9d\x8ab^^\xff\x85[m\xed\xf5\xf9\xb7\xfdE\xf7P\x92MJY\x98R\x9b\x94\xa50A\x1b\xfd\x92@gq\xdc\x80\xc8\xf0\x86\xc0\xf4n\xeaE\xbe\x9fv\x8d\xa3R\xb8\xfe[\x0b\xb1\x05\xf9\xb0r\xf6\xec)\xbf.\t\x87\x9bY\x87;P:\n\xec\x0f3[\xde\x1e\xa8(r_\xc4T\xb1\xf6\x89\xca\x9a\xca\xe58\xc7\xbe@\xb4\xa1r\x1d\xc1\xb0#\xabp#S\xedU\x81\x9c\xbf\xb8P\x9f\x9e\xd2\x11d+=Q#n\x83\xcb5\xea&amp;\xb5`\xd6\xc0\xc8\xfe\xd3\xf6\xaa\x00\xe8,\\\xf4\xb2*\xd0\x08\xa2\x91\xfc\xd9\xdcpz\x1d\x9a\x83+\xc8+\x9b\x9e\xf8]\xcc~\xfec\xbd\xd1O\xfc\xe0\xcf7s_9\x10\xf3\x8fI\x8e\xae*\xf3~\xb6\xe4;\x92\xa8\xc7\x97O\xe1\xea\x85\xdd2\x80\x805\x9f\xc0\xb6\x10\xa0\x95\xb8\x16\xf0"\xe2\xa8\xb7\x12\xd4\x15v\x17\x11\xa4K\xd8w5\xcbhw\x01\xf9\xa1L\xbb\x1fv\x86IK\x98\xeb\xdeH\xc3\xbb\x8e\x109C\x05\x84\x9f\xe4(&gt;\x96lL\xf3\xd6\x17\xb8g\x82\x80$\x1b\xcc\xc3\xc8\'\r@)\xaa\xd0\xe5\xe9l\x90\xd1&gt;\xee\xbdl\xf3\xa7\xba\x19v:R,L\x13$\x19\xbe\xa5\x00J\xd5$\xa1\xcf&amp;/\xd7\\_\x1b\xb2\xf6!E\x9a\x9d\xa8\nz\xb85@\xc1\xf4\xd1\x82\xa6\xfe\xb8&gt;H9J\x8a\xac\x99\xda\xfd\xb9\x9c\xd9\x9b\xd0y8\x0f{\xefd\xbd\xd3\x865\x84:\xbc\xab\xaa$\xaa\xd5\x87\xc2\x9a\xa7s\xf3\x14I\xc5\x0e\xc2\xdf\xc9l\xb4\t\x1a\xc0\x12}\x92\xe5\xbfl\xb1\x1a\x19\xb1x\xd3\x90\x0cV\xdce\xca\x01}s\x1eA\x06\x892\xc3(\xc6\xd9IEh\xdc0g\xd0GT\xe5g\x8ap\x9e\x84##\xeeQno\xa4 n\x0e~\x1d\x8b\xcb\x9b\x7f\x80\xc63$\xba_\xf4E\xcc\xf29\x99K\xa5\x08\x93\xc6!\x1bhd\xdb\xf0\xcbU8qb_\x0e\x81D\xc0\\\x1b"\xf0\x0ba\xc2\x94\x1d\xa1sV/\xc7\xd3L&amp;\xf8\xb4\x13\xfd\xe0$14A\xc9!\x9e\x07\xc9\xaa[y9\xbe\xea\xf3\xc0\xa6\xb1\\a\xc8\x15wR\xa9\x1a\xac\xf8c\xdf\xca\xbdL\xcc\x0c7\x9a+/\x9f\x0b\x10\\\xb1\x18\x04\xb6\x1e\xc7\xbf\x9f\xa5|\x9b1\xff\xb3]\x7f-\x81\xe4\x1f:-\xbb\xffk\x02I\x8d\x81v`\xe9\xd0\x8emO\x17^\xba`*\x01\'\xd5*\xd8\x15\xab\'vz\xdf\xa5\x90\x0b1\x08\x01.\xc4;\x96\xbf\xf45e*\xea\x83\xa6\xae\xa9l\xc4dI:\xe6fx\xb4R\x90\xb6\x1adA7\xf8\xcdI\xde\x1f\xb7\xf6=\xe7\xc6\x8c\xbb\xb0y\xc7\xbb\x8b\xafr\x96\xdb\x93\xe1\xba\xd1%\xfa\xe0z\xaa\x12\x19\x15\x9diB\xa20%m\xb1\xe3\xf3\xa0\x85\xbchH\x00&gt;\xa9l.\xea?\xdegcd\xf2\xcal\xb7s\x1f\x96\x13\x04\x94xX\xd4m\xa3\x85m\x94a\xc8\xd6\xd2\xafOrVVD\x0cu\xd1?\xf4\x95O\xda\xea\x028\xdau\'\xff;\xfc\x8f\xa0\x89\x15\x9b\x0b\x89\xb2D\x0ec\xb3N\xbcw\xd1\xa3\xb5\x87\x9d\x93F\xb5\xa7N\xbd\npw\x07\xe3\xcfu\xc7\xb3\xde^5\x9bD\x9a,\xf3i\xb3K\x9c\x96AE.U\x12\xeb\xcb\x0c2\xc6Pv\xfeN\xe8\x16\xdb\xf85f;\xc1R\xcc\xe7g?\rT\xcd\xf7[\x99z\x7f.\x07\xc2K\xf7\xf5\t\xef\xd3CC&gt;\x03\xae\xd7\x90(\x8e\x1f\xac,\xc1\xda\x1d\x89\xa42\x8b}4\xf1C\x98S\x96%\x9f7w;\xad:n\x18P\x13\xf8\xa4;\xe7\xe3\x80\x7f\xd2\xc2\x12\rL\xd7\xea\x8c\x0b\xc8\xc5z\xc0\xa6\x8c|\x89\t`\xe8\x15g\xdeWi\xad\xf4Z#\xb0\xc8HC;\xa1\x84\xa5\xdbZ\xd4\xfb\xf7!\xf8\xd7\xf7\xbf\x1f4\x1d_\x83\x1b\xffq\xc6\xfd\xd9?y\xf0\x9c2\xf1\xa1\x199V\x17\x92^\x90Q\xd6ch\xb8\xbabgP\xc6\xcc*\xd5\x81\xc9p\xd5\xb7\xa4\xda\xdf\x1a3x\xf8\xba\xc8W\x83\xdeo\xc8&lt;\x86\xb7\x84\xb9\xc5\x89\xef:\xcf\x86\x86\xde\xaa\xb7hmLa\x9a\xc1\xa1\x8f}\xbf\x8c\x033\xc8\x12/@\xdd\xc0\xf7\x99X\xe9@\x89tv\x94\x8bH\x1e%\xc4\xe4\xc6\xd4\xa2\xf1IewG\x88\x96Q\xbb\x83\xae\'g_\xebM\xed;\x85r%]\xea\xb0\xde\x06;\n%\x8aF%\xc2\xee&gt;\x8c\xc0\x818N\xa0pt\xf8fn\xe8\xc2\xfa\xab\xb9\xba\xb8\\\x8e\xf7*\x95\xb6\xe4\xf9\x82[\xed\xd0\xdd\xa9\xde\xb7\x87&gt;\xff;\x11\xe3\xb9!\xd5\xf3\xe4\x84\x9dF4p\x00\x95\x1c?e\xee\xfe\xf3\xcf\x11\xd6\xe4\xb8\xff\x143#\xbf\xd6\t\xdf&gt;\xc1\xa3\xc4\x82r\xe5\xf5\xe6/{A\x014W\x80?g&amp;\xef$\xfegK\xce/\x8b\x17a\xc0suf\xa2(\x01\x83\xa3%z;\xf9\xda\x9f\xbeT\xf0\x8b\xe6\xddM\x9e\xe7\xee\xe7\x0c\x9e\xa0DC\xf5!\x84\xd0UJ\xef4\xe6\xcc\xa5\xf8\x0c!\x96\t\x83D\xbf\xee\x9b\xc6^X\xaa"T!Sck\xca\xd7m\xcc\xf07\x93\x13m\xff\xd8\t\xbb\x14W\xa8$Nu\xbd\x8d\x8e\x86\xa3\xd4\x04l/\xbb\xca-\x04\xb95m\x97\xcd\xa8*\xff\xe8\x02zT&amp;\x9d\x19"\xdd|\r\xaec\x96\x1a\no\x9a\x177\xb7\x9c\xd2\x8ai\xa0\x83\xc0,\xc4\xbf,.\x8arf\x99\t;V\x0b\xdd`\x86\xed\xc1\x994\xbb\xe1\x1e#\xf0\xfdc\x10\x02\xa5T\xd3w\x07=\xb4\xa6\x17\x9b\xf8\xb2u\x8d\x0e\xf3\x87\n\xc7\x99]VO\x1ah\x98\x89\x7f\xcdz-\xb3\xb1WB\xb8\xd0uH\x96\xd2\xec\x15\xed1\xa0\x9b\x87\x99\xd8s\x86Mu@\xc0\xbe\x1cFt]\xe0\xe1~\xc6R/][\x95V\x04\x8b\xd7Z\x07\xa7\x9d.=\xa6\x81\x7f\xf2\xa1o\xb5\x9ex\x85\t\xc7\x91\x8fLL\x99\xdd_\xc3\xf3\r==\x93J\x9b\x86\xe6{\xa2\r\xeb\xa4\x0cn\xb0\xbch\x99\x9c5\xcf=/\xfe\x1d:3\x87\x0f\x07\x9c\xef\xd4d\x83\\^PB\xbffU\xd9 v\xef\xea\xd6\x8aF\x08\xf5\xdc\xdf\xc4\x83\x90\xec\xe1\x87\xdf!^Q\xe1\xf4A#\x0c"(\x8d\xfa\xa4\xd3\xa3P\x96\xe7\xa3Z\xc1\xae\xbc\xd2jE\x01\x01\x11\x8c\xde4\x12\xeb\xaf\x8d\xb7\\\xbb\xedS\x85\x0c\xb5\xfe\x8c\xa2\xb7h\xea\xac\xb8\'\\\xc7\xca\xf4\xec\xa5\xb0\xa7\xaf\x18\xdc\xeeLs6\xfeEF\x0e\xa78\x1cX\xa6\xff\xf2d\xbc\xc5\xd3KJR\xe6\xfel\xce\xcc)P\xc5\xaa\xa2!V\xc1q1It&gt;\x04\xfe\xd2\xb6\\\xb7\x1e\xfc\x8b\xe5\x99*z6\xa9\x89\xab\xe9{\xca\xe8~uD\x9aU\xa7\xc6q\xb2\\\x0cY\xb6\xea\xaf\xfb\x89\x18\xe73\x1b\xb2\xe4)\xa9\xa9\xbcq\xd2\xb9\xb6\xa9i\x97\x15\x1a:\x99Fx\x85y\x911\xb5\xe7Rp\xc1\nvq\xf4\x86\xec~|\xe8\xf3O\xb1\x0c\x95S\xf6\xefT\xe7:\xaby\xc83\xe7\x19\xfcQ\xa5\x98\xdbh\xfeD\xe6\x95\xe3&gt;&amp;\xca\x0ck\xba%\x19\xc7\x9c\x88?\xf2\xbd\x0f\xe2\x82 P\xdd\xf3\xdd\xc5\xc1~\xe9\xe7m8\xa5\xd4\xb5\x05\xf4V\x9d\xee)\xd4\xd4\xb4I\x1cIU\xfb\xbe\xc3i,\x88\\\x96h&gt;Am\xf0'</t>
  </si>
  <si>
    <t>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</t>
  </si>
  <si>
    <t>b'z\xa7\x9c{\x9aE\x1f7\xfeW\x99\xd4\xc2-\x1c\x0b'</t>
  </si>
  <si>
    <t>ill she listened, but heard footsteps neither on the stairs, or in
 the room above; she thought, however, that she again distinguished
 Barnardine's voice below, and went to a grated window, that opened
 upon the court, to enquire further. Here, she plainly heard his hoarse
 accents, mingling with the blast, that swept by, but they were lost again
 so quickly, that their meaning could not be interpreted; and then the
 light of a torch, which seemed to issue from the portal below, flashed
 across the court, and the long shadow of a man, who was under the archway, appeared upon the pavement. Emily, from the hugeness of this
 sudden portrait, concluded it to be that of Barnardine; but other deep
 tones, which passed in the wind, soon convinced her he was not alone,
 and that his companion was not a person very liable to pity.
 When her spirits had overcome the first shock of her situation, she held
 up the lamp to examine, if the chamber afforded a possibility of an
 escape. It was a spacious room, whose walls, wainscoted with rough oak,
 shewed no casement but the grated one, which Emily had left, and no
 other door than that, by which she had entered. The feeble rays of the
 lamp, however, did not allow her to see</t>
  </si>
  <si>
    <t>b'77#eZR\x03\xd7\r\x94\xca2X\x9c\x8d\xbdcxM\xfc\xadJ\x92\xb3\x08G,\xe68\x1a\x1cT5\x07"\x08\x8e\xa55\x9e\xc6(\x8f\xb4\x90\xf0\x17\x11\x97\xe7\x04\xcb&amp;N\xd9C\x8a\'\xf7\xa6\x01,\xd5|'</t>
  </si>
  <si>
    <t>373723655a5203d70d94ca32589c8dbd63784dfcad4a92b308472ce6381a1c54350722088ea5359ec6288fb490f0171197e704cb264ed9438a27f7a6012cd57c</t>
  </si>
  <si>
    <t>b'77#eZR\x03\xd7\r\x94\xca2X\x9c\x8d\xbd'</t>
  </si>
  <si>
    <t>you want me to tell you something. You
are wondering why the curtain is drawn back. I am going to keep it like that."
"Why?" asked Mary.
"Because it doesn't make me angry any more to see her laughing. I
wakened when it was bright moonlight two nights ago and felt as if the Magic
was filling the room and making everything so splendid that I couldn't lie still.
I got up and looked out of the window. The room was quite light and there was
a patch of moonlight on the curtain and somehow that made me go and pull
the cord. She looked right down at me as if she were laughing because she was
glad I was standing there. It made me like to look at her. I want to see her
laughing like that all the time. I think she must have been a sort of Magic
person perhaps."
"You are so like her now," said Mary, "that sometimes I think perhaps you
are her ghost made into a boy."
That idea seemed to impress Colin. He thought it over and then answered
her slowly.
"If I were her ghostâ€”my father would be fond of me."
"Do you want him to be fond of you?" inquired Mary.
"I used to hate it because he was not fond of me. If he grew fond of me I
think I should tell him about the Magic. It might make him more cheerful."
CHAPTER XXVI
"IT'S MOTHER!"
Their belief in the Magic was an abiding thing. After the morning's
incantations Colin sometimes gave them Magic lectures.
"I like to do it," he explained, "because when I grow up and make great
scientific discoveries I shall be obliged to lecture about them and so this is
practise. I can only give short lectures now because I am very young, and
besides Ben Weatherstaff would feel as if he were in church and he would go
to sleep."
"Th' best thing about lecturin'," said Ben, "is that a chap can get up an' say
aught he pleases an' no other chap can answer him back. I wouldn't be agen'
lecturin' a bit mysel' sometimes."
But when Colin held forth under his tree old Ben fixed devouring eyes on
him and kept them there. He looked</t>
  </si>
  <si>
    <t>b'2\x12\xc4\xfcq\xb2\x04upC\xaa\x8a\xc9\x7f \xaf\xd8\xcfz\xf5\xea\xd5\xa6\xbd\xd5\xcd\x88\x81\xac.\x99,\xc9W\xd3\xb2_\x8b&gt;!\xaf+k\xfd\x05M\xaa\x7f\xec\xb9/J\xd7P\x1d\xb6\xdd\x16\xee\x9auP=fHV\xc8\xfe\x18\x8e\xe6\xf3\xbd\xca$\x96\xb7,*,\x10p\x17whB\xb2\x87\xf0\x95FLI\x05\x97\xb3,\x9fW\xa2*O\xb5\x83\xe8\x17W\x89\'+\xa4\x88\xd5\x1f\xfb\x90H\x87[\xe9\xb8\xbf\xcd\x95{\xded\x1f\x7f\x02\x90\xa6V\xe8\x0f\xba\x0eT\xaf`m\xb2%n\x88SV\x9d\x14\xd5\x9456i\xa2\xden\xac&amp;\x13\xde$\x13\xa9\xe2\xda\x1c\xf9\xb2q\xc19\x16sP\x9e\t+\x80\t+@\x15=\xdcEG\xe1\x1e.7\xbe\x83{\xee\x1c]\xd0fh\x1bg*\xdc\xd1\x03\xfdYh\xb6tbkf\x83\xa2\x8e \x17\xe1\x81\xc7\xf7\x1a\x0fK\xb1\xd1\xaa6J\xee\xa1\x1fr\x8a\xbd\x84\x92)x9D\x195QO\x1bR1\x10[\x9f\x83e}\xe6\x8b/\xdd\x90\x1d\xd2S\xdc\x96H\xfel\x07\xca\xb5\x1a}\x0f\xf3|\x06\x83\xcd|z\xd0#\x10\xd6\x10\xc5\xc9\x17\x08\x15@e\\zk\xcb"=\xb7Uz\x82\xf7\xec\xfa\xf9Z&gt;\xcd\x92\xdc\x83\xa9\xaeSot\x84\xac\x05\xa6\xba\x0f\x13\x9dFJ\x95)\x08\x85\xc6\x87\xe3n\x94\xbb\xca\xf7\xff\xd5\\\xa7\xeb\x93\x12\x97\x0c\x9a\x1f0\x0e\x1f=8/\xc2\xa8\xf6\xc9\xc4.\xfa\xa0\xce,\xb4\x8f\xa1\xf5\xc0:t\xd7P\xf1&lt;,Z=\xcc\r\xdfL2\xf3\xda$0\x13\x9d\x19\xdf\xc8\xb3c\x9eh\xb8\xc2\xc7\xb2Z\xb0\x04\xcf\xb1\xde\x83\xb8\xce\x06&amp;.k\xadl!c\xbd5D\xd1\x9fqPX\xec\xc0\xf7\xf4\xccC\x9c\x80\x98W\xd5){$?\x13\x8dr\xbc\xc8$#\xda_\x10\xa4\x08\x1c!7\x10\x84\x11\x8a\xc14bP\xf7\xbf*\xeb)\x83g\xc3%\xcd\x05\\W\xdcUZ\x94UW\xabo\xd3\xf4\x15\x1c\x15\xf4\xab\xb2j\xaf\xc1y\xab\x05v!r\xcby\xac\xa4\\e\xec\x9a\xaa\x80\xdf\x8b\x86\xa1\x9b/\xab\x80\x03\xcd\xc7\xb1\xe8\x8cc\x14\x85B\x12/\xdf\xb4\xd6\x0b\xc3\xce=\x15X\xe3K\'\xdd\n\x83c\x84\xd1j\x11\xed\xd19\xb3\xc0\xc2?H\xc7@&amp;W\x8ap\x80\xb8\xa5B\xcb\x9d&gt;\x00\x81\xd1\xd3\x1a+\xee7#\x07\xc7Z\x80\x11)\x90E\x9f\xabp\x02\t\x14\xa6B\xe0\x9c\xf0\xe7\x82\x80\x93\x93\xd2vr-\x8f\xdc\xa0n\x11n\x89&amp;\xed\x8d\x83\xc2\x1a\xbd%\xfc\x04\xe8\x8d\t\xfa\xa4D\x02s\xa3\x15%*1W]O\x02k\x8fK\x1aB\xe3\x8b\xdd\x1d\xfe\xaf^\xb3\xfd\x84\xc0\xbay\x10Rp\xac\xdb\xcc+s\xf4\x9d\x1a\xc5\t\xe2\x8eb\xaa?\x9a\xee\x0c\x8c\xc78&gt;\xf4clhI\xc6\x90\x90\x85\x18sE\x96\xa1\x9d8=-\xe7\xf1)\xb3@\xa5\xd5\x81\xb6\xcb\xcf`\xf0uC\xc8\xb2\xc7u\x90\xf3\x86\xbb\xe2\xfbd\x840\xd0\xef\xb9\xdaS?\xe7\xdd\x01\x13\xa8H\x9f\x9e\xa1\xa9\r\x159\xa6\xfc1\xf3W\xb7 S\xd1\x13\xfdf\xdf\xddc\xa9\xa2m\x05[\x84\xeeEA\xba\x917\x855C\xad\xc3Vo\xddQGk)\x84x\x11\xaau\x9ax&lt;\xbcA\x14&amp;\x10\xfb\xa2\x8cT\x89\xc5\xdaC\x82\x06\xa6\xd4\x18[\x82\xd6\x12\xa5\xf6\xef5\x11e\xa7Z/\xfe\xa0s\x10T\xa06\n!\xa6 \xed\xfa% =\x92\xbb\xd2k\x0f|\xbe6\x8cV\x0b\x08\xa8}8\xdd(\xafz\xce\xda=T\xd1#\xbd\xabb!\xc0\xc4\xb4b\xed\xb4r\xb5\x08\x832\x01\x05_\x0c\xf7\xed\x81\x88\xacU\x85\xd8\x7f65\xf4\xdeE\x9f\x13\x95\x86\xc0`\x02\xbb\xd9\xc1\x00\\c\xea\x19\xfdy{\x1e\xfe\xa5\xd4\x91\xc0\xd5\x17p\xd3\x1cR{\x17?/\xa1\x185\x8b\xddT"\xf6?\xb2P\xac\xe2{Jd\x8e9\x91\xb2\xc4\xe4\xe6\xe32v\xc7\x13Q\xbb\xb6J\xc8\xddr\xc7\xd1\x83\x1eb\xafo\xca\xdd+\x93T\xc0\x15\x8d\xc7\xa1\\\x0e\xde\x9b\xf9\x8a\xa7W^\x8b\xdd\xef\xcfZC\xc0Q{\t\x8b\x8a089{J\x18\x88\x15}\xea\x94$\xf7+ \xe5]\xb5\xf9=\x1fM\x0e\xc8\xa2!\xf5i\x8aP$RH&lt;#\x8d\xfd\x18\xb3\x84\x1eg\xc1&lt;l\x16XE~\xd1\x99\xcb\xa6\xe9\xa3\x9eB\xce$`\xf8\x82\xef\x7f\xe5=\x10\xe0&amp;v\x84\xe4\r\x9aT\x01\xb8\xb8J\xb7\xdf\xa9p\xceg\x956&amp;l^\xd6X\x99s\xd6P\xefJ%\xc1\xff\x99\xd6\xfc\x11\xe5 \xed."\x93\xec\x14Nt\xb3.\xa75\xe0\xe9/\x99\x1b8\xafRy cg\x02d\x91\x8a\x0f\xaf\xad\xda\x1a\x9e2]\xe1]\x1aq\x04r\xae\xfe3\xc7\x1a\x98\'\x1f\xb9\x04\x01\xc7\xd0`7I\xdbU\xe4;qJ\xd6\x8d\x83K\xe2+\x8aY\x18\xc3\xd5kts!\xc7\xafY(\x1a\x1d\x9c\xf0\r\xfc\xd1Cm\xf9{\x9a\xbf;5y\xeb\xc0\xe4\x0b\t\xc8\xa6\xcd(P\x88^\x94\xcd\xe8\xfd-j\t|\xdb\x92\xc5h\x7f5.\x1d\xf9\xd2\xb6_\x0f\xb2)\xee[\xa5&gt;M\xcb\xdc+\xb8|\xe8A\x80\xd8\x179\x18\x1d\xb7G\x95\x92\xb6rd#\xea\x86\xd34m\xea!\x14\xca\x98S\xb4V\xa2\xe6|G\xa8{\xc9\x00#\x81}\x9al\x8a\xa9\x9e~\xa4\xe2j\x01\t\xe2\xb8\xd7\xc3o2\xed*\xe7\\|\xad\xb0\x07\xaf\x84\xd4\x01\xa5aA\xbe\xee\x86D\x9e\xd6\xf0\xa2\x0e\xba\x9d\x86@\xecW\x18L:\x1d0\xa0Y\xd9b=\xbd\n()\x98\xb7R@\x89n\xbass\x8b/\xfbYA\xf0\xd7\xc8z\xb0\x90\xd4\xc9\x03;\r\xfew.H\ra\x92\x8b\xbf\x15\x8dk\x85\xe2)\xbcC#\xfa\xd9\xaf\x10\x84\xbePT)\xc6\xde\xbf\xb3I\xbf$[\x13\xa4d%\x9a\x16\xc0I\x87\xa5\x93y\x91\xbdT\x1b\xc0\xca\xebh[\xbf^-\xf6\x04\xc0e\xfd\xf9\xcb\xb7\xee\xa9R\xf3\x0f\xdbK\xf2\xe6\xecA\x10\x87\x87\xef\xd9~\xb6Pd\x85\x97\xe3\xf1\x89D\x1f\x8a`\x0c\xbf-\xee\'\xd2!H\x869\xe6Gq\xcf\x91)\x97O\xe8\xf2\xa0\xac\xafP~\x17\xa9\xf9\xa4&amp;\xd4\xff\xf6\x94\xd8\xf4\x84*\xdb\xad\x96\xb4\xb5\xb5j\x00\x1b\xac\xcb\x1fj7P`\x07\x1e\x1bfR\xac\xef\x914i\x13\x0fE\x9c(\xf6|\xc9\xb6\xbf\xabu\x8d\x15h\x1aq\x8d\xf5\xb2\x9c\x05\x86\x93}P5N8:\xda\xa9!\x12#\x15`\xc5s\xb1\xad\xd6\xde\\\xc0F\xa6\xf2\xb8z\x84"\xd0\xeb\x9d\xadA\xb52\xa9\xb5ff\x01\xd5D\x92\x0e]\xe7\xf3\xbf \x89M\xd4\x11q\x92\xd0y\x03\xdd\xc6\xb7\xa56~\x1c\x8b\x87\xedK_\xec{\x8f\xf8\xca0-\t\x08|\xd1\xc2\xa4\xee&amp;2*\x17\xe0\x9c\x86e\x14C\xbf\xe4\x9d\x87\xc7\x85\xdd\xa6B\x1f\n&gt;\xd4A\xcc\xb4\xcd\x9f\nL\x9fZQ\xc7b\x88\x0bt\xf8\xdds\xde\x8ao\xd12\x94\xa7\xd39o\x1b\\\xa6\xe0\x1e\xc6~\xb9\xe8\x02&gt;\xe7\x9d\xdb\xc8)\xc2!X\xacV\xac\x8d\xae\xdav\xcf\x82\x96t\x11\t\xf7\x13\x82\x81\xe2t\n\xfc\xef\x0f)i\xbd1o\x02\x05&amp;:\xd2\xea1\xb1\xa0\x10\xf3\x96pb\x8d\xda\xea\x1c\xdc\x9d\xd4\x91\xb1$_:b\xe9\xe0\xbf\x97\xe2\xfd\xfa\x9b\xd8\xac6\x85\x17\xe63Yfg=\x0b=\xc6\xfa\xf2j\x89\xfd\xbbD\x06&gt;\xbc\xfb!W\x91\xd6J\x92\xc0\x0f\xd4hk\xda\xae\xbc\xe0H\xfc\xc3_\x15\x7f*d.j\xc3c\xa6\xa7\xdd1\xdf\x86\xd9\xd9\x01[K5\x05f\xb6\x92\xd9s\xbc\x83W@~\x84\xaf\x84X\x99Q\x91\x18\xe7M+\xf5j\x1em&lt;S\xe2\x8f9\x08\xc1\xb8w$\x8d\xf4\xe0\xe7\xc7\x1e\xa3\xe2\xefN\x93\x9e\x013\xa9\x887\x82v\xafQ\xb1\xee\xf7\x84B\x04\xf2\xd8@\xb6\xba"\xd0\x07P\\\xf8\x8c\xfcw\xe9|\x06\xddI\xdf\xb3\t\xddf\x04.\xa9\x91\x05\x0e\x0eWg3x. \xcah\xe8\\\xbb\x94=\xcd\xab(\r\xcd\xbb\xf8\xae\xa9ur\xbc\xaa'</t>
  </si>
  <si>
    <t>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</t>
  </si>
  <si>
    <t>b'2\x12\xc4\xfcq\xb2\x04upC\xaa\x8a\xc9\x7f \xaf'</t>
  </si>
  <si>
    <t>ell you?'
 Peter felt that she was calling him names, and at a venture he retorted hotly:
 'So are you!'
 Then rather curiously they both snapped out the same remark:
 'Shut up!'
 'Shut up!'
 Nevertheless the bird was determined to save him if she could, and by one last
 mighty effort she propelled the nest against the rock. Then up she flew;
 deserting her eggs, so as to make her meaning clear.
 Then at last he understood, and clutched the nest and waved his thanks to the
 bird as she fluttered overhead. It was not to receive his thanks, however, that
 she hung there in the sky; it was not even to watch him get into the nest; it was
 to see what he did with her eggs.
 There were two large white eggs, and Peter lifted them up and reflected. The
 bird covered her face with her wings, so as not to see the last of her eggs; but
 she could not help peeping between the feathers.
 I forget whether I have told you that there was a stave on the rock, driven into
 it by some buccaneers of long ago to mark the site of buried treasure. The
 children had discovered the glittering hoard, and when in mischievous mood
 used to fling showers of moidores, diamonds, pearls and pieces of eight to the
 gulls, who pounced upon them for food, and then flew away, raging at the
 scurvy trick that had been played upon them. The stave was still there, and on
 it Starkey had hung his hat, a deep tarpaulin, watertight, with a broad brim.
 Peter put the eggs into this hat and set it on the lagoon. It floated beautifully.
 The Never bird saw at once what he was up to, and screamed her admiration
 of him; and, alas, Peter crowed his agreement with her. Then he got into the
 nest, reared the stave in it as a mast, and hung up his shirt for a sail. At the
 same moment the bird fluttered down upon the hat and once more sat snugly
 on her eggs. She drifted in one direction, and he was borne off in another, both
 cheering.
 Of course when Peter landed he beached his barque in a place where the bird
 would easily find it; but the hat was such a great success that she abandoned
 the nest. It drifted about till it went to pieces, and often Starkey came to the
 shore of the lagoon, and with many bitter feelings watched the bird sitting on
 his hat. As we shall not see her again, it may be worth mentioning here that all
 Never birds now build in that shape of nest, with a broad brim on which the
 youngsters take an airing.
 Great were the rejoicings when Peter reached the home under the ground
 almost as soon as Wendy, who had been carried hither and thither by the kite.
 Every boy had adventures to tell; but perhaps the biggest adventure of all was
 that they were several hours late for bed. This so inflated them that they did
 various dodgy things to get staying up still longer, such as demanding
 bandages; but Wendy, though glorying in having them all home again safe and
 sound, was scandalised by the lateness of the hour, and cried, 'To bed, to bed,'
 in a voice that had to be obeyed. Next day, however, she was awfully tender,
 and gave out bandages to every one; and they played till bed-time at limping
 about and carrying their arms in slings.
 CHAPTER X
 THE HAPPY HOME
 One important result of the brush on the lagoon was that it made the redskins
 their friends. Peter had saved Tiger Lily from a dreadful fate, and now there
 was nothing she and her braves would not do for him. All night they sat above,
 keeping watch over the home under the ground and awaiting the big attack by
 the pir</t>
  </si>
  <si>
    <t>b'w\xce\x14\x8bC\xf0-x'</t>
  </si>
  <si>
    <t>77ce148b43f02d78</t>
  </si>
  <si>
    <t xml:space="preserve">ain charged to peak value +Vm (point ). During this time the rectifier supplies the charging current I and the load current.
From above it is clear that capacitor not only remove the a.c. component but also improves the output voltage. The smoothless and magnitude of output voltage depends upon the time constant CR. The longer the time period the steadier is the output voltage. This can be achieved by using a large value of capacitor.
However the maximum value of the capacitance that can be employed is limited by the current that can be safely handled by the diode. The diodes employed in the rectifier circuit can deliver maximum current as per their rating. Therefore the size of the capacitor has to be limited so that it may not draw current more than the rating of the diodes.
 Basic Electronics
69
                 70
(ii) Series Inductor Filter
+
L
+
RL
Circuit Diagram
WITHOUT WITH CHOKE FILTER FILTER
VL max Ï…L
Output Voltage Waveforms Full-Wave Rectifier with Series Inductor Filter Figure-19
A series inductor filter is shown. In this case an inductor is just connected in series with load. The inductor has the inherent property to oppose the change of current. This property of inductor utilised here to suppress the a.c. component (ripples) from the output of the rectifier.
The reactance (X=2 pi fL) of the inductor is large for high frequencies and offers more opposition to them but it allows the d.c. component of the rectifier output. Hence an inductance blocks the a.c. components but allows the d.c. components to reach the load. Thus it smooths out the rectifier output as shown fig.-19.
(iii) Choke Input LC Filter
A choke input </t>
  </si>
  <si>
    <t>b'\x1ae\x9c\xbc*\x99\x10\xa5\xde4\x8f5.\x8ck\x15\xd2\xd2\xcdq*0\xd6\xa7;\xbb\xad\xea\xd5c`\xd1s$L\xc1\xb3tx\x88\x97o0^q\xb4\x92@N\xf8cdy\x0b\xbb*Z\xb95\xe2\x93V\'\xc3\xbdG*Ys3\xac\x17\x07\xeaJ@\xc1\x92\xc7\xd5\xc9q\xb9\x8d\x8c\x0f\x94\x8e\xb5p\x8a\x02+"(\xe4\x07\xab\xc3\x02\x87x9=\xf6i@,\x10~+\x99J\xbb\x16\xfc(\xce\xfa-U\x13\xdf\xb8~\xf4\xc3\xc2\x9d\x1eV\x84v\x0b\xaf0j\xcb=\xfd\xbb\xe6m\x97\xbe \xe4\xa0\x9f\x84\xe6\xa7C+\xb3\x15\xb8!\x1f\x8b\x7f\xb7\x17\xec\xd8\xca\xe9s\xe3\xfb\xd2\xde\x0bsigt\x90\xddx\x92 9\xd5\x11#r\xf1U\r*\xe9t\xaa\xf5\xa7\x89$\xb4\xcfXpp\x07sQ4]\xd4pa\xae\x01iB\x17-\x16\x91Z!?\x82AAZ\xa3;\xd9\xaf6M7&amp;\xe0\xed\xcc\xd6H\x02\xb3\x151b\\\xd6\x9d\x88\x91\xd7V\x7f!\xa1DT\xe3{\xc6\\?\x831\x9d\xab\x07Z&amp;t}D\xf8\xb5\xc9\x85\x9e\xdbd\x96\xdc\x0c\x06\x0cA \x15n\x96w\x10\xc9v\x87\xe4\xbej\xf1Y)v,\xa8\xd9;95Yk\xf0\x07s\xce\x03T\xe8C\x88e\x9e\xe4p\x9e\xe1\x9f\x9f\xe3\tZ&amp;\x8d\x7f;\xa3w\xbcP\x90\x16\xef\x08\xfez\xd8q\x08\xa6\x04\xa9h \xdf\x9f\xa6\x06\xa8\x83\xb99T\x0e\x97\xe8\xe5\xab\xfe|\xfa\xddcT\xfeD\xef\x83\xce4[,0\t$4;3\xd2\xa9A\x986"Z\xea\x97\xcf\xa2\xc2\x01X+f\xb4\xddXu&amp;\x19\xec\x1f\x80S\xe1\xf7\xf4\xcd\x02w\xaa\xbe\xfc\x966Z\xc7$l4\xab\xfb\xfd\x9d\xd2\xa4\xbcF\xa7\xa6\x04r\x08\xaf\x86\xe7|o/T\x8f\x17M \x84\\&amp;\xc9}.\xfcr\xb3\x13t\xcf\xfc\t\xfd\xd3\x81\xf0Fiy\x8d\x93n\x83u\x80\x9c\xed\x1c\xa5\xfcHLs\x1d\xb1Mb*0"\xff\xbe\x90\xaf\x8c)w[sn\xb5|\x17\xf8e\xa6\xc2\xf1\xd9\x12\x10\xa4U\xe5\xcf\xe9E\x86\xf1\xf9\xe0\xa0Z\xf5c\xb6e\xdbM\x9d\x80\x01\xc8\x8bII24\x03\x14\x1a\xc3E^\xe68\xf0k\xf8\x13t\xd0\xda\x9c\xec\xadS\x8e.[\xe4\xc7z5\\Q\xb7\xe7T\xa8\xa8q\xda\xdc\x8f\xdes\x1f\xa1\x083\x1dw*\x03\xeeLGJ\x9a#\x0c-g&gt;\xbaZ{\x82\x85\xd0\x12\xf3\x94\x14\x89\xf0\xed2\xf0\xfcb+\xff\'\xd8\x01\x07s*\r\xd7\xac\x8d]K8.\x89\xaci\xc1\x9d\xc3L\x07\xb31\x8c}R\x0c+|\x81\xae\xf3}k\xdf\xe3\xebF&amp;\\\xb0\xba\xe0\x9a\xaa\xd7\x92\x06o\x99\xea\xd9\xc9\xd3\xe1\xab\x17\x806r\n\xa40\xd1c\xd4\x88G\xd9:\xda}\xdf/\x07s\x939\x96!\x89\x1e\x08\x7f\xf3\xf0\xdd\xe8\'\x9c1\x9c\xa6\xf8\xfa\xba\x15Qo\x13\x85\xbd?\xc2\xd7\xc8\xb3\xce\x85\xd1k\x1a0\xb7Pg"\x81\x8b\x93K\xe3\xe1k\xedT\x91Ap\xb9\x8e\xf9\xeb\x82\r^\x85\x1b^\xf5\xd2\xdd\x1c\xa5jF\xe1\xd1y|\xcal\xb8\t:= z\x8c\x9f1\xa5`\x1c4\x14+\xaa\xc2\x84i_\xa0a\x1e2\x12b\xf64\xdf\xb7$)v\x10\xc4\xfca\xfb\xbe\\\xfb-s3\x1f/L\xc0\x11qO\xf9\t\xa1\x9a\x82\xdbdA\xe5P,)\x0f\x14\xad\xe6\xda3\xb8\xd7\xaeL\xd3q\x1f\xe5\x12[\xe7rqr\xe1\xae9\x89\xf9\xe8\xf1\r\x14:\xcf\x17\xe1\x8d\xf0D\xebH\x0f4V\xcd\x02\xdcG,k\xa6\x93e\xa2_"\xc8\xa3\x8b\xa5&amp;;W\xbe\xe3_\xbc\x8d\xf6\xf9\x9b\xac\xc8\xc8\x983\xbb|?C$\xc0\xcf\xdc\xf2\xdc\x92\x1f\xb1\xb8j\xd4\xe9\x17&amp;\xa7*\xc8\xf3\x05:.7\xe8FU\xa4o\xc6l\x9d,[E\xd7\x8a\xde\x86\x8a\x7fv\x8c\xf1\x97\x8f\xb9\xf9a\xe9\x04\xde\xb2\xbe\\\xc5\xb0:\xd7H\x15\xe9\x08\xe4\xf4+\xee\xafn(\xd5\xdf\xd4\x0e\xef\x0e\x83\xdat\xf5\xb6o\x88f\xcf_\xbfv7:\xe6\xd1\\\x0b\xb5\xcab\x9aI\t\x98\x88\x0eopY\x1fr\xc9\xb4\xc1M\xf1\x85~{v\xc2\x8cLAK-\xe3B\x94\xa2|\xe5\xbd\xdcfS\xd6\x96\xed\xa8H\xab\xff7\xf6\xbe\xa8\x05+\xbe\xdf0\x86\xb3]OJ\xcc\xca\xbdse\t\xd0)%\xa7\xd7N \xefSO\xb0\xba!M\x1f\xba\xffK\x1c$o\x8a\xc7\xb1\xe8\x93\x8bRS\xa2hw\x86\x8d+\xe4\x8c4\xfc\xea\x10\x9f&lt;%\xe3\x1er3W\xacV\xea\x9c\x9d \xe3\xa0\xb9\xf5\xd3\xad\x1c\xad\x9c\xff\xcdz\x7f\xceU\xfd\x95~%H\xa6\x14\xa6\xf5D\x8eX\x13x\xec\xaaB\xa59f\xdb\xf9\xe5\xe1f\xa0\x1b\xe38\xa9\x18\x9d0\x12\xb4\x01\x01gJ\xe3l\x92\\{\x8d~\xcc\x8b\x10\xfbF\x81\x8et\t\x8e\xb0\x8f\xf6\x87\r\x07\x8d]\xb8\xa0\x7f\xaee\x12\x97\x87}t\x1fb\xa4H&gt;X\xe7\xd4fb\x92Aa&gt;\x98\x84]\xcd\xca\xad\x86q\x97\xf8\x9b\xdd\xb3\xaf\xb1\x80\xc9\x0e\x038&gt;$,\xfe\xe2?\xc0"\xd5Q|R\xe7\x95n-5b\xc4\x1c\x8czK*\x17&amp;\xdf\x91\xdbz\x9a\x8e\x05\x16\x8ap\x04\x1e?4d\n\xa4\x1f&lt;\x00\xd1ChK\xebt\x8d\x86\x02b\xba\xde\x10\xd8\xdb;\x80\x85\xf7\xbf\xc5\x1d9\xac\x17\x9a\xa4\xf3\xf5k+\xd0\xd74\xddp]\xe0\xbc\xfa\xba\xbb\x91\x0b\xf1\xb7w\xec.\x05a\xad\x05(\xd8\xccsj\x05\xfa\xa4w\xb6\x85\x90\xb0/\x13\xa7\xc1\x90\xff&lt;\x8a\xe4;:\x8c\xd2qg{\xcb\xbe\x1dk\x9e\x93\xee\xb3\xa2]V\x83\x8b\x8c\xa9\xf5\x81M\xe7\xca\x13\xcf^\xa8\x1c\xef\x19\xb9\xcb\xdb\xb9\xb0\xd5\xa5\xdb\x8d\xd6n.\x11\x1c\xa8\xf2\x86#}\xc99*\xff\xfbgKP\xe3\nd\xab\x07\x9d\x8e\x1es\x85e\xf5\xcf/$\xcd\xbeJ\x06\x81\x84\x08:z\tdq\x93\xfb\xf2\tY~\x1d\x11_\xdc\xe7&amp;J\x9d\x00\x12\x8dFZY\xa7\x8aH\xaaEF\x0c\xf0\x91\xdbn\x1a\x08\x86\xa3\xea\xe3\xa5\xb2\x00\x9e\xe8\xb8\x82\xcag\x90\x0c_\xea\xb3\xe7\x9aA\xf9\xec\x94\x18m3\xe21y\x99\xe9\xdb#\xacb\xde\xcc\xc6\x0c@\xdamS\xc9X%_\x94\xba\x9b\x19.\xb8Y\xf6\xb2r\xcf\xc8O\xfc\xd3mt\xa4\x9f\xddW\xfffQ\x94\xf0\x0b\xd9\x9e\xc1\x80\xfa\x98I\x0c\xf2Z\xf5\xce1\x88\x8a\xc3\xf8\xc8\xa85\xbd\x8f\xe0nc\xea3h\xc1\xbb\xba\xa4\x9d\xd6us*\xe0\xe0B\xbe\xa4\xdb\xe9H\xd7\x0c:\xacw&amp;\xc3\xc2\x17\xb7\xdfV\xdb\x83\xbb\x06V=B\xbe\xcd$`\x16B/\xbe\xeb\x94YrJ\xe7\x98;_\x9f\xce\xb1\xa1w\x98B\x88\xee\xa6\xd2\x98\x9c\xcc\xc3\x1f'</t>
  </si>
  <si>
    <t>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</t>
  </si>
  <si>
    <t>b'\x1ae\x9c\xbc*\x99\x10\xa5\xde4\x8f5.\x8ck\x15'</t>
  </si>
  <si>
    <t>ng, which resulted in more sales. They moved from just having
 a product to thinking about the person who would benefit from it and
 what he or she would use that product for. They always made sure that
 they were serving a person.
 By the time competitors found their market and tried to copy them,
 Marvin and his partner were too far ahead. At that point, customers
 kept choosing them, thanks to all the reviews from real people.
 Marvin has had a ton of success with just two products, but he
 plans to add at least three more. Then heâ€™ll be in a position to possibly
 sell the brand.
 â€œIf I could give one piece of advice to someone looking to start a
 products business, itâ€™s to make sure you know what youâ€™re doing
 first,â€ Marvin said. â€œA lot of people say to take action, but donâ€™t rush.
 Youâ€™ll make mistakes. Expensive ones.â€
 Marvin and his partner didnâ€™t just test everything to see what
 worked. They thought things out. They considered all scenarios. â€œYou
 also have to love learning,â€ he told me. â€œIf you donâ€™t continue
 learning, someone is going to outlearn you and become more
 successful.â€ And in this game, learning means listening to your
 customers.
 In business, there will a</t>
  </si>
  <si>
    <t>b'@JE\xf2*\xf4\x865\x89Kx\x9a\xe2\x03\xf2m\x0ba\xce\xb3\xae\xd6\xcc\xac\xf056\x89\xa7D\x02J\xbd@\x1b,\xe2W\'\xdf\xca2\xa8m\xda\x84^\xef\x08\x85\xa1\xfc\x88\xf9:\x12\xa1^?\xe8\x1eWP^\x9a\xae\xed\xdf\xf5\xeb\xc7\xd0\'\x9f#\xbd\xff\'\xf3\xf4\xb1\xa1B\xf9\xdd\xe9\x117M\x95\x1ac_\\\x9f+\xe7\xad\xeb\x01i`\xc5p\x13\x1dY\xe3k\xe3Z\x071\xc0\x94J\xb9\x8cn[\x03\xa3\xb8|QMN\xc3m\xb5\xb3rt\xa9\xf84\x15\xad\x88\xbe\x14Cl,f\x80\x811{-7\xd1PS \xee\x9a\xb2\xd67\xb0t\xf8\x0b\x87\x99\\I\x15\x96\xe0t&amp;a\xdd\xc3\x18auX\xc3H\x8f\xcf\x18\x8f\x1f\xde\x017\xa1\xb8c\xd6\xbb\x98\xd1\xa1\x92\xe5\x1e\xac\xfe\x99_\xa1\xe3\x03\xc7W\xd4r\xbe[\x11HFD\xd3\x06\xe1\xe6\x18\x1a\xe9\t\xd5w\\\xb9\xe8^Do\xa0\xb5\xbdI\xc6T\xab\xef\xde\x7fd\xd08\xa1\x9c\xa0v\xad\x90e&lt;\xb5\xb7.A\xbe\xc1\x80\xd0\xcdD\x06\x10M\xfc\x90B\xc0G&gt;CV\x01?\xdbR\xb1=\xbd|\xa5\x9d\xdc9H6\x8e\x7f\xb5V\x0e/o\xd1\xed\xe3\xa3-\xc2\xcd\x9e0\xae)T\xd3\xd7\x8a\xaf\xeeq\x82\xdd\\\xee\x10/(\xea\x02A\xfbC(\xe6\xf6=\xf8X\xee\xba?`c\xadA\xdd\xb3\x9c\xea\xad1\xba\x06Z\xc0\xde\xa5\xf2_.\xa0\xd0\xcd:\xad{\xdf\x05\xf6\x18\xf6\x8f\x8ed%\x87\x87\xbbD\x0b\x9d\xe6\x19\xa2\x8e\\\x8f?\xd1\xf1\x8a],\xb4\xb5[\t\x91\xbf\xfb\xda\x17\xa6JY\x0b#*&gt;1vAU Cg\x1d4\xce\xf1\x92\x06\xc1,&amp;d\x8bH=w_r\x1f\xf82K\x14xH\xf9\xd7\x86SD\xd2\x19\x02w5\x9a\xf1:K\xb23\xc4\x02\xc0\x94\x08R\xf6\x03V\xc1\x07\x90\xae8)\x06\xad\xfe\x96\x1d\xdcC;\x1e;AFD\xa8\xd9\x91gW\x99\xa2l\x9d\xb2\xa5}\x92\xc7\x97#\x8f\xa2z$\x0c\xeb(\xf2!\xc3h}\x01\x10\x9b8\xea\xc7.\x980GS\x9dtz\xbd\xa4\x8d\xe1\x0e\xeb\xab?4G\xb0\xc7Li\x1c\xb7/\xe9\xb6G\xb8\xba\xdcz^\x16\x8cT\x16|\xd2\xc3\x81\x94J\xa1\xf8\x7fz\xcdWF\xd1\x03z\xadm8\xee\xb7"\xac\x93&lt;I!\xad \xd3\xcc?\xe9Mb(\x90W\xc0t\xa5KJ\xf5Mmr\xc7\xbe\xfb\x07|6\x04\xb4\xa0Ti\x1b\xe3\x86y\x14(\x07\xd32\xde\x84_\xab6m\x0b\xb3\xae\xfa\xac\x0e\x83U\x8e\xb1\x0f\xbe\xa3\xe4\xb5OlCQ\x13\xd8\x17~\x13\xbe\xde\xcc!8s"t\x8a:\x85\xbd\x05nY\x1a\x06\x93\xba%1xQ\x9ea\xd3?\xcd\xd7\xb8i\xd9\xf45P\x19?\x93\xac\xe6\x80\xe9@1,h-Ch|\x1c\x98\xee\xd6)\x1f\x08o\xc4\xcf~\x17\xd4O\xb9\'\xa0\xaa\xf8\x11\x1e\x82\x01+\x110U\xc8\xeai\xea\x16\x91\xdcR82S\xcf\xb1\x85\x86,\x99@\xeb\x13?\xc7\x90\x88\xf8\xca\xf5\xfe\x8d1\xcdd\x0en\xf4%w&lt;V\xe5\xa0\x00\x97\x06\xb1gy\t\xf3&lt;O\x0c\xe8\xcd\xc7\xb4\xb2g\xfa\xfa\xbc\x8b\xadC\'\x1aj\x16f\x99\xb7c\xe0E\xff~\x1aVabG\xd7\x16~\xebG\xbc#w{\xebG\xdaC\xb1\x96\xca\xdc4(d!c\xa3dTJF\xc9 \xa5&amp;\xcf\xf9zi\xd9\x94\x87\x8b\xf6\xc17~\xaf\x95D\xdf\xf7P\x1a,\xee)\x02s\xea=\x08\x97c^\xef\xca\xfe\x87E\xf6\r\xab\xdc{\xbb8F\x95\x16\x18\xe5*V\x7f\xfc\xd70\xf5\x88a\x07\xfc,\xe2\xe3i2\x1d\x9c\\\x7f\xa9\x9c\r\xfb\xc5??\x9d\x98\xcb\x9ee\x84\xa9SLFI\xa4\xe6=\xf0\nad\x9f\x07\x1aG\xa2\x19\x87\xb1\xbe_\xf9\xf9&lt;\x01\x1f=\xf4 b&amp;\xcc{4\x96\x9d4()\x1d?7/\xee\x8c\x88"~q\x87\xec\xfd&gt;A\xf5\x1a\xc2\xc4\x9c\xd5\xf56\xac1E\x06\xed\xf6\x8a\xb62R\xbf\xf9\xe6\\1,&lt;\x0f\xaa\xf3t\xd5\x84H&lt;\x89j}\x80Ql#\xdf\xa5\xc8\xd8\'\x97\xef\x0fWd\xed\xbd\xab~1\xd2\x07\x92~\x10\xa7\x8f"s\x8f\xcb-\xe6~\xc9\x82\xb3\x9a\x13\x1c9\xef\xe7Ek\x11\xdd\xf8\xadqa@58\x8a\xf7k\xda\xeb\xf6[\xb3\xd7/P\xd5\x11\xcdp\xefC\xe1S\xa8N\xe7\xf4\x0f^\xa06\xa2d\xd1\xff\x8d\x9d\xaf\xf45\x17\xb8n_@\xb1\xc4\xbc\x03\xb8/\xac0y\xd0\x19Bi\xack\x1a\x83\xaad\xe4\xc1A\xc5\x0c\x91\x9a\xcb/\xc1\'\x01\x86\x0e/\x1f\xff]\xf1\xae\x15\x94\x9fqo\xach\x1b\xdbLK\xf3\x831\x0e\xfb7e\x07\xd8\xb4}\xd1\xee\xc1\xce\xba\xddP\xd5g\xe4\xe2\x08\xd1,\xffU\x06K+K\xc9\xdfz\xfb\xaf\xc4\xbd\xf4\x03\xf4\xaa\x86\xe8\x04VJH\x8f\xc0\xc3S\x9fP\xac\x08c\xe6\xa2\x85'</t>
  </si>
  <si>
    <t>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</t>
  </si>
  <si>
    <t>b'@JE\xf2*\xf4\x865\x89Kx\x9a\xe2\x03\xf2m'</t>
  </si>
  <si>
    <t>brought to him, he drank 
 slowly, like a connoisseur, lingering on the taste and still looking about 
 him at the cliffs and up at our signboard. 
 "This is a han</t>
  </si>
  <si>
    <t>b'\x9c\x08\xdbe{\x8bO\xd3)\x1c\x0bAP\xe8W\xd1\xf9e\xf0)\xe2\xb6\xb5\xbb\xf6\xbdu\x1a\xa2s\xb1\xa5=\xb5\xe4\x87h\xf2\xdb\x95\xfbc\xbe\x01^:x\xf7`\xa1H\xdd~\x13\xc3&lt;!z\x98M\xb1?\x16\x82t\x08[\x85\xb8,+(\x82E&amp;\'\x84px\xb7IV\xa8\xf7\xc3\x15\xfc\xf0\xabur\xb0\x9c\xfd\xa7\xee\x03N&gt;\xc4\x12\xaew\x9cR\x8eCJ\x136\xef\xc7vdXjZ\xf7\xaf\xa7\xc1eR\xeen\xd0X\xbfb\x06\xfdc\x91\xcd\x95\xdc\xc8\xa6-\x91\xfd."Fv\xe0\xb7}\xbf\xcd|\x1a\xfd\x98\x12\xb8R\x88\x0bBM2\xce\x96\x03\xe2\x05\xfc1\x05\xaf\xf0\xb6\xd6\xe2\xb6;\xb2\x86\x83N\xa9Z\xcf`\x88\xf6\x8a\xf4\xed0\xf1\xc0\xa6\xae\xcc\n\xad0y\xb3\xc4c\x81)H\x8c\x91\x85,\xd0\xbe\xa7!\xed\xceJ\x84\x8c\x02\xbfS)\x81\xc1\x91\xaak\xd1\xf0mB\xf9?\x0eN\xba\xe9\xab\x01\xd0\x1bS\xcd\x88\xa6\xe5K\xf5Y&lt;\x14\xa9\x18Tb'</t>
  </si>
  <si>
    <t>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</t>
  </si>
  <si>
    <t>b'\x9c\x08\xdbe{\x8bO\xd3)\x1c\x0bAP\xe8W\xd1'</t>
  </si>
  <si>
    <t>r terms)
 E$/â‚¬
 2
 E$/â‚¬
 1
 E$/â‚¬
 1 R$
 1 R$
 2 = + R$ Î”Ï€ 1 E$/â‚¬
 2
 MUS
 1
 PUS
 2
 MUS
 1
 PUS
 1
 Figure 16A-1
 How a Rise in U.S. Monetary Growth Affects Dollar Interest Rates and the Dollar/Euro Exchange Rate When Goods
 Prices Are Flexible
 When goods prices are perfectly flexible, the money market equilibrium diagram (southeast quadrant) shows two
 effects of an increase, , in the future rate of U.S. money supply growth. The change (i) raises the dollar interest rate
 from to , in line with the Fisher effect, and (ii) causes the U.S. price level to jump upward, from 
 to . Money market equilibrium therefore moves from point 1 to point 2. (Because doesnâ€™t change immediately,
 the real U.S. money supply falls to , bringing the real money supply into line with reduced money demand.)
 The PPP relationsh</t>
  </si>
  <si>
    <t>b'0D\x02 \x1ch\t\x8d\xc5\x8ee\xfc\x01\xfa&amp;)\xc6sj\x11\xb7!F1\x88B\xd4\r\xe0\xe9q\xebI\xf1\x13\xbb\x02 u\xf7\xbe\xe1H\x0b&lt;\x16d\x97\xee\xd7\x0b\x17\x92\xd4!\x97M\xd3\xd56\t\xd9x\x04\xc4\xdek\x83\x89E'</t>
  </si>
  <si>
    <t>304402201c68098dc58e65fc01fa2629c6736a11b72146318842d40de0e971eb49f113bb022075f7bee1480b3c166497eed70b1792d421974dd3d53609d97804c4de6b838945</t>
  </si>
  <si>
    <t>b'0D\x02 \x1ch\t\x8d\xc5\x8ee\xfc\x01\xfa&amp;)'</t>
  </si>
  <si>
    <t>ermine the transfer function of the cir_x0002_cuits shown in Fig. 11.86. Assume Î» = 0
 for M1.
 Vin
 RS
 Vb
 VDD
 Vout
 M
 M 1
 2
 (a)
 Vin
 RS
 Vb
 VDD
 Vout
 M
 M 1
 2 Vb
 Vin
 RS
 Vb
 VDD
 Vout
 M 1 M 2
 (b) (c)
 Figure 11.86
 560 Chapter 11 Frequency Response
 Sec. 11.6 Frequency Response
 of Followers
 11.47. Consider the source follower shown in Fig.
 11.87, where the current source is mistak_x0002_enly replaced with a diode-connected de_x0002_vice. Taking into account only CGS1, com_x0002_pute the input capacitance of the circuit.
 Assume Î» _x0005_= 0.
 M 1
 VDD
 M 2
 C in
 Figure 11.87
 11.48. Determine the output impedance
 of the emitter follower depicted in
 Fig. 11.88, including CÎ¼ and other capaci_x0002_tances. Sketch |Zout| as a function of fre_x0002_quency. Assume VA = âˆž.
 V
 Vin
 R
 Q1
 CC
 Z out
 B
 Figure 11.88
 Sec. 11.7 Frequency Response
 of Cascode Stage
 11.49.In the cascode of Fig. 11.89,Q3 serves as a
 constant current source, providing 75% of
 the bias current of Q1. Assuming VA = âˆž
 and using Millerâ€™s theorem, determine the
 poles of the circuit. Is Millerâ€™s effect more
 or less significant here than in the standard
 cascode topology of Fig. 11.48(a)?
 V Q
 Q
 b1
 VCC
 1
 2
 Vout
 RC
 Vin
 Vb2 Q3
 R B
 Figure 11.89
 **11.50. Due to manufacturing error, a parasitic re_x0002_sistor Rp has appeared in the cascode stage
 of Fig. 11.90. Assuming Î» = 0 and using
 Millerâ€™s theorem, determine the poles of
 the circuit.
 M 1
 VDD
 Vin
 RS
 Vout
 M 2 Vb
 R
 RP
 D
 Figure 11.90
 **11.51.In analogy with the circuit of Fig. 11.89,
 a student constructs the stage depicted in
 Fig. 11.91 but mistakenly uses an NMOS
 device for M3. Assuming Î» = 0 and using
 Millerâ€™s theorem, compute the poles of the
 circuit.
 M 1
 VDD
 Vin
 Vout
 M 2
 M R
 R G
 3
 Vb1
 Vb2 D
 Figure 11.91
 Design Problems
 11.52. Using the results obtained in Problems
 11.9 and 11.10, design the two-stage am_x0002_plifier of Fig. 11.63 for a total voltage gain
 of 20 and a âˆ’3 dB bandwidth of 1 GHz.
 Assume each stage carries a bias current of
 1 mA,CL = 50 fF, andÎ¼nCox = 100 Î¼A/V2
 .
 11.53.We wish to design the CE stage of Fig.
 11.92 for an input pole at 500 MHz and
 an output pole at 2 GHz. Assuming IC =
 1 mA, CÏ€ = 20 fF, CÎ¼ = 5 fF, CCS = 10 fF,
 and VA = âˆž, and using Millerâ€™s theorem,
 determine the values of RB and RC such
 that the (low-frequency) voltage gain is
 maximized. You may need to use iteration.
 Problems 561
 R
 V
 Q1
 C
 CC
 Vout
 Vin
 RB
 Figure 11.92
 11.54.Repeat Problem 11.53 with the additional
 assumption that the circuit must drive a
 load capacitance of 20 fF.
 11.55.We wish to design the common-base stage
 of Fig. 11.93 for a âˆ’3 dB bandwidth of
 10 GHz. Assume IC = 1 mA, VA = âˆž,
 RS = 50 _x0002_, CÏ€ = 20 fF, CÎ¼ = 5 fF, and
 CCS = 20 fF. Determine the maximum al_x0002_lowable value of RC and hence the max_x0002_imum achievable gain. (Note that the in_x0002_put and output poles may affect the band_x0002_width.)
 Vin
 R Q 1
 R
 VCC
 C
 Vb
 S
 Vout
 Figure 11.93
 11.56.The emitter follower of Fig. 11.94 must
 be designed for an input capacitance of
 V
 Vin Q1
 CC
 RL
 Vout
 Figure 11.94
 less than 50 fF. If CÎ¼ = 10 fF, CÏ€ = 100 fF,
 VA = âˆž, and IC = 1 mA, what is the min_x0002_imum tolerable value of RL?
 11.57. An</t>
  </si>
  <si>
    <t>b'\xad\x17\xf1\xc5\n\xb9\x92\xad\xa1\x90WjJi\xd4+'</t>
  </si>
  <si>
    <t>ad17f1c50ab992ada190576a4a69d42b</t>
  </si>
  <si>
    <t>be problematic because the composition of imports
 changesâ€”partly because of tariff rates themselves. Imagine, for example, a country that imposes a tariff on some
 goods that is so high that it shuts off all imports of these goods. Then the average tariff rate on goods actually
 imported will be zero! To try to correct for this, the measure we use in Figure 10-5 shows the rate only on â€œdutiableâ€
 imports; that is, it excludes imports that for some reason were exempt from tariffs. At their peak, U.S. tariff rates
 were so high that goods subject to tariffs accounted for only one-third of imports; by 1975 that share had risen to
 two-thirds. As a result, the average tariff rate on all goods fell much less than the rate on dutiable goods. The
 numbers shown in Figure 10-5, however, give a more accurate picture of the major liberalization of trade actually
 experienced by the United States.
 TABLE 10-3 The Problem of Trade Warfare
 Free trade
 10 â€“10
 20 â€“5
 U.S. Free trade
 Protection
 Protection
 Japan
 10 20
 â€“10 â€“5
 236 PART TWO International Trade Policy
 The particular values of the payoffs given in the table represent two assumptions. First,
 we assume that each countryâ€™s government would choose protection if it could take the
 other countryâ€™s policy as given. That is, whichever policy Japan chooses, the U.S. govern_x0002_ment is better off with protection. This assumption is by no means necessarily true; many
 economists would argue that free trade is the best policy for the nation, regardless of what
 other governments do. Governments, however, must act not only in the public interest but
 also in their own political interest. For the reasons discussed in the previous section, gov_x0002_ernments often find it politically difficult to avoid giving protection to some industries.
 The second assumption built into Table 10-3 is that even though each government act_x0002_ing individually would be better off with protection, they would both be better off if both
 chose free trade. That is, the U.S. government has more to gain from an opening of
 Japanese markets than it has to lose from opening its own markets, and the same is true for
 Japan. We can justify this assumption simply by appealing to the gains from trade.
 To those who have studied game theory, this situation is known as a Prisonerâ€™s
 dilemma. Each government, making the best decision for itself, will choose to protect.
 These choices lead to the outcome in the lower rig</t>
  </si>
  <si>
    <t>b'0F\x02!\x00\xe5t\x9e7\x92g\xa5\xd3\xdd\x90\xe7\x9fo\x0e\xfbV\xdc\xf7\xe6P\x11;P\xcf.\x82t\x86\x87\xec+S\x02!\x00\xd0\x80X\x1a\xc2\xf14\x8a\'v\xf7\x18\xf9\xb9\xaf\x02"\x0ejBL\n\xab\xc3%\x9bm\xa0\xc5\x19O\xa4'</t>
  </si>
  <si>
    <t>3046022100e5749e379267a5d3dd90e79f6f0efb56dcf7e650113b50cf2e82748687ec2b53022100d080581ac2f1348a2776f718f9b9af02220e6a424c0aabc3259b6da0c5194fa4</t>
  </si>
  <si>
    <t>b'0F\x02!\x00\xe5t\x9e7\x92g\xa5\xd3\xdd\x90\xe7'</t>
  </si>
  <si>
    <t>llowing March, if not earlier. It
would be easy to confuse emperors with generals, were it not for the fact that imperial
movements can often be tracked by the laws issued as the emperors moved. Late
third- and fourth-century government centered on the emperor, so any analysis of the
state should start there.
In theory at least, emperors existed to provide law, order, and justice for their
people. While there are many different ways of thinking about the emperor, this
section follows Millarâ€™s concept of â€˜â€˜the emperor was what the emperor didâ€™â€™ (Millar
1977: 6). Regardless of the perquisites of office, being Roman emperor was a
demanding and often dangerous job â€“ Maximianâ€™s travels show the constant military
pressure on the state. But ruling involved other tasks as well: hearing appeals, public
appearances, etc. From Diocletian onwards, the empire was almost always run by
multiple emperors, a recognition that the state was too unwieldy to be run by one
man. Only a year after his accession, Diocletian began to share power with Maximian
in 285 (Leadbetter 1998). From 293 he expanded the arrangement to include
Constantius and Galerius in a college of four emperors known as the tetrarchy. The
unity of the tetrarchy, its indivisum patrimonium (Pan. 3[11].6.3), was constantly
stressed: the acts of one emperor were the acts of all four. Since the tetrarchs met only
rarely (and the first tetrarchy never met as four men in the same city), this was
especially important. Thus the ninth milestone from Verona was erected in the
name of â€˜â€˜Imperator Caesar C. Valerius Diocletianus Pius Felix Invictus Augustus
and Imperator Caesar Marcus Aurelius Valerius Maximianus Pius Felix Invictus
Augustus and Flavius Valerius Constantius and Galerius Valerius Maximianus, most
noble Caesarsâ€™â€™ (ILS 636). There developed a distinctive iconography by which all
four emperors were shown together, seen in e.g. the Venice Tetrarchs, the Arch of
Galerius, and in the Temple of Ammon at Luxor (Rees 1993). Constantine carried
out the same practice. An inscription from Cirta in the North African province of
Numidia was dedicated by the provincial governor to â€˜â€˜the perpetual victory of our
lords Constantine Maximus, triumphator, always Augustus, and to Constantine and
Constantius and Constans, most noble and flourishing Caesarsâ€™â€™ (ILS 715). On
Diocletianâ€™s retirement in 305, the first tetrarchy was replaced with a second tetrarchy
of Constantius, Galerius, Maximinus, and Severus, though this soon fell to pieces in a
series of civil wars. When the fighting was over and Constantine was dominant as sole
ruler, a system of multiple rulers was re-instituted, with Constantine appointing his
sons and a nephew as Caesars. The final version of this new tetrarchy involved
Constantine II based in Gaul, Constantius II on the eastern frontier, Constans in
Italy, Africa, and the western Balkans, and the nephew Dalmatius in the eastern
Balkans. Although these large imperial colleges, confusing to both modern scholars
and contemporaries, were an innovation, the idea of multiple rulers was not. The
same advantages (stability of succession, ability to deploy imperially-led forces on
more than one</t>
  </si>
  <si>
    <t>b'\xbd\xc9\xb4q\xcc\x9b\xbb\xfb\x0ff\xcd\x8e\x88\x11\t?\xaa\x16\t6\xc3\x91\x89\x01L\xfd*\x91\xdb3Y\x0e\xf3SA\x00\x03\xafo\xc8\x9d\x82\x8f\x12\xe6\xea\xb7\x0c-\xe7_m\xa8^\xf5\xc9E7\x90Y\x17\xf9\xd8OI\x99\'\x1d\xee\xa9\xfc\xfeU\xdb\xd1\x1f\x95\x90\xc5\xc6y\xa1\xd4B\x83Hm\x8a\xa1\xaf\x02R\xccN\xf4\xfe\t\x0b\xa1\x99..X-+\x94\xcdy\x17\x0bP.\xe5\x19\xca}e\xbe0\xab\xf7P3\x92\xa0=\xb7\xf1\xbb^-\x90\'J\xbb \xaa\xfa)\xe7\xa2\x9b\xba\xaa\x9e\x01e9N\xd9\x11\x1c\x90g\xf4#\x8e&lt;\xc7U\xd0\xf9\xb68k?\xf2;\xfe\x0f\x1bb\xf0&amp;\xa8\xd3\x7f\xf7\xad}]\x12\x87:\x91\nW\xc5/]\xe9\xbe\xe1\xbehaz\xc8\x0e\x92\x96\x8a\x83\x97\x07\x8d\x02\x88\x02\x15\xe4#\xd5\x0e\xec;l\xc5\x88\xb2\x9f?\'\xaf\xc3#/\x87C\x16_\x0c\x01A\xdap\xbf9\xafH\xb9\xbb\xa5[\x98\x07\xca%H\xeaj}\x97%5\x86^g\x01 \xd8q\xbe\xab\x92\xd5G\xe2&lt;\xfamcb\x16\\\xc8\xe8\'\xaeE\xd6xK_$(\x00\xee%0+3\x01M*\xc5@BT\xe0\x94\x17\xdc\xa5o\\5\xa3z\xcdJ\xd5\xd2\x80c\x83\xf9\xa7\xa8;e\x1b\x12M3\x85}\xd6\n\xf9\x8d\x9f\xda\xe7\x17\x80\xe4\x93c\xb7\xcb\x1d\xd4\xfa\xa6\xff\xcb\xdc\\w,\xcbP/l\xaa\xce\xc9)hjJW\xa3e\x8ek.]\x06\xeb\xe5&gt;e\xad\xecgE\xc2\x9f\xe9\xf2d+\x12\xd0\xe6\xe4r\x83S4\xaf\x8a\xc8\x9e\t\xf7\xb114\xb3\x1e\xac\xf5\x8d\xaf\xd1\x9b?\xfa\xdber)\xf7\xd0?\x7f\x82h\x165\xb5\xa6\xcfR\xe5^\x9c\xc4\x1es\x05\x96\x854\xb6\x1eY\xfb\xb6\xbd\xec\xbf"\x01\xce\x03^\xcaG\xfb\xc7NLYf\xc0\xe3H\x0f\xaa4\xc1\xcb\xe5\x96;\xe1\xdc*\xe6\xfc\xae\x0cm?.\xb5\x968)\xbf\xc9\xe8\x87*\xbf\x11\x8a\xf1\xe3]\x8f\xaf\xf1|\xe9\xe3\xa5;\xd2In\xab\x1f\xd6AEm\xc2\x01\xd3\xdf2\xf5\xa1\xa4\xc0\xf0)\xd8\xfd\xa6\xd9f\xa4\x93\r&gt;\xa3\x8f3\xaa\'\x80&lt;\x83\xebh\xf9K\xbdVw @Q\xc0@\xceS\x92F\xd6(\xbd\x85\xb7\x07\xd7\xa7\xaey\xb5\xb9D\x95\xc1o\x84\xd0!\xb1H\x05^\x7f&lt;H\xe9\xa3uO\xd4\rxu\xb1\t_(\x80\x17\xe3\x0e+\x85\x97\x08W\xcb\xe0nJb\xf92\x04\xcb\xd4\xf9u\xd9\xa2\xba_\xde\xe4&lt;\xca\xf1A~d\xf2w\x8d\xd8\xaaW\xbc\xe8\xbb\xe5VW\xdcNa9\x8d\x96&lt;\xd6\xea-a\\[\xad_S\xba\xb6\x9bD|\x8c6a;\xdc\xebu\xe8Q\x15\x8bQe\x8d\xd9L\x87\xae\xc9\x8a"F\xc2_/\x91r\xa5Y\x81L8?((\x07\x9f\xba\xe5]\xb4n\x06Qv\xb8U \xda\x16\xdb\xdb\xf4$\xa9`\x9bs\xc7!\xd2&amp;\x9a\xf7\x01f\xf8?M\x9d\x1f\xdas;\xd3&gt;\x0e\xe7\x91ii\xe6\x01\xfa\xe9\xf3\xc0g\x1f\x90S\xd0\x82\xc0\xf8k/\xdc^DIKI\xc8\x9c\xa5u\xd9\x87\xb4\x13\xcf\xd6]\xc39+\xfd\xfe\xa29S[xp\xceU\x89L\xe6\xb7LN@?/&lt;\x82\xec\xfa,\xf1f\x8e\xdbP\x1fY\x0f\x98F\xc6\x13\x89j\x08\x8bK5=f\x99\'!4\xf5\xfe\x91\x8e\x0fw\xfd_\x86U7*\xbd\x9d\x0b\xae&amp;\x0e\xdbR=\xfb^\x00\x05\xbe\x05~\xf8v2[l\xf3\xb5Q\n\xc1\xa4\xc9\xa9\xe2\n\xfd\x1f(\xe8\xde\x82\x96\xf3bCk\xb4i\xb6\x1bl\xd5G\xdbC\xf3\xc1\xe3B\x17\x17\x04\x1d\xed\xfc\x83\xe6Cy\n\xd3\xf35*\x02:\xa8K\x8a\xce,U\x98h\xda/ E\x0b+\xfc\x85\xedz\x1e\xa0T\x07\xd08\xa8I\xdf\x9d\xd23\x06\xab\x84\xb5\xc1nF\xbe\x81;\xed\xd2\x19\xd5\x7f6\x99{9|\xa7\xbe\x9a8\xfa1m\xdc\x1a{\xad&gt;\xbb/\xf1\xa10U&gt;\xf6\xbc\xd0\xe1x^\x1d\xa1\xd8q\x98&amp;\xc4d\x9aM\x1d\xb0T\xd7\x1a\xe0D\xc5\x13\xb7\xc8\xcch\x1bi\xb5\xfb\xab\xa9$\xf1..\xfe\x1a\xff+\xaf\xbf\xd4\xfc1\xa6\xe3\xf2\x1e\xd0\xdd7z\xcbq\xa2\x97&gt;\xc2\xed\x17C\xfe\x8aZ\x9e\x16a\x83\x11\xca\xb53\x00\xd9W\x8a\x0e\xb9$\x02L\x8b\x81\xbd\xbf\x95\x15h\xc6b\xdd\xbb\xa6\xd3\x1f\x9b\x97&amp;\xc2T\x99&gt;\x98\xa3\xc8\x9f\x1e}\xa8\x08\x9f\xa2\x15t0g\x83\x8c\x07\x8e\x8f\xb9X\x9a\x13\xf9\xdd\xf4\\\x8a\xc7\xc4\x0b\xed\x0cBm\\\x99\xaa\x1e\x1b\xccJ4;\x8f\xd4S\x8a\x04\xa0\x87^\x06t}\xf2\x98\xc2x\n5\x84\x9b\x93&lt;\x90\x84\x02\xfd\xf6\xedm\xc8\x94{\xa2v\xd7\xe1\n*\x81\xfc\x13;\x1b\xd6\xe6zk\xd8\xfc[Z\xb4(}\xd6_\ra\xba\xa3\xe3;\xafo"\xc9N\xbaf{\xfaT\x84\xa9[\xfb\xa1L\n)\xbf_\xf7N\x0e\xca\xabJ\x82\xce\xccIG\x8c\xd78C7\x9e\xa4W\xae\xc4\xcb\x04\r\x9f\x08\x02\\\xb2&amp;M\x80\xe8\xab\t\xa7T\x1b\xce\xdd\xf7\xb8\xe9@\xc6\xc7\xcdE\xa6gF\x8f\xdd\xa1\x9c\xfe\xb4\xee%\r\xb7\xc7\x1d.\t\x896C\xdd\x1d\x03dl\xf6\x9c\x9e\xe2&lt;\xc5Mn\x95\x8e\xb3\xa9\x08\xf1\x08\xca\xb8@\x17\xcer\xb6\xc3ceP\xc8Q.\xdd\x9b\x7f\x8c\xc6!X\x87\xb0\x8eI\xdbWk\r}\xe6\xa7\xd6\xc5\x07\xff\xe03x\x99\x02"\x97\xbd\x90\xbe\xa7\xb1\xd98 p\x88A\xd6=\xeb\xc3\x00\xb9\x17v\x8a\xc7\xf7\xef\x81.\n\xc8\x1b\xd70P\xa6!\xcd1;\'\xee-Tv\xc9\xb0e u\xb2\x9a\xcfJH\x9c\x0f\xaf\xe6&lt;q\xab\xf9I\x12\x93\xae\xb4\xf0o\xff\x8a\xda\xfcQ\x04L2\xb8\xd0\xe2X\x175r\xd0zx\x9fg\x98\x12\x04\xafO\xe3(\xfb\xeb\x9e\x07\xe1\x91\xc2\xf0z\x81\xd8\x93tD\xc6\xc0T"Y\x95S\xfd\xad\xf9\xedx\xaf\x1e\x0cq\xea\xb5\xc4\xbcI\x8d\xce^\xad:&lt;\x9b9-\x9eij\xe1[\x16\x02\x86\xbf\x15\xcf\xf8\x8eA\x08\x02\xaa\x9b\x8f\xc6n\xee?mm&amp;\x86\xa4\x87O\xafve4\x8f\x83\x04\xe7@\x87\xa6U\xe0\x9e\xe5P\x96Sjc\xcc\xc8\xd93\x9eI\xcb\xad\xefT)Y\x05Zb\xf8\xf4\x88\xf8\x92m\xdf\x0f/\x97\xb6\x940\x1bm9\xdd\x9a/\x02Hs\x97H\xe4\x96\xf4\xecK\xb5\x02\xb0\x14\xc5m\xc4\n\xaeT\x13V \x84\x04\xcf\xe2\xd6\x83\x12}\x8c\t@\x106jP\xd7\xb5\xc4\xc5:Zi\x07\x06.\xeb\xcd\xd0\xbas\xe4y\xd02\xbb`\xc4}\xeb49\xe9\xe3\xba\xf3n\xc3\xb7\x98\xcf\xe3\xf7bb\xb4\x1e\xd4\xd9\x81JE \x0c\x96\x0b)a\xea\x87\xff\x7f\x05K)\x14\xa4~i@\xaa\xfa\xdb\xe0\x01\x8e:\xac@\xab\xbc2\x11(b\xd8J\xbd\xbf\xf6\x98\xc0\xf9VnZ\x07\xc1\x83\xa3\x1aj\xa6=\x8cX\xe6,\xb7\x15\xe5Q\n\x99\x9f\xc9\x1b|%\xb5\x87\xc8E\x88\xadv\x13\xbb\xa3C\xb9\'x\xb7X\xf0\x96\xbb\xfb\x8d\x9d\xb2\x1eB\x80\xd7\xdfy\x1e\xcf\xbc\xbb\xcdY4h\xe7\xdd,#\x91yA\xde\xca\xae3zn]\xe6\xeey\xbd\x11\xe4\xd4xk\xed\xb21p\xc1\xaa\x93\xa7\x0e\x94\x93\x98oER\xcd\x11\xb9\xaee\x03H\x8d\xfb\xce\xc7]T\t\x16\x96\x11\xfbu\xf2;\xb4\x8by\xccX\xdc%\x9d\x86\xf2o\xd3WdJ\x16!\x1a\xc6\x12\xb0\xd30\x822t\xa3=\xbd\xe6\xc9\xc5U\xa4\x9e\x05#?=\xf1\xfaO\xfc\xa8\xc0\x0ejG\xa8\xbb\xa8,\x92\x1f9r\x1cpT\x9b\x1e=q\x12\xcb\x15!\xe5\xb3mC\xc5&lt;\xa6\x13\xa1\x1e&amp;n\x1e%\xb2\xda\x9c\xba\xbf\x8a*9\x92\tM\xf1w&lt;\xd7z\xf9w\xa6h\xe3\xed\x0bh\x82I\xdccR\xb8\x82\xf0\xd9\xefx\x0e[\xe2\x13\xed /SHZ\x84I\xd0\\\xaeSI\xbd\x85\xa1\xf1\xebFP0%\x0f\r+\xb9\xcd\xf8\xcdB\xe5\xbe\xd7\xb6\x8a\xa8V\xc7\xe2?V\xc2\xb7\x0b\xc0\xc23P\xee \xa5\x11\xccKY\xdc3\xcb?\xdcC\xf4UK5 6zf\xa9u\x12|\xd9?\xec\xeb\xf2;\xca\x13-r*\xf2\xf9\xb8HO\x96h\xc3\xfb\xb2;\xc6:G\xf9\xbb\xf7/$\x00\xc9PRa\xe6\x04\xdc\x93\x91\x1cL~\xc8\xc9\xda\xe2\xc5\x0c\xb26\x8b \xe5\xda,\xec\xb2\xcc\xbc\xcf\x19\xa1=0\xdfw\xfe*%./eU\x82\xa8\xda\xe5\x83\xce\xca\xa3\xe9F\xd4L_\t^\x13I\x80P//m\xfb\xea&amp;\x7f\xa7\x1f`\xa1\x9a\xf0myq\xaep\xfc\xc1\xe6\xe9y@e\xdenU\x89\x87\xecVjy41\xce\x86MU\x01\xad\xe2\xbe\x15#\x1b(\x06\x82-\xe0WP\x11e\xe9\xd8$\x0b\xb1\xf7\xc6b\xa4\xcc\x9d\x19\xe7 m\xbdW6kQs\x965\xd5\xc8\xddb/\x96\xd2\x1a\x14!M\x89l\n;\xaenbN\xca(a\x14\xf2\xb5\xb3\xea\xd5\xb49\xf4\x04j\xe0oF3\x953\xbc\xae\xb6\xe9\xf98\xd2mq!f\xf5)\x192X\xdd\xe5\x1f3uE.\x0f\x01.\xb3\xf8\xa7\x92"0j4i\x104\xb1Yq\xf45\x11\xd7H\x8f\xf71\x97\'\xc2 2A\x82g\xf0\x82~\xbd\xc4Zu\xb7\xab\x9e|\x07lu\x84K\xddN\x93\x98\x96\x80Q"\x8bv\x17\t;\x17\xa3\x87w\xf3\xaa4,R\xe2\xf5yFo\xc0z\x12!\xae~\x87\x9c\x87\x9ag\xef\x85x\xb6J\x8c\xa0\xa3\x997J0\xe84\xc7\xc4\xa1*\xa2b\xec\x10\xc6A\xa7{w\'\xda\xbe\xf7\x8a\x87Y$\xb7oz\xf1{lG\xa0\xcc\x8f\xa0\xd3\x801\xee\x8b\xddTV\xfd\xc0\x0c\xcb+\x0c\xdd\xd7\xd1\xe1\xb6\xd0\xd1:\x8b\xe3\x038\xf2\x16j\xb3@\x0c\xf6C\x9d3Q\xbc\xef\xbb,\xe2\xcc\xa2\x98\xb5\x9c9\xcd\xaf\xa6\'G"7\xd4\x8c\xb3\x06\xdd\xe0\xa44\xa86q\xe6\xf1\x02\xe7\xa8\xfc\xbf\xdc\'N\x08\x8d\xdd\xa2\xcb\xc5\xcfyg\xa2\xc10\xfc\xbe\xc9\xf4\x9c\x9d_]h\xff\x8c\xa8\xc2\xcaX\x8e+^\xb5BPu\xa1\x14\xd5\xab?F\x921\xe4\xd4\x89L?\xa5y8\x91\xca\xc2\xff\xaeD\xc99{\xc7\xb6\xc8\x99&lt;:]R\xce\xaaK(2\xf1\xbcO\xb4\xc4SB\xec\xc4\xbae\xe3\xdd{\\\xb5cpc\xb6\x0b\xf7\xca\xfd&gt;\xb3v\xa0\xedjU\x1a\x9eI]\x98\xc9@\x83\x05\x9e[\xc6\xf7o\x8aW\r\xd6&gt;{\xd4\x998\xf2\x9fF\x8f\xa2\xf6\xdb\xe2*Fcb\x89L\xb1,\x18x\xbf\xf4\xdb\x1f\x1c\x02HH\x1d\\\xb8\x01\x8e\xfdS\xb9~\xee\xc6&amp;7\x85\x16\x17\xbf\x9c\x92\tM\xc3\xe1\xf1\x8c\xbb\xdeg\xa19\x90\x91\xad\x00=\x02\r+\xeb\x99\x1a\x02G\x93\xcd\x8c+^Q P\x06\xfbT\x97OE\x88\x90b\x9b\x91\xdd\xd3ym\xc8\\z\x87Ro\xcdFh\xa0\xc5\xb7\xb2\x06\xba\xff\x89\x1c\x96\xcf\xbe\x15$\xc2\x95J\x85\x18\xe4\x0b\x98\xd5\x1f\x8c\xaf\xba\xd7\x91C\xa9[\xf5\xbf\xed\x17{\x84\nZ\x1e\x05Pp\xf9\x08o8S\x08i\xcc\x85\xd4}\x04\x9a\xd3\x1e\x1d\x03\xbb2\xc0X\xc1MP,\xcf\n\xcf\xca#V\xbc!\xa4o\xfcu\xbf\xd4y\xe0\x1a\xe5\xae:\x994\xca\xdc\x1c\xb0\x04\xc9\xbd\xbc\x04\\\xa0$u\xae\x1a\xa2m\xb5\xe6\x8a&gt;Zb\xae/\x1efn\x8e\x98fR\x1b\xdd\xd9\x8d\x81\xa2\x9c\xb6\x83\x13\xe5\xf6\xd7\x06\x80\xeaT)\x7f6\xf5ajdW\xb1\xa0\x99i\x0e\xe03\x91\x0e\xd0\xf8\x8ct 9W73[\xf4\xce$\xe08\x80\x0c\xcb\x15l\x00\xb48\x90K\xd4\x9a\xb0\xcb\x00h$B\'xU\xebR\xcf\x9f\x8fe\xec\xd2hY\x90{&amp;{|\xacy/\x9d\xe6[H2\xd3\xb6\xf1\xabi\xf2\'Ct\xa1\xae\xa9\xc6\x91\xcej\xfa\x8f;%\xf8\x96\xca\xa1\x8b\xbf\xbbJ\xe7\xdf\xc5R\xba\x82)\xbdL\xfc\xca\xee\r#\x83\xac\x0e=\xe7x\x03/\xd7\xc6\x17\x02i|u\x81\xea]\xd1\x0f3\xf1\xa9\xd8\xf7\xc2z\xe9"b\xac\xf0\xf2v\x96\x90\x9bX\x86\xdf\x10\x1eP\xc2\xc2\x85\xf2\xcf\xf0]\xe9\xc5\x7f\x895S\xbcu\x04\x81\x9f\xbe\xd6F\xb61,\x10\xdfj\xc9\xbdf\x1b\xe3O5\xb8\xfd\x9af\x01\x12\x9b\xa3c;\x05\x02\xdb\xbd\xf6\n\xce\x979\xc0\xd4\xc7\xbf\xa4"\xc5\x85\xe3;F\x8b\xb5_!\xd6h\xb3\xfec\x0f\x02\x95\x03e)\xdc\xf7\x81\xad\xb0^\xb2 \x1f\x80\xf7&amp;\xcd\xadq\x018\x11z\xe4\x80"tH\x87\xaf6T@SvI\x7f\x8b\'\xdd*\x8d\xc4\xbd\xc0d\x8e\xc1\xbe\xb3Gh\xb9\xa30\xa2\xbd\xaf\xeam&gt;P\x0cR\xe6x\xc3(HQ\x8eh\xf8\xf1\xc5\xa2-\xe6R\xe3p\xff\x05\xd4[\x07\xa8\xab\xa9\x0f*u\x15\xe9\x03D\xd3M\xe0\xc8g4P\x07\xbd$\xdb\tz\xbd\x18\x1c\x04\xcd\xa2H\xae\x10\xf0W-\xed\xc03\xbb\x90As\xd4\xd6\xe3\x95\xc38\xab8s4\xc6\x1e\x9c\x06\xb3\xe1\x1bC\xeb\xa6x\xd0\xe4\xfac\xb9\xce\xf6\xc6\xa9qX\xc1\x94\xba\xcb\xb9\x158B\x9b\xa1@\x85*\xe5\x06\x18eF7\xfe\x08\x8fK]\xf5P\x93\xc8\x99\xf3\n\xaa\x192jVrz\xc3\xe9\xe0:\xabz{oi%\xc0\xd9\xfb}\xa8'</t>
  </si>
  <si>
    <t>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</t>
  </si>
  <si>
    <t>b'\xbd\xc9\xb4q\xcc\x9b\xbb\xfb\x0ff\xcd\x8e\x88\x11\t?'</t>
  </si>
  <si>
    <t>o, after a
little pause.
â€˜Iâ€™ve made such quantities it would be hard to choose which Iâ€™d
have,â€™ said Laurie, lying flat and throwing cones at the squirrel
who had betrayed him.
â€˜Youâ€™d have to take your favorite one. What is it?â€™ asked Meg.
â€˜If I tell mine, will you tell yours?â€™ â€˜Yes, if the girls will too.â€™
â€˜We will. Now, Laurie.â€™
â€˜After Iâ€™d seen as much of the world as I want to, Iâ€™d like to
settle in Germany and have just as much music as I choose. Iâ€™m
to be a famous musician myself, and all creation is to rush to
hear me. And Iâ€™m never to be bothered about money or
business, but just enjoy myself and live for what I like. Thatâ€™s my
favorite castle. Whatâ€™s yours, Meg?â€™
Margaret seemed to find it a little hard to tell hers, and waved a
brake before her face, as if to disperse imaginary gnats, while
she said slowly, â€˜I should like a lovely house, full of all sorts of
luxurious thingsâ€”nice food, pretty clothes, handsome furniture,
pleasant people, and heaps of money. I am to be mistress of it,
249
and manage it as I like, with plenty of servants, so I never need
work a bit. How I should enjoy it! For I wouldnâ€™t be idle, but do
good, and make everyone love me dearly.â€™
â€˜Wouldnâ€™t you have a master for your castle in the air?â€™ asked
Laurie slyly.
â€˜I said â€˜pleasant peopleâ€™, you know,â€™ And Meg carefully tied up
her shoe as she spoke, so that no one saw her face.
â€˜Why donâ€™t you say youâ€™d have a splendid, wise, good husband
and some angelic little children? You know your castle wouldnâ€™t
be perfect without,â€™ said blunt Jo, who had no tender fancies
yet, and rather scorned romance, except in books.
â€˜Youâ€™d have nothing but horses, inkstands, and novels in yours,â€™
answered Meg petulantly.
â€˜Wouldnâ€™t I though? Iâ€™d have a stable full of Arabian steeds,
rooms piled high with books, and Iâ€™d write out of a magic
inkstand, so that my works should be as famous as Laurieâ€™s
music. I want to do something splendid before I
go into my castle, something heroic or wonderful that wonâ€™t be
forgotten after Iâ€™m dead. I donâ€™t know what, but Iâ€™m on the
watch for it, and mean to astonish you all some day. I think I
shall write books, and get rich and famous, that would suit me,
so that is my favorite dream.â€™
250
â€˜Mine is to stay at home safe with Father and Mother, and help
take care of the family,â€™ said Beth contentedly.
â€˜Donâ€™t you wish for anything else?â€™ asked Laurie. â€˜Since I had my
little piano, I am perfectly satisfied. I only wish we may all keep
well and be together, nothing else.â€™
â€˜I have ever so many wishes, but the pet one is to be an artist,
and go to Rome, and do fine pictures, and be the best artist in
the whole world,â€™ was Amyâ€™s modest desire.
â€˜Weâ€™re an ambitious set, arenâ€™t we? Every one of us, but Beth,
wants to be rich and famous, and gorgeous in every respect. I
do wonder if any of us will ever get our wishes,â€™ said Laurie,
chewing grass like a meditative calf.
â€˜Iâ€™ve got the key to my castle in the air, but whether I can unlock
the door remains to be seen,â€™ observed Jo mysteriously.
â€˜Iâ€™ve got the key to mine, but Iâ€™m not allowed to try it.
Hang college!â€™ muttered Laurie with an impatient sigh. â€˜Hereâ€™s
mine!â€™ and Amy waved her pencil.
â€˜I havenâ€™t got any,â€™ said Meg forlornly.
â€˜Yes, you have,â€™ said Laurie at once. â€˜Where?â€™
â€˜In your face.â€™
251
â€˜Nonsense, thatâ€™s of no use.â€™ â€˜Wait and see if it doesnâ€™t bring you
something worth having,â€™ replied the boy, laughing at the
thought of a charming little secret which he fancied he knew.
Meg colored behind the brake, but asked no questions and
looked across the river with the same expectant expression
which Mr. Brooke had worn when he told the story of the knight.
â€˜If we are all alive ten y</t>
  </si>
  <si>
    <t>b'i\xcdQ9\x92g6\x05\x13\xb9\xd4m\xe0\nV\xd2\xf8\x06\x14\xcaYS7%\x0bG!\xb9\x07\x86n\xb3P\xbc\xcc&amp;\xe0\xa1\xdbl\xc5\x0c\xa3$\xff\'\xed-\x98\x90\x84c\xdea\tA{\xbf\x89\x84\xd6\xe1\xb6@\xf7^GHx9r2\x95TD\xf6*\x91\x11~\x1bg\x97[g@\xd7\x96\xc8X\xeb\xf0\x89\xf6\xa7\xff\x1d\xc9\xbc\xdd\xaf5\xd7\xa0\xbf\xe4,\x13\x8e\x8b\xa1\x99\xa6\x88\x87qQ\xd7m\n\xb6\x93?\x9c\xa6\xea\xc9eQG~R]f\x93\x87\x16\xe8\xa4A\x8fq\xc0\xdb\x97\xb0\x19/X\xf37\xc4E\xa3\xf2\x7f\xc1.s\x9d\x1au\x89p{\xeb\xe6\x93t\xe4\xd5\xbfK\x0e.\xe5\x95\xed\xferm(\x17\x91\x18i\xc99\xa6\xbdVKu\xda\xaa%\xf1\xd7yB\x16\x19\xce\xb8L\xd2\xb2\x1e\xd0V\x1d+\x90S\xcb\xb3t\xa2f\x95g\x9a\xce\'+3\xbf\xf7\xac\xdf@F\x91\xb5\xfbX\x9d\x04\xdd:\xf6\x96b\x9b\x99\xacc2\x97k\x12p/f\xfb\x8a\xb5\xd5\x19\x06\xacKNV\xb1\x90\x8fC\xdaw\x80\x9c!C\xe3\xb3\x01G\x03\xc6\xce\xc7V\x8bh\xf9b)\x84\x10\x0e\xa8\xe9q\x01)+&gt;\xba\xeb\xe8\x94}?\xd7\xabg\x14\xc4\xe03\xf8Q6\xcb\x89\xe0\xad\xf3\x8fB\xf9\xfd\xe8\x82\x9f,Z|\x97b\xb7\xb1\xd0\xba^h\x18Y\x88=(\xd1\xcd\x81\x82\xc2\x91]\xab%\xee\x1a\xfd\x19\xb2q\xbb\xc3\xa6\xd1\x9f,Sc\xb2\xbe\xa0\'\xe8\x1d\x85b\x8e150\xb9D\xd3\xbf&gt;b\xf4D4\xfa\x12\x17u\x91\x1b\xc3\xf77\xad5\xf3\x86sG\xeb\n\x82&amp;\xff\xd1\xf6\xc8\xf3\xb5\xf6\xf6\x7f\xefxG\xb6\xdb\x1a\x0cGF\xd0=\xe57a b\x88\t^\xaf\x89k\xe3\xd2\xe9\xbb}n\xedn\xba\xb45\xd2\x16;L\xb3\x8a\x16\xcf\x7f\xc0z\xb0\xbf\xeb\xff\x00\xa5\xe5\x89\xbfE}H\xe3\n\xa7\xea\'lj\x9f\x9f\x87\x8e\xbc7\xe1y\xd1\xbf\x84|\x05\xb2W\x0f\xfcATzNF0\xa67\xab\xeeaA&gt;\xd0!H8\xb9\xe7\xa9\xbeh\x04\xa7d\x95\xe2*\x9a\x1aa\x92M\xa2r\xb2vM\x92\xf1~\xab+\x18\x92oOT\xcf\xf9\xd9\xbc\x1f!\x01\xc6\xcf\xed_bm\xc1\xe9\xce\x14\xd5\x89y\xa1\xf5\xbf\xbd#\xb9\xae\x9d\xc01\xd9\xd0zrG\xe6\xd9\xcf\x1f\x94\x98\x86\xd6\xb1\x98\x02e\x8dW-\xae\x8b\xb4\xc2\xe8q\xdd\xf4\xb6\xbd\x01F\xbf\x8d5\xbb\x14,\'\x94\x99CA\x87\xc6\x05\xb2kh\x9a\x9f\x07!m\x01\x16.t?\x18\xe0\xa1h-\x0b&lt;\x03\x18\xb7\xf53Y3\xa4\x08 \xca\x90\x94\xa2\xc4.\xdc\x8a\x9f`\x8c&lt;\xbc\x87\xf7\xa1.\n\x86!\xa8\xcc\x19\xdb\x19\x9e\xf2\x1d4\xd8wE i\xaf+A\xaeS\x8f{]\x83\x88\x80\x91\t\x1dX\xa1+t\xe3\xb1\n\xf7P\xc1\xc9\x1bc\x81g:\xf1CW\x1f#\x9d\xbe\x12\xcb\xe2\xd6"\x18\xf4\xa1\xb9\t;\xb3s\xb53V2"\xea\xce\x8e-\xe7\x1eFM\xde\xf3\x04u\xb4\x95\x8d\x17`m\x8d\xb0\xc8\xa5\xffR4\xedv\xd7`\xcd?\xe6\xfbF;\xfd\\\xc3\x80\x98\xaf\x0b*[\xab\x87Xm\x1c\r@\xbcg\x8e{\x14\xf1\r\x9f\xac\x1a\xfd\xf1\x02\xe9YeO/\xbb~\x93\xd3\nN4\x13\x80\x81\r\xa4\x1f4#\xe2\xf85\x04(\x1ff\'\xaa\x0b\xdb\xf0\xe8t\x81lvv\xf3\xe6\xb0+\xb1\xb9wW\x18\xa4\xb9{\xe4\xe1\x1a\xf1\xa4}\xc5\xc3\x0f9\xe3v\x7f\xba\xc5=wO\xea\xb6\xb3\xaa$\x16\xfc\xeb\x96nD\x9e\n\xd7\x10\xda\xe2\xbb.\xb8\xfcs\xd6\xfd*\xae5)v\xdc\xd6:|\xe3\xe9\'\xa4\x8d\x14\xfc\xba\x1b\x8c\xe8\xb6\\\r\xf0R\x81Fu\xbb\xdd\xd5\x13$X\x08&amp;\xea&amp;\x8d@B\x9c\xf9\x8a\x02\x97\xadO\xcc\xc8\x91\xa7\x12\xae{\xa4\x91i:x\xa4\xc7\x85\x84\x03\xb2\x82:\xe6\xdf\x83_|\x1eh\xb6\x8e,\xd4&amp;k\xd5\xcb1\xe9\x93\x19\xf0C\x87\x17poD/\xb5#_q\xb2f\xfe\xce`|\xe7^\xa4\x8b\xd6\xf7g\x13X\xffL\x15^\xaf=\xf6\xddA\xcf#\x86Z?\x0f#\xe5Q{:\x9d\xf4-th)!\xb0v\xdb\xea\xd0\xb4K\x05\xc9\xcb\xdf\x11\xacc0\xe2,\x8a\xd7o\xf6l\x08\t\xbcAE\x96g\x1c\xde\x0bm\xea\xf5\xb2`}\xdd\xdd\x0c#\x9a\xe2\xd7\xe9\x8d\xb1\xe5\xdb\x01\xff7\xd5:hp\x0f}\x03\x98\x14\xe5\x85\xf8O\x81\xcdy\x96u\xe1\xf2\r\xe1Ja\xb78\xc1\x91\xfd\xe3"\xed\x11\xd0-X"\\\x14\xf5\x96\xfd\x84l\xab\xcdI[\x0c\xbe\xfa\xf5Xk\x07`\xda\x129\xd3\xab\x00?\xd1\x86\x18\xd8\xfc\x82d\xc8V\xa9\xca\x97{a\xb9\x89\xa5\x1c\xd3\x8fww\xee\xd5\x07\xe9\xddUgD\xc3\x16\xddj\xdf\x9c4R/\xdb\x88\x1b\xfa\xf3\x97\x93\xa8\xb70\x8ak\xd4"&gt;\xbb[J\xe6B\xbe\xb2@\xbe5\xdcrC\xf5\xbf\x9d\x8e\xf6\x10es\xe3\x0eE\x83\xa4\r\xbf\x8b\\M\x13G\xaf\x8bh\x87\xdc|b\x80\xc7`\xd7\xf2&lt;\xc5\x9bS\xb4I!\xc7\\d\xe3#2oUV\x8d&gt;\t\'\x15sN|Cc\xec\x9f\xc5\xbf\x07$\xd6\xff\xa7\xa0\x1aRS\xe9i\xe7o\x9d\x1eL\x9c\x98x\x13\x90\xed\xdd\x98k*!\x94f\x06\xe2\xad+`\x95\x97{\xfd/\x9fem\xf8\xe0\\\x85`\xf6\x8eX5\xf2\x127\xcf\xb4\xdf\xf8\x8f\x1c\x1dX\xc3[\x9dp\xfe\x83Y\xbf\xb7$.\x90\xc9\xccScQG$\xc8\xab\xac\x00\x00\x13\xa9\xb3J\x15\x11\xac\xdc,\x96\x9c\xc8\xef\xe1]\nve\xa9\xfcp\x9c\xdf/\x84\xc6\xa7\xee9\xf7\xd3|I\xa4\xd6N\xb6k[\xfd&amp;\xb8\xc0\x8b\xbf\xddVo\xb5\x82\xf7\x8aA\x9b\xc1\x98+\x18&gt;\x1f\xa3\x8e4\xce\xadU\x92I\xf9\x93T @\xbb\xd79|Q\xe7\xf9\x98d%\x1bM^\x19aDjm\x18S5/C\xe1J\x115\xd8\xb8\xf6\x0c;#/\xf9\x13\xd4\xed\x90\xdb\xf3\xcdN\xa8\x86\xe6\xceV\x89\x8a\xbc\x03\xd7\x88\xc6\x80P;]\xd4\xf2y\x1eA1hd\xf8a]\xbdN\x02\xb3\xef\xb8\xd2\xa7\x9au\xcf\xb2\xd9\xd94\xeef\xd0[\xa8\x93{\x0e&amp;\xa4\xda1\xccceTi\xf8\x03N.\x08\xe6Yv\xe1\xcd\xc3\xe32\xb7%\x9f%)\xf7a\xdb\xcdx\x88\xf5F\xb2\x8a\x0f\xd9\xd0\x1d\xb6^\xaek\xc4\xfa\x92IGb\xb2\xed\xea\xff\xcf#\x8e\xa1\xe7\x0e.\xa4G*\xeeg\x9bY\n\xae\x17P\xd5\xd4\xee8\xcf\x0b\x80}\xf9\xfb\xe3!@\xa0\xc48\x12v\xad\xc9/\xbf\x89\x83\xcbv\xa3-\x99\x86\xae\x1a.^\x8ach\x1b\xc7\x9cx\xf4\xabR\xdcB\x02\xa1G\x85\xd1\xb37\x03\xbd\xbe\x93\xa57\xbayR\x17V\\x\xec\xe6\xadv^.Y\x9c\xf1\xa6\xb7\x9b\xccSG\x1b\xaf\xb3[\\\x19\xe1j&amp;\x03JYQV\xc3\xb2\x98\xdc*\x03\x19\x82\xff;s\x00\x7f\xca\x1cb\x1ek\x13\xb3\x13\x81\x827O\x9b\x98\x9c\x9d\xdd\xc9\xdd\xff\ne\xa0\x82\xfb\xb4\xee&amp;G\xdf\xe3K\x88\x99P0\xb2\x1a\x07\x8a\xadX\xb0\xae\x96\xd7*AQ\x83\xfc\xde"\x92#\xbf0m\xd1T\x06S\xc0\xdb{\x05\xfem\x97l\xd7:\x8cQ\x9f\x02\x0c\x93\x17\xae~1jrfa\xf7+m\x99\x8a\xdc\xe1r\x11\'\x9f\xc8\x96\x19\x94\xfaj\x8a\xeb\x84xc\x9fj\xc2\xaa\xb2\x08e\x0b\xd8\x10 \xe8\x13\x89\xa1\x9as\x8d\x93\n\x00XL\xa2\x81\xf7$XC\'N\x1e\x10|\xba\x89)\x91L\x02\xc9\xcdw\'=\xbfy\x83(,\x05\tMuJ\x91d\xb7%\xba\xa6=\xb7\xa4M\xc1^\x1c\xf0-\x0eh\x04`\x06\xd5&lt;\x08\xe5\xb9\xccd\xa9\xe4\xf5\x0f!C\xae\xc6\xf3\xc7\x94\xb1T\nA\xad\xf5\x9bJ\xe7yV\xc9h\x94M&lt;\xf3\xcc;\x8fW\xb1\re\xc1&lt;O\xbfu@\xde\xc5\xc1\xbc\xef\xdc\x84$\x82 \xf3a\x18\xc2\x92\xcb\xa4`;BaS\x9b[\xcd,t\\q\x01H\xac\x0f\xce\x86\xd4\x8f\xd9|t\xb8%\x1f\x196F\xdd\xaf\xd2\x00_j\x08\xbc\xec\x8d\x18_j\x84\x9b\xcd\xbd\xdc\xefv\xe9\x83\xc4\xbb~\x17\xd2V\xc7\x0fv\xe3!\x86\xd2\x0e\x0b\xb1\x87\x93\xd5\xde\xea\xea\x15\xbd\xb5w\xf8xN\xf8\xd4\xfc&amp;&gt;;Wn$\xb3\x03o\xdc\xa4C\t\xf4\x06\xcc\x93\x1cpn1\xa5\xb5n\x94\xc5\x9d\xee\x14\xbfvJ\xed;1-\x87\xa0;\x91\xf1\xa5Yz\xf3\x16\x11\xe4\x87\xa9oT"\xa3u\x03\xee\xce\xa0\x0c\x8d\xbc\xe8\x13\x14\xfc4:\xd44[g\t\n\xee8\x1d^\x9c\xb5F\x8d\x9a\xa5\x9d\xe2\x87\xb4\xfe\r\xafnMpa\xbam\xac\x1d\x17\x97.*\xce\xc3u\xb1\x81\n\x0f\xcc\xf0\xe1\x8f\xbd6\xbd1\xd4;\xc8\xa7y\xe3\xa5\x18@\x18\x00|\xdea\r\xe6\xa3\xea\x01\xcd\x04Os9c*sG\xe1%\xb8O\x9f\xa0\xdfI\x95c8\xaf\xe2\xcfl\xe7Pp#\x91\x1f\xfck\x84+\xb4w\xab\x84-\xfb\xdc\x12\xa3V\xe8\xbe4\x99\x1e?B}D;\x84&amp;\xa0&gt;\xb6\xe4U\x12\x19n\x8f\xd48\x8d.^8\x8f\x83c\xd5u\x18N@\x07\xae\xfb\xc0\x15frK\xe4\x8c\xa6k\xcf\xc3N,\x1f\xa3\x9c8\xcf2M\r#@\xf8\xacB5|\x05b\x9b\xa6\xc076\xdb\xfb*\xfd\xdc=\xbd\x17\xac\xe2T\x84s\xba\x0b\x0cD\x98\x17\xbe\x17\xdbP\xd64\xf5Z\xd7\xd1\xc0?P\xea,\xafk\x12\x05|\x00rD\x1c\xc2\x87\xa8Gpu\xf7\xb9P\xa9\xc1\x9d\x86F\x14~\x80\x13\xd2\xe6(\x8c\xd8/\xf5\x80\xba\xb3\xe4\xf7\xf9\xf0\xf7\xc9}\xc7\xf0\x1f\xdalU\xf1\xc2\t4\x1a\x9b\xbazm\x86\xcd\x83\r\x06\xb4!\x1d\xe2-7d[}B)\x1d6\xc0\\\\\x07\xd9\xb3\x99\x07\xc7\xf3\xc9\x83o@\xd8\xed\xb0\x81\x90Ch\xf1\xd9\xccr\x8cC\xb0\xf6gd\xb6\xb2\x04\'\xb6p&lt;\xd5\xf3Y\x95\x137\x82F\xa21cH\xb5\xf9ti\xe5\xa0\x9e\xdbT\xa0H\x94;\xbcU\x1f\xae\xb6\xb0an\xf5\xa9(\xc04\x9fs\x1cR\xa5Gl\x87\xcaJ*\x00\x07\x19\xbdCa\x9a#W\xc7)\xf8\xfdJ\x90\xbf\x9e\x9b\x9a\x08\xc0\x06\x14\x9d\xba\xb1\x03sZ\xf6\xd7\xf0\x17\xffsmVf\xc7\xc7r\xd6\xbb-k\xa3\xb6\x06\x11\xfe\xb5+\n=\xcbR\xfc\x90\x0b\xf1\x0f\'.T\x15\xdd\xf5x\x9a\xa8\xae\xdb\x8dT\x18ZK\x1f\x86\x8bS5\xb8\x8dTY\xb3$:V@\xc1\x18\xae\x8c\x06\x11\xd3\xf0\rzfU\xb7n\xff\xa3\xf0\xa2\x81\x03\x99\xb0\xdf\xc3y\xb8oq\x1d\xb9\xbfPu\xca}5\xb6\xb1h\xe8\x90&gt;\xb5h\x871\x17w\'\xfe;\x1ai\xed\xfa},\xfc\x85/\xc9\xdbR,D\xd6\xd1\xa8\xc8y\x80\xbah\xc2(j\xd4\x0c\x94l=\x95\xbb\x1c\xc8\x81\xf8f\xa6\x00\x8f`l\x9f\x10\xdet\x83\xacf\x1f\xaf\x97\x91\x98v\xcc\\!M\xdb\xae$\x80\xe9Y\xcd\x8a\x04\r\x96:\xac\xaaS\xd0&gt;\x15\xdc\x04\xb8\x07\xcb\xc8\x88f\x86f\xd6\x9a\x0f\x10\x86\x08\xd5\x93\x04\x03F\x15\xbd\x95\r\xf1\x9dD\xees3U\xa9.\xbc\x06^\x1e*eukclr\xb8\xf5yn\x1c\xfe\xa2\x11\x19\xe8\x83\xd4x\xfa\xe7y\x11T\xdb\xef\x85]\x9a\xd4s\xae\x96\x0c\xc7gN\xec\x1eT\xa9\xb5-Tk%L\xf8\x9b\xe9s\x9a\xb0\xfe\x16E\xab.P\x9b&gt;s\xbc\xc5\x05\xa8\n\x0c\x1d)\x1e~\x0c\xad\x1e\x9a\x01\xc1?pR\xff\xa6\x88\xf9\xa2m\xa3\xbc\xa3\xb5\xd5"\xab\xd2\x99l\xa5*\x93/^\xa9\xaeB\xf8\xb2\'4\x04b3\xbb\xa8\xf9r;\xa0hNwt|\x17H&gt;\x84c\x9f\xb1\xb6V\xb7\xa1h\x1c\xec\xfa\xdc{\x02\xbb\xf2\xcf\xde2}\x04\xfey\xf6R\xdb\xf7\x0e\x94%&gt;\\5\xa9L\xa2\x9bUH\x05%h\x92\xe9Q\xcd\x82\xeb7\xdf\xeaHR\'ND\x0cD\xc3\xf8\x90\xdd\x1f:X\x00\xcb\xb4\x14_\xe7\x00\xe3\xb2\x97\xdc\xf8\\\x03.\xd9\xef\x12\x1e\x16\xab9\xfa\xd5-!"\xd6,\xe6\xb4\xf1\xf6\x82?\xbb\xcd(&lt;\x9c\xba\x89\xb2\xc7\x83 b\'+\x01\xae\xb2m\xa5;"\x97\xa1f\xa3\x99\xc6\xb16\xfb\x91&lt;\xc03\xb3\x98o\xf7\x92\x82k_\xbd\x0c\x83\xdfb]\xbb\x8eS\r7\xa7\xeb\xb1\']\xb1\xd7\x13\xc2\xc0\xcb|\xa2\xe7\x971\xe8ctA\xaeI\xec\x0c8\xa3\xceq\xa7@\xd3\xcc\x97f\xb2\xc2\xaf{\xcf\x90\xd3Q\xe0\xd7e\x05&gt;}\xe61ii\xe4\x82\xe35\x1d\xd7Y\xfd\xae\xac\xf1\x8c\x11\xd3K\xd7\x1b%\xf4l\xfa\xe7\xbf\xedE\x8c_\x8f\xbf\x9f\xf2K`\x93#\x1e\xeb\x9f\xf5Pg\xb3\xac\xa3\xc1e\xf5`|\xf0\x9c\xd0\xcbZ\xa9q\x7fM\xb5|\x116\x9c:L\xab\xcb?\xe5\x95\xe3^\x80e\x83B\xd3y\xba\xee\x1e\xb2\x15\xb8U\x81Q\xa8,\x077\xb9\x91\xebqmc\xc1V3\r\xdc[\x1c\xe2@\xcd\x01\x0e\xd4\x9a2&gt;\xe7)\xd3\n\x92\x13\xd95\x14\xb6\xab\xd0&lt;\xff\x89\xdc\x85w_\xe6\xb7\xe1\xb3\xea ;\x83\xfe\x99\xdc\x84\xa5 `H\xb6\xe7\x88\xd2Q\x96h90;I\x16\xa6o\xcd\xc9S\xcfF\xd0kq?\xa8\xb6\x94AuSl\r\x8a\xa1\x99x\xf3b\x8b\x8ag\x00H\x9a\xf9&gt;\xe5\xb5\x15 \xd8\xa4\xdb+\r\xd3\x03\xe9\xc6*ni\xff\x10T\xd2\xac\xfc\xe9\xb1\x9d\xbf\xe60k\xe0\'^\x8e\xd2\x07\xb3b\xbft\x10=\xe1\x87\x94W\xb1CeW\xc7\x83B\n\x92\x0f\x06\xa4c\xf8\xee\x1b^j\x02\x92\x83\x84\xc1~{\x9a4\xcb\x12\xe6\x9c\xb1R\x9f\xb7\xff\xae\xeeWB3\xd2\xfd$\xb4\xbe\xc6\xfc6{\xc7\x96\x02\x94\x0b^\x92\xd2\xe2X\xa0 \x86\xf9\xe2\xd9\xb0:\xbb\xb1\x0b\xb8\xbel\x15\x9fe\xe5KPP\xd9\x8age\x1bT\xa1}\xadM\xfb\xa0X\x87Z}\x01\x1b\x1a\x83\x9f\x15\xca\xb6\xe4\xf1\xe2%|Y\xc5s\xd6\xf2\xb6y@WvkN\xe5Y:bH\xde\xdf\xe8\xd8\x80\x97\xeb\xbe25\x87\xb8}\xe4\xe1&amp;\x84\x83\x89\x10As\x91x\xaf|k\xf7\xa0n:\xef\xcb\x13\x18\xe1\x19H$\xbd\x10w\x06\xdf8\x043[X\xb9\x1b\x1bp \x80&lt;\x9b\xd4\xf3\xa9E\xa3\xbfN%sn\xa1\x92\x05\xd2\x9b\xa1\xc9\xb3\x01\xdf\xdb\x83\xc2\x9f[\xb5?c\xfb\x1a\xe0I\x00\xb8\xbc\x9c\ts\x8e\x00\x8b\xcb%\xb5\xd7X\xfa\x95x\x11C\x11\x00\x82\x03\xd9\x97\x05\x13\x8d\xef\x16\x821\xe3\xf0\x02"tg\x86\xc7\r\xfb\x18\x02!\x1c\xd1I\xf0u\xfd\x05\xdalu[\xf59a\xbc\xb8\x99\xf4\xe7\x1d\x95Q1u\xe1\xca%\xf9n}?\xce\xb4\xb2I|\'!\xcb\xdae&amp;\x12\x8d\xab\xc9kkL\x8f\xbc*\r\x9bV\xd9\xe3\x06\xc4\x18\x9ed\xd2\x99j\xf8\xf1\x06g&gt;N%g\x08!\xbc\x18\x8f\xa8\xbf\xbb\x00\xe7\x05\xe2\x90a2\xee\xc5\xd5\xb9\xc5m\x91-4r\xfb\xdf\xb4\xa5\xff\x87\x9alY\xd4u\xddPi\x80\x8c\x96/\xfc\xef\xd8J`\x19\xd4\xc4\x94\xaeV\xf9{\xc8\xb8:4\x97g\xa3\x7f_l\x00Vj@\x99\\_\xe1\xd6\xf7\x18W\x8e\x17"\x95d\x8dL^\xef|\xa2F\xc7\x9a\xa2\xa1\xd3\xfee\xd8\xf8\xc74k\x1d"\xc95m\x88v\x03\xc9\x7fi\xc0J\x8f9\x0e\xb1\x02\x07,\xeb&lt;\xdb\xc1\x1b\x81\x99\xa9\xc1\xbdu\x15J\n\xe5\xaa\xe2\xc8N\xf3r\x08\x05\xa2\x95\xe4\x14e? ]&amp;\x89\xf5`iQ\xbd\x830f\xae\xb7\x12\xa1j\x05Q\xf6?\xe4\x19r\xfb\xf1\xe8\xf23\x97\xc3\xc4)\x98\x07\xcb\xce\xd3\xdb\x84\x92c\x7f%\x9b&gt;]\xa9O\x010\x91?\xa4\xdf\x96'</t>
  </si>
  <si>
    <t>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</t>
  </si>
  <si>
    <t>b'i\xcdQ9\x92g6\x05\x13\xb9\xd4m\xe0\nV\xd2'</t>
  </si>
  <si>
    <t>e, however powerful, would
 soon have been checked, the train would inevitably have been
 thrown off the track, and would then have been helpless.
 The best course was to wait patiently, and regain the lost time
 by greater speed when the obstacle was removed. The
 procession of buffaloes lasted three full hours, and it was night
 before the track was clear. The last ranks of the herd were now
 passing over the rails, while the first had already disappeared
 below the southern horizon.
 It was eight oâ€™clock when the train passed through the defiles of
 the Humboldt Range, and half-past nine when it penetrated
 Utah, the region of the Great Salt Lake, the singular colony of
 the Mormons.
 225
 C H A P T E R XXVII
 In which Passepartout undergoes, at a speed of twenty miles an
 hour, a course of Mormon history
 URING the night of the 5th of December, the train ran southeasterly for about fifty miles; then rose an equal distance in a
 north-easterly direction, towards
 the Great Salt Lake.
 Passepartout, about nine oâ€™clock, went out upon the platform to
 take the air. The weather was cold, the heavens gray, but it was
 not snowing. The sunâ€™s disc, enlarged by the mist, seemed an
 enormous ring of gold, and Passepartout was amusing himself
 by calculating its value in pounds sterling, when he was diverted
 from this interesting study by a strange-looking personage who
 made his appearance on the platform.
 This personage, who had taken the train at Elko, was tall and
 dark, with black moustaches, black stockings, a black silk hat, a
 black waistcoat, black trousers, a white cravat, and dogskin
 gloves. He might have been taken for a clergyman. He went
 from one end of the train to the other, and affixed to the door
 of each car a notice written in manuscript.
 226
 Passepartout approached and read one of these notices, which
 stated that Elder William Hitch, Mormon missionary, taking
 advantage of his presence on train No. 48, would deliver a
 lecture on Mormonism in car No. 117, from eleven to twelve
 oâ€™clock; and that he invited all who were desirous
 of being instructed concerning the mysteries of the religion of
 the â€œLatter Day Saintsâ€ to attend.
 â€œIâ€™ll go,â€ said Passepartout to himself. He knew nothing of
 Mormonism except the custom of polygamy, which is its
 foundation.
 The news quickly spread through the train, which contained
 about one hundred passengers, thirty of whom, at most,
 attracted by the notice, ensconced themselves in car No. 117.
 Passepartout took one of the front seats. Neither Mr. Fogg nor
 Fix cared to attend.
 At the appointed hour Elder William Hitch rose, and, in an
 irritated voice, as if he had already been contradicted, said, â€œI
 tell you that Joe Smith is a martyr, that his brother Hiram is a
 martyr, and that the persecutions of the United States
 Government against the prophets will also make a martyr of
 Brigham Young. Who dares to say the contrary?â€
 227
 No one ventured to gainsay the missionary, whose excited tone
 contrasted curiously with his naturally calm visage. No doubt his
 anger arose from the hardships to which the Mormons were
 actually subjected. The government had just succeeded, wit</t>
  </si>
  <si>
    <t>b'\xe8}\x10\xbc\x9d7\x1b0\x11\x12\xe8.CD\xea*\x91\x82\x9a\xe0\xa8\xaaV\xb6\xe9\xd8\x00\x853\xc4\xc9B'</t>
  </si>
  <si>
    <t>e87d10bc9d371b301112e82e4344ea2a91829ae0a8aa56b6e9d8008533c4c942</t>
  </si>
  <si>
    <t>b'\xe8}\x10\xbc\x9d7\x1b0\x11\x12\xe8.CD\xea*'</t>
  </si>
  <si>
    <t>how that
indifference to religious forms which marks the earliest phase of Christianity: the
laborious prescriptions of the Temple Scroll and Damascus Document savor more of
Pharisaic righteousness than the law of love enjoined by Christ and Paul.
Whether or not it was they who formed the colony at Qumran, it was the common,
though not universal, practice of the Essenes to create their own societies at a distance
from the centers of population. Christians, by contrast, lived anonymously in cities
(Epistle to Diognetus 5), and there is no trace in our sources of any period when they
did not participate in civic life: those who hold that Jesus came to found a band of
wandering ascetics must explain why he sent his 70 ambassadors through the cities
of Galilee (Lk 10:1), why the most Jewish stratum of his teaching alludes to sacrifice
and ostentatious piety at street corners (Mt 5:23 and 6:5), and why the most itinerant
of the apostles, Paul of Tarsus, should have thought that it was his task to build up
churches in the great cities of Asia, Greece, and Italy. For all that, early Christian
morality did not coincide with the civic ideals of paganism, even for those few
Christians who were citizens of Rome or of some provincial commonwealth. The
New Testament does not enjoin that love of all humanity for its own sake which the
Stoics and their Helleni</t>
  </si>
  <si>
    <t>b'\x18q\x86n\xf2\x92;-\x9cV\xcf\xf5\x82\xa1\x9cY^\xf5\xcboM\xf7\x00q\x8e\xed\xbc\xceh\xec\xe2\xc8\xc2\xbb0H\x85\xeb\x15\r\x15\xd2)\x19\xf8\x12nkX1WP\r\x0f\xbb!\x9c\x00\xb8\xdc\xca/\xebF\xe6\xac[\x81\xa6\x1d\x11v\xc7\xefh\xe3\x81*\xf2S\xea-\x9c\xeb\x08\xb1\xab\xeb9\xbbFL\x7f\x16YmxeA\xdaT\xc90v\x1f\xba\x04\t\xfd\xca\x1a\xb5!n9ea\xddO\xc9n\xc1\x96B\xc5\xe3\xca\xb6z\xa0|\x19\xeaw\x01\xbe )\xfb\xb1\x04=\xd9V4fElk\x8a\xbc\xeb\xc2\x06\xb8\xce\x83\xea\xd4\xf6\xa1K\x0eYV\x92\x7f\n\xd2\xd2`1\x88\xe3\xf4\xccy&amp;\x12\xbd*\xfe\xee\xfe\x10\x14\xe2\xca\xb7\x02\x0e#xyt\x8c\xfe\xf0\xd0\xad\xbe~\x9f\n\xf5%\r\xf8Aa\xfb\t.p\x92+\x8c\x8b\x880\xc3\xf8\xd0\x811\xd1\x8eF\xa3\x07\xd60(.Eb\x8ay\xaaT\x17q\x89\xe6X\xd2\x9f\xc5hB\xd8Ni}\xafA\xf0\xa8\xce\xd5\xdb\x13GO\xa3\xba\xd5h\xc4Hs\xde\x18]\x848N\xcd&gt;a\x99\xad\xef\xac\x81\xdcp\x10:\x97@\xc0U\tx\xc4\x91_\x8a^\x03\xc0\x05F\xaa4\xfee.du\xac\x8c\x88\xf0\xfe\x1f\xad\xac\xab\x17\xe5\x03U\xca\xaf\x9d\xcb\x0eO\xa95\x82+d4\xba.\xc5\xc5\xd2\xf3N\x83\x81@L\xc6\x9b\xd2M\x14\xbfV\xe0X\xe0\xf9\xd1\xaaN^\xf9S\xb7\x04\x1a\x81\xf3\xa8\xa9\xa8\x1a\r8\xf9\xefs\xaea\x95`r\xa9\x85y~\x10\xa29\xe2\xd6\xd9K\xb96\x8f\x9b\xbc\x96X*\x8e\x17\x1b=4\xa8|\xffI\xae_SP:T\xaa\xb3\xe2D4\x7ffp#a\xb3,\xdf6\xe2g\x87\x85\x0f\r*?\xf0\x10\xb8-}\xf0\xa3E[\x90\x97X\xe9c=\xba\x13\xf1\x18\xc9a\xf6\xf0e&gt;a\x84\x08\xa2\xf0\x8b\x11}T\xcc0\x14\xc1\xa7&lt;\'\x9a\xadz\x0c#\xb9\x00\x9c4\xa6\xcfc\xf5\xa7\x02\xda!}\x89\xd3?8\xd67\xe9\x85\xea\xa2\xbf\x9cE\xf7U\xd6\x1c\x13\xc9\x7f\x1au?\xe4U\xb8*Sr\xcf&lt;X\x0c\xb0\x02\xe4\x11d\x0e&lt;\x0c\x0b\xfdV\xa5 \xf9\x9d\xf5GJ\x85\x8b\xbco\xd5\xb9\x89^\xf08\xbe\xfe\xd5z\xb9\x80e\xdd\xe1\x9f\x19\xc5I\xbd\x81z\xc8S\x03\xbd\xba\x9f\xf7\x9d5\xc5\x008\x83\x15\x06\xd5IS\xfa\x0f\xe7t\xd70g\x05\xc45\x94\x9bux\x84\xf6I\xdb\x10\xcc\xfd\xf2\xba\xc3\xf1\xab\x04\xd6A6\xeb\xc0m\xca\xbc)JE^\xa2\xdfh\xa3\'Zi.\x11\xc4\x14\\\xc1\\\xc7\xae\xc1\xa5\x1f\x12\xa9v\x11\x87]"\xc3,\x865\xd0\x9c"@\xaf:\xea\x00\xden4\xaa\xe2Y\x01\xa1\xe0\x88\xe6\xe1X\x8c\x8b9H\x92JD\xe0\xd0\x960\xbe\r\xf7\xdc\x1b\x97O\xd1\x88`%\xc0\xabYv$\xcbL\x1e\xed\x88@d\xff\xf5\xae\x8auJ(L_\xbb\x10hm\x03\x92G\xber3$\xf9\x91\xd5\x8b:\x9b\x14L(\x1e_\xf9\x84\xe7U\xad\xa7\x12\x18r\x9e\x1a\\=9\xaf\x18\xc1\x16\xec\xf5/\x8e\x11\xf4\xaf\xa1\xc8P\xe1\xa3\x96,{\xc2\xfa{\x0b\xfa]\xa8\x14v#U\xb1C\xca\x97\xc3~\xeb\xd4\xddU\x1f\x17G\x86\xcbK\x17\xaeL\x10;\x14\xdeYO\xb0[xx\xc9Sp\x18X\x9e\xe7\x14\x8a\x1f\x16T\xe6 \xea\x87!\xfd\xbf\\\xe5\x16\xa2\x99\x83\xb6\x88n\xcf\xdb\xa7yn\x1a 5\x1f\x92LET\xe0\x1f`24\xfb\x89}\xb1\x9fr\xf9\x08\x8e\x988fs9\xc83\x94\xc2[\x04\xbc\xb2\xfa\x17\x92e\xf5\xcb(\xd2X\'e\x06p)EW\x00\xdd:#\x15V{&gt;\xc3\x8e\xe6\xe4bJ\xe6-\x97S\x8a\x9d&amp;e\x8b*\xe8-=\xae\xe1\x93\xcd\xf5Nve\xd2\x1c\x8e\xe5\x8d!\xfb\xb7\xc4NB\xc3bs\xa2\x9b\xb9\x8eTq@b\xf7\xff.\x1f6\xea\xb8)\x16\x90\x19\xfai\x06\xd8\xfc"\x8e\x8c\xae\xf97Wf\xbd\x17Y`\xffR\x07Hb6\xc3-&gt;\xe9\x84\x96\xae\xb4w)\xfc\xf5u\xb8k\x99&gt;\xc5\xe3r1j[4\x12\x02\xa74&gt;6\x0bS\xe9\x0e\xa1.\xad\x0e&gt;4\xf6\xed[\xc0K\xa1S\x98\xae\nYR2\x07\xbb\x8c\xfdR\xe5\x01\xd4Y\x85\xdcu\x1dpEh\xd4&amp;\xf1\xea&lt;\xe9\xc7\xec\xef?@YG"\xe2b%\x1cs\x16\xf9_\xd4\x80\xbd&amp;\xff\xb0\x0fL\xe0\xe8\xad5\x0c\xe4\x1au\x15\x99\x94p\xc7\xc1\x1b\xe6+\xaf4w\xadm\xba_$\xc9\xe6p\x04\x88\xf1\xd1!\xc9\xa2\xb8\xd8\xfeO\x99\xf0\xe94\x00X5\x0bG\x1d\xae\xd6\x95\xea\xa3:!\xf8\xfe\xf0\x97\xfbG\xc2Y\xf1\x8cC\xe8(4/\\\xf5\xd7\xdf\xd2\xee&gt;\xb1a\xca\x87O\xd7\xa1.\x0c\xe9\x99\xdfb\xe8\x81B\x15\xd0j\x11\xb5\xb0wQ\xbdi;\x9b\xbc\x13q\xfd\xce\xa3\xd2N\xc57/\xc9`uR\xc6\xcf\xf5\xeb\x01f\xc9\xd0\xe2\xc2\x04\x07n\x8e\x8c&gt;\x98x\xbf}\x0b*Q=\xd9\xa4\xb4\xbbS^\xfeIJ\xd8^\xda\xf8N\x83ZyjRQ\xd9\xbd\xb4\x01N\xde\xd7-\xd71\x199\xfb\xff\xaf\xd7\xfa\xe9a\xb9\xc3k&gt;R\xc7\xaa\xdf\x9b&lt;\xaf\x13\xd0ge\xcaZ}\x05Ep9\x99#\x94$*\xd7\xc9\xe2\xd2\x90bo\x16\xef\xc0m\x9a\x99!\xc5\x82\xd7\xe2\x16/^\xda\x9dr\xa9n\xd0g\xbbRs\xe9!\x06\x15h\x0b\xc0\xb4\xc7\xf6\xce\xf7]\xedTh\xdb.-Hf\xd7q\x93\xb1\'\x82\xa5zkOK\xda\xcaHw\x11\x14\x83\x15\x1c%n\xdbD\xcc\x99\xacf\xf2v.\xbf\xdf\xb8\xd1.\xe6\xde\x93\xfb\xff'</t>
  </si>
  <si>
    <t>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</t>
  </si>
  <si>
    <t>b'\x18q\x86n\xf2\x92;-\x9cV\xcf\xf5\x82\xa1\x9cY'</t>
  </si>
  <si>
    <t>haven't you?" 
 "That's as may be," replied the captain. 
 114
  "Oh, well, you have, I know that," returned Long John. "You needn't</t>
  </si>
  <si>
    <t>b'\x9b\xffM\x95\x0f\xe6\x1c%_Y2M\xf0\xee\xf4z9\xb4c\x02\xd9\xf5fl\xfc\xf2\xd1\xa6\xff\x19\r\xc5\xe8E\xaeQ\xd35\xfc\x97\xa5\x96\x1e=_\xbcj\x94\xeb\xdb\x17\xbb]\xbd\xb7T\xaf&amp;&amp;\x12R\xb0\xb2\xdd\xdc\x97D\xd4\xa4su\xb0\xcc-\xc8J\x93\x04Ec\x06:\x96+\xdcXpT\x9e\x100P\x9c.\xe1%%\x87B\x14}Q[#\x85z\xe8\xaa@f\xf1|\xeb!){\xe1\x1c\x15:\x8fM\xd8\xab\x98Wh\xb3s\xf8\xab\x06\x8e\x1dH}\xae\x05\x9b\xd1U\xbc\xb1\xfe)L@[k\x12;\x8ep&amp;6^!G\xc4\x00d\xc0\xb2\xea\x0e\xbb}\xf8,b4cz7;\xf2\xae\xcfZ\xd1\x11k\x90\xba\x13\x00\xf02\xc3w\xa3\x14\xe8\x17\x08^\x02P\xc1\x80V3\xd5\xbe\x8a\x07\x14\xb36P\xc5!\xffJ\xa0y8\xa8\xa6+Q\xc5|J2\x92\x17\x99?\xdb\xa5)\xc9}\x0f\xa4,\x1c\x1a\x18GC\xe30\x1dD\t\x97\x818\xa2\x08P\xba\x10\xe2'</t>
  </si>
  <si>
    <t>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</t>
  </si>
  <si>
    <t>b'\x9b\xffM\x95\x0f\xe6\x1c%_Y2M\xf0\xee\xf4z'</t>
  </si>
  <si>
    <t>d the door after him, and, when I opened
 it, I saw, by the glimmer of the torch, at the other end of the passage,
 which way you were going. I followed the light, at a distance, till you
 came to the vaults of the chapel, and there I was afraid to go further, for I
 had heard strange things about these vaults. But then, again, I was afraid
 to go back, all in darkness, by myself; so by the time Barnardine had
 trimmed the light, I had resolved to follow you, and I did so, till you
 came to the great court, and there I was afraid he would see me; so I
 stopped at the door again, and watched you across to the gates, and,
 when you was gone up the stairs, I whipt after. There, as I stood under
 the gate-way, I heard horses' feet without, and several men talking; and I
 heard them swearing at Barnardine for not bringing you out, and just
 then, he had like to have caught me, for he came down the stairs again,
 and I had hardly time to get out of his way. But I had heard enough of his
 secret now, and I determined to be even with him, and to save you, too,
 ma'amselle, for I guessed it to be some new scheme of Count Morano,
 though he was gone away. I ran into the castle, but I had hard work to
 find my way through the passage under the chapel, and what is very
 strange, I quite forgot to look for the ghosts they had told me about,
 though I would not go into that place again by myself for all the world!
 Luckily the Signor and Signor Cavigni were up, so we had soon a train at
 our heels, sufficient to frighten that Barnardine and his rogues, all
 together.'
 Annette ceased to speak, but Emily still appeared to listen. At length she
 said, suddenly, 'I think I will go to him myself;â€”where is he?'
 Annette asked who was meant.
 410
 'Signor Montoni,' replied Emily. 'I would speak with him;' and Annette,
 now remembering the order he had given, on the preceding night,
 respecting her young lady, rose, and said she would seek him herself.
 This honest girl's suspicions of Count Morano were perfectly just; Emily,
 too, when she thought on the scheme, had attributed it to him; and
 Montoni, who had not a doubt on this subject, also, began to believe, that
 it was by the direction of Morano, that poison had formerly been
 mingled with his wine.
 The professions of repentance, which Morano had made to Emily, under
 the anguish of his wound, was sincere at the moment he offered them;
 but he had mistaken the subject of his sorrow, for, while he thought he
 was condemning the cruelty of his late design, he was lamenting only the
 state of suffering, to which it had reduced him. As these sufferings
 abated, his former views revived, till, his health being re-established, he
 again found himself ready for enterprise and difficulty. The porter of the
 castle, who had served him, on a former occasion, willingly accepted a
 second bribe; and, having concerted the means of drawing Emily to the
 gates, Morano publicly left the hamlet, whither he had been carried after
 the affray, and withdrew with his people to another at several miles
 distance. From thence, on a night agreed upon by Barnardine, who had
 discovered from the thoughtless p</t>
  </si>
  <si>
    <t>b'\x8b\xbe\xf1\xb5,\x0c\n\xe4\x83+\xf5,\t\xac\x06\x19O^\x85\x13T\x10\xf2#\xb8\xd8\x82\x15Ti\x0b\x19.\x8bR\xb4WL\x0cJT\x0c/\xc7\x02\x0b\x91\xaf\xeaiq\x8cQ_\xe1?\xf6\x9e\t\x7f\x8fLn:'</t>
  </si>
  <si>
    <t>8bbef1b52c0c0ae4832bf52c09ac06194f5e85135410f223b8d8821554690b192e8b52b4574c0c4a540c2fc7020b91afea69718c515fe13ff69e097f8f4c6e3a</t>
  </si>
  <si>
    <t>b'\x8b\xbe\xf1\xb5,\x0c\n\xe4\x83+\xf5,\t\xac\x06\x19'</t>
  </si>
  <si>
    <t>customers
 canâ€™t figure out what our offer is within five seconds of visiting
 our website?
 WHY SO MANY BUSINESSES FAIL
 To find out why so many marketing and branding attempts fail,
 I called my friend Mike McHargue. Mike, often called â€œScience
 Mikeâ€ because he hosts a successful podcast called Ask Science
 Mike, spent fifteen years using science-based methodologies to
 help companies figure out how their customers think, specifically in the tech space. Sadly, he left advertising when a client
 asked him to create an algorithm predicting the associated buying habits of people with diabetes. Translation: they wanted
 him to sell junk food to diabet</t>
  </si>
  <si>
    <t>b'ZF\x85r\x9b:\xe3\t\x89\xbd\x17V\x0e4\xcdK\xde\x13\xf6&gt;A]G\x19\x90q\xa8\xc9\xa3\xc5\x05S0\xa7Ry\xa06\xdd\xc2\x7f\xef1\xd1\xa39\x02\xe4{\x16\xf1\xe5\x0es\x8c\xb7\xb9[\xe6z\xfa\xd7\xf7\xf0Ai\x9b\xfd\xc6\x89\xd5\xfa\x00rJ\xf4T/(\xed\xd5\xab\xbe@\xf3\xbbM\x94\xdf\xce\xfb\x08\xdd\x8d\xa2OFN,\x85/Zl\x12})\xb0\xc9a\xe0\x14\xd0\xecC\x05\xe8\xe8\ri\xf5\x00D\x80M\xd06\xdd\r\t5\xa0\x12\x8e\x187U|\xb4\x18L\xcb\xb0\xeev\xf8\x07\xd3#\x13\x07|s6\xecXKDe\xbe\x8e\x15\x98q&gt;\x8c\xfb\x10\xf2b\x83\x11!\x18\xf2WT\xbf\x10\x05\xd9\x8ci\x8d\x0bV\xa9\x1fm\x00\x83\xa0\xf0\x15\xa2|\xbdzV\x04^!\xa3\rq\xe0:,J\xa0EE\x90\x17\xa8\xa9A\xbb\xf3U\xcehT_\x84\xee\x8aS\x81EY\xb7\xd8T3\x94\xa0d?\x1f\x92\xb5\x11\xde\xc1\xee\xb1\x9f\xf4KY\x94z_\xb6\xd2\x8b\x1f\xda\xd5\x16u\x8d\xad(a\xad\tL\xf2\xdb\xadh\x1c}\x94\xc8\xb1/\x0b\x90o\xa5r\x8d\x00L\xe6\r\x92\x87\x98\x1d\x92\x80}c\x95q\x1c\x00$=\xb9\xf4)d\x01\x9a\x1aQ\xf5\xe65Q \x0cU\xaet\xdf("\xf7fb\xc2\xf3\xff\x0c\x0b\x90\xf2\xd1\xd8\xfd\xbeJ\xa5\xb0\xffa\xbaO\x95\xa8\xd6\xfc^\x16\x9eM\x04\xf7\xdd\xff\xa3\xeck\n|\xe2\x04\x87\xa3\x9e\x8c\xdbkF\x94\x85\xfe\xb4:_\x1f\xb9\xa6\xda\x96\xf1\x86\xe6\x0b\xbfA\x1b\t\xba\x97\x87\xb0\x8b\xc5\xd7y\xf3\xcf\x007\xeeoR\xd3\xac\xdf\xe4~\xf0C8\x00\x92^Bw\xf4!\xe9"\xb2c6\xa0@\xe0\xd4\x06s\x86K\xdc\xf9\xbb\xcfi\xc5C\xb7\tKS_A\x90\xcb\x01\xee\x15@\x02\xe5\xbfe\t.Y1\xd2\xd2\xdfZ\xf1n\x7f\x98Z\x8e\xcd\xcd\xeb+q\x06\x04V\xc6\x18\xd5\xb7"\xb51Y\xcc\xe9\x9bkp\xad\xe3\x99\xff\x993S\x93{l\xd5B\xc5\xc0\xe3\x17 \x987\xad(\xf4\x85_\x07\x0f\x83f\x85\xad\xd54~\xd2X\xc5c\x84%\\\x1a"\xa2\xb0\xa2\xd2\xcb`\xac\xc6\xf0\xd9\xfa\x8c\'\xeb\xdch\x85\xe4\x06R\x8f\xbc\xe9\x15\xf6Z\xc2\xedp\xd5h\x0bn\xd2\x0e-&amp;O\xcbRzf\x84\xbfEgV\x88\xcd~\xb9k\x08[]5\xef\xbe@\x99\xd4\xccP\xf7|RI\x1a\xe3\xbb\xbe]4\xe7X&gt;/k\xcd\x0b\x98\xee\x0e\xf0\n\x8a,y\x0f\xb0\xce\x02\\+5\x8b\x13\xba\x88\xc6\x06\xe5\xd2\xf0iJ\xc8\x93\xe4\x96A 0\xc8\xfa\x05\xe0j\xcd{+x\xfcH'</t>
  </si>
  <si>
    <t>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</t>
  </si>
  <si>
    <t>b'ZF\x85r\x9b:\xe3\t\x89\xbd\x17V\x0e4\xcdK'</t>
  </si>
  <si>
    <t>n they was in the anchorage cleaning, for it's 
 there they cleaned their ships, sir, asking your pardon." 
 "I have a chart here," says Captain Smollett. "See i</t>
  </si>
  <si>
    <t>b'\xc2\x94\xf4^\t\xc3\x181\x102\x99\xdc\xb7^\x99y\x97\x1a\x80\xdd\xf5~\xc8Mi\xa6\x96\xf7\x92\xe6\xd2\x03\x97/\xa9\x04\xe4/\t\xa4A\xecX{b\xbe\x0c\xeb\xf4\xd0\xd6GN\xe2\xbeN\xb3?\xde[\xfb\xb33\x0f\xa4@\xd8\x80\xf7\xe8\xd45\xf3\xb6*\x9a\x13\\\x01\x93d9\x97\xad\x0c\r\xf0I\xcb\x99\xdd;\xd9\xa9\x92\xdag\x94\xed\xc2\xc4\xee\x19\xa2\x901\xff\xd6\x87\xc1\xa5\x9d\xbf\x93!.\x1c\xb7\x0b5\x94\xb5Ttpy\x0c\xdd\x12\x1b\xfa\x0c\x80\xe3\xf8\xdfa\xd372\xe2\xb9\x90Aa.\x10\x12w\xcd\xc7\x05\x87hj\xdf1\xc0x&amp;N\x82\xe7\xff\xbb\x1fj\xe8\x1et\x1a\xcb\x88\x98\xa9x\xe0\xdc|\xa5\xach\xf9\xb1g\xf7\x8f\x80\xdeFA\x01#\xcf\xce\x87&lt;k\n\xf3\xc8\xdd\xa8#\x82E\xaa_B\x1e\x1cJ\x90%K\x11N\xf0&lt;i8F\xa7\xf8\x02\x85\x19p+\xf3q\xad\xf4&gt;\xac\xef\x00f\x8e\x93\xe9\xf2j\xca\n\x86\xdcQ\xaf\xd2r\\[\xf7\x051'</t>
  </si>
  <si>
    <t>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</t>
  </si>
  <si>
    <t>b'\xc2\x94\xf4^\t\xc3\x181\x102\x99\xdc\xb7^\x99y'</t>
  </si>
  <si>
    <t>02.
Clark, E. A. 1992. The Origenist controversy. Princeton.
Clark, P. A. 1998. Women, slaves, and the hierarchies of domestic violence: The family of St
Augustine. In Joshel and Murnaghan: 109â€“29.
Clarke, J. R. 1998. Looking at lovemaking: Constructions of sexuality in Roman art 100 BCâ€“AD.
250. Berkeley.
Clarke, J. R. 2003. Art in the lives of ordinary Romans: Visual representation and non-elite
viewers in Italy, 100 BCâ€“AD 315. Berkeley.
Clavel-LeÂ´veË†que, M. 1983. Pratiques impeÂ´rialistes et implantations cadastrales. Ktema 8:
185â€“251.
Cockle, H. 1975. The Odes of Epagathus the Choral Flautist: Some documentary evidence for
dramatic representation in Roman Egypt. Proceedings of the XIV International Congress of
Papyrologists, Oxford, 24â€“31 July 1974: 59â€“65. Greco-Roman Memoirs 61. London.
Cockle, H. 1981. Pottery manufacture in Roman Egypt: A new papyrus. JRS 71: 87â€“97.
Cockle, H. 1984. State archives in Graeco-Roman Egypt from 30 BC to the reign of Septimius
Severus. JEA 70: 106â€“22.
Cohen, D. and Saller, R. 1994. Foucault on sexuality in Greco-Roman antiquity. In Goldstein:
35â€“59, 262â€“6.
Cohen, H. 1880â€“92. Description historique des monnaies frappeÂ´es sous lâ€™Empire romain communeÂ´ment appelleÂ´es, meÂ´dailles impeÂ´riales. 2nd edn. 8 vols. Paris.
Cohen, S. J. D. 1983. Jacob Neusner, Mishnah, and counter-Rabbinics: A review essay.
Conservative Judaism 37: 48â€“63.
Cohen, S. J. D. 1984a. The significance of Yavneh: Pharisees, rabbis, and the end of sectarianism. Hebrew Union College Annual 55: 27â€“53.
Cohen, S. J. D. 1984b. The Temple and the synagogue. In Madsen, T. G. (ed.), The Temple in
antiquity: Ancient records and modern perspectives. Religious Studies Monograph Series 9.
Provo, UT. 151â€“74.
Cohen, S. J. D. 1991. Menstruants and the sacred in Judaism and Christianity. In Pomeroy:
273â€“99.
Cohen, S. J. D. 1992. The place of the rabbi in Jewish society of the second century. In L. I.
Levine: 157â€“73.
Cohen, S. J. D. 1997. Why arenâ€™t Jewish women circumcised? Gender and History 9: 560â€“78.
Cohen, S. J. D. 1999a. Were pharisees and rabbis the leaders of communal prayer and Torah
study in antiquity? The evidence of the New Testament, Josephus, and the early church
630 Bibliography
fathers. In Kee, H. C. (ed.), Evolution of the synagogue: Problems and progress. Harrisburg,
PA. 89â€“105.
Cohen, S. J. D. 1999b. The beginnings of Jewishness: Boundaries, varieties, uncertainties.
Berkeley.
Coleman, K. 1986. The emperor Domitian and literature. ANRW 2.32.5: 3087â€“115.
Coleman, K. 1990. Fatal charades. JRS 80: 44â€“74.
Coleman, K. 1993. Launching into history: Aquatic displays in the early Roman Empire. JRS
83: 48â€“78.
Coleman, K. 2000a. Missio at Halicarnassus. HSCP 100: 487â€“500.
Coleman, K. 2000b. Entertaining Rome. In Coulston, J. N. C. and Dodge, H. (eds.), Ancient
Rome: The archaeology of the Eternal City. Oxford. 205â€“52.
Collins, J. J. (ed.) 1998. Encyclopedia of apocalypticism, vol. 1: Jewish and Christian Origins of
Apocalypticism. New York.
Colson, F. H. 1935. Philo. Vol. 7. Loeb Classical Library. London.
Connolly, J. 2001. Problems of the past in imperial Greek education. In Too: 339â€“72.
Conte, G. B. 1989. Love without elegy: The Remedia Amoris and the logic of a genre. Poetics
Today 10: 441â€“69.
Conte, G. B. 1994. Latin literature: A history. Baltimore.
Cooley, A. (ed.) 2000a. The epigraphic landscape of Roman Italy. BICS Suppl. 73. London.
Cooley, A. (ed.) 2000b. The afterlife of inscriptions: Reusing, rediscovering, reinventing, and
revitalizing ancient inscriptions. BICS Suppl. 75. London.
Cooper, K. 1996. The virgin and the bride: Idealized womanhood in late antiquity. Cambridge,
MA.
Corbier, M. 1991a. Divorce and adoption as Roman familial strategies. In B. Rawson: 47â€“78.
Corbier, M. 1991b. City, territory and taxation. In Rich and Wallace-Hadrill: 211â€“39.
Corbier, M. 1994. La Maison des CeÂ´sars. In Bonte, P. (ed.), Epouser au plus proche: inceste,
prohibitions, et strateÂ´gies matr</t>
  </si>
  <si>
    <t>b'0w\xfbDq\xba\xe5\x05o \n\xf35\x81\xc6\xa5\xba\xe3,\x8fJ3E+\xa6\xeb\xab\x81w\xbd\xa5\xc6s\x8c\x9a\xee\xcd\xf6\x10\xa8\xae\xc7\xf8\x1eW\xd9\x08H:\x1el\x9a\xe0b\x14iN\x83\x03Q}~\xb7\x12\xfd\xf4\x9e\x8b\xaa;=\xfbI\xa5_?AB\xeeb\xb2\xbc\x83\x80y\xf7D[\n\xdc+\x95\xa7`Cbg^\xdc\xfaZG%\xf6\x1f\xfdw\x13.\x9d\xef\xf5j2l\xaf\xc9\xfe"d\x16\xc1\xd1\x82\x15\xc5\r\x8a\x0ewR\xd3\x849\xa6\xf4\xd6\xdc-\x15L7I\xf9\xcfyO\xfc\x11\x00;\xd5#\xb76\x917\x05\xb5\xe3\xe9\xbb\xf5F\x9a1\xcc\xfd\xff\xfd\x19Q\xf39\x81\xa0\xac\r\x12\x83\xea\x08\t\x1dl2\xd5\xacT\xf2\xfe\xe6\xcf`W\xd4\x12w\x0eB0\xb8FFG\x12\xf5\xb3\xbc%\\\xae\xedIw\x0b\x8a\xad\x14\xdb\t\x0fnp\x85 3\xed\x00\xc7\x8c\xb5\xf2\xa7\rIi\xb7\xf6\xf2\xc4\x16\xdcv\x87b\xbf\xa5\x9f\xb2\x86\x8c\x9b\x86\x84e\xbc\x8d\xe7\x9d\x1dd3~\x9eJ\xde\xbahX4\xc8IW\xe2\xd3\x06~\xbd\rpG\x03\xd2\x88\x19I\xd5\x85\x01\x01\xbf\x01A\r\x1fE\xd9\xd3\xca7E\x91\x10\xd9%b=*\x84\xba\xa9Ap\xdb\x96\xa3\xc7V2\x86T\xc9bt\xe1?f\xb8\xd8w\xc7\xb7/t\xdb\xa06!\xb6B\x1fj48\x1f\x9aD(W\x7f\xdb\x97#\x10x!]d\x8fz\xd5\xcf\xcf\x82!\xa0\x8b\xff\x0c|\xf1\xfd\xe8\x01\xc2\xbf=\xc29\xa3\x9en\x8fl\xc5\xfbP\xd4\xdb\x14\xf3\xd8t\xb4y\x90\xa4\x9cx[\x94\x8e|\x8ag\xb4\xd1?\xc5\xf3\x8c\xae\xec\x82\'\xb3\xde\xb00=*\xeb\x94\xd22\x02\xe4n\xfa\xc8\x04\xc9JY\xce\xbc\xc1W6\x9b!\x00\x1b?\x96\xf4\xd6\xb4\xe4Z\xef\xe8\x1b\xdf\x0cJ#\xe3OE\xd1=\xd7\x05z0\xe8\xb0:&lt;\x88\x8a\xa2\xdb\xe82\xa0\x89\x9e\xc3e\x14\xaf\xde\xc4\xb64H\xa7*\xc3\xccH0\x8a\x84Eh\xe7;%\'\xf3QbM,\x81\x08\xbb\x1c\xff\x18\x9a\xde\xba\xc6\xd8J;\xa2=\x03W\xfbSnj\xb0\xcf\xb4\xd8{\xd3\xa6\xef\xace\x0f\x91\xfa\x8bL\x01\x08\xfc\xc6\x0b\xc4\x1b)n\x0b\xa0\xc1R\xf2\x97\x83\xfc\xd1J\x19d\xfem`\xe3=\xf1\xd6n\x10\x0f%ha\xce\xb6w\xa4\xfb\xcc@8\xd1\x84\x8a\x80 1\xd7Q^\x07\x18Qw\xb3\xb8|o\xe7;3\xc4\xbf\x82m9\x7f\xfc\x0f\x9f\xdc\x1c\x91_y\xff\xc2FA\xeb\x062\xc7\xaf\xe0\xb9\xba\x9f\xc9\'\x92\xae\x19J\xbb)\x0e\xe5S\x065\x82@\xac\xd8!U\xed\x10\xbf\xd15\x8a\x05\xf4\\\x8d^\xf6\x7f\x1b#\xf2\xb75\xe7\x8bU\xd2\x9a\xa49\x19N-\x02oG\xf4\x90\x9a\xd7\x02\x05\x13\x89\xc7y\xe1{\xba\x00\x18e\x15@\'"\xd2YF\xef\x10\x8c;;vO\xbd4\x9b\xc9\xa5\x8dX\x9ez\x1a\xe2sd\x95P\x18\xae\xcbx/\xa9\xe5\xcfSo\xdf\x82\xc4A+y\x0eJ\x8eq\'\xde\x95\xa9#/\xcf\xf1khL\xae/\x8f\xc41\xb5\xd9\x9b\r\x1a\x82\xbb\xfa\xdd\x94\x01\t\xf7\xba\xf7#\xb1\x05\'\\@\x88`h\xac{\x15J\x8b\xd3\xab\x9c\x84&amp;\x10\xbe\x84\xf3+~&gt;\xae\x06\xfb\xf9\xc1\xfd\xbb\xe0\xcf\xc6\xea=Z*\x91\xae\xc0\xc5h\xe7\x8b\xc6\x96\xf1\xfe\xed\x9c\x90*\xf3q\xca\xc3\xd5\xe2\x1a\xf0X\xab\xa0,Y\x11T\xbey\rY\xa6\xfcMW\x06\xa5\xc3\xbb\xe6\x8a\x98|\xf2\xaf1\xde\xd6p\xd7udZ\x04\x0c\xe7\xc2\xd1\x8a}\x86"[\xcbA\x9e\xe4\xb8\x90\x97\x1d5\xb5\x10\x8d\xb7)6k\xe4!B\xefG\xf5mX\xcd\xb1i\x08\x8a\xffT\x0e\xfb\xf7\x1f\x11\xf0\xb3\xb6\xa8j\'&gt;\x16\xc9\x06\x8a\x05\x07\xc9\x14\x10\xdb\x9fv\xf7b\x93qcW\x8f6 \x8e\x8e\x17\x99M\xe1bMR\x05?!B#(v\xd0\xe8\xea\x08\xb4\xc8 -\xc4J\xc6K\xa4|\xc1\x98\xc8\x01\x7fk\xfe*9l\x9d\xcb{\x8d\x05\xbfj$\xa2\x15t\x06\x04}u\x7f\xde\xf6\xa4\x8d\xbd/T4\xad3[\xa5!\xb3\x85\xa2&amp;\xf2\xdb\x02\xaaQu\x87\x920E\xd0\xc7\x1e\x85\xa2B\xf4\x8e\xc9\xb9 k\x849\xe9\xf6\xed\x08\x95\x07;\x90\t3\xeeTd\xad@b\x82o!\xaei\xcf\xad\x99MF\xeb\xb2&gt;w\xa5\xf2C\nb\xd9\x92\x9ag\x01K*\x8c\xa8S\xd3\xa1\xed\x1f\xf3\x96\xe3\xbc\xa6\x07\x00\xc8\xacd\x98?\xeb\xf6k\xeb\x88\xe3\x81 \xa3\x93\xb4l\xdb\xce\xcb\xc3\xd4\xd6\x1f\xb7\x89\x00\xfe%\x1f!\x1e\xfc\xe5\x15Ed\xfb\xe4=&amp;\xf7\xf0\xc7\xe5\x9a\xc8\xef\xbc\x1b\x88\x8ab\xc2\xcdS\xf9vq\xcc\xeeHE\xc6\x07\xd8{\\\xb1\xe2O\x14\xaaT\xe1\xf0)\xf35\xa8\x02\x02\xd1#\x95\x1c\x1e\x9f\x8bw!\xa9Re\xefw0\x0c\xc1xv\xdf\x87\xeb`\x08D~\xd4\x03^\xadw\xf6Y\x16\x8a\x12\xb8+_\xc7\x94\xe9\x07\xf8\xa7\xe2\xde\xf8\rU:\xae5\xcf\x05\t)7\xc7\x16@\xc2\x01.f\xcb(\x8d\x10z#\x0b\x04x4\xd9d\xc1\x82"\x11\x1f\xe2kIQ\xa2\xb0\xb1\x87\xbb\xfd\xed*?\x82\x18\x02+\xf3}I(\xf4\x0b\x17\x87\x88\xb8\xf5}i\xae\xefx\xda\x9e*oA*B\xa8\xbb\xff[\x84\x03Y\'\xc3&lt;~\xd5\xa1\xc1\xde4R\xe6PG\x0b\xb8\xbfy\xd4\x1eU\xeeS\xa9\x92M\xda\xc9.\xf9\\v\xe8\x06\x91l&gt;\xb7w\xacDX\x010\x90w9\xb6\xb2u[n\xd6\x08\xf8\xbe~\xcf\xc3\x89\xab\xc2\x99A\x1dY\x997jwN\x81\x19;\x1dv\xe7\x9c"\x00\xca7FV\x17\xec3+\x8e\x7f\x0f\xa5\x14\xa0T\x8b\x03\x1a\xf7\t\xdf\xcf\xf7\xf3\xd3\x0bs\xa5\xf1/\x96B\x1aa\x16]\xf0\xf3\xa6\xbceF+\x94\x9a}\xc6\xfem\x18W\xb3w.\xae\x16`\xcfGx\xad\xf1!w"\xc7V\x90\x88w:#\xdf\xae\xcd\xe9\xe2&lt;\xf7$\xa5\xd3\xaa\xeaN\x048)\xf9\xfab\x13\xc1\xea\xa7Va\x1fe\xd5\x9cM\xd0\x00k\xc1J\xe5V\x86-\x8a\xb2\xf4\xf3\xc4\xfaN\xf5n\xb1o\x8ej\x9d2#\xce4\x17\xe1\xc1\x1b6\x07\xf4\xbc)(m\xe5z&amp;=\xa2]\xaf\xd3\xd8w{\x8a\x94M\x16\r\xc9\xc5r\x98pT\x86-b\xf2\xc1\x95\xe4\x9aNT\x84R\xec%=\xfa\x1e\x13\x9eA\xb8\x8ek\x04_\xaa\x9ae&gt;O?\x11\xacd-\x1a\xba\xa0\xa3\xda\xf7\xe3\xd21\x98\x1dF\x926(\xc1nI\x87D\xc7T\xaf\xb8,\xe3t\x9b[I\xba\xbb\n\xb1.\xd9\x01n\x8d\xf0\xd2\xd3\x909a\xa0\t\xcf\x97Zq\t\x10\xd4\xe0o\xa4\xd9\x90F\x0b?h\xbey\x98\xc0j\x85\xa6,c\x83\x01\xdc\t\x86?\xbe"\x98bT\xb9y\xdb\x04\x0cg\x1f\xb7\xbc\xc4\x12\x82\x9e\xf6\xe9\x83\xde^a\xc1V\xcf\\\xae\tX\\l\xc9\xe4\xa0Cdk=\xe6\x84\x98%\x8bQ^6\x91|\x13B\xb90\x85\t0\x99x\xe7\x8f\x01\xd8\x8ae\xfe\xc9\xa3\x0e\rna\x0e\xe1\xd6\xd9\xc9\xf5\x96\x924\xf3H\xf6i\xdc`\xb6j\x1bN\xd5u\xce\x99i\xb8\xae\xd4RAYs\x1d5o\x17V&lt;e\x1b\'r\xad\xbfaD\x84\xd9\x9a1D"\xfc\x8c\xe0\x8e\xdb\x8c\x07\xf6\xc6"Zn\x903aB\x8d[y\xa4\xdee?#\x9c\xa3\xca\xa8\xcc9\xd2\xcevZ\xad\x95\x83D\xadG\xb2\xab\xa1\x03?\n\xc3C\xc7}\'\xf58z\x83\xf9\xcd\xb7?\xba\xae\xd1\xf4b\xc6u\x9eeq\xf5\x15\x13z\xb3\xda\x0c\xe1E1cN\xa0\x91\xb3\xc7\x9c9Y\x81\xed3\xb5j\t+h7\x89\x15\\d\r\xaaZ\x0ex-\xb3zw\xd2\x1fKZ\xf9i\xe8\xa6\xa1^\xae"%\x12i\xb4\x1eA\xc9\xb1Z[\xaa\x9a\xb8\xc3us\xdf\xe2\x81\x95\x88iXq\x12\xdf\xf2\xf2\x87\xff\r\x7f\x04\x89\x88\xdeM\xb1d\xecOJ6\xea\xac\xdbr\xd7"\xe3\xe2\xe2\x8e\xcc\x07a\x1a\xf5!$E\xe9U\xa7\xdc\rW\x1e-\x18\xa84\xee\xd5L\xc5$\xe4\x87\x8e.\xabzA\xe54\xb5\xb2\x84!2[\xe84\xca5l"Xy\x19\xb0\xc8\xdd\x0f\xecx\x10\xe4\xc9\x17:\x16ev\x92n\xe4\xb2wpqA/\x1fTF\xd1\x90\xa7\x83\xc3\r\xeb`\xae\xa4F\xe2\x91\x84\xf9\x9d*\x89*d\x91\x1dQk\xec\x06\xa5\xa1\x05\x0e\xa8\xee|d\x07\xa0F\x99\xa9US\xd0KhI\xd6\xfb\xc5\xb2J\xfe2\xeb\x88\xd9\xf7C\x9aYh\t\x93\xf72\xbe\x86\xfev{\xfb\xff[J\x00VI\'J\x1b\xe4\x80\xcb\xcf\x9av\xe8\x17\xee\xa5\x90\xb8u\xe8\xb7]r\n*\xb7\x9a\xc71\x96T\xd3j\xee\t\xc4M?\x1f\x98\x03\xbcGAn(\xb2\xa0}a\x94\xb3\xe3\xa7\xe2M\xe8\xc7\xb2\xb2 \xe6j\xcad\xd7\xf5P\xf3rA;4@R\xfc\x9cl\xde\xfc\x1a\x945\x10\xb9\xa9e\xc4\xaf\xe0\xd0\x15\x1a\tUP\x01\'t;\xc0\xc9/&amp;R\xc7U\xe1\x9cG\xf0\xac\xcd\xcc\xf3\\\xfbR\xf32_\xaf\xc2\xe6\xb1\x85\xdc=\x9bI\xa0\xc8\xeb#5i*\x1emY\x04\xb7\x059\x1b\xbcN\x86]\xfec\xd8\rp\xd5Ek/Jp\xb0\x16\x97Jd:\xa2$9"\xb8\xe3\xcbsr\x83\x1a\xaa\xf5\x11\xb7\xd7\xbfk\x93~\x92R\xdb\r\xfb\xfd\x0e\x02\xc5\xda\x90\xbf\x84\x14\xb8\x83\xc5\xec\xc9\x13\xe5\xe2\xd8p8"\xc3\xf2V\xb6\x1a\x05\x9e\r\xc5\xe2\xee\xb0\xcc\xcbYJJh\x14;\xb6L\x8bz\xba\x0c\xea\x1b\xcfI\xd9\xed\x91 i{wO\xd6\xc3H+\\\x12\xdb\x7f\x13axV\xda\xb1\xf5\x15\x1e\x89\xcf\x06m\x14\xe6\x7f[xJ\xfc\xfe\xa87\x02\x17\x0c\x1di\xc2\x1f_A\xd5\x8d\x82\xbc\xe5\xc6\\\x105\xad\xef\xe5C\x13\xc1\x01\x02\x06AU\xfeJ\xecAWj&gt;\x18\x991\xb20h\xa9\x01\x97\x1b_QV\x8eL\xb0\xcd\xa6 S\xb5\x7fx\xc2\xa9\xa7\xca\xc0rZ\x1d\xee\xba/\xea\xc1\x04\xa0M\xef\xc1s\xa1\x9fg\xfcs\x07\x11\xd367\x7fC:\xc1"\xb5\xde\xd9\xee?\xe8\xe11MYbl\xfc\xed\xe5!\xf5\xca\x84(\x8aB\xd2L\xa0\x08\xec\xee6\xd3\xe8&gt;\xd0+\x0c[:\xc7\xbe\x88M\xb2\tV\xbeQ\xd5\xacl\xb7Dh\xae\x1e\xf97\nK"!\x9fR\x8b\xd6\\B\xfc\xe3)\xce\x85\xaf|\x97\x93"\xc6\x08\xe4)|\n"\x9b\xa6\xc97\xffS\x02 $&amp;\xf8q\x1f ~\xbdc`\x14%I~|I\x0fg\x92\xb8a\xfbcIA\x9c\x1d={\xbeS\xccJ\xdd\xae\xb0\xb6\xde\x90\xda\x94\xe1-\x01\x19\x9a\xe6\x9dmz\xce\xb1&amp;\xc9\x19\xd5\xaa\xbe\xc1(\xbf\xa9 \xb3\xc6\x1c\x03\xd6\x01@\xceG\x98\x85%\x06)\xf89\x01p\xe5\x97\'G\x86E\xc2\xb7\xd2\xf9\xe1us\xe6\x88\x9fb\xd6|.\xdbIj\x88\xd4\xee\t\xc0\xda/\x17d\x1e\xd9\xb3Fx\xdc\x88|\x8e\x12\x8d\x12\x81\xa8\xdd\x0b!\xa6\x92-\x89\x19\xa1Gb\x86&gt;\x90\xe3\xf2\xaa\x13N\xc0\x81\xc1\xf3 +S\x12\x19\xf8\x02\x05\xb5\xad\xa1KgSd\xc2n\x8c4\xd6\xe4ug\x1cI\x1c4\xaac}A\x14\xf0t\xd4\xab\t\x94\x0b\xf8\x04\xab\x15\xf4Grq\xedp\xd9\xde\x1d\xa7\x93\x80L\x88B\x82I\x9fiI\x1ajs&amp;\\j\xf1\xf0\xc6\xb0\xbb\x86\x8f\xd6\xc0~\xc3\\\xb8f\x96\xf3\xa1+\nf\xd9\\\x8e\x9b\x98m:\xfb\xcan\n\xbcR\x03h\xc0|\xbeJM\x89\xd1N\xdde:\xf9\xda\xf7\x9b\xe3\x9avrfe\x1e\xeaW\x9c\x82p\xaa\x0b\x11\xbb\t\xc6\x9f9!$\x9e\x17\xeb\xf4\xcb4&gt;,I\xfe\x97\xfc\xeb\xb6\xaa\xd5\xd8E\x1f^\xf8\xa4}\xe7\xf8\xc4Y![}A8~1\xa5\xcf\xb3\xf7S\n%\xc9s\xa0n\x0fq-\xb3\x14\x83\xb9(\xb0\xb6\x84n\xf1&lt;\x8a\xb0_\xe5"\xe6dD\xdfa9\xaa\xa5#^AAO\xa3\x03\xcf\xdd]Z\xc4\xd9C}+\xaf\xba\x90\x88&lt;JO\xe0\xc5&gt;FC\x11\x19cD*_\x8eq\x99m\xd3\xcf\x1c\xd3\xcc\x06\xe5}\xfd\xfeD\xe1t\xf5\x8b\x81\x19\xb9X\x03(\xbe\xea\xf2u\x04\xc4X\x9f\x7f\xc3\xb4$Pq\xc0\x85\x18\x1fb\xc7No\x82n\xd6\xc1\x85|J\xfb\x19\x95V\xf50\x8f\xb4\xa6;\xc5\xb2Z#\xea\xa9L&lt;\xd7\xabqvz3\xd56c\xc8\x05\x9cd\n\x1e\xa4{\xa2\x1f\x9a\xf1H\x89w* &amp;U\x0b,\x8e0\xba\x8c+,&gt;\xad/\x83\xc8Yv\x95|ag\xa7\xc3\xdb\n\xd6\xd3\xdbj\xde\x022\x80\x11\xebU\r\xaa\xbe\x92ek\xb6/\xbd\x8ek^\x0b:%]7\x8a\xbaV\xe6\xd8x\xa1\xf0X#\x98\x97B\x0er3/\xd6f\x03\xef\xa3\xf5\xce\x1dk\x9f\xd4\x8f\x8aS\x1e\xd1\x90Ry&gt;\x89\x0eEG\xed\x94\x8fn\xd3\x95\n\x80\xb4\xd832&amp;\xa8"\x83\xd2\xd4~\x00\x05\xce\xf2\xac,-\xeb\xa3H\x81\x91\xb0\x17\xf0\xd9I\x9fLh3\xb5\x0e\xd6\xd6\\\xe0\xc5\x19\xfb\x17oR\xf7o\xeb]\xe5\x87\xe6\x9c\xf7Www\x0b\x91\xd5.\xdd\xfcB\xa0\xa7\x18\xf2\x1b#$ds|\x93&lt;\xb3N\x96\x96\xfa\xc4P\x0c*6\xfa\x81\xea\xcd\xaa\xed\xd8\xec\xe5(\xd2pc\xd1k\xb8\xbe\x94\xbdN\xda\x06R\x1d\xebUl\xc1\xde\xfa\x0b[\x02D*T\x89\x17\r\x82g :\x14\xb1\x1d\xf4\xdbQ\xfd\xd2k\xba\x08\xe6\xf6;\xa8,\xa1\xbd\x18\xaai\x82\x01\x1cU|\xe6.\xcfcfN\xf9&amp;\xe4A\xb2\xbc\x8a\x85\xf5\x9a\x04\x86,-\xf6u\'\x86\xc5\x13H\xe4\x10\xfc+\x01\xd1rp\xfd\x8c\xaeE\x975\xa8mj\x1e\x8e$(\xc0.\xc9:n"5yD.\xd81\xde\x8e\xb3\x1b\xf6\xb6\xb2#\x8aL`\xcf\xba\x93\x98j\x8f.\x93\xa1\xe1\x90`\xacYij\xefD\x96\x07\x84\xe5|\xb6f\x84\xab\xdb`\x19\xd0u\xb7\xc9\x8e9\x15\x8af-vy;\xa2\xf0\x9f\xb4\x81\x05\x81\x15\x1e\xed\xbe\x80\x81\x0f~q\xfc\xc3\x85\xe0\xdaS&gt;F\xb4\x8e$\xb7\x04\x80!\xdb\x06\xcdM\x03\xe08\xdf\xca@j\xe9\x8a\xf9\x9e\x98\xc6\x1a:2\x0eo\x1a\x1d\xe4\x87\x18d\x9aU\x0e\x91\xf1\xb8G\xd0\xea\xb9s\xdci\xcf%6L\xffl\xd1\xc8\xfd\x1d\xef\xf3Obn\xa9wu\xde\xc2H\xf2`d\xe6L\xab\xda?\xaf/\x9a\x07\xb0\xaf\x8d/\xba0\'/\xd7\x80\xf2\x1e\xb8\xc0\xcey\xd4\xfa\x1ee\xe8\x8f|\x93\xe6\x8c\'\x99\xb2\xf8~\xfc\xd8\xa7Q`Y\xe1K\x81?}B\x1b\x90\xdf!\xb3A\xcf!b\x0cGP\xd9%\xf1\xf8&gt;I\xfbQ\x08\xcb\xbc\xe2\x04\x00\xd6\xd5Lu\x80?\xec\xac\xef\xaf\xd4\xdd\xc7*t\x9ez\x9c5qYQ\xad\xeb\xeb\x13\x19\xa4w\xefc\xc8\xdb\x80\xe2\x18&amp;\x10\xe8\xab\x13i\xc7\x96o\xba"\xba\x85\'\xf4\x13\xf8\x8f\xcd\xd3{\xd9\x95\xf4+\xa2K({\xef\xb3&amp;\xe8nAe{\xe8\xb5o\xdb\xd7op\xcb\xc65\x1fW\x8d{\x93\xdd\x88\xb9\xa9\xb8\xbeeC,-\xab/\xf5\xe3X\xfep\x9c\xf6\xa4\x12\xb3\xecgfr\x1e,\xcdc\x8e\xf1T_\x9e\x9df\x93&amp;`i\xa0q\x14\xd9\xc1\xa3\xfa\xd5\x05`\xccA\x87l?\xa5)l\xc2\xc4\xd1\xd4j\xdf?\xd9\xd617l\x18\xb7\xb7\r~\x91\x18tJ\xe0Y\x98\xf9\xc7x\x01\x96H&lt;`\x82i\x0b\x9b\xc7.v\x9e\x9b\xfa\xea\x81ml6i\xe9g71\xa4l\n@r\xee8\xeb\xf7\xe1\x9a\xce\xc5O.A\x87\xd3&gt;\x828\x83\xc8M\xc02\xe4\xde\xb6w\x85\x1d5}]\xee*\xf0=\xeamA\xab\xc3\x93jm\x0e\xf9\x9b\x04\xde#\xe0\x10\x9d\x9c\xd70\xdc\xb0\xbc\xa2c\xc8\x15\x8an\xf4\xd0MbW``?\x8c\x9a\x8a\xa9p\xf5\xf7\xad\x8e\x92#Cr\xce\xe8B\x19O\xb8\x0b\xcc\xbb\xa0\xc2Il\xc6\x1e\x0b\x89\xc4\x139\x9d\xf4\\}\xb5.\xa8v\xd3s\n\xeeSo%\xb8G\xc2N\xa8\xbc\xd8\ra\xb5\xb6j\x16\xd2rwlU{\x05_L\xb0\x8b\x1eg\x0e\xb3b\xaf]\x95\x0f\x9bXC\x06\xe8\xf3\xbf\x14\xe2M\xfb\xbf(\xb7\t\x9c\x07\x8a\x83\xe4t\x84\x83\x94\xfb\x9c\x1c\x08\xfb\xa1\xc4\x86\xe5\x93N\x16cC\x1bP\xd1\xb2J\xb4M\xa3\xcc\xa5\x99\x11\x06\x16H\x00fq\\\xfdT\x16!?\xeb\n\xe4\x1e\x1b\xce\xac\xcb\x998\xf5\x94\x81\xa1'</t>
  </si>
  <si>
    <t>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</t>
  </si>
  <si>
    <t>b'0w\xfbDq\xba\xe5\x05o \n\xf35\x81\xc6\xa5'</t>
  </si>
  <si>
    <t>"Papa," she said, "I am sure this poor horse cannot take us and all our luggage so far, he
 is so very weak and worn up. Do look at him."
 "Oh! he's all right, miss," said my driver, "he's strong enough."
 The porter, who was pulling about some heavy boxes, suggested to the gentleman, as
 there was so much luggage, whether he would not take a second cab.
 "Can your horse do it, or can't he?" said the blustering man.
 "Oh! he can do it all right, sir; send up the boxes, porter; he could take more than that;"
 and he helped to haul up a box so heavy that I could feel the springs go down.
 115
 "Papa, papa, do take a second cab," said the young girl in a beseeching tone. "I am sure
 we are wrong, I am sure it is very cruel."
 "Nonsense, Grace, get in at once, and don't make all this fuss; a pretty thing it would be if
 a man of business had to examine every cab-horse before he hired itâ€”the man knows
 his own business of course; there, get in and hold your tongue!"
 My gentle friend had to obey, and box after box was dragged up and lodged on the top of
 the cab or settled by the side of the driver. At last all was ready, and with his usual jerk
 at the rein and slash of the whip he drove out of the station.
 The load was very heavy and I had had neither food nor rest since morning; but I did my
 best, as I always had done, in spite of cruelty and injustice.
 I got along fairly till we came to Ludgate Hill; but there the heavy load and my own
 exhaustion were too much. I was struggling to keep on, goaded by constant chucks of
 the rein and use of the whip, when in a single momentâ€”I cannot tell howâ€”my feet
 slipped from under me, and I fell heavily to the ground on my side; the suddenness and
 the force with which I fell seemed to beat all the breath out of my body. I lay perfectly
 still; indeed, I had no power to move, and I thought now I was going to die. I heard a sort
 of confusion round me, loud, angry voices, and the getting down of the luggage, but it
 was all like a dream. I thought I heard that sweet, pitiful voice saying, "Oh! that poor
 horse! it is all our fault." Some one came and loosened the throat strap of my bridle, and
 undid the traces which kept the collar so tight upon me. Some one said, "He's dead, he'll
 never get up again." Then I could hear a policeman giving orders, but I did not even
 open my eyes; I could only draw a gasping breath now and then. Some cold water was
 thrown over my head, and some cordial was poured into my mouth, and something was
 covered over me. I cannot tell how long I lay there, but I found my life coming back, and
 a kind-voiced man was p</t>
  </si>
  <si>
    <t>b'\xcbk/\xb6\x8b8\xa7\xc8'</t>
  </si>
  <si>
    <t>cb6b2fb68b38a7c8</t>
  </si>
  <si>
    <t>alancourt's letter, for she did not choose to expose the
 emotions it might occasion to the observation of any person. Yet such
 was her wish to read this his last communication, that her trembling
 hand was every moment on the point of breaking the seal.
 At length they reached the village, where they staid only to change
 horses, without alighting, and it was not till they stopped to dine, that
 188
 Emily had an opportunity of reading the letter. Though she had never
 doubted the sincerity of Valancourt's affection, the fresh assurances she
 now received of it revived her spirits; she wept over his letter in
 tenderness, laid it by to be referred to when they should be particularly
 depressed, and then thought of him with much less anguish than she had
 done since they parted. Among some other requests, which were
 interesting to her, because expressive of his tenderness, and because a
 compliance with them seemed to annihilate for a while the pain of
 absence, he entreated she would always think of him at sunset. 'You will
 then meet me in thought,' said he; 'I shall constantly watch the sun-set,
 and I shall be happy in the belief, that your eyes are fixed upon the same
 object with mine, and that our minds are conversing. You know not,
 Emily, the comfort I promise myself from these moments; but I trust you
 will experience it.'
 It is unnecessary to say with what emotion Emily, on this evening,
 watched the declining sun, over a long extent of plains, on which she saw
 it set without interruption, and sink towards the province which
 Valancourt inhabited. After this hour her mind became far more tranquil
 and resigned, than it had been since the marriage of Montoni and her
 aunt.
 During several days the travellers journeyed over the plains of
 Languedoc; and then entering Dauphiny, and winding for some time
 among the mountains of that romantic province, they quitted their
 carriages and began to ascend the Alps. And here such scenes of
 sublimity opened upon them as no colours of language must dare to
 paint! Emily's mind was even so much engaged with new and wonderful
 images, that they sometimes banished the idea of Valancourt, though
 they more frequently revived it. These brought to her recollection the
 prospects among the Pyrenees, which they had admired together, and
 had believed nothing could excel in grandeur. How often did she wish to
 express to him the new emotions which this astonishing scenery
 awakened, and that he could partake of them! Sometimes too she
 endeavoured to anticipate his remarks, and almost imagined him
 present. She seemed to have arisen into another world, and to have left
 every trifling thought, every trifling sentiment, in that below; those only
 of grandeur and sublimity now dilated her mind, and elevated the
 affections of her heart.
 189
 With what emotions of sublimity, softened by tenderness, did she meet
 Valancourt in thought, at the customary hour of sun-set, when,
 wandering among the Alps, she watched the glorious orb si</t>
  </si>
  <si>
    <t>b'+\xfc\x15W#\xed\xa2\xf1@\xc5\x12\x84\xe9\xfaw\t\xcf9\xd8\x1cme\\\xfa{\x0b6\xe8\xa3\x11a\xe8\x90T\xb0}\x95\x88\n\x96\xf9\x848\xd9HK\xf7\xcb\xa8x\xda&amp;\xeb\x12\xd5M\x80\xdc\x1d\xcf":\x19\xcf'</t>
  </si>
  <si>
    <t>2bfc155723eda2f140c51284e9fa7709cf39d81c6d655cfa7b0b36e8a31161e89054b07d95880a96f98438d9484bf7cba878da26eb12d54d80dc1dcf223a19cf</t>
  </si>
  <si>
    <t>b'+\xfc\x15W#\xed\xa2\xf1@\xc5\x12\x84\xe9\xfaw\t'</t>
  </si>
  <si>
    <t>mably, all other cities were disarmed (Livy 45.29). Paullus followed the
recitation of this formula Macedoniae, or â€˜â€˜scheduleâ€™â€™ for Macedonia, by delivering
leges, laws: but what Livy in fact narrates is an extraordinary series of decisions by
which the governance of individual cities and the regional councils was handed over
to pro-Roman forces, while anti-Roman aristocrats were ordered to take themselves
and their sons to Italy, there to dwell in exile (Livy 45.31â€“2). The Macedonians
accepted their freedom with mixed feelings: to those whose business dealings were
disrupted it seemed as though Macedonia had been torn asunder, â€˜â€˜like an animal
being dismembered limb by limb.â€™â€™ â€˜â€˜To such an extent were even the Macedonians
ignorant how great Macedonia was, how easily it might be divided, and how selfsufficient each part could beâ€™â€™ (Livy 45.30.1â€“2).
The paradoxical freedom of the Macedonians came to an end in 146 BCE. It would
be nice to know more</t>
  </si>
  <si>
    <t>b'\xbc\xd2\x01\xf4\xd6\xc7\xde\xfc14\xad\x96\xe9\xae"x\xce\xe4\x91\xf5\'(y\x8d\xee\x829&gt;\x96\xdc\x15\xealTJ*\x9b\xc9(-\x1f\x16\xd2\x83.\x7f\xa3\x1d\xe0\x87il\x1fW\x9f\xaeSsi\xe3\xd7)\xb4 .\xb8\xb7\xe6\xd2\x18V\x04\x95\xe0\x16\xf5iTY/\xf0\xf1\x99\xefq\x19F\xe3\xe8\x90\xa0\xb7\xf8\xcb[\x1aQ6I\xd8Wa\xd8\x92\xd9\xd0k\xa6?\xeb\x8c\xad:\xee\xaaV\x00\x89R)\xb9\x97\xf5m\xf4Z2\xbcGa s\xbag\xa8\xfd\x11J\xa1\xb6\xf7\xbe)Xj\xd9\xdb\x9a\x99\xaa\xba.\x1bwB-\xc2\xd9\xef\xde\xae\x80\xe2U\xdb\xaf\xd8\xdc\x8c\xe6\x96=\x0c\n5\xd1)eN\'\xa4zjA\x0f\xa0D\x01"]\xe4xd|yz\xe4\xf2\xec\xa2\x95~\x9b\x13\x93\xf7\x13f=$\xa7\t\x8e\x8c\x1bn\xcf\xfdi\xf0\x07TI~\xcc\x87\xd7\xd6\x99\r\xf9\xee\x99\xc9A\xfe\x8c\xcfG\xfeL2 \xd3\xc1\xa5MG\xa4\xe4\xa5\xdd\xf8&gt;\x16\xca\xff\x98\x87\xb7\x9c,\x7fif\x96\xe4\xbb\xab0\xce\x16im\x19L\xe2\x0f\xd9Q\x1a\xba^\xa7_(\x0e\xdeC\xd3\x0c\xc7a\xd7oc\xba=\xc8\xb1\xe5\x7f&amp;X\r\xe0\xfa \xc2\xd1h\xbe3\xa9I\x0e\xe3i\xc5_f\x17I\xd1\xe4\xe8\xea\xb3viV\xde\xb8\xdfp\x02\xff\xfa\xe5\xa6\xd5:t[\x98w\xdb*8\t\xcd\xfa1\x9a!G\x8f\xec&amp;\xddA\xa0\xaeh3biM\xf6^\xff\x98gFK\x10\\\xbb^\xfb\xd7\x94\x93\n\xc8\x88\x1aG\x0f\xca\x04\xa7\xc4\xf8j(e\xeb\x04\x9fM_C\xed\xf3\x18%\xeez\xf8h\x1c\t\xd9\xe3\xa5Y=\x9a\xed[\x96:h\xd9\xbd^&amp;b\xd3\xe6\xd1]8l\'\xf3[\x94\xe44\x00\xdd\xbe\xd1\xb0/\xb9\x91\xd2\xd1Dq5\x8a\xa9\xe9\xbd\x08\xcb\xa13\xeb[\xf2\xfb\x9d5i5\xf9\xbf\xaf\xc1\x8fT6AV\x18?\xf2u\xa1\xe6\x17\x95R=\xdac\x8aT\xee1YO\xf5\x93^\x1aV\x93\xbc\xe4\x11k\xb9\xde+\x82\xc0\xd8\xb8\xaa\xea\xd5\xbc\x0f\xb1?At:\x92^\xd1M\x07w\x19aHw\x1aA\x08\x89"\n\x98G+\x15\xc8\xa6\xc3u;3\xc3\xdd\xa7z\xd0{\x16\x9e\xe4\x10vY\x82\xa15oV\xc3\x83-\x8b,\xd6\x1c\x83\xbeuo\xe9\xef\x87\xdb\xba^\x8e$\xedR\xbc&lt;\xad3\x90\xc6@w\x1a\x9f\xc0\xa0=\x17\x9c\xb3\xf1\x84\xf8\xefm\xc8D(\xd41\x0c0\xadwM\x9e\xff*f\xfd\\\xddc\x14\x96\x84A\xb3\xa0\xceO\xeb]\xfc\xaa\xcc\xf5\xb3\xc6\xad\xf3i\xb8\xdc\xc9\xb3.8\xa4\xe2\x8b\xba]2\xeb\x03S\xa2\xe4d\xc2\x84\x1f\x0eS\x1c\n\xc2\x86\xa1\xe3\x96\x05\x8c&gt;\x10/\x93j\x10}\x16^\x84i\x94\xf3\x0f/\xa3\x90\x90\x063\x88s5\xe1\x93K\x8c0\xcb\xf6\xc6\xc6|\xdd\xaf\x82k\x81S\x9dT\xc0\x9f\xd7U\xb4\x8b\xe7\xd4\xfc{\xa1p7\xabO\xe5\'9v#q\x8fT\x04W\xf3\xb8\x14B\xe6\xfd!Y\xd0N\xaci\xc7|\xf8\xe3]$\x03\x1e\xa0\x95\xcb_O\xbc\xe8\x99^E^U@\\n~?\xdb\xc9\xa8\x16\x90N\x9d\r\x17\xb3\xf9\xb7D\xf0*\xc8\xe3 \xe8\xe4K\t\xf5\xb1\x02\xcd\x03;hBcCL_W\xd4;\xbb\xb9\xcc \xd8\xf8\x81\xde:\xf1\xc8\x19\xfd\x82\x92\xdc\xa0e\xa8\x90ezU{\xf9d\x86\xdfd\x11\x93/&amp;T@\xedRF\x8e\x05\xaa\xb8\xda\x91\xbd9\xea\xce2j\xa0\t\xed\x8d\xa3P\xc1\xb7\xab\xc4\x98Nzt_4y\xa6\xde2\xbf\x12vz\xf7\x13\x8e\xecV\xc7^\n\xa6\x19\xa0h\xe0L\xe7\xab\x9b-Y(L"\xfc?\xbc\xd5\r\x80[4\x18\x1e\xd2\xa4A\x16f*\xc1\xfe\x9a\x14\xce\x02\xeeuM\xcd^\x06\xf5N-\xc1n\xe90%\x02\xc3\xa3IM{\xddsqH\x92\xf3&amp;_\xac\xcd\xbf\xa1b&amp;\x82\x8d\x88\xdd\x9e\xc6a\xf3\x88q"\xeb\xf1*T\xe9\x9bU(\xb2\x0cJ~VX\x17G \xfe\xb2\xd3\x0f3r\x1c\x8e{`\xfd\xc9F9\x1a\x84x#\xd2h\xd8]'</t>
  </si>
  <si>
    <t>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</t>
  </si>
  <si>
    <t>b'\xbc\xd2\x01\xf4\xd6\xc7\xde\xfc14\xad\x96\xe9\xae"x'</t>
  </si>
  <si>
    <t>e saw the strength of his
 activities and turned on in his favor.
 Youâ€™ve probably seen the section on Amazon labeled â€œfrequently bought
 together.â€ As your friends and other people buy your product, Amazon starts
 looking at what theyâ€™ve bought before. When this marketing machine kicks
 in, it shows your product on the listings of other similar products. Thatâ€™s free
 advertising.
 There are a few tricks that you can use to show up more often on Amazon
 â€”weâ€™ll cover a few of them in the next chapterâ€”but one mistake people
 make is allowing Amazon to determine the direction of their business. You
 have it backward if youâ€™re deciding what products to release based on what
 you think will sell well on Amazon. Build a business for your customers, and
 let the ease and scale of Amazon handle everything else.
 The biggest opportunity of selling on Amazon is that the platform
 rewards momentum. The more momentum you can build, the more that
 momentum will accelerate. How do you build that momentum? Loving on
 your audience. Getting reviews. Engaging your customers.
 Donâ€™t discount the supreme importance of speaking directly to the people
 buying your product. Some people think they can stack the deck with fake
 reviews on Amazon, bought through review farms. This ploy misses the
 point. Youâ€™re not just trying to get sales; youâ€™re trying to build a brand. If
 youâ€™re only focused on manipulating the algorithm, then youâ€™re not focused
 on what matters: your customers.
 This is why I cringe when people say they have an â€œAmazon business.â€
 You donâ€™t have an Amazon business. You have a business that takes sales on
 Amazon.com.
 Itâ€™s easy to compare yourself to other similar businesses that also live on
 Amazon. As a result, you will be tempted to make your pricing decisions and
 even your next product releases based on what your direct competitors are
 doing. One of the most difficult things for a first-time business owner to
 understand is that competitors donâ€™t matter nearly as much as you think.
 Have you ever seen the picture of Olympic swimmer Michael Phelps
 seconds before he defeats Chad le Clos to win yet another gold medal? Next
 to him, le Clos is looking at Phelps, watching him beat him by less than half a
 second. The meme reads, â€œWinners focus on winning. Losers focus on
 winners.â€
 In business, you win by going all in on your customers. If you focus on
 trying to â€œbeat the winner,â€ the best you can hope for is getting caught up in a
 price war, which is a race to the bottom. Play your game, let competitors play
 theirs, and trust the system will take care of itself.
 In fact, if youâ€™re correctly executing this process, you wonâ€™t even be
 thinking about the competition. Youâ€™ll be too busy talking directly to your
 customers, making sure you have a damn good product, and making sure they
 have a damn good experience.
 Donâ€™t</t>
  </si>
  <si>
    <t>b'\xa9QYIU\x8d\xd2$\x9a\'\x15F0\xe6\xce\xf8\x17}\x87p\xffp\x11\x97:a\x93\xc1B\x10\xa2\xaeX\xed\xe0dE\xbb\xaf4\xe3P\xfb\xf4:7\xbe\xff\xc6T\x07\xa3\xa2&lt;7\xe6D\xb3\xab\x9c\xd4\xd3\xd7`R?\'h\x9e\xa3N\xe6\xbe\x87O\xb2L\x8e1\'\xfa\x91\x17.s}\xf4%e4-$g\xe5\x9c\x99\xe7\x8e}vz\xb4G\x8amr\xd8\xe9\xcb\x08a\xa7\x836\xbc$&amp;CQY\xa0\xdcx\x95\xe5\x18\xec\xf55B\x89R\xce\xb9\xef\xed\xdb\n\xd9\xd8R\xe1\x92\x98\xb2\xd1\xf0\xa0\x18\x92\xc1\xec\x00V\xa0\x13\x9e.\xd2X\\\xa0\xfa\x1c\xa2\x1f\xb9\xbc\x0b\x800j\x8dNt\x96\xb0\xa5Yz\xc9g?\xb5g\x1a\x8e\x93\xca\xd4\xfb\x97\x01^\x8b\x0b Oz\xfd\xd7\xc1gz\x06"(\xf1\nm\xa9\xe0\xd4\x13\xbf\xea=\xf3+\x14^)\x9eN\x08\x03\xdc\xb5s\x9a:\xb0\xd2\xa1\xf1\xaa\x0f\xa0\xbeo\xc8\xd4:fS\x9b\xa6s\xb7e\x95\x95\x96\xb0\xca\xa7\x8c\xae\x85Fa\x05\xbe\xc0\x00v\xa8p\x89\xf1!_FL\x87Q1\xe5H0\xb9\x9d\xf9"\xc7\xd5\xa2u,\x1a\xbc\x92\xe6\xf87(#\xc3\x04.\xb9\x96\x97)\xe6\to&amp;\xc9F\xdeV\x17\xf2\xad\'\xe9@\xbf\xc1`Cr\x93\x0c\xe2{\'\xfe\xad\xf4s\xcc\xea\xa8\x03\xc8p1\xaf\x9f\xabE\xfe\x1e\xfd/\xf6&lt;4\xd0\xf3\x8c\xb5k\xef\x1e\x1a\xd9\xc8P\xe0\x93;\xab\x94\x80\xc3]\x11\x04\xc41\\\xa4\x9c\x13\x97\xcf\x9ei\n-[t\xfeFi\x01;\x16\x83Z\x8a\x9d\xec\xbb\x1cX\x8d\x03\x15\x08\xdd\xe2\xd1 \x17\xe6\xd6%Vg\xf9W\xda\xa6\xa6^bXo\xf1cR\x88\xc0\xc8\x0bN\xdamF\x08\xdeY_\x1cs:\xfce\xf1P \x11\xe1J\xb9j\xdb\xc0\xe9$\x1e\x14\xcd\xc6\xedmb\xf2z\xa6V\xcc?\xeb\xa8f\x15x\xe8w\xbdRT\xa6xl\xc4\xf2\x07.\xa7\x14\x97A\xf4\xfc\x85\xbf|^\x10\x1d`\x9eg\xf8\x89\x08\x14\x9c\x91&amp;O/\x9bY\xbf\x804\x97\xcc\xf6\xefN\xbaTAc\xb3`\xcb,Ioc\xe3\xc0\x06\xe1\xfeE\xad`f\x84R\x13N\xc4_k\xfe8+5\xe7\xc5\x15\x0ew\x7fGt\xd1b\xf6\xc6@\xfc-\xaaEq\xd3N\xdf}\xafl(\xa5\xf3%%N\x19\xe1\x82VL\x18\x11\xe5U\x10L\xa2\xd3,\x93\x8a\x96\xf5eTF\xedvP\x9a\x14\xd1SU7\x8af\x0bT\xb2OjQ\xa7Cf\x1b\xd3\x92\xd0\xf6\x88\x8c\xe0\xef\x0e\x1e;\xf3\x05\x03\xf4\xa2\xca\xd9\x0c:\x83E\xfe6\xc7\xa0\x81v\rSx-\xb3\xf5\x95\xd1p\x9e\xba%$\xe7\xd37\x12w\xf0"\'\xaa\x94\xec\xbc\x10g\xa8j\x89j\xbe\xa8\xaf\xa2y T\x7f\xbf\xe2\x12\xe1K\xea\x1f\x86a&gt;\xb0\x88\xa7\xd6\xbe\x18\xbcj\xb6NE\xdb3\xff\xe3\x8f\xd7\xa6[8\x97\xc26\x12\x8a\x16-\xf8]\x9f\xaa\x85\xc6\xca\xf6`\x10*)\x9e\rG,\xectdz\xe7\x94\xf15\x01\xec\x15\xb0\x15`\x16X{\x96\x83p\xbb\xfc\xba\xaaz\xc0\x98\x0fe\x9b&amp;\xe2\x0f\x89X\xa9\x18\xa1\xdcQwG\xb1\xf4&gt;\xc02\xe2\x1b\x9e\xb3\xf2K\xa5\xf3\x8fi\x82Af(\xda\x1bzI\xf6\xd3\xde\x99\x14$\xfa\xb7\x12nJ\xfc5\xdc|{\xe6\xcd\x1a\xc3\xce\xa9y\xd4)\xd8~\x03\x9f\xeb\x02\xd4y\x90t\xda\x0eR&lt;)\x1b&amp;\x17\xd6C\x1d\xd4\x00!\xc6~(\xe4\xc79m\xba8\xc8\x89\'\xd1\x1f\x81m\x9cI6\x07B\x94\x04\x11\x89\x7f\xedT\xe4%bK\x84\x9f\xfa0\x94\xd8\xd0\xf4t\xf9"\xec1\xec\xcf\xb5\x88\x14\x05\x06\xf0\x1d\x12l\xfc\x84\xff\x83\x95\x8a\xd9\xac\x91\xf5\xab\xd5\xd0r\x87\x1c\xedC0\xfa\x90\xbd\x8d\xaf\xb8\x9f15\x91\xd8 8b\x03\xfa%"\xd7g\xf4?\x86\xc2\x15G\xb5\x83i\xf3\xed\xbc\x9c\xeb\x8a\xcb\x9c\xbfo\xa0\xb6\xf1`c\xab*&gt;o\xb5u\x17o\xf7\xe1L\x92nf\xcf\x03\xda\x9a\xfa\x1f\xebs\xe1\x9f\xa6\xa1\xcfN?\x1a\x0cz%C@\xb6\xd6\xd1A\xe9x\xfer&amp;Jm\xbeU\xfd\xf7&gt;\xbf\xecj\xb7\xa1Nw\x10D\x10\xee\xa3\xbb\x17\xe7\x15\xc4\x0e\xc8\xcf\xef\x87V9U\x05\xe0#u3*\x04dPi%\xaf\x8a\xad\x05D\xffE\x19\xcfE\xa0\xdcG\xf0\xc7L\x1d\xb1RL.o3\xbdqM\x01A\x14\xdf}_,\xd1f\xb7\xd2\xa7&gt;K\x85\xaf9#-&lt;\x9d\x85\xeb\xf2\x1e\xea\x0e\xc2\xdd7W\x1826\xd2\x13\x002"\x06\r\xa9q*-\xfe\x99\xab,l\x9e\\\xf7\x97\x86y\xa1z\x95\xf4\x85\xe8\xd4\x9ce\x82w\xea\xebB\xfc\xb1L\xaf/\xec_\x03\xef\xf4\xe7$\xe8\xcb(l2\x99W\xcc\xef\x8e\xc1j\\\x89I\x03\x0fZZ:\xaf2k@Z6)\x85\xba\x02\\\\\xf1\xca"\x03\xe3J\x0f@\xb3cE\xb2\xbe\\^\x1b(\x0b\x1f\xffe\xc2T\xc8\x1c\xa9wk\xb0\xc9$\xa5\x05\xefl\r"\'2\xe1\xf0~\x10\xfc^j[.\xabD\xb6\x9bS\xac\x05`\xf2\xcb\x9f\x08\x90\x86\xdfd\xeab\xe0\xde0\xc8eV\xff\xd0E\x92\xdb\xe1\xe1\xee\x94e\x0c,\xeb\x9e|\x0f7\\\xd0\xe3\x9b\xdb\xfd\xc0\x11=@\xf0e\xd0d\xf9\x93\xbbp\xf7\x90\x99A\xe5YP\x9b\xb1s\xc9\xb4M4\xdc)$\xdb\xd2IwW\xe0\xbf\xe2\x95\x9f\x92\xe2!1|\xf6\xd9\x07\xd5D\x84\x9d\xa5\xe8=VB\xdf\x01\xe6\x9co\xdf^Q\xa3V\xd7\x07Ic\xa2\xf2\x99\xc1\xa2\xec\xa2\xfc\xd4\xee\xccf 1\x9a5=n\xf4\xec\xd9^\xaf?\xe4\x0c`Cd\xa2b\x13V\x12=o\x8f\xeeN\x16\x02\x17\x1f\x9c7\xc0IRW\x07\x85\x8f+\xc0\x83\x9b"\x9b\x7f.\x00\xfc\x1d\xad\xf2\x08\x0c\xecy\xf9&gt;p\x11\xd3v\xdd1\x81\x07\xa4\xd3S\xc0\xb7\x95\x10=\x95uk\xd9n\x0f\xab\xbels\xde\x9a\x16\xd1\xfc\x8a\xf9\xc3\xda2\x93\xeflIK/\xb9X\'\x10\x89\\B\x9b\xa1w\xcb\x05\x1f\x1b\xfd\r\x04\xb1\x16\x91\x8baG\x05\xe5o\xa9\xb5\x95*\xc6\x1f=\xea\xfd\xe1\xf9\x8fD|\xdc]P\x8b\x1b\x90?\x99\'Q3\x027\xff\xb9 d\xcd\xday]^\xa3]L\x06\x0fr(\xb6\xad\x9c\xee\xec\xe5\xe7L{\x7f\xbe~hA6\xd7R\x91\xcaa\xc6\x9e\x1c\xe9 \xe5\xa6\xfb-\x19\xc7\xb4\xcf?B\x1a&lt;\x1e\x7f\x13^\xa9\xc4\x15\xf9G\xc8\xef)\xfa\x1d\x9fUs]\x06hq\xb9\x83\x8c[#\xc5(\xd9\xc6\tb\x0fu\xee\xbf%v\xcc\x1f\xc2\xf3+\xa1\x9b\xe8\xdcS\x8b1\x1e\x17;\xcfqa\x8c\xc1\xed\xfb\xc2s\x9e\x8f\xa6\x11\x81Y\xe1K\xf4\xccX\x18]\x06\xd8\xff\x13\xec\xae\xc9\xf6p\x8a4\x90\xa1nt!\x8c\x875\x9fb\x12\xa0P \x07YQ\xd1\xb6\xd0\x05\xf0\xeb\xe9\x1bdU\x16\xd9\xd1\x1a\xc7\x98|\x92\xba/\x18FIUi\xe7\xe0r\xdd1\xe9\xe5\xc1\xcdh\x99b\xe4\xbc[\x0b\xe1_\x1a\x88\xbd\xad\x9e\xdd\x02\xb3\x00\xd1\xb2\x04U;\x07\x85\x16\xcc\xd7CC\x89\xacP\xaa\x98\x7fv\xf1\x14\xdd\xdd%3\xb3\xd0\xb6\xf7\x82\xfa\xb3\xb9\x14\xc1\x91\x16\xf6\xf4_\xca\xec\xaf\xd1\x11\xd2a\x12x\xafy\xf1$\xd3F sn\xd5\x89\x97\xb6\xac,\x97\xf4qN\xc9\x90\x07\xf9n\x9dJM7)\xc1i\x9c\xfd\x88v\x8c\xee\xe8\xb5}\x91Z\xc7q\xfc\xd2\xe0\xf1\xd5c\xf9\xc4\xbe\xef\x87\xa7I\xb4\xe8\x92\x9bf\x88\xabu\xab,\x8bXu\xf8\x99\x96O\x93\x96?\x963\x89\x80&amp;\xc8\xfc\x7f\x1e\xc3y\x12\xc6\x172\x0f@\xce\xa2/N\xc9|\xf0@=\xe5\xab\x13\xb8\xf7\xdbgm\x03\xb0M\xc2\xf5\xf6&amp;\xa8"\xab\xa7+\xe8R\x19\xfd\x1a\xd7\xb9\xf9R\xdfP.K\x05x\xb5/&amp;\xac)3\x1d\x91\xc8,s\xaf:\xc8a\xae\xf3\xe0\x8c\xfd\xcb\xdc\x8b(\xfe\x96\x8c.a\x1a\xd0\x07S\x0e{\x0cO\xbf\x1e\xf7\x10%m\xd0\xd5\x9e\x14\x85\xb0\xc2AA\xf1\x82=\xf0s\n\xcf\x0e\x03\xb0\x14D\xbfG\xa6]R\xea\x88\x1e\x14t\xec@\xe4\x9f\xe1\x0f\xdf\xaby\x0e\x1a\x1a\xe3s$\x1b\xe3K\xb8\xa3ku/OG\xa1\xc1\xbe\xdfSdI\xdc\x03\xa6+\xf3\x83wuC\xf0\x85cd!S9MoM\x14\xde\xda\xea\x8c\xcb\xc0\xa8\x16\x9b\xdf\xb4\x96W\x95\t\x18\x1a\x9e\x1f\xfdK\xfd\x0e\xb11\x02\xf1\xd8V\xdb`\xacC\xfcNc\xe4\xf4X\xc6)\x04\xbd\x91xH\xcc\x04\xa2U@!\xabh\x1cv\xe0\x90\x02l\x91\xa6\x922Ifyr\xc9\x81\xa5\xdb\x10\xa6\xa2A\xf6S@b\xc6\xea\xfc8\x05\xc1\xd7\xc8\xea\xac\x0b\x02\xd8\xcb\xcf5\xf0\x82\xa5$\xc5\x004\xa4Z\x8b\x85\x17jH\xc9\x83\xaal\x8e\xf0c\xe7\xf7G\xfa +\xf9[\xb6\xa0\xe6\xd4\x90\xe9Y\xf8\x9d\xe5(\xccI\xc1\x1a\xa9\x91a\xf5B\xcb\x86\xa2\x015\x1c7}m\xc40|u\xfd\x86Q\x0f\xa0\xe4o\xb7\x83\xb1\xaa_\x15\x10\xa8\xb56\x8a\xf8\x1e\xd7\xf0\xaag\xba\x1e~\xa7P(\xe5\xae\xd2;\x02\xc7N\xf5\xe2\xac\xc5\x92\x86D"\xbfA\xd8\x01\xe1HP\xf1\xd5b\xfe\xeb\x1aF\xc2?*\xbaZ\xb5~{\x98\xe0x!\x87\xc7\x12&amp;\xa3\x1d\xa6\xb6\xe0\xb9\x11\xf5f3\xad*\xc7\x0e\xfe\xd5\xfe\xea\xa2\xaf66\xc2\xa2s\xce~\xd0\x84F\xb1q\x93U7R?{\x91\x87$\xd2A\x9b[hi\x9d\x06\xbf\xd4m\x99\x10\x9c\xed\xca:N\x88\xae\x87\xd5\x89)\x8b\xd8\xaa\xd1\x8f\xd2n\xec\xf75\xfdX\xc3\x1d\xcf\x96)\x8d\xfc\xc3\x12\xbbzWN\x88$\x01\xe7\xa5^\x1d\xbaP/\xb9\xff\xcd\x16};\x19\x10.A\xed\xa6\xb0Ph\x99\x93M\x91\xfd\x16))a\xe6\xdb\xf6\xe2\x06I\x82\xc46\x82\xd6\xd2\x0c\xadF\xea\x91\x171\x9egT\xf5\xf0\x86\xccSo\xd1\xaa\xfb\x05\xac\xd8o\xbd\xc7\xba\x99\x9d\xe0\x02\xb9\x8a\x9a&gt;\xa1\x06e\xd8\xc0\xac\x04\xd2Zc`9\xaa\xf42\x93\xad\x14\xae\x05"\x90(\x13\x1a\xec\x0f\xde\xc6\x1e\x00\\Y\xaa\xd8\xfdIPU\x15\x9f\x846\xec\xf7\xc51\x17\x8b\xf3\x15\xb9\x85Z\xdf\x0cf~\x83\xdaGr\xf2\xc9\x01\x96\xb4\x8ez\xd5\x83;\xef\x19\x13\x83\x1f\x92\r\xb8&lt;H\xde\'D\xe2\x90\xd0-!B\xfd{\xec\xb8f\xe2\xb3I\x8d\x9cW\x90\xdb~9)\xfd_\xf8\xc6\xa9W*v}S"o\x81\xfb\xf0\xa8\xf1\xbf\xa6#\x103\x0f1\xf9\x86Hd{\xb5\x15\x15\xd7\xc5\xcdg\xc9\xbf_;Knx0\x1dm\xb1\xcdY\xe3\xa44\xdaD\xe7?\xc2\xca\xdd+\\LN\xdc\xa8\x14\x98\xd2\x10^\x8c\xb0\xc8rU\xfb\rM\xcd\xa2\xe3\x13Nh\xcb\xb4\x05R}\xe0\xad\x17e\xd88\xb8\x8a\'\x93\x82\xb7\x9e\xc0\r\xcd5AtJk\xe7\x7f\x88T$\xe7\xe7\xf0 \xc7\x14\xa2\x98\xdcYg\x85\xff\x10\xe2\xd2_\xcai$ s\xcbPS\xf9M\x97\x912\xa1Q(\xf4\xa9{\x83\xd8\xf2=\x1b\x9b\xe0\x0b\n\x9d\xdd\xce\xd6 \xe3(\xc5\xf0\xf2\xd8TJ\xbb\x04OY\x86\xde\x88\xa3439\xf3ec\xd9\xb3\xcb\x19_\xca\x9b\x89B%}m\x916\xb4\x16\x9c\xa0\xda\x7f)\x8a[=\xce\xafk\xdc\xd2a\xbag\x9c}\x04\x94@\xeeL\x8bP`\xeb\xfd\xfbp\xf0\xa7[#A=\xad\x95\x8d\xda\xab\xf6\x9aS\xc3\x08\x12b\xf7\xd5\xa1\xbb\x83\xb10\xdc\x18\xf4\x96-xl\x82\x98\xe8\xdc\xb5d^\x88\x14\x9f\xe2\xafa5\xbb\xc8|\xea\xa3\xa9\x96\x15\xfd\x9b\xe6\xf0t\xc9\xce:\xb9 \xbe3\x15\x9c\x06\x89J#TY\xdb\x00)\\\x90^\x04\xaf(%Y\x07(2W'</t>
  </si>
  <si>
    <t>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</t>
  </si>
  <si>
    <t>b"\xa9QYIU\x8d\xd2$\x9a'\x15F0\xe6\xce\xf8"</t>
  </si>
  <si>
    <t>st shotâ€”you and Gray will take this long north side, with the 
 five loopholes; it's there the danger is. If they can get up to it and</t>
  </si>
  <si>
    <t>b'&amp;x\xdd\x86%\x0b\xd2\x08~v}\xce7\x9bz\xca\xb9\xf1\xe5\x92\xb4\x11V\x9b\xbc\xec\xa2\x13\xb70Z\xca\x8e\x1aT\xe33\xe3*\x97\x0b\xddicR\xa4\x80L\xe1\x95\x8f\xfc\x1c\xdeJ\x93\xc6\xe9\xfa!\xe1\'\r\x85\xae\x01\x14\x85\xb3N\xab\xa4\xe4B\xa2\xa6\x04\xf5\x8a\x8b\x9e.Q\xc8\x92\xfc\xef\xba\t\xad\xa0;o\xf1f\xea\xcb\xe7\xfc\'\xa7\xb8^\xdb\xbcR&lt;\xe9$.\x9bD\xf1\x1bC5H\xbbg\x809\xbak\x9ch\xb4\x0f\xb0a\xbb\x1c\x166\xc1V\x16&lt;\x19M5J\'\xa7_W\xa5\x89\x15C\x90W[\x00\xd9\xe8\xbf~\xaf}"\x05\xcd\xc2\xef@rB7\x87\x00\xb2\x0c*\x15\x13o\xa9sg\x9a\x8c_R\x0eM\x16\xcd4I:\x10\x00\x18\x1d\xd1\x14\xe1\x82}t\xcb\x17\xe0+\xf8uBz:\x05\x0cX\x8d}\xb9\x1d\x02\xe1\x97.\xb7\x19\xf3\xf7M\xb1\xa60tm\xf7u3Tr\x06j\x9a\xb6\x0c\xc6\xfcc\x0b\xf7\x95\x90w\x8d\xf6~-E\xae\x90o'</t>
  </si>
  <si>
    <t>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</t>
  </si>
  <si>
    <t>b'&amp;x\xdd\x86%\x0b\xd2\x08~v}\xce7\x9bz\xca'</t>
  </si>
  <si>
    <t>indeed, he bade fair to ruin us, for he kept on staying week 
 after week, and at last month after month, so that all the money had 
 been long exhaus</t>
  </si>
  <si>
    <t>b'F\x94\xde\x1e\x90K \xd1R\x8c\xc7u\xc6W\x984\xd9\xbc\xb1\xb9\xbf\xf3\xd5f".1\xcc\r(\xc8\x9d\x12j\xd5X\x9b\xce\x9bath\xfe\x8e\x0b\xc8xW\x88j@+\x9as\x89\xc3\xbb=\xaf \x8b\x847;:\xa8\xb7\x18#08HOt\x0bH\xc1\x85;iS\xe3px\x03?\xf8F\xaaJ/\x9d\xe2\xb3{\xd7\x913\x97\x13\x9bv,\xbc\x11\x19\x18g\xd3\xecs\xd9\x9e\xbb\xc8\x10I\x95\xe4oD\x16,\xc4M\xac\xd6\xe4\xd0\xd9O\xb8\x9eL\xd7\x94A\xec\x8c\x05\x19=\x8a\xd6!e\x81\'\x97\x07\xfa\x8e\xd5\xeeYM$\xdb\xbc\xb4X#\xd2\x82\xda\xfdz\xbe\x89\x99\x19\x0cLT\xeeP\xc2|\nE\x82\x95\xe9u%\xdf\x84\n\x06C3\xba\xe2|(\xd2\xd0L\x01"&lt;b\x14`~\x1d\x86\xe1\xb4\x1a\xc1BS\x9b\xe0Y\x17K\xfdK\xbb\n2Yaf\x96v\x11\xc1\xf3D\xb3tG\x89\xaa\x8c\xb55\\~w3\x9b\xe2\x8fO\xd5\xf7\x061\xf77\x96\xff\x7f\x1bk\xfeQ\xcd\xb3?\x15\xcc\x86\xe1\x89=w\x12\x07~\xa7\xaeq\x08f\x07\x00}\x1a\x00*;\xc0{\xbdg\x8al\xf04SU\x08\xc7\xc0\'p\x0eAQ\\~\xae\x91\x07G\xc2\xfb!\x0f\xf5\x04\xa6\xe5\xb31\xbe.P\xec\xe76\xb1\xa4\xe5i}=\xa4]\t\x19&lt;\xe8\x07\x80Fn\xb4\xcd\xf1\\\xbc\'n^\xaf\x00\xe0d\xeb(R\xc9\xfc\xaa\xe9qx3\xd1\x8d\xf2\xdd\x1b\x8f\x8bj\x87G\xf4f#\xd2\xbe\xf6\xb0\xe4\xb6&gt;o\x16\xc9\xa7\x9cE\xb6\xb7\xf8\x9f\x85\xc1\xc5\x8c\xb2\x83F1\xcb\xe0^w\xd7EqW\xc4g\x0c\xfa\x9c\xf4\xa8\xac\x18\\~\xd3\xab\xe7\x04~=\x07H\xa0$\xf2By\x0e\xe1\xe0\xaf]di\xd9\xd4s\xe6\xae\xcbtF@c\x89\x90\x13m\x05\xde=\x0f\xc7u\x18\xdb\x9c\xd1\\\x18\\kFG\xb7\xf2=C&amp;\n0\xd6\x7f\x8eefIt\xf1\xc5\x0cu\xe3)\xc3i\x05\xc8d\xc7R\xeb1\x9f\xd3 \xe5z,\x88\xa8ys,\xf6'</t>
  </si>
  <si>
    <t>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</t>
  </si>
  <si>
    <t>b'F\x94\xde\x1e\x90K \xd1R\x8c\xc7u\xc6W\x984'</t>
  </si>
  <si>
    <t>ad gone well with him until he came to his tie. It is an
 astounding thing to have to tell, but this man, though he knew about stocks
 and shares, had no real mastery of his tie. Sometimes the thing yielded to him
 without a contest, but there were occasions when it would have been better for
 the house if he had swallowed his pride and used a made-up tie.
 This was such an occasion. He came rushing into the nursery with the
 crumpled little brute of a tie in his hand.
 'Why, what is the matter, father dear?'
 'Matter!' he yelled; he really yelled. 'This tie, it will not tie.' He became
 dangerously sarcastic. 'Not round my neck! Round the bed-post! Oh yes,
 twenty times have I made it up round the bed-post, but round my neck, no! Oh
 dear no! begs to be excused!'
 He thought Mrs. Darling was not sufficiently impressed, and he went on
 sternly, 'I warn you of this, mother, that unless this tie is round my neck we
 don't go out to dinner to-night, and if I don't go out to dinner to-night, I never
 go to the office again, and if I don't go to the office again, you and I starve,
 and our children will be flung into the streets.'
 Even then Mrs. Darling was placid. 'Let me try, dear,' she said, and indeed that
 was what he had come to ask her to do; and with her nice cool hands she tied
 his tie for him, while the children stood around to see their fate decided. Some
 men would have resented her being able to do it so easily, but Mr. Darling was
 far too fine a nature for that; he thanked her carelessly, at once forgot his rage,
 and in another moment was dancing round the room with Michael on his back.
 'How wildly we romped!' says Mrs. Darling now, recalling it.
 'Our last romp!' Mr. Darling groaned.
 'O George, do you remember Michael suddenly said to me, "How did you get
 to know me, mother?"'
 'I remember!'
 'They were rather sweet, don't you think, George?'
 'And they were ours, ours, and now they are gone.'
 The romp had ended with the appearance of Nana, and most unluckily Mr.
 Darling collided against her, covering his trousers with hairs. They were not
 only new trousers, but they were the first he had ever had with braid on them,
 and he had to bite his lip to prevent the tears coming. Of course Mrs. Darling
 brushed him, but he began to talk again about its being a mistake to have a dog
 for a nurse.
 'George, Nana is a treasure.'
 'No doubt, but I have an uneasy feeling at times that she looks upon the
 children as puppies.'
 'Oh no, dear one, I feel sure she knows they have souls.'
 'I wonder,' Mr. Darling said thoughtfully, 'I wonder.' It was an opportunity, his
 wife felt, for telling him about the boy. At first he pooh-poohed the story, but
 he became thoughtful when she showed him the shadow.
 'It is nobody I know,' he said, examining it carefully, 'but he does look a
 scoundrel.'
 'We were still discussing it, you remember,' says Mr. Darling, 'when Nana
 came in with Michael's medicine. You will never carry the bottle in your
 mouth again, Nana, and it is all my fault.
 Strong man though he was, there is no doubt that he had behaved rather
 foolishly over the medicine. If he had a weakness, it was for thinking that all
 his life he had taken medicine boldly; and so now, when Michael dodged the
 spoon in Nana's mouth, he had said reprovingly, 'Be a man, Michael.'
 'Won't; won't,' Michael cried naughtily. Mrs. Darling left the room to ge</t>
  </si>
  <si>
    <t>b"\x02:l'\x7f\xb9\r\x1f"</t>
  </si>
  <si>
    <t>023a6c277fb90d1f</t>
  </si>
  <si>
    <t>to a physical
 item in a customerâ€™s hand.
 Itâ€™s simpler than most people think it is. Find the right supplier, get
 samples, refine with research, put in a small order, and get the product online.
 Thatâ€™s all you need to worry about right now. Donâ€™t overthink it. Just fix the
 mistakes as they come.
 One of my mastermind members, Travis Killian, once told me about how
 he gets products to stand out in a busy, loud marketplace. His answer was
 simple: â€œWe listen to people. We execute so many split tests, itâ€™s insane.
 Weâ€™ll mock up the product and ask people, Which do you like better? This
 one or this other one from our competitor? We do that for all the top
 competitors in the market, all the ones we think have the best products in the
 niche.â€
 Split testing requires nothing more than asking people which one of two
 things they like better. Thatâ€™s it. Show someone two items, and ask for his or
 her preference. Itâ€™s one of those rare things that happens to be simple, easy,
 and effective.
 â€œI remember one time, when we were just starting out,â€ Travis told me,
 â€œwe paid one of our friends to go to the mall in Austin, show pictures of our
 products versus our competitorâ€™s products, and collect survey answers on
 which one they preferred.â€
 If it sounds like a ton of time and money to pay someone to do inperson
 survey</t>
  </si>
  <si>
    <t>b'\x87h\xd7\xe2y\xc0\xfb\x9d\xa6:\x7f\xb5\x93y\xacr\xb2\xae\x91i\xa38P6\xf9\xb8\rO\xba\x98\xf5\x0e\x98VZ%\xfc\xddC0\xc5We \xa2C|\x7f\xae\xd9\xabzx\xb6\xf6l\xddr\x10\x88W\xe5\xe6G\x00!1]\r\xd2\x85D)[K\x9a\\\xb4_{vjY{H\xfe|\x06\x9bX\x8d\xa8\x03\x8e\x84!Wi\xcf\xd2\xf7C\\\xc7=\xb0\x00\x9a\xae\x03eo,F\xbb\x8c\x0e\xa0\xa8\xc9+\xb1K\xfd.\t k\xd51\xc9\x96\xd8\xc3~\x1d\xb0C6\xcf\xd6\xa4@gC\x13\x93&gt;\xf6\x1b\xee\xf8\xd1J}R\x96T\x0b(J\xe4\xf8\x97\x1a\xa3zZ4\xa7X~\xb2\x8b\xeb0\xed\xedU\x1b@\x87L\xf0\xb3\x06\xa1\xb8[%J{3\xd3\x11,\x0b\xc3\x9c\xee|J\xeb\xc6~\x8d[\xeb\xf5\xcc\xdb\xf6\x9c\xbce\x12\xf4\x13,\x9d\ne\xea \xa5\xda\xe4 i$\x05\xab(o\xe7\xaa4\t\x8e\x04\xb7e\xce\xb8\xd0\xec\x0f\xac\xab\xfa&lt;8\xd7!g\xef\xd8\x14S\xd3\xfd\xd0DB\x86\x16[m\x0bk\xdb\'{e7\x12\x81\x08f+\xe9v\xc6\x01u\xec\xaaV\xa6\x04Q\n\xf8H\x04\xb9\x90\x8blnQ\xcagN9\xbf\x01\xdc\xcc(l\x9bj\x15\xdbt\x8a\xc8\xd7\x98Eg\x1b\xde\x0b\x8a\xcam;\xcaiW\xb4\xb0\x98y\xc6\xd8\x0e\xe5g\x9fK\x01\xa2\xd3\x92\xa4\xb9\x08|\xee\xaat\xd4\x8c$X7\'u`\x85\xd6^\xa1\xa0e@\x8c\xac\xfbn\xbaQy\xbbQK\xe9G][\xfck\x15\x18\x82\xee\xf6\x0b\xe8\xf8\x97a\x11H\xf6\xba\xd9X\x10}p4\x1f\x06\xa0[i\xdc\x13\x86X\xd0\x11\xc6\x8b\xa9e\xe0\x81d\x8a\x14\xac\xe5\xa5k\xf8\xd4\x1d\x98\xdavJY\xc1\xbe\'\xa9\xc2\xed\xc4 \xc6\xab\x81uI\x11\xdfa\x1d\x07\xc3\x9a:\xb5J,jd~\xfb\xd1\xedc\xba\xbc\x82x5\xacP\x94\xdbn\x92\xbeg\xe7w\x0cg\xaep\x13\x83\x15\xbb\x9f\xd1\xfb\x88|\xc7\x1b@\xf9\xd1\xcb71G\x99Z\x8exc\xd4\x9f\xc1\x89\xbb?nR\xe6\x10\xbf\xa0\xa3\xa8\xc3\x15\'-\x97\xb8\x9dY\x7f_\xe5\x16\x89 \x85\xf1\r|\xe0F\xb7\xbf\xad6!\xc5\xdf\x8fT\xf2\xfd\xfd\xa60&amp;\x13\'\xd8\x1c\xda\x8fIrQYSr\xd9{\x80!\xb5\x13\xe9m\xa2\x89\xac7-\xae\x987\xb4Z\xed\xcfL\x12\x03\n\x95\xe8\xbd&lt;\x9eS\xc4\xb9\xd7 %Vd\x10\\h\xb4\xffl\xb4\xe7\x9c\xc7\x02(\xb5\xaeg\x17\xd4\x9c\xc4\x14QpS\xa3\x1c\x10Q\xb60\xb5\xd1?1\xb9\xc6\xb8x\xe0\xcby]\'f&gt;(b\xe43Mq\xf5\x18]\xd5o\n\xfd\xc5\xf3\xda\xbe&gt;\x8f1\x15\x0f\xde\xe8\xf0\x0ft|]\x14\xb7\xea2\xf2\x15\xbd\xd4\xaa\xda\xb1&amp;$/C\xc6k!\x047\x8c\x9c\xb6\xcb\xf1\x1am\x1c\x8b\xb4\xe8\xce\xe2\xec\xf2\xcd\x84;\xd7\xeb4Y\xa4\x1cLT\xa8\x8b\xe7\xeb\xaam^\x0e\xda\x16t\xe8\xe2)\x11Z-s\xe2\x88\x96t"\xf5\x13tX\xe5e\xd30/\xa2\xfe&lt;\x86\xc1\xd6\xe0\xa1p\xa4R\xe7\x0e,]\x8f\xde\x00\xec\x15\x05\x91\xde\xc5i\xa4\x9bVfu\x84"\x89\xe0\xc9Z \xfeZ\xf8\xd0\xb5\xee\xe4\x19\x96\xb4+\x83\xc9*\xd5\xc8y\x0c\xd2\xd3C\x82\xf3\xf3^\xc4?VM\xbf4\xf1\x90\x0b\xa8\x8dV4y*&amp;\x9f\xe3\xbe\xb9\xdb&lt;\xd1\xcdd~\n\xbao/\x9cn\xd7\xe3\x90T\x9d\x1ea\xed\xe6B\x96\x16\xbf\\N\xaa\x8c\xc6-\xf1\xa0\x93A\x0f\x8a\xc7\x8b\x99\xe3\n\xa1\x18.\x9d\xbfG\x9b\xd0V\xbc\x97\xc8\xb05\xb4\xd5XG\xc05\x0bhf\xc3z\x88`\xf3[,WV\xdbM\xd8\x92\xcb7&amp;\x10\xdd\xd0\xbe\xab\xd5\xbdb\xd61\xfd\xd4\xd9\xc2h\x01\xf2OnPPu\x9a\x15\x8d)\x87\x04^\x19\x7fj\x07\xbd\xdcl\xbd@\xd1-Rb\x1b\xfe\x99B"\xa3z&gt;Z3\xb3T\x99\xf3\xf7\xa6\\\x07\xa1\xd7.\x0b\x02\xb4\xfa\x01&lt;\xb5\x7f@}\xd8l\xe1\xa8\x0b\xef6\x9cID\x99[\r\xe3Z8?\x95\xd1?\xaexr@"4\xd0\x14T\x16\x88c\tp\xca!B\xd4\xa4\x8a(\xc6\xb9\x08\x9ef\x1b&amp;F~\xb8\xf5\x12^\xbc\xa9\x91\x87n~\x93\x04P\x1f\x12y\xb7\x05\x9c\xa7KH\xb2\xa2\xe8\x07(\xac*?n&gt;e#Z*\xdc-\x8b\x07o\x8f\x07\x85\x98\xe7\xda7\xe8\xfb\xd9\xca\xb1\xd7\xb9\xe2\xe3o3Q\x82\xa0\nO3\xa6z\x1e\x015\x83\xd4\x1c\x89\xddW\xaf\x1as\x0f\x11\x92\xa0\xf3\x98\xe9b8\xb1\x98\x9d\xb4\xe4#\xec\xf4\xb7#\xa8\xf7:\xf1\x15Pme\xa8%\xf9\xba\x88\x84C\x99B\xc0P\x86\x80k\x9b\x1f|\xb4b)\xae\xbf\xe2&gt;\xe2Ae\xbe3B/\x1fa\x83\x98\xe2o\xde+\x98%\xbb\x8e\xd1tS\xac\xad\x03\x99\x9b\xf4\xad;\xf6y\x8fM0\x08f\xe7\xf8\xac*=+=\x85F\xabm\x8e\xa9K\xbc\x921}.\x93r\x1a\xef\x8c\xed\xd7y\x1e\x14\xc7gX\xf0}3H\xdc\x0bl\t\xeaT\xc6\xb55\xd0m\xea\xda\xdf\xe4\x9cV^W\x11\x829\x9c\xf9\x1f\x065\xb4\x1e\xf2+z\xa2\x1f\x8b52\x1dpj9\x82\xcc\xb4s\xde\xb2\x84t\\\x82S\x9c\xd0\xb1\xce\x8c!G0\xf3\xde\xb2d\x15\xc3#\x18\xe3|\x855\x87\x13{i\x94\x13\xb1WT\x9c\x0eD[\xac\x16\x9fBf\xf1\x85\xf9`Zk\xe0x'</t>
  </si>
  <si>
    <t>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</t>
  </si>
  <si>
    <t>b'\x87h\xd7\xe2y\xc0\xfb\x9d\xa6:\x7f\xb5\x93y\xacr'</t>
  </si>
  <si>
    <t>Gary. He spent years delivering content and building an audience that
 follows and trusts him. That content gives him leverage, exposure, and, most
 importantly, relationships. Put simply, he has resources at his fingertips he
 can tap into to help build or scale any brand he touches.
 What fascinates me most about Garyâ€™s strategy is that he can use his
 audience to launch brands. In fact, heâ€™s used that leverage to launch a
 speaking bureau, a sports agency, and several consulting agencies. When he
 launched his winery, Empathy Wines, I was among the first in line to place a
 big order. I also flew to New York City to interview Gary about the launch,
 where he reframed the strategy for me: â€œI have no expectation of converting
 any of the audience that I already have into customers of any product that I
 sell,â€ he said. â€œThink about itâ€”I give away most content for free. The
 amount of sales Iâ€™ve made in return doesnâ€™t even come close to balancing the
 amount of content I give away.
 â€œI put out content for the sake of putting out content. Iâ€™m comfortable
 asking my audience to consider my product if theyâ€™re already in the market
 for sneakers or wine, but I have no expectation of conversion. Thatâ€™s not why
 Iâ€™m putting out content. In fact, the hucksters I make fun of, who are selling
 tons of products to their audience fr</t>
  </si>
  <si>
    <t>b'\xecU\xc7\xef\x97Uo\xa4P\xc3\xfbM\\\xa3\xe7\xdd\xe7\x9duM\x9f4*\xc2\xca\xee\x8e\xcb\xa6FR$;\x9f\x94\xb1\xbc\xaf\xf7\x0e\xfb\x104\xc4\xc8\xd6\xeb\xacaT.\x9fsZ--\xe7\x03_\xeb\x9aSf\x0ez\xebnPi\x9b\x03T\xe8M\xe2F\xc1x\x8a\xa9\x1fKo\xb5\xf4\xcc\xda\x98z&gt;d\x9cC5\xd7\xa3\x9f]u\rj&lt;x\x0c/\xb2?\x10\xe0\xc9y\xba(\xe4\xc9\x19Vg&gt;\xe0\xc4\x80\x03=7\tU\xc7\xc3\xcd\xd1\xf6O\xbdh\x92F9\x1c3h\xf3\xf9\xcbpxH\x9fo\n\xde~&lt;\xe3\xf2\x8dv\x81\xe7\xc8K\x9cR\x9c\xae.\xe2J\xb6\x8d\x9c\xcc[:\xf2\xb3\xc4\x90C\xcb?\'\xa7\x96\xf7\xeb\xe6R\t\xc5\x93.\xbf\x04!\xd1\xe9+\xee+\xa2\xa2\xcd\t\x93VV~V\x84V,\xd8\xe5\n\xb3\xf1`:r"\xa0\xebV\x9e&lt;\xdc\x80P*o\xaa\xf5z9\xb5\xb7\x9e`\xbc\xb0_\xf6O\xf7Noi\xde0\xb8sEl~\xda\x1bX\x985\x88T\xcb\xb8\x9fj5G6\xad#q\xd1\x9c\xba\xcd\xaf"\xa5\xe7jG}\xf8sS\xa3.\x1aQ_lLO\x9e\x8e\xed\xbd\x8c\xbb\xe7\xad\xe1 b\xc9@\x9aC\xb9\xcde\x9d\xca)X\xa6\xd1\xe2E\xe0\x82D\x11?l\xf8\xcc$\x8a\xc8\xf7\n&lt;\x91\xbc\xd4\xfe\x88.\x17\x03\x1f\xe5\\q}\xa4\x8c\x8av\xe5/\x7f\x8b;\xb0a\xbdh&amp;\x12qQ\x82J\xf1\x17]\xff\xc5\xf2b&lt;\xef\x10\xa0O\xca\xbc\x9d(_u\x8c\x87\xe64\xa9\xc4\xf9m\xda\xce:$\x1dO\xe4z/&gt;\x00&amp;\x1d \x10-\xdc=v\x9f\x9a)E\xc3Pa\x8b\xb29\xbd\xb1\xe1_n,&amp;\x84\xbf#\xe0\x94\xd6\xbb&gt;\xcfJ\x0c\x88yI\xb1\xfe\xc8=\xde\xfa\x8d\xd0\xf68o\r\x1cd\x8c1\x00hso\x11\xd1\x00\x12}{:A\x9b\xf9\xe1@\x94\x1f\xb2\xd0I\x80\xcc\xb2\xfe\xd3\xba\xc4t`\x10\x8f\x96j\x1e\xf4\x85\x83\xd9I\x8a\x99\x98Z?\xd5\x85\x01\n\xf2,\x10\xfc}Lc#\xea\x87\x01\xed!tO\xab+U|\xadb\xf25\x16d\xc2\xe5\x8bw\xc6p#y\x07\x12\\,\xac=\xf3\xee{\x81\xb5\xb8i\x05\t\xc7\xfe\xd9\xd5\xce\xc3T\x8a\xfa\r\xf83\xce;\xed,\x9dNq\xaa\xc5\xc9\x1e\x06d\xcb*\x17\xc6WH\xfdE\x95\xb1\x17\xe27\xc0\x00\xf0\xdb\xd5\xe1\xef\x13\x86\xbd!\x8a\xbbv\xd8\xe0\x06\xa2\x18\x16\xb4\xa0\xdd\x81w\x10I\xac\x04\xf9dk\r:\xd5\xccT\x91\xea\x8e\xd5\xd0\xbb(q*\x10;\xcafD\x96\'a\x0f\xb2\x13\xaa\xe7F\xe8\xa2rW\xe7q5\x89)/&lt;s\xb0\xb7h\x86\x1c\xd4\x92V\xbe\xc0\xe2\x07\xfd\xd1\x93{\'\x1afG\x9f;\x89\x0f\xf8\xd2\xb5\xe3\xef\xc8j\x15\x1b\xabibL;\xb3\x13\x8b"u\xc5]i\xe7\x06\xc3\x18\xca\xa1F\x84\xf2\x9b\xd8\x97*\x803\xbf\xaf\xb1 W\xc2BzX\x8a\x81&amp;ND!\xa8\xe9\xe0\xa0,\x9d\x15\xee~\x8d\xa3\x99qv\x15\xfeQ\xd6f=\x92@?\xd5=U\x82&lt;=W\xbc\x02@\xa1\xc8\xfc\x86\xa1J\xa1\xca\x1d\xf5\x12N\xa0h\xf0\xa6\xa9v`:\x8cKb\xf5^\xa1O\x0e*\'?\xde$\xc7\xe58\x8c(A\'h\x07m\x08D\xb7\\T\'H\x08\xfdGW2u] \x9a\xcd|-\xc9\x90Y\x96\x1fT\x17\x10Tn\xc3=A\x95\xfb\x8a \x90%\xe9\n\xf7|\x93\xdd\x87e\xc8\x03\x8a\x0c((\xe9\xd8Lw\xd7\xc3\x19u\xf7|\x8cB]\xca\x1a\xe0\xdf2Y\x90Xi\x9f\xd1\xee\x1a\x1a\x15.\xbb\xb2\x9d\x81\x9c\x87\xe7lZ\x8b\x8f\xe1\xe5Q\x1b\x16&amp;\xb0\xf0\xcb\x92\x92\xf6\xc3=\xca\xdcU\xe3#6\xbcE\n\xa5\x18\x00W6$\xa7\xea}y\xdc\\\xc4Y\xa1\xdd\x05h\xed\xe0\xd2\xbbt\xf7b\xa4\xfb\x98\xf2s\x184\x0b\xf8|:\x8d\xe5_l\\06~\x91\xd3\xf7\xfc\xce\xe4\xe6\xd2V\x96\x943\xe2\xf6h\x13\xc0\x05\xf3\x1c\xac%\xeb\x14\xac\x00\xbbxh\xb5V\'\x84O\xa5\xf7\xfb\xd3\xf9\x9f|w\xae\xe8\xde:\x890\x8a\xedeU\x9d\xdf\x04\xf4"\x08\xc9*\xd2wj03#\x01\xdeGE=v\x9b\x073\xac\x9fU\xac\x1f\x9e\xa3\x83\xe2%`\xd2\xdauP\xf6\xefk\xcd z\xac\xebg0\'\x80%\xbfsX\x0b\xb2TG\x9e\xca\xdf"\xc8\x03+\xdd\x9a\xe3"\xad=\xa3U\x0eyJj\xf0F0f\x93\xd0\xca\xad\x046n\x80\xddXd\xc7p\xed\xc2\xf4\x08l\xc1P\xef`\x97\xf8gt}P-\xaf\xc8\x16\xc5G\x9e\xd5=\xd0;\xc8[g/1*\xcf^\xec,\x06wv\xa02/M\x93x\x9b2]&lt;l\xb8\x16\x8c\xa7\xf0\x12vm\xa2?\xbe\xeb\xea]\xcf\xef\x0e?\x89bl\x1f\xe0\x9b\x13\xb2\xeb_\xbb\xb8\xde\x13?d\xa8\x19R,\xb2\xc1[S\x81\xb6\xd6c\x8c\xd1\xdd&amp;\x84F\xae_.g\xf3\x19\t\x9d\xc3WlG\x92x1\xedu?c\x80\x9c\xd7;N\xff\xcf\x89"w&gt;\xc6\x0b%!9H\x91i\x0c\x95\xa3Sk\xff.\xf8BXJ\xc1S1$\x15\x11\xc6t\xcd\x85\xf8,\x80\xdce\xd6\x82\x9e\xb9\xc2%\xac\xf4\xd82\x1c\xb5V\x8c\x1e&gt;W9ik\x185\xea\x86:\xef\x89\xa9\n\x90X\x84\x99q\xd0\xe2\xeb\xccT\x86\xcfu\xc7\xe9^\xd6\xc0{\xef\x0b\xa8\x9e!+\x80\xb2\x8f\xc1\x12"7,\x03\x9c'</t>
  </si>
  <si>
    <t>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</t>
  </si>
  <si>
    <t>b'\xecU\xc7\xef\x97Uo\xa4P\xc3\xfbM\\\xa3\xe7\xdd'</t>
  </si>
  <si>
    <t>he blocks make the current connections, while much smaller screws provide volt meter connections. Shunts are rated by full-scale current, and often have a voltage drop of 50 mV at rated current. Such meters are adapted to the shunt full current rating by using an appropriately marked dial face; no change need to be made to the other parts of the meter.
  28
                 (xii) Grid Resistor
In heavy-duty industrial high-current applications, a grid resistor is a large convection-cooled lattice of stamped metal alloy strips connected in rows between two electrodes. Such industrial grade resistors can be as large as a refrigerator; some designs can handle over 500 amperes of current, with a range of resistances extending lower than 0.04 ohms. They are used in applications such as braking and load banking for locomotives and trams, neutral grounding for industrial AC distribution, control loads for cranes and heavy equipment, load testing of generators and harmonic filtering for electric substations.
The term grid resistor is sometimes used to describe a resistor of any type connected to the control grid of a vacuum tube. This is not a resistor technology; it is an electronic circuit topology.
2.2.2. Variable Resistors
(a) Adjustable Resistors
A resistor may have one or more fixed tapping points so that the resistance can be changed by moving the connecting wires to different terminals. Some wire wound power resistors have a tapping point that can slide along the resistance element, allowing a larger or smaller part of the resistance to be used.
Where continuous adjustment of the resistance value during operation of equipment is required, the sliding resistance tap can be connected to a knob accessible to an operator. Such a device is called a rheostat and has two terminals.
(b) Potentiometers (Fig. - 11)
Typical Panel Mount Potentiometer
Drawing of potentiometer with case cut away, showing parts: (A) shaft, (B) stationary carbon composition resistance element, (C) phosphor bronze wiper, (D) shaft attached to wiper, (E, G) terminals connected to ends of resistance element, (F) terminal connected to wiper.
Figure-11
   Basic Electronics
29
                 Potentiometer
A potentiometer or pot is a three-terminal resistor with a continuously adjustable tapping point controlled by rotation of a shaft or knob or by a linear slider.It is called a potentiometer because it can be connected as an adjustable voltage divider to provide a variable potential at the terminal connected to the tapping point. A volume control for an audio device is a common use of a potentiometer. A typical low power potentiometer (see drawing) is constructed of a flat resistance element (B) of carbon composition, metal film, or conductive plastic, with a springy phosphor bronze wiper contact (C) which moves along the surface. An alternate construction is resistance wire wound on a form, with the wiper sliding axially along the coil.These have lower resolution, since as the wiper moves the resistance changes in steps equal to the resistance of a single turn.
 Figure-12
An Assortment of Small Through-Hole Potentiometers Designed for Mounting on Printed
High-resolution multiturn potentiometers are used in a few precision applications. These have wire wound resistance elements typically wound on a helical mandrel, with the wiper moving on a helical track as the control is turned, making continuous contact with the wire. Some include a conductive-plastic resistance coating over the wire to improve resolution. These ty</t>
  </si>
  <si>
    <t>b'3\x8c-\xea\x99\x82\xc1\xcd\xe2\xeb\xed\x10\xb9\x91\x0e1L\xe7f\x87\'\xd6]\x03y\xa3\x94\xe7\'"\xf7\xb1\xfd\xf5\n\x8d\x93\xaa\xd1/\xd4\x17;\x8a\xdd2!\xef\x9b\xe8\xf8\xaf\xbbF\xecY\x1a]\x81\xa4\x10\x1eS\x19\x1b\xce\xd1(\x90_\xed\xf7\xc2\xde\xf8k\xc6\xc7c\xd1\xe9:w\xb9N\xd2\x18&lt;Hf\x1c\xbf\xc0%g`"\xa3\xbc\xce\xb1j/\x81\xf3 \x9a\xbd\xa8\x91\xeb\x04;I\x90s\xf9?T\x8e\x83\xb3\x05&amp;\xc8Z\xd2\xa5\x8d\x1f\xfd\xb7\xc2Ut\xc5a\xb1\xf5\x86\xbe\xc5\xbfJ\x02\x14\xc2~}\xab8\x9b&lt;\xb3\xd4z/A\xfe\x99\xed53!t\xc9\x06\xb7\x8e\\\x01\xba\x99\x8aU\xda\xf0\xd9\xdcQB&lt;\xb1\x8c\xd0G\x1bG\xdc\xef\x14\xf4\x81\xe2\xfb\xe2\rN\x86\xc0}\x9a\xe5\xf0?\x82\xbfF\rgl\xc8\x17\xa1\x0c\x07\xee\nd\x035q\xc3\xe0?\x0f\t\xb7\xb8\x9fS6\xca\xb0F\x19\xfb\x10Z\xe8\xe4\xd9\xbf!3\xf8\x1e\xa1M\x12\x1c\x07\x9bW\xf5\xb5\x83xt\x84\xb4\xfc\xe7\x02\x9a3\xf7\xf2L\xab\x07&lt;m\xd0F\xb7\x82Tf\x02&lt;d4"U\x15\\\x1a\xd7\x95\x92\xa2\x802\xb3\x95\x0fK\xd8\x95\x01"AjC\xd2\xe3\xed\xad ,\x1ebl\x90@\x11\x07\xd4\xd9&gt;\x14F\xf4\xd3y*,\xb2\xc7\xe8\xc6\xef\xedM\xee\xa2;,\xbdf\xde\xf7\x06/\x84;`\xe49\x9c\xa8\x116*S\xb5A\x98\xde\xf27[\x0e\x18\xa9$i;\x86 "g\xe4t\x9el\x81g\xb4\xfc\x19|\xe1/I\x9fjds\xa7\xd5=[\xc9&lt;\xb8\xbf\xb4U\xbe\xf8\xdc\xe8\xed\x8f&gt;\x9a#~\xc6Y\x14\xd2\xf0%r@\xa2a\xf3&amp;\xfbb\xa0\x9e\xb9\x85\xb2\xebM\x83dj\xcc\x15\x0e\x11\xfc\x9aP\x13\xe4\xbb8\xa9&gt;7\xa77~\x15S.)S+v0\xe4\xb8\xf2B2\x07\xb4\xeeM\x05m\xe1\xf0}d\xc6\xa6\xac\x08\xda+\xbb\x05\n\x86\xb7=\xa8\xd7\x84\x92\x0c\xdb_\x08\x98Z\xd9\xc4\x11~\x99z\xbaC\xdf\xe2\xcb+\xd2\x07s\x80\x063f\xe9j\x018y\x9c\x05\x94\xd7\xdb\xd3\x07\x1d\xcc\x9a\x9e\x109\xec\x159\x19X\xa27\xc7\x96\xa7d7\x8f\x04w\xd9\xdd\x01\x80\x9b\xc0l\x87idLo\xff\x1f\xe2$\x1c\n\xa2\x15;\xab\xbfB\xaf\xd3\xcc\xb6\xfe\xd6F\x9d\xf4\xd0\xc6\x97\x99B\xaa\n\x19\x7fu\x85\xa1k\x8c\xe5\x18\xb0z\xa7\x11bz\xd8z\x91\x8c\xeb\xa6\x19\xbf?P\xf0d\x83x`F\x02\xa7n\x93\x11\r\x1e{\xa9\xea\xa1o\x90q\xde\xf6\xe4je2\x97\xc8\xca\xcb&lt;^\x80Y\xca\x8d\xa7I"\x1fz\xdd\x83\xbd\xceF\xfbt(\r#\xf1U\x8blQ\xfb\x0e\xbaqy\xda\x80.\'T\x8c\xabk\xa0\xca=\xaf\xf1\xdb\xa2[p\x8f\xae\x92[+\\SL\xf0\x02\x00\xe6J\xf9\xedi\xc4p\xb6\xc2\xa1\xcc\x1c+\xe7\x80\xff\xb5,S7\x1e\x1cS\x0e\xb3\x96(\x840`\xdfr\x12\x02\xee\xcc\t\x82\x06)#xT\xda\xa2\xfc\x82t\xc2\xd0\xbb\x13\xeb\x18o\x1bG\xf3\xcer\x7f\x9a\xe1\xa3\xe7m\x9bK\xb4\x89\xe9q./\x80\x94\xf1"\x15\xf3}\x9d\xcf\t\x01K\x14\x1e\xefF\x05\xc0/!6\xb4\x84\xe9\xc2^\x9e\xbe\xa5\xec\xd7\xe0&lt;d;\x0c\xbf\xe3\x11\x1ff\xee,l\xfa\xcf\x1eT\xc6\xdb\xdfG\xa38\xc1&amp;\x06\xff\xf4\xc7\xf6\xa0\xb47\xb3L\x88\xfb&gt;S\xd5\xe2\x12?X\xabY\xd6\n\x13&amp;\x8a\xb0\x08\xb2\xca\xa3~\x8bs\xb5i\xbb\x05\xd3GS\x96\xc3\x10\x19\x95=\xb4T\x1d\xb2\x8c\xfa\xaf\xcb\x9auS\xb8\t\xdbc\x01\x84k\xa6&gt;L&gt;\x17`\xe0\xb4\x03\x7fU\x11\x0b\xfe\x85\\!\xe8\x94\xabw7\xd150!\xfe\x02\x9ba+\x8ce\x87\x0c6\x8an\x7f_\x8c\xed\xa9lJ\xed\\\x9a2\x99\xee\xe5\xdaRL9bl\xaa^\xeb\xa9\x16t\xac\xf5\xfe\xb3\xb2\r\x91\xe9\xf2F*\x8cn\x16\x08\x83\xc5\x00\x90\xc4\x1b\ti\x00s\xf74\xde\\\x8c\xce\xff\xa8=\x7f\xc3\xe0\xb3@$\x94v\xd1\xc1T\xba\xbc\x89Q\xa2@\xaf\x86W\xfaP\xcf%v5\xd1\x9bk\xdc\xd453,\xf2\'I\xcc\xb0\xa8\x1b\x93pu\xb6\xa9oQm\xc0\x92WV:\xb4\x88\xb1Z\xfbE\x83\xc4\xe0\xc9\xd1$p\xc5\xe7\x1c\xd6+\x91\xde\xa0\xd66\xd22\xcb\x13\\\xe3\rJ6\xe6\x80J,j`P\xe5J\xc5\xc4e$\xddPg+\xea\x9c\x80-\xe6I\x1b\xf8U\xfcics\xe7fZ[\xea&amp;\x7f\xaaZ\xe8\xf0\x9d\xf7\xd2\x891\xb1o\xea\xd9ki&amp;\xbf\xc7ON\xad=\xc5\xc9s\xe1\xc4\xf6\x9chY\x02\xb2K\x9d\x98]\xec\x8a\x8d\xddC\xd9\x14I\xc6\xc9VZ\xa4\xdcN\xfd\x89\xc5\xf2\x92\x82\xe0\xed}"f4&amp;\xcd\x8c\x8d\x0e&gt;C\xba\\\x16o%S\x03\xa4\xcf\xd9\xf6\xffD\xc3v9$RH\x9bM\xf1z}\xe2\xb5]Y\xcdGe\xa8\x93qE\x9fOdf\xd7\xaa\xc6\xc3\x97he\x1a\x8a\xf0\xdf\xba-\xf9\x90G.\xac\xcc\xe7\xcc\x04\xa5\xe9\x04\xf3\xba\xd6Xw\xff\xca\xeb\r\xff\x9f\xae\xd7&gt;\x8d\xb1\xf3\':\x85\xeb\xa7~F}\xc2\x8d\xe3\xcbR}\xa1\xc6\x1e\xbb\x9c\xc3\xbc\xfeo\xbb\x83\x99q`\xf9\xa7\x10\x0c\xb3h&amp;\xd3\xdfS\xc4\x9e.\xe6\xf6\x98\x83\xee\xc9\x16VaF\xf2a\xccX\x1dV\xd8\xf4\x96\xc0\x19t\xd1\x03\xc2\\$FO\xf2x\xaa\x88\xc7\xb4\x9aQ\x98QIuo\tT\x8dJ \xe82\xcc\x80\xde\x05\x16\xb0x\xbc\x15\xc4\x9cl\x1f~!\xbf\xa81\xb0\x9b\xe4\x01\x95\x98*RNHMx\xc1c\x8e\xfeM\xf24\xba7\x9a\t\xd2\x07\xd2\x05&amp;\x87\xe5"si\xc7{P(FMVR\x9b\x8eT\t\x89L\xc5\x85\x8f\xa5\xe5x\x0c\x18u\xa2\xa3\x8d\xe9\xd4}.*`i\xa6\xe8\x11\xca\x85\xe3\x02\xccd\xe0\xc7/$2\xe9\xd4\x10\x02y\xab\xdd\xa9\x15\x1d@\x8e\xe4{\xe4?\xd2\x93\x0f\xd2f(\xb0\xd5gB\xd2#\xe8\x1b\x13\xa7\x8eg\x1d\xad\xc1\xc6:\x0bRdp\x86\xd3\xc72.O\xe5\xa3P\xa77\x9a\x0c.\xb3\xd4\xad\xdcK\xf0\xfb\xabW20\x12[\x98Eby\xf0\x17\xa5\x9d\xf7\xae)\x03\x08\x99\xf1g\x8a\x0b.\x9f\xd1\'\xb2\r\xbb\x99m\xc2\x9c\xber\xb3\x8c\x9f\x1e\xda\xb5\x1a&lt;\xd2\xeeU\xcdSq\x19\xc5\x90\xffk0\xa0=\xbe\x07\xf5\xc1\x1dZ\xf9\x1d\x1aF[\x9c\x06p\x9bD\xa3Ws\xef\xde\xc9\xf4g4\x88_\xe5K\x17\x1bW$]&lt;2\xf8\xd8\xafM\x87\x1f5\xcbt\x97$\xc5v\xff&amp;\xcd\xf5nEj\xf5\xa3\xef(\xab\xf5\xef-\xb7\xe1\xf5\xb5v\x16gnkw\xaeY\xd3(M?\xebA\xae\xd3\xcaE\x0b\x11|\xf4^\xa0[9 \x9a\xa4\xd8\xfa\xdd\xe4\x9c\xbb\xdf\xc4;@\xdc\x90\xdf\x07r*\x86\x94\x95\xb6\x1b\xc8\xda\xcee^\xf0\x91\x92\xd02#\x8f,\xc7\x96e\x19V\xf9\x0f\xb2\xa1V6\xe7\xcd\x02\xf1\xc0\xd1?y\xb4!\xb3\x8ac&lt;\x91\xe2\x7f\xf3ux\xc9\xcc\xd5\xfe\xea{\xcc&gt;\xa9\x9b\x08\x07-\xd2M\xa7\xd1Hhe\xd2\xcfHb\x13\x84p7\n\xda\xdc\x95XW\xab\x88\xa3q\xad\xde\x12\xc8\xb0\xe0\xab\xc9c]4\xd5v\xdaks\x82I\x99\x95C\x95ceWn\xe1k(\xd8\xe9S\xb7\x82\xdfW\xe6\xdd\x0b\x14.I1\x10\xc3\x11\xcbI\xf27\x91\x15\x98\xbe4\n\x90\x0c\xb0\xb4Lyv\x06/\xa4R\xffQ\x0c\xd3\xd1\xa4\xf1c\x8d\xfa\xa0\x9d\xef\x97\xe19GA\x8b\x0b\xc00`)~\xef\xb4&gt;\x17\xf0\x98Q\xb9\xbe\xc1\xcc\xbeW\xbd\xde/I\x051+\xba\xb7;dhE+\x9f\xfc\xfeN\x8e\xcbM&lt;\x12\x1e`0T7\x91=\xb0L\xb4\x1c\xde\xf8\xdf\xb3\xd6q/\xb5b\xe6\xc2\xdeYX\xd6\t"\xf6\xac\xecQ\xd4?\xea\x1f\x18\xa7\x9ef{\x8as6\x10\xff\xbf\xeb$\x9a\x11e\x9a\xd0AC%\x8c1\x9d\r\xfc\xce\xae\x1e\x9f\x9c:\xc7\xb7\x8c\x1cs\xd4\xe4ym\xfe#\xd36a\xab\x9d:c\x82\xf7\xb0\xe9\xeb\xc4\x8bY\x16\xca\xea\xaa\xf3\xad\xee1pj\xf4\xdf\xe2^2\xa1p\xb8\x87\xce\xb9\xcag\x8a\xb5\x15\xd0\xb17\xfd\xa6D\xd7\x90*\xa1\xdc\x9b&gt;\xb3\xe0jf\x19I\xcc\x96BN\xc1\x16\x17\xbd\x0f\xa5d\x92\xdf\xf0\x10\x1c\xcc\xa2a\n\xf6&lt;\x8a?u(\x89\xc0\x8e\xa4&gt;n\xc5B\xa2\xfb\xff|\xb9\xa8\xf2o&amp;\xfeEh\x8c*\xbc~}\xec\xaa\x16\x8cN\xf3\xac\tD\x9aM\x05\xc6Ac\xec\xfa.|\xabX\x98S\x18Y\xed%g\xef(#\xbeM\x00\x90zd\x12Zx9\xe4\xfa\xff\xe4\xcb6\x9d\xdc\x00^\x8e\xbc\x02\x1c\x11\xb4\xa9E\xa5\x1a\x10\xd5\xfe\xeeGr0\xc0\x16\x92\xc8R\xa4aC\xb1}\xb5S\xe5\xd8S\x85\x96\xb6\xf2\xeb\xef\xbb,\x88U\xbc]\x80&lt;\xde\xd63\xa2\xf9\x80T :\xa2\xb9G\xfbz\x96\xf0\x83\xdf\xe1\xa5\xee\xa3$H\xe6\r\xc5\xd2\xf2H\xaa\xddV\xe0(Ux\x03\xa1\x14\xf8\xf3\x9c\x87&lt;\xc0\xc9\x8a4M\xb4\xb7\xa3[\xc2\xd6O\xbe\xe9\xdeE\x82\xd0\xca\xec\x1a\x99\t\x92(F\x11\xaa/X\xa2\xb6`\x98\x10N\xe9\x04\x87=\xf4\xb9\x0f\xd7\x19a\x1ayQ\xf7\x14\xf0\xc6\xc4\xb1\xffc\xc1\x88bp\xe2U\n\x84nR\xbf\xa8g\xb85\x01\xce\x98\xa7.`\xf1\xe0\xe20]\x13\x01\xe9\xd8\x84\xe2\x10]\xad\xb7\x84\xb1\\\xae\x1f\xb9u\x02\xf3\xf5\x9b\xf2/\x02%-\xad\x11v\xfa\xc6\xd1\xef\xc8\xd3tk\x12\x92\xb2/\x9a\x8cY \x86\x116M\xe2\x9f\xb9\xddD\x9b\xe1U\xe3\x06o\x10\xa5\x9eW\xd8~\xadd"\xf0\xe5$\'\x91{\xfc\xdc\x83\x7fxt\xf2|\xcc\x7fZ\xf1\'\xa5\xb40H"\x15q\xae]\xe9+\xbb\xd4\x12\xefua\x00r\\\x15\x8d(\xee\xe6\xa7\xd9\xe4\xd5yl\x8e(\xb6V\x9f\x8aF6u\xd6\x1e\r\x94V#\xbf\xe2%\x1e\xba\xf2\x8a`i\x06T"M\xa8\xe9\xbd\xe8\xe03\xdd\xf90\xcf\xe3\x8fG\xe4\x0b\x14\xe7\xfb\x9b\x17\xb6\xfe\xe4\'?\xc3\x83\xe7\xb9y^\xc6\xd6\x99\xedl\xdd\xa92\x1cE\x8e\x95M\x9f\xa0\x16s\xcf\\\x05\xfbt\xd5\x14f\xf7\x0e\nMzD\xc7!\x13\xa4\xe6G\x8b\xce\xa4\xae\xee\x9bSn`{\xae\xb7e\xab\x05q\x87\xb7\xd8\r&gt;\xe8d8\xbf[c\x8b\x13\x86\xea\xe4p\x84\xeb\xe8\xbd\x8b\x94k}\xea \xe5(/\x87\x88~\xad\xa8\x01\xe0\xce\xda@\xa2\x8a\x15\xc1\x94\x19\xbe\xdb12\xba5\xfc\xad*6\xef\xf4\xd8 \xce5\xf4\xca\x08\xa4\x13\xb2\xec\x11/gsOP1MI\xb5\x8e\xbd\xbaL\xbbq~B\x94\xaa\x95\xdbM\xc8\xa2\r\xb5\x02w\xc8&lt;\xe7\x06\xbc\x18\xf1\xd0\xd6\x88\xc3\x88; C5fJ\xda\x8f\xce\xc3(\xbe5\xed\xf5\xdb\x04\xc8\x0f\xae\xd5\xe5\xc5\xb8%\xb5O \xea\xc8*&lt;\x83G\x8b4$hut\xe2\xde\xc6l\xb1I\x12m\xdd\xa4/\xe6\x96\xa9\xbe\xee\xcf\x96\x90\xc6@\x84\xe0\x0c\x97\xa4\xa7I\x88:\xf7rl\xf9\xae\xea\xbc\x95\t\xee\xf1\xd6`\xc0\x88\x7f\xbcBB\x9e\x05\xd3b\x01\xc8\x01Z.\xb83\xed\xca\x8f\x8b5\xb0\xef\\@:\xc0\x85\n_\xdf\xb0\xfa\xe3(yP]H\x93\xab\xb1\xd1\x8a1\x92\xec-\xb5_\x94.\xd6\xc4hx \xd1\x94\xc1\xc9\xb5\x1b\xb2\x07\x0b#\xb7E:\xe6F\xfa\x9b,1cX\xbd\xc7\xe2_\x92K\xf4\xb0BZq\x8c?\x81\xfe\xfa\xb8*\x91\xdc\xb8\xaf\x91\xc2\xe5\x9f\xd6\xd2\xe1\xd6$\x85\xd2"~\xa9W\xe0\x1bh8\x93\xdb\xf4\x14\xc5\x81\x99\x7f\xec\xdf\x94\x1e\xa6-2\x00\xb9\xc1\xcf\xd6\x1c]\x17\x19U\xb9%\x9a\n*7B\xb1\x1e\xa9\xd2\xb0\x9e\x13\xc0(u\x0c\xd4\xe1\x1c\x01\xba\xb6&amp;\xa5\x9d\\\xce\xaag\xd8\x9e\xb9\xd6\x06N\xc3\x0el\x92\\zQM7\xc8t\xb6\xad\x1aC\xe3\x13\xbbv{\x8azkN\x9f\'\xb0\xa9h\x9a53\'\xe38]\xabH\xe0%u\xca\xaa\xe0N\xc00S\x8dT.V\x87\x97\xd8n\x9d\x8a\xd01\x00G2;b\xa8\x13S\xef\\\xdd6j\xfd\xeda\xf1\x06\x9f\xa1\xd3:\x0b\x9a\xc6\xcb\x84\xee)\xe0^vj\xfd\x9d-\xaeAvJ\x97\xb8\xe5\x7f&gt;\xd5\xcc\xf4T\xd5\xbd\x1a\xbf\x16\xad\x15\xb8\x9c!\xa1\xd1\xcf\x91\xc4\x96\xe5\xedm\xbe=\xb6{\x10\xe0\xd7\x8d\x81\x87\xc9\xafr`Z\xa0\xeb\xd2\xa2U@\x96\x9c4\xe9\x9c\xdf\xf0\x06u\xe6\xb9\xba/)h)S\xd9\t\xf0\xcb\x93\xbfK\x08tw\xf2\xc4\xd3(\xae\x9b\x11\xeepDh\x9c\xc9\xddQ\xca`\xed\xfd\xe2\x1a&gt;-\\$K\xe1\x08\xe0Ff\x8e\xa5\xdbb\xf0\x13&amp;\x82yzo\x0cA\xc2\x03w\xc3(J\r\xc9\xa0\x95\x93\x022\xa0)\r\xa2 O\xdf[kf\xf1\xb0J8G#\x9cs\x19\xbcF\xa6Dm\x0f\xbb\xe3\x1b\x9aA\xc7SA\xc0([\x15\xa0\xe3R\x99\x1d\xe39\x8c0\xd7Q/^jh\x80\xe0\xd4\x97\xa5`7\xe4\xfb\xb8\xfe\xa3H\xf9[\xbc\xd8SI\xc4 \xbf\x83,\xa8\x89\xc6l\xd5"\n\x99M1(PV\x19\x1a\xacJaq\xbe#\xabY\x8bH\xf2\x1c\x00\'fE\x1c\xeb\x8d\x02\x1e\x9dU-N\x98\xbdU\x04\xc0E\xc9\xcd\x16C\x86\x11\x03\x1f\x928\xe7\x06\x98\x0e&amp;3\x80\x83\xb9\x88F\xd7}q[\xa3\xc2j\xa6C:-r\x0e4\t\xfd\x13\x82\xba\xc4\xe2\t(\xb18TH\x92\xf7\x9a\xe9\x81\xca\x17\x0c:ol\x99Aew\x91.\x8f-\xf9\xb4\xfb$\xfa\r\x0bK\xc3\x16=\x02[*\x00D\x9d\xea\x07\x7f\xe8U[\x08\xc8\xc9C\x15\xca=\x97\xc6`X\x05H\xea\xdd[\xab\xb9\xedr\xd1!\xbaT\xa1\xed$\xa5\x1a\x9c\xe0\xc0\xc6\x08\x9d\x00&gt;\xae\xd8/]W\r\x07\xbe\xf20q6xx\x16\xd96\x11\x8f[\xc6\xe1^^%P/,c\xeeC\xc07\xaf\x9f\xd7X-\x89\xeb0\x0e\xaawE\xc8\xb6\x99)l\xd5Bq\x8f\xa4\xd6u\xec[\xf1W\x1eoX\xdc\xb2t\xfc\xeb\xd1?(\x8a)\xac\'z\x17YW\x12\xe6?5\x86YJ\xe1\xb5\xb6\x96D\xfc\xf9\xf9D\xc0\xf59,\xbe\x01\x8d\x99\xd8\xda\xec\xe9\xa5\xf8\xa0&amp;\xd5a\x9c\x81kcHZ\xe9\x03O\x9a\xf7\xc6zh(x|\x00Y\xc8)['</t>
  </si>
  <si>
    <t>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</t>
  </si>
  <si>
    <t>b'3\x8c-\xea\x99\x82\xc1\xcd\xe2\xeb\xed\x10\xb9\x91\x0e1'</t>
  </si>
  <si>
    <t>and serves as the feedback network, producing
 vF = [R2/(R1 + R2)]vout. Also, M1 and M2 operate as both part of the op amp (the for_x0002_ward system) and a voltage subtractor. The amplifier therefore combines the topologies
 in Figs. 12.19(c) and 12.21(c).
 Exercise Repeat the above example if R2 = âˆž.
 Example
 12.11
 Compute the feedback factor, K, for the circuit depicted in Fig. 12.24. Assume Î» = 0.
 M 1
 VDD
 R
 I in
 M 2
 R D1 D2
 Vout
 M
 Fi
 F
 Figure 12.24
 Solution Transistor MF both senses the output voltage and returns a current to the input. The
 feedback factor is thus given by
 K = iF
 vout
 = gmF, (12.49)
 where gmF denotes the transconductance of MF.
 Exercise Calculate the feedback factor if MF is degenerated by a resistor of value RS.
 Let us summarize the properties of the â€œidealâ€ feedback network. As illustrated in
 Fig. 12.25(a), we expect such a network to exhibit an infinite input impedance if sensing
 a voltage and a zero input impedance if sensing a current. Moreover, the network must
 provide a zero output impedance if returning a voltage and an infinite output impedance
 if returning a current.
 12.5 POLARITY OF FEEDBACK
 While the block diagram of a feedback system, e.g., Fig. 12.1, readily reveals the polarity
 of feedback, an actual circuit implementation may not. The procedure of determining this
 polarity involves three steps: (a) assume the input signal goes up (or down); (b) follow the
 change through the forward amplifier and the feedback network; (c) determine whether
 the returned quantity opposes or enhances the original â€œeffectâ€ produced by the input
 change. A simpler procedure is as follows: (a) set the input to zero; (b) break the loop;
 (c) apply a test signal, Vtest, travel around the loop, examine the returned signal, Vret, and
 determine the polarity of Vret/Vtest.
 12.5 Polarity of Feedback 583
 K
 Vout
 K
 0
 I out
 K
 V F
 Vin
 0
 K
 I in I F
 (a) (b)
 Figure 12.25 (a) Input impedance of ideal feedback networks for sensing voltage and current
 quantities, (b) output impedance of ideal feedback networks for producing voltage and current
 quantities.
 Example
 12.12
 Determine the polarity of feedback in the circuit of Fig. 12.26.
 M 1
 I SS
 DD
 M 2
 V
 M 3 M 4
 R1
 R2
 out
 in v
 v
 X
 Figure 12.26
 Solution If Vin goes up, ID1 tends to increase and ID2 tends to decrease. As a result, Vout and hence
 VX tend to rise. The rise in VX tends to increase ID2 and decrease ID1, counteracting the
 effect of the change in Vin. The feedback is therefore negative. The reader is encouraged
 to apply the second procedure.
 Exercise Suppose the top terminal of R1 is tied to the drain of M1 rather than the the drain of M2.
 Determine the polarity of feedback.
 Example
 12.13
 Determine the polarity of feedback in the circuit of Fig. 12.27.
 M 1
 VDD
 R
 M 2
 R D1 D2
 out
 R
 R
 in v
 X
 v
 F1
 F2
 A
 Figure 12.27
 584 Chapter 12 Feedback
 Solution If Vin goes up,ID1 tends to increase. Thus, VA falls, Vout rises, and so does VX. The rise in VX
 tends to reduce ID1 (why?), thereby opposing the effect produced by Vin. The feedback
 is therefore negative.
 Exercise Repeat the above example if M2 is converted to a CG stage, i.e., its source is tied to node
 A and its gate to a bias voltage.
 Example
 12.14
 Determine the polarity of feedback in the circuit of Fig. 12.28.
 M 1
 VDD
 R
 I in
 D1
 Vout
 M 2
 X
 Figure 12.28
 Solution If Iin goes up, VX tends to rise (why?), thus raising ID1. As a result, Vout falls and ID2
 decreases, allowing VX to rise (why?). Since the returned signal enhances the effect
 produced by Iin, the polarity of feedback is positive.
 Exercise Repeat the above example if M2 is a PMOS device (still operating as a CS stage). What
 happens if RD â†’ âˆž? Is this result expected?
 Did you know?
 While we focus on negative feedback in this book,
 positive feedback also finds its own</t>
  </si>
  <si>
    <t>b'\x89\x0b\xfc\xf7(9:\xf9\xd6\xc8\x95\xbb#\xa2\x1e\xd7'</t>
  </si>
  <si>
    <t>890bfcf728393af9d6c895bb23a21ed7</t>
  </si>
  <si>
    <t>uit.
 Another essential component of this book is â€œanalysis by inspection.â€ This â€œmentalityâ€
 is created in two steps. First, the behavior of elementary building blocks is formulated using
 a â€œverbalâ€ description of each analytical result (e.g., â€œlooking into the emitter, we see
 1/gm.â€). Second, larger circuits are decomposed and â€œmappedâ€ to the elementary blocks
 to avoid the need for writing KVLs and KCLs. This approach both imparts a great deal of
 intuition and simplifies the analysis of large circuits.
 The two articles following this preface provide helpful suggestions for students and
 instructors. I hope these suggestions make the task of learning or teaching microelectronics
 more enjoyable.
 A set of Powerpoint slides, a solutions manual, and many other teaching aids are
 available for instructors.
 Behzad Razavi
 November 2007
 vi
 Acknowledgments
 This book has taken four years to write and benefited from contributions of many indi_x0002_viduals. I wish to thank the following for their input at various stages of this bookâ€™s devel_x0002_opment: David Allstot (University of Washington), Joel Berlinghieri, Sr. (The Citadel),
 Bernhard Boser (University of California, Berkeley), Charles Bray (University of Mem_x0002_phis), Marc Cahay (University of Cincinnati), Norman Cox (University of Missouri,
 Rolla), James Daley (University of Rhode Island), Tranjan Farid (University of North
 Carolina at Charlotte), Paul Furth (New Mexico State University), Roman Genov (Uni_x0002_versity of Toronto), Maysam Ghovanloo (North Carolina State University), Gennady
 Gildenblat (Pennsylvania State University), Ashok Goel (Michigan Technological Univer_x0002_sity), Michael Gouzman (SUNY, Stony Brook), Michael Green (University of California,
 Irvine), Sotoudeh Hamedi-Hagh (San Jose State University), Reid Harrison (University
 of Utah), Payam Heydari (University of California, Irvine), Feng Hua (Clarkson Univer_x0002_sity), Marian Kazmierchuk (Wright State University), Roger King (University of Toledo),
 Edward Kolesar (Texas Christian University), Ying-Cheng Lai (Arizona State Univer_x0002_sity), Daniel Lau (University of Kentucky, Lexington), Stanislaw Legowski (University of
 Wyoming), Philip Lopresti (University of Pennsylvania), Mani Mina (Iowa State Univer_x0002_sity), James Morris (Portland State University), Khalil Najafi (University of Michigan),
 Homer Nazeran (University of Texas, El Paso), Tamara Papalias (San Jose State Univer_x0002_sity), Matthew Radmanesh (California State University, Northridge), Angela Rasmussen
 (University of Utah), Sal R. Riggio, Jr. (Pennsylvania State University), Ali Sheikholeslami
 (University of Toronto), Kalpathy B. Sundaram (University of Central Florida), Yannis
 Tsividis (Columbia University), Thomas Wu (University of Central Florida), Darrin Young
 (Case Western Reserve University).
 I am grateful to Naresh Shanbhag (University of Illinois, Urbana-Champaign) for
 test driving a draft of the book in a course and providing valuable feedback. The fol_x0002_lowing UCLA students diligently prepared the solutions manual: Lawrence Au, Hamid
 Hatamkhani, Alireza Mehrnia, Alireza Razzaghi, William Wai-Kwok Tang, and Ning
 Wang.</t>
  </si>
  <si>
    <t>b'\xd5\xa6uH\x94\t\xb0\x84:E\xbclZ\xbb\xa5K'</t>
  </si>
  <si>
    <t>d5a675489409b0843a45bc6c5abba54b</t>
  </si>
  <si>
    <t>Actually, any
 dollar amount will do, as long as it is the same for both goods.) Thus the isoquant for cloth,
 CC, shows the possible input combinations for producing units of cloth; the isoquant for
 food, FF, shows the possible combinations for producing units of food. Notice that as
 drawn, cloth production is labor-intensive (and food production is capital-intensive): For any
 given , cloth production will always use a higher labor-capital ratio than food production.
 If the economy produces both goods, then it must be the case that the cost of producing
 one dollarâ€™s worth of each good is, in fact, one dollar. Those two production costs will be
 equal to one another only if the minimum-cost points of production for both goods lie on
 the same isocost line. Thus the slope of the line shown, which is just tangent to both iso_x0002_quants, must equal (minus) the wage-rental ratio .
 Finally, now, consider the effects of a rise in the price of cloth on the wage-rental ratio.
 If the price of cloth rises, it is necessary to produce fewer yards of cloth in order to have
 one dollarâ€™s worth. Thus the isoquant corresponding to a dollarâ€™s worth of cloth shifts
 inward. In Figure 5A-4, the original isoquant is shown as , the new isoquant as .
 Once again we must draw a line that is just tangent to both isoquants; the slope of that
 line is minus the wage-rental ratio. It is immediately apparent from the increased steepness
 of the isocost line that the new is higher than the previous one:
 A higher relative price of cloth implies a higher wage-rental ratio.
 More on Resources and Output
 We now examine more rigorously how a change in resourcesâ€”holding the prices of cloth
 and food constantâ€”affects the allocation of those factors of production across sectors and
 how it thus affects production responses. The aggregate employment of labor to capital
 can be written as a weighted average of the labor-capital employed in the cloth sector
 and in the food sector :
 (5A-1)
 L
 K = KC
 K
 LC
 KC
 +
 KF
 K
 LF
 KF
 (LC/KC) (LF/KF)
 L/K
 (slope = - (w/r) w/r 2
 )
 CC2 CC1
 w/r
 w/r
 1/PF
 1/PC
 FF
 Labor input
 slope = 
 â€“(w/r)
 Capital input
 CC
 Figure 5A-3
 Determining the Wage-Rental
 Ratio
 The two isoquants CC and FF
 show the inputs necessary to pro_x0002_duce one dollarâ€™s worth of cloth
 and food, respectively. Since price
 must equal the cost of production,
 the inputs into each good must
 also cost one dollar. This means
 that the wage-rental ratio must
 equal minus the slope of a line
 tangent to both isoquants.
 110 PART ONE Int</t>
  </si>
  <si>
    <t>b'0E\x02!\x00\xfc\xb68\x02\xf6\x02U\x18}\x1cI\xb7\xcd\xba\xb7B,4\xea\x85\x8c\x0f\xf9$\x11\xd5}\xf48\xc7\x17s\x02 O\x048\x90f\'a\xa4\x98\xf8J]u"B\xc5\xcb\xcb\xd7\xb2\x12\xca:&lt;[F\x15a\xa4-9\r'</t>
  </si>
  <si>
    <t>3045022100fcb63802f60255187d1c49b7cdbab7422c34ea858c0ff92411d57df438c7177302204f043890662761a498f84a5d752242c5cbcbd7b212ca3a3c5b461561a42d390d</t>
  </si>
  <si>
    <t>b'0E\x02!\x00\xfc\xb68\x02\xf6\x02U\x18}\x1cI'</t>
  </si>
  <si>
    <t>toninus, there are countless monuments of his; [or if Trajan], there is what they call
the Forum of Trajan. . . . [Rome] has a circus, too, well-sited and decorated with many
bronzes. . . . It has the greatest senate composed of rich men, all of whom could be
governors â€“ but they prefer to enjoy their wealth in peace. They worship the gods,
especially Jupiter and Sol. . . . (Description of the Whole World 55; Beard, North, and Price
1998: 2: 360)
For the writers and readers of such texts, pagan or Christian, Rome itself was
becoming a museum city: we are not far away, here, from the mood in the Procopian
image which opened our discussion, with a sixth-century visitor marveling at the
sight of Aeneasâ€™ ship, and at the care shown by the Romans to preserve their cityâ€™s
buildings in the wake of a Gothic occupation. Not even a Gothic king, it would seem,
was immune to the spell: in 546 CE, Procopius reports, the Goth Totila had taken the
city and was planning to raze it, but was dissuaded by a timely letter brought by
ambassadors from Count Belisarius:
â€˜â€˜Among all the cities under the sun,â€™â€™ the letter began, â€˜â€˜Rome is agreed to be the
greatest. . . . For it has not been created by the ability of one man, nor has it attained such
greatness and beauty by a power of short duration. A multitude of kings, many bands of
the best men, a long lapse of time and an extraordinary abundance of wealth have
brought together in that city all other things that there are in the whole world. . . . Little
by little, they built the city as you see it now, leaving memorials of their excellence to men
of future time. . . . â€™â€™ (Goth. 7.22.9â€“12)
438 Rowland Smith
CHAPTER TWENTY-TWO
Imperial Poetry
K. Sara Myers
Latin literature of the empire tends to be categorized by periods referring to emperors
or imperial dynasties, the most notable being the Augustan, Neronian, and Flavian
ages. While this kind of periodization often obscures the continuities in the development of Latin literature (see the warning of Nisbet 1995: 391 â€˜â€˜periodization in
literature is even more misleading than it is in historyâ€™â€™), the changing circumstances
of the relationship between literature and political power under the empire make such
chronological markers useful. Beginning with Augustus, Latin literature is increasingly drawn into imperial circles and literary patronage comes close to being an
imperial monopoly (Wallace-Hadrill 1996: 292). Writers, like the aristocracy (and
the two were usually the same), had to learn how to deal with the necessity of coping
in a world that now had an emperor in it. The emperors did not commission these
writers, nor did they necessarily dictate what they wrote, but they were able to exert
unique pressures. Most importantly, the emperors were always present as potential
readers and this changes the nature and interpretation of Latin literature profoundly.
Juvenal proclaims shortly after the accession of Hadrian in 117 CE that â€˜â€˜both the
hope and the motive for writing lie with the emperorâ€™â€™ (Satires 7). There were also,
increasingly, consequences for what was written. The picture is not overwhelmingly
glum (though it does tend to grow darker as it progresses). The emperors created
great opportunities for literary achievement and there is until the mid-second century
CE an impressive volume and variety of work being produced. The appellation of the
late republican and Augustan age as â€˜â€˜Goldenâ€™â€™ and the following period as â€˜â€˜Silverâ€™â€™ is
not useful, and indicative in some ways of the long-lasting success of Augustan
propaganda and imperial writersâ€™ own perceptions of decline. Literature of the later
imperial period is now being re-evaluated and valued on its own terms. It is generally
agreed that the Roman Empire sees the full flowering of Latin literature.</t>
  </si>
  <si>
    <t>b'\x00\xfb\xecS\x84\xb0\x80p\xa6x\x81\xb4\xce\'\x1c\xf0\xd8\xf6b\x0e\xdds\xb5|\xc7\x96z\xfc2\x86Tj6n\xde7\x02\x7f:\x89\x83\xd5\x81q\x06\tM\xabk\xfd7##\x0e;B\x8b+*H\x91\xe5\xb3.!4k\xff\x1e\xe2\x8c\xea\x81\xe6\rmZf\xc4\xcf\xea2\xb3\xb2\x7f\xde%D\x993\x14k\x1f\xc2d\xa8*\x81\n8\\\xe0Y\x08F\x0e\x9d\xf46}?\xf3T\x1c\xdfn\x8eQ\xb5\x1d\\c\x81{e\x8c\x0bb\x1e\x90\\n\\;-ba\xf9\xf8\xf1\xd4\xf1\xf1\x07W\r\xcd\xd4)\xf3\x04\xec\x1d\x0b\xe1\xcd\xbab\xd1\xe5P\xb4q\xbc\xbf\x94y\x88\xba\xa0\xa9\xdcv\x02\x16\xfc\x03=\xe2\x8c\xff6\x82\xf7b+\x96Y\xac\x95\xc8\x0bN\xf0\x91\x83\x85\xce\x81\x86\t\xc5\x12\x9f\x82h\xd9\x8f\x7f\xa5c\x85\xd5\xd9\xd1\x97\x94\xf60\xc6;\xf9\x12\x0e&lt;\xbe9t\xe4e\xa4\x85\x80x\n_\xfe\x8f\xfc\xc5\xbeB\xb6*\xd2\xbc\xc7\xa9]\x1d\xd6\x94\xaf\xfe*v0\xf6\xb2^(\x946F+\x97\xf5,^\x8d\x8e\xacg\xfa\xa7\xb5KX\xd3\xca2|$\xb2\xb2\xf0]\x05`c\x1biA\xac\x9f?g\x08\xfe\x99\xfe\xc7Z\x0eg\xa7\xbao\x171`W\xd0\n;\x1e\x8d\x0ei\xb7\xb5r\xfbp\xcd\x15\xcb\xb6\xa3\x8d\x1e\xaa\xce\x12\xa08\xdd\xd0=s\x0b\xf2\xfe\xdep\x9cJI\x95\xf3^Nax\'\xe3\xa2V\xafzI\x7ft\xcd\xa1\xde\xa9\xda\xd5\xa2|\xf2P\x08\xd9\xa1\xc0\x15\x074\x89-o\rK\xd0u\x89\x97&gt;\xa4Z\xed\xc5u\x81\x9e\xcb\x83Y\xd3;\xf8\xa1\xf6\x8dw^,~\x7f\xb8+\x87\xe9Wo\\\x9c\x80\xe5\xad|I\xe6\xa6i\x05\xab\xf5\x996\xaf\x88\xed\xf0E\x8b\x9a,\xf6\xe6nc&lt;\xe2\x08\xd9Q\x8c?0j\xd3\xc4\xe5c\x9b\xba`\x00l\xff\x19U\xd5\xe7\xfbr\xab\x99r\xbd\xe2\x167&gt;\x87s\x916\xa5d\x91Q\x82\xce*\x1di\xb2)\x98C4\x8c\xc2\x91\x07g\xb4\' \xfcc\xf2\xe7m\xdf\xfa6\xfdHR\xb4\x97\x01jZ\xa3\xbc\xb7q\xb2t\x91\xc8\xd4\xd8\x00\x1c\xe4\x9e\xcf\xce\x12\x85T\xf3i\xf3\xd7\x87}\xd8\xdd\xc5"\x07\xaf\x86v\x1c\x9b\xd7{\x93{\xdd\x10+\xf0\xd6\xc0\x0e\x0b\x94\x92k\xea\x18\t\xa3\xc5\x91\xe0T\xcf\xc6\xb8d\xd8S\x88\xfa\xae\x91:\xfd\xbc#ho\x16L%\xb1\x01\xd7p.\xbd\x10&gt;n\xe6Wl\x89a\xfd\xf4#!\xbd;\xdc\xacY\x9f\xac\x13\x01\xf2\xc2\xa9\x03\xd4?Z:\xe4b\xef\xc2\x7f\x91\xf9\xffaRT\x8e\x9a\xcfE&amp;@52\x1b+K\xae2\xbd\x1f|9&amp;\xb4L\xa2E\xd5|Tq\xe9\xe9\xd0\xa7\xcd\x92=,\x8b\xdb\x04\xc3\xbc\x10\x00!r\x8e\x1e\xdb$\xce\xad\xc8\x16=\x83b2\xd2\x8a5\xdd{\xd81u&lt;f\x164\xcf\xb4\xee\x17\xc6\xab\xb7\xbf\x97\xb4\x91F/\x9a\xe0\xd8\xc1@\xdcy\xe2\xe1J\xe9N\xe4*9\xa8\xc0\xb7\x9c\xe7e\xc1\xda\x8ef{}\x01Ls\x0f\xa6r,Z{\r|\xa5\xc8\xb6H.3\x90\x19\xcae\x81t\xbc\x0cm\xd6\x05\xa0#\xdc\x0f\xcc&amp;\x0f\xd0\xf3b\x04\x93\xe4[\x13\xa2\xec\x9e\xd3\xb4\xa7y\xd8\xa9!\x18\x01\x82\xde\xa9\x16\x995\x87\xb5\xa6\xdf\xdf\x04=6\xe2\xa9 -\xe8\xe9KE\xe0dO\x8e\xb6M\xdd\xcaMf)\r+^\xc4:\xb5}\x94\x07,,\xfd!\xfe\xb9\xad9\xc1\x12"\x04\xf1%+\xfd\x1d\x14\x0b%?AK\xec\xdb\x1a^\xc7\x05\xa4\xfa\xa8f\xe9\x06\xc4~;o&lt;\x1f\xd5\xe5\xa2\xce\xe3]R\xffg!\x04\xa5\xd1\xadT*\xad\xd2\xf6=W\xa2\xd3a!J\xa8\xcc;\xbb\xdf\xa3]#\xed($\x00\xfad\xe5\xf9\xf4\xff\xd5\xb2\x89\xf3\xb1\xf8M\xc0F\x0fQ\x95\x0f6\xd3\xba0\xedX \xd6\xe9},2\xb5:Q\x016h\x9d#fH\x8e\xaa1\x14\xb7\xb8Rl\\\x8d&amp;\xc3}\x99\xcee\x1e\xfc{\xf0#]\x85\x95\xfc\xe7H\x16\t\x80\xca\xd8I{A\xadnC\xb0l\xac)d\x9c\xc0\x175\xf6\xe8\xad_IK;\x80\x08\xb6\xec-r\xf4\xb1\x11&lt;d\xc7\xeaj\xd8]l\xf1j\x9b\xde\x91\xb3\x17\xec\x9f\xbam\xde!`\xab\x88A\x81p\xb8\xea\xa55\x90\\(R#A\xba\x85\x8b\xfa&gt;\x9b\x11{j.\xba*\xc8\xca\xfc~\xd0\xb5\xdd\x1a\xd4\r\xe6\xee&lt;\xc5g\xd1\x9en\xd4\xdd\xc4L\xd1\x99\xe7z\xfeZ\x03a\xc9|3c\x12\xefnD\xc6,\x03\\_\xbf\t\x97\xa9s(\xfd\x1a#\x0e_D\xf9S\x0f\x8a\x19n\xab\x15\xc0\xdbOtvdn\xa2\xca\xa9\xda2\n\xb7\x9eFd!\x80\xc1\xe1\xc4dY\xe4\x9e\x1f\xa2\xbe|\xc9\x03\x90pf\xbb\xa6\xe0\x13\xb9y\x96\xd5\xab\xf0&lt;\x89R\xdb\xe3\xc50\xc7~\xbd&amp;W\x98\xdd3\x0f)\x9e\xc61\xec\x1b\xe4o\x05\x98\xa6\xd8\xf8\x11\xf7\x7fo\x1dK\xeb\xf1\x9deF\x87\x1dG\xab\x1b\x1e\xf9([|:\x95\x8dI\\\x80\xbbW~)#b\x02\xb6\xbe{\xd1e\xd0\xde\xc85\xa0J\xc3\xc8\x14\x89$\xd8\xd0\xd0\xda\xccd\x89\xac\xbaS\\\x06Gp\xeb\x1d\x83\xad,\xd3\xca\xbfi\x91\x8d\xcco\xc1p\xd0\xe3\xa0;Z\xf8\xc8\xd2\x9a\xa0_\xb5\xd3*\xdeG [\x7f\xd6(\x98\xdfeV\xf5\xa4\xe1t\xef\xe8\x07\xc2\xafy\xef\xdfZ\xf2\xaa\x03fW+h\xc4\x8d\x9e\xe1n\xe2\x89@\xd5\xf2[\nf\xff\xeeH\x92g\x15\xef\x7f\x9f|\x03\x05\xd4\xben\x02\\\x18I\xf8QB\x95\x18"R\x8e\x81\xbaR\\4\xba"\xcdc\x08|\x1b\xae\xd1p\xbb(\xd2]]\xcaRM\x8c"~TMu\xa3\xc49\xfa\xd8z\x1f2+\x98\xb6\xf6C\x19vXd\x9f\xa8\x98\xbc3\x1b\\T\xc1\xd5\xf5\xc5\x14\xc3\xb4\x10\xeb\xd7\x89Sv\xbbh\x03\r\xa1j\xe8\x97\t\xfb~j\xda\xdb\xf3n\xdb\xe5O\xfc\xd3(J&amp;cO\xb1\x8f\x0eo;\x94\xcb\xa5.95\x95\xc6o\xf1O\t\x12[\x00j\xb8}\xf8H\xed\xa6&gt;\x06\x12i\xee\x95!o\xa9\xfe\xba&amp;\x12\x0b\xdf\xe3\xb5\xc1eQ$\x99\xbd\xd5\x9a\x85\xce\t22\xd7\xc3\xdd\xcc\x06\xee@\x10\xbe\xa0\xd7\xe3,;\x93MHxVys\xbc\xc7\x9f\xc4O\x14\x0e\xb1.\xf9bE\n\xf0\x02\x9coB\xd63]V#\x9f\xea\rL\tt\xeb\xdb\x92~\xf3\t\x81dS\x17\xcf\xc5\x86\xa5\xa9\xf2y\xc6&gt;\xec\xa2*X\x84\x0b\xe8x\xbcA)\xae\xa8C\x1f\xdb\r2g\x8d\xf4:!\xb4\x16\xfd\x84N`\x17R\x98\xe1?\xbb\x02\xd3\xd3\xe6\x98\xbd!\xa71\x9f@\x8e\xd0\xaaO-\xef\xcfVS9A"\xc9C\x0f\xfco\xf9\x84d\xc4V\xb0\xf0\xd8\x0f\xa7a,-\xd1\xab\xd8~O+\xa1@\t,k\x01\xb5\x0c+`\xec\xc3K\xa9\xfa\x91\xb5\x82\xe9N#\x87\xdf.\x12\xa2\x15\x12\xd5\xdd8rf\xe7\x03\xa0p\x1b|j(\xe3\xdc*\xb3\xf3!\xb4\xa9kU\xfa\x00\xc9\xf6\xfe\xb1\xb4\xfd\xef4\xc5\x15\xb2q\x95\xd1f\xd9~\xda*\x85+O\xa4i8MA\xa1w\xa4\xad\xfc\xc1+N\x81\x98\x1b\x86j\x88@\xc2\xe8\xc7\x08\x15qs\x06\xd5\x9e\xab~&amp;\xc3\xde\xa0\x11Q\xb6\x1e\xf5\xe0\xe1\xadc^w\x1f*)\xadHUZ\xee+\xe6\xa5\xaaC\x00S\x0b=\xec\xc9\xa9\x05\xf80\xff\xc6\x83\x1b\xd2b\n8"\xed\x17\x8f{\xc5\xc5Po5\xf7%\xb8\xb2\xec\xc2&gt;G\xae\x88\x0b[\x88\x07\xe5a\xf6\x7f\x1f\xa1\xbb\xf0\xc0K\x92Ds~\xed9TP4\xe7S\xae\xdf\xf9\x96\xe2\x1c\xe6@\xde\xe3k\xed\xc0D\x0f\x1e\xa4\'\xcf\x99&gt;2\xda\x0f\xad\xf2\xb7\x91\x98\xc6\x08\xb3\xdb\xca\xa9\xe1\xad\xcew\x1a\x90-\xd1&gt;\xfd#u\xfew\x9c\x1c+\x98\x02\xef\xf1\xe4\x940\xfdi\x9f\xb0\xe0\x80\x8bB\xae\xd8\xa3k\x1e4\xcf\xed`\xfd\x1a%\x96\xc2\x02jN\xa2d\xe1\xba\xbbp\x017\x1a\x0c\x80O\xb8*T\x02;[\xe4\x85,v\x0b~e\x8c\x07\x7f\xdb\xa3 Z\x9e\xfb\xf0D\xc4\xf0(\xb2\xfc[%\xbb\x14\xf6\xa2Z\x82\\t\xd2\xd2$\xf71l\x0b\xc3\xce\x13*Pr\x90\x8eU\x8d\xc2\xd6\xc0\xb5x\xecu/\xb5\xb95\x90\xed\x1c]\xd3\x93]$x\xb5,\x86\xad\x81\x1e\xcbc\xadM\xbaN\xd0\xee\xcf{&amp;\xb6\x0b\xcfr\x1c\x92\xd9\xe0,\xda\xc3\xb1\xf9\xd6\xe1G)*UE\xec\xbbF\x0b\xfeO\xc6\x05\x858;n2\x7f\x8f\xeab"\xbf0\xb5$\x05\x1b4\xebU\xcd\xeck\xfb\xa1G:D39\xa6\x87\xde\xc1\xd6\xe9\xb0\xed\xcb\xd6\x16\x8a\xd1}\x067\x8a\xb8\xb0\xe9\xbd\x94a\xc7tJR\x1b\x0f\xa8\xe0\xbf\x05\x9fs\x0c\xf7\x97\xa7\x90\x8b6\x8c\t\xb5\x82-o\x93F\xc5\xea\xd0lRxP\x96:)\x05,\xacV\xc6\x87\xdd\x17\xdd\x10a7j"\x176X\xe3\xb8\x1b/\xdaD\xe3F\x02\xe6\x9dQ\rv\x91&lt;\xc4\xf6\x01\x8e52AH\xc3\xbbS\xe7\xc5\x01\xa0\xd6"\xb2\xf2N\x9cd\xea`\xc3\x10\x9a\xe80,\xae\x91v\xfa\xf1\xff\xc8t6\xaeM\x04Z\x1b6G\xe9_\x01\x0b\x11\xc3\xcb\x10\xd1\x0eL/\xfa\x01\x130\x9f\xc2\xc0$P\x04p\x88S=\x81H\x1f\xed\x01N\xa8\xe4\xc4\x15\x8a\x12:\x08.\xef\xc7\x90\xca\xcap-,\x1e\xe1?\xac\xea\r\x80_\xf7\xef\xba\xe6Qu`\xa9g`3\xd8\xdb\\\xa6\n\x10\xcd\xea\xcc\x90\x1a\xc3\xdcPq~\xd5;\x9f\xf0*b\x87\x8a,_\xef\x02\xf1 Ljq\xfa\xc8\x1c\xcaN\x9f\x11q\x1d\xd1\x9c\xd1n\x8e\xb4\x7f\xb0\xbdaG\xf4h\x97\xdb&lt;\x92w\x0e_\x00\x16{ \x14\x85r\x9b\x90\x9c\n\xbf\xc0l\xaeG~Og\x95t\xee\x93\x8d\xc4?\xd9&gt;\xbb\x94\xdfN(\x93\x15+\xc9s5K\x98\xa6g#\xc0s\x9b\xf13V_\x8bV7\\\xb88-\xbe\x9b\xb3\xf4\xc73\x90\x8aI\xf0\n"z\xa7\xdf\x8a\x133\x05LU_Ml\x05\xd2\xfd|+h\x1c).\xd7\xe6\xebT\xfa\xd5\xc3\xbd?\x80\x17g\xb0\x8f\x8e\xbd\x18\xb0\xb2H\xdc\xadJHy\x1a\x9e\x92\xa8\xb76G\xc9\xc7\xaf\x84\x1fY\xe7\x85\x00\x8fxOT\xc3\xa1UNvm\xb0\xbb6\x17\x07\x87#\xb9l9\xc1\x15X\xdd\xf0.&amp;\x86H.5\r\x86u\x0bZ\xfc\xe5\x04\x96w\x0bX\xe9)`?\x114!\xbc\xcd${\xc4\xa2\x92\x14\xf2U[\x9f\xf5\x08\x9e\xba\xf3\x96\xa6\xb1\xa3\xc6\xe5h\x97\x1c\xfb\x04\x83\x14\xde\x86i\x82m,\xa0^\x81Ie`(\xe8\xf6\xd0Ph\xeb\xb0A\xdeO\x1e\x98E\xc6\x8c`^!\xcd\xaa\x1c!\x7f`\x9at\x8d\xac~}\xf6%\x7f\xe5\x0b\n\xbe\xf1\xa6\xb2vx\x14+\xa5\x8c\xe7\x8d\xce]\xac\x81\xba\x92\x7f\x89\xb8{ea"UTZ`\xc4OU\x1f2\xd1\x13\x10(4U\xb0\xcc\x9e\xd7Q9C\xbfc\x90\xae\xb3G\xa3\x10\xc9\x96\x8a\xb6\xbd\xb3|\xfc\xc0\x0b)3\xbd\xdb]\xc0\x8d\x15\\\xee=%* B\x83nV\xb4F246\xe04Z[0}\x89\xf3\xee\xd9\xd9\x0b\x8e\x80\xedd\xed\xca"~n\xee\xc9\xeb\x0b\xe7Mg(\xa1g-,\x90~\xd3\xa3\x98\xa7HqF\xb9\xc8o7Xuu\xd2\xe8\xa2J\xcb\x9e\xeb&lt;V\xe8O\xd1\x17 \xdb\xd3\xf6\xb9\x91c\xf7WX\xefX\x1c\xed\xa5:\xe4\xd4g\xdc\xb2\xc8\xe8Q\xee\x89 a\x1c\x9a)\x08\xe6|O`\xb6oW2t\xa1\xb5\xbd4Y\n\xab\xe0@/=\x08.\xa2\xaa\xbdV\xc9\x1am\x03&lt;;\x8e\xd3\xdd\xd3\x12\xc8\x82;\xbeTP&amp;E\x92\x10\xa90a\x8f\xf9s\xf4{\xf9\xdb\xf2Vk\xea\xe0\xcf\xbd\x99p\x9e:y\xb1\xaf\x0f)\xa0K\xf9\x00\xcah\x0f\x89C\xda\x17\x86O\xfb\x01\xcd\x19\x00\xc3\xb0L\xce@\xb0\xfd\xaf\x1f\xfb\xa8x\xdf\xf3\xd0\x82)s\xfe\xf9\xb6\xb0\r\xa3\xc0c\xff\x8e\xe7\xa6}, ,\x99u\xb9\xc8\x05?j3\x8b\xfa\x8eM\x0etsL\x84\xa1d\xbc\xd73\xb68\xfc\xb9\xae\x87\xc70\xe0P\xd8\xd5\x0b\xfbE\xbc\xad\x17a\xac\xbf\xa7.\xf0\x904\xef\xebW4\xe2\x1b\xe7!\xfdV\xee\xf5\xae\x98\xab\xe1S\xa8\xc8\x8d\x95\xc2\xaa\xb7\xdd\xd3h\x89\xcd\xa2\xc2^\xbfYp\x99\xe4\x12&amp;LW\xa3\xfe\x8c*\xbb\xb3\xcf3L\t\r\x97E\x82\xa9\xd6\xb1u%\\\xcb`\xe6[O\x82]&amp;\xb0\x98\x15\xe4\x19e\x8cf\xf4d\xab\x05_$Cc\xb7\xac\xb1U\x9e?\x06]\xef\x08\xd8\xb7\xfc@\xdc\xf3\xa0\xa5\x10\xbcZqB_j\x0cw\xfa\xe0\xb5\x9f\x14\x82H\xe3\x07\x1f:{\x8d\x8d\xddTi\xc8\xb8\x04\xe6\xdc\x1a\xcd \xfb&amp;\xa0\x89\xb5l\xfeQr\x8dPb&gt;^\xc2\xac\xe8\xae\x99\xb58u+\n\xf1\xf1\xb8\x89\x06\x8b\x02\xc6\xb3L\xd0\x0c\x80\xcd\xccD\xce\xb1j\x15\x8e\x820\x1e\x192.\xb4\x901\xeb\xe9\x90\xdc=x\xe5\xcd\xcb\xd61\x93\xf8\xbb\x1e\x1c\xc1R!\xe1\xfc=Gn\xd0\xa2\xd5\x06\\\xf9\x85\x18\xc8\x03\'\x92\xff\xb5\xee[nhwj\xf0"^\xba\x00\xb8m_\xc7d\xd8W\x07\xe1\x00r\xf7\x16\x0c0\x19H}F\x8a\x0b\x1d\xe7%9,\xc7\xb4-\x9f[\x92\xe4M\x08b\x15\xf1\xf0\xc3X\x9a\x9e\xb2\x08\x93\xbe\xc7\xb7\xc1\xf24\xce\xc4\xda+\t\x08\x05~\x0eQ\x0f$\xc5\x98\xb8\x96JF\xf0\xbb\xd6\xe5\x97\xa1\r\xe9\xfd\'o9\xe2\xbc.\r\xc5\x16\xa0\xfav\x06@\xc3\xa3-\xd4e\xc5\xb9\xab\x8e\xf0K &amp;\xcfD\xe7\xf5R8x\xa8\xa6\xfd9J[/\x99\x996\xba\xc6\x10\xe6\xa4%\x9b2\xd3P\xb9\x95X\xfa\x07:\x16\x1b\x95\xf2\xe2\xc1sf\xdd\t&amp;V\xc9L\xe3\xcbF\xd4\r\xaa\xba\xcf\t+\xa0Zt2\xea`{tb\xd1&amp;z\x1a\x872\xea\x01\x95w#\xbaj4Ev&amp;\x8b\x8c\xad~Gv`\xf0\x87q\xf1qr\xfc\xda\xac\xe5\xcf\xed\xaem\n\xfcZ]\xfe\x00\xe7\xda\x9f\x1a\xa2\xfc_\xb0\xc4\xa2\xc3)\x99\xc0\x7f\xb6\xaf\xc9u\x91\xcc\x12\xf9qZ\x80h\xb7h\x8f\x00\xd8\xca\x05m7\x02\xef\xad\x81q\xcbu\xe8\xadI\x89JQ\xe8,\x0f\xdb`x(\xc9p\xf2\'\xee\x15h&gt;\xee\xc4\xd2\xb7\xea\xb2w%W\x18\x19\x99\xd14\x01\x9aP\xb7[\xa6F{\xe9\xc9\xafy\x0b\x90\xc6\xe1\xed\nY\xfb\x95\xe6L\x00\xc9E;\\\x13~\xba\x84\x03%\x9dJ=Or\xa5\xd7fS\xd9\xa7\xc8\x9c\x9d$f\x8f\xd4\xfd4\x7f\xcc\x088B\xf4b\x0c\x86w\xaf}K\x1c\x01\xf17m\x84\x99\t \x9ajR\r\xfa\xc6&gt;9pM\xf4\x18[\x86nl \xe3\x90\x99\x0b\x1d\xbeX\r\xdf0%\xa7}\xbd\xbf\xcer&gt;z$\xfa\x1c\x0b\x13k7\x0c\xc8\xa8\x9fs Y\xc7T\xc75OG,|:\x9d\x98\x96\x16\xcep\xbd\x16\x8a^"\xd33!\xff\xb8\xe4\xacd\xb3\x9dYj\xfd\xbcT\xc0d]\x1fm^P\x13&amp;@\x18E\xbd\xccvd\xa1\xf0cM?\xd8\xab$\x055\x1a\r\x8a~\xf0k\x80[@\x99\x04\xf6\x1c\x894\x98\x01\xcdi\xdeT[\xcc\x08\x8eb\x14\xeb\xe4y|\x9a\xc7=\x9c"\xc9\xa6\x9fCry6\xe2JM\xb6\x8b\x81#\x85\x8a\x157j\xe6\xb7u\xa3V\xca\x1fh\xcd\xcd\x15&amp;D\xec\x0cd\xd4\xf8eA2\x99\x122\x8f\xce0\x10\xfa\xf7\xc0\xb7\xa9Z\r\x9c\xeb\x0e\xf5\t}\x8e\\\xd5\xbc\xa4\x8e\xac\xb7\xef\xa1h\xcdQ|\xd83\xcb\x14\xaf\x0fp\x08l\xe5\xa9\xae\x92f\xe9\x84\xbe\x04\xd1\xd4\xeaz\x97\xad\xf3\x7f\xdd\xe3\xc5XH\x17\xd0L\x02\x94Zes\xf0"\xf9\t\xaf\xd8\x93;\xc5'</t>
  </si>
  <si>
    <t>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</t>
  </si>
  <si>
    <t>b"\x00\xfb\xecS\x84\xb0\x80p\xa6x\x81\xb4\xce'\x1c\xf0"</t>
  </si>
  <si>
    <t>ver, because it was frozen. The road,
 then, was quite clear of obstacles, and Phileas Fogg had but
 two things to fear,â€”an accident to the sledge, and a change or
 calm in the wind.
 But the breeze, far from lessening its force, blew as if to bend
 the mast, which, however, the metallic lashings held firmly.
 These lashings, like the chords of a stringed instrument,
 resounded as if vibrated by a violin bow. The sledge slid along in
 274
 the midst of a plaintively intense melody. â€œThose chords give the
 fifth and the octave,â€ said Mr.
 Fogg.
 These were the only words he uttered during the journey. Aouda,
 cosily packed in furs and cloaks, was sheltered as much as
 possible from the attacks of the freezing wind. As for
 Passepartout, his face was as red as the sunâ€™s disk when it sets
 in the mist, and he laboriously inhaled the biting air. With his
 natural buoyancy of spirits, he began to hope again. They would
 reach New York on the evening, if
 not on the morning, of the 11th, and there were still some
 chances that it would be before the steamer sailed for
 Liverpool.
 Passepartout even felt a strong desire to grasp his ally, Fix, by
 the hand. He remembered that it was the detective who
 procured the sledge, the only means of reaching Omaha in time;
 but, checked by some presentiment, he kept his usual reserve.
 One thing, however, Passepartout would never forget, and that
 was the sacrifice which Mr. Fogg had made, without hesitation,
 to rescue him from the Sioux. Mr. Fogg had risked his fortune
 and his life. No! His servant would never forget that!
 275
 While each of the party was absorbed in reflections so different,
 the sledge flew fast over the vast carpet of snow. The creeks it
 passed over were not perceived. Fields and streams
 disappeared under the uniform whiteness. The plain was
 absolutely deserted. Between the Union Pacific road and the
 branch which unites Kearney with Saint Joseph it formed a
 great uninhabited island. Neither village, station, nor fort
 appeared. F</t>
  </si>
  <si>
    <t>b'\x93\xe0\xa0\x1a\xe4:q\xa4\x9d0\x8fD:}\x02\xba\xf0\x80\xd6Y\x94\xc6\xa5\xb5\x92\xb7y\x8a\xf6*EI'</t>
  </si>
  <si>
    <t>93e0a01ae43a71a49d308f443a7d02baf080d65994c6a5b592b7798af62a4549</t>
  </si>
  <si>
    <t>b'\x93\xe0\xa0\x1a\xe4:q\xa4\x9d0\x8fD:}\x02\xba'</t>
  </si>
  <si>
    <t xml:space="preserve">was neither
walking nor running nor sitting down. They went through these movements at
intervals every day and the robin was never able to explain to his mate what
they were doing or tying to do. He could only say that he was sure that the
Eggs would never flap about in such a manner; but as the boy who could
speak robin so fluently was doing the thing with them, birds could be quite
sure that the actions were not of a dangerous nature. Of course neither the
robin nor his mate had ever heard of the champion wrestler, Bob Haworth, and
his exercises for making the muscles stand out like lumps. Robins are not like
human beings; their muscles are always exercised from the first and so they
develop themselves in a natural manner. If you have to fly about to find every
meal you eat, your muscles do not become atrophied (atrophied means wasted
away through want of use).
When the boy was walking and running about and digging and weeding
like the others, the nest in the corner was brooded over by a great peace and
content. Fears for the Eggs became things of the past. Knowing that your Eggs
were as safe as if they were locked in a bank vault and the fact that you could
watch so many curious things going on made setting a most entertaining
occupation. On wet days the Eggs' mother sometimes felt even a little dull
because the children did not come into the garden.
But even on wet days it could not be said that Mary and Colin were dull.
One morning when the rain streamed down unceasingly and Colin was
beginning to feel a little restive, as he was obliged to remain on his sofa
because it was not safe to get up and walk about, Mary had an inspiration.
"Now that I am a real boy," Colin had said, "my legs and arms and all my
body are so full of Magic that I can't keep them still. They want to be doing
things all the time. Do you know that when I waken in the morning, Mary,
when it's quite early and the birds are just shouting outside and everything
seems just shouting for joyâ€”even the trees and things we can't really hearâ€”I
feel as if I must jump out of bed and shout myself. If I did it, just think what
would happen!"
Mary giggled inordinately.
"The nurse would come running and Mrs. Medlock would come running
and they would be sure you had gone crazy and they'd send for the doctor,"
she said.
Colin giggled himself. He could see how they would all lookâ€”how
horrified by his outbreak and how amazed to see him standing upright.
"I wish my father would come home," he said. "I want to tell him myself.
I'm always thinking about itâ€”but we couldn't go on like this much longer. I
can't stand lying still and pretending, and besides I look too different. I wish it
wasn't raining today."
It was then Mistress Mary had her inspiration.
"Colin," she began mysteriously, "do you know how many rooms there are
in this house?"
"About a thousand, I suppose," he answered.
"There's about a hundred no one ever goes into," said Mary. "And one
rainy day I went and looked into ever so many of them. No one ever knew,
though Mrs. Medlock nearly found me out. I lost my way when I was coming
back and I stopped at the end of your corridor. That was the second time I
</t>
  </si>
  <si>
    <t>b'Z\x14\x0cr"\x92\xa1\xf4P\xa5I\x0b\xf53\xdap\xee\x19\x98B\xd8\xa3\xf9\x85\xbf\xbe\x82\xef\xa6\xca\xce\\}\xef\xb1m\x97\x18`\x17\x1a\xa9B\xacW\x99\xf0\xd3Gp7\x18\xcd\x8f\xce\x00\x1cQ\xa2\xde\xb8\x18\x9a\xd156yI\xce\x82\x00\nG\x98\xbek\xa0W\x04\x1d\xaa\xdb(g@\xe8\xc4\x80\xa9nl)R\xfcL\xd1V0\x95\x0eP9\xaf\x13\x11\xb0l\xa0\xe1\x08\x0c\x14lM\n;\xfa\x1b\xa0\x98\xa4\x10\xc4\x14\xfd\x95\xd9F\x82\x02\xb4\xd4\xc0-\xca2\n\xac,\x9d\xdb\xf7{\xd7\xfa\x81\xd7\x92\x10\x9cdv\xb1\xae\xf8\xbe\xe7d\xe9\xa4\xfd\x96i\';o#\xa3qU\xd8\x05\xc1\x88\xaf\xf5o\x81\xfdEZ\xde\xf8e\x90\x88-\xd8\xeb\xee\xfa\xfb\xd2\x83\x96fu\x900Z\x1cP\xe4\xfa7z\x88\xe5!\xaf9\x9472\xeb\x9a\xf7\xe3&lt;@\x94(\xa5h\x19l\x17;\x1c\\\x8e\xc0ot\x990\xd6&amp;\x03{soF\xb41\xeeg\xd1\xdf\xb7\xd0\x91\'\x94\xec\xaeO\xd2\xee\xe9iS\x07\xaep\xe8\x15\xaa\x009G\xcfw\xf5\x01\x0b\x11\xd7\x92!\x81D\xbd\no\x85\x9eHuQ\xd4*6d]C\x83\xf7+\xa1\xd3\xf6^\x8b$\x88iW\xa1G7\xf1\xbeU\xab6G\xd2\xd4\xf0%9$)b\xc5-\x06Q\x0c\xdf\x15\xba\xab\xd31\x00\xce\x87Z\x8c\xca\x88\xda;\xd5\x00,\xa9\xb3\x0b\x91\xfer\xbcB\x1dK\x9fR`gG\x88G:\xdb-\\\xa3\xca\xa4\xd5\xc6\xac\xc0y\xbfW\xe2\x9f\x7f\xff\x9av@\x8e\xe7\xa6\xf4\xc0\xe8;\xed9\x80\x92\xd7\xb9\xecf\xdaj\x1e\x1a\xbcFY\x13\x04\xe3u\x94\x83O\xf6\x83\xa9*J\x7f\x04\x8f\xf4\xe3\xc0\xa4ZU\xc0\xe5\x04\xa5YW^$\xb4\xa5\xe0sbPJv\xcffk\xdcY\xf7\'\x8f}\x15g=\x83\x1c\x80\xd7\x83?\x0f\xd7\xb0\xbe\xbe\xf7W\x0e:Jl\x9d\x80\xe8{\x18]\x98C~\x14\xda\xfc\xc1\xf3h\x19\xa10\xf0@\xd4\xe9@ \xc4\xc5\x01!hVy\xa1\x0c&lt;x\xe6f\xbfV\x94\xea\xb31\x82 0\x1c\xd7\x02\x0b\x87\xdb\x12J\xf4\x18BDs*ji\xbe\x96&amp;\xa0\x8f\xd2\xb0_\xd1\xfc\xbbN}\x1c\x17\x11J\xb2\xf1\xc1\x81T\x1c\xcc\x00\x91M\x96h\xa9\xe1\x81\x97\xac;\xd0\xa3\x85\x82;\xaf\xd2;\t0\xe3\x9b\xb6T\x81j$Aq I]\xad\xb1Cr|2_^^\x87#y\xfc\xbdx\x89\x93QSx\x89G\xdb\xe0^j\xb2\x97\xd6\xbe\'\xc8\t3\x8f\xb7\xe8\xbfX\xa5\xe1&gt;\x85\xd4\x86\xe2\x86\x87[\xf4r\x19P\x0f\xb7\x8d\x88\x1a.\xa1f\xad\xceh\xed\xb3\\b\xbf\xb7\xcfx3T\x8a\xbb\xfd\xe3\xf6 \x95F\xb9\x82\xfd\x90W.&amp;\xbd\xd8*&gt;\xb8\xf1\xbd\xd6\x9b\xb6\xb1n\x88\xf7=\x1d\x92\xef\x1f \xa5U8I\xf3(\xe9\xd9\x84\xb3\xcfaU\xe3v:\r\xb4\xd4C;\x1f\xdcK\xeb\xb1\x96\xe7F\xbe?_%\x99\xdd\xe9\xa1*\xd5N\x9c\x06\xf9\xbc\x93\x01"\xff\x04z\xcb\xe1\xf5\x90*\xcb\xbb~\x89j\xf3\x84\xdb\x8e\x8dR\xf6\xa7\xd62\xc0Z\'\x1f\xc4\x16\x0c\xc3\xf6\xeb\x8a\xfe\xccM\xe7\x07\x113B\x16F\xfc\xadb\x9d\x14\x140\x02\x83\xb2&amp;0?\x93_\xc1w\xa7Z\x7f\xad\xfd\xde\xdbL\x95\x1bU\x8f}\xe6\xc5\xfb\xf0:\x85\x85\xbbY\x0en\xe1\xe4\x93\x90\xf3`\xfe\xd0\xcd\x12\x88\xf7\x87\x82\xc1LH\xc5\xb3\x9b\x8aO\xf6\x12\x8a\x80\xd8%%\xa9\x98\xbe:P\xe1\x12?y\xdc\xbb\xefC\xd3\xa03\xdc\xba\xb5\xe3\xa8\xceR\x0f\xdb\x00\xf3(\xfa\xae\xad*mq\xd3\xb46\xa0\xc48?/\x1a\x9d\'\x9cXl/)"\xf5\xbdn\xe2\xb8m!,\xa0g\xac$t\xfa\xe7\xb5\xe4\xe9W\xf9D\xab\xae&gt;\xa3bY:\x80\x863\xe3\xc4\xe28%o\xc36y\xf1\xb8(f\x81\x13+\x01\xe9\x11(\x87\x02\x161f`Uc\x06\xa6\xcc\xecl\xa3\xba+\xcd&gt;\xfe\x8eV\xb9\x8a\xef\x90&gt;/B\xf2\x92\xe8\x02J\n\xa9\xb4$\x93\x1f\x17Q\x01\xe5\xf1\xb1[1\xbe\xdb\xf7\x87~\xa5\x1bl\xd8\xa7\t@\xb6\x91n\x19\xdc\x94\xf5Qgn\xf6@k\xe3A\xb9H\xb6\xf2\\\xc7\x0f#\xf55\x02\xfb\x117\x10\x86\xc1_\xc0\xb9|y\xcf\xe3\xcb5\x92\xb7FW\xceV\xa15=\xd6rv\xbd\xe7\xa7\x8c&amp;\xa2\xb9\xac\xb5\xa4\xa3W\x17\x87(\xa9\xd1\xed\x00Cf|\x12 \xb1\xbeN&amp;W\xc6u\xbdp\tn\xc0\xbc\xff5m\rv&amp;\xdb\xab:\xf7\xe9,E\xac\xc8\xb5\x88Z\xf9$C*]\x10\x1ae_\x81.\xd5\x1e\xc1\n\xf6\xdd\x07\x9e\xc2G\xf3\x84\x8b\xca\xd4A&amp;n\xba\x06\x99\xa0\xed\x9a\xae\xe9\xad\xe1\x86\xbdL\x17!\x83\x98P\xb0\x81\xe3i,\xb3\x95\xd6"_\xf3N\x00\'\xa3)\x02\xfd\x13\x8fK\x1a\xfcPX\xee\xdb\x9c\xf8)q\xc8R\x7f\xaed?\x1c\xean\xd3\xf9\xbc%x\x06\x96\x99\x0e\xd34}\x87MU9\x86\x80\xd1H\x17\xd94\x1a0\x9c\x9e{\xc6\x80P\xb9\x80\xd6a\x06\x88iv\xe8\xbc\xe1\xe7{\xc6Oh@&lt;\xb8m\xebc\xae\x00\r\xb1\x18\xb9K\x10S6sO\xddh\x08\x8b\xc7"\xc6\xa2?H\x9f\xbc\xadl$\xd9"\xd3z\\\xd3\xa0\x9e\xd2\xe8\xda\xa8h\x88\xa2\xd8l\x0b-\x8b\x88\xc9q\x16b?\\f\xb1\x90\x82\x95\xcd\xb0\xbfa^~a\x13\x866\xfc\xb5\xbb\x88\xef\xcf\x95\xc454\x9b5\xf4-\x13\x05ai\x1f\x94!L\x98\x87\xd7\x8b5z\xef\xae\x1d\xa2v3}/`\xec\xd2\xe2RP\x94\x7f\x0e\xcb_\xd7\x7f\xbf_\xe2\x1d\xb1.}9\xb3\xbe\x86\xe8?\xce\xc0k\x01$\x9e\xa8\x87)\xb8\xdf\xcc\xa3\xb1`=XlX\xe6\xe7\\\xbc\xb5;\x82\xe3\x06\xdef\xa5\xbc\xe8\x00\nk\x91\x0fX\xf5\xdcQ\xf7\\`\x81\xbf\xb7\xd4\x18?\x9e\xee\x0b\xfa-\xa9\xe7\x0c\xff\x1cPd\xdbBv\xd5=\xad\xa0\xbd\x05\x11\xc7\xe1?\x19@\x07D\xfd\x1a\x83}\xee\x8aJe\x91v\xce\xf9Nw\x8c\xac\rh\x8dHv\xac\xa8\xaf\xdd\xae\x19a\xb2I\x95\x84\x84\xe1\xd84\xee\xfd\xd2v\x85\x87\'\xa9\x88R\x8f\xae\xe6\xd7\xd5\x04[^\xcc\x81\xc0"y\xd2\x99\x0eX\xe3\xe6{\xd4o\x84\xa89\x9a\xef1V\x15\xb2\xe3\x8f\xdc\xdd\xcc\x8d\x0b6\xd5\xd7\xb90"\xabI\x9du\xd8I\xd5\xe71\xdb\xb1\t\xbb^\xe84G\x96X+\x0c2\x86\x0b\xb4\xf8\x05\x16&gt;.x\x94\xc8\xe7\xe0r-\x02\xecd.]m&lt;\x81]\xa4\xd4\xcb\x13\x94\xe1[\x16\xecmx\x89q\xe2A\xd7\x95\x01\x1e\xfdq-\xa13k\xd2(\x04\x86d\xf3\x98\xec\xd6-^\xb6\xe8~\xb0-6X\x92\x01\xe2,\xb3\xa5\x9c9\x08\x00_\x18\x80M\xa5\x91\x08\x88\xa7\xf88F\x90K\xd6p\x96O\x97\x89\x88Y\xa3\xffX4\xd3p\x06\x06"oGn_:\x19\x91\xfe\xf3\xc2\xa6b\xde\x17*\xf9V\xb4\xd6W\xe9\x80\xd9\xb2R\xad\x83\xa3\x84\xc8[\x0f\xdb%L\xd6\x01\x95\x82\xc8u\xb6Z\xda\xe6\x96\x88D!LL)\x17=q!z\xef\xf2\x03h\xb3\xa1\xa4\x9cU\xfc!7H\xa8\xf4\xff\x81\xd8\xabxu[\xe5\xb7Ql\x93f\xac\x18p\'\x07\xfb\xcf\x12\x8b\x91\xf9\xfcu|Rc+u\xe6yA\xdc\xc1\x1bD\xe0\xed\xf8\x8c9\xdb).\xfe5\x96\x06\xd3\x0e\x00\xf7{]xx\x802\xff#\xa4\xbf\xbbI\x05\x0fq\\\xda\x0eD\x8b\xf0\x83\x02H8"h\x07\x8ee{\xcc\xe9S\x19\xb5=\xd0HG~$\xe2"[\xab\xb3r\xbd3R\x13^&amp;WE\x087\xab\xa9\xce\x11 L\xc0\xbc\xffX\xffd\x02\x95\xfb\x05]\xf5\x8e\x9a\x05\xe5H\xc7U\xc1&gt;\xbc\xd5\x0fG\x16k\xd4\xd1$\xf4\xedV\xf6\xa5\xd2s\x8c\x1fu~\x16\xc6\xfe\xd0\xce\xbd\xb8\xbd\x8c\x94\xce\xc3w\x8fH&gt;\xd5\x8d\xb90is\xf3y,\x01\xbcv\x07*%t\x1c\xf0\xd3\xaejf\x86\x13\x89\xb3\x14\xfd\xd6M\xac)\x18\\\x9c\x18\xbb\x17\\w\xa0k\x8fl&lt;F\xa2\xfaf\x93\xb1\xf2\xc9\x8c\xbc\x15\xef\xf5\x1fvp\x18Zkne_\xc0\xb9|y\xcf\xe3\xcb\x89\xcd\x17\x9f\xebAB\x88fK\x83p\xb8\xd02\xe9\xf9\x8dMT\xb0A\xaao\xa9h\x98\xe4Dm\xe6\xd9X\xabO\x10V\x10"\x887\x82w\xe6y\x03\xe7\xf6\xa5\xf3*h\xc1\xff\xc1\xa3+C\xe7@I\xd9\x1f\xd4&amp;;X\xd1&gt;\x06\xe4\x8bR\xc4\xe8\xda\xe7V=x\x00\xe3)\x1a\xee7=-\xaa]\xcb\xd3F\x0b\x87\xba\r\xa7%\xfe\x17\x16_\xcf\xb6d\xe0E\x14\x9d\x97\xda\xd4\xa0s\xa6\x1b\xf2|moe&lt;\x97\x03|ltT\x04t\xb3\r\x1c\x01J3\xe6\xa4\xb52\x8f\xda\xcb\xc5XX$\x86\x14\xda\xac\x94\xef9@\xe3u\x17\xfc\xcb\x92\xf9\xf1\x8e\x93\xa0\xdc\xf1U\x97^O\xf2\x8e\x1eA\xf0\xc2\xb2\x8fO\xcc\xe4?\xefN\xa5\xd4\xd5\x97\x1c\x1d\xbe\xf1\x8c,\x94 \xb75\xaf\xa0!^\xd4\x00\xe9U\xf1r(n\x10]\x07~\xc5\xec\x95\xffu\xd0\xe6\xbd&amp;\xff\xd7&lt;\xd5\xb0\xce\xdfeF\xdf\x13\xd6\x0c\xa8\xdfQ\xc9\xc4Y\xfc\xf3Z;\xb7\x03hX\xee\x18\xb7\xca\x18[iLG\xaem\x1f(\xa2\xdf\x15\xb0\x00Q\x82\xe0y\x82\xdc\xfc\x02\xde\xd2?\xeecU\xa1\xfd\xc0e_\xea.\xdaSSCg\xbebp\x12L\xed!\xdf\xcd\xa5&gt;\x9a\xf0\x17\xe5G8\xd6\x0bf\x85v\xe3\x8c\xa5-\xf7sV\xd4\x9a\xf6o\xc1\xdc:\xe4\xa3\x0f\xf7q5Cy:\x0b`5]\xb3\xb2\xc0\x16Ba\x13\xdf\x83\x9fO\x0f{\xd6K/\xf3_w\x80\x1e,\xb6\xa3\x93\xeb\xec\xc89\x85-\xa8\xb2N\xf8|\x02\x03\xbd\xd0#\x8a\xb8\x0e\x17+]\x95\xa8\xc5I\xf2\x18\xbdE\x7f\xb3\xe7P|\xfb\x99\x9f,\x96\xa3YCj\xf4\x1b\x0cU\x19\x0bw]\xac\xde\x88\x96\xc7\xe3\xa5\xf6\xf4\x18/\x1d\xc9\x0c"\xbe\xb8\xc7K\xd5\x8e\x1a!\x8f+4\r\xb6\xad"\x06\xa9k\xae\xf8\xa3\xa4\xcd\xd3\xaa\xdd\x93Z^\xafZ\xef/\xd1\x8b\xe7/~\xdc\x0f\xe9y\x81\x1eL\xf1\x86\xe5&gt;}f\xae:\x9b\x83-V\x80\xc7\x9a\x15-\x14\xeaT\xa5|\x06\xe4\x98v\xeb\x04\x8a\x1a\xfc,\x9b\xd6\x16-\x0b\xb4i\x80{"h\xeb\xac1\xaa\xa4;_ZI;D-\x85Y\xa9\xba\xc8p\xce\xab\x13\xc5.1\x16\x89\x94\xeba\x17\x8e\x1c\xe6N\xf5\x0ct\xe1\xc5\xb5\x05\xc8\xe7\xce\xbc\xee\xac\xc6\x87Z\xcc.\x00\xf7\x0bF\x14-K\x7f\xb8\xd4\x87!\xbe\xccOu@Q\xdd\x16\xf1\xa7i\xc4\xe1\\\xc5oN\x11\x08\xa0\x1b\xa8\xae/\x8d7nJd\x03\xbcxS\xb9Y&gt;\xdc\xc1\x0f\x8c\xd2\x16\xb7\xef4\x0f\xba\xda\xde\x9dr\xab\x01\xca;O\xf2\xea\xa8(&amp;\xf7\xdb\x85^\xcf\xf9\xd8~\xaaX\xe7\x89\x93W\x00v0\xcf;\x91\x90\xb1\x197\xe3j\xe2\xc4\x16^r\xd4\xb4Ku\xf8\x04|\x9a\xd7\xf7XG\xe7,X,\xed\x98\xbf?\xa1\xbb\xf3S\x0eb\\\xac{\xdfo{\xda\x89\x10\x0c\xcf\xe9j\xc5\xb8\x89\xf1\x8cG\xa1\xd3\xe2_\xe1\xf7\xa7I\x00e}\xc7\xaegW\x90\x0b_\xffI/\x8fn\xba\x0c\x12J\r&lt;\xd1\xa7\xacW\xf0Cbi\x10\x87\xbaOTd\xd2\xb3S6\x88\x14\xd6\xd8\xee\'\xaeH\x95.\xb8\xe5\xf3My4\x99\x89\xe8/[\t\x91$_&lt;\x1b\xed\x0cl\xb5\xba\xd8\x1bR;\x03@\x93\x1a\x9b\t\xad&amp;A\xda\xadTwK&lt;\xbc&amp;a-\x11X\x9f\xacP\x1b?\xdc\x7f\xc9RQXAV\xd8\x937\xe2\xb1\xac\x14\xbf@\xf6\xa5\xb0^\x16g\xbc\x1b&lt;\xf6\xf8\xe0x\xee\xf1\xcd\xa7\x88\n\xc8\x1a\x8bRXf\xca \xc5\xd1\x1fR\rnI\x9e3g+\xb0\xac\xe2\x8c:Q\xb0\xb1\x89\xcb\x88\xd5FWr30\xc0W\x95\x85\xb6o\xab\x99\xad\x03x\x14)\xd7\xbb\xb6nVxr\xd3\x07\x82\xe7tA\x07\xcc\x93\xa3f\xe3\xea\xb0\xaa$\x06*\xc8\xa4?Pe!\x04\x87"\x04\xdb,\xae\xcd\xa5\x80B\x94\x01\x13\xa2\xfbK8\x93|\x9eiI\xdaF\x9df\xfbG\xa2u\xf5RJ\xb4u\xfa\xa8D5\xd2\xd6GE\x82^\xe7\x13\xfb\xe6\xb3\xa0\x1fH\xcb\xf6r\xeeF\xb1|;\x88\xefF\x8e\xe0\xf6\xe9&amp;\xedE\xa1\xef\r\x18E\xafp\xce\x8c\xfd\xdaa\xfa\xfeph\x12\xe7?\xcc\xf1\x8e5\'\xc0(\xc5cV\x88\xc7\xc0\xfcsO;\x04\x86\xa0|*mg\x19\x16\x0b\x1b\xfb\x0c\x02r\xbe\xe74\xbe\x0b\x11\xe6\x06\xc4Qw\x1f\x13\xa5q@\xbfFs\xc7\x9b\x97H\x9e\xe1d\x04#\x88\x17\xa7\xb01\xc2\xbf\x19\xfc\xf0qc\x82\x12\x91;\xa4\x9b\xeb\x02\xdc\xae\xecwBs\xaa\\1\x8c\x993\xbd\xae\xbe62\x9e\x88\xb3\xa8N\x9a\xeb\xb0\x01|}\x8f\xca\x1e\x19\xff$\x99\x08\xda\xed\xaf*Q\xde\x9cV\xae'</t>
  </si>
  <si>
    <t>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</t>
  </si>
  <si>
    <t>b'Z\x14\x0cr"\x92\xa1\xf4P\xa5I\x0b\xf53\xdap'</t>
  </si>
  <si>
    <t>e great Lion, of which they
were much afraid. The people were all dressed in clothing of a lovely
emerald green color and wore peaked hats like those of the Munchkins.
47
"This must be the Land of Oz," said Dorothy, "and we are surely getting
near the Emerald City."
"Yes," answered the Scarecrow; "everything is green here, while in the
country of the Munchkins blue was the favorite color. But the people do
not seem to be as friendly as the Munchkins and I'm afraid we shall be
unable to find a place to pass the night."
"I should like something to eat besides fruit," said the girl, "and I'm sure
Toto is nearly starved. Let us stop at the next house and talk to the
people."
So, when they came to a good sized farm house, Dorothy walked boldly
up to the door and knocked. A woman opened it just far enough to look
out, and said,
"What do you want, child, and why is that great Lion with you?"
"We wish to pass the night with you, if you will allow us," answered
Dorothy; "and the Lion is my friend and comrade, and would not hurt
you for the world."
"Is he tame?" asked the woman, opening the door a little wider.
"Oh, yes;" said the girl, "and he is a great coward, too; so that he will be
more afraid of you than you are of him."
"Well," said the woman, after thinking it over and taking another peep at
the Lion, "if that is the case you may come in, and I will give you some
supper and a place to sleep."
So they all entered the house, where there were, besides the woman, two
children and a man. The man had hurt his leg, and was lying on the
couch in a corner. They seemed greatly surprised to see so strange a
company, and while the woman was busy laying the table the man asked,
"Where are you all going?"
"To the Emerald City," said Dorothy, "to see the Great Oz."
"Oh, indeed!" exclaimed the man. "Are you sure that Oz will see you?"
"Why not?" she replied.
48
"Why, it is said that he never lets any one come into his presence. I have
been to the Emerald City many times, and it is a beautiful and wonderful
place; but I have never been permitted to see the Great Oz, nor do I know
of any living person who has seen him."
"Does he never go out?" asked the Scarecrow.
"Never. He sits day after day in the great throne room of his palace,</t>
  </si>
  <si>
    <t>b'WXl4F\xb4\xb4\xb5\xa6!\x0eT\xfc`\xf8\xd0\xc5-XjS\x89p\x91\xce\xac\x8fP\x07Y\x13\xf3K\xa3\xbc@r\xddM\xedJ\x06?w\xe4\xa3\xce\xe2l\xc6\xcf\x04\x00\xd4\x82\x89\xa8e\xc5cY\x8c\x16\xd8\xb1\xe6\x8b\xbd\x12z\x88\xf4\xcc\x89\xb8\x07@\xa3\x0cik\xca\x9d\x8a\x07\x0f\x11\xe5\xe8\x05\xe0wsr\xe7\xe0\xbdR\x02\xdb\xc9\x1d:#U\xc8V3\x81\xf3{\xf1\xd6\x97\xc6\xf1\xb7\xf2j\x8e\x900O(\xdc_\x10Z\x1c\x8a\xc77\xd8\xe82tf\x91j\xbcb\x9e\xfa\xef|\xach\x05Wp%\xe0\x8b\xee\x88n$\\\xacH\x1dis%\xcc\x9d}u\x16\x83\x7f\xf2\xc0j\xe9\x99\x11\x14GrG\x8e{FV\x08\x93\x88\x97\xde\xc8\xe7\x8a\x1a\xe1\xa8\xa5\xd9j\xb4;\xd8E\x89\x02\x17\xa3Y\xb5&gt;c41\xef1\xbf\xad\x16\xe0\xf8\xccwC)\xe8\xb2\xf3%\xf6\xdb\x84;\x0b\tW\xd3r\n+}\xf3\xb2\xcc^\xcf\x9c\xe7\x1bF\xa1F\xe6\n\x8f\x10Hgy\xd6\x9e\xbbD\x10\x87\x97Y\xdb\xf2\xab\xa6\x14u3Na\x0e\x950%\xc3\xf4,\x1e\x96\xe1\x15+\xd9\xd0%g\x8c\xb9\xe6\xb3}\x04z0\x93\xdc{\xd3C\x96*\xad-{\x81\xa4\xc0\xe4\x08\x82\xfb\xd3\xbb\xceJ\xa4\xef@\xd4\xa0\xa04\x97Z(\x012\x89\xa2\xc4QV\x13\xbc\x96\x99\xafB6Va\xa8\x96\x8f\xed"\x10|\x84\xb5\xce\xa5\x93\xb4C\xe2\x1c\x92A;\x87\xa4\x0b\xc8N\xb2\xc7{\xf8Lq0|,\xa8\xed\xc17T\xbfp$\xd5\xcb\xad\x08\xeb\xb3Tm\x80e_^\xf8\x81+\x8f~La/;6\xf2E\t\xf8\xac\xf4i\x99\xabR.6\xa8JG\x97nL\x86\x0b\xf4\xfd\xc7k\xf1\xaa\xf7@\xa4O&gt;d\xde5\xe8\xd3\xe0\x0c\x9eL\xf4X&amp;\xd7M\xca\xe8\xdb\xeb/\xe2l5Y\xefut\x12\xd1\x1eo8\x0f\x86\x0e\xad\xc8\xed!q\xf2\xf28\xd4Y\x85/\x171\x16\x0c\xac&gt;\xb5\x82\xb1\x18\xcc\x91\xdc\xa8\xa5\x13\x19p\x88z\x1d\n\xb4\xa4\xb7\xcep\x85\x1d:^\xef{\x1dV\xf5\xe3\x11\xad\xbe=\xe3q\xb3\x88\x9f\x9d\x94\xd1\xa9\xd7\xd6\xeb\xca\x1b\x0b2DU:\xc4q\x88w\x8b0@\x94\x88(\xfe\xdc{\xbd\xe0\xc3\'|\x8c\xcf,\x99)\x0c\xdc&amp;\xe3\x82wM\xb5)\xcbLxX\x9c\xf4\xca\xd1\x0e\x7fhT\x01\xf5\xd0\x81&lt;\x0eq\x9c\xa1z\x95\xd8\x17l5(\xd5\x8eg:h\xdc\xfcJ\x1f\x0e\xd7K\xe8}\x15\xa7#[\x08\x0b#=\xb2\x97C\x08F\xc1\x9e\xb4\xfff4\x05_\x94\x18W=&lt;\xcb\x93\xd8\xf2\x9d\x16\xcfI\xd6\xa4\x0fr\x89!\xdbX\x1c\x99\x8f\xad\xef\x0fl\xbf!R\xb3Y\xe6\x14{m\xb2\xe2\x16\x89;b\xeb\xef\xda\xd1,\xec\xe2\xe4&gt;|\xd2S\xbe\xe4$\xb7\x98\xd8\xdd\xd0I\x8b\xb7\xa1\r\x08\x00_\xf0\xed\x898\n/\xc9\xe5\xb0\xb5V\x962Q\x8dH\xbe\xa3 \x90\x1b\x93\x88\xe1\x0b\xf1o\x94\r\xa6Y\xbd\xb7\xef\xb9\x9bP\xd2W{]\xbd\x19,\xd7|\x98\x9f\xc8-\x1aq\x07\x98A6\x92\x069"P\xbe\xda\x10~\xff\xf9\x9b#\x8f\xe7\xd7\xd2\xf52\xd6\xc0\xb5*\xe0\xbaeX\xf4\xedzD\xe6\xbe&amp;\x93\xb9\xf8\xdc\x06\x13`du1\x95\xd5\x01\x89\x1ec/9[\xa7=#5\x8b\t\xde\x80\xde\xda\x89\\\xf4\xd8\xe1\xe8b\xae)DL\xe0\x82-p\x8bK\xc9r"/\xb9\x18\xb5\x8dV\x9a1\xb7`\xb8\xe95\xb2\xb7\x81o|a\xcaeXl7r\x86\x10\x07n\x8f\x05vp\xbf\xe8\xd3\x94\xf8tX\xea\x12X\x9b\xad\xf4\xa5\xca\xf4;\x92\xe1c\x9c\xb1om!/\xe5\xa9\xf5.\x9a\x87\xd0\x05\x88&gt;ebq4\x1d\xc7$\xe6\xe1\x11\xf3,\x81#\xc7\xbc\xfb\x86E\xe8\xa3\x98\xe6\x97\xe0\x87=\xac\xc1yN\xf3\x99X\xde\xa72\xabW\xac\x91#\r\x9e\xdcdS&lt;\xa1]\x88P\x1a\xa1\x1f\x8d\x13*={K\xa2t\xd0\xd1[\x9a\xd7]\xe7\x1a@xW\x89\xc7\xf5\xcb\xdf\x90\x06\x94g\xf6h&amp;XJ\xe2\xa5\xe1\x18\xbf*\xd4\x9d/\x98\xc8|\x19\xf1\xf7\xbcV\x0e\xa7\x9d\x19\x8f\xaf\x1d\xb3\xe7\x15mE\xed\x93\xa6\x8a\xe2\xf2\r\xa4,\x9f(u\x08R*\xb1\xd8R|4o\xb8\xf4\x82\xb6\x9d\x96\xc3\xc9o\x98\xafw\xa5\x82\x03_\xabu\xfc\xd1W\x89&amp;\xc5g\xe6\xf7p\xaf\x13u\xbe@\xfb\xdb\x98\x19\x8b\xf3\x1c#\x8di8+\xc8&lt;\xcfd*7\xe7\x8e\x04x5}\x9d\xdb\xbd\xa2B\xa6\x10\xbf&lt;\xda\xffwk\xc32\xd7\xf3\xa7\xc4\x10\x01\x17\x14\xc4\xbcl\x8d\xf8\xcak1\xe8\x98\x03Oi+\x0e\x0e\xb9]\xf39\x1f7/\xa6$\xf8\xdcr\xdf\xa5\x98\xa1\xef\x0e\xfd\xf5|\x9b\x0e\r\x84\x92V\xd7J\xee\xe5.w\\k&gt;b\xa2\xe3iH\xa4\x1c\x16\x00#\x1d\xf9h\r$WQ\x13t\x1e\xf6%\xda!\x1eH\xa7\x9bo\xc8\xc6\xba{N\xf9\xf7\xb3\xd1\xdd\x93\xfa[gi\x0f\xfad\xa9\xed\xd2\x0f\x8c$l\xc5\x0f\x1c\xb1ww\x1d\x8f9\xc3)\xec\xcc\xc6!\xa6\xda8\xcc\x89l|\xbb\xadf*\x05\xe8\xb0\x81\x91\xa6\x06\x02\x9b\xf2\xfaW^To\x0c(\xd8Z\xc0\x16\x90\x18\xbdK0Ea&lt;\xfe\x1e*\x9ckqB\xbe[\xc2\x1d\x81*t\xb2Y\xce\xf1\xbc\x92,\xf2\xe7 \x118m}\xc8\xdc``o~\x8b\x92=\xac^C\xec\xadM\x17\x05\xb9\xb8\xbe\xac\xd8\x9c\x15\x08\xd8\xcbw&lt;~Zp/\xfe9H\xb2c|\xb9\xd1\xa6\x86\xb5\x1e\x9b\xe3\x1ep\xb7\xb7mFtDc\t\x05\x95L\x8cu\xb0I.\xed\x1b\x81\x96\xa4\x87\x1c\xc9l\xf5\xe8n\x15\xf3\xbd\xaa]\xe1\xddW\xd5\xe4o\x0c\xf1)@\x93\xf4\x98\x06\xba\xcd\x9c\x01\xc4\xa8\xaa4\x9cnF\rm\x8c\xc9\x94[9a\xaf\xb2\xdc\xb2c@&amp;\xd7E6\x14u\x0b\xa5\xaf\xce\xc4|\x1fFt^\x02\x05\x16\xd2:@\xe9u\x92\x1a\\\xb9&gt;\x13\xc0b\xfc\xff\x91S#\x1bJ\xc6\xdad\xfe\x12s-?\x13\xea\xb9l\x95\xc3\xf0\x89\xd1M\xdd\x8fq\x96\xb5\xf1\x18N\xf9\x12\xfdRx\xe6\x1d\xf3u\tMf&amp;\xed\xb5m\xe0\x89\xa0\xfe\xe2\xc43U\x01\xae\xfb\xb3#Y\xa57\xd3\xe2\x03\xf5\xf5\x0e\x17\xaem\xa2F\x82\xec\x90\x83\x9d\xaf\x80\x87D\x9b\xfal\xd2\xd5\xd8\xe4D\x06Y\x7f\x86\xcc\x81\xb7\x98$\xfb\xbe\xb3m\xc2\x9e\x1ei\xd5\xc3P\x82!\xcd\x19Y\x17P^\x8c\x9fb\x8eS,[P\x96w\x01\xba\x84L\xe3!pJ\x03\'\x92&gt;\xe5V\rR\x0b\xfe7\x0e&lt;\xc8\xfc\xe0g\xc7\xed\x89\xba\xcd\xe8\xf7\x15\xf5\x01\x9a]\xbc&amp;C\xb6\x04\xa0\xabg"sZ \xe2\x02HT\xf0o\x06\x96\xca\x8dy\x82\x03\x80\x16\xb8\x9d\xa3\x1d\x89\xc1\x9eATi\x8b\xf4\xb8\xfb\xed{J\xb5\xa5\xa1\xce\x17(\xc9Xdv\xce\x18r\xe7\xb7y\xdd\xc3g\xe9\x11\xc8\xb8\xccJ\xe6D\xb2j\xaa\x0cC\x81TsL\xb3,\x1f\x0c\x8d\x10\xd7\xaeu\xca\x88\x18\x91\x95\x9c_\xf9\x99\xb4s[\x16\xefv\x19\x8a5\x06\xb7\x17\x03y\x07\x0c\x95\x0e\x96-\xf3AL\xed\xd6,\xab\xdf\xccW0\xfe\x97\x8e\xa4\xed\xa7P=\xe8W,\x81\xf0\xcas\xd0\x8c\x96\x92C\xa5\x9c\xce\x97\x86\xfeg\xe6\xd9#\x80J!\xdd\x8e\xb1%&lt;\x99\x04\xad\x8c\x91z0\xc0\xd9\xb1\xa5C\xd0\x89\x01C\xa2a\x1d\xc8\xf3%O\xc9\x9a\xa7\x01\xfab\xf5s#\xe1\xb0\xcc.\x08\x861He\r&amp;\xd3\xc1%\xfa\x1d\x19"]\x92\xc6\x8e\xd0\xa5Z.\x197\xfc\xa2\xa8\x17\xc0d^c\xdd\xb3\x7f\xda\xe2\x96~M\xa9\xe5\xe9\xcb\x93_C$k2in\xc5f;\x9f\x87\x1f\x8f%\x99\x04\xed\xb3N\xf2\xb6\x05]\xd0\x90\xcfu\xb3s\x89\x80\x11\xc7\xe8\x83~#\xaeCp\x07=\x83\xcf\x0fZ\xea\xa6\xb7\xa6\x99\xbd2\x91\xf8\xef\xb1\xab\x13\xbd\xa9\xb26\x99\xe2\xd69\xb2\xf5\n\x18\xec\x9a\xbc (v\x91&lt;\x15#0\xef\xdb\xa9\xd4\x1fM \x9c\xddg\xca6\x12:\x12\xd4a\xbf\xa3.S\x9f{\xf6\x07\xa0b\x16\xff\xeb\xb4\x80\xc1\x15G\x891@=\x18c\x7f\xe9&gt;\x93\xce\x0f\xc6\x9a@\xfb\x19\xfa\xa7\xba\xe75\xf7\xae\xb6\x88f\x88v&lt;\x95\xf4\x91\x98\xf5hA``&lt;X\x0bH&gt;"\xa2\xc3#\xaci~\x8b\x00i*\x1f\x00\xee"\xa9\x04\xbed\xe0\xe8~\xaf\xf2CuR\x926O\xa1\x82-=;Q\xd3\xe4nn2\\\xabmG\x860\xa4N\x07{\r\xaf5\xb6\t(@\xaawv\x1f\xd0\xd5\xb3VezB\xc8\x07\xf1\x0f(\xccD\xa2I\x89{\xdb\xe9\xfe\x12_\xc9\x0e8i\xadN/\x0e\xd2-\xd2\xdc\x18\xf2:!\x7f5\x93]\x11\xc4PTjA{H\x8e\xd8F\xe9|\x98\xf5&amp;\xe7\xfc\x98\xfc\x81\xd3\x9f\x06q\xb201\xa8-}\xeeIbH\x80c\x81\xac\xbfI\x0b3\xc2\xc3;\x9a\x17D\xa6/\xd7\xed\x1f/\xfc\x90\x9c~\xd5-\x85l\xcd\xbe\xe1z\xe5\xcd\xae\xe3\xa9\xca8\xd8_\xaf\xd4\xe4\xc8\xf2n\x9d\x050\xfcM\x8bW\xb6=\x99|'</t>
  </si>
  <si>
    <t>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</t>
  </si>
  <si>
    <t>b'WXl4F\xb4\xb4\xb5\xa6!\x0eT\xfc`\xf8\xd0'</t>
  </si>
  <si>
    <t>and kept repeating to himself, â€œNow,
 either the warrant will be at Hong Kong, in which case I shall
 arrest my man, or it will not be there; and this time it is
 absolutely necessary that I should delay his
 126
 departure. I have failed at Bombay, and I have failed at
 Calcutta; if I fail at Hong Kong, my reputation is lost. Cost what
 it may, I must succeed! But how shall I prevent his departure, if
 that should turn out to be my last resource?â€
 Fix made up his mind that, if worst came to worst, he would
 make a confidant of Passepartout, and tell him what kind of a
 fellow his master really was. That Passepartout was not Foggâ€™s
 accomplice, he was very certain. The servant, enlightened by his
 disclosure, and afraid of being himself implicated in the crime,
 would doubtless become an ally of the detective. But this
 method was a dangerous one, only to be employed when
 everything else had failed. A word from Passepartout to his
 master would ruin all. The detective was therefore in a sore
 strait. But suddenly a new idea struck him. The presence of
 Aouda on the Rangoon, in company with Phileas Fogg, gave
 him new material for reflection.
 Who was this woman? What combination of events had made
 her Foggâ€™s travelling companion? They had evidently met
 somewhere between Bombay and Calcutta; but where? Had
 they met accidentally, or had Fogg gone into the interior
 purposely in quest of this charming damsel? Fix was fairly
 puzzled. He asked himself whether there had not been a wicked
 elopement; and this idea so impressed itself upon his mind that
 he determined to make use of the supposed intrigue. Whether
 the young woman were married or not, he would be able to
 127
 create such difficulties for Mr. Fogg at Hong Kong, that he
 could not escape by paying any amount of money.
 But could he even wait till they reached Hong Kong? Fogg had
 an abominable way of jumping from one boat to another, and,
 before anything could be effected, might get full</t>
  </si>
  <si>
    <t>b'\xfb!\xed\xf5\x05\xf1\xdcF\xc3\xd7*\xe4-I\xba\xf9W;h7yQv\xe8TW[\x9a\x7f\x8eZ\xfe'</t>
  </si>
  <si>
    <t>fb21edf505f1dc46c3d72ae42d49baf9573b6837795176e854575b9a7f8e5afe</t>
  </si>
  <si>
    <t>b'\xfb!\xed\xf5\x05\xf1\xdcF\xc3\xd7*\xe4-I\xba\xf9'</t>
  </si>
  <si>
    <t>various offenses against the
emperor, a sorry spectacle of ambition, betrayal, fear, favoritism, obsequiousness, and
hidden agendas. In other words, a far cry from victorious battles and political
convulsions. But however much Tacitus may regret the focus on the emperor and
the diminution of the historianâ€™s opportunities, these realities could not be denied.
The literary sources examined in the balance of this chapter are grouped by genre
(history, biography, summary history, limited history), but in all of them the historically significant event is generally connected with the center of power, i.e. with the
emperor (Pelling 1997).
The exceptions only prove the rule. Suppose, for example, you want to know about
the political situation in January of 69 CE. Tracking the emperor, Galba, will take you
to Rome. There you will find that his hold on power is tenuous, since a coup is being
planned under his very nose. The machinations of an erstwhile supporter and some
praetorian guardsmen go unnoticed, however, since Galbaâ€™s attention is drawn to
another challenge to his power, this one mounted by the legions in G</t>
  </si>
  <si>
    <t>b'D\xa1{\xcep\xa5M\xb1\x0bN\xee\x90\xd3\x7f\xf4\xf9\x00\x8cD\\Dg\x18\x0c\r;ut\x0f+\x14\'\xc1O#\xb3\xc0}gA\xa8\xba\x1d\xd5\nb\x1e}Pr\xc77\x17\x1b\xf14*\x9b9\x14\x9b|c\xfc\xcb$\x84&gt;y\xa1\x14mx9\xfc\xf2\xf2y0\x8f[\n\xbedR\'\x9e\xf4\x03/\x7f\xe3\x1b\xc1;\xe8\x8c\xc3/\x1b\x87\xdcss\x16\xf6\x14\xd3"\xa7O\xe0/@\xd2$\xf7\xd0\x18i\x0e0\xd9A\x94\xbe\xab\xd9\xfc\x1c\x04\x04TMg\xac\x18O\x08!\xe4.\x19\xecv\xe8\xb5n8\xcbMl5\x8e\x8b4\x8d\xc7\xe9\xaf\x81C\xc6j\xf6o@\x98\x1b\xbd\xabQj\xd0\xac\xe0p\x0c\x94;G\xabi\xca\xb4\xfa0\xd2L\xbb+\xa8I\xc1\xbb\xfa\x97\xb86D0\xd0\xe9 _\x13\xec\x1aO\x8dMsU\xea5\x19\xef\x90\x0c\xf5\x92\xedL\xcaq\x95\x1c0\xfa\xc8\x88\x03"\xfa\xc5\xc4\xf8\x96l\xa3\x03\xbejx?h\x1f\xff\xd2\xdd\xf8\x1a\xa2\x8e\xe6\xda\x06B\xcd\xa4E1\x9f\xcfR\xd7_b\x00\xcdj\xae\x16\x9dK\xd8\xdf\xac\xc1p\x04r\x17\xbaV\xa3!]\xd9\xd9\xa2\xa2\x865\x9d\xdb&lt;i\xee\x1cO\nw0XXUc\x1a\x9f\xa0d\xda7Q\xcc$$FJ\xe7\xcdT\xd85\t\xef\xe6A\x894H\xb1\xfd\xdb\x85l\xfc\xe6\xde2N\x801P\x11\x06\xb4o\xc1\xfa\xde\xa1\x93\x9d&amp;7\n\xf0C\xc2jI\xf6D\x89\xc7\r~{\xa5\xa1\xd4-\xb7\x1c\xa6\xb1o2\xfd\xd1\xaa\xb5\xe9\xb0\xd43l\xde\xc2\x0fG\x0ft}\x01\x0cP\x01\xaf\xdcq\x03\xc5u\xa6\x9d\x10\x06\xcf\xa4\x1e\x92\x83\xfb6\xfd\x19IQ\xdby]d\x15\xe0Jr\x85{v\x94\xd6f\xd8\xda\xa2,\xa1\xeaL\x17\xd1p\x83\x10\xbd\n;\x18\x01\xfb\xf7\x00i\x8c\xde\xe7\x8a\x8a\xe8\xff|\xb1\xf1\xe9u\xab\xe2\x03,\x83\xb9:\x00l/A\x99\xb3\xd8\x07\xe5\x99bC\xfb\x1a\x1a\xbc\xfc \x1cC\xc0\xc1\xd9\xc0\xf2\ra\xd1\x88)2\x1d\xf7\xa6\xb8\xa70\xddk\x04\x02\xa5z\xba\t \xd2\xe1x4y\x9a\xa7j\xefDz\r\x83\x1e\xcf\x14\xd2\xa1\n_%\x94\x18\xfc\x1b\x04\x11D\x9b.!#\x7f\xea5Y\xbb\xcd}\x96N\xc2,\x07\x8d\x0b\xc1K\xb6\xf6el\x13H@A\x00P0Htb\xc4\xd0k\x85\x12\x852y\xc8D\xe3;\x8b\xb8~\x9cJ\xb6;\x91\x87\x9c\n\x81\xac\xa3!\x98a\x06\x07!u\x141\x9e|\xb9\xda\x12\xc7\x0e\x0253\xe5a\x16L\xe2&lt;K\xb0\x05\x125\xd0\xf1\xf7\x82\xd3\xda\x00A\x86\xc9F\xe0c\x9d+S\xfe\xedtx\xf5\x97W6\x15\x01c\xcc/\x98\xe8\x90Z+w,\xa1p\x04p\x07\x93\xc4\xd5\x92\x0e18y\xfdR\xbfst\x92\x12\xa9i\xc4c\xe6\x84\xab\xe0\x06\x19(s3\xac\x02\xf5\x98\xbdz.\xc8\xd1\xd0 \x03\xfck\xbdF\xf9\x80\x17\x01\x8a\xb0#\xe6\x94*\x08\xc5\x93V}\x9a\xa1\xfa%D\x8b\xcf\xc8\x0f.\xbb\xf0\xa7!\xa2\x90\x7f\xde\xf28\x1f\xbb\x84\xac\xbf}\x0b\x81\xbct!\xce\xa8\xe76-\x8c\x1cH\xc2\x97\xbe&amp;e\t\xae\x1c\xcbY\xa8\xd1}\xe0\xd5\x95P"\xb3\xe9\xc2M\xafS\xc5\x94{0~\x85\x0b\x17\x89\xe7U\xaek_\x1dUo\xa2a\xe5\xb5\t\xa7\xc9y}E\x92\x85*\x81\xa2c\xbb\xd3^Hd\xab6\xd7P&gt;\xc6-\x9f\xee\xf4\x01y\xb3\xe7\x0b\x15\x90\x03u\x9e/\xdd`\xd7:"c\x0f\xd9y\xa2\xfb\x86\x1f&gt;\xfb\x05\x12\xf2\xc3 \x88t\xbe3\t%8\x10.5\x1e\xdf\xc3\x8c\xab4;\xbb\xc8]\xdd\xa7\x1eV\xa1\x04\x13\x95\xef\xe45\xd9\x0bW\xed\xfa\x8e\xef\xeca\n\xd31\xc2\x9c\xe9\xbcls\x18\x94c\x8bh\xff@]\xd0Q\xe0[+?M\x80\xcf\xed!u\xfe\xbd\xcf~VC6\x7f\xfa9\xb0\xa9\x98 \xa4\x08;\xcb\xe0\x03\xdc\xca\xf7\x17\xf6\xf2\xcf\x1e\x06\x84\xf1Go\x12\x8c\xa1:\x88K+\x01\xf8"}0\xb3"\x1b&lt;\x10\x80\xba\x7f$VH\x9d7\xf9\xd9\xc6}\xbf&gt;\x9as\xe3\xdeR\x8c\xb3+o&amp;W\xc0@X\x1b\x98\'6\xc6\xc4\x91\x9f\x90oI\xd8W\xee@\x8c\x82\xe3\xce\x9fH\xd4\\\'\xd0\x9bk\x907\xd9\xf7\xcc\xd7\xb9|\xd9Pd\xca\x96a\x17\xa2\x80\x15\xe5\xbfk\x12\r\xc3\xc2\x7f\xc8\x96a\xe5\xa9\x15\xab0\x91TYX\x0c\x06\x01M\x08\xc6zW%:+\xe2\x96\x89\xe6\xe8[ZY\xb1d\x8c\x15\x10\xdf\xb7\xe5U\t{}\xb7\xf0a\xb9\xb8j\xec@\xe1\xc2C\x0f\xb2?og}MF\xf3\\V\x05\xdc;\xe5\xe2\x15'</t>
  </si>
  <si>
    <t>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</t>
  </si>
  <si>
    <t>b'D\xa1{\xcep\xa5M\xb1\x0bN\xee\x90\xd3\x7f\xf4\xf9'</t>
  </si>
  <si>
    <t>form,
  f (z, t)? Well, the displacement at point z, at the later time t, is the same as the
  displacement a distance vt to the left (i.e. at z âˆ’ vt), back at time t = 0:
  f (z, t) = f(z âˆ’vt,0) = g(z âˆ’vt).
  (9.1)
  That statement captures (mathematically) the essence of wave motion. It tells us
  that the function f (z,t), which might have depended on z and t in any old way,
  in fact depends on them only in the very special combination z âˆ’ vt; when that
  f(z, 0)
  f
  f(z, t)
  v
  vt
  FIGURE9.1
  z
  382
 9.1 Waves in One Dimension
  383
  f
  T
  Î¸
  T
  z
  z + Î”z
  FIGURE9.2
  Î¸â€²
  z
  is true, the function f (z,t) represents a wave of fixed shape traveling in the z
  direction at speed v. For example, if A and b are constants (with the appropriate
  units),
  f1(z, t) = Aeâˆ’b(zâˆ’vt)2, f2(z,t) = Asin[b(z âˆ’ vt)], f3(z,t) =
  all represent waves (with different shapes, of course), but
  A
  b(z âˆ’vt)2 +1
  f4(z, t) = Aeâˆ’b(bz2+vt), and f5(z,t) = Asin(bz)cos(bvt)3,
  do not.
  Why does a stretched string support wave motion? Actually, it follows from
  Newtonâ€™s second law. Imagine a very long string under tension T.</t>
  </si>
  <si>
    <t>b'1g\x19\x18\x01\xb8\xbd\x17\xaaUq\x17\x05\xa0W\xb0\xf1\x8a\x80\xbfGh\xc7K\xfc\xb13\x8eAJL\xe7'</t>
  </si>
  <si>
    <t>3167191801b8bd17aa55711705a057b0f18a80bf4768c74bfcb1338e414a4ce7</t>
  </si>
  <si>
    <t>b'1g\x19\x18\x01\xb8\xbd\x17\xaaUq\x17\x05\xa0W\xb0'</t>
  </si>
  <si>
    <t xml:space="preserve">s Alice! Come
here directly, and get ready for your walk!â€™ â€˜Coming in a minute, nurse!
But Iâ€™ve got to see that the mouse doesnâ€™t get out.â€™ Only I donâ€™t think,â€
Alice went on, â€œthat theyâ€™d let Dinah stop in the house if it began ordering
people about like that!â€
By this time she had found her way into a tidy little room with a table in
the window, and on it (as she had hoped) a fan and two or three pairs of
tiny white kid gloves: she took up the fan and a pair of the gloves, and was
just going to leave the room, when her eye fell upon a </t>
  </si>
  <si>
    <t>b'\xd2\x82\x9a\x03\t(gM\xc6\xce\x8e\x81\xa8E\xc0q\x17\xcd\xd5\x14\xbe\x85\x97\xacH\x9f\x98]\xf1\xd4\xdc#W\xf3i\x13\xb4\xbf\x16\x9d \x0fV\xdb \xbe\x85\xd2g\x1b\x18\xfeRj{\xe4-\xd0/\xd8\x15\xcf\xde\x1a\x15\xb9\x86\xe7A\xed\x9a\xb0\xbbS\x1d\xa3n\x8ej\x1c\xf5rFy\x9fH\xaa\xc1\xc1M$\x1d\xebl\x90\x06\x11\x02\x0b\x0e\xfc\x0b\xf7\x92\x8cn\xb3\x9f\x88\xeeu5\xac\xf0d~\xb3\x1b\xbb_\xeasS\\d\xa3[\x0evy\xff9\xa3f4\x06\xbb\xadF]\xc7|@\xf0=\xed\x8b)\xabG\xa2\x01\x96\xe3ri\xf6\x8fc\x01\x17\xf4d_\xa2\x1a\xea\xe4\x10|\xc51\xd4\x97\x1dS\x88\xea,\xb34x/\xa4\xd5wXf,\xca -\x908\xf7\xd1\xf9I\xdf\xa8\x00\xbb\x8fS\xb2hM3\x8d\xb0\x98f2!\xbc\x90\xa3\xd2PY\xa3k\xa4MpT\xcb\xbcEy\x11pm\x02\xd8\xea\xa7\x8eE\xe2\xad\xdb\x8dj\x8f\x0e%\x0b\xff\x98\xaf\xe6F\x8bCt\xb9!\x02\xbf.\xe6G!\x1e\xf8\xd3g\x1ca\xe2\x18\x83d\x11]pp\x1d*N\x1a\xc8\xfa\xfe\x126O\x83\x03!PD8\xaf\xe3z\x92\xfe\x19\xfd\xe5\xad\x08\xb5SI\xcf\xb6|"{\xbfX\xab\x81\x1f)C\x81ut\xfb\xcb\xfc-7@\x02\xfea\x0f\xeb\xec\x95\x08$W\xc6\x15*O3\xae\x8b\xafb9P\x16a\xdd^\x02\xc9\xf1\xf0-)\xaf\x93\xf3\xcb\x10\x1e\xea\xb3\xf7\xc8\xd8m\xa5\x89:\x83MR_n\xc0\xad\xb9w\x92\xd6\xbe&amp;\\C\xd1\xb6\xfa\x9a\xa38\xa9\xc2L6\xce\xe8\x06\xcf\xa5\\I@\xf2q\xc1\x8a\xce\rt\xbdP\xa8@6x\x93\xa7\xb2\xdc\xee\xd6,\x06\xf15NT\x1b\x12\x95\x1d\xf62\xca\'\xd5K"$\xc0\x9a.s\xfcdG\x14\x06\x8firV\xa9\xb94Qx\x94\xbag\xcb\'l\x19\xb9)\x9c\x13\x0b\x0f\xf8\xa7\n\x8c\xb4L\xb4\x06\xc8\xf6\xe4\x91jz%\xb0\xf3R\xf6\x13{2\x12C\xc4|\x19"\xd6MUm\x93\x91g&lt;\x12`r\xc7DD\xf1\x88\xe5\xa3\x0c\xb3\xab\x13/*\xd5!%\x88*)P\x0c=\xad\xa3\xfdl\x8a!\xe8\xfd4\xc5\x1e+\x00\x85v\xd4\xee\xed8RV\xb6\xb9\x07\xc2q\x93'</t>
  </si>
  <si>
    <t>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</t>
  </si>
  <si>
    <t>b'\xd2\x82\x9a\x03\t(gM\xc6\xce\x8e\x81\xa8E\xc0q'</t>
  </si>
  <si>
    <t>th a bright light showing through its blinds,
 and the chimney smoking beautifully, and Peter standing on guard. After a
 time he fell asleep, and some unsteady fairies had to climb over him on their
 way home from an orgy. Any of the other boys obstructing the fairy path at
 night they would have mischiefed, but they just tweaked Peter's nose and
 passed on.
 CHAPTER VII
 THE HOME UNDER THE GROUND
 One of the first things Peter did next day was to measure Wendy and John and
 Michael for hollow trees. Hook, you remember, had sneered at the boys for
 thinking they needed a tree apiece, but this was ignorance, for unless your tree
 fitted you it was difficult to go up and down, and no two of the boys were
 quite the same size. Once you fitted, you drew in your breath at the top, and
 down you went at exactly the right speed, while to ascend you drew in and let
 out alternately, and so wriggled up. Of course, when you have mastered the
 action you are able to do these things without thinking of them, and then
 nothing can be more graceful.
 But you simply must fit, and Peter measures you for your tree as carefully as
 for a suit of clothes: the only difference being that the clothes are made to fit
 you, while you have to be made to fit the tree. Usually it is done quite easily,
 as by your wearing too many garments or too few; but if you are bumpy in
 awkward places or the only available tree is an odd shape, Peter does some
 things to you, and after that you fit. Once you fit, great care must be taken to
 go on fitting, and this, as Wendy was to discover</t>
  </si>
  <si>
    <t>b'\xb7,\xd9}\x17\xb7\x8cC'</t>
  </si>
  <si>
    <t>b72cd97d17b78c43</t>
  </si>
  <si>
    <t>hey
 rather fascinated her. When she found herself alone in the attic she
 always preferred to sit on the bed until Sara arrived. She had, in fact, on
 this occasion had time to become rather nervous, because Melchisedec
 had appeared and sniffed about a good deal, and once had made her
 utter a repressed squeal by sitting up on his hind legs and, while he
 looked at her, sniffing pointedly in her direction.
 "Oh, Sara," she cried out, "I am glad you have come. Melchy WOULD
 sniff about so. I tried to coax</t>
  </si>
  <si>
    <t>b'\xa3\x89\x0b\xd0\xcf\x12\x91\xdd'</t>
  </si>
  <si>
    <t>a3890bd0cf1291dd</t>
  </si>
  <si>
    <t>least who or what he was, which is the very pinnacle of
 good form.
 'To 't again,' he cried despairingly.
 He fought now like a human flail, and every sweep of that terrible sword
 would have severed in twain any man or boy who obstructed it; but Peter
 fluttered round him as if the very wind it made blew him out of the danger
 zone. And again and again he darted in and pricked.
 Hook was fighting now without hope. That passionate breast no longer asked
 for life; but for one boon it craved: to see Peter bad form before it was cold for
 ever.
 Abandoning the fight he rushed into the powder magazine and fired it.
 'In two minutes,' he cried, 'the ship will be blown to pieces.'
 Now, now, he thought, true form will show.
 But Peter issued from the powder magazine with the shell in his hands, and
 calmly flung it overboard.
 What sort of form was Hook himself showing? Misguided man though he was,
 we may be glad, without sympathising with him, that in the end he was true to
 the traditions of his race. The other boys were flying around him now,
 flouting, scornful; and as he staggered about the deck striking up at them
 impotently, his mind was no longer with them; it was slouching in the playing
 fields of long ago, or being sent up for good, or watching the wall-game from
 a famous wall. And his shoes were right, and his waistcoat was right, and his
 tie was right, and his socks were right.
 James Hook, thou not wholly unheroic figure, farewell.
 For we have come to his last moment.
 Seeing Peter slowly advancing upon him through the air with dagger poised,
 he sprang upon the bulwarks to cast himself into the sea. He did not know that
 the crocodile was waiting for him; for we purposely stopped the clock that this
 knowledge might be spared him: a little mark of respect from us at the end.
 He had one last triumph, which I think we need not grudge him. As he stood
 on the bulwark looking over his shoulder at Peter gliding through the air, he
 invited him with a gesture to use his foot. It made Peter kick instead of stab.
 At last Hook had got the boon for which he craved.
 'Bad form,' he cried jeeringly, and went content to the crocodile.
 Thus perished James Hook.
 'Seventeen,' Slightly sang out; but he was not quite correct in his figures.
 Fifteen paid the penalty for their crimes that night; but two reached the shore:
 Starkey to be captured by the redskins, who made him nurse for all their
 papooses, a melancholy come-down for a pirate; and Smee, who henceforth
 wandered about the world in his spectacles, making a precarious living by
 saying he was the only man that Jas. Hook had feared.
 Wendy, of course, had stood by taking no pa</t>
  </si>
  <si>
    <t>b'\x89\x99\\2\x95J/\x14'</t>
  </si>
  <si>
    <t>89995c32954a2f14</t>
  </si>
  <si>
    <t>an
 take to solve their problems.
 In the fourth part of the StoryBrand Framework, weâ€™ll look
 at two kinds of plans: the agreement plan and the process plan.
 Each of these plans will earn trust and offer our customers a
 clear path to stability, greatly increasing the chance they will
 make a purchase.
 5. And Calls Them to Action
 StoryBrand Principle Five: Customers
 do not take action unless they
 are challenged to take action.
 In stories, characters donâ€™t take action on their own. They
 must be challenged. If weâ€™re telling a story about a man who
 needs to lose thirty pounds and suddenly decides to do it of
 his own volition, the audience will check out. Why? Because
 thatâ€™s not how life works. There needs to be a reason. Our character has to run into a high school sweetheart who is now a
 yoga instructor, or he needs to lose a bet, forcing him to run a
 THE SIMPLE SB7 FRAMEWORK
 35
 marathon. Characters only take action after they are challenged
 by an outside force.
 This principle is true in story because itâ€™s true in life. Human
 beings take action when their story challenges them to do so.
 You would be surprised how many companies donâ€™t create obvious calls to action for their customers. A call to action
 involves communicating a clear and direct step our customer can
 take to overcome their challenge and return to a peaceful life.
 Without clear calls to action, people will not engage our brand.
 In the fifth part of the StoryBrand Framework, Iâ€™ll show you
 two calls to action that have worked for thousands of our clients.
 One call to action is direct, asking the customer for a purchase
 or to schedule an appointment. The other is a transitional call
 to action, furthering our relationship with the customer. Once
 we begin using both kinds of calls to action in our messaging,
 customers will understand exactly what we want them to do and
 decide whether to let us play a role in their story. Until we call
 our customers to action, they simply watch us, but when we call
 them to action (the right way), they</t>
  </si>
  <si>
    <t>b'\xf5x\x1e\x0f\x11]+m\xbc\xe9\xb3~\xe9b\t\x81\x96\xf2(\x0c\x81\xfe%HF\xf8%\xf6xt\xd4\xae6\x94\xba\x91\x162s\xe8\xaf\x01 8\x9f\xe7\x9an/\x82\x06/\xb4\n\xdc%\xac&lt;\xa3\xa8B#\x96\xef(W\xba\xde#\xf1\x84\xc2\x1c\x0e\xe5m\xc8v\x1eWO\xb7\x94`\x17\x0f\xb2"\xa1\xd7W\x0b\xca\xa2O\xe3\xa1\xfe\x1e\xc5C2$\xf3y\x17\xcc{l\xc1\xfbn\xa8+\xa2H2\xa6\xd9\xb1\xdc\xf1\xe1\xed\xa7\x01\xa9\xc3!\x93\xa8t\xec9\x18s&amp;-5S"\xc5\x1f\xaf)\xb8\x1bq\xcf\xb1\xbf0\xd3\x1e\xd5\xa0\xef\xc8\xa0\xb1=9\x1f\x8d\xb7$%m\xe8\xfe\xdf\xf8\x02&amp;2\xbe\x9c\x1c?`#\xdc~\xeb\xd9\n\x02\x186\xa3\xb5PR\x07$\xd6\x156\xd7\xfb\xbf\xd4\xea9!\xe2SE\x07t\x06q\xd61\x05tV\xfe\xd0\x0fy\xffC\xb8\xff\xa7N`\x86\xc9 9\xcc2/H\xc5\xd4&lt;4\xf6{\xf5\xdfR\x9b;\xee\xc9\x05\xc2V_&lt;\xf8\xbb\xe4\x81\xd7T\xf9\xd3\x06lr#/(A\x07\x07T\x9c\x82q\xdaf\xa8\x9ah\x90z\x17_\x8ag\xa4\xf0\xab\t\x13^\x84M\x0b\xd0H\xcbI\n\xfc\x11\x87\xd9\xbf(nhP=M\x0e\x17Xk(\xc7\xb9\xae\x8f\xb1\xa8]\xf4^pr\xdb5.Kl.y\x0b\xab\xe2\x92\xe1a\x9f\xc4\xa61\xceo\xa8\x90\xc5\x06\xfe\xb1\xbc\x16K+\xa8\xd6\xa0\x9f\xc9\xe1\x14\xd4TUF\xf7\xd2\x90\x174\x7f\xfb\x8al\x14\x18\xfa\x02\xc2\x1c\xbc\x8fK\x04\x9b&gt;L\xa5fJ\xe5\xf4\x04\x8a\xf7,\xf8-i\x93\x7fC\xf4g#\xe2\x07\x0b\xe9H\xfd\xff\xfc\x1d\x85\xff\xa2\xd76\xd5\x1aM\xde3\xa3a\xa6\xf1\xee\xac\xa9\xdb\x00\x9f\xd0\xf1\x19\x81\x1d-(~\xcbeJ\x8bMo\xd9a\x9d\xbc\xb9\xe7\xc5kb\x90\x15\x1a\xce\x0e\xe4\xc11\xc3\x82\xb1\xea={\xb4\xd9\xa7\x97O\x11\x1e\xe6\x90K\x98\x15F*\xa8\xaf\x03\xfa\x1c[\xa4Py\xa9\xad\x96vV\x19\xe9\xae?(\xff\x12\x17\xb1\x1d\xa3O\x98\x00\xca3\xec\x92\xd5y\xbd \x86\n\x1f8Q0\xed\xbf\x18\x8a\xd2\xcc\t\x1a\xb0\xa6\xad\xd4\x0e`\xb6\xe4\x9c\x12\xfb\x81\t#\xeb\x0b\xa6"\xbb!\xe03\xfbzK\x14{;]\x82\xeah{(\xe6Y\xa7\x97x\xa23\x9fK\x1d\x940&gt;Er\xa6\xca$M\xd9\x8f=;!\x1b\xa3\xf7\x8e\x10k\xd5\xfd\xc8`\xa2\x16\x15\xc2Z\xfa6\xc4\xf1\x9f=\xd8V\xcfV\xe2\x11\xb38\xd5\xdb\x88u\xabI2\x9b\xa2\x18\x87\xbe$!{\xa34\x9b^\x85\xa0\x03QN\xa7hO\xee\xe3)\xcc\xe5\x1a+\xe8\xfc\xeb5~\xbeB9_sjn\x9b\xfd|\xdf\xf27&lt;\xb0pQ\x00o\xf7z\\\xf8\x08\x9b-\xa0\x13\xd5\xb3\\\xab2\x90\xc1\x04\xeb\x82\x1e\x08\xb4L\xc76\xd2\xa4\xd3\xbaX-\xa0&amp;3\t:\xa0E\xe0\x88b_\xb8\xb8\xablj\xff\xe2\xb6\x8e\xa1\xa45\x83-\xd0U\xa5;3IQ\x90g\xb6\x9c\x11z\x1brO\xf4\xc2\x1d\x13\x7f\x90\xe119\xd3\x7f\xc2PtD\x8c\xb4\x1a\x82\xbe\xe8\xeccs\xa4\x82;\x13(\\/_J\xf0\xc3\xa5\xb7\xef\x90c7\xe6=\xbfE\xef\xc8\x12bk@\x1eL\xb8\xb0\xa8\xc9\xb7=8-\x8d5\x05H\xe0\x83d\xce\x08\xc0\xd2f\xd8\x1e\x015L\x18\x13q\xb0\x11\xa9\x18\xe9\xe4\xa2{WD\xa6&amp;\xf9\x97\xb6\x99\x1cM\xb7\x8aq\xde\x89#\x95(@\x97\x7f\xc4\xec#\xb5.\xe5\xf3\xbf\x8av\xc1\xff\xe4\xb4\x1f\x07\x8e\xf8\x9b\xa6}\xf0\x17\x9ay\xfd"\xc1\x8d\x90\xd8=\xf2+\xb4\xe7\x85+\x9c\xdeE\xf2\xcd\xe4\x86\xacc/Zx\xe0\x92\xcf@U\x86\xe5fQ\xe7\x0c\xf8\xa8\x1b\xb8&lt;\xcfei\xb4{\x19M$lo\xe6\xa8\x97g\xca\x03&lt;m\x8e\xd6|\xb7xu(\x87N\x1d\xb9\x08\xd98\x05\x7f\x8b\xfa\xf5?\x1a\x11\xa8\x8a\x86\xc6\xb5\xac\xd1\x04\xd7\xa1:\xbd`\xf2\xda\xf2\xe0\x9c\xfb\x1c\xe7\xee\xb6\xd8\xb8O\xb1[;\x04\x80\x8e\x1co\x8f\x14\x8aU~\x93\x1e7\xf8 G\xef~\x04yd\xadl\xa3\xb5\xd82\xf7!\xad\x05G\x9c\xbf1J\xdf\xf5\xb7\x91TC\x84\x01]N\x93\xdaa\x1fr:\x8f\xa3\x82\x10\xfdM\xf6s\x05\x1f;\xf7\x92\xedSh;*\xfd-0]\xe4\xa2&lt;\xd3L\x9dG\x19\x1d\xc0&lt;\x17\x05\xea\x11\x9b\xcd\x9e{}\xe3\xfd\x18\xc2\xabJ\x89\xfcD\xd7\xec\x1d\x85f\x00"\xe8\x0c\xa1\xea1S\x88\xb9\x06\xb5(s\xe6\xfcD\xd6\x0e\xa4\xfb\xdd\xf91T\x05\xe3\xb4\x91\xf1\x088\x97}\xf8\x864N\xe6\x0f\xc8\x91R\xb9e\x12\x9fa\xa0y\xe5\xac\xe5\xc2\xb6\xcb\xde\xe2(\x1eR\xa9\xfeh\x86S\xda\x11C\x93\xfd\x82\x86\xe2\xfbp\x88V\x85\xa2\x88\x83\xdecH\xaa\xba\xd38\r\xa4v4h\xe7\xce\xe4\xd0d\xec\xb1\x81\x17\x0b\xa5\xb0\xe6\xc8\nR\x88/,\x1c\x0f\x07:\xd0A3J\xcd\xe1z\xfe\xcd[\x93F\x9f?X\xd3T\x84$O\xb2&gt;\xdf\xc1v\xeb\xa9}\x8e&gt;\x80\xbf\xe6\x87\x833V\x17\x8ezT\xbcDo\xeeh\xcf\xfb\x95eY\xe0Ka\xceEa\x1a\xd0\xa9\x15/\xf2[O\xaf\x15\xf0\xbd\x95\x03\xa7\xce\x03165\x12\xf6\x89O\xd7\x9b\xe3\xc4\xcf{\xd8!\x97N\x96\x89T\x8e&gt;\xef\x04\x80\x88\x9d\x9d\x14G\xcc\xd7&amp;\xf9\xbf\xcb\x05\x81\xe3\x0c\xba\x87\nU\xfc\xe9\xab\xbc\xee\x82e!\x9d\xdch\xdd\xaaJ\x95\xd5:\xad\xd9\xac\x8c \xe1\xe5\xacK\x9fr\xfa\x11\xec\x03\xfc(\x99\xc7D\xdfNv8v\x86\xbf\x81^J$\xe1\x90\xfdN\xb6\x90K\xd3\x0fX\xc8g\xba\xdb\xc8\x9fC\x03D\x93l\t\x99\xfc\x1b\xe1#fE\xe2\x86\xe8o\x97\xb3\x82:R(?\xe1t\t\xa1+Y\t\xcab\x1fkD\xc0G;\x88\x01\tq4\xfa\x08"\xcf\xe0\xe0\xd7C\x88\xad\xec\xe5\xd6\xf4$\x8f\x1e\xac\x8c\x9d;\xc5411\xb7D6\xf2\x19m\x84U@\x85\xc2\xd1\xebbQ2\x145\xe1\xa3\x84\x1e\xe3\x13hlyp9\xb2\xe8\xd0\xa8\xe4\xc69B\xcb\x92\x92\xd0\xb0S\xd0d\xc7\x07(9\xf3\x92d\xe3\x05\x95N\x04\xf4\xb1y\xe8\x7f\x86G\xea2\xd2:\xccsB\x88\xb2\xbe\x8c\xcb#\x7f\x00I\x95Np\xd8\x92\xac\xb6TlQ\xad\xd5{\xeb\xb3w\xc8\xc1\x19\x16q\xadP\xb9\x1c\xf7\x05w6\xab\x03\x0b\xacpA\xc8wP\xad\x1b\xd7\x02\'A\xb8B\xa8\xd0\xb1\xccY\x90J\x90\x91\x9d\xda\x8fv\xed\x10\nJE\xc3\xeb\xe4r"\x80E\x17\xd6Q\xc4\x01\xb5J\xa5\x95"/\xe1\x94\x07\xe9\xa4\x8aHi@s\x92\x7f\xc4\xc60\r\x97ra\xf7\xa1r\xf6QU=\x17\x07[\xa0\xce&lt;WL&amp;J\xbe \x15\xe8P\x1e\x8c.\xf4\re\xef&gt;gzr\xf18&lt;9\x18oG\x03:dY~\xc5H\xe5\x8d\xdf\xdc\x91Q\xbfG\x9a\xd5\xd9;_BP\xc9\xbe\x99[\x9f.\x8a\x98o\xb9\xd7\xca\xf6\xef\xca^E\xb7\nL\xce"\n7Kd,~p\xec\x1c\xe54\xf3-\x88L\xc1\x9e)\xd9\x96\xdc\x13\x0c\x14bOF\x82\x7ft\xbc\x9cQ\x1a\x8a\x17k\xea\x83\xf6\x9a\xb4\xebd\ne6\xad\xc9\x0b`\r#F@\xb9\x13jM\xb8\xc1\xdbU\xadO\xd7L\xf3\x1d2.\x9c\xbe\x9a\xf7\xee\xe9h\xf2\xd4\x9b\xe0\xd3\xdc\xc6\xd3\xb5\xec\xd1z\x969|\xe6L\xea\x83\x00\xfdS\xcf\x06\xc7\xe9N\xb5\xf98\xebh\x03&lt;8\xda\xab.\xfe0\xbc\',\xc1\x1bTQ\xe8\xbf\x10~\x11\x0e\x9fH\x936\xb9nIK\xbeV\xc6\x98YyCq\x11*H\xb3B\xa7ijm\xb0\xc8\xc3(\xbdFf\x00\x1d\x11\xc9\xd9\xb3P~^\xd8\xa0\xea\x9f]\x8e^\xa84\xc0,B\xaf=\xd5@\xe5&amp;^Q\x97+\xf9\x12\xd5a\xfb\x89\xcb\xcd\xc9\xfaz\x08ls\x8d\xda\xfa&amp;qB\x8d\x91k\xdd\x89\x00\xce\x9a\xef\x8d\xee\xc0\x17r\xa8l\xb9\xeeK{\xb0\xba\x12\xe6i=W9\x0e|`\xee}\x8e\xb1\xad\x8e\xec\x91\x10\xa6u3\xfb\xdf\xe3\x1b\x1c\r\xab\xb7\xean(\xe5\x8ca\x80{d\x14\x94#\xb7\x96\x15\xf2{\x17t\x8d1s\xd4\xc0Z\xe5\xa0\x8e\xeb\xf5'</t>
  </si>
  <si>
    <t>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</t>
  </si>
  <si>
    <t>b'\xf5x\x1e\x0f\x11]+m\xbc\xe9\xb3~\xe9b\t\x81'</t>
  </si>
  <si>
    <t>d and married with two
 small kids, worked in management and sales. Suddenly he found
 himself in a walker with a long road to recovery ahead of him. This
 was when Jared came across my videos. Having plenty of time on his
 hands, he watched every single piece of content I put out. Then he did
 all the action steps.
 Jared was fired up to launch a business. There was one major
 problem: He didnâ€™t have the money to start a company. He was still in
 recovery, in debt, and unable to work. He had to hustle and grind his
 way to success. He started flipping random products to get enough
 money to invest in his business. Once he had a little bit of capital, he
 developed his first product.
 In the end, his first product was a failure. Instead of giving up,
 though, Jared went back to basics and began building a Facebook
 followingâ€”he focused on the person, and he got them to follow his
 page, which ultimately swelled to 60,000 followers, adding some of
 them to an email list, as well. Thatâ€™s when he started testing out
 different products.
 Just before Christmas, he found a little robotic dog bank in which
 you put a quarter in its mouth and it chomps down on it. Right away,
 he knew: I can sell that! He knew his person so well that he knew that
 this off-the-wall product would be successful.
 Prior to this, his business had been struggling, operating in the red.
 But when he talked about his product on Facebook, it caught on, and
 things started to take off. Orders began coming in quicklyâ€”so quickly
 that his orders exceeded his inventory, and he had to start taking preorders. He wired $40,000 to a supplier in China for additional product
 â€”up until recently, that had been a yearâ€™s income for him! (As I tell
 people over and over again, when you follow the process, your biggest
 problem wonâ€™t be a lack of sales, but possibly too many sales!)
 Then the unimaginable happened: His inventory order got tied up
 in customs for two weeks. Heâ€™d originally had plenty of time until
 Christmas; heâ€™d even paid for the shipping to be expedited via air
 freight. But now none of his orders would be fulfilled in time.
 He threw a Hail Mary, called the manager at FedEx customs, and
 told her that if it wasnâ€™t on a truck the next day he would be bankrupt.
 Incredibly, this worked. She got the shipment on a truck that night.
 Even so, Jared was running out of time. If he didnâ€™t get people
 their orders, he would have to refund their moneyâ€”but he had spent
 all of the money on advertising and ordering the product. There was
 no money for refunds. It was a week before Christmas, and he had
 5,000 orders to ship. Each item had to be quickly boxed and shipped
 to reach its destination on time. Since there was no time to send them
 to a fulfillment warehouse, he had to do it himself.
 So Jared had thousands of units shipped to his house in the middle
 of winter in Wisconsin. He stayed awake for days printing labels and
 organizing shipments. The FedEx truck backed up to his house and
 dropped the pallets in the middle of the driveway, just as a snowstorm
 was about to hit. Jared and fifteen friends frantically packaged and
 labeled them in just six hours, right up until the moment they were
 picked up to ship to their destinations.
 It was Jaredâ€™s mindset, his willingness to grind in the early days of
 his company, that kept him goingâ€”failure was not an option.
 In the end, Ja</t>
  </si>
  <si>
    <t>b'\xaeslWZF\xee\x8b\x96\xedd\x96\xb4\xf1\x041w:\x05L\xe8`\xed\xeb\x8e\xb8lD(\xfa\'CLXX8\x1b\x16\xa7W\xe9{F\xee\xc7`\x9c\xdew\xd6wE\x00\xa5\xbc$X\x8f\x1e\x1dY\'6:\xb1\xbbTUp\xa9\xd0\xbe=(\xe6\x8b\xc3\xec\x04\x8d\xe1\x12\xa7\x12\xa2\x7f\xf2\x16\x7f9\xd9\x04\xd0\x95\x06\xce:\xc5\xfb\x03\xa7/\xd4\x8av\xb3~\xad\x8c"\x7f\xbb\xeb\x9d\xc6L\x04S\x8b\xd7P\xc6$\xac\xd3\xe3eg_\xaf\x1a\x10W\xab\x0b+\xcf@\xad9&lt;P\xf0\x7f_\xddFY\x85\xd1\xd1\x0c\xd4\x9a\x18l\xdae#\xb3|r\xa5^p.\x8d\xcd\xdc\x0bOF\x0cZz\x85,\xf3\x15D\xc2]\xd3\x9f\xdf\xa5\xfa[#\x99\x9e\xdcI,\xfe\x89\xb3*\xabA\xbdm\'\xf7+\xc9\x9f\xa3\xb6\xb9\xee\x01\xd3]\xdd\xda2\xea\xd6\\e\xcb,\xe2\xa4\xbe\xc7M\x11\x1by\xa8W\x15\xe1\xc3\xfa\x84\x9ff\xd5\xbcG\xfe\xf2\xdbH\x99\xba\x07s\xae5\xd8\xb2 \x92c\xa8)\x08\xca\xe0\xffe z\xff\xaa\xf8M\x84@\x94k\x9d\xfd^@\xd3\x90\xf4\xa9\xfd)\xa5\xf0C4\xe8%\xc8\x1c\x10\xe9\xa9\x95\xb1\xc1\x99\x93q\x8d\x8e\xaf\xefm\xca\xf4B\xad\x98\x8e\xa6,\xec\xfd\xf4G\xb4D\xae\xb4\x87\xdf\x87\xec\xec\xc2\x1a\xa8_\x7f\x08\x86n*?\xde\xe4z\xf8\x1d\xdf+V\x18\x8a/\xa1\xde\xef4\x05}+\xe2\x84~&lt;a\xfb\xd0\x19\xf5\x128\xd3\xc7\x13\xea\xea\x94Gf=\xd6\x04\xef\x90\xb8\xac%\x9dP\x87T"zCb\x8e\x19\x03\xe2z\x7fN\xff\xfd\xe0\xe2\x9b\xc4\xf0\xc8[\x98|\xec\xe8}\xbf\xa8\x9b-\xd9\x84\x02\xc7\xeb\x1e\xc2\x9d#%\x0e\xb2\x1bH\x18EBsW\x04W\x0c\xf4Ee\x8bM\xe7\xc5\xca6\xffO\xcd\xaaV\x93\x0c\x1aH\xadJ\x9b(\xcc\xa4\x9fO\xf1a\xfc\xdd\x17\xa7\xd3G~\x0b*\xc0\x813\xb5K\xaed\x8f\xc4\xac\xf4\x83\x83\xf1\xeaX\xba[\xb0\x932\xb5\xe4`\xfc\xe5\xa2c\xc9\xe1W7\xad\xc9!H\xc8IY\xac\xc3)\xfd\x0f\x03\xe9\xb0\xa4HX\x17\xdae\xc9V\xfe\x87\xea\xe3"\x17\x102\xf4\x0c5\xe5t\xb6:\x10)\x11#u\x9e\xa4G&gt;\x1d\xd3\xfb\xbe\x86\xf6\x92\xbdm\x0b\xfa\x15\xa9\xbc\xcct\xd1\xc6\xb85\x0b\x1f`a\xf8R\xcf\x05\xd2fe\x16\x0c\x97\x11{\x10\xdb8\xf7&gt;\xdf\xe1P\xcb\xbf\x02\xf3\xb2_\x1f!GQb\xb1\x1b:\xee\xb1\x9b\xde\x8d\x81"\xc7\x13\x1e\xb9\xaa;\x80\xff(\x86\x8fLc\x89\x9bg\xb2\xd3\x90\x84\x1f\x10\xbf("\xe9W\xe7\x16\'s\x02\xe2\x06N\xb7q~/\x9a\xa70\x00\x04"P\xd4`\x02\xf8W:\xab\x88\xc8\x11pl\xffi\x91\x1f\xba\xe3\xb4N\xc6\xf2\xb1_\x7f.\xa1\xfe\xc4\xba\xc8,Gw\xc45HU\xe1\xe0/\xeb\x93\xd0f\xa03w\x8bg\xab\x05\x07\x8c\x8d=\x8d#Yd\xab\xf6\x03L)\xa68\xfb\x8a)\x04\x04r\xcf\x83Y\xa3#\xbc\xaa\xa0\xca\xa8B\xae\xa0\xd1%\xd7\x8a\x19}\xc69\xec\x9c]\xd1`\x88k\xee\xbf\x90\xea\xa8&gt;I\xab\x80\x13\x1f\xbf\xe0\xef\xc1\xcf\xa9C\x13k\x10\x085X\xe6\n\x1c\x19\xd6{i\x1dL\x04\x15Bq\xbfQ\xd1\xa7\x14KuO\x91\x00\x9a\x1f\xa71c\r?X\xec\x01+\xb3\xa3i\xf9O\xbd#\x91zw\xdb^\xb8\x02\xd6\x98\xdd\xadu\x8c\xe1W2Q,C\xd5(\xd3\x0c\xb3\xa1K\xc3q\x9c* \xef\x06\xdc\xb5\x90\x94\xc6\x9a7\xb9\'?\xb6\xbc\x86\x90\xcb\xfd\xe2\x93\x18\x16\xa7?\xd7\xc2\x89\x08\xd15\x98=R\xfb#_\x95@\xa4\xb6\x1apEx e\xb7IE\x8ak"\xb8\xb7\xee\xda\xcb\xfc\xcat\xa4E\x05\x1c\x0f\xe1\xeem&gt;-v\x87\xf1\xb4\x1f\xdc\x96\xe2\xcc\n\x04X\x91\xe7&gt;\xfa\xb1\xa4s/x\xbe=\xe4g\x0c\x9a\x96aI\x9a\x07s\x06\xf7d\x0e\x93Ib=7`S#\xbe\x82\xf0\xc8\x14\x8e2\xfe\xb5P\xf9\xae:\xc4\x0f\xa0\x9csN\x94\x1aPl\x80\xf5Q\xe7\xa2\x1a&lt;[\xba\xd7\x17\xaf\xb92I\x15,\xe3z\xae\xac\x9c\xb3&gt;\n\xe6b8\x81\xf3\x04&amp;\xa8\x024&amp;\xceHip\x91\x9a\x15b\xa4\xb8\xb9\xc1\xdfMeOB\x9a\xf4X\xd3Z3\xb8UZ\x17B\x0eX\xda\xbf\xe9\xf6\xfd\x07\xac\xd8g\xb9K\xce\x8a}\xc9\xefe\x9c\xbb\xf2\xd0x\xdc6\xb9_\x9d\x1e\xf8\x12\xb3\x1f\xc4\x04\xceb\x9d\xa4\xfb!\x19\xee\xd7b\xba\x08\xdaQ\xd2\rE\xff\xe1\xdbt\xdd\xd9{S\xf2\xe4Z3\xc8\x0c\xc4w\x1e\xd9\xf0\xe7\xb9\xad\xcc\r\xb7\x02\xdfHA\xb6Go\x88[\xc2o \xac]Z0Z\xe2\x80W\x17\x00\xc9\x10O\xa3\xb1f\xb4\x0f\'\xcc\x8d&gt;\xb5\xb2\xa4\x1e\xb0e\xa5\\t\xdbf\xad\x96\xdbA\xf7\x91\xd4\xbb\x10\x94\xe4ae\x8a\t\xe5\xaf\x12\xc1N@?\x8e\x14(`\x90\xb4!\xff\xde\xeb\x0b\x92\x91\xe5n\xda\x0298UQ\xf6\xcb\x1a\x9f\x0b\xfc\x18\x01\xa7\xf5G\xfe\xb4\xb6O\x8dQ\xabx\xfat\x04\xb4c\xc3-\x1f}w\xfbi\xd3\x00\xcd^\xfe\xec\xdf4\x88a\xcdN\xb5a\x0bm~\x16\xach\xbav\xac\xa7\xed\x8f\xf1\x85y\x15h\xd1\xa1\xd3\x01z\xe6\x17B\x1b\xec\x88\xe8L\xe1E\x04\xde6\xc2}\x05j\xd1\n\x88*U\xb2\xf7\nS[\x02\xdb\xb9\x18\xach&lt;)\x19\xf0\xc0\xa5\xd9C\xa1X\xa2\x98R\x0c\x95\xe8\xb9\xf3\x94\xb5\xe4\x1a\x18\xed\xf7\xe8\xb7N\xae\x87\xc9\xedV\x93OdU\x16\xe4\xa2P\x84\xa92\x9a\xc9\x8f\\\xf9\xe8\x8b3\xcd\xe0\x8a\x1a\x90\xcf\xf4\x03X\xb6_\xe2\x88\xa1\xb0~\xc9t2\x8c\xe2`\xc8\xa8\xf9\x16\n\xd5jV\x90\xb7\xb3\xac\x1e\xbb\xdd\x03j\xb5\xa7.\x9c\x8b1\xffh\x01\x94\xa1\x90X-\xbd\xec\xc8B(iE\xb7\xe6\x04W\x976\xf4\x92\x80(&lt;\xde\xabHsG\x15\xe9\x9fVL\x01\xd1~i)\xb0\xdd\x9aV\x83&gt;\x98\xaf+\xdaZfH\x8d\xa0\xcc+\xc0\xf7q\xf2\xea\ro\xf2\x87\x94\xc3\x8b\xcb\x8d\xe2\x06~e\xcdK\xbd?)\x89M\xb3\x8d\x1f\xbe\xa828W\x8b\xc8\x1e*@c=\xa4jC\x11\xdb\x04\xd8\xeb\x80\x0f\x1ckP\x07oj\xeeII\xe2L\x01\xc5a\xa1\xfa\xfb7Ta5W\x8a\xd5{\xd6\xa5\xac\x94\xfc\xc5\xb1mO\tYGp\xb1\x81u\xae\x89\xc1y\xe7E+\xc9,\xeet\x85\x05]9\xe3r\xbb,\x87U\xedk3\xc0X\x18\xaaI\xb4\xa8\x8fp@g\xd5\x1d[7\xe9\xc0\xa1\x0f\xe3\x8cj\xf6\x11SM\xab{\xf3\x94W\x16?\x9c\xba\x97oQo\xcbU\xf3\xe9h\xd5\x18z\x0f\xa6\xcf\x9e\x18\xfbs8\xff\x0f\xd1\x7f\xb9e\x0f\x87Z7)\xc7\xebL \x8d\xfa"\xdat\x9b\xa2\xcc~%\xa8^|*\x98\x17\xc9\xe7\x9d/\xa8Q\xd1d\xf0=\x9b\xef\x8f\xc6%\x8cl\x1f&gt;,\xb0\xf8\xaf\x02\xdd]\xaf\xa1\xcb\xd6\x94\xc0`\x8c\xafdZ]\xa8\xb6%\x02\x8af\xe2\xfa-\xf6\xf7\t\xff"\xc7\xcf\x85\x0ec\xc1Z\xc6\x8d\xee~R\x95\xda\xa2uwu\x89H\x92p\xd9K2\x7fT0E\x8e`Z\xce\x80\xbc\x00~\xbe\xd2\xe9{g\xf9X\xd9\xc6\xf1\xc6\x16\x0e)P\x9dL8\x06\xa2\xa1S\xfa\']\x10J,\x8a\xa3\xc2 \xb7\x90\xc1\x90\x8e\x9b\x9f?F\xde\x83z\x04r\xeb\xe7c\x84wB\x14\x9c\x1f\x1f\xdeh\xffh\x19\x9a\x0c\x02\x1f/-\xfa\x19\x84\xd9?\x11\x82\xb7E\x98\xab\x90\xda\xa6\x92Dx9\xfcd\xe24\x903\x1f\x10\xa4o\xb7\xf3\xe9c\x16r\xb7\xdc\xf8=$\xe3\xc7j\xef\xf3-D2\xc9vTDV\x02\x02\xb1\xe1\xcfo{0\xa3G\xfa\xc1\x98\xd3d\xc2IT\x05\x92q/\xfe\xba\xa6\x06\x15\xa5.\xb3\x1c\xcey\xf2\xd7\x1b5]\x1e\xe1\x17\xbf\x9f\x84c\xef\xc1\xad\xc0&gt;\xa2XOb\x9f\xc1S:\xba8\xe4H\xb3pp\xa7\xef\x88\xb5V@\\\xc4\xd1avk\x07$x\x17\x12\x08,QF\x0bwX\xbdP\xcb-m\x15M\x896*PM\x1ev\x13\xa5\x98\xfd(\x14v\xec\xe9\xbe/\xc2p\xae\xde\x93\xa8-\x16\x83)\xf0&lt;\xa2\xdd\xf3\xb9\xfc\xf2\x92\xeb\xcf9\x816T\x03\x95\xf4B\xf5&gt;Hw\xc5\xa4\x97\xd1q\x10!,\xedWW\xb1C\xa0\xbf\xe9\x86\xc7@u\x8fT\x92V\xbc\xa5\xb9\xd6\x82&amp;:$o&amp;*\xee\xa7\xb8\xa8]/KU\xa9\x7f0\x9ae\xe1\xd8R(\xb7Hn\x97yIEw\xf8\xe1\xde\xcd\xbf\xde\x92\xe2\xf3Mk\x9e\x16\xe2m\xa0\x9c\x90\xc3\x86\xd7=B\xea$\t\xc3\xcd\x92\x11s\x82\xb2\xd7\x8b\xf1\xaa\n\xb6z\x07"kE\x8dM\xec\xf3Af\xe0z\xd5I\xb6\xc0\xab\x1e{\xac?&lt;\x10&lt;\x9d\xd2\xc7\r`z\x844\xa2\x04\x86\xd3\xc3\xc7\xf2\xad\xa2{bg\xf1\xd5\x1aq\x14\x12\x8c\x81\xb8\x8b\xa7\xc5\x99\x8b\xb0\x89\xd5\xc5s{\xef\xf7\x0c@\xb7z\xbcQm\x13U\xa0\xe3\xd3\xf6\xf2\x8a:l\xeb\x02[\x0f\x06,\xe5\xbc\xbb\xd1\x15o\xf5\xf8\x9f{\x8a\xa0\x98Iv\xb3\xa6\x85#9\xcb\xddu\x8eA\xfdi6\x94\x0c\xf2\xf8\x11\xda\x0b\xea\xab\x982\x99\xe5\xdb\xa4\x81\x00v=\xbc]\xa8\x9d2\xb2\x11xJ\xa7\xd3&lt;\x95\xe8\xd3i\x82\\\xbc\xfb\rD\xb1\x85b\x9bcv\x8c\xb5\xb1\x89\x06\x9fE=\xef&lt;&lt;)LPnR\x17\xae\x14V\x13lvj\xe9\xfe\xda\x99{\x19\x8c\x9b\x8a\xca\xce\x0b\xa7&lt;a\x1d\xf1!2\xad]\r\x10\xa0\x89\xfd~\x15\xc3\xa1d\x88OX\xfb;x\x1a\x11\xa5{\xffoB\xf6Q4g\xdc\x19D\xd9\xa6\xbf\xba\x98|]\x16\xd2\xe5Hn\xa8\xf9\xf8\x0fd\xb7\xbf\x81\x99`\xc4\xe0\xc86\xa4\x0e\x1b&gt;\xcf^.eU\xe1 ^,ht\xd4\x8c\x11\x84\x90x\x9c\xa4Q\xdd\xcaY\x8d\xbe[nM\xf7\xabYJ\xd7\r\xdd/\xe5\x05\xc2\xb2\xe6\x18sp.\x82\x19t\xb5\xc1\xccm\xf2\xc6\xd2C\x1b\xca\x9fkfqM\xf0\x1b\xaa\x9a&lt;+\xeb;\x7f\x8d\xe1\x10C\xc3\x8f\x08\xd1\x81\xe1K\xa9\xb5L\x1e\xdcM\n\xeez\x8c\x8e\r\xcc\x1a\\\x06\xaf\x9c\x83b\x18U\xb8\xfc\xd8\xac\xf2\x12uV#\xc8\x1a\x0fi\xd6\xb8\x06\xc5\xd8\xb4-\xfeE\xa1d\x19\x85\x1f\x1f\x94Xo\xe9*A\x15V\x8b\x12\xeb\xc5\xe4\x11Q\x0c0]\xad)c\xa89\x97\x9e\xf9\x17\xc9\xf4u\xeea\x07\x82ws\xcd\xc4\xa4\x98\\\xad\xc3\xdb\xc5\'\xdb\xec^\xae\xf3\x11\xb2\x89\x08\xc5\xee\x91\xd7\x185f\x0fV2U\xaa$M\xea\xc0\x19\xa2\x01\x9ca\xf3A\xa6\xab\xb1\xa0@k\x87\x04\xbc|\xd1\xb4F-\xaf\xe4\xb2j\x86u\x18p\xc3y\xfdp\xc3\x8a|\xf9\xa8\xa5\x1d\x0c\xa1!\x9fAn\xd9\xe2w?\xed\x82J&amp;\x0c/\xb8O[\xc6\xe9\xdd\xdf\x9c\x0f\xc6\x89\x86\xd9\xefa\xd9\x18\x00|\xb9\xb9j;\x95\xdc%u\xfaA\x8a\xd3\x9eyFe\xd4\x9a0n\xf1P\xce&gt;\x01:@W\xf6\xb4\xad\x8a\xaa\x06\xe7k\xadJ/\x0e5\xfdm\xcc7[\t\xc1\x1aXg\xf3J\xa2\xd5\xa6\xdbD\xff}\xa1\t.\xb8\x8acR\x9a\xb9\x9a\xce%\x95\xaa\x7f6\xc2\x9a\xb5\x12\xbd\x94y\xa0\xf7P\x86\x83\x9e\x0f\x9b\xce\x8d\x8e0y\xcbN7\x8d"\xd7@\xb0\xb4\x9db\x97\r0e\xb1E\xb6S\xaa\xd8\xda|\xb6\xe7\xf8C\xfd@/\\\xa9\x16v\xac\xdc\xfd\xb8*\xd5\xd2\xfe\xf1u^\x83\xeb\xe8_\xba:Ql\xff\x93\x13\xc1\xa2\x08.\xcb\x85\xd6\xe1\r\xed\x94Li\xfeP\x1d\xd2\x05\x10\x9a\xd7\x18\xd0Dv\xdf.\xd8&lt;\xdd\x89\x7f\xcaz\xd1\xf9\xae\x9a\xbaG\xb5\xee\xf0;\x96\xa2\xe1_QwVp\xa1Z\xad\x02\x13\x19B\xa0U\xc8\x0ea^,W\xfcy\x85\x0c\x0e\xe2\x7fZ8s.\xa8!\xf0\x89\xcet\x90\xba\x83\xd0\xc2\x19{&lt;s\x8fv\x85\xd6{\'\xe0\xf7\xd4\xe7\xde\xc9\x9ba\x03Q\x19\x8e=\x1a\x08\x89\x94\x93FOX\xee\xf8\xde\xc7\xd1\xc1A&amp;\x0c\x90\xc2c\xe7W\x95\x10\xb0DV\x85\x86\x0c\x13T\xc5I\xef\xc8\x80o\x90\xe00\x1bp}w\x05\xba\xe9\xfe\xe3tS0\x93\xf1\xb8\x1e\x9c\x9d\xa3\xc9\xfb\x16S\x1f\xd3-\xd1_\x8e&lt;,\xb7/i\xe9\xff\x0bO\xc1r\xab_\xc1\xd8\xbc\x84\x05 &lt;;#o\xe7=\xad7\xbf.\xae@\xd9\x04\x80\x11\x05\xb2.\xab8\x16CF\xc8\xee \x9c\xa5\xdfjq\xce\x9c\xd7\x88;\x85\x91\x0cX\xc67\t\xc9\xa5CX\x12Q\xd9h&gt;,\xb6xlO\xa3D\xa8\xb8\xbe\xc5\x9fc\x97-$\x84p\x96g\xbda\x1e\xebr\x8fGjD\xcc"5^\t\xc4\xc3\x9c\xd6(\x02\xe4\xb1L\xdd\x8f\x0f\xf6L\x8c\xf7;\xacJ\xac\x87Gr\x94\x03y\xb7\xa4\xff\xbe\xb1\x9d\xddo\xad\x1en\x18&lt;\x1d\xf4\x9b\xce\xe8\xafV\xd7 \x94\xc9\x10q\xc1Y\xfa{:\xf8\x9c8\xf9t\xc8\x0fo2\xd6\xe3G\x15\xa1\x98\x0f\xedn\x1e\x96\xa4\xd7\x0b\xb4+\x86\xeb)\xf2a\x050{M\xb9!\xd7/\x0e\xc7,5\x8d[\n\x1f\x00\'\xceS\xef\r8&amp;W\xd2=\x8d\x1b\xa4\x97e*\xff\xe8\x947\x00\xc2\t\x94\xa4\x11\xe5\xe5+P\xf7\xb3\xb8\x9a\xecRu\xefH\xac=5\xa7\x0cL\x8ex\xd9mL\xf4\x9b\xa2\x0c\x18\x1e\x15\xe869\x97\x01\xeb\x19\xb6|\xa7}w\xc6\xef+\xbb\x98\xf5\x1a\x83\xc6\xc4E\x14\x14\x89y\xb9\xbb\x18\xf1\xefF45j\n\x88\xa2\xfey\xf3S\xca\xec\xa0S&amp;\x03cP"\xc8\xc5\xb9\xd3\x01y]a\xf8\x17\xbaS\xfb\x87|\x13\xac\xae)f\xd9\xfa\x9f\xc0\t}\xc6\xc0a \x83\xa8:\xc6\xa7w1q\x9cw\xae\xe6\xe6#'</t>
  </si>
  <si>
    <t>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</t>
  </si>
  <si>
    <t>b'\xaeslWZF\xee\x8b\x96\xedd\x96\xb4\xf1\x041'</t>
  </si>
  <si>
    <t>till; the black horse moved no more.
 My mother seemed much troubled; she said she had known that horse for years, and
 that his name was "Rob Roy"; he was a good horse, and there was no vice in him. She
 never would go to that part of the field afterward.
 Not many days after we heard the church-bell tolling for a long time, and looking over
 the gate we saw a long, strange black coach that was covered with black cloth and was
 drawn by black horses; after that came another and another and another, and all were
 black, while the bell kept tolling, tolling. They were carrying young Gordon to the
 churchyard to bury him. He would never ride again. What they did with Rob Roy I never
 knew; but 'twas all for one little hare.
 5
 Chapter 3. My Breaking In
 I was now beginning to grow handsome; my coat had grown fine and soft, and was
 bright black. I had one white foot and a pretty white star on my forehead. I was thought
 very handsome; my master would not sell me till I was four years old; he said lads ought
 not to work like men, and colts ought not to work like horses till they were quite grown
 up.
 When I was four years old Squire Gordon came to look at me. He examined my eyes, my
 mouth, and my legs; he felt them all down; and then I had to walk and trot and gallop
 before him. He seemed to like me, and said, "When he has been well broken in he will do
 very well." My master said he would break me in himself, as he should not like me to be
 frightened or hurt, and he lost no time about it, for the next day he began.
 Every one may not know what breaking in is, therefore I will describe it. It means to
 teach a horse to wear a saddle and bridle, and to carry on his back a man, woman or
 child; to go just the way they wish, and to go quietly. Besides this he has to learn to wear
 a collar, a crupper, and a breeching, and to stand still while they are put on; then to have
 a cart or a chaise fixed behind, so that he cannot walk or trot without dragging it after
 him; and he must go fast or slow, just as his driver wishes. He must never start at what
 he sees, nor speak to other horses, nor bite, nor kick, nor have any will of his own; but
 always do his master's will, even though he may be very tired or hungry; but the worst
 of all is, when his harness is once on, he may neither jump for joy nor lie down for
 weariness. So you see this breaking in is a great thing.
 I had of course long been used to a halter and a headstall, and to be led about in the
 fields and lanes quietly, but now I was to have a bit and bridle; my master gave me some
 oats as usual, and after a good deal of coaxing he got the bit into my mouth, and the
 bridle fixed, but it was a nasty thing! Those who have never had a bit in their mouths
 cannot think how bad it feels; a great piece of cold hard steel as thick as a man's finger
 to be pushed into one's mouth, between one's teeth, and over one's tongue, with the
 ends coming out at the corner of your mouth, and</t>
  </si>
  <si>
    <t>b'\x98\xfb\xc7p\xa4(`\xd4'</t>
  </si>
  <si>
    <t>98fbc770a42860d4</t>
  </si>
  <si>
    <t>istics
The process by which required condition such as proper flow of zero signal collector current and the maintenanceofproper collectoremittervoltageduringthepassageofsignalareobtainedisknownas transistor biasing.
The basic procedure of transistor biasing is to keep the emitter junction forward biased and the collector junction properly reverse biased during the application of signal so that faithful amplification can be achieved. The biasing can be achieved either by using bias batteries Vbb andVcc or by applying associating circuitry with the transistor. Generally, the latter method is employed since it is more efficient.
The circuitry which provides the necessary conditions of transistor biasing is known as biasing circuit. While designing a biasing circuit, various transistor rating such as maximum collector current ICMAX, maximum collector emitter voltage VCEMAX etc. are kept in view for safe operation of the transistor. In the amplifier circuits, a load resistance Rc is connected in the collector circuit, a load resistance RC is connected in the collector circuit. Then a d.c. load line AB corresponding to this resistance RC is drawn on the output characteristics as shown in fig. 4. The operating point will lie somewhere on this load line. Depending upon the base current, the operating point may lie at C, D or E.
When an a.c signal is applied at the input, the base current varies instant to instant. As a result of this, the current and collector voltage also vary with time. Thus an amplified signal is obtained at the output.
IfpointDistheastheoperatingpoint,theupperportionofthe positivehalfwillbeclippedoffasthe point lies very near to the satisfaction region. On the other hand if point E is selected as the operating point., the peak of negative half will be clipped off as this point lies very near to the cut off region. Thu</t>
  </si>
  <si>
    <t>b'\x06\xcf\x91\xc9\xb8y\x9b\x00\xe2\xcd\x00\xfc\rT\xe6\x04\nQ\xf3X\xb1}i}\x9e\x80G\xa5lb[V\xe5\x93\xeaF\x8a\x87\xfcL[\x00\xdb\x9e\xf4\x9e\xd0\x8c#\x1a\xb5\xfby\x14\x90\xa6\xe0\x8ds\x18\x8c;5\xc5\x8aHb\x9b\x13L\xe0\xe8\xce\x92\xa7\xe8\xc6\xcb\xea\xcd\x9b@\xf8\x1d\x18\xd7\xd4;\t\x87;xG\xa2;\xdb\xb9b9\xa2\xacA\xdf\x11x\xec\xaedK\xddP@$\x8d!\x06r\x13\xdaF\x17}\xa2`\\C\\\xaa\xf7&lt;E\xc1\xc0\xfd\x16\x1e\x1b\x866\xbf\xe1a\xc9\x18\x1c^\xd5\xf5I\xab\xb7\xde|&gt;\x051\xb6_\x9a\x0e*{\xbb\xbf\x9b\xa9\xbfU\xc5\rfy&gt;\xa2\xcfVZ\x18\x9e\xfa\x1ek\x92\x9b\x9a*\xc0c\x0c\x16\xf1n#\x8c4\xda\xd4\xdf=\x89&amp;\x08\xcf\xce\xb8\x05c\xa6D^{\x8bM!\xc7\xb3\xd4\x85\x18]\xba8\xb2\x81\x11\x1e\xbf\x16f\x95\xee&lt;\xf1\x0f\x80\x0f\xbf\xd6\xe0\xe2w4z\x1a{-\xc27 \xfa\xaa&amp;C\x1f\xd8\xf0Y\xe3\xa8D\xa3-\x17\xdf\xf0\xec\xaa\xf0\n\xc7\xd7zy\xeb\x95\xc3A\xeb\x90v\x02\r\xa7\x82\xc8\xf7\xb1+f\x898\x9d]\x90\x8bC\xd0\'Z\xd6r\x90\xa22\xdc\xba\x06\x1b\xddw\x9fE\x93\x89r\xed\xa9Q\x83#s\x18c+*U\xc6R}\xa0,\xde_\xa4\xc2\x13\x00\xa5bU\x0ch{\x864\xc9e\x1e\xcc\xe7\xc1\xdb\x1d\x9a\x02\x02\xe3\xe2+\x00\x018\xfb)\xeb\x0b*\xe0\x95B\x0c\x0e\x06d\x15\xbc\x9ff\x98\xdd3\xb8\x0c\xc5\xa3\xf7o\xe4\xee\xcc\xce\xb7\t\x98{\xa3Fh`\xab\xb1\x8ed\xeak\xef\x91g\xb2\xa8w\xc8G\xb1\xfeb\xfa\xdd\xd9\xc0\xc7\xfd\x08J\x97;\x9b\xe1\xd5\xf7\xc9\x03e\x0f\xa7k@\xab&amp;@}\xd6\xaf\xe9X\x1d\xa8\xe7Ql\xd2\x1c\xdc7\xe4\\KCM\x17}{V\xf1\x89\x1cQ|r(\xbeh\x1e\xe9\xd8V\xe3t\x8e\x8d\x97:\xa4\xe5{ O\x9a\x9a\xf1\xa1\xbc^\x13\x02\xc2N\xc9\x97\xd30d\xb4\xcc\xe4.\x0b\xec\x9f\x13M\xe7\xa8OF\xd2\xb0y\xc0a\xdbC\xa0~M\x03:\xf8\xdf\x19w0_~\xa7|\xaf\x81\xed)\xd7Zh7\xba\x0e\xbf\x0e\xbe\x99V\x85T\xa9\x05\x137l\xca\x99^h\x91\x9d&lt;G\x8d+F%\x07,\xa0\x19\xec\xf1\x0e\xceG\x02\x1et!\x18\xd4\x1c)\xc2\x04\xe6\xf4\x95;\xc5\x17\x94\xb7\xa7XM\xe7\x13\x02\xac\xaej\xf8\xbc\x819\x9d\xa1\xa8l\x14@\x1c\xf57\xf0\x11\x06\xf1\xa5e&gt;\xcd0\xcd$U\x00\x11=*&amp;\xe8Z__\xa8?\xa4\x9b\x91hT\xd4v\x80\xff\xdd&gt;\x9d\xbc^hC\x06\t\xe4\x17\x02\x8cHL!\r\x1f[\x96\xf9\t\xc8ei\xaa\xae^\x89\xb9\xccNP\xc2\xc1\x9fOK\x01\xb55kI\xcb\xd6\xfc\x80\x8b\xce\x89\x8c\x96\xa4\xe9\x93\x80\xae\x05F J\x03\xaa\xfc\xc2\x9a\\s\x8dc\xda\x8d\x07\x04]\xf3\xe8\xa1\x19`\x08\x9d\xeb\x8erqky\xe8\xc4\rc.X]\x08f\xcbK\xb8v\xfa\xb4!\x0e\x9b"%\x91XYI\x02\x93\xf5\xa5\x81-p\x970\xe0rsI7~\xa0\xe3\x9d\xc2~\xa0\xb2\xae\xc8\x91\xbf\xfcH\x03\xbc\n\x9aa\x88c\xb1\xbd\xbf4\xa7\xd4_0\xc4,\x169\x88\x03\xf1\x14v\xa9\xa9h\xfd\x19]\xf4Ln\xe3\xb1\'H\xaf,\xa2B\t\xbbF\xbb\x88\xa1a?\x80\x1c\xccc\x1d\xd31+\xfa~\xc7\x97\\\x1a\xeb\x90aV&amp;\xd8#\x0b\xc6\xabR\xf8\x06\xbe)\xb55\x90\xf9\xae~\xc7\xf7;!\x81A\xc0\xa1\xabt\x02\x16t\xa7$$\xbd\xa8(\x1f\xfa\xabL\x81\xc5\xb3\x10\xbc\xf0.\x99\xa7\x03\xa3\xc3L\xa70\x96\xaae`\xf3t\xd6j\x03\x895%\x8e\xf3\x8d\x82\x819\xbd\x19z\xd6\x17LW{|\xfb\x92\xed2YG\x03\xfbn\xd7\xdb\x8f\x12]]\x7f\xe8Ph\xee\x91\xfaW@\xb9\x15\xae\xe2i\xbbO_Z]\xb4\xfa\x03\xc7\xcfA\xa0\'\xa5\x9d\xa1\x88\x87\x9b]|\x8b\xccW\xa8\xd0\rI\xbd\xfb\x7f\xf7\x16\xdbrq\xe3\x08c\xe2A\x83\x15\xa1\xb1\xe2\xc0\xe2\x89to\x9dB\xd8\xb1\xd6 \xa9\xda\x81\x0b\xb7^^\xc5q\x85;\xe6N\xe0V\x83\x04"\x02\xfcVE\x0e3\xdcm\x0ef\xe6Qg\xa1\xa1\xb3\'\t\x1d\xe1\x84\x95\xc02)/kX\x8a\xe1.\xd18\x89\xde\xe0\x9b\xc7\xcb\x04\xca\x80\xb1\x07nYJ\x17\x84\x9frp~@k\xec\x10\xe0\xfe\xe4V\xbf\\\xbb\xee\xd0\xa7\'\xf9\x88\xe1\xba\xe1\xb7\xba\x1f.\x117\xc9\x93\xc6\xe8|a\xa5l`@\xb8\x90\xed\x03n3\x04\x1eR\rK\xa0\xe5\xcbI\x7fU@\xcbC\xd7wu\x1b\xcf\x04\xb3\xe5\xd3\xf7\x9aUj}*Z\xc9X\xdd\x1b\xb2a\xa2yu\xbb\xe2\xae\x8f\xdf\x1ek|\xd2&lt;\x0b.\x92\xbc\xc3d\xd5//!\xbcN\x0bK\xfbMR@\xe3V%Rl}\x9c\x8b\xe6&amp;V!\xde\x1e\x8f\xa8\xd6\xa8O\xd1\x16_\x02\xc1\xf9i\x04\xf7\x01\xc1\x1br\x16\xc7\xb2\xed\xd7\xe6X0$\x00o]\xb3\x9a\xd7\x93\xfc\x951\x92%\x06\x0b\xd4\x03|\xf2=pwr\x91\x0c\xe4th\xe1\x18\x89\xa9\xfc\xeb/\xea&lt;V\x05\xf5*fdb\xa8\x9eW\xdd{z\nv\xa3`i\x00\xbe,\x85%\xb0vo\x17\xe0tN)-_\xac\xaao\xc7\x18?e\xe2\xfa\x87Iu")5h\xe1#\x9cP\xad*\x11Q\xcb\x7fFb\xec\x90\xd3\xfc\xc7\xe5\x19\xa0\xd8\xaes\x83\x06\x1dh\xd9\x9f\xc3\xa9\x00\xaa\x9c\xdaf\xe0\x8dI\xaa\xb0\x18\x022\xdel\x91\xb6j\xd5\xb17\x06\xc0\xf5\xd2$z\xd3V\xe0qD\xef\xf1r- \xf9\tc\x0b\xa3\x85t\x8f\xc1\x90\x02\x8de\xb8l\x85\x13\xaeo~\xf24\xe3\xfdn4\x96\x0b)fi8K\xc6\xa6\x7f\x10\x0bJ\xab\xf4z\xa0\x07\x94-\xf9b\xe3E\x18FM\xf6\xfas\xfc\x93\xde\xb8\t&lt;f\x1b$\x1c(\x17f\xbf|\xbb\xfc\x1c\xd2\xf0\x92\x89\xca\xb3hS|O\n_"\xc4B\xa8y\xce\xcf;\x8a\xc1\xf5_\xa5\xb2\x1b{\\&lt;\x96\x1f \x0b\r&amp;\xf8\xb6TLj\xe7=\x9a\x85\xb0\x04,\x93\xe1#\x11\x94u&lt;\xba\xea\xd7F\x938\x0c(}\xf6\x83\xc9dT\xfc\x9a\xa8a\xf4\xce\xedO x\xa7\x1e)\x94-\xc4\xdd\xac\x94\xc8\xc7\x1c\xb2\x14Va\x16f\xca\r\xda\xffgX\x9eP_\x18\xcb\xd20\x1f\x8c\x8bu\t\x83\'\x86\x8f-"`\xbb\xec\xc0\xb65\xc6\xbc\xe1O\xc9l\xa8\rS\xc1%\x8d:\xd2\x12+\x8a\xb5\x84&lt;\xc7\x94\xa9\x1aE\xa3\x99\x88\x1c6\xbf2\x8cCs\x99\xbb\xefRE*\x89\xae\xfaq[f\x99\x85^\x95\xd8\xbc\xaa]\xbfa\x14\xb1\x0cz\xcclB\xce\x8d\x83\xe1T{C.@\x83\x0c\xdf6;\xde7F\xe9\xfc\x9fR\xa3\xea6\x8a\xf5\xc5\x08E%1\xe3\xc2"&gt;\x9d\xf6\x81\xb9\x17\xb7\xc2!*\xff\xb2\xc4m$\xa0\xf0\xc1\xe4\x1f\xdc\xe2\x03\xe6/,\xefBW\xf0v\x87_8\xd9\xbf\x13?\xc3@\xca\x9f\xfb\xae\x91|l\xff1h&amp;\x13\x9e\xc9\xfc\xd6N\x7f\xed\xea\xadI\xf7\xc80\x1d$\x19HA\xd2S\xce\xac\xa2\xaaP\xb9f\x7f\xa5\xdc\xbf\xdb\xeb\x1d\xe7\x8a\xb8C\xe3\x9c^v\x04\xbe}\xb2R\x9c\x14\xbf^pr\xd2\x8d"k\x9d\xbf)7{]\xd5P\xf2\x83!l\xc0-\x08J\x8c\'rTJ\x12=\xfdk\xb7-\xfb_\xf6\x9c;LT\xff\xb1\xe4\x1c\xf8c\xa4\x8b\xf2\xb0\x82|\x1e.\xe1\'T\xd6m\xf4'</t>
  </si>
  <si>
    <t>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</t>
  </si>
  <si>
    <t>b'\x06\xcf\x91\xc9\xb8y\x9b\x00\xe2\xcd\x00\xfc\rT\xe6\x04'</t>
  </si>
  <si>
    <t>letters, no entreaties should avail to procure it.
 'If the Chevalier expected this favour from us,' said she, 'he should have
 conducted himself in a very different manner; he should have waited
 patiently, till he knew whether we were disposed to grant it, and not have
 173
 come and reproved me, because I did not think proper to bestow my
 niece upon him,â€”and then have persisted in troubling the Signor,
 because he did not think proper to enter into any dispute about so
 childish an affair. His behaviour throughout has been extremely
 presumptuous and impertinent, and I desire, that I may never hear his
 name repeated, and that you will get the better of those foolish sorrows
 and whims, and look like other people, and not appear with that dismal
 countenance, as if you were ready to cry. For, though you say nothing,
 you cannot conceal your grief from my penetration. I can see you are
 ready to cry at this moment, though I am reproving you for it; aye, even
 now, in spite of my commands.'
 Emily, having turned away to hide her tears, quitted the room to indulge
 them, and the day was passed in an intensity of anguish, such as she had,
 perhaps, never known before. When she withdrew to her chamber for the
 night, she remained in the chair where she had placed herself, on
 entering the room, absorbed in her grief, till long after every member of
 the family, except herself, was retired to rest. She could not divest herself
 of a belief, that she had parted with Valancourt to meet no more; a belief,
 which did not arise merely from foreseen circumstances, for, though the
 length of the journey she was about to commence, the uncertainty as to
 the period of her return, together with the prohibitions she had received,
 seemed to justify it, she yielded also to an impression, which she mistook
 for a pre-sentiment, that she was going from Valancourt for ever. How
 dreadful to her imagination, too, was the distance that would separate
 themâ€”the Alps, those tremendous barriers! would rise, and whole
 countries extend between the regions where each must exist! To live in
 adjoining provinces, to live even in the same country, though without
 seeing him, was comparative happiness to the conviction of this</t>
  </si>
  <si>
    <t>b')\x15\xf8\x83*\x90K\xe4\x95JV\xb0K;\x08\xae\xe3()\x96\x8a\x87\xc2,$\xacgFi6rw\x8b\xa3\x07\xd9\x93\xb7\xf0\x0f&lt;QQ\xd0T\x83\xee\xb8hx\xc1\x1e\x03\xd4\x05S\xb6&gt;\x1d\xda\x80\x8d\xe2\x8d'</t>
  </si>
  <si>
    <t>2915f8832a904be4954a56b04b3b08aee32829968a87c22c24ac6746693672778ba307d993b7f00f3c5151d05483eeb86878c11e03d40553b63e1dda808de28d</t>
  </si>
  <si>
    <t>b')\x15\xf8\x83*\x90K\xe4\x95JV\xb0K;\x08\xae'</t>
  </si>
  <si>
    <t>that the change in the terms of trade is large enough to
 offset the direct favorable effects of an increase in a countryâ€™s productive capacity. Most
 economists now regard the concept of immiserizing growth as more a theoretical point
 than a real-world issue.
 While growth at home normally raises our own welfare even in a trading world, this is
 by no means true of growth abroad. Import-biased growth is not an unlikely possibility,
 and whenever the rest of the world experiences such growth, it worsens our terms of trade.
 Indeed, as we point out below, it is possible that the United States has suffered some loss
 of real income because of foreign growth over the postwar period.
 Case Study
 Has the Growth of Newly Industrializing Countries Hurt Advanced Nations?
 In the early 1990s, many observers began warning that the growth of newly industri_x0002_alizing economies would pose a threat to the prosperity of advanced nations. In the
 Case Study in Chapter 5 on North-South trade, we addressed one way in which that
 growth might prove to be a problem: It might aggravate the growing gap in incomes
 between high-skilled and low-skilled workers in advanced nations. Some alarmists,
 however, believed that the threat was still broaderâ€”that the overall real income of
 advanced nations, as opposed to its distribution, had been or would be reduced by the
 appearance of new competitors. For example, a 1993 report released by the European
 Commission (the administrative arm of the European Union), in listing reasons for
 Europeâ€™s economic difficulties, emphasized the fact that â€œother countries are becom_x0002_ing industrialized and competing with usâ€”even in our own marketsâ€”at co</t>
  </si>
  <si>
    <t>b'0E\x02 mJ\xd5v\x1a%\xe0_\xf8\x80\xa2\x06\x03\xa7\x9e\xa7*\x0c\xce\x1a6\x1a\xb9\xcc\x0f\xda\xc1\x0b\x0c7\xca\x0b\x02!\x00\x93\x88\xe1\xe1F*d\xe5c\x04%\xa1\xac~\xefZ\xf5nJ\x11_\x0e\xda\x8e\xc6\xa2\xa3\x84\xdb\x83\xf5\x8c'</t>
  </si>
  <si>
    <t>304502206d4ad5761a25e05ff880a20603a79ea72a0cce1a361ab9cc0fdac10b0c37ca0b0221009388e1e1462a64e5630425a1ac7eef5af56e4a115f0eda8ec6a2a384db83f58c</t>
  </si>
  <si>
    <t>b'0E\x02 mJ\xd5v\x1a%\xe0_\xf8\x80\xa2\x06'</t>
  </si>
  <si>
    <t>s early in May, when there came a man from Squire Gordon's,
 who took me away to the hall. My master said, "Good-by, Darkie; be a good horse, and
 always do your best." I could not say "good-by", so I put my nose into his hand; he
 patted me kindly, and I left my first home. As I lived some years with Squire Gordon, I
 may as well tell something about the place.
 Squire Gordon's park skirted the village of Birtwick. It was entered by a large iron gate,
 at which stood the first lodge, and then you trotted along on a smooth road between
 clumps of large old trees; then another lodge and another gate, which brought you to
 the house and the gardens. Beyond this lay the home paddock, the old orchard, and the
 stables. There was accommodation for many horses and carriages; but I need only
 describe the stable into which I was taken; this was very roomy, with four good stalls; a
 large swinging window opened into the yard, which made it pleasant and airy.
 The first stall was a large square one, shut in behind with a wooden gate; the others
 were common stalls, good stalls, but not nearly so large; it had a low rack for hay and a
 low manger for corn; it was called a loose box, because the horse that was put into it
 was not tied up, but left loose, to do as he liked. It is a great thing to have a loose box.
 Into this fine box the groom put me; it was clean, sweet, and airy. I never was in a better
 box than that, and the sides were not so high but that I could see all that went on
 through the iron rails that were at the top.
 He gave me some very nice oats, he patted me, spoke kindly, and then went away.
 When I had eaten my corn I looked round. In the stall next to mine stood a little fat gray
 pony, with a thick mane and tail, a very pretty head, and a pert little nose.
 I put my head up to the iron rails at the top of my box, and said, "How do you do? What
 is your name?"
 He turned round as far as his halter would allow, held up his head, and said, "My name is
 Merrylegs. I am very handsome; I carry the young ladies on my back, and sometimes I
 take our mistress out in the low chair. They think a great deal of me, and so does James.
 Are you going to live next door to me in the box?"
 I said, "Yes."
 "Well, then," he said, "I hope you are good-tempered; I d</t>
  </si>
  <si>
    <t>b'O\xfc\xe2\xf3\xef\x9a\x08\x1e'</t>
  </si>
  <si>
    <t>4ffce2f3ef9a081e</t>
  </si>
  <si>
    <t>h through, but it grew
thicker and thicker, and he was in despair. So he patiently broke
twig after twig till he had made a little hole through which he
peeped, saying imploringly, â€˜Let me in! Let me in!â€™ But the pretty
princess did not seem to understand, for she picked her roses
quietly, and left him to fight his way in. Whether he did or not,
Frank will tell you.â€™
â€˜I canâ€™t. Iâ€™m not playing, I never do,â€™ said Frank, dismayed at the
sentimental predicament out of which he
was to rescue the absurd couple. Beth had disappeared behind
Jo, and Grace was asleep.
â€˜So the poor knight is to be left sticking in the hedge, is he?â€™
asked Mr. Brooke, still watching the river, and playing with the
wild rose in his buttonhole.
â€˜I guess the princess gave him a posy, and opened the gate
after a while,â€™ said Laurie, smiling to himself, as he threw acorns
at his tutor.
â€˜What a piece of nonsense we have made! With practice we
might do something quite clever. Do you know Truth?â€™
â€˜I hope so,â€™ said Meg soberly. â€˜The game, I mean?â€™
â€˜what is it?â€™ said Fred.
228
â€˜Why, you pile up your hands, choose a number, and draw out in
turn, and the person who draws at the number has to answer
truly any question put by the rest. Itâ€™s great fun.â€™
â€˜Letâ€™s try it,â€™ said Jo, who liked new experiments.
Miss Kate and Mr. Booke, Meg, and Ned declined, but Fred,
Sallie, Jo, and Laurie piled and drew, and the lot fell to Laurie.
â€˜Who are your heroes?â€™ asked Jo. â€˜Grandfather and Napoleon.â€™
â€˜Which lady here do you think prettiest?â€™ said Sallie. â€˜Margaret.â€™
â€˜Which do you like best?â€™ from Fred.
â€˜Jo, of course.â€™ â€˜What silly questions you ask!â€™ And Jo gave a
disdainful shrug as the rest laughed at Laurieâ€™s matter-of-fact
tone.
â€˜Try again. Truth isnâ€™t a bad game,â€™ said Fred.
â€˜Itâ€™s a very good one for you,â€™ retorted Jo in a low voice. Her
turn came next.
â€˜What is your greatest fault?â€™ asked Fred, by way of testing in
her the virtue he lacked himself.
â€˜A quick temper.â€™
â€˜What do you most wish for?â€™ said Laurie.
229
â€˜A pair of boot lacings,â€™ returned Jo, guessing and defeating his
purpose.
â€˜Not a true answer. You must say what you really do want most.â€™
â€˜Genius. Donâ€™t you wish you could give it to me, Laurie?â€™ And she
slyly smiled in his disappointed face.
â€˜What virtues do you most admire in a man?â€™ asked Sallie.
â€˜Courage and honesty.â€™
â€˜Now my turn,â€™ said Fred, as his hand came last.
â€˜Letâ€™s give it to him,â€™ whispered Laurie to Jo, who nodded and
asked at once...
â€˜Didnâ€™t you cheat at croquet?â€™ â€˜Well, yes, a little bit.â€™
â€˜Good! Didnâ€™t you take your story out of THE SEA LION?â€™ said
Laurie.
â€˜Rather.â€™
â€˜Donâ€™t you think the E</t>
  </si>
  <si>
    <t>b'H\xf3B\xb1D)\xbc\xf2s}kpt\xabW\')Q\xd8\xce\xd3B\xb6L\xc9&gt;\xf3\x89\x9c\xb5\x9d\x00\x80\xb67\xe9\xf3l\x8e\xcf\xbcTmc\xb5\x04\xd9\xa7B\\\x00=\x0bE\x1e0Z\xac\xc3#K\xf8&lt;y`\x08as,Q\xf4\xaa\xf7\xa8\xe0\x04#\x0e\xbf\xdf\xaa\x86o\x9a\xf0j:\x849w\xf9h=s\xd6\xdas\xbc\xfd\x13\x84\x1d4v\xb1\xe4\xd4\xf5C\xcfh\xdd\x19\xfa_u\x0fw$\xd8C\xa1:\xaap\x12\xda\xa3\x1d\xe8\xdb\xda\x1aP\x8e\xdf\xd13\xd7sq(\xfb"\xf4\x10[\xa5\xf3\xc0\xbbk\t~pZ\xdc\xf4e\xcf\\@\xe5\x04Bt\x12\x84\xdbW\x8d\xde\x06\x8bG\xdf\x0b\x0c\x91K\x1f]\x91\xaa\x86evH\xe2w\x13\xc2\xc1\xa4\x1b\xdd\xf5\xbd5Z\xe2\x0b9\x0bp\xa9Q\x99\x8b\xedX\xef[\xf0|\x83\xd0Fj8~[~\x95\x04H\xa0\xd0\xf6\xa3\x86\x8d\x19n\xd79cI\xc7*\x95&amp;9i\x01\x1f\xf7\xfa\x82\xf1$\xdcJ\xd6\x85a\xa7\xf2\xdb\x9e\x9b\xdeP\xdb\xbd\\\xccJ\x8eB\xe5/x\xae\x86\xf60\x18&amp;\xc91M\x9e\xb8/jl\x15?\t\x07\x03\xea\xef\xf2%\x81W\xd2\xa4@hj\\G\x9fX\x86F\x91\x16\xf0\x11=\xf6e\x0fA\x19\x82\xff*\x9f\xd8\xbf\xba\xa9\xffE\xb9\xbec1i*m\x08\xac|75u\xd0p\xb6D\x118\x07\x19U+6\nS\xc3\xc0\x1a\x82\x86\x9fm\xdc\xde\xa9\xc4\xeaO4\xc5{3\x82\xa8\xc7\xb3?+\xbeP\x97\xff\x1c$\xed$\xa8\x00\xe2\xbfq\xf4\xbb\x9d-9\x9c\xeavZ\x80&amp;Fn\xb1\xfb\x8c\xa2\xfcT\xbc\xbf\xe0\xd9\xaa\xec\xcfK\xb6n\xd2L\xf3\xccz\x87\x98\xfd\xaf\xef@\xb2\x83\x83\xf9t\xd6\x05S\x8d\'|\xc9GI~)a\xaaHzl&amp;\x1e~t\x9a&gt;V\xbb8\x98\xfc\xdc\x1c\xc0\xa8\xc2\x0c\x15&gt;\x0bW\x93\x0f\x91\xda/\x15\xc6W\x97\x85\xeck\xcb\xe4\x9a)\xad\x9fxp\xceWr\xacx\xea\xd1\x83\x93\xeb\x1f\xc0h\xcf\x1a{\\\x11\x935\x8cz\x01(\x1c\xfb\x03oV\xba\xa841\x04\xcd\x06\x14\xaaCq:gX\xd1\x03\xabY\x95@r\x90F14A\xb3HM\x8b\xf1\xe9\x13n\x10\xb2I$\x88d\x1a/"\xcc*\x83\xbf\xad\x0b\xa7\x03\xfex\xa7j\x94\x97P@Y\xa5\xe0\xe8\t\xa2\x13rE\xc3\xe0\x1c$\x98\xa4,w\x11tX\xa3\xc1\xe1\x9e\xe3\xff5&amp;\xc6d\xbf\x1a\x85\xb1\x19\x14\xd1a\x17\xd5\xc8Z&lt;}\xd2;%\xb9\x8b\xabo\nQ\xd8\x84t\xb5\xb5\x99\x7f\x832\xb29\xd3\x80M3*\xe7OG;\xb0P*\x89\xf8{\x8az\x93\x16i\xb946ksY\x0e\xcc\xd2\x1a4\xb9\xe1q\x16\x12+;\x9dB\xe4\x12\xc8\xbcTmc\xb5\x04\xd9\xa7\x93\xa0\xaa\tk\xf6\xdb\xf6\x7f\xac\xe5\xbcQ\xb4\x1b\xbbS@\xda\xd1E\x89\x0cb\xab\xed\xda\xfeN\xe9\x1c(p\xb7\x86\xeeY~\x82\x0c)X%\xbc\xa0g\x906\xf7\x9bB\x8b\xe3\xb4\x9e\xe6\xb0j\xf7\xe6\xac\x12\x96\xeeT `\xc0\xd4r\xaf\xacRuI%\xe8M9\xe1Lz\xd9\x1c\xc1\xd2\xfd6\xa3\xe5\xe2\x07\x84\xc14\x8b6hW\xbe\xa2\xbevgc\x1a6\xd9\x88\x9a@\x8c\x87;Z\x03\xfa\x00\xe6\xe3#\x1c\xf5LW\xb1a\x1byy\xd8\xbfrY\x1aH\x14I2c&amp;\x91A\x85m2J\xf5\xbb\xefM\xa9&lt;\xab\xf7)\x9c\xd6&lt;\x1f&lt;\xc5\xddwl\xe8?\xa2j\xf4\xea\xc5\xbe\x06I\x92\x11\x8d\xf59a\x02\xcc\xd9\xbd\x7f\xd5\x15\x13\xbc\xf0&amp;\xe0m~rN\x92F\xa0\xe0\xd1\xe4\xbfF3\xeb\x11&amp;$\x82\xf1\xce~4\x8d\xd9\xc9\xb7\x02\xbf\x8cT\x00`\xb7\x87jD\x81\xcd.\xf84\x95\xb7\xd4\x93`\x7f\xa7\x1e*\x85\'\xd8\x92\xcd\x80\xe4\xc8\xf9)a\x00jR\x0f\x05\x08`%\xa0\r};v\xcbW\x15\\\xef\r\x02\x1f\x16E\x96\xdf\xae\xf4\xdd\xab~\xf5m\xf0\xde\xac;v}\x1c;K*;\x84xxl\x9e\x98\x98\xae\xdf\x04\xc2q[&lt;\x9e{)h\xbe\xa7\x96\x01W\xd2\xb7\xf8\xac\x1e\x1a\xa6\x1d\x07@g\xa6\xdd\xf6\x1e\x96\x00\x0e\xf1\x8e\xc7\\\xb6\xc7C\xbb\xb7\xc5y\xf4\xb6Y\xcdp\x0e\xcf\x1eha\xcd\xe0\x86\xbb"\x02\x01EK\xd5&gt;\xc7h\xb4\xe1\x19Y\x9dk@4\xf59\x99\x88\x9fU\xe5\xa3f\xc8\xee\xd3&gt;o\x92\xa4\x0cA\xf1@.\xddcU\xc5\xaa\xfd\xeeY\xe2\x1c\xf8\xc2\xe2\xfa\x00S&gt;\x8cf\xf9U\xa9\x0b\x88\xfc36\x0f\xea\x02\xb1\x13\x80{f\x0e\x19\xd7`#`\x89\xb2\\3\xb6\x867\xe4/\xdaw\xbe#\xca2d\xc0z\xa2\x9f\xae\xbcg\x03\xe8:\x8a\xa0\x8c"\xbe\x1b\xf7\x8fl\xec\x94/Z\xc4\xf3\xf9\x81o\xdf\xf1\xab\xdb\xb5\x86\xecIG\xb8\x1c\xf3`)Tl\xc9\x84d\xe8\xe5?z\xfelR\x8e^S\xfc[\xe1\x8a-\xf9i\x14\x15jo\xa9\x0e\xff"\xf7\xbcB\xe3\x1f\x9a)O\x1d\x1f\xf0c\xafV\xe0\x958\xaf\x94\xd2`\xefT\xcc\xa8\xdc\x1dj\xecG\xdbS\xcc\xa4t\xbdWG\xa5V\\G\x02\x8e\x0e\x0b\x19\x89&amp;\x84F[/\xff\xde\x9a\x89\xfa\xa4\xab\x17\xb3-\xdc"\x89\x8d\xbaA\xdc\x8f\'}\xa4q\xb3\xaf\x8a\xa1\xb0\xb9\xca\xc7E\xb7\xa8\xbf\xf2o\xc2\xf1{@M\xc2\xa9\xdeb\x7f\xb3\x87\xcb\xf3R\xc9:]\xe9\xed\x02\x97\xcd\'\xc6=\x19\xc0ER$\xdc\xa1\xed\xe8\xec\x8d\x8c\xb9\xcb\xbc\xaf\x95\x93\x1f\xc1\xf7kT\xe06\xeb\xb7r\x12\xa4\x0c\xf4\xa4\xfd\x0b\x12\xfe\xde\x10\xa4P\x9cz=YG;\x03(\xac\xf6\xbd\x0fP\x97]\xed\xa7cC\x8ah\xef:b\x83)(A\xba9K\xb9T\xcf3\x82J|\x16\xb8Zu\x90\xed\xb5\xe3\xba\xa1w\xf2e\x16\xac\xad?\'p2r/\x01\xfcOA\x1f\xf2\xf5(\n\xbf\xb3S\x86\xc1K\x91\xfe\xba\x00\xa2\x13\x8f\x08\xbd\xc6\xdf\'\x82\xca\xdc^\x8e\xef\xc9\xa9\xc1\xdd,ul\xd1\xfa\xe1\xfb+\xdb\xb7H3]\x8a\xf4&gt;,\xaaI\xe8\xaa\xb3qQ[I\xff\x80\xcc\x96=s\xe5\xe3|;\xcd#\xf0\xe3"=\t\xf4\xd3\x9a\xea\x9b\x88\xb8\x1b\xb0\xd6\x00F\x9c\x12\x8bC\xe6\x0cjG\x15l\x101\xa9\xeb\x87VO\x9e\tT\xcf\xf0\x1a\x8b2`c}\xaeJ-\xf7-KO\xea\xf2\x11\x8f\xda\xd8\xe3F^\xc9h&gt;p\xab\xbe\x971\xecB\x8f\xd9\x8e+\xccU\x9b\xcf\x82\xa1t}\xedNw\x81\xaf\xc0\xc6l\xf6\xe1\x856u\x13\xf5\x12\x87\xa4\xe7\x91\x9f\x11R\x8e\xe4\x88\xear\r\x02\xbb\x86`\xf5\x157HK)\xf9^\x18\xf4\xf6\n\x96\x8f\x01\x85#LPpC\xb2\xe4\xfe\xe1\xdbl\x92\x18\xb8\xfd.#\xac\x82\xc9\xa9\x81\xea\x03\xc8\x0cz\x13i\xf6\xe5\xe5\xc6]a\xb8\xf0\xcd\xd7\xb5Z2\xedbb\x15H&gt;\x1e\xa2\xf0\n\x16*\x9e\xf3\r8\x06\x9c.i\xff]\xe3;\xab\x93k\xa1*\xcf9\xd02\xe8V\x9c\x99-c\xa6\xc2&amp;\x01\xf8\xdf\xd9C\x95\x1b\xb1\xf0c|\xd7\xc2\xe8\x89\xaf^\x90\x0eM\x81\xe7\x0b\xa3\x1b5\xcb{\x82\xb8\x99C!\xc6\x98\xa6\xe9K\xb2\xdfZ\x9eq\x936|\xdbq\x88\xca|Ed\xd6r\xf5G\xb2\t\x11\x7f$\xce\x96!\xf0~\xe0\xdf\xf9t#\xdb?A\xbd\xa9\xbe\xba\x07I#\x1b\x90\x92\x0fD\xe1x\xb3\x1aO\xea\xf2\x11\x8f\xda\xd8\xe3\x87bj*\xd4\xe4M\x1eJ\xe0A\xd6"\xff\xbd\x04z&amp;\xe0{\x96\x08V\n\xfd\xcf\x97\x1c?\xd1\xb2\x92\xd7j\xbfE[\xbc\xf0r\xe1N\x80\xdaQ\xea\xdaP\xcek\x92x \xe0i\x9b;\x14\xf4\xf1\xb0j\x85\xd4\xe6]L\xd4\xe2Y\xb4D3\xaf\r\xf2B\xa4\x137A\xf0\xf7\xf4\x05\xe0\x02s;\xadu[#\xfbc\xdc\xa4`f\xe8\x15\x01\xe4\xf7\xfao\xfc|U\x0c\xc5\xd7\xed\xc5\x1b&gt;l\xce|\xfe\xf2\xb3\xd3\xcf\xfe9k\x7f\x92\x11\x84\xc0\x99u\xc7\xc2\x04\x8c\xf1\x82\xac\x97D/\xee\xf6g\xf7\xd20\x90\x8a\xa9\x02\x1bwqI=\xc4N\x896\x81\x97Y\xab\xfd\x11$3f\x98\x10\xaa\xbd\x1eZmh3\x15)\x90@&amp;\xfcy\xbc\xde\x85w&gt;\x9e\xcd\xc8\x88\xcf.\xbc\xddD\xf5\x97\xea\x88\x15 \'\xcdA\xba\xb5uQW\xafv\xfe\x0b\xf4j\xdc-\x101\xa9\xeb\x87VO\x9e\x15\x920\xcdh\xc0@\xb8\rW\x18\xa4a/\xb9m\xcc\xc6\xf1\xe9\xbfZ\x9b\x8a\xd1Y\x01\xc2\xb3(^\x87\x0b\x83\x85\xf3\x9a\xcc=\xf1\x01\x9c\x87\x7f\xe9\xd5\xa14-@\xa6\x8c\xe28\xf2_\x1fS\xd9\x81\x0fJ\x17\x03\xeb\x05N2v\x93\x9d\x9d\x85k\xf6\xdc\x83la\xcf\x15e\xba\x80\xf3[\x9d\xe2W\xa6\x12C\x10\xd6\xcd\xa6\xb9\xdd\x8c\x8et\x86\xe9N\x069\x88\xe5\x94\xa8x\xf6\x98\xc6"\xf0\xce\xda\x89|\x1c\'g\x8b\xb7G\x15;\x89(\xd7._u:X%xYJ\xbf\xc1\x01\xec|K\x87\x9b\xdc\x84\x14YNZu\x17f\x10\xe4~\x91{D\xdd\xc14!\xa5\x9f\x1ce\xc1\xa36mr_8}C.\xbf\xa1\xb0\xca\xad\x8d\xdd(#\x82\xdf\xa8\xf4\xdc\x1f&amp;\xba\x15\x13\x1e\xe9\xc7d[\xf4l\x06\x0e\xc3\xd8q\x02\xb9\x05?\rB\xc7\xc3D\xdd\xbf\xcc\xb0\xa8E\x15\xb0\xd2\xa4Ke=\xe4\x05#\x0c5\xb3\x05\xd29X\xbe\xcd_C\x13\xc9\x0ff\xf4\xc1\xba\xc9\x0cAzF\xef\xb7\xae~_+\x1d\x0f\xff\x19\x16A\xc4l\xa3W\xe8;\x0b\x10?\xe3m.ry\xb5x\xda\xba\xad\x9b\x100\xe3\x95\xa8B\x84\xb0PC\x8c=u\x84\xa77\xe6\xfc\xbd\x08\xa5\x08)\x85\xcb\xca\x02s_E\xa9}\xf3~\xe4\xaeJk\xb5\xa1\xadrv;\x81\x8e\xe2\t@\xdc\xa0\xefK\x11H\xeb\xbd&lt;\x99:\xfe\x93\xa3&gt;\xe1b\xde\xe8\x8d+\xe2\x1dbn\xba\x08\x9aw\r\xd9[\x03\xf7\xc6#\xd4\xb6\xc7\xd7\x94\xd6\xbc\xf3{z\x8e\x07\xf8^\x86\xe6\x89\xd8\xe3\x19oB\xd6\xbbUAS\x91\x89&lt;\x13\x19Px\x8e\\\xf6\x9f\xdf\xf6T\x91\x92\xdd\xdd9\xffg\xa6\xa7\x8e\x80\xde2\x9c8H\xd0\x1d)\x83a\xfbF\x05\x8dG\xaa\x95\xb0d\x9fK\x1eq\x8cA\xa9\x95\x01\xd9\xb3m\xc3\xb3\xbait\xba\xdc\xad\x97]\xec\xf14.+\xa4\xf5j\x1e\xf9\x85\xe8U`\x8d&gt;kE\xc7|\x12m\xca(\xed\xb0\xb5(\x85\xad\xe1j[M\x0e@\xff!+\xf4\xf6\xdcDoyc\xae\xb4\x1a\xd04\x1e\xda\x8e\xcd\xb1\x84I\xea\xedh\xbd\x11\xa6\xfc\x04\x04g\xead:\xab\xc8O&gt;\x8fN\xebi\xe0\x1d\xec&amp;\x95\x16\xe3\xf1h\xae\'\x05\xe9\xd9\x8c\xec\xfd\xe4|\x9aDK\xe9\xb8)\x92\x82\x9c\x01\xcf!|N\x0eO;K\x80\x95\xe1+\xe7_\xcf*}R\x05\x96\xac\xb7H\x88\xf6\xa0F@i\x9bj\x94\xeb[\xf8\x92\x14h\xe0\xa4\xe82\xc1\x1bR\xbf\xabg\xcb\xd6\x96(\x08\x8at\xe8\xd9k\x9d\xa19l\xfd\xbe\x8d\x82}\x124_\x9c\xd0\x1f,g\xb7\x19q8\xdf\x08\xb0\x00@\xca\x86\xfb\xdd\x85\xed\xb5\xe6\x93L\n\xe7\x06\xf0\xbb\x96\x186\xf0\x13\xe7{\xfc\n\xcd\x14,\xfe\xcb\x81j)\x80\xff\xca\x96;\x1d(\xc5=\xf8\x1d\xfe\xff\xe4\x86j;\x94'</t>
  </si>
  <si>
    <t>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</t>
  </si>
  <si>
    <t>b"H\xf3B\xb1D)\xbc\xf2s}kpt\xabW'"</t>
  </si>
  <si>
    <t>echanism and the feedback network, returning a signal equal to VoutR2/(R1 + R2)
 to the subtractor. Transistor M1 itself operates as the subtractor because the small_x0002_signal drain current is proportional to the difference between the gate and source
 voltages:
 iD = gm(vG âˆ’ vS). (12.27)
 (b) The forward system provides a voltage gain equal to
 A0 â‰ˆ gmRD (12.28)
 because R1 + R2 is large enough that its loading on RD can be neglected. The closed-loop
 voltage gain is thus given by
 vout
 vin
 = A0
 1 + KA0
 (12.29)
 = gmRD
 1 +
 R2
 R1 + R2
 gmRD
 . (12.30)
 We should note that the overall gain</t>
  </si>
  <si>
    <t>b'\xff\x8d\xee\xdc~|\x831B\xd3\n~&gt;\xf9Cu'</t>
  </si>
  <si>
    <t>ff8deedc7e7c833142d30a7e3ef94375</t>
  </si>
  <si>
    <t>Dickon's own curving smile. "Eh!
but they're enjoyin' theirselves for sure," she said.
She was quite right, the comfortable wonderful mother creatureâ€”and she
had never been more so than when she said their "play actin'" would be their
joy. Colin and Mary found it one of their most thrilling sources of
entertainment. The idea of protecting themselves from suspicion had been
unconsciously suggested to them first by the puzzled nurse and then by Dr.
Craven himself.
"Your appetite. Is improving very much, Master Colin," the nurse had said
one day. "You used to eat nothing, and so many things disagreed with you."
"Nothing disagrees with me now" replied Colin, and then seeing the nurse
looking at him curiously he suddenly remembered that perhaps he ought not to
appear too well just yet. "At least things don't so often disagree with me. It's
the fresh air."
"Perhaps it is," said the nurse, still looking at him with a mystified
expression. "But I must talk to Dr. Craven about it."
"How she stared at you!" said Mary when she went away. "As if she
thought there must be something to find out."
"I won't have her finding out things," said Colin. "No one must begin to
find out yet." When Dr. Craven came that morning he seemed puzzled, also.
He asked a number of questions, to Colin's great annoyance.
"You stay out in the garden a great deal," he suggested. "Where do you
go?"
Colin put on his favorite air of dignified indifference to opinion.
"I will not let any one know where I go," he answered. "I go to a place I
like. Every one has orders to keep out of the way. I won't be watc</t>
  </si>
  <si>
    <t>b'Z\xe6VU\xf0T\x9d@\xd2\xa5\xed\xe3W\xa3\xbd\x8a\xa5z\x9d\xfd#\xa8\x98\x0e\xcagN\n\xe6\xdb(p\xb7\xfc\x19nk\x9d\xf71#\xdf\xb7f\x02\x9fO=^E\xa1\x18\x1e\x8b\xde\xf0\xb9!\x81\xf4*\xa4r2\xac\xa1\xf9\x9dY\xd6\xa9\xe1\xfe\xe9Ri\xa6\x92\x98\xd1\x8f\xa2\x03\xd6\x8c=\x82`#7\xbe\xd71n\xb1w|Q\xfb\xc9j\xabK[\xd7Bnu~J\xa3i\xfe\x91\xb3p\xaf\xf81\n\xa33\xc2}N\tv(\xbc\xa6?\xc0z\x1d\x02\x96\xbc;,\xca\xd5u{WC\xfe\x92\xd4\x00sCH\x89\xbd\xa3T\x10\xcc\x9b\xae\xd0\xf4+\xae\xac\xf5\xe4\xe0\xfe\xbd\x97@?\xa00I\xbf\xac\x81\x99U\xd4\xa2\x91r\x08\xee\xa6\x03\xa5c\x92\x88Y\xf2\x1b\x1dB\xa5dJ\xa4&gt;\xfc\xb7\x8ebz\x7f\\\xa7~b\x01\x9a\xe03\x94I\x1a\xec\x8b\xaa\xad\x9c\xd8\x99\xe5\x83\x90\x19\xa3\x13pb}\x98\x8f\x02\x9fJ\x11qf\x88G\xf4\x97fe\x07\x8e\x10d\r\xe1\x14\xe3hj\xc8\r\x19L\xf6\x1cg|\xfa\xf9\x18\xf7\xbb|\xa8\x87_\xd2\xe1\x10:\xfe\x1e\x87}\xea\xe5\x07&amp;\xcfu\xd6\xb6\xd1\xc5\x99r\xb5\xac\x0fH\x8f\xbc\x03J&lt;\xaa\xda\xa0,\xfan\x87t\xe32\xfe\x90\xd6Q\xeb\x1eP\xd1\xc1\xda|\xba\x8d\xba\xe2\xe3\xec\xe2\x0e1\xf8\\Y\x19J(`h\xd0C\xd4p\xde\xfd\x87S0-\xab\xff3nc\xe4\x0ck8\xff\xabQ\xd1\xfc\xf6ZKe/\xbbe\xf0\xef[C.\x9f\xe6\tm(+$\xd2J\xc3X}\xb9m\xbdA\xe6\xec\xf8\xc5\x0f\x98\xb6Qq\xb7\xc7\xd6OnK\xaf\xae\xb0)`\x95k\\\xd9(\x01W9_\xd9\x8f\xab\xf8\x9b\x84Y{!\xec%X]#\x9c\xb2\x00?\xccj\x9f\xdb\xban\xa9\xd6o\x85\x8a\xc28\xd9\xd1h=\x1d\x0f[\xd7\xa09\xadB\x00\xbf\xa7\xd5s\x81\x1c\xe0\xeaO\xd2\xe7\xc55f\x08\xac\x9f[\xb0\\\x90j\x97\xad\x9d\x10tV\x16\xc8S*\xba[R\xfdu\xbdSC\xa6\xc3,\xb389\xcc\xc96\xa6|\x1d\xba\xd5\xb5A\x86\xe1%\xab\x1b5A\x04\x8bQn\x96\r\xfb\xcc\xcb\xb6\xb9\x13\x0f\x1a\r\xe74\x130\xebA\xb4\xba\xd1\x8b\x1bc\x83OA\x8d\xa5\xf3\xea\x1ab\xe4\xae\xd6\x1a|$\x12P\xb0zm\xa7d\xf3n\x13i$\xf5l\xab\xdc1\xa7\x9eC-\xac\xb8c\xde\xfeG\x0ck\x9f\xe8\xb6m\xa7\x01!\xfa\x8c^\xf7\xd9&gt;\xa0}\t\xaa\xbb\x00}\xebP\x8b\x91x\xc8~\xb1\xf5)\xb6\xd2\xe4\rj)\xa2\xd0\xe5\xf7\xf7\x88Bl\x02`i1\xf2\xf1\xc2J\x8b\x8c\x1b\x9cE\xfbb\xfc\xd1\xba\x8bk\xbc\x14.\x85\xc7\xc2\x08\xe3-U\x99\xf1\x9c7\xf9\xabn4\xb1\x18\xe80\xc1\xd3\xdf\xec\xedy\xa3\x93\xea\xed(\xaa\xca\xee\xcd\xff\x7f^\x91j\xb5\x89\x80\xc06+\xcf\x15\xe7\xa8S\xa0\xc4\xef\x86\x81\xd7z\x1a\xf1o\xbaV\xe6\x90ZB\xcf\x01\x917`:\xb67_Cc@\xdc\xb3\x0f\xa5\xb78\xcd\xd9\xee\x8c\xd1\xaf\xa8\xd2\xc9\xe7](\xc3\xcc\x1e\xd6\x95D0\xe1k\x05\xee+\x87\xd3\x90\x14\xf8+g\xb0\xb3&lt;\x11 \x86\xcd\xe3\xe1\xea\x94\x92K\xb9\xed\x9d\xb3\xea\x01\x9ea\x8a\x155\xff\xc7\xb9\'\x9c@\xabUE:\x80\x8a\x0e\x8e\xa1\xa5\xfa\xdeH\xc2\x87\x9c\xb0\xc80,\x16\xc7\x8e\xffR;\xc2\x8dw\x81\xec\xf9\xb2p\xbf\x08\x1f\xcdj\xa6[9\xff\x1c\xf2\\5\x92\x15\xc4\x17 c\x08I6\xd8H\xdeu7_\xda\x92r\xc7%CA\x00\xc7\x8b\xe1\xe3\x99\x8c\x13\x1f\x9e9q\xae\x87\x01\x9d\xeb\xf7D\x0c(\xca\x84D\x83"@\xd8\xe0D\xd9a\xd9\x0cV5%JVB\xb1\x0eI\xcc\xd5\x07\xce,\xf9\xb9A\xdc\xa5\xff\xe7\xa4+@\xfd\xa6b\x0e\xa3\xa1\xe1\x86\xd9QPm&gt;q\xd9h\xe6(\xaa\x82\x99[\xad]\xc0TK\x04\r\xf0s)!YL\xdd\xb6}TO\xc9\xf9\x9b\xa3\x9f\xc6\x08\x8f*\x843\x88\xf6o\x03\x1c\x0cb\xc3YfH3G\xc9\xbaA%\xc5\\\xd6\xc54\xd8\n\xa1\xb5e\x99\x97\xacl\x85\xdf\x03\x9d\t\xe8\x84^\xcc+\xd4h\xaa\xbe\x13\x87\x16\xf2\x89k\xd5\xe3\xd1\x88\x07\x16\xc1\xdc@\xa6\xa5e\x7f\x0fp\xc9F\xd4\xd0\xab\x93\xffUa6Jn\xa3}5&amp;\x95C&gt;\x16#\x15P\x87\x12w^\x15\xf3\xd1\xe8\x1ef}:\x99w3&gt;~w\xc5f)8\xc1\xdd\xe0\x98\x1e\x96H\xaa\xed\xc4\x86V\xeb\xf7\x93\x17\x14hG\xf0\xc5\x02W&lt;\x0f:\xebb\xce[\xdc\xb0\x8c\xbb\xb5:\x83\x17\x04x\xe0\xd1\x85\xa6b\xc0\xb9\x08\xc2\x18\x91\xc7H\x93\x19\x17O\x8dF\xe6b\x87\xcc\x8b\x857\x01\xb27\xc4G7\xfeX\xfdR~)\xe5\x9a\x94\xe5\x92{\xa3\xfb\xa78\x1c\x94\x05&amp;\xad\x15\')W\x86\x8c]\x14|C\x1a\x9b\x9d\x14\x98\xd5\t\xae\xe8\xd4\xb19\xdcw\x02!l\xbb&lt;\xb5\x8c\xadzPXZ4\xe0\n\x1e\x9eG\xa8\x9b&amp;\xe4c\x9e\x01\xdc\x12G6WU\xf8\x1dkG\xcd\xe7\x97G\xc2P\'T\x0e\x96T\xf0p\xd9\xecz\xf4\xe7K&gt;\n\xba`\xa9\x0e\x8ds\x8f\xac\xce0\xb3E\t\xfd\x12ZN\x90\x8a\xd9\x19\xf4\x96\xdaw\x8f\xd6\xbfg\xf24\xcd\xfa\xfaH\xd3\xb6\x99\xc0\xfa\xb9&gt;\xbeoV9\x1a&amp;y\xea)\xa5\xa8\x93\xb5\xe5\xe8\x9a\x80\xdbL\x14\x1f\xc5\xc2\'\x8dG\xc1\x0e\xe4\xb4}C\x1e}-\xe7o\xb3\xb5\xfa\t\x08$\x8b\xf8.\x8c&gt;W\xf4\x0eH^\xa8\xed\xd7\xc8U7\x95\xd1\xc6~\x08\x16\xa0*+\xc3F\xa3Q\x99\xd7\xe7$Y\x94/\x83\x84;\\\x13\x03$B-v\x94mr*o\xbc\x9cH\x10\x14m\xb1\x8b\x14\xe99\xdc\xb8\xe0\x17b\xacT9\x81\x14\xbf\x08\xb6q\xdc\xed4\xab\x9fq:\'\x12\x17\xca)\xc9&lt;\xab\x00\xe2\x15\xa5{\x10\xc42[\\\xf7\xa15\x08`$\xe30\x8aF\x8f$;\nRK\x8b\xcb\xb4\xf2\xac\xfd\xcd\x1b\x88Y\xd4`{\x16\x9a\xf0\x89\x81\xc5Du\xc3\x14s\xad=*E\x8010\xb7E\x0e\xcb1b\xee\xf1 \x92Nr`\x8e\n\xa7\xf2\x19!C\xa1\x16dRA\xcb\xdc\xefjB\x97\x0c\x945\xf0\xa1!van\xeb\x99\x85\xcb\x83\xfbio\xbe\xe4\x1e\xd1\x96G\xf0&amp;D`\xb5\xa9\xe2\xd4v\xc5\x1a\x90\xdc\'?\xec\xfc\xca3\x08\x9e{\x8e\x15v\xa0\xd2\x08\x13\x0c\x17\x126I\xceN'</t>
  </si>
  <si>
    <t>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</t>
  </si>
  <si>
    <t>b'Z\xe6VU\xf0T\x9d@\xd2\xa5\xed\xe3W\xa3\xbd\x8a'</t>
  </si>
  <si>
    <t>ing along in the darkness. Dorothy could not see at all, but Toto
could, for some dogs see very well in the dark; and the Scarecrow
declared he could see as well as by day. So she took hold of his arm, and
managed to get along fairly well.
"If you see any house, or any place where we can pass the night," she
said, "you must tell me; for it is very uncomfortable walking in the dark."
Soon after the Scarecrow stopped.
"I see a little cottage at the right of us," he said, "built of logs and
branches. Shall we go there?"
"Yes, indeed;" answered the child. "I am all tired out."
So the Scarecrow led her through the trees until they reached the cottage,
and Dorothy entered and found a bed of dried leaves in one corner. She
lay down at once, and with Toto beside her soon fell into a sound sleep.
The Scarecrow, who was never tired, stood up in another corner and
waited patiently until morning came.
20
CHAPTER 5. THE RESCUE OF THE TIN WOODMAN
When Dorothy awoke the sun was shining through the trees and Toto
had long been out chasing birds and squirrels. She sat up and looked
around her. There was the Scarecrow, still standing patiently in his
corner, waiting for her.
"We must go and search for water," she said to him.
"Why do you want water?" he asked.
"To wash my face clean after the dust of the road, and to drink, so the dry
bread will not stick in my throat."
"It must be inconvenient to be made of flesh," said the Scarecrow,
thoughtfully; "for you must sleep, and eat and drink. However, you have
brains, and it is worth a lot of bother to be able to think properly."
They left the cottage and walked through the trees until they found a
little spring of clear water, where Dorothy drank and bathed and ate her
breakfast. She saw there was not much bread left in the basket, and the
girl was thankful the Scarecrow did not have to eat anything, for there
was scarcely enough for herself and Toto for the day.
When she had finished her meal, and was about to go back to the road of
yellow brick, she was startled to hear a deep groan ne</t>
  </si>
  <si>
    <t>b'x\x9e\xbb^\xbc\\o\x1c\xb7\x04\xb3\xb6\xfb&gt;\x13B\xe9\xc4\x91_\xbb\x86M\xc1?\xd3\x90\x8f\xac\x8f\xeb\xe9Ati\xd1O;7\x95\x95+4l\x13\x81{\xcb@\xda\x9a\xc2&lt;\x04\x108\xd9Z\x9b\x95l\xfa\xb0\xf6\xe7\xf9\xda%S\x88\xfd\xdeOt\x1ef3Qh\xaa/\x85\x1f\xf0\xfd\xf9;\x91\x8d\x92\xf8-c\xfe\x0b\x13j\xf4\x83\xe3\x9c\xed\xc7\xfdym\xfe\xa4\x85p\x8c\x14R#u%\x8d\x1b\xf5\x9b\x8c\xcb\x1e\xf1\xbd\\\xdc(8\xdb\x01/\xfa9\xba\xffC\xce\xcc\xa5&amp;\x83\x11Q\xd6Y\xe3@\x14\xeb*x\xd5}\xd6\xf9ic\xc5(\x07\xed\x98c\x9e\xd4\xe4\x90N\x05s]\xc0\rb\xf7\xbf#45\x8a\x9al\xb6Y\xfe\xaef\xef\x86/uj\xb5\xf2n\x84\x83\xba)\x16nB\xc2Hv\xc2\xcd\xdb\x8b\x05\xd6q\x1fXB\x89\x81\xa4\x8d\x91\\\xeaJMti#\x0e\xdc\xa5\xe5\xc60\xe8\x9b\xab\xd5\xea\xf5\x01\xb2;`\xcc_3\xaa/v+\x0e\xfb\xcfUL\r\'I\x1c\xf9\xe9\x16s\xd0\xb4\x85\x81\xb2-\x82\xc9&lt;\xb9\x88\x82\x10_\xbc\xeb0\xbf\xfa`\xebF,QG\x02LgB\x11\xf3mpZr\xd2e\x91\x10!}\xa5\xdax\xc1\x9e\x01\xc2\xfa\xaf\xaa\x15\x1agA*\x1c\x88**\x81\xc6T1J\xd3\xc1f\x8c\xbcN\xfb \x9b\xab\xe6=\xb6\xf0.\xe2\xce?\xa3\xc1g\xcb\xa9\x19Q&gt;\x04\xdff\xff\xc1\x03m9LW\xb9%\xe1\xc3P5\xa2\xa0yI\xa0v"\xc2J\xe0%\xcbT\xf2\r%Tl\xc3\xe8\x87\xea&amp;{\xe4I\xe2\'\xf3\xca\xba\xec\x98\x8f\xfdz\x02\x9d!y\xdd\xc7R\x97\xa4\x82:\x80\xea\xae\x82?\xec\xaf\xd7\xbd\xab](\xc3\xfe\xe5Ul\xe6\xf21\x0fE\xdf\xc2\xfd\x8fv\xe1\x85\x01\x89\xeb\x17I{`4p]D\xdeS\x18?\xf4\x03\x13\xf2\xad\xf6\xb5\xf5\xac\\\xd9\x86\xb6\xe5\xbf\x05\xc4\xef\x1c\xd5&amp;\xe0A\x9c\xcd\xf7\xf5X\x7f\x08S\xe2\xabB\x93\x89\xf22.\xb13\xa6\xe0)\xf7\xf1\xc15\xcd\x05z\x9d\x95\x8b\x91\x07d\xbc\x8f\x80\x0b\x18y&amp;\x8d,\xd6\xb6!b\x81\xdd\xd2u\xcex \xc1^eo*/V \xf7\xa6\rEF\x9d\x81I\xab#Zff\xfd\x82\t\x80n\xb6\x922K\xf9\xf9_\x8d\x99\xee\xa7\xb4&lt;\xd5\xfev\xec\x7f\xe2\xcb[e\x1dE\xd3\t\x14p\xc8\xd1_\xccg\x87\x1c\x9f\xb9T%\x8a\xe4\xf55\xda-\xd2\xc3\xc7\x91NZ\xbd\xca\x11#\x1e\x0b\xc2\xcc\xd5\xcaa\xed\x18\x17]\xe5Wk\x9a\x0b\xe3\xd7\xdc\xc7\x9d\xff\x07G\xe3\n\x15\xa7\x1d\xa5\x02\x05\xdfy\xc4\xd6\x8e\x80\x04\x8eB\xa7\x1d\xe1\x1a\xd9\xb5\xd4\tM\xa6\xb2\xecM!\xff\xdd\xec\xa7VO\xb8qP\xa3\n\xbfK\xe7pF!\x1cj\r(\xaf\xd5v\x8dN\xf9\xc0\xba\x03D\x82\x94x\x85\\\xaeq\x16!\xaaC\xa6\x19f\xbf\xd5\xa0\xd0\xaaY=|\xd6s\x89i\x11m\xc5\x00`\x821@\xc8i\\\xde\x83w\'\\K\xb0\xda\\:\xb7\xe1\xf65\xac\xcb\x0b]n\xef\x87\xfe\xe1\xf5}\x85\x7f\x8d\xab\xe7\xcd/\xda\xd0\xe9\xce2\xa1!\xd8\xb8\xc6+\xcf\xd8\xc5\xbeM\xc8g\x85\x80\x10\xc8\xd0{.\xfdk\xe2?E*\xf4\x96\xbc.\xd8&lt;\xb7\xac\xe4\xbc\x82}\xcc&amp;g\xa9\x83J\xb5q\xda\x01\x19\xf7\x01?K\xd1\x82~\xfcE\x8e\xe8\xf7\xf9\xe1e7\x99\x89#\x0f\x97{~\xfe\xdf\xe5I\x10+P\\\x02\x18\x8a\xb6\x8f\xeb~\x9a\xe2\xea!\\e\x83c\xaegO*\xf1;&amp;DaP\xb8\xbc\xc7\x90\xe4\xd4\xf7B\x0cd\xd6\xf2\t&gt;\x9c\xc2\r\xa8\xf7O\x95:\xb7[\x04O\xa2"\xfc\xcd\nZ"\xf0\xbd\xcd\x03\x9a\xd3\xf6\x10)?\xc9\xc1\xff\x12\xe2\xfel#\xdb\xd6\xf4\x8ay\x11\xf3\x11\xbd\xd1\x1e\xb5_|\xe6p\xf4\xf9\\@P\x91"\n\xa4\x8d\x10\xe1B\xde\x80\xf0G\x84\x92.\x94\xfd\x1d)\xff\xf3(\x1a\x8e%\xecN\x82f=\xc2a\xeaC\x96KS\xd5\xe3\x9f\xcf\xbc\x7f\xe5r"\xb6.\xf0e\xbd\x92\xc0\x90[t/6\xea\x0cG\xc8\xfb\xd3]\xb2\x8a\x97\r\x13\xf5\x03lZ69\xce\xa9\xf1\x8e\x10Ev\x8f\x9c&gt;\xcd\xa5?\x93\t!I\x80J\xc4\xb2\xb9\xff!|\xd0e\xf7z\xe9M\xdeC\x9eMS\xda&lt;\x85l\xc2{\xe3\xcam7x\xfe\xbch\xb1\x9c\xa81E\xca@L\xb1$\x17%\xefl*j\xf13\xc4k \xcdS\xc9\x9bgPz(\xd0&amp;\xb3 \xf9\x9d\x075\x03n\x86`J\x19!Wh\x8f\xf7\x9f,B\xb9\xc7,\xe2\xb9h\x98\xb8\\\xdfr]\xfe{\x89\x94\x9ai\xfa\xdeP\xa0\xc2\xb3\x19\xc8\x7f\xa5]&amp;@\x10\x14\xec\xe8\x16\x91V\x9a2\xeb\xba\x1aK\xa7\xbd`\x92\xf9\xf6\xc9\x99\xfa*t\xa6\xfc\xb4\x96\x10\xf0R\\a\x0fj\xf4%\x92\x10\x89\xa9\x04\xcc\xc3\xf4B\xc6\xb4\xabR\xab\x1c\x99W\xb2\xde\x9e\xb9s\xd7\xe7q\xcaa2\xda\xc5\xdf\x15\xaa\xa0\xe8\xda\x16\'\x96JG\x9d\xed\xb5O\xcc\x18\x9aS\x0c\x98\x03\xd1[\xd7\xa7\\^\x11&gt;{dQ\x94\x8ds\x85zb\x96\xb6\x07\xa0uP\x98dJ\x1b5\xf0\xf7HH3&lt;\x91}\x96\x9f\x7f\xd0K\x02\xeaQaY\xaf!\xdd\xc1\xcf@G\xf4j\xc1\x01\xe3\xea\xa4\xc8\xb8\xbe\x12\x1e\x01P`\x82\xf1\xf3U\xea\xc2\xaa[\n\x8cP\xd6s:n\xd0\x9em\x91e\x191\x8c\xa40\xaa\x01T\xe2\xd8k\x8c.u\xba&gt;\x1dv\x13\x9c1\x14\xf3N\xd3\xb8\x8d&lt;K\x0bo\x0e\xa0\xc9\x9dY\x17\x06&gt;\xfa\x8d\xcb\xfc [\xbez=\x03F\xe2jG\xe6\xceja\xe1\xeb\x9a\xae\x8d3o6XY\xf47\x1c\x0cKP\xf24\x8bt\xed5\xb0O\x7f_\x02\x1ey\xe7gi\x19\x9b\x1b]\xecJ\x07\x8f\xc8\xb6\xd7n\x04\xb1\xd3\x17\xc7\xbf\x06\t\xf818\xd9\x07BMi\xb2X&amp;\xf9Xi)(\xff\x83\xd4m=\x08A\xb4&lt;\x9a%\xf1\x8f\x19\xc9\xb6\xecn\x15\xd6\xa3\x980\xea\xd8\x16\x01\xfd\t&gt;\xa4\xa1Xk\x05r\x81\xfcX%ZGau1\xe7\x89\xb67\x12\x7f}\xc84,\xa69C\'!\x92\xf1f\x0f\xd9\xa4\xc3&gt;\x00\xea\x80*\xa2X;\xcbTM\x1d\x13\x1e\xfc\t\xd3\x92X\xf2\x81\xfd&amp;\x04\xfb\xe8\x92Q\xfb\xe0\x86\xcf\xd1\xef\xb4\xc2V\x1cCJ\xd8DkZ.\x9f\x1ed\x01+\xdd\x94\xb0\xeb\xe7\xd7\xe5+@\xda\xe7\xe2\x86\xb3\xbc\xf0N\x13\x1a=\xf7c\xe1&gt;~\xf5\xc9R\xcc+\x01,%n\x00\xab\x8c\x81\x7f\x81\xc7A\x15.\xb8\x04&lt;y\x05\xc8\xe9\xc1\xc6\x11.Ur\x85\xe1\xf7\t\x19\x90\xd6\xeb\xf8o\x03a\x9a\x056\xcdu\xc7\xb9\xdeS\x8e\xb1@\x11p@\xb8\x88F\xee\\\xd5\xba\xc7\xf4\xc6&amp;?[Q\xa9R\xa6\xf2\xc8\x98\xfd\x82\xd82\xba\x1f\x97\x94\x14j^\xc0\xefqx\xa6\x19\xd1\x9a\xcf\x8f6\xe4\xce?\xc6\x9e+X\xa4\xeej\xaa\x94s\xde\xf0\xb4\xed$+\x93]_\xce\x1c\xa6ej\xc3\xd8Q:\x14\xedwU*\x16\xc5\xee\xaf\xe6&lt;p\xab\xbf7\x15\xc1u.\'\xe7oR\xfb\x90\xa9\xf5\xacr\xd8\xd9\xcb|\xc0\x8a\xf9&lt;a\x9a\xb6;\x1d\rT\xff\xcep\xf0e\x86\xd5\x19\xb8\xa7\xe0\xe0p\x90t\x8e@\xed&lt;\x00#[\rB\xaf\xb0\xc8\x86J\\\xc0\x1c\x10\xa41u\xb0\x97\xb6\x86\x9f\x86gY:\xe2\x06\x06\x01L\xb1,x\x91\xd5tR\xc5\xdc\xd9\x01t\x95\x00\xea\x1e3EV\x80\xf6-\x08\x19\xacK\xa5\xdaorep \x9d\x1f\xa6\xdc\x06\x93\xf8N\xea\x06\xb6\x1bd\x17\x91\xcb\x1f\x04\xb3WT\xf0\x93\x8fu\xed\x83O\xa54\xd5\x97{\xc8.\x91\xb0`W\xbcbX\x17\x8d\xde\x9b\x97\t\xf6n\x8b\x05\x8b\x06\xf9}\xa9/\xeb\x10\xec\xf0\xe3D\xc3\xbd-Z\xb6u5F\\t\xefV\xb7\x06\xf7\xddp\xe7\'rTO\x95\xb8e\xc6\x82n/\x073\xf2l\x00\x88et4h\x80\x02\x84.\xc3\x86\xe1\xb3\xe0\xeb\x1a\xe3\xb3%\x9d\x8fBW\xec\xdf\xfc6\x842\xb26\x9bs\x94b\x0b\xddy\xd8\x17\x08\xd6R1\x9a\xda\xeaTP\xf3\xf8\xfc\x07\x96}\x0e;\x84\x84\xdd\x08LQi\xb4\xf0\xab\xf41]\xf2\xe9_\xb62\xa6\r\xc4\x80\x1c\x1e\xee"\xbe=9N\x0fHv'</t>
  </si>
  <si>
    <t>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</t>
  </si>
  <si>
    <t>b'x\x9e\xbb^\xbc\\o\x1c\xb7\x04\xb3\xb6\xfb&gt;\x13B'</t>
  </si>
  <si>
    <t>t's old buccaneers. Ah, you may be sure 
 of yourself in old John's ship." 
 "Well, I tell you now," replied the lad, "I didn't half a quarter</t>
  </si>
  <si>
    <t>b'\x19Bw{wm\xff\x8d\xdf\xfc\xe0[\xbb\x1a\x868\x1bR\xc0\xa4&gt;\xf3a\xc03\x86N"E\x13\x9c:\x07\x9fJ\xa7\x10\xc3W5\xaa\xe6\xa0\x0c\xb4vRSH\xa9j\xfaO\xa5p\xbeb\xc2\xd5\xa2\x1be\xcf\xa1B\xa8\xc2B*\x19\x92\xf8\xca5\xe2R\xcbSU\xc5\x9cS\x88\xfd\xc0\xf6\x12K\xf9\xdc\xc8\x19\x01\xeaE"\x89\xe9hY\xbe\xd3h\x9e\xb5\x15\xe9(\xbe@L\x98\x86@I\x7f\xc9\xa5r\x8b\x82V\x8e\xb2\xd0tt29@\xe8\x8dlL\x9c\xfd7;\x93\xe5\xaeg`2m\xe0\x10&gt;_q\xa2\xb1\x0c_$\x85"RGP_D\xd8\xa6\x02)\x84\x1b\xbf\xf5\xf0\xee\x96@.\xab\x99r\x08w\xbfq\x8c\xa4\xef\xe6-\xfep\\cF\xcf^\xc8J}\xccw\xb4\xf4O\x18\xcd\xe4a\x9f\x99\x94\xb9\x0e|\xa4/\xbb&amp;\xf5\x9d\x15[\xe9\xadi\x112W\xfez\xe1\x8c\xb1Y\x9d\xea\xf4\xef\x0e\xb0\xe7f\x15-\x1e\x90/X\x1a%gA\x05\x04\xac\x16\xaf\xb6\xd0^C\xbf\x8ac\x99\xce\xbc\xd0^\x16\x95\xf5\xc6XF\x16\t=:\xdfs\xdc\xa2\xad\xaa\x8d\xc9\xb3u8\x14\x00F\x10\xe3\x0b(\x92Q\x8c\x9fMT\x04\xb3\x98\xbd\xee\xe8\x137\xe5\x82\xfa\xdcC\xa7T\x03=\xf5\x1b\x83\x81\xea\x9c\x82\xea:\xc0c\xdf\xd0\x13\xb9\xfc\x9b\xd9!\x93\xfe\x11\xf2\x1f,/\x90\xce/\xc0\xf8BV\xe46\xa3\x9al\n\xf7\x11\x7f^\xa7\x84r\xec\xc1b\xdc\x17\xa7\xf9\xff\xb3c\x93U\x11\xd8\x80\xf8\xe7\xa9\x9f\nd\xb0\xc4\xe1J\xba\xa3u\x0e\xbb\xfd\x17}\xac6\xffP\xb6\xb9\xb8\x89\x1d\xd9\x84\x1d\xed\x7f\x84\x88\xd5\x8d\xfd\x10k\x02\xc55c\xf7\xea\x1f/l\x86\xa2m\xe8\x9co\xf9\xa0$\x98k\x94\xd7l5\xca\xc4\xd4\xb3\xb3\x9c\x0c\xae:\xdf&lt;\x17\x0b$Np \xf3\x9e\x82\xa2\x11\xdd\xed\xe7.\x8c\xac\xe7.@r\xcePo6\xa3\xd2\xad\xe9u\xa3\xd7\xe7\x83D\xd5\x7fx\xdf&lt;\x04\x17WX\x96\x84\x81h\xba]\xb3/\xe1Q\\\xea\xee\'3'</t>
  </si>
  <si>
    <t>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</t>
  </si>
  <si>
    <t>b'\x19Bw{wm\xff\x8d\xdf\xfc\xe0[\xbb\x1a\x868'</t>
  </si>
  <si>
    <t>d out of the room up to the old sofa in the garret, and
finished her fight alone.
The storm cleared up below, for Mrs. March came home, and,
having heard the story, soon brought Amy to a sense of the
wrong she had done her sister. Joâ€™s book was
130
the pride of her heart, and was regarded by her family as a
literary sprout of great promise. It was only half a dozen little
fairy tales, but Jo had worked over them patiently, putting her
whole heart into her work, hoping to make something good
enough to print. She had just copied them with great care, and
had destroyed the old manuscript, so that Amyâ€™s bonfire had
consumed the loving work of several years. It seemed a small
loss to others, but to Jo it was a dreadful calamity, and she felt
that it never could be made up to her. Beth mourned as for a
departed kitten, and Meg refused to defend her pet. Mrs. March
looked grave and grieved, and Amy felt that no one would love
her till she had asked pardon for the act which she now
regretted more than any of them.
When the tea bell rang, Jo appeared, looking so grim and
unapproachable that it took all Amyâ€™s courage to say meekly...
â€˜Please forgive me, Jo. Iâ€™m very, very sorry.â€™
â€˜I never shall forgive you,â€™ was Joâ€™s stern answer, and from that
moment she ignored Amy entirely.
No one spoke of the great trouble, not even Mrs. March, for all
had learned by experience that when Jo was in that mood
words were wasted, and the wisest course was to wait till some
little accident, or her own generous
131
nature, softened Joâ€™s resentment and healed the breach. It was
not a happy evening, for though they sewed as usual, while their
mother read aloud from Bremer, Scott, or Edgeworth,
something was wanting, and the sweet home peace was
disturbed. They felt this most when singing time came, for Beth
could only play, Jo stood dumb as a stone, and Amy broke
down, so Meg and Mother sang alone. But in spite of their
efforts to be as cheery as larks, the flutelike voices did not seem
to chord as well as usual, and all felt out of tune.
As Jo received her good-night kiss, Mrs. March whispered
gently, â€˜My dear, donâ€™t let the sun go down upon your anger.
Forgive each other, help each other, and begin again tomorrow.â€™
Jo wanted to lay her head down on that motherly bosom, and
cry her grief and anger all away, but tears were an unmanly
weakness, and she felt so deeply injured that she really couldnâ€™t
quite forgive yet. So she winked hard, shook her head, and said
gruffly because Amy was listening, â€˜It was an abominable thing,
and she doesnâ€™t deserve to be forgiven.â€™
With that she marched off to bed, and there was no merry or
confidential gossip that night.
132
Amy was much offended that her overtures of peace had been
repulsed, and began to wish she had not humbled herself, to
feel more injured than ever, and to plume herself on her superior
virtue in a way which was particularly exasperating. Jo still
looked like a thunder cloud, and nothing went well all day. It
was bitter cold in the morning, she dropped her precious
turnover in the gutter, Aunt March had an attack of the fidgets,
Meg was sensitive, Beth would look grieved and wistful when
she got home, and Amy kept making remarks about people who
were always talking about being good and yet wouldnâ€™t even try
when other people set them a virtuous example. â€˜Everybody is
so hateful, Iâ€™ll ask Laurie to go skating. He is always kind</t>
  </si>
  <si>
    <t>b'\xfa\xc7Hl\x1aj\xee\x8a\xbe\xb5)\x8b-I,d\x8b7\x9e\t.\x7f\x97\x07\xac\x1f\xeeE\xf5erES\x13\x82\xf1\x912\xce,\xf4[\xaa\x11\t[\x19&lt;\x1eC\x93L\x1c\x01\xe1O\x1d:\x80\x0fu\x972\n\xce\xa7\xc3\xcbN\xd3\xcafu\xa6\n\xbe\xe7\x16\xad\xd7\x92\t\xf5\x1d\xba+\xa1\x1a\xdd\xb4\xc9\x16\xef\x13\x15\xe5\t2\xfa\xdf\x95\x9d\x0c\xe1\xd6\xf9\xa0\x95I\\\x92\x1dU\x05#\xc0\xdeC7\xca-Q\xcc\x08b\xd7\xce\xe0o\xec\xfc\x85\xe2\x8a\xb3\x14B\x12\x94\xce_\xf5Q\xd8\x8f\x16\x9a\xb7\x1d\xc7\xef\x89 \x90\xf3\x9eG\xf4\x11ol\x1fY&amp;\x05%\x95\x02L7\x15\xc3\x04\x1f\x8a\xd4G\x1a\xf0\x1c\xc9Y\x19\x8d\xcd[v\xabF\xbf\xf3dnA\x1b\xf5\xea\xc0\xcd\xad*\x99;k\xc7\x10\xc1\xfd\xf5{\xdf\x95\xae9%s\x08\xb0\x13R\x99\xad3a\x9d_U\xd1BR\x82\xa2\xe7.{{\x1d\xd5F\x0f\xfe\xbc\x98w\x93\x84\xcac\xe6\xe0f\xd3\xae\x80@\xa4VF\xb0\xact\x92\xabC\x01\xbe\x85\xb8M\xb4\xb6q\x81\xaf\xc7&amp;\xcf\x1f\x86\xf4-\'\xec\xd4\xe5\x89\xc6*\xfa\xcc^\xaa\x08\xd9\xf5\xba\x11[\nL\x86\xa3\xba,\xec\xb8\x07\xf8\x00\x1f\xf4J\x14\x0fb0\xe5MX\x87M\xd6\xf40\r\x0b[\xca\x9f\xea\x80\xfe\'\x05\xd4\xed^\xd7\xc2m\xaa\xf8\xe6~\x18\xae\xf3\xed\xaf1\x8f@\x84\x9e}\x7f^L\xb0\x9d\xb1\x9a\x94\xe9\xe7\xeb\xe89x\xd8\x93F$m\x8b\xec\xc1\x85\xa5z\xd2\xaa\xad5F\xa9\x12\xc8,\xb1\x1c\xa7\xc1\xd6\xc2\x04\x1c\xe1\xf2\x91Hu\x0b\xeai\x97\xf9\xf1\x1eQ\xa5?6\x8d\xc3IY\x98\xf9\xf5\t]SXwB\x7f\xf4\x00\x17\xa1+\x9e:\x89E\xbe7\x1e\xac@%o\xe4\xfe\x85p1\xbe\x7f8\x00F\xbe\xca\xb20EUp\xfagP\xa0y\x19*;\x8dzU\x8d-{\x13\x9eJ\xecU\xad\x1d\x10fXO\xee\xc4@\xb1\xc2\x8eg\xaaP\x0e-(Y\xf61\x90\xcb\x19\xf7\x92\xca\xf0\xc4\x92\x1f\x0e\x93m\xc6\xec|\xc9\xa7J\xf7\x97\xc6.\\$,\x11\xa5\xbb=\x96\x05\xa6\xbe?\xc9\xf4\xa4\x04\x9er\xffTn\xba\x85\x137\x8c\x1ddB3Q\t5\xea?\xec\xe48\\9\xea)\x1b{\xb1.\xc4\x1c\x8e\xba!5J|b\xe7-3\xad\xf0X\xf1)\xbfE\xd8^D\xb7\x08\xe0\xb0\xb2\x13oRF\xdd{l\xb1O=(q\xef\xc2\xbc\xd9\xe6\xcf\xfb\\\xb5/\x9d\xda\'}\x1e!\xe4{J\xf3\xdar\xd6S\xe5\xde\x9f\xfa\xd7\xb3\xfa\xae\xa1\x11\x01Y\xba#i\xe5\xd0=\x15\xa8\\\xbf`C\x1b\x86\x8e\xb3\xe1G+=\x9fW\xef\x8a$\x9a\xfc\xc4e\xf3\x97N\xef\xe2&lt;^\x8e\xa5ib\x97\x86&gt;\x7f\x16\xa7%\xa9\xfd\xc0F\xfa\xd2\x1d&gt;a1S\xf6\xf7\xe3\x83\xc6v\xde13\xdb1W\xca\xac\xc7]nM\x8e\xe7\x14nX0%d\x87\xcf\xa1\xcb\x83zx\xf4\\\xb1\x9c%\xbd\x0f\xd2\xc5T\xb1j\xd1\x84Q\xf2\xf1#\x0f\xf5L\x9d\r\xefN\xa1\xa9I\xda\xe2(\x9c\x99K\x80!v@\t9\xa3\x80m\x02rO\x857\xeaik\xd6\xf2\x94J\xf4\xd0\xa0#/\xb81\x02\xe5\x0f\x87\xe9I0p7\x86\x80\xe4\x83T\x12l$\x0ciz\xe4\x1b\xa6\xdc\xdb~\xa5\xd6\x08\xd9\xbe3\x9e\x1fth\xc6m\x88&gt;\x03\x17\xae\xb2\x03:\x15\x87\x1e\xf2\xaa~X\x01y\xcbZ&lt;m\x00\xd1\xd7\xfb\xde\xf9\x91\xee\x1f?\xd4\xff\x96&gt;\x82\xbd\xadzz\xa9\xf9\x11}y\xcb,\t\xe5u\x9d\xcaq\xce|\xedEd6\xc7=v\xe3\xd3\xfb\xb1\x17\xd9`2\x0f\x97\x9e\x83\x8b\xae\x07\x9e\xa9iw\xa4\x11Y\x96\xf0\x9b\xe5pL9(\x91&gt;\x11|R\x07\xad-\xb3\xff{\xc4\x1b\xcdc:\x14\xf6\xef\xfbrI6\t\xdc\xd0#\xd6\r\x01\x0c\xb8\x1f0\xf1\x05\xcfnt\xcb\x93\xf3\xf6\x88\xf8\x1d\xd0\x1dc\x12\xabs\x8a\x18I!/\xef\xef\x9b\xe9\xff=\xcd\x82#/~\x1f\xc0\xe3\xa6%-\xa4\x89\x84\xcf\xd3\x87\x14\xea\x1cH\xdfH\x11\xcf\xec\x87\xf24\x03\xfa{\x00\xce\x9d\x04\x8bPP\x0e\xef\x11 \xbd:qu.\x1e\xfa\xd2\x0c\xdd\x05\x17\x12\x0f\xf4\xdb\xc5\x8d\xb4"\'\x95 \x8f\x99\xb4\xf9\xcbg\xaec\xca\x0b\xaf\xc5\xc9\xea\xf6\xe1\xaa1\xe6\xe9E\xa3*\xa5\x84\x08\xb0\x173\x98@\xf9\xf9\xd6\x89\x02&gt;\xaa\x98[\x9c\x87\x8d\x93\x06\xffZ\xf4\xef\xdb(a\x15\x1fk\xd8\x83\xee?\xa9/\xecupf\x95\x05\xca%D\xc8\xeb8\x11\x14\xc8\x1c\xfa\xb8i\x97\xdd?\rC\xd6\xfd\xf14?\xc4Ds\xc5\xc4&amp;T\xe6\xef@7\xfaru\xeb\x0f\x88k\tv\x1d\xad\xab\xce\r\xda\x98\xde\x01\xea&lt;r\xa1\xcd$"S\xaf\xf4\xfa\xe7{\xdd\x89\xfc\x8b\xb64\xd1|3\xdeE\x1c@\xfaGR7\xaeG\xaa\xdb&gt;\x91\x03\xfaz\x1c\xd5\xe52A\xdb\xf2\n\x01\xb6\xae\x0b,\xd9\xees\xa7m9\xe2\x0f\xd8\x9a\xb7\x18\x17\xfcd,\xc9q\xf7+qCWl\x00\xc5P\xea\xefW\n\x19\xef\xe5\x00\xa8l\x9eT1\x94\xbc\x1a\xc8\x08\x13e\x8d\xb7\x1d\x9d\xde\xe1\xc5\x90\x9c\x0c}\x0fFq\x91\xdb\x96\xa7\x1fk\xa9J\xaa\x84\x8d_\xc3z7\xa7-!\x03\xd7HsY\xdc\x84y}\xe2\xa0\xd6wWat[\xf6k\xeb\xa3~\x04\x1a\xd3\x01_\xae\x1bp\xb6\x9e\xff\xae\xc6\xfdl\xfd\xc2\xd5h\x8d\x8f\x9d\xbfM\xbc\x80\xe2\x19z~\xe6\x93u\x8c\x83\x0c\xc1\x13\x8d\x84r\x80+\x1a\xc5!\xee-/\xad\xa8\x90\xbf\x1a\xe6\xc1d\xfa\xeco\na,\xa2)&amp;$m\x86\xeb\x9fi}\xdek\x1bn&lt;\xc5\x13\x90j\x7f\xc3@\nW\xf3\xbc\xe0a\x0e1\x00"c\x07\xc0\x07\xbf\x18\x06\x1e~\xb4\x1a\xe7\xb0\xb0\xbf\x1e\xac\x82\xc3\xa7(\xa4R`\x1e\x80\x0b\xa8C\x9e\x83z*\x1d\xfe\xf8\x846Pc\xea!E\x0c\x0b\xc0n\xf2\x83\xa4\x94\x85c\x00$Yqy\xfe\xba8\x0f\xea\x16K\xee\x1f\xef-\r\xc7\x0b9Kb^M\xdc\xee&gt;\x95W\xf1\xd0A\xd7\x88\x0fw&lt;4\xe3\x18\x0fv?X&lt;\xdb\xa9\xe53C\x80$\x98\xf3}\xb9\x12\x17\x8d\xec\xb5\'/\xff6\x96\xd5\xd9siHCH[3\xb7\x9c%\xc8\x02\x1b\xb2*\'\xaf\x88\xbf\xe5\x92\x082\x01\xf8\xd5\xd4N\x91\x89dk=\xc3\xd1%W+\n\x02\x14&gt;M:\x001\x81\x1a\xca\xa1\x87\xfd\x8dF\xc01\x1d\x01\x11`\x18n\xe2h\x93Mm\x80i&gt;\xce\xe5\xcc\xc20?C\x96Ql\xcd\xdf\xef\x7flr\x9bz\xa8\x8f\x84\xf4a\xc3\xaa\xcb\x04"\xad@G\xc8\xd7\xb2\xc2@\xb7\x9e"~\xdbzB\xb5\xc1\xcc\xe8\xc4P\xe1\xc9.\xac\x1e\xb3d\x93\xd4\\\xa3\x16u\x83a\xd14\xd1^g\xf2\xb3\xb1P\x18\xb0\xda\xc5RH\x8f\x18\xd1\x9aRm\x0f\xb3\x0eX\xd3B\xbb\x07\xbb\xe5&amp;\x8c$\xf4k\xec;\x17\x11\xb61v\xf9h\x1a\x9e\xb9\x8b"\x00\xf0\xab\xd7\xd0\n\xe7\xb4\xf0&gt;\x99,\xc8\\\xa2\x1a\x0b\x82Z\xd4\xdf\x1b\xf9\x11%\x19\x94\x8d\xc5\xfc\xe4\xca\'*\x8bqaPU\xd8\xab\xb6\xa2\xf0\x9f\x0b\xc7B\x07D,\xdb\xe3Cz\xb1\x93\xe45\x98\x89\xa3\xb7l\x18\n\xc2\x9fw\xcaS\x87\xdf\xe6SSD\xc8C\x1d\xae\xe2\x0e\x14\x81)\xfe\x1b\xe0\xb24\xab\x92\x979\x7f+\xfd&amp;\xd0\xce\xb1\x16\x97\xd8$\x10F\x0bT\xb0\xbd\x9b\x11\x05\xea-_H\xeb\x8f\xc5\xa0\'+-I\x8e)w"\xbd\x8c\xe5\x9bW\x98F\x8d%\t\x19\x99\x87\xdd\xbc\xdc(\xbb\x07V\xc6!\xeay\x82\x7f+\x1f\xc4\t\xc0\xecE\xef+%\x9c7\xc3G\x1a\x11\x93[\t\x1fyX3\xb0\xfa\x11\xe8\xea\xeb\xfc\xe8\xab"\x07\xb4\x98\x07@Q-\xb4$\xfc1\xee\x0e\xe8\xc9\x0em\xa9\xa5)\xed\xc8\xbc\'\xda\xfdD\x0c5A\x95\xfc\x1a|\xf5\r\xab\x1f\xbfP^}V\xf7&amp;\xa9=\x96 \x8f\xbar\x13\xd7G\xac\xa0\xc6\x00D\x85]\x15,\x10f\x8c\xf2\xb5\xb6k\xe7\xbe\xf5\x00\xd9\t\x8b\xdc\xbe\xb1\x1acZc$R\x1c\xf8kg\x00&gt;%\xb2}\xfa$\xc0 \xcc\xb7\xb4l\xd6r\x0b!\x19&lt;?\xf9W\x0c\xebb\x00\xae9P\xa1Nd\xf8\\\xac\\\x0c\xa2N\x0b\xef\xd8#.\xf4\x8c\xd3\xf3,\xebe\xe0\xban\x8a:58\xe9\xe3\xd10\x10?,t|]}f\x8f%|\xd7\xbb\x9f\x15&lt;\xbcx\x90\xa6\x85Ug\x1b+\xe7\xe2"\x9e5a\xec\xa4\x93\x9fn\xe3\x81|uD&gt;\xc12\xc4\xa85\t\xe6,\x02:ej\xe6f\xb0\xcc\x9b\xe7\xfd\x96\xe5\x07\xf6~A\xd8\xcf6A=\x0c\x19\xda\xe3/\x83\x90\x92\x1e\xd3\xfet\xb5\xc4\xa1.\x04\n\xc5zJ\xad]\xee\x021\x82\xad\xf1\x05\xf5\xba\xb8f7`4%\xfa\xf6\x91\x0c\xdbP{\xe1\xc8\\\xe9_~\xa9Q\xdd\xee\x99B\x9bVG\xeb\x97\x89\x13\x83\x0c\xd7\x8b\xde\xdb&amp;m! \xc7\xe8\x13\xc2yc~v|\x13\x97o`\xe9}S y&lt;Y\x7f\xdc\xd2I2\xf8\xc5\n\xb1\x07t\x90A\x80\xa7\x10\xcd\xfc\x1dj\\\x8aD.\xacwZ5\x915#\x99\x8cb\x9dB-5\xeb\x8b\x05x\xec*\xfc\xda|\xd7\xe4\x8a\x00 \xe0\xb3\x8e\xb0\xae\xc3Z%_\x89\xc8\xbd\x1b\xa7\xa7\x8eg\x12x`\xaf\x02\x85\xcc\xc9\xb3\x1e\x07\xe5\xa0!o\xdc\xec\xe7\xad3f\xb3\xe9\xb3p\\\xc1\xa8N\xa6\xb3\xc7\x9a;&amp;ho\x88\x0fg\xd3\x0f\xd6\xd8\xcc\xdcR\xaf)gr\x97\xa8\xa0l\xd6\x86\xae\xd1\x04\xbc\xd1\xc4H\xcc\x90\xf2m\x14A\x06\x05\x7f\xf51\xb3~\xf5mD\\\xd2`\x13sFJ\xc5\xca\xefl\xdc\xba\x08\x0f\xcd\xaa\xc5\xb1\x83X#\xeb\x00*s\xee:\x1d\xad\x90\xef\x0f+MC\x02Q(o\x87}\xde\x11\xa5\x822E\xa6\x85\x19\x0f%G\xf9\x1d\xbbC\x0f\xe0/5\x92\xc1\xc8\xad\x17\xfd\xcc\xba\xa70Y"\x93\xa3\x0eW\xec\xcf\x9b\x80\x02\x97;\xf2\xae\xa7gV\x1a\xe8\xd3\xd3\x98-+U\x8a\x0eG\xe9\xbd\xbf&gt;C*A\x8f\xa4\xe7\x8a\xf4\x913\xa4\\\xbe\xbf\xd9\x80\xf4\x1b. \xcf\xe1)\'\xed\x9c\xf0\xf3\xae\xfa\xdb\x1d\xd8)\x8d\xf5B\xea\xe5E\xc7\xc2Tg\x85\x019\x0b\xd1\xbc\xd6\xa1\x03\x84q\xa9\xed\x85\x10j\xe0\xe0@\x12\x91\xa0\xe3\x1cr2\xc8\xb3$\xabl\xc8\x06\x00P\xd5 {\x8cIcL\xdbj:\x0eG\x0f\x96C\x7fk\xb1\xcf\xa2\xbd\x9b@"\x01\x80\xdb\xdb(X\x0f\xd3\x11\x10,\xea\xe2\xe2\xbaQ\xcd0\x1cTX\xc0\xbb\xf5p\t\x8fa\xaf\t\x04\xe2\xa6\xf0s\x9c/y\xf7\xa2\x14^\x05\x0b\x85\x92\xd2\'\x9c\xc8Wb\x83\xee\xc7R\xb6\xde\xdbu\xc3|q\xce]\xd2\t\xcb\xd8IP]\xa3\xa6\xd0\xdc\xf7\x18\xa2s\x17\xbeJe+4hu\xa6\xcc\xf8\x83y\xb7\x04\x06\xd6\xc5\xbdoW\x02\xec\x91*91\xe2\xb7\xa7\xd7\xa8\xd3\xd4\x01\x82\xb7\x9d\'\xc6Y\xca"e\xf8?\xb01\xbd\xdd#U\xb7\x91j\xf8VxZ\xf2\xe3a\xe7w\x88\x9d\xadh\xb5\x0ef\xe0}\x88\x82\x91\xa5\x0c\xbc\x99\xb5\xbf\xd4P\x9b9\xaeW\x13~\x18D\xe8pN\xca\x8714\xd5\x85\xebE\x05\x9cB\xc8\x0bd\xeb\x82S0\x8a:\xa2\x1eK\xe8y%\r\xffk\xd3\x18,*\xdd\xbc\xd1a\xa4\xad{\xd4O\x0f\x1c"^RM\x01UC\xe5\x9f\xcd\xe4\x8a;\x1e\xfb\xd9\xcf6K\xadg\xb2!\xe0?\xc2\x17\xd3\x84=\x16\xc7\r\x8b\xe7\xc3\xaa\x82\xf8\xc0\xe0\xe3\nkv\x03\xb6\x9c.\x97\x84\x95R\xd9\xee\xe6\x15\x0c\x80\x89+\xa4\xa6P4\x92s\x14\xa3\x96\x8b\x1b\x9a\x1f\xef_93T\x1b\x1b5\xb2l\xc6\xbd\xafa\xf0\xdb\xbf\x94h\x93g5!M\x03\x82&lt;\x89U|\x1a\xc4\xa0\xe2\xc0\\Ow *\xcb\xea\xfaM\xe2\xe8|\xfa\x11\x12\xab7\x01\x989\x12\x95`v\xb7\x00|Y\xcf\x02\xea\x1c\rQ\x05Y\\\x9b\xd8\x8d\xe2\xa3\xa6)\xe6\xea#M\x98\xf2_R%\xc2\x97^P\xf2\xbb-\xb0\x8cg\x13v\xcc\xac~\x02\x86B\x17\xca\\\x11\xee\x1d)\'=\xe3\xc2\x00{\x06\xf0\xdc\x11G\xb3\x86\xec\xf4\xe2\xb2\xf5G{E\x1e\xb3\x1b\x85\xcb\xb9\xd5e\xd9\x08\x80\x92+\xa9+(\x95\xbeOXv?\xfd\xf2T\xc0U\x1f\x1a,\xbei}\xb5\xd6\x99~\xa2F\x1a\\\xf9\xf7\x810\tP\x07\x1d\x1c\x84\xe9\xb8\x89z\xff\x94\xe2x\xbbwp\xd4\xb4\\\xa6^\xdc\x04\xachs\x97\x88\x84\x9a\xf2\xbd\xf9`^F\xa3&lt;\xac,\x07\x9ft\xf3\x8e"^\x1f\xfe6\x97U\x80W`v\x81\x0e`\xd7\xf8\xb1\xbc?\x94\xaa\xd3\xe1c\xa41\\\x08\x87\xd8\xf8\xf8\xc4\x17?\x97\x9af\xb9e\xa5\x8e$\xea\xad\xca\x98\x1f9s\xf4*\x89\xa8\xc6\xb3U\n\xe7\x88\xc5\xc4\xd4\x92}\x1dJ\xe8\xa4\rnV\xd4&lt;\x9b\xa0\xfe\xe6Zp\xf2,\x85\xaa\x97-o\xd2\xed\x1a7!:\xcd\xe5\x97O\xadvy\x9c"\x88\x16\t{}`\x9fep\xf3\xd7\xeb8i\xed\xc2A!\x07_e\xe1\x98s\x07\x98\x1a-\x81H{@\xbdr&amp;\xd9j\x97\xe9{5\x9e\x187\x05\xd5\n\xf5\x96\xa4T\xd8\xb2\x95O\xd1\xbb\x0f\x18\xda&lt;|C\xd5\xcc\\y\xe8\xd6\xcb\xc0;L\xc0d/uS\xab\x87=W\xce\x9c\xd0\xbc\x8cG\xbfx\xcf\x1a\xe4\xff\x88\r\xa3a\xfc\xc8\x94b\xb0\x89\x8f\x0ct\x9b(\xb1\xba\xa6\xa8}\x05E\x88\x89\xf0\xc4Mh\x95\x1a\x15\xe6Sz\x97\xbb\x1e\x81`\xc7\xe0\x91\xf0\xc8\x9f\xc7\xd22c6y\xe6\xb1hup\xd6g\\\xf4\xfa\xe9\x90\x8d\x0fOkS\xf8\xc1\x11\x8b2&lt;\xdb\x94\x85\x83\xfa\x96\xfe(\xd5=\xac\xbe\t(\xdeI\xf2\x83\xef~|\xe6\x98d\\\x93\xe7S\x15\x8e\xf3m\xc2\x01;v\x1d\x99\xc6\x92A\x8e\\Q*\x9a\x98U\xdf\x9d\xf8\xec\xfe\x82\xfd\xa6\x05E,\xd3U\xdf-&amp;\x0bq\x04N\x85\x8fF\xadr\x82'</t>
  </si>
  <si>
    <t>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</t>
  </si>
  <si>
    <t>b'\xfa\xc7Hl\x1aj\xee\x8a\xbe\xb5)\x8b-I,d'</t>
  </si>
  <si>
    <t>utput voltage (Vout = I2R) divided by the input voltage (Vin)is
  equal to the turns ratio: Vout/Vin = N2/N1.
  (e) Calculate the input power (Pin = VinI1) and the output power (Pout = VoutI2),
  and show that their averages over a full cycle are equal.
  Problem 7.59 An infinite wire runs along the z axis; it carries a current I(z) that is
  a function of z (but not of t), and a charge density Î»(t) that is a function of t (but
  not of z).
  (a) By examining the charge flowing into a segment dz in a time dt, show that
  dÎ»/dt =âˆ’dI/dz. If we stipulate that Î»(0) = 0 and I(0) = 0, show that
  Î»(t) = kt, I(z) =âˆ’kz,wherek is a constant.
  (b) Assume for a moment that the process is quasistatic, so the fields are given
  by Eqs. 2.9 and 5.38. Show that these are in fact the exact fields, by confirm
 ing that all four of Maxwellâ€™s equations are satisfied. (First do it in differential
  form, for the region s &gt; 0, then in integral form for the appropriate Gaussian
  cylinder/Amperian loop straddling the axis.)
  Problem 7.60 Suppose J(r) is constant in time but Ï(r,t) is notâ€”conditions that
  might prevail, for instance, during the charging of a capacitor.
  (a) Show that the charge density at any particular point is a linear function of time:
  Ï(r,t) = Ï(r,0) +Ë™
  Ï(r,0)t,
  where Ë™ Ï(r,0) is the time derivative of Ï at t = 0. [Hint: Use the continuity
  equation.]
  This is not an electrostatic or magnetostatic configuration;34 nevertheless, rather
  surprisingly, both Coulombâ€™s law (Eq. 2.8) and the Biot-Savart law (Eq. 5.42)
  hold, as you can confirm by showing that they satisfy Maxwellâ€™s equations. In
  particular:
  34Some authors would regard this as magnetostatic, since B is independent of t. For them, the Biot
 Savart law is a general rule of magnetostatics, but âˆ‡ Â· J = 0andâˆ‡ Ã— B = Î¼0J apply only under the
  additional assumption that Ï is constant. In such a formulation, Maxwellâ€™s displacement term can
  (in this very special case) be derived from the Biot-Savart law, by the method of part (b). See D. F.
  Bartlett, Am. J. Phys. 58, 1168 (1990); D. J. Griffiths and M. A. Heald, Am.J.Phys.59, 111 (1991).
 352
  Chapter 7 Electrodynamics
  (b) Show that
  B(r) = Î¼0
  4Ï€
  J(r) Ã— Ë† r
  r2
  dÏ„
  obeys AmpÃ¨reâ€™s law with Maxwellâ€™s displacement current term.
  Problem 7.61 The magnetic field of an infinite straight wire carrying a steady cur
 rent I can be obtained from the displacement current term in the AmpÃ¨re/Maxwell
  law, as follows: Picture the current as consisting of a uniform line charge Î» mov
 ing along the z axis at speed v (so that I = Î»v), with a tiny gap of length ,which
  reaches the origin at time t = 0. In the next instant (up to t = /v) there is no real
  current passing through a circular Amperian loop in the xy plane, but there is a
  displacement current, due to the â€œmissingâ€ charge in the gap.
  (a) Use Coulombâ€™s law to calculate the z component of the electric field, for points
  in the xy plane a distance s from the origin, due to a segment of wire with
  uniform density âˆ’Î» extending from z1 = vt âˆ’ to z2 = vt.
  (b) Determine the flux of this electric field through a circle of radius a in the xy
  plane.
  (c) Find the displacement current through this circle. Show that Id is equal to I,in
  the limit as the gap width ( ) goes to zero.35
  Problem 7.62 A certain transmission line is constructed from two thin metal â€œrib
 bons,â€ of width w, a very small distance h 
 w apart. The c</t>
  </si>
  <si>
    <t>b'\x05.$\xc2z\x1cx\x83\xf2*,\xad\x86\xbaF\xee\x00\x01+\x96(\x0bW,\xb0\xd5m\xc7\xed\xf2\x94\x97'</t>
  </si>
  <si>
    <t>052e24c27a1c7883f22a2cad86ba46ee00012b96280b572cb0d56dc7edf29497</t>
  </si>
  <si>
    <t>b'\x05.$\xc2z\x1cx\x83\xf2*,\xad\x86\xbaF\xee'</t>
  </si>
  <si>
    <t>n' for a long time. He mayn't come back till autumn or winter.
He's goin' to travel in foreign places. He's always doin' it."
"Oh! I'm so gladâ€”so glad!" said Mary thankfully.
If he did not come back until winter, or even autumn, there would be time
to watch the secret garden come alive. Even if he found out then and took it
away from her she would have had that much at least.
"When do you think he will want to seeâ€”"
She did not finish the sentence, because the door opened, and Mrs.
Medlock walked in. She had on her best black dress and cap, and her collar
was fastened with a large brooch with a picture of a man's face on it. It was a
colored photograph of Mr. Medlock who had died years ago, and she always
wore it when she was dressed up. She looked nervous and excited.
"Your hair's rough," she said quickly. "Go and brush it. Martha, help her to
slip on her best dress. Mr. Craven sent me to bring her to him in his study."
All the pink left Mary's cheeks. Her heart began to thump and she felt
herself changing into a stiff, plain, silent child again. She did not even answer
Mrs. Medlock, but turned and walked into her bedroom, followed by Martha.
She said nothing while her dress was changed, and her hair brushed, and after
she was quite tidy she followed Mrs. Medlock down the corridors, in silence.
What was there for her to say? She was obliged to go and see Mr. Craven and
he would not like her, and she would not like him. She knew what he would
think of her.
She was taken to a part of the house she had not been into before. At last
Mrs. Medlock knocked at a door, and when some one said, "Come in," they
entered the room together. A man was sitting in an armchair before the fire,
and Mrs. Medlock spoke to him.
"This is Miss Mary, sir," she said.
"You can go and leave her here. I will ring for you when I want you to take
her away," said Mr. Craven.
When she went out and closed the door, Mary could only stand waiting, a
plain little thing, twisting her thin hands together. She could see that the man
in the chair was not so much a hunchback as a man with high, rather crooked
shoulders, and he had black hair streaked with white. He turned his head over
his high shoulders and spoke to her.
"Come here!" he said.
Mary went to him.
He was not ugly. His face would have been handsome if it had not been so
miserable. He looked as if the sight of her worried and fretted him and as if he
did not know what in the world to do with her.
"Are you well?" he asked.
"Yes," answered Mary.
"Do they take good care of you?"
"Yes."
He rubbed his forehead fretfully as he looked her over.
"You are very thin," he said.
"I am getting fatter," Mary answered in what she knew was her stiffest
way.
What an unhappy face he had! His black eyes seemed as if they scarcely
saw her, as if they were seeing something else, and he could hardly keep his
thoughts upon her.
"I forgot you," he said. "How could I remember you? I intended to send
you a governess or a nurse, or some one of that sort, but I forgot."
"Please," began Mary. "Pleaseâ€”" and then the lump in her throat choked
her.
"What do you want to say?" he inquired.
"I amâ€”I am too big for a nurse," said Mary. "And pleaseâ€”please don't
make me have a governess yet."
He rubbed his forehead again and stared at her.
"That was what the Sowerby woman said," he muttered absentmindedly.
Then Mary gathered a scra</t>
  </si>
  <si>
    <t>b'\xdb\x91{\x1b \xb4\xf8\x9b\x93U\x0bTj\x1f\xf1\x02\'\xcb\x80\xfc\x00\x9b\xca\xf98J-\x91\xf7h\xb7\xdf\x88\xb5\xef\x81\x1f\xe9\xb2\x05Q\x8c\x1d\xc9\xa7y\xe3\xc8\xfd\xc5\x9d\xeb\xa7\x87\xfa\xe4\xa2\xdfyl\x80\x7ff\x02A)\xb0\x1a?\xb8h\xf1\xe8\xa6?e\x1c\xe8\xe4\x85`\xa8/FzU\x1a\xf8t\x93&gt;2\xad\x85u8C\x03\xba\\\x99\x80&gt;c9e\xba7|\x05uV\x15zs\x98e\xfd\x96\xc7x\xa6p\xcdDh\xecg\xc6n\xf7\x1a\x9c\xc8\xb0\x92oq\xed\xe2(\xdd\xb7\xe0\xb8\x06\x12\xa5+\xbaB&gt;P\x9fUo\xa0N\xf8|\xdd\xe7\xcbk\xaf\xd1y&lt;&amp;\xc1J\x06\x88QT\x93\xe7\x9c"\xdb\xd1\x86L\xe8\xa1D~\xe0#\xd2f\xf9\xbf\x80\xdc7\xce\xe3\x9b\xd9\x91\x01\x04+\xa9\x1d\xa8rxY)\x84\x0b\xa5\xe6\x1b\x858\x9b\xad\xbf\xc2\xda$4\xeaV\xb2\xd4]W.\xf5I\xf7\x17\x1d\x8a\xb3d\x89v}l\xd3\xcb\xc7\x8b\xe9i\x11\x97\x99\xfa\xf9\xfd1\x86\xb1\xb4`\x14\xf1\xc2\x06\xf4\x94\x02DS_^C\xf4\xcd\xa0\x8ed\x16\xa9\xb95\xf0@\x16\x95[C\xa2\xcdy\xbb\xfe%|_&gt;\xb4\xe1\x86\xd3\x84.\xcd\xc9\xbcs\xaaD\x8d\x17\xe2\x01\xe3\x95\xbe\xa0J\x8d\x80u\xdb\x11\xc4z\x00\xf21|u\xea\xad\xbd\x80D\x1e\xd3&amp;\xaaW\xe5\xb8\xc7fU\xb6 r\xaa\xb4(\xbd3\x90j\xa3\xef\r\xbb~\xd2\xb9\xb1\xe5\xb5\xac\xf3\xf4\xf4\xc4\x84g\xaa\xfeK\\Z4\xc4\xfb\x1f\xd8\xa3\x18\xd3\x07\x8c\xbc&amp;I\x88\x8b\xd48f\xbfn\xcf\xe2\x1dh\xa8P~\xac\xd4X\xb8k\x00\x94\x14\x99G\xces\xe3n\xc0\x10~N\xfeTe\xc8\xe5G\xf7\xbd\xb9]\xc1\xc3m\r*1\xeb?UQ\xbc\x1c\xa4\xc8\x11q&lt;\xea\xf8\xb2=Z\x9d\x1bQI\xdaJ\xaaU\x86\x91WN\xcb\xd7\x89a\x89\xfd\x99\xa8\xec\x9b\x84\xcb \x0f\xaf]O\x19\x06\xd6f\x95,\x93\x9c|\xacz\x80O\xeeb&gt;\xa2\xbe\xb1\xa1\x1d%\xd5\x15\xb4\xa7\xd0\x8fCOU\r\x18\x1a\x9f\'I4\xca\xb0S\xba\x97\x8cD2\xc4q7\x8f\xee\x13B\x06\x06.\x8f\n5"\xc3\xa7e\x81\xfar\xea\xf3\x05\xa0\x90\x97/\xc5\x16\xda5x\x18\xf4\xc6Z"\xea\tF\x85,\xcc\xf1&lt;\xcc\xbd&gt;i\x84!\xe9\x1b\x88\x1c!\x8a~\xf8\xeb\x12\x105\xa3\xb1[\x14\x1a\x8c\x97\x95\xe3\x81o/@\x97\xddb\x08\x82\xf4Uv\xbbg\x87^\x7fZ\x14\xcb1-\xf1&amp;\x1b"\x15\xfeXrQ\x1f\xbf\xac\xca0I\x0c\xd5W&amp;\xef\xe0\x0c\x9c9\x183\x04\xbb\x0b\xa95\xe0\x01-\x93\xe5|\xe4\x92yn+\x87\xb3\xe1\r\x1d\x7fuJ\xf8\xb9\x1a\xfc\x14\xf8\xeaj\x88~\xf4Q~X\xea5\xb4;\xda\xc9\xc0\x92\xedV\x82\xdf\xf8]=\x91\x9e\xc1\x9cmfo\x1a\xbe\xc7Q\xa6\x1d\x8c\x9f\xaa\xe9+H\xa1\xa6\xa4P\xd4\x15\xce~hFh\x1a1U9\xa7\rx\xe7Ec\xd1Y\x92g\x0cq\xc7\x1b\xfd\x97\xe0?\xb4\xa8\x14\x0csxj\xb9\'\xe7\xc2\'\xab\x0ew\xfcq\xa2\x13@\xd8\x87\xc2-\x1by\xddv\xff\xe9\xf4\xde9d\xbaxF\xa5R\x04\x90\xd8\xd8&lt;{J\x8d%\xa4\xc8@"\x86!0\x07\xdd\x1a\'\xd9V\'(\xe0\xa7\xa2S\t\xceD\x93\xf9s\xb1\x9c\xe4s\x17\x95\xa8\xce0\x1d]\xbcvj\xa8\xe3-\xff\xcf\xca\xfc\xdf\x12\xee&lt;\xab\x90\x1cN9%P\xb0f\xc5-\xff\xb3\x7fD\xa55\xb6\xf3\x824\xbcI\xcb\xf2\xbfA\x9d2\xcb\x1dF\xc0\xd0\xd7P\x1b\xfa[\xae\xba\xba#/"\x0e\n\xe7\x8b\xe1\xd2F\x9a\xc2\xfa\x9f\xb2\xa9\xe43\xdc\x1b\xb8\xf1\xa7$\x9c\xcc\xb4\xe0\x12\xce\xdb\xf4\x8dq\xfd\xf5\xb2`\xf9\xb2\x90\x8f\x0e\x9353X\xe9\xa5PUD\xb2P\xd4\xce\xde("\x06\x9b\xff\x1d\x1f\x94\x18xQ|\xf3\x97[\x96\xb0\xc8P\x82.\xe4\xc1\xb3Z=\xbb]W\xfa\xb1\xe9\x07\xb2\xbb:!\xe0\xdd\xe2\x8bx\xaaf\'\xa2\x84k\xd8@5\x11\x19]\xd4&lt;UL\x00&amp;\xb6F|&lt;\xe7\x1b.\xedv\xd9\xd0\x85\x10\xec9LnD\xf71\x1e\xda\xf8r\x8e);\xddb&lt;N\xfb\xcc(Q\xc9Y\x91|\x82?&lt;\xd0\x9c\xcb\xca\xef\xc8\x88B~\x18\xcf\xcbp\x14\xb86\xa4\xe2\xca\x16\xd1\xa4\xd3d\xdfJ\xdc\xee\x05b\x04D\x7fJ\xe9\x8a\x92{\xf8\xad}\x18\x81\xf8\x82\xb9\x14\xb99\xe3\x9b\xfd\x0f\x1c\xe7\x8f\xd85\n\xd6\xfdpG\x0f\x94\xc1\xa7\xc2.JF\xe0\xf0\x83\x02\xa4\xa2\xfe\xb0\x8f\xea\xfd\xcb\x8b&amp;-\xfd\xb6O\x1f\xbb\xa0\xbb\x01\x88\xc4\xe22\r\xf41\x0b\xcb&lt;/\xc86i\xbd#\x8cFK\xfa\xeb\xb2o\xff\x9b%\xf6\xc5D\x1c\x84\xd7\x97\x9f\xd7\xa4\xcf,\xcdYi\x07\xe9\x13}\x9f\x8f\x1f\xbeD\xc9\x14NVw\xf3\xbe\x1f\x925\xa1\x83\xf5\xecV$\xf5z\x176\x9b\xaf\x94\x93H\xae!G\xe8\x8c\x94Y\xef6\x9eN\xf7\x10M\xd2\x08\xfe\xbd\x0b3\xf1V5?\xdf/\'\xe1%9AV\xb5\x0fn\x953H?\xea\xd7\xec\xa8\x05\xf7s\x00\xec\xd3\xee\x8a\xae\xb3\x8e\xc1\xac\x18n\xf8\x82\xb9\x14\xb99\xe3\x9b[\xd2\xe4\xa3\x8bSz\x15)\xb5\x84+;\xb5ef\x81\xad\x82\x1ezS\xf4Q\x90=\x08\xae\x15\xdb\xbad\xdd\xf7\xe7\n\x01\xfeU\xd5\xcc\x95E\xb7\xbf\xd2\xf8u\x93!\xa8&lt;\xa8\xcf\xe8\x10\x9d\xc2=\xe5\xd7\xf4\x08q\xcc\x8ac\x12\xec~\x18d#\x01\xba\x19\xdfSY\x1c,\xa66|S\xd3h\xba\x08\x9d&amp;X(!\xb3W\x9a\xb9;\xce\xb1g\x0e\xcd\xc0\xe6\xe3\x90\xc4\x11!\xa5\xde-\xc2\x17\xa3P\xa4l\x13\xcc)\xf8\xc8\xc1\xc83\xf6\xc2\xb1\xbcS_\x163\xe2\xb7\x1f\x81\x1e\xfb\x90\x11$P\xf9ts\xd8\xd0\x97\xbd\xfdL\xc6L$\xb1[\xa3H\xfdZ\x8dY\xc5=\xf8\xa7\xa7o\xbc\xf9\xd0\x94\x1b~D?2Z\xcf\x811\x10&lt;6M\xae_\xe5\x1c\xa8\xd9\xed\xf3\x1b\x17\x9b\x8f\xeb{\x80*\x88\xc7J\x15\xe4\xe7\xbf\xd6\xe7Lu\x8a*|\x99\xbf\xdb?3u\xfd\xcbjzy\x1c\x10t\xab+}1\xffa\xc6\x1e\xd3\xbe\xc4\xb5\xbb \x150\xd2\xe4\xdb|\x02Y\xf1&gt;\x9c!\x17l\xca,\xca\xaep&gt;\xe5x`N1\xb12\xa5\xf3\x88B\x15\xcdW/\x0eb\xcd\x87\xcaL\xd7\x03/\xc0E\xd9\x8b\xb3(\xc0]\xc7\xce)\x97\x12\xdfUI\xd4\x9c\xe9\xe2Q\n\xc1\xb3\xb1%&lt;\xc8O-\x1e\xf4C\x92k;\xa6\xc6iv\xed\x10,\xbb\xa9\x9e:y\xe2\x89\t\xc2z\xcb\xcd\x83+\xf9\\p,M\xca*\xe5\xe1v\x0c\x1d\xd9\x07\xd20{\xe8\xc7S\x9dc\xd1\x94\xd1#\xf6\xb1\xd5\xb6\x0f\x8cF\xf2\x03\xe2n-:\x8d\x1d\x10\xd0\xf9\xd0h}\x1bD\xa8N&gt;\x0cF\xcd\xd9\x16\x8c\xcfeF,\xb3\x1c\xd2r\xca\xfeL\xb0\xc0\x83\xf4r\xd2U2\x91\xf1\xa0\x91\x19\xb1\xa3*\xbc\xb0\x94\x88g`\x9cW\xb5\x81JEY\xe5\x0b|\xab\xe5Z\xff\x94\xb6\x11`\xb7#\xff\x051\x1d\xbd\xd0F%4B\xc9\x8f\x9cq\xcdE\xfen\x8e\xba\x83\xdeCzr9\x01)\xa1\x9a\xb0e4+^\xd2\x17\x82\xb8\x8e\xf6\xdc\x12\xc6O\xd6\xb5\xb9\xde\xd5\x9e\xa6\x82\x1ay\xb3~65\xf0\x064\xae\xbc\xac\x10\x81\xdb\x8bM\xd0\xf5y\xc8\x8f\x86&lt;v\x9b"\xcb\xd1\x8d\n\xb8\xb5\x05\xeb%Hn\x92\xab8\xbf\xa7V\xc9\xd9)\x17jA\xaf"\xc9\xbb*\xbe\xb5\x1d\xd8\xed\xb3\xf4\xeb.7\xe7d\xcd\xee\xbc\xa7\xf6g-gYA2\xbc\xeb\xcb\x8e\xe2\x87sx\xd3Uw\x1e\xed{\xf9]Ger\xcd\xd1u\xb9\xbe\xedY\xd0\x84\xba\xce\xcfUOL,\xc4[\xccX\xb8s)\x02\xd1\xdd\xf4\x1af\x9e\x06\x83\xe9\xed&amp;\xd4\xfb\x98"\x91\xc2\x14\xd8\x8c\xd2\xc5U\x9b\xb1&gt;&lt;r\xb4\xe0\x0fY\xd23\xb1\x9bP\xc3\x1bn\x83R\x12\x81,\xe2\x15$KO\xe8\xa4\xd2\xbb\x9d\xffR\x08&amp;v\xa6|\xe4 \xc7\xb3\xb8\xe8m\xaa\'\x0b\x82r/\x02\xa0\x9a\xda\x1c\xe2vZ\xf7``\x96:0\x7fePM\xd6\x10\xe4F\xe5e_*\xc9\x9c\\\xd3Y\xc9[\x9c1#\xbc\x83U\xe4]\xc8&lt;T^\x02\x9e\xady\x893:\xe3/CI\xf4\xf4&gt;3l\r/f\xa7\xf0Y\xdfhT\xb5^\x84\xc2A\x9a\x8cJ!\x05Z/1\x12g\xc7\xf8;5\xa7Gn\xf8\xf3\xaa\xb0T\x84.\xbb\x1a\x8b}\x03\x93\x7f,D\xeb\x8f\x9ca\xa75#\xff\x1f$U\xa5\xaf\x17gQe\x81\xf7`\xbaK\x90\x07sF\xaf\x1d\xc0\xba7\xb9\x04\xd6\xce\xbfK^@\xcf\x8c\xba\x80\x01)\x93\xb1\xf6g3J\xaf_/;\x1e=.\x02a\x05\x0fR~\xe6\xae\x0e\t\xdft\xd1\x0f\xba&amp;\x8f\xefE\xa0\xe7\xb1~\xd3%\x17dXg\xb6P\xa4\xbe\xd4\xf8\xa36z\x85\x11\x06\x1a\x86\xc8\x1dc,w\x82\x9b\x19\xd0-\xac**g\xe2\xa6?\xeb\xa6\x18\xddV]\xc3\xa0gv\x1d\x82\x1b\x05\xb0t\xefj\xb7\x98\xc4\xa9\x9eG\x82^\xa3\xe6L&gt;\x01\n\xa8\x8b\x93\xc7d\x8f\xc8\xf0\xbb\xc7\xdd\xa5\xaeg\x9az\xf89\x11\xfc\xd9\xb2\xbd;|^QoW(C\x8d._U\xb6 r\xaa\xb4(\xbdt\x1b+\xaa\x01\xa29\x867\x99WL\x01\xd3\x12\xbc\xb8\xd9\xd3\xd2\x07\xc7\x0c\x11H\xa6\x1a\xe4\xc8d\xdf\xa2k(Q\'R7\x8f\x1aP77\xab\xc9\xc5\xf8x\x9d\xe2\x12\x16\xcb#\x19\x13\xbcs\x9eN\x8f\xba\xac\x9d\xba\x87\xc5\xf0\xb8\raE\x84%3\x95P\x06F`\x1d]\xb9\x90\xf7\xcdI\x86\x97\x1d\xf8\xf1\x0e3\x06\xe9\xb0\x14_Vw\x83\xeb.\xb6\xfd\x1fJ\x01lR\xae\x89\xbd\xe4\xff\xa5\xfaT\xbd\xdb\xc9yK3\xc2\x1fN\x8d\xec\x14\xc3*\xf7{\xc5`0+\xfaY\xf6\x9c\x08f|V\xf6d\xdd\xf9\xe1z\x19{\xc8\xc1\x9bf\xf8\xd2\xdd\xfeJ\x8e\x8c\xccKe\x01\xee\xdf\x1d\x92N\t\xa3h;\xaf\xa8\xcb{\xe1/\xbc\tV\x91$\x1b\x92\x048\xd2\x0b9\xd5\x81\x15\xd5\xa5\x1b\x86\xe4\xa6\x8f\x8d\xa7.\xf9\x9a\'C|\xfe3\x83gh\x08\x95\xe8\xe0D\xe1%\x86`\xe7Y.&amp;b\xe1\xd0Fr-L\x1aw6&gt;\xd4s\x17\xbac\x1c\x94^3\xb9\xdc\x9c\xcd\xb9\xda\x80\xcf\t\xe5\x9d\x00\x1c\xcbjPh\x01?\xc45Rq&gt;\xa8\xa9\xab&amp;\x9a\x0e\xf4Y\x19\xc5,\x12W.R\xebm\xc9\xca7))R\xa5.\xb9)\xac\x1f\xa5\xbe\xee\x15\xccd\xfa@\xc8\xc1k\xd2M\xe6\\\x9c\xcc\x9b\xf3"\xeb/\xde\x01\x94\xf9S&amp;\x19\xc8e\x82\x03v\xa3o\x1b\x06iJiS\x8f"\x17U\xca\xf1\xe4\xcf\x9c\xa9\xc97\x8a*&amp;{\xccC\xbe\x85\xc6cwr#C\xc5\xac\x12\tR.9\xd4\xa6\x0c\x0f\x89\x96\xe9\x927\xad\xd1o\xb3Al\x06\xa2w\xd5h\x97\x02\xa0\x8a_\xc7~ \x9ac:\x11\xe17\xee\xa5f\xc8u\xc6E\xe1\x9a\xf3\x8d\x85\xa3X\xfeW2&lt;\xbc\xa5\xf7\x86w\xe3"2n$\xb0B\xf1\xf8&amp;`\x13Pz\x01X\xb9O\x16-\xdc)\xa5\xca\x06\xd1\xa0\xfa\x07\xd8\xa3Z\xdc+\xef\tq\xfd\x12I\x02\xca\x10{\x9a\x82\xb5\x10\xf9ZK\xe0@\x16\x9c\xf8`\xbd\xbai\xd7\xa4\xe6y\xbb\xa1\xbd\xfa\xb5\x1ac?t\x81\x0b\xee+D\t\x93[s\x14\xb8\x8e\x98\xa9~\xa5\'\xc0f\xe7\x83\xf5\xda\xac\xaf\x11 \xb7\xd9vB\xff\x04sT\x87o\x1c\x00\xf7\x13Jr\xc7\xbe\xa5\xfe\x9a\x801r\x85\x90A{3\xe3\r6\xd5\xad90&gt;\xda\x85\x89V\xc6\xbf\x99\xf4d\xe7`\xaa\xab=WG\x85C\x8b\xe4\x12\x10\xa7\x87&gt;\x93o\x8a\xb5\x94\xf8\x1a\xc9\xc9_\x18\x81\x0c=\xac]\xde\xf3V\x1e\xa6\x1b\x81\x07z\xce\xe0\x0f\x0b{s\x08\xa36\xf0\x89_\xf9\x97\xc8\xefaE\xc0\xa1\xbb[\x9cg=2\xb8\xf6\xa1\x0b\x01\xc4g\xb6\xe1I\x07\xe0\xc7\x9a\xd0\xab\xa0u\xec\x8bO\xf3\x15\xa6\xb3YY\x1a4\xd6\xde;\x93\xe45\x12\x04\xbby[\x17\xc4\x89m~\x99!\x03\t}\xe5!\x8d\xd9\x02\xedM#["\x05\xa4\xc1\x92S\x82\x82\'c\x0eX\x05{r\xae&lt;\x98\x978f\x992B\xa8W\xed\xc0\xbaKL\xbf\x81\x97\x82\x8e\xaf\x94K\x1cPp-\x8fD\x01\xdeh#\n^\xffM\xf2\x86J`\x8c9\xa3K\xe2\x91&gt;\xa9tq\x03LI\xec\xe4D\x9f\xae\xf8\x04\xe6%%\xa6\xe4\x89K&gt;A\xe6i\x01O\x06]\xect\xdbeV\xed\x8e\xbdE\x97\x11\xd9\x0f&amp;:\xb9\xca\x07L|b\xa8\\\x01\x96\x8dB\xc4FzX\xe1\xe9\x0c\x9af##&gt;\xe9\xd6`G\xc7\xa1\x9f\xdc\xb0\xe3\xdb\x03Wh\x02v\xc8\xd6\xd3\x90e\ng\xa7\x9ft\x04k4\x1a\x98gT\xcay}\x19q5\x8d\xcc\xd4@.\xee\x84E\xfc\xe3\xf0\xc6\xd9\xc2\x05[Zc\x10\x07\xd5\x9c9\xc8a\xd5\xd4s\xe7a\xf8h\xde\xde`j\xb5\xa8\xd2\x86\x8aK\x1cu\x99A\xe1M\xe4\xcf\x19e\xeb\x11!S\xba$\xc7\xfb\x18\xc7\x95\x19\xec\xe2z\xa3\xe5M\x96\xe8\xf2\xe1\xd1E\x18\xad\xca\x81$\xd9G\xa2\xeedM\xb6^}\xd9\xa8\xcf\x95\xef\x95\xb7\x97\xe7\xb5)\xc7\xfb\x1fW\xb4\xbd\x8e\xe5\x8f\\\x0b$\x89\xdfI\xe6G\x14\x12\x86\xfe\xc9\xfb\xea\x94p\xee&gt;JIR\x18\xa8\x83\xb7\xfb\xc2;\xa0\xba\x9f\xb4\x18qij\xa0f\xa8\xfa1_\x06\xd49&gt;\xae\xa4\xd5\xa8EB-\xa1\x16\xe8\xd0\xdb\xd8;\x1aw\xf2\xf2\x81\x1e\xe6\x99\x1b\xfe\xe2\xc5G\x19\x1d\xd4\xcbO\xb8\xf6\xe3\xd7\x9b\'\x0c\xf9\x96s\xb2\x1d\x13\xcc_TH\xb7\xe3iA7\xa4\xc8\xc1\xc3\xb2'</t>
  </si>
  <si>
    <t>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</t>
  </si>
  <si>
    <t>b'\xdb\x91{\x1b \xb4\xf8\x9b\x93U\x0bTj\x1f\xf1\x02'</t>
  </si>
  <si>
    <t>was
 conversing with Blanche, and did not observe this; but the Count, soon
 after, saw the same man looking over the shoulder of the soldier as
 attentively at himself. He withdrew his eye, when that of the Count met
 it, who felt mistrust gathering fast upon his mind, but feared to betray it
 706
 in his countenance, and, forcing his features to assume a smile,
 addressed Blanche on some indifferent subject. When he again looked
 round, he perceived, that the soldier and his companion were gone.
 The man, who was called Jacques, now returned from the stone gallery.
 'A fire is lighted there,' said he, 'and the birds are dressing; the table too
 is spread there, for that place is warmer than this.'
 His companions approved of the removal, and invited their guests to
 follow to the gallery, of whom Blanche appeared distressed, and
 remained seated, and St. Foix looked at the Count, who said, he
 preferred the comfortable blaze of the fire he was then near. The hunters,
 however, commended the warmth of the other apartment, and pressed
 his removal with such seeming courtesy, that the Count, half doubting,
 and half fearful of betraying his doubts, consented to go. The long and
 ruinous passages, through which they went, somewhat daunted him, but
 the thunder, which now burst in loud peals above, made it dangerous to
 quit this place of shelter, and he forbore to provoke his conductors by
 shewing that he distrusted them. The hunters led the way, with a lamp;
 the Count and St. Foix, who wished to please their hosts by some
 instances of familiarity, carried each a seat, and Blanche followed, with
 faltering steps. As she passed on, part of her dress caught on a nail in the
 wall, and, while she stopped, somewhat too scrupulously, to disengage it,
 the Count, who was talking to St. Foix, and neither of whom observed the
 circumstance, followed their conductor round an abrupt angle of the
 passage, and Blanche was left behind in darkness. The thunder
 prevented them from hearing her call but, having disengaged her dress,
 she quickly followed, as she thought, the way they had taken. A light, that
 glimmered at a distance, confirmed this belief, and she proceeded
 towards an open door, whence it issued, conjecturing the room beyond
 to be the stone gallery the men had spoken of. Hearing voices as she
 advanced, she paused within a few paces of the chamber, that she might
 be certain whether she was right, and from thence, by the light of a lamp,
 that hung from the ceiling, observed four men, seated round a table, over
 which they leaned in apparent consultation. In one of them she
 distinguished the features of him, whom she had observed, gazing at St.
 Foix, with such deep attention; and who was now speaking in an earnest,
 though restrained voice, till, one of his companions seeming to oppose
 him, they spoke together in a loud and harsher tone. Blanche, alarmed
 707
 by perceiving that neither her father, or St. Foix were there, and terrified
 at the fierce countenances and manners of these men, was turning
 hastily from the chamber, to pursue her search of the gallery, when she
 heard one of the men say:
 'Let all dispute end here. Who talks of danger? Follow my advice, and
 there will be noneâ€”secure THEM, and the rest are an easy prey.'
 Blanche, struck with</t>
  </si>
  <si>
    <t>b"=\x83\xb8}\x86\x89y\x13m\x05?q\x83\xba\xb1\x16\x16\xf5\xef\x8e\xba\x91\x1aOk\xbe\xdc\xaa\x1d\xb8\xa0\xe1o\x0cot/\x94'\x8d\xedu\xd0\xa0\xda\xec%c\xdc\x7f&amp;\x08g\x95\xd6B\xcb\xacP\xdd\xbc\x16\xdd\x9b"</t>
  </si>
  <si>
    <t>3d83b87d868979136d053f7183bab11616f5ef8eba911a4f6bbedcaa1db8a0e16f0c6f742f94278ded75d0a0daec2563dc7f26086795d642cbac50ddbc16dd9b</t>
  </si>
  <si>
    <t>b'=\x83\xb8}\x86\x89y\x13m\x05?q\x83\xba\xb1\x16'</t>
  </si>
  <si>
    <t xml:space="preserve">ation, cell enlargement and new cell wall deposition are the
characteristics of the cells in this phase. Further away from the apex, i.e.,
more proximal to the phase of elongation, lies the portion of axis which is
undergoing the phase of maturation. The cells of this zone, attain their
maximal size in terms of wall thickening and protoplasmic modifications.
Most of the tissues and cell types you have studied in earlier classes
represent this phase.
13.1.4 Growth Rates
The increased growth per unit time is termed as growth rate. Thus, rate
of growth can be expressed mathematically. An organism, or a part of the
organism can produce more cells in a variety of ways.
Figure13.4 Diagrammatic representation of : (a) Arithmetic (b) Geometric growth and
(c) Stages during embryo development showing geometric and arithematic
phases
2024-25
170 BIOLOGY
The growth rate shows an increase that may be
arithmetic or geometrical (Figure 13.4).
In arithmetic growth, following mitotic cell
division, only one daughter cell continues to divide
while the other differentiates and matures. The
simplest expression of arithmetic growth is
exemplified by a root elongating at a constant rate.
Look at Figure 13.5. On plotting the length of the
organ against time, a linear curve is obtained.
Mathematically, it is expressed as
Lt
 = L0
 + rt
Lt
 = length at time â€˜tâ€™
L0
 = length at time â€˜zeroâ€™
r = growth rate / elongation per unit time.
Let us now see what happens in geometrical
growth. In </t>
  </si>
  <si>
    <t>b'Y"\xa1\x88\x9a_et\xa5~\xaa\xe3.8\xfa\x82$P\x86:\x98\x95\x14W\x99\xff\xd0\xbc\xe0{1\xf7\x98\xe6\xc71\xe5\xbd\xf67U\xb8\xa7\x17u]\x02\x88\x13\xce\xcb\xf5"A\xf5l\xe4%\xc8\x84e\x07\xeb\x05I7\xd4W-.\xff\x91\x94\x89\xc0j&amp;GG\xec\'\x80@\xa2\x9e\xb1\x85\x94r\x89\x8d\xe8\x90\xc8_\xe4\xac\x8b\xa3\x98G\xd9bZ\x1aar\xa3\x9f\x91\xc7d\xe7\xce\xa2\xbdPC\x0f\xa9\xd8\xdd\\o/\x81\x01\x94\x85o(w:\x9c\xfe}\x9e\x7fXl\x10r\\3n\xd92l\xb6\xc5\x1e\x96\x18)\xb5\x19ke\xe2&amp;3\x13@\xb3N4\xf9\xc5!-\xf76\xd9m\xeb[\x9b+\x7f:z\xbe\xca\x91\x8e$EW\xd9\x82\x1e\x08\xd9R3\xa7\xa9\xa0\x00Zz\xa1e)\x19f\xf9\x01\xe1\x83\x03\x8c\xe9\xd1\x1e$\xf1\x0b\x00:\xda[\xa6\x1f\x03l*\x19\xb2\x10jUyC\x0c-*&gt;7\xe4\x8f\x8c\x95\xbf\xd3l#\xa6t\xec\t\xa8\x02M\xf3\x88\xc5\xdbuFK\xe0\xd3\xca\x97O\xc7@Q\xa4w\x1d!b\xc0\xfb\xd20\xbd\xee\xe3&lt;E\xd3\xa8A\xcc\x96\x19\xbb\xd0\x9b\x8c~i\xf9\x84\x1b_G&lt;\'`\xf3\x9eH\x1a^\x06\x94\x1c\xf5E\xa3\x90\xb9?\x81\xa9\xd0H\xcfi\xfc1\x89*\x83\xbd&amp; .\xf7\x01\xe3?\xf7\xc0;e\x9eL4@u\xcc\xd4\xfe\xbd\x04-\xdcv4\xa0\x8a\xc2\xef\x8e\xcd\xa9\xf7\xffA;\x90\x7fr\x03$2m\xf6\xaf\xb9\x1d9)Z\x00\x84\x9f\x90\x93\xe7\xea\xe8f\xa0\xfb6\x94P\xaa)\xac\xf5\x87\xaf\xaeX~;9\x9eywpF\x18\x19cw\xdd\xe8\x1f\xf8\xbf\x98\x81\xb2\xfa[\x04\xcf\x97\x7f\xfdu\x11\xfa|\xca\xb7KN\x15z\x02\xf4&lt;s(\xc0\xf6\x8cA\x02R\x80\x0e\x92\xf1~\xb2\xa9P\xb1\xaa\xff\x18,{~\xcc$\x98\xb1\x13\x05\xda@\x7fEM\x80\xaff\xeb\xd2\x18\xdf}\x08\x86\x0eL\xfe6\x8b\x14A\xaaI\x15\xb8\xa3\x82\x9b\xd7\x8c\xeb+..\xf3\xc8\x8e\xdfJ\xfb1\xf9\x0e\xf4\xc8\x0e\x17\xf5\xb6\xbf\x13\xc6\x16\x0ev[\xc1h\x9e\' \x9b=&amp;\ru{\x95\xbe\x89\x94\xebQ\x8e\xa6J\xfe&lt;C\xcf\x18uwI\x84(By\xda{C\x02\xf03\x99\xb7_\x16\xce[g\xd0\xa7\x85\xba\xfco\x93 \xed\x98\xaee\xcd \x89V+\xd6\xb0`\x11\xbb\x0cb\xedu4\x9f\x81a3\x19Q\x12ED\xecH\x87Re\x1f\x10\xebup,\xc0\xf0\xbd\xe9\xf2\x1cCe5\xee\xf7\xe4\xcdI\x133\xe3\xa3\xdd\xf57s_\x0e\x1b\xf2\xf8\xdbb\x86JQ\xcf\x0c\xb9\xea\x83K\xf6,\x9d\x1d\x9e!.=\xe4P\xaa\xc8\xa0Y`\x81\xf1\x92\x02@\xd7[]uV\xba\x93\xb8\xe9\x9e\xe62]^\xf9[\x04\t\xa0\xdc\xffVZ\x9eLm\xbc\xf0\x08\xd6\xa4\x17N\xcb\x99\xb7\xb8\xc2\xb6\xb0\xb99\xfd\xb2\xacj\xcd\xe9M\x0f\xf9\x04T]\xb6\x9ex\x94\x80\xa1\xf7c\xd7A\x197\xd8{\xba\xe7\xa9\x90$\xda\x1c\x17\x91G\xb0\xcda\xf3\x1foA\x96\xcf\xb4\xdd\xda\x94\x08\x1083\xdc\xcf\x10\xe1&gt;\xd66\x9b\xad`\xb6\x05\x18\x1a*[\xe38H\xdb\xa9\xa1\xcf\xad\xef\xb87+f\xb0\x18\xb7\xf4G\xa6\x1d\xa9\xf5\x8a\xeb\xdf@1\x88\xc6f\xfa\x0b@"\xdaM\xabN\x9e\x9c\x0f\xc2\xfa\n\x8d\r\xdd-\xd5W\xe8\xfal\xeau\xddt\x97=,\xf9\xc06\xfe\t\xc2\xbfH\x12j,\xearN+&amp;\xc6\xf8\r\xb1\n\x89\x9d\x1a\xc4\xb5\xf8\xf0\xd5\xdc\xa9\x00\x7f\xa0x/u\xf9um:q\xc4\xb8\x960\x19\x11g\xe0\x8aF-2?\x81\xfb"&amp;)\x88\xb9=r\xeeQ\x83:\x99\xc3K\xea\xdd\xe7\xdb\xd5m\xa1\xff\x81e\x8b\x96\xad\x85{\xdchQ\x16\xeb\xd2XPV\xb8B\xe6\x03Z\xebd\x89\x049\xa0\xf5\xdf_XN\xaed\xa0\x1f\xae\x1d\xa8\xbc\xf2\xc7t\x0b\x0e\xd0\x8dF\xfbn\x9d\x1c\xcb\xdf\xcd\xd8\xf9\xf5[!\xbe\xc1/\xc7\xa0\x1c \xb5\x8b\xb9\xf3\xc3)&gt;\x1f\x92\xd0\x1f\x9a\xa6\xa00*E\'\xcb\xb5DG\xe0&amp;Y\xf6`C"r\x95\xa9\x91UghEF&gt;\xc5}\x8f_\xe0/\xa0\x12\x7f\x18-we\x16\x9b\xd0\x15&amp;j\xdaZ\x1a\r\x15\x1b(\x95\x00\x8a\xafc\x13\xfe&gt;\xb1%d\xff:;\x00\xf0\x9bA\xe4;L^\x98\xb7&lt;&gt;Hb!b_\xae\xb7qe\xa35\x0e\xef|\xec\xf1\xf6\xd4\x8f\x14\xd8\xecw\xa3\xfa\x18\xa4\xf8\xbf\xb8t@\xdeo\xde\xa2\x03\xc2\xd5\x996\xe8\xa4\xf2\xdf\xccK\x00\xe7\x0f\xa0\x0c\x80\xd3\xc1\x0b\xc6W\xc0}\xfan\xe9"WB\x8d\x13\xcaQ\xde\xe9\x97\x13\xcb\x8c\xb4&amp;\x88\x8dAa\x07P\x91\x96(uRO,5"\x87\xa4~\xfd\xe2\xd1\x92\xf0\xc7\xa4\x02W\xb2\t:\x1b\xcc\x89\x92\xba\x92\x16\x9c\xa7\x84H&gt;AMd&amp;\xef\x97\xb4W\x97\x8c\n\x1b4g[\xdbq\x93\xd4\x95\xb1\n\x9d57\xdd\x97\x0f\xd98\xf8AXU\xe6&gt;\x18\x87%\x0b\x8d\x8a\x0f\xb1\xbe\xfd,\x89\xed\xea\xc1\x0eg\xeeGR\x05\xbc \xb9w\x81\x1c\x9f"\xa7\xbf\xee\x88\x7fj\x86\x90\x13\x93%e\x988\xdf\x02\xac]&lt;U\xec\xf0b\xc1\xef\x06\rk\xa5\xd3\xb4w\xd8\x85\x7f\x0e\x884t\x83\xed\x007\xb34\x95\xc3\xe9\x91[\xd0\xf2a\x1aj\t\xb8\xc8\xbd\xf0\xe7KmL`\x87\x9a\xa8\xd5\x05\xd9q\x92\x88\x97\x94\xee\xfd\xf6\x0b\xee0\x99y\x816\xcb3T\xa9\x82\xe8\x8ab\xcc\xe3\x83\x83\xf2\xc3\xb8\xc2\xc9\xeb?5\x8f\xbbd*\x1d\x1a\x9fO\xa3\x8f)P\xba\xd9=\xfa\xbc\xb2Xe9\x97\xa0e\xef\x9c\xc4a\xf1\xbd\xabQ\x18\x19\xf7\xa5\xc3Bp\x9eNe=\x05\x9f\x00$Z\x95W\xf1z\x1d\x03\x0f\xf6o\xc5\xcd\x0e0\xd9\xd8\x02\xd6\xba\xec\\\xf5\x17l$\xd2\x96\xe6\x83\x1a\xb9+%X{\xef\xcfB\x90\xdb\xfaU\xa7\xacr`L6\x13\xe3\xeev\xe6\x9b\x08:\x95?^\x12\xa6G\xd7v\xc3\xecX*\xab~'</t>
  </si>
  <si>
    <t>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</t>
  </si>
  <si>
    <t>b'Y"\xa1\x88\x9a_et\xa5~\xaa\xe3.8\xfa\x82'</t>
  </si>
  <si>
    <t>ant news: 
 Old Anchor Inn, Bristol, March 1, 17â€” 
 Dear Liveseyâ€”As I do not know whether you 
 are at the hall or still in London, I send this in 
 doub</t>
  </si>
  <si>
    <t>b'l\xe3\xe8\xa7\x8dU\xec\x7f\x96\xda\xa0\xdd$\x1cVM\xbcI1\x14&gt;\x96\x87\x07\xf9\xaa_\x92\xdb\x14\xad\x89D\x82\x07\x9e\xe4\x85\xfa\x83\xc1q\xb4\x9b\x00\x17\x0cR\xc9\x86I\x7f\x8b,\x04\x06\x10\xc9\x06\x14\xfe\xa2\xf0\tM\x16\xf7\x85\xbb40w"\xa2\\\xf3;\xe6\xe4;yx\xc1^\x08\xe15\xa7\xa2\x8f1HO\xe5\x92&gt;\xbb@\x1c_m-oJmM\xacof\x9a\x96C\xf7\xb9}N\x9a\xf91\x14\x8f:|\x0f\x1d%)\xc3k\x94\xb0{NA\xaao\x1a\x88\x9a\xfa\xb97\t\x0f}\xf5%;\xc5\xc5&amp;X\x8e\x00\x87\x92\x06W\xb0\x9a\xe7\xc9\xdf\x8d\xdf\xccP4\xfcj\xb2 \x9b\xb7;\xfdh\x9eGz\xf1r\xfe\x1d;D\x98C\x05\xfb\xf6\xd3&amp;\x98}N\x1aP\xb0\xa2_\x1f),\xc0q\x07\xa2\x06\x91\x08\xf8\r\xd7\xdd\xc9\xa9\x1d\x84\xb0z\xdb\xbf\xcb\xd7\xf0\xa5\x80\x9a\xd4\xdf_\xf5I\x1bZ\xf6\xf3\xde\xbd\x18\x02\x80\xa6\xd2&gt;\xafk\x1ea\xfaZ\x17\x8f\xa7A'</t>
  </si>
  <si>
    <t>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</t>
  </si>
  <si>
    <t>b'l\xe3\xe8\xa7\x8dU\xec\x7f\x96\xda\xa0\xdd$\x1cVM'</t>
  </si>
  <si>
    <t>ls.
 All the boys were grown up and done for by this time; so it is scarcely worth
 while saying anything more about them. You may see the twins and Nibs and
 Curly any day going to an office, each carrying a little bag and an umbrella.
 Michael is an engine-driver. Slightly married a lady of title, and so he became
 a lord. You see that judge in a wig coming out at the iron door? That used to
 be Tootles. The bearded man who doesn't know any story to tell his children
 was once John.
 Wendy was married in white with a pink sash. It is strange to think that Peter
 did not alight in the church and forbid the banns.
 Years rolled on again, and Wendy had a daughter. This ought not to be written
 in ink but in a golden splash.
 She was called Jane, and always had an odd inquiring look, as if from the
 moment she arrived on the mainland she wanted to ask questions. When she
 was old enough to ask them they were mostly about Peter Pan. She loved to
 hear of Peter, and Wendy told her all she could remember in the very nursery
 from which the famous flight had taken place. It was Jane's nursery now, for
 her father had bought it at the three per cents. from Wendy's father, who was
 no longer fond of stairs. Mrs. Darling was now dead and forgotten.
 There were only two beds in the nursery now, Jane's and her nurse's; and there
 was no kennel, for Nana also had passed away. She died of old age, and at the
 end she had been rather difficult to get on with; being very f</t>
  </si>
  <si>
    <t>b'\x9eh\x10\x17\xdb|t\x1b'</t>
  </si>
  <si>
    <t>9e681017db7c741b</t>
  </si>
  <si>
    <t>DD âˆ’ |VTH2|)
 Â·
 VDD/2 âˆ’ (VDD âˆ’ |VTH2|)
 VDD âˆ’ |VTH2| . (16.75)
 Assuming |VTH2| is roughly equal to VDD/4 and hence VDD/(VDD âˆ’ |VTH2|) â‰ˆ 4/3, we
 have
 TPLH2 â‰ˆ 4
 3
 Ron2CL, (16.76)
 about 50% greater than that obtained above.
 Exercise What happens if |VTH2| â‰ˆ VDD/3?
 The calculation of TPHL follows the same procedure as above. Specifically, after
 the input jumps from 0 to VDD [Fig. 16.23(a)], M2 turns off and M1 draws a current of
 (1/2)Î¼nCox(W/L)1(VDD âˆ’ VTH1|)
 2
 . The time required for M1 to enter the triode region is
 thus given by
 TPHL1 = 2VTH1CL
 _x0002_
 Î¼nCox
 W
 L
 _x0003_
 1
 (VDD âˆ’ VTH1)
 2
 . (16.77)
 16.2 CMOS Inverter 785
 After this point in time,
 1
 2
 Î¼nCox _x0002_W
 L
 _x0003_
 1
 _x0004_
 2(VDD âˆ’ VTH1)Vout âˆ’ V2
 out_x0005_
 = âˆ’CL
 dVout
 dt , (16.78)
 where the negative sign on the right accounts for</t>
  </si>
  <si>
    <t>b'\xa0\xbbHj\x9f\xfe5\xee\xcc2\xbcJf1\x91\xe4'</t>
  </si>
  <si>
    <t>a0bb486a9ffe35eecc32bc4a663191e4</t>
  </si>
  <si>
    <t>g speculation and, 533
 dollar devaluation and, 526â€“527
 inflation and, 529â€“533
 international trade and, 533, 546
 investment and, 546
 macroeconomic policy under, 529â€“533
 managed, 463
 money demand and, 532f
 reform and, 547â€“548
 stabilization through, 546
 transition to, 529â€“533
 Flood, Robert P., 492n, 501n
 Folkerts-Landau, David, 546n
 Food
 EU trade in, 223
 input possibilities in production of, 85f
 production function for, 54, 55f
 Ford, Whitey, 33
 Index 691
 Ford â€œTransit Connect,â€ 203
 Foreign competition, myth of, 37â€“39
 Foreign-controlled firms, 180
 Foreign currencies, developing country
 debt in, 631
 Foreign currency assets, demand for,
 328â€“337
 Foreign direct investment, 180, 180f.
 See also Direct foreign investment
 firmâ€™s decisions regarding, 183â€“185
 horizontal and vertical, 183
 outsourcing and, 185â€“186
 outward, for top 25 countries, 182f
 patterns of, 180â€“181
 proximity-concentration trade-off, 
 183, 184
 Foreign exchange instability, and central
 bank swap lines, 606â€“608
 Foreign exchange intervention
 effects of, 468t
 money supply and, 467
 signaling effect of, 484
 sterilized, 467â€“468
 Foreign exchange market, 324â€“328. 
 See also Fisher effect
 actors in, 324â€“325
 after dollar devaluation, 527
 carry trade, 344â€“346
 characteristics of, 325â€“326
 defined, 324
 efficiency of, 611â€“615
 exchange rates in, 531
 futures, options, and, 328
 money market and, 365
 return, risk, and liquidity in, 336â€“337
 spot rates, forward rates, and, 326â€“328
 U.S. money market equilibrium and,
 367â€“368
 Foreign exchange market equilibrium,
 337â€“341, 364f, 498â€“500
 under fixed exchange rate, 469â€“470
 under imperfec</t>
  </si>
  <si>
    <t>b'0D\x02 g\xeb\xbcI\x1e\x19\x1di\xbd\x85\xc3\xaeA\xcb\xe5\xd1\xef\xbfi\xaa\xa3\xbf\xc4z\xac\x96\x11M\xb2\xca\xb3\x13\x02 t\xce\xd1\xe7\xabg\xfe\xcb\x84\xdf\x8e\xd3\x91\x8f\xd04G\xce\xf9E1n%R\xef\xb1\xe1\x19oK\x98\xbf'</t>
  </si>
  <si>
    <t>3044022067ebbc491e191d69bd85c3ae41cbe5d1efbf69aaa3bfc47aac96114db2cab313022074ced1e7ab67fecb84df8ed3918fd03447cef945316e2552efb1e1196f4b98bf</t>
  </si>
  <si>
    <t>b'0D\x02 g\xeb\xbcI\x1e\x19\x1di\xbd\x85\xc3\xae'</t>
  </si>
  <si>
    <t>eart alive! they would not
 go back to the seven days for all they could see."
 "Oh, very well," said the gentleman. "Don't trouble yourself, Mr. Barker, any further. I
 will inquire somewhere else," and he walked away.
 "Well," says Jerry to me, "we can't help it, Jack, old boy; we must have our Sundays."
 "Polly!" he shouted, "Polly! come here."
 She was there in a minute. "What is it all about, Jerry?"
 "Why, my dear, Mr. Briggs wants me to take Mrs. Briggs to church every Sunday
 morning. I say I have only a six-days' license. He says, 'Get a seven-days' license, and I'll
 make it worth your while;' and you know, Polly, they are very good customers to us.
 86
 Mrs. Briggs often goes out shopping for hours, or making calls, and then she pays down
 fair and honorable like a lady; there's no beating down or making three hours into two
 hours and a half, as some folks do; and it is easy work for the horses; not like tearing
 along to catch trains for people that are always a quarter of an hour too late; and if I
 don't oblige her in this matter it is very likely we shall lose them altogether. What do
 you say, little woman?"
 "I say, Jerry," says she, speaking very slowly, "I say, if Mrs. Briggs would give you a
 sovereign every Sunday morning, I would not have you a seven-days' cabman again. We
 have known what it was to have no Sundays, and now we know what it is to call them
 our own. Thank God, you earn enough to keep us, though it is sometimes close work to
 pay for all the oats and hay, the license, and the rent besides; but Harry will soon be
 earning something, and I would rather struggle on harder than we do than go back to
 those horrid times when you hardly had a minute to look at your own children, and we
 never could go to a place of worship together, or have a happy, quiet day. God forbid
 that we sho</t>
  </si>
  <si>
    <t>b'!-\xd2G\xf8/j\xea'</t>
  </si>
  <si>
    <t>212dd247f82f6aea</t>
  </si>
  <si>
    <t>D
 RL
 D
 Vin Vout
 3
 4
 (c)
 (a) (b)
 (d) (e) (f)
 Figure 3.37 (a) Rectification of each half cycle, (b) no rectification, (c) rectification and inversion,
 (d) realization of (c), (e) path for negative half cycles, (f) path for positive half cycles.
 3.5 Applications of Diodes 95
 RL Vout
 D1
 D2
 Vin
 D
 D
 3
 4
 RL
 Vin
 Vout
 D1
 D2 D
 D
 3
 4
 Vin
 D1
 D2 D
 D
 3
 4
 Vin
 (c)
 (a) (b)
 (d)
 Figure 3.38 (a) Full-wave rectifier, (b) simplified diagram, (c) current path for negative input,
 (d) current path for positive input.
 With the foregoing developments, we can now combine the topologies of Figs.
 3.37(d)and (f) to form a full-wave rectifier. Depicted in Fig. 3.38(a), the resulting circuit
 passes the negative half cycles through D1 and D2 with a sign reversal [as in Fig. 3.37(d)] and
 the positive half cycles through D3 and D4 with no sign reversal [as in Fig. 3.37(f)]. This
 configuration is usually drawn as in Fig. 3.38(b)and called a â€œbridge rectifier.â€
 Let us summarize our thoughts with the aid of the circuit shown in Fig. 3.38(b). If
 Vin&lt;0, D2 and D1 are on and D3 and D4 are off, reducing the circuit to that shown in Fig.
 3.38(c) and yielding Vout = âˆ’Vin. On the other hand, if Vin &gt; 0, the bridge is simplified as
 shown in Fig. 3.38(d), and Vout = Vin.
 How do these results change if the diodes are not ideal? Figures 3.38(c) and (d)
 reveal that the circuit introduces two forward-biased diodes in series with RL, yielding
 Vout = âˆ’Vin âˆ’ 2VD,on for Vin&lt; 0. By contrast, the half-wave rectifier in Fig. 3.28produces
 Vout = Vin âˆ’ VD,on. The drop of 2VD,on may pose difficulty if Vp is relatively small and the
 output voltage must be close to Vp.
 Example
 3.29
 Assuming a constant-voltage model for the diodes, plot the input/output characteristic
 of a full-wave rectifier.
 Solution The output remains equal to zero for |Vin| &lt; 2VD,on and â€œtracksâ€ the input for
 |Vin| &gt; VD,on with a slope of unity. Figure 3.39 plots the result.
 Exercise What is the slope of the characteristic for |Vin| &gt; 2VD,on?
 We now redraw the bridge once more and add the smoothing capacitor to arrive at
 the complete design [Fig. 3.40(a)]. Since the capacitor discharge occurs for about half of
 96 Chapter 3 Diode Models and Circuits
 V
 Vout
 in
 t
 Vout
 t
 â€“2VD,on +2V D,on
 Figure 3.39 Input/output characteristic of full-wave rectifier with nonideal diodes.
 the input cycle, the ripple is approximately equal to half of that in Eq. (3.80):
 VR â‰ˆ 1
 2 Â·
 Vp âˆ’ 2VD,on
 RLC1 fin
 , (3.94)
 where the numerator reflects the drop of 2VD,on due to the bridge.
 In addition to a lower ripple, the full-wave rectifier offers another important advantage:
 the maximum reverse bias voltage across each diode is approximately equal to Vp rather
 than 2Vp. As illustrated in Fig. 3.40(b), when Vin is near Vp and D3 is on, the voltage across
 D2, VAB, is simply equal to VD,on + Vout = Vp âˆ’ VD,on. A similar argument applies to the
 other diodes.
 t
 Vin
 D1
 D2 D
 D
 3
 4
 Vin
 RL C1 Vout
 t
 Vout
 D1
 D2 D
 D
 3
 4
 Vin
 RL C1 Vout
 VD,on
 A
 B
 (a)
 (b)
 Figure 3.40 (a) Ripple in full-wave rectifier, (b) equivalent circuit.
 3.5 Applications of Diodes 97
 Another point of contrast between half-wave and full-wave rectifiers is that the former
 has a common terminal between the input and output ports (node G in Fig. 3.28),whereas
 the latter does not. In Problem 3.40, we study the effect of shorting the input and out_x0002_put grounds of a full-wave rectifier and conclude that it disrupts</t>
  </si>
  <si>
    <t>b'\x12^\x12\xe2"\xeb\xf9\xbf\x1c~)\x9f\xc2\xdb\xe6\x86'</t>
  </si>
  <si>
    <t>125e12e222ebf9bf1c7e299fc2dbe686</t>
  </si>
  <si>
    <t>anchor was in the chart, about a third of a 
 mile from each shore, the mainland on one side and Skeleton Island on 
 the other. The b</t>
  </si>
  <si>
    <t>b'\ty`\x00\xde\xc4\x9e5aY\xce~\xfd\x10\x9fT\x81\x93&gt;\x7f\xe3|\xa0}@\x0f\xb6z\xb8l\x88M\x14[\t\x18Jy:\x8a\xe4\x16Z\xc8\xe9\x18\xf3\x1a\x8a\'"\xe9\xa3\x1b\xef\xe5\x13\xae\x83\xd5\xe4\xcf\x1a\x9f06\x13\xed\xd9P_vr\xdd\x8fu\\\xfb\x1e&lt;\xfb\xb0\xb1\njG\xae\x0b\x04\xe5\xc6Ld\x1a\xe4\x05\x8dqJ\x0c)\x06\xd87\xb4]\xe2\x11\x0f\'?8\xc9\x1d\x15O&lt;\x11\xbb\tM\xabuX\xf6\xd8r\xe6\xce\xa4n\x0f\xdc\xe4\x8c\x89\xf3\xd62^52\xd4\x84\xd9\x8ey\xe7hc\xba;\xc9\x04t\xc9\xdd\xb3\xc9\xb8\xb9,&gt;\x9e\xf6\xce\xdf\xfb\xa3s-|\x0b\xa5\xb1\xa6\x15?\x81M\x13\xa5\xfc(l\xa7i\xe4\x93\xe7\xed1\x94V\xe1Q\x88\x92B\xbb\x8b\x03\x8av\xa9\xa7w\xebfSx\xc5\x02\x046\xd4\xf7\xea\x13^\xf2}\x1e\xad\x96\xa6\xa80{\xca\xe4F\x85\x8a\x8a\x04\x02?\x8b\x12z\x8bd\xe5\x16\xed"8\x92JH\xed\x90?\xfa\n\xa8\xfc\xe6#\x11\xbe\x8d\x00[\x13\x8a\xba\x9e\xa4\xe8]\xea\xe8r\xf3:p\xb8U\xf9\x05\\\x8fL\xe81\xe1\xfe{\xd7`\xbd\xbb\xb8\xa2&gt;\xc462\xc8\x84\x90F&amp;U$&lt;U\xec+jX\xf6v\xb0\xc5\xabc\xbf\x81\xf2\x81\xc3F\x07M\x95R\xf0M\x100\x9f\x1fZM\xbfc|\x1cI\xb9\x9f\x19WM4\xeaM\xdb3\x9c)\x0f,8i\xa3\x8eBd\xed\x01+)x.\x9c\x7f\x9b7\xde\x081\xbcm\xefB\xb2\xb0\xe4\x1e\x1e\xfdOz\x07\x08\xe9\x8fO\xc3\xae\xdc\x89\xfe\xc3\xc7l%\x80/y\x9c\xfc\x989\xf5\x80\xa7\xb0\xde\xa9f\x9c\xfd\x86\xea\xc7Ml\xa4\xc8,\x1a\xe1\x03:\xd9\xf6P\x02?\x93\xf1\xe91\xf5j\x14\xed\xba\x9d\xf8\x130\xf1\x87\xeaR[\xaf\xe1\x83\xaa\xd1\xcb\n\t\x7f\x0fn?\xaaX\xa6\xc3\xd5\x13o\xb8\xfax1\xef\x99\xb1\xdf\x7fH\xd0\xa1\x1a=.w\xea \x11~\xebR\xfc\xccc`=*\xb1z\xb7\x93\x8f\xa6\xd4\xe7t\x83\xf7f\xb5'</t>
  </si>
  <si>
    <t>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</t>
  </si>
  <si>
    <t>b'\ty`\x00\xde\xc4\x9e5aY\xce~\xfd\x10\x9fT'</t>
  </si>
  <si>
    <t>rom time to time they sped by some phantom- like
 tree, whose white skeleton twisted and rattled in the wind.
 Sometimes flocks of wild birds rose, or bands of gaunt,
 famished, ferocious prairie-wolves ran howling after the sledge.
 Passepartout, revolver in hand, held himself ready to fire on
 those which came too near. Had an accident then happened to
 the sledge, the travellers, attacked by these beasts, would have
 been in the most terrible danger; but it held on its even course,
 soon gained on the wolves, and ere long left the howling band
 at a safe distance behind.
 About noon Mudge perceived by certain landmarks that he was
 crossing the Platte River. He said nothing, but he felt certain
 that he was now within twenty miles of Omaha. In less than an
 hour he left the rudder and furled his sails, whilst
 the sledge, carried forward by the great impetus the wind had
 given it, went on half a mile further with its sails unspread.
 276
 It stopped at last, and Mudge, pointing to a mass of roofs white
 with snow, said, â€œWe have got there!â€
 Arrived! Arrived at the station which is in daily communication,
 by numerous trains, with the Atlantic seaboard!
 Passepartout and Fix jumped off, stretched their stiffened
 limbs, and aided Mr. Fogg and the young woman to descend
 from the sledge. Phileas Fogg generously rewarded Mudge,
 whose hand Passepartout warmly grasped, and the party
 directed their steps to the Omaha railway station.
 The Pacific Railroad proper finds its terminus at this important
 Nebraska town. Omaha is connected with Chicago by the
 Chicago and Rock Island Railroad, which runs directly east, and
 passes fifty stations.
 A train was ready to start when Mr. Fogg and his party reached
 the station, and they only had time to get into the cars. They
 had seen nothing of Omaha; but Passepartout confessed to
 himself that this was not to be regretted, as they were not
 travelling to see the sights.
 The train passed rapidly</t>
  </si>
  <si>
    <t>b'|\xa5p\xe6X\xd9\xdb\x16\x1a\xdaBI8\x03\x8ff\x9c\x89\x86\xf0\x065`\x00jL\xfa)-\x00 \x9a'</t>
  </si>
  <si>
    <t>7ca570e658d9db161ada424938038f669c8986f0063560006a4cfa292d00209a</t>
  </si>
  <si>
    <t>b'|\xa5p\xe6X\xd9\xdb\x16\x1a\xdaBI8\x03\x8ff'</t>
  </si>
  <si>
    <t>16; on provincial
government, 16
Severus Alexander (emperor 222â€“235):
accession of, 136, 143; murder of, 143,
154, 162; and Sasanians, 157, 162; on
tenantsâ€™ rights, 310
shipwrecks, 293â€“4
Sibylline Oracles, 423â€“4, 433, 553â€“4, 559
Silius Italicus (poet), 450
slavery: employment of, 234, 274, 288,
300â€“1, 306, 483; Life of Aesop, 12; sexual
abuse, 339, 349; slave tenants, 305;
sources, 301; taxes on slaves, 187;
treatment, 301â€“2, 483; see also freedmen
Soranus of Ephesus (medical writer): on care
of children, 517â€“20; on sexual intercourse,
499â€“500, 516; on womenâ€™s health,
516â€“17
Sparta, 394â€“5, 405â€“6, 427
Statius (poet): Agave, 396, 451; and
Domitian, 441, 450; Silvae, 451â€“2;
Thebaid, 450â€“1
Stoicism, 356, 362â€“5, 525, 529â€“34
Suetonius Tranquillus (biographer): on
Augustan army reforms, 207; Caesars, 28;
career, 18, 28; on senatorial decrees, 34;
and Trajan, 18; on Vitellian cuisine, 358;
and the Younger Pliny, 18
Syme, Ronald: and art and archaeology, 7â€“8;
background, 2â€“3; and literature, 7; The
Roman Revolution, 2â€“4, 479; Tacitus,
4, 422
Tabula Siarensis, 47, 77, 120, 485
Tacitus, Cornelius (historian): Agricola, 27,
279â€“80, 380; on Cremutius Cordus, 32,
423, 441; Dialogue Concerning Orators,
448; family, 26, 421; on historical
narrative, 23â€“4, 32; narrative technique,
24, 33â€“4, 99, 413, 421â€“5; scope of his
work, 26â€“7; on sexuality, 335, 339; on
Tiberius and the senatorial career, 14, 16,
125; on Vitellius, 357â€“8;</t>
  </si>
  <si>
    <t>b'\xc4\x1dV\xba6\xb5.\xb6\xf2\x11\xaa/\x08\xfa\xad\xfb\xc5\x8cb\xaa\x80\x9b9v\xc3\x1a\xea\x8f\xe35;\xe2\xf2\x17EY\x7f\xac\x1fn\xa9*B\x82\x86d!\xd6\n\xb0\xb1\x89\x97l\x1b\xcc\xe8A7\x18\x928\x81/\x07&gt;r\xe5\x0ebW\x81\xab\xea\x94\xd5a\xe3\xe7\x9e\xb4"[\x05;6\xca}\x81\xe7[\x0bY\x052\xe4\xae\xab\x04\xfd\xef2\x1b\xcf\xac\x93\xa2\xfe\x98\x06\x91\xad\xe2\x17:\xbbN\xc8\xba\xfe\xed\x05\xb3\x82C\x01A%\x1b\x95\xa1\xd7HD,\x0c"\x01#\x10\xb4\xe6/\x8a;\xf9\xad9\xd2L=\x1e\\\xa8\xed\x17\x0fd\xbc$\xec\xd3\x0c\xf8\xdd\xbaI%\x18\xde\x08\xaegb\xf9u~\xb7\xd7\xe4\x8f\x10 na\xb2\x19\xe3yn\xf2\n\xff^\xdb\x1et\xc6\x1d\x1e\xd63\xab\xf5=\xcb\xd4~\xa8K\xb2\x96\xb6O0U\xc2\xe9\xb3\xd9\x90\x7f\x8b\xb23U\xedt7m\xf9.\xe6\xda$\xad1\x9d~R\x04\xa6\xa09H\xc9\x8a\xf0\x08@\xe5Um\xb6Zr\x8d\xf5C\xda\xc1\xca-\xa4\xfb^\xe5\xef\x97\x80\xe3FE\x1b\x9d:}\x0c\xc41E\x85\xc3\x83}\xc0"\xadr\xf0\xd8,\x852\xff\xce~\xb5\xfaM^\x16\xfb\x91;A\xd5\x18j\x9c\xa2\x89(J\xb7\xc3\x97|\xc4\x84\xf1\ni\x9b\t\x06[\xc8^\xf1\x8e\x94\xa7\rJ\xa4tc6\xa2\x87)\xc9\x05\xf0\xff\xd7\xa2\xc7\x9a\xcc\xbfu\xbb{k\xea_9\xac&gt;\xf8\xc0~j\x08\xca\xef\t\x10\x9a`\xe1\xf4\xdd9\x8bV\x0e\xaclu\x13BrHr\xb9\xfe!\xffa\x19Q\x9c8\xe2\xaf;\xf5\x97\x9bg`\xb9\xdaW\x1f\x0cv\xa9\x9f\xe8d\xe7\xcd\x19\xea\x9a?#\xbf\xf4e\x11\xc3\x0c\x19\x86\x89\xcaC:!\xf3\x1e2\x1eG\x02\xe7\x02\xde\x99\xe9\xbd\xb2\xb2M\x8c\xe4\xed\x04+w\x8d\xea\xfb6\xa4^\xf58\x96"\xe2\xe7\x0eE\xd4\xf4\x81\x05i-PK\xeeG\xc0\xec\xfc\x8c\x90.\xbc\xceR\xf2b\x98F\xbe\x1aa^\x99\x81L\x0c*vwp\x8d\xf8\x1e\xd7\xe1\t\xba+@\xb1\xfa\xf8z\x8d\x08Ni\x0b\xaa\xb0h\xad\x9fA\xed\x83+\xbew\xf2\xdaQ\xc1\xf7o\x01\x91"\xc4\xd9\xe0\xdc(7\x0b\x9a\xc1]\xa5Mq\xb1A4\x9c\xfde\xbf\x85\xca\xf41\x87\xc8\xbe\xf7\xa4a\xcc\xf4\'\xed\xf2Z\xacM\xc7\x833m\xd9y\xfd\x1e\x87\xa3\x88\xc2\x82\x89\xe0c\xd7|\x84\x8f\x81(\xcek:\xea\xa5f~;)\x7f\xd9\xf8\x83\xdeL\xcc4\x19i\xb9\xda"\x918\x02\x16\x9b\x96\xf1\x05\xe4\x82\xa9@9\x88U*Q \x81\xa2:C\\\x8d|?\x91R\x94\'o\x05ya\xf4\t\x97\xf7\xb9\xfd#\xa6\xc9??\xe5\xe1c{\xa2\xf3&lt;\x14\t\x1e\x9e\x8d\nt\xaa%\xfa\x0b]\x854\xad9\xe7\x08\x96m7\x89OM\x9f"\x17\xe9\x18lvc\xee,\x99\x10\x90\xc0XqU&amp;\xa0(s\x89\xef\xa1\n\xfe\x00\xfcD\x9dq\x8f\xf7\x0c\x83!\x92S\xa9*\x91\xf3\x1d\xe0B\x00\xdd\xf9\xad?\xf8\x07?8=\x1c!B9&amp;bbyM\x078\x8b3\x14\x8b\xf9\xb2\x9a\x14f&amp;\xc2-s\xf7?\x94.\xe5\x92-p\xfb\xd3\x90\x06Im\xdb\x8e\xc4$\xc5([M\x95\xd2\xca\r\x02TI\xcb\'\x94\x94y\xfb\x12\xb5\x87H\xda\xf5\x1e\x16\xe8V\xa3\x05{E\xd8\xe1F\x94\xee2\xc8Ex\xc5ga\xbc\xec\xa8\xa1`}\x14[\x15\xf9\xe0A\xde{g\x8a7&amp;\xa3\xc6\x0bV-\x96\xffAx\xedE\xecQQt]\xfa)9\xa7yv\xcc\x05\xb3\xf5\x05\xc0b\x95A\x00\xeagv\xde\xaf\x86\xba\x81\xd13\xe0\xf7\xbbsc5\xac*\xf5\x1b\x14\x867\xf3\x95*\x97\x8ck.\x82r\xe7\xf3\x8c\x99\xec\xc3?\x82r\xf9I\xcc\x1em\xde\x19\x0cq \xb5\xb4Z\x97&lt;\xdd1\x88{7\x0c-k\x95\x1e\xae(.i\x17\x81W\x96\x9c\xb9p\x9e&amp;\x84^\xb8\xdf\xddU\xbf\x86\xef\xf6\xf2\x0b^1\\7\x0e\xf7\xe1\xd1\x84"M\'\xdd\xba\x9aAi\xec`\x80F\xaf\xd2\xb7%i\x02\xcd\xd8(\xb9\x9a2\x8b\x01\x81\x04y\xe3&lt;\xaa\x02\xc3\xe6\xadMIN\xcb\x1c\xbd\xe5e\x9c\x06\xfd\xe2\xb5\x7fLkMB}\xa4LO\x1fD-\xefR\xb1o\x90\xa0\xc2\xb3P\xcd%4&gt;\x15\x03Z\x03\xb1w\xbd2D$\'D\x03f\xa2\nx\xba\xc9\xa7&gt;mL\xc8\xa5\xc7\xef\xf9\xce\x1a\xa9\xc2\xa0B\xa2\xa4\xfa\x83\x99\x15\x06\x1e\xef\xb1\xe1J"\x8c3\xdc\x8b\x0ccs\xa2Ta\x90K\xc2\xe9%\x12A\x87\xff\x98r&amp;\tR\x94 \xf1{\xb9\xa8:Lx,\xdc5\x1f\xca\xfe\x17:.\xb4\xd3eF,\x9b.IJ\tQ\xb12r\xdb\x05a\x15\x1a\xb0\xf17}\xe6\xe4G;\x8a\xf9\xbb\xd6\x94q\x05\x88\x16\x95\xed\xad\x18\xe7\xc7^3\xb4\xcc\xb5\x8f\xe0g\xfd\xc7\xc6d$!\x02\xb6\xb5j\xe5\x06S\xb6\x98\xf2Z\x99J\xe1I\x0e\xb0ck\xa4\x1d\xcf\x0c\xe7\x1e\x13z\xd7\x7f\'\xac\x15{J,\xd6\xa1y\x9f*\xcbZ\x9aI\xf7\xab\x042x\xa6\xf5\x91\xbe7\x8e/6-z\xcd\xc0\x9f\xb9\x96\x96y8e\xc7n\xc4^\xd1\x95z"\xa1\xaf\xe3&lt;mW\xb1\xee "\xad\xd18B\x05\xf6`\x10\xb1\xa4\x02\xbd\xc7b\xbd\xa2\x96\x97YB\xc83E\xb8\xee`\xe4\xdd\x9a\x04i\xd9\x8es+\x89\xd1\x04\x89\x15\xf5\x95\xb8^r\x83B\xe8\xd5\xd4\xc8\x94\x7fc+\xaa~\x92)\xf1el\x94\x8c\xf5\x1f\x9f\xa1\x06@\xef_\xe0\xfaz\xf7*J\xcc\xca\x1ae\xf6&lt;^\xcd\x10\xe3\x8a\x02\x05\xf5c\xd9U\x12\xbf\xfc N\xb1\xae(_\xf0\xe2(\x9c\xf6\xe2\x807\x9c\xd4\xf1\xcaa1\xe6\xb6\xd6&gt;\xd8\xe5\xaa \xdb}\xd1\x9d\xb5\x8e\xaeCJ\x1c\x1b\xa5\xbbq\x9b$\xbe\xb8\xfb\xe4\xef\x89\xe1\x8f\xa1u:\x06\x06\x0f\xd2\x1d;\x1b\xe4\x87U \xcf\x98\xf0\xdb\xd3\xb2\xa2s8dr\x8c\xfcV\xdc#\xa5\x8d\x17\xd9\xc6}\x80\xf6\xa2\x89L\xa4J\x9b\xcf\xc8[\xaf\x91\xe74\xf6p\x9b\xdf\\^\xc5\xbe@F(~\x0e\x0f\xda\xb6\x04\xed\x08\xcfr'</t>
  </si>
  <si>
    <t>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</t>
  </si>
  <si>
    <t>b'\xc4\x1dV\xba6\xb5.\xb6\xf2\x11\xaa/\x08\xfa\xad\xfb'</t>
  </si>
  <si>
    <t>red made a couple hundred thousand dollars in a few
 short months that Christmas. It was the first product to launch the
 Happy Puppin brand into profitability. One year later, the brand had
 brought in a million dollars in revenue. Now Happy Puppin is a sevenfigure operation thatâ€™s currently about to be sold for a big payday.
 â€œMost people think you need tens of thousands of dollars to get
 started, but you can get there with just a thousand, or less,â€ Jared told
 me. â€œThe money isnâ€™t the obstacle. The truth is that ninety percent of
 the battle is getting your head right and just pushing through all the
 obstacles, no matter what. You have to make it your mission to find a
 way.â€
 Jaredâ€™s obstacles didnâ€™t end that sleepless Christmas. To this day,
 competitors copy his ads, and even his products. Some of them are
 total scam artists who take orders with no intention of fulfilling them.
 â€œWhen I first started, Iâ€™d get so angry at the scammers, but that
 wasnâ€™t helping me,â€ he said. â€œNow, if I see someone copying my
 stuff, I immediately get my lawyers involved and send a cease and
 desist. Itâ€™s part of the game. Iâ€™ve learned to just deal with it.â€
 To Jared, being an entrepreneur is an up-and-down emotional
 roller coaster. â€œYou have to get your mindset right,â€ he said. â€œYouâ€™ll
 have really big wins, youâ€™ll be doing awesome, and then something
 turns on a dime and knocks you back down. You have to train your
 mind to make those peaks less dramatic, so you can flow through it.â€
 This was Jaredâ€™s biggest struggle. For a while, he was either on
 top of the world or he felt like everything was falling down around
 him. Once he built up the mental fortitude to realize that there would
 always be ups and downs, it all got easier.
 The moment Jared really knew heâ€™d made it was when he bought a
 brand-new truckâ€”a Ram Rebel with huge 33-inch tiresâ€”and took his
 family on a month-long vacation.
 â€œAt th</t>
  </si>
  <si>
    <t>b'\xbe!(x\xec\x08\xbf\x91\n"\xc4\xe2i\x8d\xa7\x9a\xbe\x11\xa3\xc3\x86i\xb6\xb8F\x84\x82\xefU\xda\x98\x07\xc7Wq#i\xa9\x8f\x80/x\x96\xf4\xa4\xe7\x87l\xe7\x1cKRW\x994q\xfd\xe4VV\\\xcc\xdd\x04!\xd2\xa5\xa0\xd6\xe539\x18\x04\xa1\x7fN\xdb\x9e\x80.w|\xee\xc0w]\x8e\xe4\xc4\x83v\x84\xbb\xb8\xbd\xae\x0f\xdbC\x94\x90YV\x17\xd0\xed\xad\xc3\x19\x14@+)\xf9\x1f\xad\xef\x16\x97U\xd5\x7f[\x04u\xc0\x1aY\x9f\x8e\x80\x87Kn{L\xc65f\xf2\'Uw\x14\x9d\xcb\x8ce\x925\x7f\'\xff\xe4\x1b\xb9\x0e\xb5b\x8f\xc3\x05\xcf\x02~\x98\r\x81\xb6\xab\xc8\x00\xad\x84\x04\x86\xe4TG\x8a~\xe2\x80\xe8.\x9fs\x05N\xfb[aDJ\xd3\x01\xdc\x97|&gt;\xcc\xed\xceU90?0l\xf2\x02{\x1a\xc0\xc0&gt;\xc6,\xedA&lt;\xeb\x04\x81\x10\xad\xbd\x12\xfc\xdd\x9b\xe3@0U\x1e\x08\xd4\xda:\x7f\xcex\x8a}\xb1\x8bg\xd2\x9dV\xb3\x89\x92"V\x88\t\x0c\xb8h\xb7\xa5\xf80\xf0D]:\xcaG\xfb\xcd\x00\xbe\xc3\xa9\xfc\xfe\x1daD;\xff\xb3\x1ea\xcc\xbb\xe3\xb1\xa3~%\xcbc\x7fQ\xe7\xb0\x8e\t\t\xa5\x0f#\x85\xa8\x0e@P\xa8\x1eW\xd1\x83z\x1a@\xb9+R\x80\xc1{z\x1592B\xbbg\x02\x07\x97\xf7\xff\x00M\x01\x89\x05\xcc\x0c,\x9fKd\x08\xf9\xd2\xa8\xbd\x94/Xa\x92\xd6\xf9\xfc\xd85\xddncX\xd4\xfb\xe0vZ\xe1E\xebd\xe8\xf3q\xecs\xf2\xb3x\xac)n\x03\xd1|hzV\tn\x9b\xaa\xec2\x17\xf2\xc8a\x0f\x1e\t\xc1\xeca\xd0aMb\xe2\xbfZ\xb9\x9d\xe2v\x90\x19a\xed\xdav\xbd\xb9\xc6`\xa3\x86\xd8/\x17YL%\xb9\xa0\xb8h\xb7\x08\xdaQf\x1fh\xe5\xceg\x14x\x0e\xbc\x07\xf5&amp;\xf6X\x8e\x87\x1b\x8b\xf1&gt;\x11\x1b\x81\xe6\xe9\xe6?\xcf\xcb\xdfD]\x0e\x87\xecK\xa0\xd6\x89\x11\xb2\xdd\xe2\x1e-\xcfl\xdeCL2\xea\xac^-\xe9\x8exqN\x9fA\x9a\xe4}\x8ak\x0f\xbd\xcd7\xa6\xdd~\xe6\xf0\xc7\x8c\x80ZW\xf6\xcd\xb9\xde\xfa\x8b!\xdd,G\xfd\t@\x85\x12\xd7\x02\xe5S\x8f\xbd\x14\xc4\xd1\x83\xec\xa8\xceY\\\xf7\x92\xe4\x97a\xe3\xa0\x1c\xc4\n\x0fl\x9d\xb6S@S\x92\x00z]9\xf5=\xb3_Q\xd7\xe1\xdb`b\xe1\xd5\xcat\xa5\xc5R\x07e\xe0,\x1d`u\x8c\xb4\x01\xde\x1e\\\x80)\xe7@\xc4\x1e%\x8b\xed 6\x95\xd8t \x0e\x8e\xea\xbf\x9b\xa2\xecbu0\xa2\xd3-\xaf\x81\x0f(\x86{\xb4&lt;\xb6\xc1\xf9\xf0\xc8(\x88\xf2\xa0\x8b\x1c\x06\xb6\x03\xd6\x98&lt;:\xdag)\xd7\xce\xb2\xacc{G\xb4V\xa7\x9e\t}\x06\x03\xc0\xa9-\xfa\xca\xf2`+\xb4\x84\xddJd\xad6/\x87\xd1P#\x86{_\xd2\xc7\xf5\xe9%\x96\xa5\xdf-\xa9m\xe6\xcb\x92g\xff\x99\x14\x82 \x07\xe7rr2\xd3\x9a\xac\xfa\xba\x03\x89\xaf\xa9\x02]Z\xb7\x9b"\xb7\xfa\x89x\x14\x14f\xeat\x0f\x11p_|\xf4d\xdf3U\xc2\xb7\xe8\x1c\x00x\xc5\xc1\xc5\tY\xb6.s\xc4]\xc1\xf82\xe81\xc6\x9b\xd6\xee,? \x01\xd2\x9e\xed\xe5\xca\xb2\xcd?`\xec\x9f8\x96\xa0rX/8\x13\xa9v=\xf8\xc6\t\x92\x1b9D\xa1\xcb\xb0j\tc\xa9\x03\x95\xa2v{\x9c\xf2q\x06\xe8E\x83\x18\xae\x82\xf76D\xe6\x0e\x8a\\y\xd3*\xb0\xe2\x14\xe7\x10\xbc3k\x19\x82z^9\x9c\x0c*X\xe9!\xc8\x08g8\x7fa\xce\x19\xbfh.\x1a\x00\xfc{\r\xf4\xe2=,H7\xf1\x056zp-\x9b\x99\xa8Q/?&gt;\xeek\x85E\xfa\x93\xe8^:\xf6\xb0\x0cyN\xcc\xd4\xe0\xfaj\x1b\x8b\xdeF\xbe\xbd\xe4\x16\xb9\xe3,\xed\xb1M\xc7\x11\xfa\x19\xbf\x99j\xf0;\xaa\xc8\xde\xf3\'\xd5\x9c\xac\xfd\xe7\xcfI=\xe6\xe2Y\xd3aM\x8c:\xd2$:\x95G\x80\xf4\xba\xd1*\xc2\xa3\x0c\xfd\xa7\x87\xf2\x1c\x16\xf8Z\x93p\xbdV\xd6\xad\xa9\xbcn\xe8\x9d*d$U\xba\xe1\x8er\xad\xbaWN\x16\x91\x82\x88\x10\x83{b|\x06\x92d\x80\x95\x9b\'\xb7\x8f\xdc~$\xb9\x89g\x10\xb77\x17\xb0G\xcd&lt;\xd5\x85P\xc0\x8c\x1b\xad\x8c\xfa\xdb\xca\xb3\xa6\x8a:tn\xb3\x9d%\xce\x84rE\xf6Y\xf5\xcd\xf4\x16\xc1\xaa\x19\x1a\xf9\xde"`\x9a\x8a]\xd5z&lt;\xb0\x9e/\x9c\xb2\xfe\xf0\xa9\xea&gt;\xe9\x87D\xa9\xcd\x96B\n\xe1\x9a\x1d\xe3X\xfb`v\x0c8\x88f\x14\xa4\xb2\x06f9\xf7k1\x84]\xb4"h\x0c\x9a9\xed\xd7b\x9d\xf3\x16)\x9aC\xf9\xb9\xa0=\xf7\xb7\x03\xa5m\x91\xcbz\x95\x0eB0:\x97\xe4\xab\xdf\xe4A\xa4\xe5"\xe6\xb0\xee\xfd_]\x96+Mn\x93t\x01\xa3\x97\xcfu\x84\x14\x8d\xe1\xef\xba^&gt;\xe8\xd5y\xcf\x93\xed\xe1\x9c3s\x8e\x84YL\xcbKA\x90\xd88\xb7\\\x8b\xe7-\xc4\x7fam\xcb\x05\x9cC#^\xcfd\xacFr\x9a\x86\xa31u\xb5\xa3\xd1\x95|\xa9\xe1\xacSpK\xa98?\x95\xfe\x11\xa3l\xf5%\x04\x17Q\xbd\xb6\x902\x89C\xb1;\xbe\xd2\x9a&amp;\xab\xf8\xb9\xbc\xb7~$\xe8\xa2\x14\x94\xb838\xf1\xb1\xb2\x83\xc3\x0c\x0cod\xf3]\xb5\xb6\x86\x08\xfe\xc4f7\xe2\x10\x7fl\'\xdf\x11I\x17qAi\xea\xd5\xd1\xe3\x97\xb4\\\xda\xd1\xdcT5\xebF\xf7\xbd\x94\xcf&lt;|pq5\xbb4\xb1w\x1e\xd4a8\xf0\x1bpY\xed\x08*\xc7%\xae\x92\xb6\x14\x045\x819\xbc\xe4\x9d\x84\xc2sH\x1f#\xec\x07BL\x93\xc7\xf0\xffK\\\xb8SGe\xc9\xf6\xf7\x86F&lt;F;\xfb!:e\x07\xa22L\x0fY\x8d\xd8\xf6-A\x1d\xac\x06\x131\x8d\xd8{\xc4/\r\x952qi^\x0b\xc5yD\xe2\xc5\x04$\x1c\xaf\xad \xbb!\xbf\xec\x13\x11\xd3\xafL\x94\x9d\x19\x04\xc5\x18\xfa\x14\xda6\x0f\xd2}\xa8\xdd\'\xa1au\xa3[\xdd\x177\x94\xa1)\xd5k\x19\xccs\x87+G\xdcSm\xe6wP! \x97\x8a\x10_\xf5\xc2\x0e\x15T\'X5\x10\xa4if\x91\xeb\xb7T\x07\x18*\x03\xaa\xfft\xf8\xe9=\xd8\xf4D\xe8\xa9\x07k\x89\x87\x84\xd6\xadM\x13n\x1d\xc4\x9c\xbc\x1b\xdd\xcetH\xd8s#\xae\x9c\xe5\xd9:\xc8\xfc\x96\xd9\x1au\x07D\xf4\xea\x16\xa4\x8f\x13\xach\x1cCH|WD\x98\xe4\xe7ad$\x13\xea\x88\xe1\xa6,\xdaX\x18\xb1\xbe\x9a\xe6\xefT\xfc\x84^\xc2"\x96\xc68\x99\xf2\xe1\xe1w\x0c\xd1\x0b\x96H8\xa3Q\xb7\xd6 X\x9f(W|&amp;\xdb\xd99b\xb4t\xfcpO=\xdd\x1a\x17\x8f\\\xe4v\x81Kn\xacVYy\xb7\xe1\x0f!D\n\xb4\xc3\x88-\xcb\xab\x1b\'\xccm\x0ew\xa2\xc3\xff}5\xb0\xa6\x92\x11\xd9\xc8n(*N\xf7\'P\x15\xa0\xfd\x85x\x8f$\xb2\x9f\'F\xb2\xe0\x94y\xaaKMU\x98\x01\xefv\x17C2]N\x1e\x80z\xe7\xefKar\x84\xa1\xca\x8e\xb8\xbfD`.\x82-\xb8\x18\xab\xe3\xa4e\xa5\xba\xac\xac$\xab&gt;\xbd\xc2\n\x1b\x8e\xe1\xe2\xe0\xa6Y&gt;//\x10A\x90|fi\x8c\x9f\x19\xa9\x03\x1d\x97v&amp;g\x96\xc8\x81\xa7\xdaErs}/z\xb3\x93\xb8\xf8c\xba\x81\xea#\x99r\x15\x99\x055_\xd6\x83/\xe7`5 1\xa8\xa9\nGD\xea\r\xf0\xc5@\'\xd6\x95\xfe\x91\xf7v\xc9 \xd0\xd3\x8c\xd3F\xfe\xefE=\xc4\xd5\xfa\xcb\xe9{\x96\xe8\x90*\t=(\r\x99\xdd\xc8\x15 $\x15\x9e\xa9\x06r\t\xf9k\xb4\xda\x9f\xeb\xe6\xc8(\xaeJ\x00&gt;%\xf5\x13\r\xd5\xb7\xcf\xd0-&amp;Q\x9f\x9a27G\xe5#K\x9bo\xe7\xa0\xc3C\xf0\xf2\xf2\xe5\xf5\xffW\xe7\xc8\xbe\xd4\x81\x99\r\xba\x0f,P\xe6\xb4G\xe9\x95\x89!\x8d\x1ak\xc4\xfa&amp;404\\\x1c\x90\x9dL\x0f\x7f'</t>
  </si>
  <si>
    <t>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</t>
  </si>
  <si>
    <t>b'\xbe!(x\xec\x08\xbf\x91\n"\xc4\xe2i\x8d\xa7\x9a'</t>
  </si>
  <si>
    <t>ames, but we shall pull through, and there's nothing like doing a kindness when 'tis put
 in your way, and I am glad I can do it."
 "Then," said James, "you don't hold with that saying, 'Everybody look after himself, and
 take care of number one'?"
 "No, indeed," said John, "where should I and Nelly have been if master and mistress and
 old Norman had only taken care of number one? Why, she in the workhouse and I
 hoeing turnips! Where would Black Beauty and Ginger have been if you had only
 thought of number one? why, roasted to death! No, Jim, no! that is a selfish, heathenish
 s</t>
  </si>
  <si>
    <t>b'\xaeX\xf4\x89\xa5\xb9\xb1\xe5'</t>
  </si>
  <si>
    <t>ae58f489a5b9b1e5</t>
  </si>
  <si>
    <t>ichotomy. The orator describes a pseudo-historical
event in his own life when, shipwrecked on the treacherous southern coast of Euboea,
466 Joseph L. Rife
he meets an amicable huntsman and accompanies him to his modest abode (7.1â€“10).
There the narrator enjoys the kindness of the huntsmanâ€™s family, their rustic cuisine
and pleasant conversation, and even the wedding of two teenage lovers. These people
are by nature gentle and kindhearted, their home harmonious and happy (64â€“80). So
far the romantic scene resembles the pastoral world of Daphnis and Chloe. But next
the speech exposes a rift between city and country in a direct clash between humble
rusticity and the urban sphere of Dio and his audience. The huntsman tells that his
land had once belonged to a wealthy magnate, upon whose death it was confiscated.
Thereafter, the huntsman and his family continued to live in a cluster of huts,
s</t>
  </si>
  <si>
    <t>b'._\x06H\x1b\'\xe5\xe5(\xe6\xf5\n"\xc2\xf1\xa2 \x92j\xb7\x90\xf7\xec{"Z\x9e\xc1\xa1\x83\t\x00k\xf4\x0fm\x85\xcb\xcc`!\x1c\xfd\xcc\xfdJ\xce\xb0\x10c\xfb\xd3\xa28\xd6d \x10\xbb\xd8,\xc1\x17\x0e_\x9a\x9b!-\xc5\xe7\x8e\xcb\x19\x96[Mg\xe8\xc4A\x9a\xe6_\xf3\xa6\xeb\x91\xe0M|\xbc\x90l,\x97\xd2$\xa2\xb4N\xf6Nl\xe2A\x1c\xf5`\xcbDvH\xa6\'\xcfPCBB\x88!Q\xf7\x05\xe1\xbf#\xc2\x90\xc5b\xf8\x8a\x81jY\x03\xdf\xbe0&lt;\xfd\xd7\x84\xd1\xf0\xd5(]Z\x9569t\xd87\xd4\x13\x03Lh\xbe\xaf\x0c\x97\xde\x05M\xa6\x03\x13\xe6jL\xeft\xd7H\xe9\x0f2\x984m\xdaQ\xfcDI3\x9e\xf6\xf2\xf9\x9c\xec\xdb&gt;\xd4Q\xe5\x08\xfbqrq\xb7\x98\xc4q\xbf?\xd7\xb05-\xca\xd1,35\\\x89iV\xf6\x9b,\xad\x00\xdc??L\xc6\x8f\xf2\x97q\n\x96k\x85\x88p\xd3\xf8B \x0c\xd3\xc2"9\xac\xc3\xce\xb6\x05\xfc\xb2\xc2\x0f\xfe\x98y[`\xb8N\x03\x9a]#R[\'\xa2\x0b\x8a&amp;9|\'\x1f:3\xee[\xbe\xff\xad\xeb8_\xe9\xe5\x9e\xb2\x16\xd3\x8f)\x0e\x06\x15\x87e\xdd\xe9S\xa6\xa2&gt;\xf1\x00\xe0pkC\xf88\x82\xfbe\xe6\xf3@\xcfN\xbf\xca\x13Z\xa3\x96\xc1\xf1\x03&amp;\xdb\x90\x17\x89\x9a\xd2\x9e\x07\x8e\x06\xc4\x9eng\xdd\xed\xfd$F \x12\xf8elJ\xc7\\\xa2f\xdbz\xb4\x1b^\x93q\xe24\x80\xce;\xeex"+#\x12\xb9U\x9d\x14\xb7\xb2f\xc7\xa8\xf04\x89\x8f1\x83WX\x17\x1aKdbbm\xc8\xe5\x0e\x1e\xf7\x13\x81qe\xea \x05^\x8c\x08;\xcd\xe6~^\x0c\xd5\x9d\x15\xbaDF\x95jjpi\xa2\x11-"\x7f5\x8b\xcc\x86\x0b\xb2\xc7\xad\x983t\xb02\xd22?&amp;\xb8\xf1s\x10\xae\x1dcpx\xff\xcai^\xe3\xebW}\x98]\xaa\xf5\xf7:1\xc77\xf1v\xd8\x8e\xd0\x8el#\xab\xcb\xed.\xd3&amp;\x87B\x16+&lt;U\xec}\xcf\x99&amp;\x12a\xe9*\xa3Z\x18\x08&gt;\t\\\x80h~\xe5\xd7\xc7\x86\x8a%\xa8\x11e\xbfO\x0f\xde\x8dwtnP\xdc!V\xb4\x12\x16\x97\x98\xcfn\x0b0\xb0;\xaa\x15\x98\xfcM\x03E\xe0\x1e\xf7\xd4F\x08\\M\\}#ae\xd3\xde\xe3\x9f\x9bdU\xe4\xd9\xd6\xfb\x18\xc8\xdco\xbf\x8d\x85 \xc69n\xd5Gm\rO\xe9\xe5/\xe5\x83v\x88\x13\xe6\x92|P:k\xa5\x8d\xe7a\xd53\x87\xe0\xf0\xba\x80\xd8\xd4r\x02\xaaB\xd1\x11:R\xc1F/b3\xc0th\xb2\xebn\x1eiB.~$\x05L\xa6j\x13\xdc\x95\xe9\xab8V\x11\xe5J\x00\xac\x95\xf9\xbcd\xc6\xb6\x08\x06Z7\xe1\xc7.\xd1\\\x84Yq~\xc7\xf4P\x89\xc1\xb6\xb1F\x82\x85\x8ak\x9d\x9f\x14\xc5\xf6H\xcf\xfa\x0f7\x07\xab-\x0coK"\x902\xe7\x83\xb0#\x07J0Svy\xf8\xcf\x82+q\xa0\xdb:\xedY8\xde\xba\x0e\xde\x0f\xa0\x02so7\xe8\xf8\xbb\xc89\x1a\xe3\xb1w\xde\xce\xbb5\xe1\xa3\xcd\x11\x05"\x0f{\x8b\xf4\xd5\xd6{\xf6\xaeu\xdd\x80\x8a\x99\xd0\x14W\xb0"\r\x9b\xd8\x8d\xfaG}V\xa84\xc3\xd6\xd6^\xa5K\x1f\xc4$\x11G\x83\x1c+RN\xce&amp;5\x86\xdc\x89a\x9dI\x95U\x96\x9f+\xa8Q\xee\x05\xae\xa3\xfb),\xf1\xc3\xca\x00\x00I\xba\x17;\x9d?\x1d\xb8\x85\xd23\x94\xf7^\x91\x0f\xca\xfcu\x08\x83\xb7\x93R\xaaY6\x07\xbf@\xe70\xd3\x94\xe3f\x95\xbc*\x06\x98\x88\xeer\x9a\xf8\x99\xc2$5_\x12\xfeG\xc5\x0ec+\x19\xf6t/s.\x7fV-\xd2\x04\xf1G\x95\xd2\xfd~\xf6\x1d'</t>
  </si>
  <si>
    <t>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</t>
  </si>
  <si>
    <t>b'._\x06H\x1b\'\xe5\xe5(\xe6\xf5\n"\xc2\xf1\xa2'</t>
  </si>
  <si>
    <t>es, (b) partitioning of
 gate-channel capacitance between source and drain.
 Two other capacitances in the MOSFET become critical in some circuits. Shown in
 Fig. 11.24, these components arise from both the physical overlap of the gate with
 source/drain areas7and the fringe field lines between the edge of the gate and the top
 of the S/D regions. Called the gate-drain or gate-source â€œoverlapâ€ capacitance, this (sym_x0002_metric) effect persists even if the MOSFET is off.
 n+
 Figure 11.24 Overlap capacitance between gate and drain (or source).
 We now construct the high-frequency model of the MOSFET. Depicted in Fig. 11.25(a),
 this representation consists of: (1) the capacitance between the gate and source, CGS (in_x0002_cluding the overlap component); (2) the capacitance between the gate and drain (including
 the overlap component); (3) the junction capacitances between the source and bulk and
 the drain and bulk,CSB andCDB, respectively. (We assume the bulk remains at ac ground.)
 7As mentioned in Chapter 6, the S/D areas protrude under the gate during fabrication.
 520 Chapter 11 Frequency Response
 g m
 G
 S
 r O
 CGS
 CSB
 CDB GS v v GS
 C GD
 C
 C
 GD
 GS
 G
 S
 CDB
 C
 D D
 SB
 (a) (b)
 Figure 11.25 (a) High-frequency model of MOSFET, (b) device symbol with capacitances shown
 explicitly.
 As mentioned in Section 11.2.1, we often draw the capacitances on the transistor symbol
 [Fig. 11.25(b)] before constructing the small-signal model.
 Example
 11.13
 Identify all of the capacitances in the circuit of Fig. 11.26(a).
 M 1
 VDD
 Vin
 M 2</t>
  </si>
  <si>
    <t>b'-\xc4F\xd7{\x9e\x08\x89f\x1c%u\xea\xaf\x9b\xb1'</t>
  </si>
  <si>
    <t>2dc446d77b9e0889661c2575eaaf9bb1</t>
  </si>
  <si>
    <t>_x0004_. (4.94)
 Exercise What early voltage is required if the output resistance must reach 25 k_x0004_?
 In the next chapter, we return to Example 4.12 and determine the gain of the amplifier
 in the presence of the Early effect. We will conclude that the gain is eventually limited by
 the transistor output resistance, rO. Figure 4.32 summarizes the concepts studied in this
 section.
 An important notion that has emerged from our study of the transistor is the concept
 of biasing. We must create proper dc voltages and currents at the device terminals to
 accomplish two goals: (1) guarantee operation in the active mode (VBE &gt; 0, VCE â‰¥ 0);
 e.g., the load resistance tied to the collector faces an upper limit for a given supply voltage
 (Example 4.7); (2) establish a collector current that yields the required values for the small_x0002_signal parameters gm, rO, and rÏ€ . The analysis of amplifiers in the next chapter exercises
 these ideas extensively.
 Finally, we should remark that the small-signal model of Fig. 4.31(b) does not reflect
 the high-frequency limitations of the transistor. For example, the base-emitter and base_x0002_collector junctions exhibit a depletion-region capacitance that impacts the speed. These
 properties are studied in Chapter 11.
 150 Chapter 4 Physics of Bipolar Transistors
 n
 p
 n
 VBE
 VCE
 + h
 +
 e
 Operation in
 Active Mode
 n
 p
 n
 VBE
 VCE
 +
 e
 I S exp VT
 VBE I C =
 VBE
 B
 E
 C
 I S exp VT
 V
  Î²
 BE
 I S exp VT
 VBE
 VCE
 I S exp VT
 I C
 V
 I C
 BE
 VBE1
 g Ï€ m v Ï€v r Ï€
 C
 E
 B
 I/V Characteristrics
 Model
 Large-Signal
 n
 p
 n
 VBE
 +
 VCE
 Early Effect
 g m
 B
 E
 v Ï€ Ï€v r Ï€ r O
 C
 Small-Signal
 Model
 Model
 Modified Small-Signal
 Figure 4.32 Summary of concepts studied thus far.
 4.5</t>
  </si>
  <si>
    <t>b'\xdb\x9a\xc5\xa1\x12\x91\xf0,Q=\n&lt;\xc7\xec\xcd{'</t>
  </si>
  <si>
    <t>db9ac5a11291f02c513d0a3cc7eccd7b</t>
  </si>
  <si>
    <t>, to the deep thunder, which murmured at
 intervals, and often paused, as the breeze, that was now rising, rushed
 among the pines. But, when he made a sudden halt before a tuft of cork
 trees, that projected over the road, and drew forth a pistol, before he
 would venture to brave the banditti which might lurk behind it, the
 Count could no longer refrain from laughter.
 Having now, however, arrived at a level spot, somewhat sheltered from
 the air, by overhanging cliffs and by a wood of larch, that rose over the
 precipice on the left, and the guides being yet ignorant how far they were
 from the inn, the travellers determined to rest, till the moon should rise,
 or the storm disperse. Blanche, recalled to a sense of the present
 moment, looked on the surrounding gloom, with terror; but giving her
 hand to St. Foix, she alighted, and the whole party entered a kind of cave,
 if such it could be called, which was only a shallow cavity, formed by the
 curve of impending rocks. A light being struck, a fire was kindled, whose
 blaze afforded some degree of cheerfulness, and no small comfort, for,
 though the day had been hot, the night air of this mountainous region
 was chilling; a fire was partly necessary also to keep off the wolves, with
 which those wilds were infested.
 Provisions being spread upon a projection of the rock, the Count and his
 family partook of a supper, which, in a scene less rude, would certainly
 have been thought less exc</t>
  </si>
  <si>
    <t>b'\xa53\xca\xc0m:\xb4;\x1a_\x03\x10\xb1Y\xe6O\xd1\xed\xfe\xfaA\x0e\xc9{\xa9\xae&amp;\xf6\xffqM)\xdf&gt;\x1c\x97x\x80:\xa9\x14\x18\x85\xef\xfaa1\x9a\xf5QI2\x8d\xcb}\x9c\xed\x97\xd4\x95\x01\x14\xa2^'</t>
  </si>
  <si>
    <t>a533cac06d3ab43b1a5f0310b159e64fd1edfefa410ec97ba9ae26f6ff714d29df3e1c9778803aa9141885effa61319af55149328dcb7d9ced97d4950114a25e</t>
  </si>
  <si>
    <t>b'\xa53\xca\xc0m:\xb4;\x1a_\x03\x10\xb1Y\xe6O'</t>
  </si>
  <si>
    <t>ed through a part of
 the road, contracted between two hillocks, some of the commanders, on
 horseback, were distinguished on a small eminence, pointing and
 making signals for the march; while several of the officers were riding
 along the line directing its progress, according to the signs
 communicated by those above; and others, separating from the
 vanguard, which had emerged from the pass, were riding carelessly along
 the plains at some distance to the right of the army.
 As they drew nearer, Montoni, distinguishing the feathers that waved in
 their caps, and the banners and liveries of the bands that followed them,
 thought he knew this to be the small army commanded by the famous
 captain Utaldo, with whom, as well as with some of the other chiefs, he
 was personally acquainted. He, therefore, gave orders that the carriages
 should draw up by the side of the road, to await their arrival, and</t>
  </si>
  <si>
    <t>b"Y\xbez\xd8\xec0\x9e?\x1d\xb9\xae{\xad\xb6!\x18\xf6\xbea\x9ea\xec\xb9\xbc\xbc\n\x18e\xc4*\x03\x0f\x94\xf0\x8eS\xdb.\xacs\xd1^\x0c5\xa6!\xb3\xce\xf3ARwS\xad\x83'\x07\x89\x94\t'\x14nT"</t>
  </si>
  <si>
    <t>59be7ad8ec309e3f1db9ae7badb62118f6be619e61ecb9bcbc0a1865c42a030f94f08e53db2eac73d15e0c35a621b3cef341527753ad83270789940927146e54</t>
  </si>
  <si>
    <t>b'Y\xbez\xd8\xec0\x9e?\x1d\xb9\xae{\xad\xb6!\x18'</t>
  </si>
  <si>
    <t>e excitement in 
 a quiet country life, and there was even a party of the younger men who 
 pretended to admire him, calling him a "true sea-do</t>
  </si>
  <si>
    <t>b'\x83\xde\x047\xd2\x95\x11\xb0\x9b.\x01\xa9\x84{z\x03\x00\x81\x14R\xdc%\x00\xe6b\xa0\x18\x8f\xb1\xfc`\xc8\xe2\x16&lt;\xb0\x19\xecv\x03\x98\xcfo*\xb6\xa9\xc2L_[9\xd9\x7fA\x08\x1c\xcfuq\xde\xf4rL\xac\x8f\xb4\x9e4\xffd\x8aoV#z\xa5\xabZ_@\xf7b\xa7\xa8\x14*h\x0b\x06g\xc9\xa2\xc7\xa6\xde\x98\xb7\xb1\xfcb\xfe#!^\xa3`\xe01\x119\xed#\xcd;\r,y\x87H\xc22F\x88d`T;\x8e\xcd\xf8\x9a{\xfff\x0cCv}Z\xa6\x02\xf92\x99g\xdeT\x9d\xe7\xd5(\xf1\x8f)c\xde\x8e5B\x05\x01$@i\x9f\x07N\xc0=\xb1p@\'DI\xa4\xd4\x86\xba\x8aj\xe6\xe81%\xc7U\x1d\x19\x90\xaf\x9f\xdeu[\n\xba\x06\x1e\xddq6\xe5\xdd\xef\x89}\xf9\xf6@K-\xf0*\xed\x90\xfe\xb4_;\x1d\x18\xe6\x9d\x9dE\xbb{B e\x12\n\xf2\xaa\x0f\xe6\xc6\x0e\x9b\x03\xb1\x8a=\xa5\x9dX\xb8-k!\xf3\xa4L\xfeY,\x11A\x8f\xa6\x1d\xdc\x8c\x8aY\x84\x18\xffO\xf18\xdbz\x86\x14\x8f0W\x92\xbe4,\x80F\xbe\xc8\xb1\xa1\xf5G\xb8\x84L|\xe6L\x0b\xb0\xfb\x9bwp}\x11\x81QP%&lt;\x1dp\xc9W\x88\x18\x93`\x8a\x08\xad\xb0"@w\x80C\x1aS\xf0\xae\xc4\xb2\x0c\nb\x93\x0c7\x93:\xba\xbbJ,\xb5\xd6\xf4\x936[}\xfe\xec\x12\x0cD\xfaS\xe0h\xe8\xce3p3\xf5\xfdF\xf9v\x10\xc7\t-\x1f\x1a\xbf\x1eC\x08\x9c\x08c\xed\t\xd2\xad~\xaa\x05!\x80\xfc\xc0\xa3\x9d\xd8\xc2x\xf8\xf81\x18\xc1;\x16\xdbs\xc6\xea`Z8;\xaay\xf1\xfa?g\x83\x9bm\xc3g\xba\'\x91\x04\x17\xb8\xe7\xecW\x16@\xb3I\x8c\x145\x94\x8e@\xebQ|\xfd2\x94Dl\x9e\x1d\x04A:\xac\x81C\x12\x12\xda\xe7\xe5\xae\x84\tw\x8e\xaf\xdcv$\xb5\xef&amp;I\x00\xa5:\x80\'\xbd\x8c&amp;&amp;[\xf2\xe6\xfc~b\xd8/\xf0\x83\xba:8|\x1c\xa9\xf3\x04g\xd5t\x80\xdfh'</t>
  </si>
  <si>
    <t>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</t>
  </si>
  <si>
    <t>b'\x83\xde\x047\xd2\x95\x11\xb0\x9b.\x01\xa9\x84{z\x03'</t>
  </si>
  <si>
    <t>es born dying before their fifth birthday (Bagnall and Frier 1994:
103â€“10; Bagnall, Frier and Rutherford 1997: 100). Children who survived to their
tenth birthday had on average a life expectancy of some 36 to 38 additional years,
taking the surviving female past menopause and the male to nearly age 50. Life span
among Romans was apparently similar to our own, yet only a little over one percent of
Roman Medicine 521
the Roman population reached their eightieth birthday, and people were dying at all
ages (Bagnall and Frier 1994: 81â€“103; Frier 2000b). Good genes were perhaps less
essential to longevity than good nourishment in infancy and early childhood, and
avoidance not merely of injuries that penetrated the skin and brought pernicious
infections, but also of the potentially lethal diseases that antibiotics and other synthecized medications now cure.
7 Attitudes Towards Medicine and Physicians in the
Roman World
Medical practitioners had long bee</t>
  </si>
  <si>
    <t>b'\x03hy\xa1\x9e\xe8\x8f\xcfJ\x13\xf9\x91\x84\x8d\x19\xf4\x8d^\x9b|\x9f\xacbY\xd3}\x85\xd86\xdep\xa91*\x8c\xb6\xe8\xf2f\x92\x06O\x0f\xde2\x8f\xf2\xdbXF\xe7\x16\x1d\x89\xa0yx\xff\xc8C\xe4c:\xf7\x96\xd3%"\xda.\x05z\x99\xc0\x88\x18\xb4\x0e\x0ck\x1f\x1f\x89\xa0\xc3W\xee\xb1\xcb\x95\xeb\x02H\xec\x0e\x8d\xedT\xc8\x9c\xb5\x0b\n~\xe1\xf0\xdc\xed\x01@$\x16r\xd9wv\xe0\xa0t\x0cHi.\x00\xec\xa7h\xd6:\x90\xed0\x8a/\x9d\xe5Ha\x1f\xc2*\xa3\x1d,\x9b\x9f|J\xdd!\xf7k\x1e\x13e\x05\xba\xfb\x9f\xc5\xa8\xa4\xbf\xce\xd5\xd9\xd8\x8b%\xa71\t4\xbb\xdb$\xe5\x1fI\xf4\xb4\xba\xfe\xb1H\xdd\xf8\xe5;#\xeb\x86\xd6\x0f\xcc\xe6\x03\xb1z\x07\xa6\xaes\xe4\x06b\xd2F^H/~\xc1\x00\x96d\xc3\xd1\xac\x0bm\xa4\x8a\xd1\xfa\xb3\x84\xa7L\n\x07U\x9a\x8f\xfa\x14d\xf4\x19A\xc92\nd\x98\xd26I\xbax3"\x80\xdd\xad\x0c\xa1y@\x8b\xa7j\xca\x11\xeeI\xaa\xa7\xad&lt;\xf1&lt;\x04iK\x1a\xb7\x85\xd8\xf8S\x03\x90\xc7R\xe6\x8bE\xcb\xfcl\xbcf\xb0\xaf\x83\xe6\xec\x99\xdc\xfd\x13n\x86\xa5PV\xa9\x9a\x88n}\xa2\xb7Or\xc6\x14WR\xcb\x11\xd6\xbd\xf0-0\x8f7\x0c\x14\x89w\xf33&gt;\x1bn{\xa1\xae\x86\x84%\xfa\x0e\x04q\x1e\x9a\x85E\x0eJ\xc5U\x1cejt\x87\xe7H\xafC\xeb\xcb\xdcg\xebM\x88-\xdcu\n\xa5n\x92\xd9I\x82\x03vN\x9f\x07+O\xfd\xcb)\xf4\x89u\x8e\xf7\xbe)\xf7\x9b){5\xe5\xec5[\xf58\xf1D\xd9o \xeb\x15\xe4\xab9\xf5\xa0i=\x91q):\x8c\xf9Z\xaf\x00\xff\xa9\xe1E0\x1b\xe1\x99r49\xf3\x10\xcaI\xce\x90\xb5R?/H\xa7\x18J\\H\xaa\x0b\xf8\xd3\x1f\x8e\x86\xe2\xd2\x01\xc2\xd0\xfd\xd3\x05E\xbe\x83\x98\xb1[\xfe/n\xef\x8fWv&lt;\x0f\rm$\xae\xa4\xbf\x81\xf0\xa1/zeW\xcc \xef\x80_Zn\xc5\x06N\x95]\xd4\xf3\x11\xda=\xca\x9dT\x86\xf2\xdd\xb3\x95Xg\xc8@\xb7\xf2\x18&lt;\xfe[\xcb\xb3F\xef\x15W\xb0K\xb8\xe2\xaf\x05:\x11\xe5\xf5e\xab\x87k(\xb7Q\xc1\x9b\x07G\'W\xdf\xc5\xa2x\xa4\xe4$\x0b\xd3\xc1j\xf1e&amp;\xaao\xf3\xe0mP\xc3"\xe5\xec|\x98(\x1b]\x9d\x05\x8f;\x7f\xf1\xe4|\xbcG\xb6\x13\x96J\xa5\x94\'}u\x8a\xcaU\xc5\x92\x98\xff\x12+B\xf3\x1b\x94zUGW]T2Pq\xf7\x9d\xc7\xedq@+\x87}U\xde\xc0\xf2\x1a\xda\x19\x1a\x90\xd3\xbbs.\xda\x1bz\xa6\x02\x05dG\x10\xa2x\x18\x8d\xe7\x96\xd82(\x82\xe6\x88\xddR\xa7\xc9&lt;\xf6\xcf$5J\x9b\x08\xc9ZG\xfa\xf6t\x11\xb5\x18\x10b^C\x0c\r\x9b\xba\x03\x15\x9d}\xbe\x9a0\xd2a\xff\x9c\xd4\xf7\xf6\xc2\xb4\xe4\x07cq\xe3\xd1\x11\x93\x9a\xa9x\x85xl\x92\xaa\xa5\xaa\x92r\x893\xea\xb4\x84\x1b\x1c\x99\xff#z.a\x0e\xd5\xe4R\x14yq7l\xac\x1d\xf9\x8b\xa3B$\x11a\xe9\x9e:\xef\x0fJ\xa5;_\x86\x85\xa0\xe7\x0e\xab\x12L\xcab\xb9\xd4\xc3\x82B\x04\x85\x82\x9dg\x1f\xc9,\x0fh\x98\x97\xa0\xb8\xc0i\xa0\xb1_D\x9bu\xd9h7V\xae\xad\xfc\xe2-\xa8y\xb8;\x13\xdd$k\xd9D\xc4|\xd4-L\'\x85\xbe\xf0\x94\x9c\xd5\x81V\xa2_\x00\xf3&gt;\xcc@\xa3\xd3\x1bA\t\\E:\xa4\xfeZ\xd7\x04A\xa6\xa0wP\xcdm\xfe\xef\x9a\xb7\xa4\x17Z\xc1_4\x8fX\xda\xf7G\xa6=:\x90T\x9d\xf2\x8f\xf6\x8a\x0c\xed&lt;YQ\x9e\xe8s\xac\xe0\r\xdfOw\xe9\xccm\xa1\x93\xe0,\xc9o\xf4(vS\xf8\x91\xad\xec\xf8\x00\x87\xa1\x13\x01l\xe7\x02\xaf\xf2\xcb\x81a\xe4\xe4\xd7\x85E\x14E\x02\xe6\xac\xad}e\xfa\xd2\x97rw%\xb8\xb6\xe1/,\xf9\xc3]\xe0\x10\\x!\x15\x02\xa4xn\xf0\xa8l\x11\xf3\x89\xbb\x06'</t>
  </si>
  <si>
    <t>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</t>
  </si>
  <si>
    <t>b'\x03hy\xa1\x9e\xe8\x8f\xcfJ\x13\xf9\x91\x84\x8d\x19\xf4'</t>
  </si>
  <si>
    <t>morning it was because a young
housemaid had come into her room to light the fire and was kneeling on the
hearth-rug raking out the cinders noisily. Mary lay and watched her for a few
moments and then began to look about the room. She had never seen a room at
all like it and thought it curious and gloomy. The walls were covered with
tapestry with a forest scene embroidered on it. There were fantastically
dressed people under the trees and in the distance there was a glimpse of the
turrets of a castle. There were hunters and horses and dogs and ladies. Mary
felt as if she were in the forest with them. Out of a deep window she could see
a great climbing stretch of land which seemed to have no trees on it, and to
look rather like an endless, dull, purplish sea.
"What is that?" she said, pointing out of the window.
Martha, the young housemaid, who had just risen to her feet, looked and
pointed also. "That there?" she said.
"Yes."
"That's th' moor," with a good-natured grin. "Does tha' like it?"
"No," answered Mary. "I hate it."
"That's because tha'rt not used to it," Martha said, going back to her hearth.
"Tha' thinks it's too big an' bare now. But tha' will like it."
"Do you?" inquired Mary.
"Aye, that I do," answered Martha, cheerfully polishing away at the grate.
"I just love it. It's none bare. It's covered wi' growin' things as smells sweet.
It's fair lovely in spring an' summer when th' gorse an' broom an' heather's in
flower. It smells o' honey an' there's such a lot o' fresh airâ€”an' th' sky looks so
high an' th' bees an' skylarks makes such a nice noise hummin' an' singin'. Eh!
I wouldn't live away from th' moor for anythin'."
Mary listened to her with a grave, puzzled expression. The native servants
she had been used to in India were not in the least like this. They were
obsequious and servile and did not presume to talk to their masters as if they
were their equals. They made salaams and called them "protector of the poor"
and names of that sort. Indian servants were commanded to do things, not
asked. It was not the custom to say "please" and "thank you" and Mary had
always slapped her Ayah in the face when she was angry. She wondered a little
what this girl would do if one slapped her in the face. She was a round, rosy,
good-natured-looking creature, but she had a sturdy way which made Mistress
Mary wonder if she might not even slap backâ€”if the person who slapped her
was only a little girl.
"You are a strange servant," she said from her pillows, rather haughtily.
Martha sat up on her heels, with her blacking-brush in her hand, and
laughed, without seeming the least out of temper.
"Eh! I know that," she said. "If there was a grand Missus at Misselthwaite I
should never have been even one of th' under house-maids. I might have been
let to be scullerymaid but I'd never have been let upstairs. I'm too common an'
I talk too much Yorkshire. But this is a funny house for all it's so grand. Seems
like there's neither Master nor Mistress except Mr. Pitcher an' Mrs. Medlock.
Mr. Craven, he won't be troubled about anythin' when he's here, an' he's nearly
always away. Mrs. Medlock gave me th' place out o' kindness. She told me she
could never have done it if Misselthwaite had been like other big houses."
"Are you going to be my servant?" Mary asked, still in her imperious little
Indian way.
Martha be</t>
  </si>
  <si>
    <t>b'\x8bc\xc6\xeb\xb3m=\xcc~E\xd8\xa5\xa4cH\xdec\xf1\xb0\x80\xd8\xec\x03$r\xce\x08\xe4\x0f\x05d\x10M\xc2\xba\xd8{\x8f\xdbj8\r\r\xe1\x04m\xe9;\xe6B\xb0\xaa\xd6|\xf7UlMU\xadU\x8c\xef\xbf\xf1\xc0O."\xe7\xa4.D\x15\'\xae\xe3\xda\xaf\x1e.Yc\xf2b=\xa7\x07}\xc9\x83\\\x0e\x9a6\xc0(l\x9e\x8aE\x1e8\x8e\x9d\xed\x86Th\xa6\x1aC\x99\xe4\x0b#bT\xab\xc2\x87\xd30W\xc67\xd4\xa4/\xbf\xf7X\x80a*\xbd\xf1uin`yc\xf1\xe9s\xa4B\x85g\xa7\x0c\xab\xba\x0f"s\xa1J\x9dn3/\xfdw\x9d\x8e\xa2lV\xf1 \xf5\x02\xb3\xdcO\xee\x90|\x0b\xd5\xb4H\xa9\'\xd2i&gt;\'V\xa4C\x8b^\xf51\x1e\xa9\x01\xc4\xf6\x00\x13)m\xfa\xdd\xf9{\x80\xaf\xa3pI\xe3n\xc6D\x1b\x8e\xfc\xabc\x8e{\x8a_q\x08h\xe8G\xd9&gt;\xd6\x9en[\xf5\x18N\x8ax\xfd*\xffV$,a\x14\xaf\x1adv\xa9\x1bw*\x0fH\x85\x8bM:\xd3\xed\xa4\xa5K\x1d\xc3,\x99\xcd\xa8\xf1\x10a6[\xe5\xba\xe2\x0b\x1b\xc6H:&amp;\x91eD\x8bx\x98kH\xf4\xe1TX\xb08\xdd*\\\xcd\xb8uQ\xb3p[{P\x1ba\x84Z\\`\x89|\xcf\xa1\xbd\xb9\xd4L\x02\x8b\x99\xf0\xdfO\xc6\xdc\x8cS\x1aU\x9f\xae\xb5\xcf\xfd-`O\x18\xe12\xb8\xf0Yz\x01\xc1\x91\xe4\xe0p$\xaa8o\xd8\xf92\x9f\x00;\x8a\xb1U\xf8\x9b:\x81\xc1*\xb6\xa4\xd4\x8e\xce\x17\xbd\x93\xc4n\xbe\xb1*\x14[\xb5I\x81|t\xee9MP7;\x10\x93\x19\x8f\xb4&amp;\x16\xcfqd\x08\x8f\xe7V\x0bi\x17G[l\xf5\xd6\xd2\r\x99\xdd\xb9LR\xc9\xd3\xb0)N]p\xect\x8aJ\xb6=\xca+\xf3t\xcaW\r\xd8\x93\xcfv\xaf\xad0\xdbjy\xc4\xa6\xfbk\xc2\xf3^K\x86(\xab\xb4\xa5h\x89i\xc7\xa5]\xa4.\x16\x9d\x12\x127\xae\x18\xef\r+z\x00GS\xb3\xec\'\x1a\x82*\xdb\xd0\x8a\xc5U\xa15\xe0\xcf\x08\xd6\xd7\xff\x07g\xf7R\xbc6\x90\x84\x1b\xd0\x1e\xa5\xa8\xccMpv\xb3\x00\x80\xc9Kjw\x1c\x16NMc*)\xbf\xfbG|)`\xb2\x87\xc5\x107m]\x97Y\xae\xffR9"$\x03\xf8\xcaE\xa9\'H\x8e\tL\xd4\xe3&amp;\xee\xf1"\x93\x0e\x11\xb9Z\xda3\x8f\x10\xc8J\x14|t\xb1\xa1\xa8}\x10=v\x1a\xc0\x0c\x11\xc7D\x01\xf6\x1f\x82\xdc\xcf\x9f\xb5JCZ\xa0\xdd\x01\xc2z\xa3\x1d@&gt;W\xfd\xfa^@\xaf\xf0vr/F\xc5R\x94\x1fR\'\x81\xc5\x03\xdeJ\xfa\x8fsU\xf8\xb4Zb\xf7BKd\\\r\xd2\xc2\x92\xe9W\xca\xe5\xc3\xc8\x82V\n@\xae\x93G\x12\xe9\xef4\xcd\x8c.\xab\x9a\xaf\x08\xe2\x1d\xbf\x87&lt;G\xa3\x82`}\x10\xb7~\x8f\x8a\xac\xe1\xaa\xf6\x13\xd2\xdd\xb5\x81&gt;\xc3!\x8bv\x837?G\x91w\x8a\r\xc9\xe5\xeca)bJ\xbc\xc9\x9c!\xa8+\xc6K\x8eR\\2l\xbej\x8e\x90b\xc23{\xcf\x18\xaf\xdf\xe6\x17\xc7\x92IP]\xa2\xf8\xab\xbb\x14\xfe\x1dA\x07\x1cH\xcc\xac\xad]\x12\x1c\x9e6@2\xec\x0b\xb2\x89^\xea\xd6W\x8e\x113\xacu\x84\xbb\xe5\xe8G\x19x\x1d&gt;]\xc15\x0e\x98w\x188p\xe8s\x81\xbfg\x98\'\xfer\xb9l|\xc4.\x8e\xebt?\xc4*\xaf\xc0\xab| \xaa\xee\xe0\xe1\x9b\xbc\xca8b\xb8u\xaf\xfa\xf9\x7f\x17\x10\x12?\xed\xcb5\x99R\xc8\xee17\xc5\xa8\x95d\xac\x9dnEL\x90\x05;\xcc&lt;\xa8a\x1c\xac\x8b|\xb9M\xf2\x0e{bM$s\xd1\xde\xad\xf1\x8d\xfe\xafp}\xaf}\xf0t\x98:*\x1a\x95\x06\\\xa7\xf8\x82\x0e\xac\x11\xb3\xcc\xf4\x8c\xa5\xd5\x15\xec}\xabH\xbcU\xe0[=\xde\xb1#\x82\x1aG\xc8A\xa8\xc5h\xa7\xacn\x93\xdfF\xad\xc9\xbd\x85(+\x867\xaf\xb5\xa7\xf2\xfce\x11R\xc5\x1b`\xa3\xd3/;\xbeBd\x9e\xde\xc1\x80\x97%eU\x15\xf2\xecH\xf1\x81H\x04k:\xa5\xbcU\x08.\x1b*\xd0\xb22\xdd\xbf\xe7\xe0\\&amp;=\xf2A5O\x16\xa16G\xf3\xf8\xdd \xd6u\xa1\xa7s\x97\xeeM$ \x82\x86\xe1P\x80m:V-D\x8e\xf2Q\xf0\t\x8aU\xeb()$\xf2\xf3\xef\xf5\xcc\xa0\xe2`\r\xc5\xd50\x89O\xee\xe0\x97\x0eb\xa8D#\x8f\xf7d\x9aU\x00\x17!2\x97B\xd4\x06\r\xc2&gt;\xa8\xe3\x19"k\xbe\xb41ci\x0e\x9e\xab\xe8;\xfek\xfa\xb8\xbeX)|&gt;\xc7V\xba\xf0bT\xd3p\xc6\xa8:\xfa\xc1)\xf2dj\xeaO\xa28\xe5\x07\xd8s\xda(\xd3G\x08\xbc\x1e\x08L\xc9\xa1\xf2\'\x84\x08\x01\xed\x8c\x9f$\xee6im\x9e\x1e3\xcd\xec\'\x83\xa7\x0c)\x98\xc7\xc2\x96\xd2\xca8.\xd5\x9b\xebT\xaa\x91\xed\x8ai\xff\x1d\x99\xd3I~x\xa7\xa0\x92\xfb\xb5g \xf2\x1f\xeb\x07\xbe~W\x96|\x16\x82\n\xa5\x87C{\xd2\x08\xc9\xd2\x86J\xb53\x0c\x1dO\xea\xcee\x9dCM\x1c\x91\xab}\x17\t\xb2\xdd\xe2!M\xfau\x8b4\x13\xda\xbb\x93\\\xcdXRx\xb5\xd5\xf1\xdb\xc1\x11\xa6\x02\xf0\xb0\x91x\x96\xc9Ov~\xe3y\xe4\xd8\n(\xd4}j\xa6\x92\xbaI\x86R\xc3\xfanF\xe5\x96B|\xee\xa1\xf7EC\xe8\xb3\xc8\xb7\xef\xcc\xab!\xec\\\x04\x9f\xd3\xc4\x8bh\xbc\xba\x89\x95\x95\xbad\xfdL\x8b\xf6\xe2\x91\x8d\xabsN\xa1\x83\x11\x01\xc2\xadE\x1c\xc7\xb2Y\xee\x1dp\xf8\x10\x84\x8d\x11\xdcL\xcc\xf0\x0c\xf2\xaf\xce\x86Yr\xdd\xfb\xb4sP\xfa9v\xac\xdf\x9e\xa7\x7f\x06#\xc8\xee`\x86\xe2T\xf1c\xed\x80,\xd4\t\x01\x01\xd3\x91/uZ\x1aZC\x7f\\pN\xc5\xf5\xeaI\xae%\x92.U\x01\xab\xe8\xee\x8b=\x967~~\xf9"\xdag\x8au\xf0\xb6i5n\xf3\x95\xae~26\xc0R\xf5~*]\xe6y\xc17\x98\x15\x8b\xa8\xd7\x8d\r\x16o\xb0\x1c\x03\xf8\xed\x0e\xd1\x17\xdc\xb8\x84\x957\xe0^\xad\xc2\xc3b\xa2\xfeS\xd1\xfb \'\x98\x0f\xa8V\xe9\x8e&lt;\xd6\x92\x00|\x15\xf7\xb9Kc\x0b\x0b\xab\xbc\xae&gt;HF\x18&lt; \xc0\xc2\xed\xa9\xe0$\xf9\xc7/L\xd5\xee\x14\xbd\xaeT\x13~\xd7prX\xa4\xa6,\x9d\xbc\x06\xceU\x98\xb6\xa9*\xd1\x10\xcb\xe8\xe0\xb3V\xf0\xbe8\xdcD\xf79\xda\x86%?_\x7f\x8d\xc4\xcf\xd6]\xeav\x88\xe8\x1d\x9b\xf4\r\x95\xcc[\xe5&gt;\xf8\xac\x8e\x17\x93j\x95\x1e\xbb\xc0@\x19\xf8\x90bP\xd2:\xc3\xeb\x8fhv\xd0/\xa4\xa1\xf29i\xfcR\xb8o\xeb\xd97\xd28\x8a\x0f\xbaS\x81&lt;\xe149&amp;oND\x18 \xf6\x833?\x05H-\xdf\xb41\xac\xc0\x00l\x08U\x17\xd2\x8e\x87N\x1e\xa3NF\x8e \xa7V\x04\xa6F\x8bm\xea\xc6rK6\x8d\xbb;\x84f6uW\x84\xa1D\xe3\x93\x15\xcew\xe2\x1e\xf9N\x1dM"\xe6\x898\xe1\x14\xf6\xbb\xff\xe5\xd0GN\x84\xcd\t(\x88\x9f\x99\xd8\x12e\x7f\xbb\xdf9N~[s\xecR\xd1\xeawn\xc4\xd3\xb9\xe3\x81\xd3\x87\x86\x96\xa8\xf4\x1f*\xc2\xfc%\x84\xa1\x1e009\xdd\x9d+\xfb\xd2\xed\xa3,\x8d1D\x14\x1fg\xd0(F\x82&lt;\x07n\xf8\x1dd\xc1\x19J\xd3\xad-\x88 \xc7\x8e\x133\xac~\xab\x08\xea\xa5\x8c\xe9\xd3\x16|5L\x0cF\xa0\x0cb#\xe3\xf0(\xe63\xc5\xe7\xf4\xf98\r\x1f\xb0\xe4[e\xae\xc8\x9cF\x14&amp;\xe2\xf7t\x82\x844p\xf9\xa5;f.G\xbal\xd1M\x0f+\xf6-J]\xa8\xc1\xd5\xb1 6\xe6P\x98(\x1d\xd2\xf8q\xe8/\x03[5\xc200-\x9b\x93f\xaa\xac\xdb\x84\xf8\xabi\x1eSF+b&lt;\xdd\xe3z]\xb4\xe8l\xfb\xb6tSa\x16\xf9H\xa9\n\xff\xfeO-\x1b\xdc\xa6\xdc\xd3Ef#K\x9b*\xbc\xb8\xdc!\x9fi\xbcv`\xeeULEi\x88\x88*\xe0q%\x11\xfb\x0e\x05\xc4\xa4L\xccQ\xdfk:\xe6\xc1\xc3\x9bK\x16\xe8g8\x88P\x7fhx\x13\xbd\x84G\x13x6\x02\x1b/\x01\x97\'\x15A\xbd\xf5\x8c\xc3\xe4^\xb2\xcd\x8bU[l\xdb/n\xf6OJ\xf2\x06s\xff2\xe2\xb8Q\x1aA\xf4 \xa1WS\x9a\r\xf7S\xc9\x06JB\xa1$\x1az\xb53ub\x8d2\xc7\xbc\xe3\xd03q\xf0N\xf1rS0\xdd\xcdnH\x95\x1a\xd2\x086\xaab\xf8Z;\x04J\x9c\x06e\x00\x9bWs\x98\xdd\xc4\x01W\x01\x0e\x0eO9hvnT\x9a\xd2\x96\xe3kn\xf11\x10l`A\xd5\xd0A\x14\xa8\x9c\xc7T:~\xac\xe1-\xba\xc6@\xe9n+\\F\xc0\xd4\x04\xb2{\xc4u\x18\xe2\xc7[\\\x1fJ\xbdx I\xbd\x0b"[\xb4\xc2q\x10\xadqbtzm:q\xe8\x82U,\x19_Y%\xca\xeeN\xf0\xb6\xa2Hx\xf1\tJ.ew\xd1K\xa7B-;T\xf7sb\xc5\x84c\x10i\xab\xcf8\x82o3.\xc1yX\x97\x1exR\x8f\xd5,\xc6\x8c\xba1\x92\xe1\x99Z\xa4\x00\x8b\x02\xba\x1d\xb77a_/\x16J0%\xaa\x02\xbe\x1d\x84\xf9\x9a$\xc2\xdf"-*7\x9d\t \xb3=\xd2o\xb5!3\n0\x86\xf8\x06|\xcf\xf3hP\x13\xa9\x8c\x0ce\xf10\xe2;\xd0H\xb8v\xc2\xebF\x84\xba\x17\xba8\x0fU\xda&gt;\xd3e\xb4\x0e9\xd4E\xf6v\xdc\x8d\xb3j@\xa4;\x12[JE\x99\x00%\xb6\xed\xc4O\xbd\x8a\xf5\x89\x1f\xa8\x03\xcek(\x17&gt;rK\xbd\x19\xc5\x04\xef\xca=\x92\xcd\xc1\x83\xabX\xa6\xe5\xea\xb9f\xa1\xe8 j\x16o\x12H\x95\xef\xac \x02\xae\xbd=\xfa\x8b\xc1\xef\xc0!L[/\x98\xd8\x9739\x07\x98A\x8cl\xfb0U\x91\x85q\xfd\xe5\xaf\xecTP\xf9\xe9\x06\xf5\t.\x9a\x80"\xdd,\xbd}\xf8\xa0\x00Ll\xe8\xe3?\xec=^2%\x17\xd8\x99\x95\x04.\xd7\xa6\x98R]\x8f\x0b\\\xbd\xa4\x959\x87\xac\x03z\xbf\xfcM\x94\x0c\x1f=\xa17t\xc4\xb8\x8b\xf3\xbe\x07~J\xa2~]rR\xac\x9a}\xfb\x81\xc5f\xf3\xe0\xd9?\xd0\xdf\x11\xa3\xb9\xc3\x0c\xe8\xb8\xa1\xefa\x16\xb6\r\x83\x9b\x9d\x01\x84\x0b\xda\x07:);\x96\x9c\xf2\xbdq#\x14F\x05\x93\x9b\xdc\x90\xb5z$_\xe1\xb0\xacMA\xf7\xd47*\xd7\x8e\x18n^\xce\x8a\xb6\x82O\xb6tx0\x07\xad\x9d\xbcp\xbe)v\xa2\x1eF\x13"\xec\x17VE\xe9\x13\xa0a:\xd7=\xd4}~4\x9a\x1dwY\xb8*\xafW\xeb\xa2R\x19k\x1f(\x08@\xc7S\x9be\xce6\xbfi\xafi\x81\xa4\xb2[\xa1l\xb3J\xf7\xb2\x85\x8aS\xcc\xa5\xbe\xffk\xab\xf3C\xc3M\xcb\x06\x86\xe2\xb7\x1c\x0bXs?kp\x97\xd3\x1bb\xaaP\xaa_\\\x99`Hi\xaa\xe1\xba\x1d\xfd\xbdw\xda\xd0\xe6\x01\xe5\x88C\x12\x9b\xde\x86R\x8ci\xfb\x8f\x95\n\xb7\xadx\x87\x1a|\xdb\xe7+\xf8\x9b\xdb\xb5\xff\x9a\x95\xd2u\xb5\x9f\xde\xe7\x1c?|\xd9\x19\x92\xe6L\xd01r\xa2\x9fF\xd1\xe7.O\x03\xc96\xf4n\xfe\x9b\xf4\xbc\xb6\xa5\x93V\x963U\x0f\xc8\x1f\xe0\xa8\xbf\xc3Q\xe9\xfb\xb0\xd9^\x17\x8f\xc2\xffq\xcah\xde\x8c\x1e\xb8+*\xebam\x1b.4-\x9f\xc5\xa1&lt;\x13R\xa8\xb8g\x18\x85\xa6\xae\xfc;%\x84\x1f\x06\xbf0\xaf@L8&lt;&lt;\\tP\x83\xe5+\x9f/%"\xef\xc2|;W\x86\xe7\xa2\xca\xe6!\xb8\xd4\xfa]r-\x0e6\xd7\x84|&gt;\x8e[\'\xd0\x96\xa8\xc9\xe5\x86\x05G\xe9]\'jL#\x8f\xec\xd6\x11\x85\x9f\xa1UQ,\xb3\x19\xe7\xce\xd0vn:\x1c\xab\x14?\xbc&gt;&gt;?\x8an\xf7\xae\xed\xa1\xbb\x9e\xbf\xc9\xe1\x84E\xd9\x014B\x90F\xa2\x86\x00\xa5\xff\xc7\xb8\xcd\x97\xd8\xfd\xee\x96\x19\x01I\x11\xd6\x04b\xf1\xe7\xf62\xa4\xb5%\x1cJ\x91\x81\xb8\xa8\xb7\x1f\xb4e:y\xcc\x1d[\x9b\x03n[)\xba\x0f\x86\xb74\xc3Q\xfd0\x9ej\xc9\x18\x08\xe8\xfb\x1d\x19\xe0t\xc3ij2\x97\x7f.\x17\x91\xda\r\xe8Dp\xd9\x0c"\x00\x9b\xcdj1\x8a0\x8a:\xeb\xb89\xb7\x89\x1c-\x8bO\xb6\x12\xd6\x0cR\xba2\xa1\xdbK\xda\xf8\x95\xd8\x9f:\xc7)a\xe9f\x9f(\xc82\xd3g\xcf\x10)j\xc6\xe9\xd6?z\xc2w\x92\x02r\xa3&amp;\xb5,\tu\x0c\xc8\xb1\x94\x95\xd7\x14\x8a:\x19;z\xdb+5;x|i]\xa7aD\x16\xd5qj,E\xba\xb4\xdc\x80\x84\x0e\xaa\xd94\x9a}\xf0\x90\x95\x9a\xf2\xa3\xf0o\xfc\xb3!\xd3\xc7\x82\xd4r\xb0}"\xbc8\x92\xd2@P\x86\xb6\x0e\xe7\xb1v\xb0\xa62e\x80jP\xb4\xd2\x06\xcf\x9cB\x18@E\xc3\xd7\xa64\x00-~\x03-U\xa8\xd3\xe4\x80\xc5\xac\xba*\x9b\xe4D\x9b\x9d7\xb2D\xa7\x19o4"0$\x00\xe6nsw1z\xd6\'\xf5b\xb4\xfe\xdd\xea\x8e\xce\x95\x1b\xe9\x8c\x8b\xd1\x96\x12)\x94\xf3\r@nt\'\xa3\xe2\xec\x1e\x10EQnf\xd9\x18\xdf\xf3)\xfc\xa5k\x0b\x82$\x18\xac5\xbe\xadR\xd5\xa7\xc5\x9f\xd31\xa20r1\x83\x7f\xecV\x02w\x15\xdfb\x0f\xca\xc87\xa1?\x00\xb7;\xec\xcb\x90V\nB}\x0fF\xe7\xe6\x93\xb5\xba:H\xcb\xc2\xeap\xff8\x84H\x03\xf6M!\x01\xb0\xd0\x8e\xa7c\x98\x9d\xc1}hKP9\xb1mh\xadA\xc76d{\x95\xdd\xb0s\xc0\xcfr\x91\xac(\x00\xd7[N~_\x04\xf0\xb4\xbe\xb9\xa7\'\x0f\xe21\xfe\xaf76:\xf5\xf6\x82$2M\xe0\x13\x91\xda\x94H\\\x08\xd6\xb0'</t>
  </si>
  <si>
    <t>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</t>
  </si>
  <si>
    <t>b'\x8bc\xc6\xeb\xb3m=\xcc~E\xd8\xa5\xa4cH\xde'</t>
  </si>
  <si>
    <t>to its target level , above XX. Similarly, below XX the current account is in deficit
 relative to its target level.13
 Expenditure-Changing and Expenditure-Switching Policies
 The II and XX schedules divide the diagram into four regions, sometimes called the â€œfour
 zones of economic discomfort.â€ Each of these zones represents the effects of different policy
 settings. In zone 1 the level of employment is too high and the current account surplus too
 great; in zone 2 the level of employment is too high but the current account deficit is too great;
 in zone 3 there is underemployment and an excessive deficit; and in zone 4 underemployment
 is coupled with a current account surplus greater than the target level. Together, spending
 changes and exchange rate policy can place the economy at the intersection of II and XX
 (point 1), the point at which both internal and external balance hold. Point 1 shows the policy
 setting that places the economy in the position that the policy maker would prefer.
 If the economy is initially away from point 1, appropriate adjustments in domestic spend_x0002_ing and the exchange rate are needed to bring about internal and external balance. A change
 in fiscal policy that influences spending so as to move the economy to point 1 is called an
 expenditure-changing policy because</t>
  </si>
  <si>
    <t>b'0E\x02 Q\x89\xd24Q\xaf%\x04[\xd5\xb1\xbe[\xd1\x93[\xbc\xfdS\x98\xd6(\x19N5\xc6\xb8I\x0c;?\xa5\x02!\x00\xf9\xc2-\x82c\xd4\r CA\xb7\xa3\xe7\x0f\xc0\xf92\x01\xfe\xf0\x84\x9a\x83E\x8fT\xc2\x05z\xba\x89&amp;'</t>
  </si>
  <si>
    <t>304502205189d23451af25045bd5b1be5bd1935bbcfd5398d628194e35c6b8490c3b3fa5022100f9c22d8263d40d204341b7a3e70fc0f93201fef0849a83458f54c2057aba8926</t>
  </si>
  <si>
    <t>b'0E\x02 Q\x89\xd24Q\xaf%\x04[\xd5\xb1\xbe'</t>
  </si>
  <si>
    <t>e deep in the Amazon, and we know there
 remains one last earthly frontier in the depths of the oceans. But the unknown seems
 less accessible than ever.
 Along with the natural fact that physical frontiers have receded, four social trends
 have conspired to root out belief in secrets. First is incrementalism. From an early
 age, we are taught that the right way to do things is to proceed one very small step at
 a time, day by day, grade by grade. If you overachieve and end up learning
 something thatâ€™s not on the test, you wonâ€™t receive credit for it. But in exchange for
 doing exactly whatâ€™s asked of you (and for doing it just a bit better than your peers),
 youâ€™ll get an A. This process extends all the way up through the tenure track, which
 is why academics usually chase large numbers of trivial publications instead of new
 frontiers.
 Second is risk aversion. People are scared of secrets because they are scared of
 being wrong. By definition, a secret hasnâ€™t been vetted by the mainstream. If your
 goal is to never make a mistake in your life, you shouldnâ€™t look for secrets. The
 prospect of being lonely but rightâ€”dedicating your life to something that no one
 else believes inâ€”is already hard. The prospect of being lonely and wrong can be
 unbearable.
 Third is complacency. Social elites have the most freedom and ability to explore
 new thinking, but they seem to believe in secrets the least. Why search for a new
 secret if you can comfortably collect rents on everything that has already been done?
 Every fall, the deans at top law schools and business schools welcome the incoming
 class with the same implicit message: â€œYou got into this elite institution. Your
 worries are over. Youâ€™re set for life.â€ But thatâ€™s probably the kind of thing thatâ€™s true
 only if you donâ€™t believe it.
 Fourth is â€œflatness.â€ As globalization advances, people perceive the world as one
 homogeneous, highly competitive marketplace: the world is â€œflat.â€ Given that
 assumption, anyone who might have had the ambition to look for a secret will first
 ask himself: if it were possible to discover something new, wouldnâ€™t someone from
 the faceless global talent pool of smarter and more creative people have found it
 already? This voice of doubt can dissuade people from even starting to look for
 secrets in a world that seems too big a place for any ind</t>
  </si>
  <si>
    <t>b'-J\x02\xb2\xa2\x14JX\xe0\xe8e;\x17JF\x9b\xe8\xccoeWqO\xc5\xa9\x06\x1c\r]K\xe8n=\xc7\xe5\xcbd\x9b\x0b \x91\x87\xff\xe4\xad\xbf\x1b\xd1\xee\xaf\xf1\x7f(\xd3\x12\xa5\x93\x8b3t\r\'\x0e#\x98*0\x90"\xbc\x83l\xf9\x9bS\t\xb4\x06Z},&gt;\xfdD\xf9\xcfo\x15:\x8d\x0e\xcb\xfc\x16|F\x93\x11_\xd6\xd0a&gt;\xf0[\xba\x1fW9\x92\xd1\x11\x80\xa3\xb2\xdb)\xa3\xbb*\xb3\x9f\xf0\x1d\x0f\xa2#M\xd0SUr\x08/\xca\x01\xe9L\xd2\xc4CC\xf9\xb3\xfe!_\xa3\x99\x7f\x99;\xe8`\x84RM\xec~\xd8\x0c\x99S\xe3\x0b{&gt;\xcc\xaf\xc9\xfa\x14\x0e\x9f\xae&lt;\xce\x08\x81e\xe6V\x12y\x9d\xcc\xbc\x11nb\xef\n\xe2~\x06\xef\xcd\x9e\x1c\xc2\xd5\xbdn\xfa)\xd5\x12\x8cx\xbdq;\rG\xcf\x83\x98\xdb\xaaC\xd7x\xf4\x0fw\xd6\x1f\x01m)\x1b{h\xd4\xc4\xb7\xf6gf\xe0Z\xc1N\x89\xde\x95\xde3E&lt;P\x85\x0f\xab\nF\x19\x96\xdf&gt;\xae\x924`\xa2\x954\xfa3\xac)\xb4%\xd0PE!,\x11\xd3\xdcf0j\x13\x10\x96\xe1:oU\xe0\xa8\xbf\x96u\x85\x19]-$Wq\x93\xb9\x0f\r\x90\x0e\xb6\x92\x04\xd0\x17\xda\x0fBf#\x11\xf4:d\xff\x17aH\xb1\xa9KV\xad\xee\xf7y\x9d[\r\xa34HN\xbb\x93\xfa\x1d\x02\xe5\x94)E\xe5o\xfa\xfa\xb98\xca\x956K\xd4\xfdA)+\'\xae\xf9\xf0\xdd\x1f\xaf\xca\xe9\x809\xcd\x1a\xa7\xab\x83\xf1\x94wtD\t\xb5\xa9\xf1\x9b=\xcc9z\xad\x91p*#\x16d\xf5\x14\x077u\x05-t\xec\xeas_U\x9a{\xfd\x10n\x08\x12\x15&amp;\xcd\xc3\x0bK\x8f\xa6\x070\xc6j\xf1\xf4\x8a\xaaz\x06\x9c\x1c\x1a\x84\x08p\x12\xdb\x04\xec@PAT\x8d\xb7\xa4\x84\x85n\xd1\xb7\xf0\xc8\x8c\x19^1\xb9\xa9H\xb5\x8aX\x923\x8eWOIg\xbcb\x7f\xbb\xf8\x16\xa1\x11U;A\xa0\x11\xd6 \xbb\xe8\xf6\x1c\x15\xafm\xcfo\xc55\xa5\x15\xcf^\x80&amp;v\xb3q\xc4\xf7u\x8aU$\xab\xbc(\x12(\\\x82~0g\x1e\x91^I=\x1d]\xdc\x11 \xa1\xbc \x88&lt;\x05\xb3\x0b\x82\x01\xafv\x9a5\x10V\xd2X\xdf\xa6\x8c\xb2\xaf\xc2\xc5_\x02\x8a\x88\xfc\x18\xdf\xb0Y\x1f,\xa9:|o\xa6w\xc4\x1d\x04\xa3\x8b+\xcf\xe0\x94\x91 \xa8J\xb8\xc9u\xbc&amp;\xf3\x1eP\xaf\x1c%\xa9{\xb0p\n\x99\xc9\x85\xd6\xdf\x1c7\xb9l\xb9\xa5\xe6-\xe7\x88\xa8\xef\xf6%\xc2SN\x83\x0b\x1es\xf7\xc5\x12&amp;\xcf\xa6\x9c\xa1\x00%\x87\tQ\xc0\xb2\x03\x96\x13\xb6.\x05\xb9wo-\xed]i\xb1\xd0\x8e\xc5G\xd7C\\\x8a~\x96\xb3\xc5\rN\xfb\xb6\xcd\xfe\xf1\xa1\'F\x15F\xf0\xbf\xef\xfbi\x83\x85\xcd\xecE$m\x8c\x94FM\xc0\xa5\xfd\x1bc\x97\xef\xc3\xe5\xa5Vj\xbdp\xccB\xc8\x8c\x93\xd4e\x1f\xfda\x1d:V3#8\xc6\x92\x0b\xcc \xc8o!\x03\xe8\xf9\xf9K\xd9\xed\x92\xda\xf6+ala\x16\x98\'\xc9vG\xed\xdf\xbe\xf2\x90\x1dy|\xb5\xec\x897\x14\x06;\xbe\xcd\xe7DyezR\xe5\xec\x9bRv\xb6\xf3\x99w/z\x03\xc9\x1f\x02S\xb0\xadc\x13\x16\x9c\xf5\x08u\xf1\x9a\x83OH;\x9f\xb0|\xde\xaaY\xaf\xa8\x08\x8a+\xb8\xab\xa99\xe4$\x9a\x84B"\x8d\xe1\xdd\xf8\xef\x14\xd4\x8b\xa3\x8c\xe9I_l\xd5\xf6\x1b\x0c+\x91\x1e\xa8\xeb\xf2B\xa7B\x08\xf1o\x80Li\xc5 H\xb2\x04\x1a\x89\xc2!j]77\x7f\x16\x87H-\xe1\xe4\'\x0c5\xa7W|\xf8R\xfa\x13}\x0e\xc6\xccMb\x95]M7\xe5c\x9eO\\\x98\xf2@\x9f\xdafx\xd6\xcd\xdf\xd1s\xb3G\xfd\x9e,\xb2\x0ek2\xc8\xc9N\xa6\xb6\xcb\xd9 \xf6B\x8fq\x9c\x1f\xb46\xb9pz\xbd\x158\x12\xe7\x88\x02\x0f;\x9e5\xcc\x98L\xedMa\xfan\x00Ty\xa3\'\x806\x8ft\xc4\xf7\xc5\xb6\x0ea\x9f\x97\x9eZ\xfd\xfe\x91"\xcf\x0c/A\xaf\xeen\xdd#i\xd8\xbd\xda\xb1\x12\xc0!\xe4[p\xbb\xbe\xefV\xdf3\x0cl\x0f\x85P/\x87yE\xe5L\xb4\xe7\x8c\xc47\xc0*\x0b\x8e\xb0\x11\xd8K\xd8?\xf1[\x8aD_-w\xd0e\xe8 \x14\xe8\xa9=a\r\x06(\xf1P\xa12)kUw\xf7S\x03\xc6\x88\xd6\xf5J\xb2\x88\r\xbb\x0f\x8d\xd1.\xbf\xb0\xd3?\xa4\xf2\xcfACX\x18?\xfe\xf8`r1\xccP\x1bV\x07\xacS\x82\xfd\x9c\x7f\x08+*\xba\x0b\xee\xe5\x11\xcb\x8b\x17\xeb\xf3\x80\xadX\x9d*\xed\x1dsr\xe4\xe2\x8c\x1a\xb8\xa1\xe9)\xdfax&gt;\x80\x8fm\xc9\x8c[\xe1\x192\x8b\xb3\x83\x9fl&gt;M\xd7\x99t0\xe0\xd9H\x9d!O;L\x19\xd1\x98\x14\x12\xd6\xb3\xeb6X\x80K4\x03Q6#X\x81\x00\xf9\x1d\xeb\x9b\x1d\xea\\\xb9\x8f\x86!\x19K\xbbVQcW\xd0d]C\xae U~\x16\xc8+\xdc\x12#\x90L[\xe8\\\n\x13&amp;\x8e\xf0f\x95P\x1f\xdf\xc6\xd0\xa0\xbc\xb8~"\xf9\x9d\xfdk\xab\xc2\xa9\xaet\xe4\xbf\xf7\xd9\xeb\xfbo\xbd\x86\xb2\x02\x19u\x10\xb8*\x1dF\xb9\xf4\x836\x05\x05r\x1b\xe9\xc8@=\xf5\n!m\xa2\x80\xdfh]cr\x8f\x00u;\xe6)\t\x0b\xfc\x13`\x9d\x84g\xdf\xbdTMu\xba.W7|\x94`\x8d~a&amp;\x11\x93\xdb\x12m\xd9-1\xf9\x14\x9f\xe9\x8f\xc5\xf38\x1c\xadK\x06\x82\xf7\x07\x8b;\'\xc4\xcdh\xb2\x1c\xef\xdc;?\xc0n9\x1e\x1bXk\xd5\x8f8c\xa9\x14\xa2\xc3\xb5\xc4\'%,d_Z\xd8O\x08^\xb1\x96\xaf\x008\x119\x0cxH\xe9\xc2u\xcd\x1d&lt;8\x12\xd0\x93x\xd7\x98K\xe8S\xc0\x8d\x7f\xae6\x91)q\x15\xa1\x03\x88\x98\xe8\xd4\xef\xa2\t\xb8L\x96]|\x00R,\x80\x99!+L\xb1\x1f\x8d\xc6&gt;\n\r\x7f.\xd2\xd6\x86\x15\xb9J\x0f\xa4r\xc3\xcc\xc2\xbd\'\xfc\x0f/\xa4\xecD\xb86R\n\xa3\xeeT\x8e\xffz\xb7\x1c\x8b.m\xa1\xc0\xa4=\xfd\xb6\xcdV\x17\x8d\x90\xf9$\x94\'\xa6\xf9U`1\xbe`\x9asC?\x11\xde\xf9_\x12Q\x02\xc6\xbd\xacDwG\x1ft\x9e\xbd\'\xd6R\x8dnQ^\xe3s\x91N\xce@\t\x87D\x0f86\xb7\x12\xc7#\x17AP\x14G\xa0\xe7C\xa4\x1d\xd2&lt;\xb9\x85\xb9\xd3-\x83\xaf4b\xe3l\xd7\x93\xe3\xe9$\x9fj\xc0*&amp;\x8f\x1a\xa6\xabS\x8c\x80\xa5\x06:\xda"3\x9b_\xab\xb6lx\xd6"n\r\x7f\x15y\x8d7\x1f\x12Z\xed\x85\xaf\x142U\xe9\xdd\x06\x9c\xe7\x9fZ\xc5\xca{&lt;\x00^o\xd8\x00&amp;r\x90\x8b \x93\xc6\xdd\x8eG\x05#\x1fN4\xcb\x14\xa0\xd0Hf)s\xae@U/JQ\x9a\xf3\xc2aQ\x84\xd5\x01X\xd7\xb6\xc9\x9d\x1dz\xc6|\xbe\x02,H\xf6\x07\xa3\xe6\xc1\x9e\xe8\xa4y#\x94\xde|;\xd2\xad9\x8bO\xff\xc5R\x03O\xaeSf\xa1\xc6\xbb\xc5\xba\x1b\xfd\x93\xb5\xcf\xee\nm4\x0b\x99CBH\xdc*\xbe\xff\xf80@\x91u\xa8\xb3\xae\xa9\xb9\x13\xaa\x00\xb5\xdc\x88\x15\xf3-Gw=\x9bTg2\xa5\xc8R/\xc7\x93\xfd\x85\xa6\\S\xb1h\x00\xf5Z$\x84\xa9\xfa7\x11\xe8\x1d\x10\xd0\xfcu\x15\x95\x08\xa1\xc9\xa8\xd3\x9f$Y\xd7/\x08\x11\xa3\x15\xaf\x99m\x98\xbc.\x17$\xa6j@\xe1\xbaJ\xfd8\xc4\xe8\xa7\xd3!\xe6\xedZ\xd6\xab\xec!\x082\xe2\xeeb*\xb7\xa0\x86\x92\xa6Ge\xa0\x99I\rv#QIK\xf4\xb4\xbdN[\xc2\x11"?(\xff\x14\xf0\x16|vZ&amp;\xdc\x92\xfd\x9eq~\xa0\xd6\xcaz\\\x9e\x16|\xcc5z\xd0\xcbZr\xf1\xe9tV\x0f\x8a\x1c!\x1a\xb4\xf2T]\xc0\xc1%\\\xbe\x19\\\xd9\xb80\xbb,\x17\xa7\xa3\xf5\xa1\'\xa1a\x0c\xb3[\xf6\xba\xb4yY&lt;\x8d\x18\x00cc9!\xbd\xd6\xe9f\xbf\xc5\xa8\xb0\xc9\x8f\x8d\xef\xcf3\xf6\x97\xa3\xec\xc6&amp;\xab\xabBQ\xb5\xee\x92d\xde\x8dZ66\x80\x10\x91&gt;U\xc7D\xe1\x9a\xef\xcf\\(E\xad\x91b\x18\xcb\x1b9\x8e\xef,\x16\xe0\x7fx\x1a\xf4\xbc0\x8a8\xf6\x8a\xa3\xbe%\xd9.]\xd2?Wx\xce\xfc\xb9\x96\x80\xf4\xc1\x0b\x94Q\x84\xeey\xc3\xe0\xde\x90\xf5~\xccX\x8e\x8bz\x85\xa1\x071\xbbK\'\xac\xda4kQ\x93g-\xb1\xe8\x08\xed\xe6VV\xce=\xfaC\x80\xfc\xf7\xc8\xe5f\xd1/\xc6yq\xac\xf0$\x1a\x04\xd9\x15\xa8\x1c\xb64v\x9d\xf5p\xd2#\xfc&amp;\xd1\x1c\xd1\x8eV\x11\xfax\xad.*\x16\x83&lt;\xf6\xbd\x0cJj\xebe\xa6\xd2\x01\xc5\xcc\xb2Q\x89f\x08\xf5\xed`\xd6\xf6\xaf\xb1\tS\xbd\xe76/\x05Z\xd5\xc3\x8d\xc7\xa1q\x1b\xdcq\x12\xa4\x11w\xc0\x1565b\xeds\xd9\x16\x90\x0e\x8d^5\xf1\xc7I\n\xad~\x83r\xc14\x87\xbcTb\x94\xf7\ry1\xbc?B\xfd\xef\xef\xc1Dg\x95D\x97\x00\xe8\x15=*\xef9&lt;S\x04\x94?\x0cS\xcaI\xe8+hKG\x8e\xed\xdb\xf6\xf0\xc1\x08\x8e\x86\x0e\xd9\xd3\t\x83\x8f\'\x1b\xb9\n\xdej`\xa9\xb5\xe6\x1d\xeb:\xa5\xfb\x1d\xb1&gt;1W\x15\xbe\x04+\xc6~I-\xd7\xfeL\x05z\xc3\x94+2A\x9a\x1d\x82\xd5\x14\xd7\xf5q;\t\xe3\x03\',\x94\xfe\x13\xa9)VG\xae\x9bl\xd7 )\x88X\x19\xeeCf`\x1f&amp;\xee\x07\xf4K]9h\t\x87\xdeT\xa8\xfb\'&gt;\x9d\x15f,\x8c\x0c\x95\xc8V\xd4\x84\x81Zz\xd35\x80\xf8\xcb\x11\xf6'</t>
  </si>
  <si>
    <t>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</t>
  </si>
  <si>
    <t>b'-J\x02\xb2\xa2\x14JX\xe0\xe8e;\x17JF\x9b'</t>
  </si>
  <si>
    <t>predictable, on average, on the
 basis of past information. A number of researchers have found that forecast errors, when
 defined as above, can be predicted. For example, past forecast errors, which are widely
 known, are useful in predicting future errors.12
 The Role of Risk Premiums One explanation of the research results described above is
 that the foreign exchange market simply ignores easily available information in setting
 exchange rates. Such a finding would throw doubt on the international capital marketâ€™s
 ability to communicate appropriate price signals. Before jumping to this conclusion,
 however, recall that when people are risk averse, the interest parity condition may not be a
 complete account of how exchange rates are determined. If, instead, bonds denominated in
 different currencies are imperfect substitutes for investors, the international interest rate
 difference equals expected currency depreciation plus a risk premium, :
 (21-4)
 (see Chapter 18). In this case, the interest difference is not necessarily the marketâ€™s fore_x0002_cast of future depreciation. Thus, under imperfect asset substitutability, the empirical
 results just discussed cannot be used to draw inferences about the foreign exchange mar_x0002_ketâ€™s efficiency in processing information.
 Rt - Rt
 * = (Et+1 e - Et)/Et + rt
 rt
 ut+1
 ut+1 = (Et+1 - Et)/Et - (Rt - Rt
 *
 ).
 ut+1
 ut+1
 ut+1 = (Et+1 - Et)/Et - (Et+1 e - Et)/Et.
 ut+1
 Et+1
 12For further discussion, see Robert E. Cumby and Maurice Obstfeld, â€œInternational Interest Rate and Price Level
 Linkages Under Flexible Exchange Rates: A Review of Recent Evidence,â€ in John F. O. Bilson and Richard
 C. Marston, eds., Exchange Rate Theory and Practice (Chicago: University of Chicago Press, 1984), pp. 121â€“151;
 and Lars Peter Hansen and Robert J. Hodrick, â€œForward Exchange Rates as Optimal Predictors of Future Spot
 Rates: An Econometric Analysis,â€ Journal of Political Economy 88 (October 1980), pp. 829â€“853.
 614 PART FOUR International Macroeconomic Policy
 Because peopleâ€™s expectations are inherently unobservable, there is no simple way to
 decide between equation (21-4) and the interest parity condition, which is the special case
 that occurs when is always zero. Several econometric studies have attempted to explain
 departures from interest parity on the basis of particular theories of the risk premium, but
 none has been entirely successful.13
 The mixed empirical record leaves the following two possibilities: Either risk premi_x0002_ums are important in exchange rate determination, or the foreign exchange market has
 been ignoring the opportunity to profit from easily available information. The second
 alternative seems unlikely in light of foreign exchange tradersâ€™ powerful incentives to
 make profits. The first alternative, however, awaits solid statistical confirmation. It is
 certainly not supported by the evidence reviewed in Chapter 18, which suggests that steril_x0002_ized foreign exchange intervention has not been an effective tool for exchange rate man_x0002_agement. More sophisticated theories show, however, that sterilized intervention may be
 powerless even under imperfect asset substitutability. Thus, a finding that sterilized
 intervention is ineffective does not necessarily imply that risk premiums are absent.
 Another possibility, raised in Chapter 14â€™s Case Study on the carry trade, is one of
 expected large but infrequent reversals in currency trends that standard statistical tech_x0002_niques are ill-equipped to detect.
 Tests for Excessive Volatility One of the most worrisome findings is that statistical
 forecasting models of exchange rates based on standard â€œfundamentalâ€ variables like money
 supplies, government deficits, and output perform badlyâ€”even when actual (rather than
 predicted) values of future fundamentals are used to form exchang</t>
  </si>
  <si>
    <t>b'0F\x02!\x00\xd3\xcf\x9dA\xea\x9f\xa6\xe5\x01\x1fR\xd6Yz\xdf\xcd\xc3\x98r\xff8\x17-\xcaq\x89\x04\xcf\x99u`\x97\x02!\x00\x92\x13W\xe0\x0b\xe4p\x180\x81\x101}\x82Z\xb7\xf5\xcc\xaa\x85\xcf,\xa14\xc7\xf3\xd7\xc9\x84\xbb\xe5i'</t>
  </si>
  <si>
    <t>3046022100d3cf9d41ea9fa6e5011f52d6597adfcdc39872ff38172dca718904cf99756097022100921357e00be47018308110317d825ab7f5ccaa85cf2ca134c7f3d7c984bbe569</t>
  </si>
  <si>
    <t>b'0F\x02!\x00\xd3\xcf\x9dA\xea\x9f\xa6\xe5\x01\x1fR'</t>
  </si>
  <si>
    <t>rk finally starts to pay off. Itâ€™s when sales start to increase exponentially,
 and every product you release creates a multiplier effect. New customers start
 to find you organically, and the million is so close that you can smell it.
 You have proven that you can take a product to twenty-five sales per day,
 and now you need to do it a few more times. Remember the formula: Three
 to five products at twenty-five sales per day is a million-dollar business.
 Your task is simple: Release more products as quickly as you can
 comfortably handle, without getting distracted.
 From One-to-One to One-to-Many
 My mentor, Travis, once told me something that most people donâ€™t realize:
 Everything youâ€™re doing in business is really just audience-building.
 When you release that first product, youâ€™re building an audience of
 customers. You have to do all the things we previously talked about: build
 relationships, reach out to influencers, and kill them with kindness until they
 voluntarily give you feedback and reviews. When you release the second
 product, your audience is already primed and responsive, and they will
 reward you. They bought from you once, and they are likely to do so again.
 At this point, your systems start to break because you are the systems.
 Even the most well intentioned business owners may have trouble keeping up
 with the number of customer inquiries, the comments, and the number of
 customers coming in the door. That forces you to make some changes. You
 want to continue doing all that outreach you were doing pre-launch, and
 continue to build up your consumer base, but now, instead of talking to
 people one-to-one, youâ€™re talking to many people at the same time. Youâ€™re
 engaging with an audience and still building those same connections, but now
 youâ€™re doing it at scale.
 Youâ€™re talking to your audience as a whole rather than to each person
 individually. In addition, you now have a network of fans that can help you
 with promotion. If you havenâ€™t already, start taking screenshots of positive
 reviews and sharing them with your audience, or get your customers to do
 video testimonials and run them as ads on Facebook. Every customer
 testimonial can be used as content for your audience, and every post of
 someone holding your product or making a video review can become an ad or
 a social media post. Your customers are creating social proof on your behalf,
 rather than you having to create it all from scratch. Using it at scale is
 powerful.
 Every influencer that you previously connected with is watching your
 growth. If your first launch went well, and youâ€™re getting positive reviews,
 then it validates other peopleâ€™s decision to take a chance on you. Take
 advantage of these networks. People are highly influenced by others, so
 continue to share positive reviews, glowing emails, and every ounce of
 publicity you receive. All this will feed the pre-launch machine to set up your
 second product to be a hit.
 Remember, the more external traffic and sales you can send to Amazon,
 Kickstarter, Walmart, Shopify, or wherever else you are taking orders, the
 more that those big machines reward you. It is more important than ever to
 continue to document the build-out of your company, talk about the decisions
 that you make as a team, and keep the attention of your followers and
 customers.
 Developing Product Number Two
 Choosing what to roll out for your second product should be an easy
 decision, but many people screw it up.
 The biggest mistake people make is trying to pursue a second niche
 market with their next product. Your second product is always the answer to
 this question: Whatâ€™s the next thing that my first customer would want to
 buy?
 To know this, we go back to the group of products your customer already
 buys. If you donâ€™t know what your customers want next, then you entered the
 wrong business, or you got so wrapped up in your first launch that you lost
 sight of the brand. Thatâ€™s why it was so important to identify the three to five
 produc</t>
  </si>
  <si>
    <t>b'\xe6\xbc\x97\x05\xb1e\xd2\x8a\x87?\x94$Z\xa1\x9a?|YJ\xf5.\x90\xae}+\x82\xad\xc5\x04\x01\xc3\xe5+\xa2v+\xa7\r\x16\x8fk\x7f(\x92\xfc\xaf)\xfb\xf7v\xa0\x1dj\xdf\xe7T\xf1\xd3\x00^*\xf2\xbc\x16/\xe2\xf2L\x8f|\x98\t\xc1Cm\xe0&amp;\x8bm\xec\xc6\xe1Ps\x94\x0em7+1\x15A\xd9\xf0\x1aI\xf3\x9a\x19\xf2\xda|\xb2\x8eA\xed$\xd6*\xa3\xf9?\x02p+\xf7\xfb+\x0e\x97aZ"\xd7\xdf\x88\xc3\x97\xaa$\xfc=P9De\xc2~\xc5\xf0\xce\xae{\xbe&gt;ej\xd7\x01!I?\xa7\xe9l)[\xfb\xf7"\x80\x0e\x16\xef\xda`\xe6a\x1f]vI3\xc5d\x90\xee\x86\xa9P\xd2{\xcc\xa2\xe5\xdeI0\t\xa6\xb1\x061\x0e:\x1f\r\xb3\xe9\\\x87\x142\x82\xdb\xbeT\xcc\xb4\xab\x1eE\xe2:\xaau:\xed\xe1w\xb5Gq\x88\xe6\xd5((\xf0w\x17\xfbss&gt;{\xcc\xb9\xee\x12\x9ev\x84\xda\xe8C\xa4\xe9\xa4\x14\xd2_-\xfe\x0cy\xf7Y ;&amp;\xad\xa3\x0e2\x97\xfb\xab]?\xe5%K\x87\xac\xf9qZ \x8f=\x98\xc1\xe3\t\xf9\xda\x95\xf96\x14\xa0QA\x9alO#\xbe1\x7f/}k\x15\xcavU\x00\x0f\xca\xa7\x941\xfc\x05)\xd8\x80\xf3p/4\x00b\n\'\t\xde\xd2\xb4L\x9e\xb6\xa3\xce\xac\x84"\xa7\xe4\xc9\xeb3\xfd\xb1iI\n\nY\xdb\xf5U\x87?(\x8f_M7l5\xa6\x16%\xe0\x96 \x0c\xb9\xd4S\xc9\xf3\xe9\xdb\xb3\x06\x1a\x9bj\x92&amp;\xcc\xcb\xfa\xc6,M,%\xb1\x86\x86*\xc3\xe6\x08^&gt;zM\xbc\x9by\x9a\xc9\xebP\xe6]\xfc\x19\x07\xf2\xb5\xd2\xb1\xd5%QN\xf7\x80\x1c\x1c\xc9\xc4\xa4\xaf\x04{Jb\x91\x8b\x9d\x02\xce\xa6+\xcb&gt;\x136)\xf3\xaaC\xa3\xbe\xde1\x0e1\x9e\x10\x95\xd2\x14\xeb4 \xe6y\xc3\x87\xc1\xe6p~\xa3\x9eU`\x101\xd9\t\xefD\xc4\xd5\\:\x83x\x19\xfd\xd7\xa7\x18\x8d\xa7R \x15\x1b\xa2"\x83\x0c\xfeR\xab\t-\xe5\x9e\xbc[g\xf4\x03\x15e\xe0g\x92\xed\xf6\xb2\xd5\xbe\x88\x93O?\x99\xf6~\xf3\xfb\x80y\xdc\x92\x97\x86K\xb7\xcdQ\xf2\x0b\xe0Ee~\xc7\xbd\xdd\xbd\x99w\xb7\xd4Z\xa2\xdfc\xbe\'Dc}H&gt;d\xc1x&amp;\x98\xe5c\x94Ci\xc7\x0f_\x80C:\x861\xc4\n\x86\x00:\x98T\xfa2K\x02\x17j\xcb\xb7@\xf04\xd1\xb5d\x91\xc8*\xb9J\x14Z\xb2R\xa7\xc9\xa5\xcc\x1a\xc1\x8a\xc8!:\x1aDe[\xac\xbf5\xa4 \xb1n\x88\xe8\xb12\xf4\x15\xdapz\xffd\x84\t\xe5\x16\xb8&amp;O&lt;=\xdc|\xca\xd1=0\xd2\xd7\xb4\x0f[b\xa0A\x9ee\x85\x13\xbez\x15\xd3\xd1\x1b\xab\x0e\x05\x0fk\xf0TBTmW\x8c\x8a\x9at\x0b \xef\xa8\x12\x9aM5\x8a\x8dZ\xc9]\xc80\t\x9a\xc1\xc2\xc0\x9e\xb3q.%\x81\xd1\xf2\x8eakU\xfcf4\xc0\x8eQ\xd6\r\xcc\x85\xee\x1f\n\x17\x80\x91M_\xc3\x1e\x8b\x8b:\xf6T\xfc\x9d\xa6\xa8\xcd\x0c\xca\x1c\xc2:+wii\x00&gt;\x0f\xddu\xdau\x9a\x11\x9e\x9f\xc4\xd9\x10m^i8F\xf6\x86ZD\x84\xdc\xb9tj\x97\x18v\'+&lt;x\xcd\x9d\x9b\x86Fii\xf1?\xa0&gt;G\x99\xc4\xdf\xd8a\x15B\x92\xb68\x1f\xb1\x94\x00\xe6\xb1\x03g\t\x10\xd0\xdas\xc8r&gt;\x90\xe28I\xa9\xb3\x8e@\xc4\xfbG\xeey\x82\xf5\x1a\xca\x94\x82\x05Edj\x93\x943\xde\x8c\x8e=\xc2Y\'!\xe0\x91\xe9\xe4a\xdbUm5\xeen\x7f\xa9\xfa\x1e0k\x04\xa7\xc7\xf2\xe3J\x8f$\x18\x9b(D\xf8\xae`\x84\x18\x1d\xfc\xbd\xc4\x96f1?\x97\xe8\xc7\xe2\x8c\x8bl\xfe\xae~Q\x8d)\xeb\x8fe\xd4\xaf^\xccP\xc2e\xbc6\x14S3|}\x84\xd9\xa1X\xb07\xd5\xd5XT\x90Q\xdd\xff\xb3\x86h\x1c\xf5/\x87\x11u\xa8\xe35#\x0c\x982\x83fo+&amp;\xd1m\x925d7\xd8&lt;\nm\x81T\x03h\xd1\xf6\x80\x10\xfb:\xec\xd7\x02b\x96\x1b28\x88t\xba\xdf\xfe\xab\x87\x8f\x9c)=zI\x05~A\x14\ny\xbbD\xf4u\xf1\x9c\xc9U\x8d\xc6\xb31*\xf4\xfc\xc9a\x9f\xb4\xa6\x0e\x97\xac\xf4\xaeK\\\xc5\xc5\xf6\xa3\x9c\xb7\x02\x16\xb0\xac\x1cg\x08\x03\xb3\xd7\xe0\x82|\x951\x94\xaf\x9c\x92J\xa8\x86\xe4\xa8\x91\xdfP \xda\xa3)\x924\xc5\xa2\x8e\xc7%ml%G\xe7\x00\x1f\x17wv\x07\x8aDE\x87\x10\xac?\x0b4F\x89\x02\xddS\'\xec\x9a\xcf(\x91\x18I\x89\xe3 \xb0\xbeN\xfb+\xea\x02\xf7\xb5\x94\xc2\x8d&amp;\x053\x00\x93\x9a\xa6\xdeW\xa7 \xd3\xbd\xa3\x04_d\xc2\x9e\x1b4\xd1a\xb6B^\x82\x7fxo\xf1\x9c\xd3O\x0c@\xbc\xe7\x94\xc0\x18\x1c\xce\x0bV\xc7\xd3O\x00\x93b\xcf\x91\xeb\xb3\xc8,V\x0c\xc1\xe4\x1b\xec&amp;0-\x9aX5\xdb\xa90\x1b\xb8\x9a\xaa\x10\xbc4\x19\xb2\x1fxk\x8b(\xe8%\xf4\x05\xd8HD\xda-\xe5\xc2\xe5\xe0\xc18\xeb\xd8\x08#}\xdegk\xe9f\x96\xfd\xcd\x8f\xb9\x8c\xf03\xddp\x7fKs\xa0\'u#\x16\x91\x9dA\x81\xc4\xc4\xc5Y,\t\xec\xae\x04\xe1W\xc2d\xed\xb8z\xaa\x06\xf0\xf2E\x01\xb8J\xfb\xec\xc6\xba\xf4\xb0\xf8\xfc\x04B\x04Zm\xd0\x0f\xac\xc1VT\xff\xdb\xd1d\xcf\xfb\xd0\x8d\xf6\x85\xb8\xe0\x88s\xf1\x0f\xf5z\x0fD\xdfg\x1d\xb0\x876\x19\xbdJ\xbc\xc4\x14u\xfeD0\x87\xc8s\xdc\x9e\xda1\xcb|\x8fv!\xa6\xc9V\x0e\xf5W\xa3\xa0^\xe0\xf2^nFI5-Z\xec\x1b\xa2\x0f\x85\xd36\x94?&amp;&lt;\xc9"\xc7 e&amp;C\'\xefu\xab\xad\xa4\x17\xbe\xbb\x9f\xea\x01\xd7\x02\xc5\x00]a\xff\x8e\x81\xcb\x05\xe3\xcf\xdb\t\xa0\xcb\x94\x10\x1f\x8d(\xd2\x07\xbd\xd43\xee\xde7/\xba\x14\x86\xfc\xb8\xb4\x05B\x07\xcd\x96\xb5\xa6\x18\xbf}\x120=P\xbb\xe6\x16\x1ao$`\xb7\xa2\x0c(\x1cx\x923\xcfN\xed\xbf\x15yj\x95P\xf2c)\x95\xa2B[\xd9\xa8\xac,&amp;\xbb\x02\xfbM\xa9\x13q=\xc4\xc1\xa6\xc32\xf5u?J\xe8\xee\xb0R\x93\xc2j\xccU9\x1a\x19\xd1\x0f{"q\xc6\x03\xdae\xb2\x9e\x86\xd7)\xa0 \x10\xe8b\'\x8e\xf4f\xde1\x8d\xbcN3\xc1^!\xd53\x91R\x82\xb0-\x0f\xc9\x89\xado\xb9\xdb\x97(P|\xd4r\xc2\x80\xef\x9b\xb5\xfa,\xa7\xdc\x90\xc5\xe6#)\x9eL\x85\xe1\xb2(oHh\xcah\xff\x11\x84gt!\x8e\xe1\xcdj8l\x93r\x86\xaa\x9c\xd8\xc6\xf6\x85Nmaq)X\xb7\x86\x1d_S&amp;n\xff\x03\xfa|\xb3\x9f\x91\x0f\x88\xeb[\xe4\x99\x90\xe4\xf4\xecV\xf4\x8dl\x84&amp;\xf2\xf6U\xa9\xce\xd3\x04-rhC\'c\xb5\xf1\xe5\x04|\xb4\\\xc2\n\x89\xb8^\xc9\'i^\xdd\xf9\xdfJ\xb4\xd1U\x8e\t\x03|r\x85\x00\xb2\xac\x80\x83Q\xd1\x91&amp;\xc9\x9d\xb2\xf2\x9en\xbd\xeb\xdb".\xde\xc1\x93\x05\x8f\xed\xddY\xeb\xbaQ+Q\xdd\xe5\x17#\x8fG\xf4TL\x13\xacr\xe6\x9d\x82\x7f\xc5V\xda\xa8\xed\x1cL;K\x13\x0e\xe3k\x98\x06M\x92\x7fS\x92U\xf5}NX\xeb\xfc\x84\xee\xd5F~\xe6\x97\x90R\xe5\xc9\xad\x85\xb0y\xeb\xe8qM\xf2\x06$\x8d\xe9\x10\xa5\xb3\xc5\xd6\xd7\xfb\x82\xfbP\xf5\x97\xa0\x07y\xabX}^ \xab1\x9bc\x87\xba\xf6\xa6o\x00f)\xab\xf5\x97\xed\x8aM|+\x1b\x14g-\xdb\xea\x85p\x1fK\xfe\x13]l\xd9\xb9^\xa6\xc0\xd9[4H\xc1\x1f\x85&amp;\xf7\xd2\x0c#\x00*G\x84\x7f[\x14\x10\xfa\xeb&amp;\xfaGkQ\x82g\xb9\xdbB\xa8\x94(\xc3%\x96\xe1k\xf8y\xa8\xd9&amp;\xe6\xd7\x91k\x05\xb9\x7f\xd9im\xe61\xcb\x1325\xba\xe4\xc1\x9bT\x10\'c\xe8\'\x81|\x19\x81\xa1k\x87\xc3\x7f\xe4\xaa\xe7\xb9\xa7\xa3\xfcQi6\r\x8dq\x9c*\xe3\xf0\x9dsy\tB=\x85h]\xa9\xa8\x8c\x8f\xa2J\n\x1b\xb3!\xd7u\tT\xa7\x1a\xdd\x85PB+\xbcl\xa1\x926\x08\x8du\x02\x08g\xd6!x\x1e*\x9a\x05{\xe98\x98\xc1SSr\xb7\x7f\xae2:\xe7\xbd\x00\xab\xa1\x7f\xc4{+\x14\xe2\x9b\xce\xe0w\xd3g\x1b@M\xc9\xdf\xcb\xf8\xcfX7\x00\xf5\xeca\x82{\x11\xcf\x9c\xb0\xb4[s\xc3\xad\xc4\xe9a\x92w\x9e\x99\xea}\xf4.r\xf9u\xab\x8e\xa4\x19\x87\xccE,77\xf4\xcb*\x1d\xee\x1c\x14;\x90YX\xbcF\xf0\xeav\xeax\x8dr\xda5\xc2\xc5\x99G"\xd0{\xa2xr\xac\xa5\x07\x1a\xbf-}\xaa\xdc:{3\xe3Z`J)\xc8\x1aG\xfa\xeb\xf4\xd2\x976\xa5^LiK\xaf\x7f\xf4d\x05l\x14`\'S2U7{\xc9\x01\x14]t\xa6\xe4\x17\t^\xd4\xfc\xe7\xd23v\xfe$t\xe99\xae\xecV\xab\xdea+\xbb\x90:\xbeKi\x06R\x1d\xa4\x7f\x14\x9da\xfb\xb6\xba\x13\xed\x94\x83\x1f\xe0E\x19\x90\xfeH2M\xb3.\x08%\xf0\x18/]\x03\xd9\x17W\x97\xeb\xb3\xad\xc8\x00\xc9\xafr\xbb\x83%\x11\x9f\xcf\xf1\xd1k\xeaa\x9cv$\xeb\xdb\xe9\xf3\xc6\xd5\xb4__\xe6w~\xb2\x08\xcd3N\xbc\xb0[.s\xe6\xff\x14\xdb\xf1`g\xc4J\x8aA \x99\x0e\x9f\xf6\xef\xf7-2#\xf7g\xb4\xc4h\xaf\xbd\xcd\x11\x12\xad=\xdf\x9b\x11\xf2\x04\xc0\xa3\x08\x9aHd\xc0\x1d?\xb5\x9a\xb4w\xc3\xbeD\xbe\x1f\x9a\xb9\xe9\xde\x8bj\x9bN\x99s\xcb\x82q-\x04\xbd\x17\xa5G\xbe\xda\x03\x06Glz\xaf\\Vr\xdd\x1d\xb0Yl\xf4\xe5\x12D\xd9\xbbA\xff3(\x88G\xfe\x0f\xd7\xb0\x18z\x83\xa0\xbb\xc7\xc9o*+f\x16\xe1M4\x83Aw\xb7\xd8PF\xc8\x15h@l\xc1X\xa6&lt;^\x08\x98!\xe3\x8e\xa2l\xb0ZC\xac\xc7\xd6\x1c%\x1c&gt;\xb9)\x99\xcaS\x94p*\xec\xadr\x80\x9a\xf0\xc3\xa0\xd3\xb23\x16\x1b\xd9g\xf4\xf2\x8d\xe4\xe9\xd3\x7f+\x1b\xc9W\x7f\xc9\'\xe0\x86\\C\xb6[\xab\xd8\x94,5\x9drL\xadR\x95Z\xebrC\xdf\xac+\xaa&amp;A\x108f!B\xff}\xef\x89K\xda\xb2\xd8\x1c\xa3\x12Wg_\x17#[\xad\x8e\x88\xac)O\xe5i+?@h\xc0\xaa\xd6\xd1\x99S\x00\xde\xf2\xcek\x86\xceCK\xd8~\xc3})\x00\xbe\xc2\xbe\x15\xf5\x1c\xfa\xf0Y.\xcbj\xbc,\xa1\xc8y1\x83e\x890\x0c\xc2\xef\x8d\x80\xdc\'\x05\x8cV\x0c\xba\xac\xae\xa9\x16\xc2\xf5\x17\xb3g=\xb8\xbc\xcb\x02Du\xc1\x073\xab\xf0\x1b\xac\t\x13\x16\x11]Q\x05\xdc@\x17\xfa\xfd\x8f\xdf~\x91aL\xcf\n\xcb\xe5l\x12\x9e`\x95\x96^\xf2\x8e&lt;,\x05\xb8NL\xb3\xf2r\xee\xb9\xb8y_K\x07\x11^\xa2\x01\xa1\xe2"\xd2{\xa2u\xafF\x0bZt\x89\xe5J)\x9f\xff_\xebU\xc7\xca\xf2Q\xd1\xa39\x11%\xb7\xa6\x1c\xeb=+-\xfe\x95\x13]\x18\x9c"\x0fd5\x85\xd7\x91_s\x05!S}H\x1c^\x01vF\xa6wo\x14zh\xc3\xe2\xd5\xde\xe7X\x0e\x8c\x0f\x15ip|\xb7\xd8!\n-Wn\xb0e\x04=8\xd1\x03\t\xdf\xb3\xbe\xde\xab\xee\xf8N\xaaJM?\xe6\x95&gt;\t\xb1\xf8\xa4\xf0\xb4Fz\x81\x82\xf1\xc6o\xf6n\xb4\xa1\xe6j2P},\xcc.A\xf4\xf5F&gt;[XQ\x03eY\x13\xb0_\x82\xfd\x00\x1cY\xb4Qu\\6\x17\x9dw\xe6\xd5\x99B\xdfd\xda\x89\xf5\xe2F\x86h\xdc|\x8dMT+\xd2h\x97Z\xc1\x90\xe7\x15\x97\xc6w\xa5\xa4a\xf1Lk\x15y\xa8\xf6\xb6\x01Yk:\xd6\x8bV\x1e\xbfIa\xb3C\x9c\xc7\xed\xea\xe0\xcdzx\xb1pA\xf0\x1c\xe1k\x9bY\xe9\xc3\xe3r\xaaI\x87\x8b\xb6\xfa\xb8\xc6:\xae\xc8\xd2H\xba\xa2)\x94d\xdc\xdb\xc9\x0c,\xe7Y]\x96\x81z\x12{2\x96\x12\xba\xe4P\xab\x1b)\xee\xbd\xb5\tD\xfdE`\x85~\xb2\r\xaf\xef\xa4|\x1b\x1f\xc0\x1b\x1e/\xee]\xaba\x9f:G\xb0\xa3\xc9\xb6\xbf]\xe3\x1d k\xd3\x9d&gt;M\xdf\xeaGj\\\x0b\x16X\xd3\x06\xcfQtbi -rxC\x06\xebt\xac{\xe3\xbd\xacdp \x7f\xf8\xfb\xed\xd0\xd3i\x06&amp;\xf8\x124~\x007M\xcca\x88\xc3\x1b\x10\xd6\xbe\x0cP\xb0\xac\xc2\xaf\xe2\x82#6MR8\xbb\x94\x96O\x96!\x9bC\x97\x7f|\xdd,Z\xeb\xe3\xa1k\'\x10\xd8\xc4dyHS6q\xca\xc3\xd8\xe1\x97\xd4\xdb\x83\xba\xed\xd1\xcdV\xf3\x1a\xfe,\xf2\xcb\xf3\xbe\xaf?jJ\x1d7\xfb\x15*\x12\xdd{F\xe0\xc4``\x1cG6v\xa5\xfd\xe2\xa9\xfa\x99\x9f\x97\x95-\x04\x14\xbf\xc4\x80\xc2\xf5bb\xdb\xd5F_\xd9\x1a\x8f\x86\x0f\x1b\xeb\xdc\xf2\xd8.\xea\x86a\x01\xfc\xb7\xf9y\xb6o\x96]\xf6\x1c\xa0\xe3\x85L\xea\xf0\x1e\x01\x1e!\xb6\x83\x87\x94\x0bx[B\xc1\xdcD\x0b\x9c\x1b\xac\xa4\x80\x87\xc6\xb0\x0f\x93\xe2^#\xa0dTk\xa0@|9\x83\x86\x0b\xa5X\xa8\xa9\xa9\x92\x93\xf2}\xaae \xbe{\xcf\xec\xd2\xcf*57h\xd3\xc1\xc3\xbdJ&amp;\xa8O9\'\x90\xd03\xa0R+\xdf\x7f-!\x02)\x08\xbd\xda\xb3\xa8\xfbs\x19\xbf\xf5\xa5\\\x01\x98XS\xcd\xf1:\xa6`Y\x92\x94Avpc\n\x89i\xbbM\x0f\xfb\x9b\x91\xbd}\xfd\x9a\x9b\xef\xe9\xee\xba\xa7\xfe+\xe3\xc7]\x16\xa14\x88$\xebM\x95\x13\xc7b\xeer\xe0{\x06J\xb4\x1e9=\xeaS\x82\xb2\xd2\xf0\xd9\x7f\xda\xf8\xe3\x14t\x7f4\x82[U\x83\x8b\xedw\x17\x7f&lt;\xc3^\x0b\xe7@\x08\xfaY\xdb]Ym9\x06\x92A\xe6\xb0A\xaeO\xb7\xfa\x93\xd4N\xae\x87\xd8j9\xa8P\xef\x1b\xed\xfc\xbeHf\xe7\xe7\xd3\xe8\x88w\xa4\xc7i\xa1\x91nS\xe0\xab{\xad\xf4\xb4\x85\x87\x16\x18\x97\x91\x10\xdf\xdb\xc1:\xff\x92u\xc6\x9b\xf5\xf1;\x89\xecN\xd7V\xf1I\x96\xba\xa6AY\xa1\xfb\xef\xbc\x1bd\xcc\x03\xbeb\x89RMVv\xba\x01\xc97\xcb7iv\xe1\xe1.72\xd2~\xc6gQ\xca\xcd\tc\x14P\xe6\xf4\xa2\xff\xe7^*\x05\xe9\x01\x01\x93[\xbb\x01\xca\x0c\xf3\xac\xd4\xc3\xa6\xb7k\ry\xd8[\xc9"\xf6&amp;#\\\xa8\xcc\xf9\x9d\xb4\xf9\xd3\xa3\xad}m\xbef\x1aa\x02!\xaa\xe3*\xbf\x14\x8c\xdd\x15Z\xec\xb0\x8a\x9a\x18\xec:\x10\xc5)\xc3O%W\xe1\xfb\xa4\x89!\xc4\xb0z)\xc7\xb1\xc7\xee\x87\xf8\xd3\xc5\xe5;\xa8\x9bq\x19F\x1cX?\xbbw-5\x97\x8b\x10U\xbc&gt;Tf\x8c/\xac\xe1x\xe5W\x93\x8am \x8b_\xc9A\xc78\x04\xdf\x9f\x9aE\n\x1f\x9b\x7f\x1e\xc16\x10\x97\xe2\xcd &gt;\x12\x16K\xac\xa3\x95x\x93u2\x1d\xf0\xee\xd8\x14\x87l\xfa\x1aa\x9a\x99O\'\xbd\x1c\xb3t\xcdD\x96\xa5,\xc9\xf2e\x98\xb3\x92\xe44\xcfd\x01}\x98\x0f\x7f\x85ql\xa4&amp; \xfa\xa7Vl\xd7\xbcl\xa6W\xaa\x16/\xa2/\x84\xb4\x16\x88\xa2\x9d\x89\xe3\x99\xf9J\xb8DT\x07ON\xc2BH\x830\xc0So\x8b\xd8\xca\xa5\xaf\x0cb\x04,\xcb\xec\xcb\x96d\xda\xdf@\x12j%\xac}\x0baP3\xcb\xdf\xfaJ\xd3E\xbd.\xf5\x14\x8e\xbbb\x08\x1f\x01\xc4e\xe9\xcc\x8a\xec\xdf\x1c\xb6#\x80\xf4\xea\xf2\xcc\xc1\xe6\xaf\xaf\x95-\x1c\xef\x83\xeaY\xd9P\x94s\x10\x04\xe1\xfc\x10\xc0\xf2\xd5s\x83\x0bE\xd0\'\xe2\x9dH\xd1\xb7\x8a\x83\x8f\xed\xf36\x0c\xcftF\x19U\x12\x89\xa2\xeb?KmK\xc2 j\xbe^\xbd\xeb\x0eQ\x8c\r7\xba\x84\x85\x10\xe2\xe0\xacL\xc9\xbe\xbf\xc1\xda\r\x1c+\x93\xff\xcd`\xb9P\xd8\xc4\x07n\xae\x19^\x931\xa2\x9a\xf0\xf2\xce\xfe\xcc\xeb\xa7\xe7\x10\xcb\x8f\xc4\x9dH\xe8\x08\xd1\xf6\xec\xdf\x10+0e\xbd\xc1\xb9A\x0c#\xac_\x13SW(\x18)!N\xab\xd9\xe6Z\xe00P\xfbY\xf6\x12C\xcc\xa2&amp;k\x86%\x11\xa0\xc0\xf5\xaa\xc0\x0e\rj\x16\x17\xd11\x80&gt;\x82\xbdV\xf3\xae\xf5\xb90P"\xa1fH\xf3rmE+p\x04\xf4\xdb\xe6+\xa8\x85\xd6)&lt;\xee\xec\x17[\x17\rK\xfc\x0f\xef\xb8\x81U\x0e\xec\xee\n\xfc"'</t>
  </si>
  <si>
    <t>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</t>
  </si>
  <si>
    <t>b'\xe6\xbc\x97\x05\xb1e\xd2\x8a\x87?\x94$Z\xa1\x9a?'</t>
  </si>
  <si>
    <t>orresponding
 gain the â€œmidband gain.â€
 11.2 High-Frequency Models of Transistors 517
 H
  Ï‰ Ï‰ L Ï‰ H
 Midband Midband
 Gain
 Figure 11.19 Typical frequency response.
 11.2 HIGH-FREQUENCY MODELS OF TRANSISTORS
 The speed of many circuits is limited by the capacitances within each transistor. It is
 therefore necessary to study these capacitances carefully.
 11.2.1 High-Frequency Model of Bipolar Transistor
 Recall from Chapter 4 that the bipolar transistor consists of two pn junctions. The depletion
 region associated with the junctions6 gives rise to a capacitance between base and emitter,
 denoted byCje, and another between base and collector, denoted byCÎ¼ [Fig. 11.20(a)]. We
 may then add these capacitances to the small-signal model to arrive at the representation
 shown in Fig. 11.20(b).
 n
 p
 n
 C g m
 B
 E
 v Ï€ Ï€v r Ï€ r O
 C
 C Î¼
 je
 C Î¼
 B
 E
 C
 Cje
 g m
 B
 E
 v Ï€ Ï€v r Ï€ r O
 C
 C Î¼
 C Ï€
 (c)
 (a) (b)
 +
 Figure 11.20 (a) Structure of bipolar transistor showing junction capacitances, (b) small-signal
 model with junction capacitances, (c) complete model accounting for base charge.
 Unfortunately, this model is incomplete because the base-emitter junction exhibits
 another effect that must be taken into account. As explained in Chapter 4, the operation
 of the transistor requires a (nonuniform) charge profile in the base region to allow the
 6As mentioned in Chapter 4, both forward-biased and reversed-biased junctions contain a depletion
 region and hence a capacitance associated with it.
 518 Chapter 11 Frequency Response
 diffusion of carriers toward the collector. In other words, if the transistor is suddenly
 turned on, proper operation does not begin until enough charge carriers enter the base
 region and accumulate so as to create the necessary profile. Similarly, if the transisto</t>
  </si>
  <si>
    <t>b"\xee\xf9\xef'r\xdb|\xf4\xe4 \xa9\x1f3\xe9\xd5/"</t>
  </si>
  <si>
    <t>eef9ef2772db7cf4e420a91f33e9d52f</t>
  </si>
  <si>
    <t>kenes
Addition reactions of HBr to symmetrical
alkenes (similar groups attached to double
bond) take place by electrophilic addition
mechanism.
CH CH Hâ€“Br CH â€“CH â€“Br 2 2 = + ï£§ï£§â†’ 3 2 (13.40)
CH â€“CH CHâ€“CH HBr CH â€“CH â€“CHCH 3 3 3 2 3
|
Br
= + ï£§â†’
(13.41)
Addition reaction of HBr to
unsymmetrical alkenes (Markovnikov
Rule)
How will H â€“ Br add to propene ? The two
possible products are I and II.
(13.42)
Markovnikov, a Russian chemist made a
generalisation in 1869 after studying such
reactions in detail. These generalisations led
Markovnikov to frame a rule called
Markovnikov rule. The rule states that
negative part of the addendum (adding
molecule) gets attached to that carbon atom
which possesses lesser number of hydrogen
atoms. Thus according to this rule, product I
i.e., 2-bromopropane is expected. In actual
practice, this is the principal product of the
reaction. This generalisation of Markovnikov
rule can be better understood in terms of
mechanism of the reaction.
Mechanism
Hydrogen bromide provides an electrophile, H+
,
which attacks the double bond to form
carbocation as shown below :
(i) The secondary carbocation (b) is more
stable than the primary carbocation (a),
therefore, the former predominates because
it is formed at a faster rate.
(ii) The carbocation (b) is attacked by Brâ€“
 ion
to form the product as follows :
2-Bromopropane
(major product)
(a) less stable
primary carbocation
(b) more stable
 secondary carbocation
2022-23
390 CHEMISTRY
Anti Markovnikov addition or peroxide
effect or Kharash effect
In the presence of peroxide, addition of HBr
to unsymmetrical alkenes like propene takes
place contrary to the Markovnikov rule. This
happens only with HBr but not with HCl and
Hl. This addition reaction was observed
by M.S. Kharash and F.R. Mayo in 1933 at
the University of Chicago. This reaction
is known as peroxide or Kharash effect
or addition reaction anti to Markovnikov
rule.
3 2 3 2
2
6 2 2 5
(C H CO) O CH â€“CH CH HBr CH â€“CH
CH Br
1-Bromopropane
= + ï£§ï£§ï£§ï£§ï£§ï£§â†’
x
(13.43)
Mechanism : Peroxide effect proceeds via free
radical chain mechanism as given below:
(ii) 6 5 6 6
Homolysis C H Hâ€“Br C H Br
â€¢ â€¢
+ ï£§ï£§ï£§ï£§ï£§â†’ +
The secondary free radical obtained in the
above mechanism (step iii) is more stable than
the primary. This explains the formation of
1-bromopropane as the major product. It may
be noted that the peroxide effect is not observed
in addition of HCl and HI. This may be due
to the fact that the Hâ€“Cl bond being
stronger (430.5 kJ molâ€“1) than Hâ€“Br bond
(363.7 kJ molâ€“1), is not cleaved by the free
radical, whereas the Hâ€“I bond is weaker
(296.8 kJ molâ€“1) and iodine free radicals
combine to form iodi</t>
  </si>
  <si>
    <t>b'H\x1d2\xee\xd14\x9b\xb8\xdf\x9a\x1f\xfc\xd8\xb2\xfb"\x14\xb4\xfa\xd1\xfc\xc8\xbf\xa9M\xbb\xab\x08\xcb\x9e)\x84\x8a\x9a\x92m\xbd\xcd$\x16$2@\xe4\xac3\x1a]-\x86P\'\xa4\xb1\xbc\x10dQ\x83:\xd2G_KoNgA\xfc\xd7U\x06\xc4\xac\r!\x95)\x07(\x01\xd6\xfa(}B\xb1\xe2\xab\r\xd9\xc5\n\x98qL\x07\xca(\xf4\x8d\xabM^\xd6\xa5uE\xb0\x13*\x1f"Br1\xfa&amp;AfI\xcd\xb3\x8d\xd8\xf3&lt;\x98|\xf0\xd3&lt;c\x80\xd8\x0b/1\x12)\xed#\xecV&lt;.\x89ge\xa0\xfd\xc9\x9bnI\x11\xcaG\xdc\x17\x8a\xd5;J\x93~s\xbe\xce\xae9;\xbf1\xe4G\xa3\xf3\xff\x9f\xe0Y\xd0\xe9\xa8\x9d-~\x84\xa0\xa8\x8a\x8c)\xcd\xd6\xa3\tR \xd8D\xb1\xf0\x83\xd4\xcaBA\xdbTa\xf6\x0b\xb4y/]\xc5X\x95\xf2\xf2\xf5^\xde7HK\xc8\xe8\x02\xbb5*&gt;\xfdfF\xc6\xab\xa1\x076Rt\x0f\xe53\x11;3+\x80\x1f&lt;\xdc\xc2\xf4\xbaP\xd8]?\x94\xc6\xd4I\xac\xe1cb\xb1\x9f@\x00\xf3\xb1\x10\xcc\x80\r\x857Q\xcd\x03Q\xd8\xcfb\xc1\x88\x98\xaa\x86\xaba6\'\xb5r\xb1\xd6\x8d\x88\xd4K\x97\xe5\xb4w\x1e\xeb\x08\xd7em\xc4"\xe7\xdcx\xfbd\x13\xcc\xf0\x0e\\T\xfe\xeap\xb7\x98A$\x83\x14i\x924\x18G\xca\xd8\xae\x95\xcd\x0e\xff\xd5\xa9\xe4\xd7\x13&gt;\x9e\x1949\x08^\xcc\xe5\xc1\xaa\r\xfeEX\x84\xa19%Kf4r8\xcdk\x9a\xe40\xdf\xa1\xb9&gt;D\x8a\xebT&amp;D\xd5\xa2\xfe\xdc\xd8\xf0#\x1ecX\xa8s||P=\xf0\x91-4\xbbS\xb6%d\x8c\x05\xad\xf7\xdf\x8e\x06\x1d3#\xa2\xa3\x1bl\xb2t\xcf\x99\xc8w\xd1\xff\xc4\xf4\x1d\xc1\x1ec\xf5\xf7\x857\xbbxD\xed\x8a\x0b\x9e\\t\xfb\x969\x83Fk\x11F\x0f\xbcX\xbe\xb4Q\xf8:\xf1K\xecO\x9c\xbb}\xd6v3\x90\x0cwY\xaa\x93:fQt\xc7\xf2\xe6E4\x15m\xda?; \x15u\xf5\xb3;\x8cg/\x1acm\xe6\x1c\xcc\xb4\xd9\x0b\xec&lt;\xad\x1ea5A\xbd\xea.\xf3\xf3p\x14Mf\xd2\x8f"\xb1R\x87\xd6\xaa\x8e\xeb,\xd1\xfd\xe8\x9d\xfbG\xab\xaeEVI\xc2F\xb9\xfb\xe3\x1a\xd4\xfbOK\x86\xad\x03\xda\xbd\x0b\x13\x1b.\x8a\x95r\xba\xe6\xb8\x98`\xc8\x81\x8c\x92od\x88:\xb9\x0c\x12\x84\x18\x10@\xce\x80[\x14K\xd4H\xd8\xe8\xc0\xc8\xd1\xe3\x81\xb3)\x0f\xa7hY\x9d\x95\xb1\xeb$,\\\xa1\x89\x83%\xd7\xf2w\xf5\xfd`\x1en\x95\xe4\x94\\1\xceP\x8f\'x]3\x10\xaf\x98/\xdb\x14Gp\xb7/\xb8\xa1\xb0\x80\xe1\xa4I{\x8e]\x1f\xd9\x99\x89\xe1\xab7\xb55\x89\x17L\xf4N\x15\x9f\xf0\x80\x9e\xe2\xed\x98\x80\xc7sHiI_N\x1fO\xd2\xdcK+\x8b\xd9\x80\xcf\xfa\x81\xc1\xc9l$l\xcdQ\x8b\x9a\x87I\x1e\x8b\xa5A_O\xab\x86m\xad\xd75\x94m\xa8\xd5\x91&lt;bWR\xa0\xd5\xa9\xe4\xe9\xb4?J\xd7\x92\x9f\x8bp\xbbN\xd9!ct\xa1\x96\xa0\x92\xf9rW\x8e\x06\x85\xe8t\xdcF\xcb\x98\x9f\xb5cR\x8bw7\xc6\xb8@\xb5]TJ\x91\x1e\t\xff:""]\xbe\x86\xb4\xa9S\xf1\xc7R\xb1\x8c\x02\x94\x81\xa5\x80\x8a&amp;M\r\xbc.\'\xfc\xdf8VD\xfc\xa59W\xc6|\x8c1\x88B\xe9\xd6\xae\xcc\xafQ\xa7\x05\xe1JG\xe7W\xa3\xe02\x19y\xdf\x8e\xaa\xa5\xfa\xbb\xefS\xa5\xc1(\x1a\r\xc3-o\xea\x93\x9dS\x9fG\x9f\x02z\xb2[n\x17\x9as\x8d=\xd9\xc2\xd1\xd0\x921\'&gt;\xa3\x89\xcb\xbc}M \xc5\xc4\x85i\n\x95\xe0P\xa2\xd7(\x98c\xcd\xad\nmd\x00\x00\x00\xf7\xd7GC\xf8\x92a\x1cP\x99\xf9B\xf2k\xf0\xc3\xd0*v\xfd\x80\x82\xc5\xfac\x0ffW\xfb\x14V\xf0\x9d;\xc7\xcb\xf4S\xf5H\x9b$T\xf1B}Y\x0c\xb8\xfd\xd1\xa0j\xd6\xc1\xf7\x87+\xbfU\x1f&amp;\xa0\xaf[\x97U\x05 z\xa9\x19\xabKI\xde_\x14\xe3\xa6&gt;\xa8\xf95\xec8\xb6\x08\xf1\xa1Z+n\xab\xbboN/e@Z\xe3\x032\x92O@\xde\xa5?\xbf\xc9\x0b\xf1,T\xfd\x8d\xa9\xf8-v\xd4c\t!\x972G\x00\xbc\xc1\xe8#\x8a\x9c\xae\xc5\xb8&lt;\xbb\x17\xec\xcb0\x07@\xb3\xb9\x9a\xb8",\xb1\x07\x02%=\x08\xff\x0b\xb3\x07Q\xf7\xa7.\xe4\x80O\x87\xb2\xed\xa0\xbe\x0881\xf5\x1c\x1d\xbap\x82\xe0\xca\xbc\xd8e\x96nm\x10S\xbaQx\xc2kxe\xaf\xea\x02W\x84\x89\x06\xb7\xe5\x8c\xbe\x9f\xdcH\x0b\x046j\x08.\x89\x05\xfa\x9c\xdd\xc7\x8e`w/\x99\x81\x7f\xc3\xae\xf8\x8b\xca\xd6\xa8\xe9\xa0\xe9\xaa\xceu\x9b\xe2\x81Y\xf1\x07\x92(\xdc\xb2\xf1\xe3\x86\x12H\x10\xebMC{\rM\xe4\x11!Y{\xbf\xe3r\xeb;\xe2\xfdTzm\tR\xd9T\x81$\x01_E\xe2\xdcu\xbe\x99i\x873\xa18\x91\x13\x80Kqs\xcd`]S\xb3\x98Zy\xeb%%\xa2A0M\xa4\xec\x9e\xb9:\xce\x08\xe5l\xcf\xee\x1dt\xe1\x0f\x82\xc5~\x7f\xa2\x13\x1b\xab!\xc6\x92d\xb7\xee\xe5\x88\xea\xd5\xc7^\x08W5*\x95\xbc\xf4\xd6E2\xcf|"\xc3n!\xdf\x86)i(GdV\xc7\x96A\r\x14\x1e\xc3\x8f\xadJ(\xcd(\xdf[\xcb\xb5BD\xc2Wd}\x82\x0b\x96m\xf7;\xb2\x0c\xac\x1d\x00\xab\x81\x00\x85\xa6\x00\x97\xdd7\xc2\xb6^\xf1\xa4\x8b\xd0\x8a3Ow\xc5b\xa4yS\x87#\xdb\xeb\xc3WR\xea\x12\x874\xed7\xb5\xedf\xd1\xa5TK\x06\xb8).\xaa\xc7\x15!\xe8\xe7\xab\x0b\xbf\x12\xb5-*?\xc4\x0c\xae=\x84R\xde\xa0\x19\x01_\x80I3\xa4\xac-\xf2\xcf\xea\xe1\xf1;\x17\x12\x0e\xdfq\xa8\x7f_\x16\xa2\xf7\x8c\xb1\xc3h\xbd\xda\x07!\xe2\x8e\xc7u\xd0\x07$:\xcfM\xbf`\x03\t\x8bY\xeb3\xa9\xadK\x1edp#9y\x12\xeb\x97\x8c\xb2\xafu=\xf9&lt;k\xbf\x93FH3A\x97\xd6tN\xbb\xea\xd6\x1b\x1apQ&gt;]2\x15\xe14`\x12?%\xfc\xb7\x80\xacE\x91\xb6l^\xee\xa6+L\xfb\x08\x0c\x88Tb~ \xa1\x1f\x9aU\x9c\xeb\xb2D_)\x92\xd2\x7f\xe6\x80{&gt;M\xfa\xff\x02\x9d}\xa1\xc2\x05\x9b4F\xc3\xc1K\xba\xc50\xd9\x8f\x88\x95\xc6(\xa0+|;l\xf0\xd9\x98\xd4\xebv#\xe4\xd0q\xa6V\xd8W(F$\xf1\x93\xa6\x8dW&amp;\x03 \x16Z\xa1\xf9\x1d\x04@\x08\x94\'`\xdb\xc5\xfd&amp;Z\xcb\xc4\xc5\xe1`\xf8c{T\xb8l\x97\x1b\xffq\xb3e@!\xa3\x1d(1I\xe6\x89z\xedU6\xf4\xe9\xed\xbfn\xaf\xd6\x8c\x1b\xf0\xa0+]\xe1\xac\xc8\xa0\x15\xc0\xd2a\xc2\x17\x95\xb8%\xea\xc5I8\xda\x90\x7fC\x95"\x83\xecF\xd2w\xdd\xdf\xb1\x8ce\xaa,\xa6Z\xb8\xa0~\xbdg\xe2T^\x8f1\xbd\x1a4\x8cL\xc0\xe6\x11\x03\x82\x16\xeb\xf9\xffj\x18\xbf\x8e\xcf[\x02\xf3W\xd8`h\x81\x90\xf6\x9eN\xf0\x18\x90+9\xf99\xf4\xda\xe6)I\x9e\x00\x1e*nc]\x97DXh@\xebz\xd7\x92{\x8aG\'\xd7\x19\xa3E\xd3\xc8\xcd\xd9\xfc*\x15\x93\xda\xae\x11\x80\xc1\x11\x13@\x04\xbbV:\xf1\x9cN/\x9e`\xddN\xdb\xf0A\xd1\xd9\xe0\xe7t\xfaB\xc5\x85\xf7\xdc\xd4~{\x1ds\x9f\x1c\xf3V\xca\xf8Lm\xd8\xf1&amp;\xc4ho\x97\tu\xeege\xe0\xf0`X?N\x1a\x96\xdb\xb4\xcd\xc2)\xc0q_\xa2~\x06\xed\xfc\x80\xc0\xc7ZQ\x15*\xfb\x10\xdfsF\xc9;&gt;\xd6\xa2\x97\\!\xaf\xfb\t\x01\xf8K@\xbe\x85\xd7kM\xe5\x0f\xf7\x91.a\x9dN"]\xb1\xd3\x0fQ\xee\x0f\xdd\xac;2\x8d\x8bZ1\x18\xec\xba\x17"\xc0\xe5\t\x8d\xb9\xef\xc9a\xb0\xe6\xa3\xcfdU\xfdu\xfd\xbc\xe1\x08\xf09\x0f\xc8z#V\x81\x8e\x12\xb0\xaa\xdc&gt;!\xf1\xbe^^\xe0\xc4{\x94\xeb;\xa3\xf0k\x98\xd9\xdaBX\x90\xef\x8a\xde\xf6RB\xc8\x1a\x94\xa9\xe4t\x16v\xa54\xd2\xe7v=\xad\xce\xabF\xaa\xd5\x08s\xc2\x05\xad,a\x03S\xf5\xde\x83\x95\x95\xf0\x88\xf4\xde\xef\t\xfb\x01\x16\x8en\x83~_\x0e_\xf2&lt;\\_!6\xe0b\x910\xd1\xf9\xfc\x95\x90\xba\x97\x88\x9a5\xb2\xc0\xb8.^\xd5\xf7$\x0b\x93a\xc9\x16\xf90\xe5\xbf*s`\xeb$\xe7\r\xfeR\xbc\xba\xcf\xbfHyi\xaa5\x18\x92f\xd0O3\xfdH\xedr\xa7\x08[\x19J\x84\xc0\x93\xce?H.\xb9k\x19\xa01\x82\xd9Q\x95/rv~\xb6\x89\xc5KL\x95\x17\xc2\x95\xc5G.\xa6\xad\x16\x1d(\xe6Y\xea\xe5t\x9d0\x05\xb6\\\xa4k\x8bx\xd00\xc7\xb4\xcfmo\x12\x98\xd5q\xf3\xc6\x1er\xf9\xce\xdbI@\x8a&lt;R&lt;#s\xff\x95\xb1M\x90P\xfbN\xc1\xa5\x8b\xfb\nV\xc9\xbf{"\xf3Oh\x86\xb8\xaf;\tBI\x0e\xe1So\x94\x97\xc9\x85\xba#[\xecKo\\\x84O\x08s\xe6u2Js6%\xe8^\x98q\x12Hy\xfa\x14\xb5\xce\xd9H{x\xbc\x91\xf4\xae\xc8\n\x8c\xf2\x98R\xd6\n\x19 \xfa\x86G/c\xc2!\x813\x0f\x87J\x10\x99\xbc\xf7\x97\x18\xdcG\xeer\xd3l$\xdb\xd9T\x7f^\xcc\xdb\xf5\x98\xbaJ\xf9\x81\xb5\xaaP0\xd8Q\x0eI\xfcQ\x1c)\x81\xc0`\xb7\x99\x13\xee\xfc\xbcy\xd3e\xcb\xd5\xd6|\xa2\xc1\xb2\xc0\xad\xb8\x1eJN!\xc81\xd8\xb1\xb2=\x1d\xb3\xc2\xb9,\x1f\xe79\x9f\xfbz\xb0dWT\x8d\xd0\x95Z\xc3\xca+\xe0O\x89H\xbc\x02\x8b\x80E\xa4\xa4\x05\t?ZfP\x13y\xf6Oq\x99ztE\xa0\x9f\xcdm\x8bR\x879\xdf\'\x1d[D\xf7W\xcd\xe23\xfa\x04\xee\xec0E\x94&lt;\x0eYz\x85W.b\'va\xc7c\x00\xec\xb0~\x9f\x1f\xa0\x8e\x1d\x93\x82 ~\x0bK D\xc5\x19wb\x85m\x1aw\xeb\x80\x03&amp;\x86\xba\x1b\x14\t\xb2f"\xe0\xea\x87\xd4\xd4Z\x91\x07E\x91 \xa81t\x17D\x18B\x92\x0e\x89\x8a\x94\xa7\x88\x99\x00J\x86\x88\x8c\xcd!8\xa1\x81r\x0e\x9a&lt; ~\xae[\xea@f\xb4\xb8cmwoexcSp\xb9\x85d\xbc\xc5\x85\xec9\xfa\x8d\xfc\x11\x8eN~&amp;(\r\xc3\xaf\x7f\x86;\xe4@lkm\xdd\x83\xfcA\xb3\n \xefV;Ha2\x85\xcc\xafES\t\xe3)\x029_\xf5\xbe\xbc\xc9\xd2\x89\xc7I\x8e\x0b\x08N^5p\x9b`\xd2\xe8X?\xe5($X\xa9\x9dh&lt;\xb6\x1a\x92\xa6 (\xe9wQ\xdc\x9c\x89&lt;\xbd\xe4\xd0\x85j\xd2\xef\xf6,\xcf?w\xae\x0ci\x86\xb1R\xb9K8\x8e=ex\xfdz\x95\x8a\xb6\xfa?\xa8\x16OH\xf4~\x1ev+-\xc7\xd0\x0c\x1e\xb1\xb1\xd4\xf4\xf1\xb4?\xe3\x8c\xf8M\xa5\xea\x94,\xe2|\x13,\x12\xd8\xf0\xfb\xedH\x9a,\xd96\rF\x93i\x82i\x83\x16\xc9\xaa\x01\xbf\xb4j\xa3\xf3y'</t>
  </si>
  <si>
    <t>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</t>
  </si>
  <si>
    <t>b'H\x1d2\xee\xd14\x9b\xb8\xdf\x9a\x1f\xfc\xd8\xb2\xfb"'</t>
  </si>
  <si>
    <t>rvice of
 any state, which could settle with him the price of their valour. From this
 latter practice arose their nameâ€”CONDOTTIERI; a term formidable all
 over Italy, for a period, which concluded in the earlier part of the
 seventeenth century, but of which it is not so easy to ascertain the
 commencement.
 Contests between the smaller states were then, for the most part, affairs
 of enterprize alone, and the probabilities of success were estimated, not
 from the skill, but from the personal courage of the general, and the
 soldiers. The ability, which was necessary to the conduct of tedious
 operations, was little valued. It was enough to know how a party might
 be led towards their enemies, with the greatest secrecy, or conducted
 from them in the compactest order. The officer was to precipitate himself
 into a situation, where, but for his example, the soldiers might not have
 ventured; and, as the opposed parties knew little of each other's strength,
 the event of the day was frequently determined by the boldness of the
 first movements. In such services the condottieri were eminent, and in
 416
 these, where plunder always followed success, their characters acquired
 a mixture of intrepidity and profligacy, which awed even those whom
 they served.
 When they were not thus engaged, their chief had usually his own
 fortress, in which, or in its neighbourhood, they enjoyed an irksome rest;
 and, though their wants were, at one time, partly supplied from the
 property of the inhabitants, the lavish distribution of their plunder at
 others, prevented them from being obnoxious; and the peasants of such
 districts gradually shared the character of their warlike visitors. The
 neighbouring governments sometimes professed, but seldom
 endeavoured, to suppress these military communities; both because it
 was difficult to do so, and because a disguised protection of them
 ensured, for the service of their wars, a body of men, who could not
 otherwise be so cheaply maintained, or so perfectly qualified. The
 commanders sometimes even relied so far upon this policy of the several
 powers, as to frequent their capitals; and Montoni, having met them in
 the gaming parties of Venice and Padua, conceived a desire to emulate
 their characters, before his ruined fortunes tempted him to adopt their
 practices. It was fo</t>
  </si>
  <si>
    <t>b'T\xb8\xb5$l\x10\xbd\xf3\x84x\x14\x9a(pW\x1b\xa9VJ&lt;\x0f\xd4=\x82\xd5&lt;\xc0\x05\x1f\xf0\x853\xb5\x8a!\x92u\xb7\xda\xaf\xc9vodH{\x1c&amp;6 \xb3\xfcyh\x06\xff\xb7\xc4\x7f2l\xf3Q\x9e'</t>
  </si>
  <si>
    <t>54b8b5246c10bdf38478149a2870571ba9564a3c0fd43d82d53cc0051ff08533b58a219275b7daafc9766f64487b1c263620b3fc796806ffb7c47f326cf3519e</t>
  </si>
  <si>
    <t>b'T\xb8\xb5$l\x10\xbd\xf3\x84x\x14\x9a(pW\x1b'</t>
  </si>
  <si>
    <t>neighbours; how I blamed my poor mother for her 
 honesty and her greed, for her past foolhardiness and present weakness! 
 We were just at the littl</t>
  </si>
  <si>
    <t>b'\xd9\xee3\t\xfcV\xd4&gt;\xcce\x8d[\xaaj\xef\xaa[\xc5\x9f\x95\x19q6D\xf6\xd5GJ\x8c\xaf\'\x0b\x07%&gt;\x1a4\x89\xb9g\xd4;\xf9\xa8\x1f\x07\xb02\xfew\x13\xcd\xc9WrB\x83\x82\xb0\xb0d\xea]\xdcd\xc1;e\x0c6\x8e\xfdRG%\xe6\x05\xf8\xde\x80\xf8\x06\x07\xd9\xeb^2\xdf@\xc5\xa5\xf8\xdc\xbe\x0c\x01\x07\xe7\x85\xb2\x1e\x88\x07\xe9Q\xed\xdb\xb0\x06\xcc\xdf\xba\xd5S\xb89\x97\xa86\xc1\x8b\x15m\x04\x80\x98\xda\xd1\r\xfc\xe6\x8f\xe6\xec"\xf3;\xfb1\xfe`\xa1\xdf\xc4j\x18\xb43\x97?\xcb\x12\x0b\xe7\xd5)\x01P\x12\xbew\x9a"s\xb6(\xe3S \xfb#|\x11\xe8\xf4\x0f\xb7\xdd\xf2O\r\xdd\x121\xf4"\x1b\x9f!\xc0X\x86\x1c;zz\x08\xe8\xfe\xd2\x96w\xe1p\x84\xcd\x95\x18$\xcd\x08Shr\xdbkC\x0c"x*\x8c\xff\r3\x97\xben\xcdR\t\xc8\x95\xd8\xa3\xe3\xa5\xaa&lt;P\xa5\xdc\x06{\x96xD}\xa4\xaf\xf8A\xbde\xaa\xc9'</t>
  </si>
  <si>
    <t>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</t>
  </si>
  <si>
    <t>b'\xd9\xee3\t\xfcV\xd4&gt;\xcce\x8d[\xaaj\xef\xaa'</t>
  </si>
  <si>
    <t>does not go to infinity at the resonance
 frequency. To understand this point, we recognize that the wire forming the inductor has a
 finite resistance. As illustrated in Fig. 13.14(a), when L1 carries current, its wire resistance,
 R1, heats up, dissipating energy. Thus, Vin must replenish this energy in every cycle, and
 Z2 &lt; âˆž even at resonance. The circuit is now called a â€œlossy tankâ€ to emphasize the loss
 of energy within the inductorâ€™s resistance.
 650 Chapter 13 Oscillators
 L1
 C1
 Vin Z
 I in
 R1
 L1 C1
 Vin Z
 I in
 Rp
 (a) (b)
 2 2
 Figure 13.14 (a) Impedance of lossy tank, (b) equivalent circuit of (a).
 In the analysis of LC oscillators, we prefer to model the loss of the tank by a parallel
 resistance, Rp [Fig. 13.14(b)]. Are the two circuits in Fig. 13.14 equivalent? They cannot be
 equivalent at all frequencies: at Ï‰ â‰ˆ 0, L1 is a short circuit andC1 is open, yielding Z2 = R1
 in Fig. 13.14(a) but Z2 = 0 in Fig. 13.14(b). But for a narrow range around the resonance
 frequency, the two models can be equivalent. The proof and derivations are outlined in
 Problem 13.23 for the interested reader, but we present the final result here: for the two
 tanks to be approximately equivalent, we must have
 Rp = L2
 1Ï‰2
 R1
 . (13.11)
 Note that an ideal inductor exhibits R1 = 0 and hence Rp = âˆž. The following example
 illustrates how the parallel model simplifies the analysis.
 Example
 13.5
 Plot the magnitude and phase of Z2(s) in Fig. 13.14(b) as a function of frequency.
 Solution We have
 Z2(s) = Rp||(L1s)||
 1
 C1s
 (13.12)
 = RpL1s
 RpL1C1s2 + L1s + Rp
 . (13.13)
 At s = jÏ‰,
 Z2(jÏ‰) = jRpL1Ï‰
 Rp(1 âˆ’ L1C1Ï‰2) + jL1Ï‰. (13.14)
 At Ï‰1 = 1/
 âˆšL1C1, we have Z2(jÏ‰1) = Rp, an expected result because the inductor and
 capacitor impedances still cancel each other. Since Z2 reduces to a single resistance at
 Ï‰1, _x0002_ Z2(jÏ‰1) = 0. We also note that (1) at very low frequencies, jL1Ï‰ is very small,
 dominating the parallel combination, i.e., Z2 â‰ˆ jL1Ï‰, and (2) at very high frequencies,
 1/(jC1Ï‰) is very small and hence Z2 â‰ˆ 1/(jC1Ï‰). Thus, |Z2| and _x0002_ Z2 follow the general
 behaviors shown in Fig. 13.15.
 13.3</t>
  </si>
  <si>
    <t>b'\x1d\x0bk\xdc\xf4OE\xbe\x15C;78\xa9c\xe2'</t>
  </si>
  <si>
    <t>1d0b6bdcf44f45be15433b3738a963e2</t>
  </si>
  <si>
    <t>e
 appeared much agitated.
 'It used to be the Marquis's favourite residence,' resumed La Voisin, 'but
 he took a dislike to the place, and has not been there for many years. We
 have heard lately that he is dead, and that it is fallen into other hands.'
 St. Aubert, who had sat in deep musing, was roused by the last words.
 'Dead!' he exclaimed, 'Good God! when did he die?'
 'He is reported to have died about five weeks since,' replied La Voisin.
 'Did you know the Marquis, sir?'
 'This is very extraordinary!' said St. Aubert without attending to the
 question. 'Why is it so, my dear sir?' said Emily, in a voice of timid
 curiosity. He made no reply, but sunk again into a reverie; and in a few
 80
 moments, when he seemed to have recovered himself, asked who had
 succeeded to the estates. 'I have forgot his title, monsieur,' said La
 Voisin; 'but my lord resides at Paris chiefly; I hear no talk of his coming
 hither.'
 'The chateau is shut up then, still?'
 'Why, little better, sir; the old housekeeper, and her husband the
 steward, have the care of it, but they live generally in a cottage hard by.'
 'The chateau is spacious, I suppose,' said Emily, 'and must be desolate
 for the residence of only two persons.'
 'Desolate enough, mademoiselle,' replied La Voisin, 'I would not pass
 one night in the chateau, for the value of the whole domain.'
 'What is that?' said St. Aubert, roused again from thoughtfulness. As his
 host repeated his last sentence, a groan escaped from St. Aubert, and
 then, as if anxious to prevent it from being noticed, he hastily asked La
 Voisin how long he had lived in this neighbourhood. 'Almost from my
 childhood, sir,' replied his host.
 'You remember the late marchioness, then?' said St. Aubert in an altered
 voice.
 'Ah, monsieur!â€”that I do well. There are many besides me who
 remember her.'
 'Yesâ€”' said St. Aubert, 'and I am one of those.'
 'Alas, sir! you remember, then, a most beautiful and excellent lady. She
 deserved a better fate.'
 Tears stood in St. Aubert's eyes; 'Enough,' said he, in a voice almost
 stifled by the violence of his emotions,â€”'it is enough, my friend.'
 Emily, though extremely surprised by her father's manner, forbore to
 express her feelings by any question. La Voisin began to apologize, but
 St. Aubert interrupted him; 'Apology is quite unnecessary,' said he, 'let
 us change the topic. You was speaking of the music we just now heard.'
 'I was, monsieurâ€”but hark!â€”it comes again; listen to that voice!' They
 were all silent;
 81
 At last a soft and solemn-breathing sound
 Rose, like a stream of rich distilled perfumes,
 And stole upon the air, that even Silence
 Was took ere she was 'ware, and wished she might
 Deny her nature, and be never more
 Still, to be so displaced.*
  *Milton.
 In a few moments the voice died into air, and the instrument, which had
 been heard before, sounded in low symphony. St. Aubert now observed,
 that it produced a tone much more full and melodious than that of a
 guitar, and still more melancholy and soft than the lute. They continued
 to listen, but the sounds returned no more. 'This is strange!' said St.
 Aubert, at length interrupting the silence. 'Very strange!' said Emily. 'It is
 so,' rejoined La Voisin, and they were again silent.
 After a long pause, 'It is now about eighteen years since I first heard that
 music,' said La Vois</t>
  </si>
  <si>
    <t>b"\xe1\xac\x9b\xbb\xbe\xab\x12\x1e\x95\xb5\xde\x9d#5\xc9D\xd8'\x03\x96\x99hGw\xabw\x04l\x85\x8d\xd7\x86E\x1e\xc0\x07\x18r\xe1\x8b5\x9dT/\xaa\x08yi\x95\xbe\xafA[.\xea\x19\xdd\xcc\xfc\xef\x9b\xe9&amp;l"</t>
  </si>
  <si>
    <t>e1ac9bbbbeab121e95b5de9d2335c944d827039699684777ab77046c858dd786451ec0071872e18b359d542faa08796995beaf415b2eea19ddccfcef9be9266c</t>
  </si>
  <si>
    <t>b'\xe1\xac\x9b\xbb\xbe\xab\x12\x1e\x95\xb5\xde\x9d#5\xc9D'</t>
  </si>
  <si>
    <t>rian guard was attempting to
repress the Senate, which was then in revolt against Maximinus Thrax, gladiators from
the Ludus Magnus at Rome emerged to drive the guard back to their camp and lay
siege to it (Herod. 7.11.9). Just as was the case with other performers, gladiators felt
entitled to commemorate their accomplishments with monuments that they commissioned. The artistic style of gladiatorial monuments echoes those erected by munerarii and, in the Greek world, the commemorative vocabulary suggests that they
wished to be seen on a par with star athletes (Robert 1940: 302). This might outrage
aristocratic athletes and their sympathizers, but we must allow that the gladiators had
Spectacle 399
a point, and were marking out their own space in the galaxy of imperial stardom
(Potter 1999b: 323).
4 Reenactment and Competitive Recreation
No spectacle was offered in a vacuum. Well before the reign of Augustus, games and
spectacles had been seen as ways for men to advertise their magnificence to domestic
and foreign audiences. Thus in 167 BCE, Aemilius Paullus staged a spectacle including
athletic and theatrical performances, executions, public banquets, and a massive
procession to display the booty taken from the defeated Perseus of Macedon
(Edmondson 1999: 78â€“81). The spectacle may well have been modeled on earlier
displays by Hellenistic monarchs, and it inspired two further spectacles within the
next year. One was the triumph, at Rome, of L. Anicius Gallus, who varied the
standard triumphal fare â€“ the procession of the army through Rome, displaying
booty and captives, while the soldiers sang rude songs about the general, who was
carried through the city in the guise of Jupiter on earth â€“ by including Greek plays on
a specially constructed stage in the Circus Maximus (Polyb. 30.22.1â€“12; Livy
45.43.1). A few months later Antiochus IV, the ruler of the Seleucid kingdom,
celebrated a procession of his own at Daphne outside of Antioch. In this case he
included gladiators â€“ a novelty for the local audience â€“ in the hope that their displays
of skill would inspire the youth of his realm with dreams of martial valor. One of the
most interesting features of this competition is that the events, and the buildings that
supported them, were ephemeral; people came to compete in festivals that they had
never seen, but which were recorded by public works of art. Power was asserted by
vast expenditure on ephemera (Kuttner 1999: 100â€“2). When Cleopatra appeared
before Antony at the Cyndus in 40 BCE in the guise of Aphrodite, inviting him to
appear in the role of Dionysus, she was appealing to Italic representations of a
banquet revel (Kuttner 1999: 114â€“15). The theater that Aemilius Scaurus built for
his aedilician games in 58 BCE was said by the elder Pliny to be â€˜â€˜the greatest work of
art ever accomplished by the hand of man,â€™â€™ and was intended to recall the fact that he
was the stepson of Sulla (Nat. 36.114). His theater dwarfed those constructed in
earlier generations, such as the one built by Mummius to commemorate the destruction of Corinth, and itself inspired competition from Gaius Curio, who needed
something new since he lacked a stepfather like Sulla. Curio built two wooden
theaters back-to-back that could be turned so that they formed an amphitheater
(Plin</t>
  </si>
  <si>
    <t>b'\xe1\x8dX\xc3\x9e\xad?\x19\x194,\xd0/q\x91z\xce\xb7\x0em\x15\x84\x82\xf1-%22\xaa\xe9\xef\x00hQ\x83S\x95\xf8\xa9\x98a\xb8\xde\x95\n\xbb\xc1\xb0[$\xe7m\x8bdS\xe5\xdc8_\xe9I-$C \xcd\xa2\xaf\xe1\x91\x98Z\xfbcs\xcfO\xaf\xb9\x1e\xa2\xb1\xa6\xfe-9\xa0P\xda\x0c\xefZU?D\xa5\xe44L\xba\x83\x90\xa6\x0e+\xd7\x82z\xd6\xc9\x87Q1c\x95\xb3\x8cp\xfa\xd8\x9c\xea\xd7G&amp;#\x10\xca\x1d\x08\x98\x1e\x92\x8e3\xe6k\xef\x1a\xbc\x9a+\tgS\x17\x97\xe4\x86\x0eS\'\xb66\xa6\x88\x1c[\x93GM\x99\xa0H/li?v\x89I\xa8]\x0f\xe6\xd0\xe8\xc6\x9f\x01\x8b/\xde\xa6\xd08;/\x8fGrU\x18\xcc{\xb6\xbd\xb0,&gt;\xef\x86\xb1\xc6D\x1c]dP]\x8a\x8e\x98\xd8[\x99\x17\xbf\x13v,Y+\xb5\t.\x19\\\xb6\x84\xe3\xc2\xe0V\xdd\xa2\x98\x81\xb4\xc4\x84\xf7S&amp;\xb9\xb5\xa0O\xa5\xb6\x8b\x8b~k\x9d\xbcL\x05\xbc.\x96Q\xdc\x99\x95\xcb}k\xb1\xe6\x17-2vq&lt;v2)&gt;\xa6\x10&lt;\xbf/\xe9\xcb:\xac\xe6\x92:X^oi\xc6\xde\xe1\xbfJ\xa0\x93\xbb\xd0\xdb\x9d\xb1Qh\xd7\xd3\xdef4\x88B\x0c\xc21\x88q\x0c.\xc6\xc3K\x11\xe6\x9b(p\xb8\xe2\xb2\x10\xa6\xc8f:GK[pR\xa9&lt;\x85B\t\x06\xfb\xd1D\x835Vt\xea`%\xde\xa6T\xb7\xa9@y\xf07\xff@\x16\xf4t\xb7\xc8\r\xcfY\xa4\'\xe3\xc9\x1f=po\x1a\xe9\xbah)\xeby\xe7\x1a\x03f\xb1\xfdcW4O,kEKq\xb1X\xc0\xa4\x81\x906\xd6\xd5\xf0\\5e|\xb6t3\x15\xa7E=\xd5\x97C\xecY6\x9d9\x1e\xdb7\x1f\xb4\xf0\xcb\x1e\xfb\x1d\x87\xb6\xe4?\x96a+v\x9d\x1c\xfa\x80\x02\x9dhrk\x93\x98&amp;\x94d\xcaAK\xda\xe1\xa6\xbc\xd0\x96\xc2\xf0\x95w\xb5\xe1\xde}W\x0c\xfe\x80\xfd\xbc.\xe6*\x95\xa8\x13\x12\x89lv\xb5c\xb7\xb4\xdd\xc2,\xe3\xab\xb4{Md7\xd4\x83aR\xab\x81\xcdU\x13\x85\xb0\xca\xbcZ\xb7\xb1\xfd\xe3\x0b\xa3\xc7.\xd8\xba\xca\x07\x18\x17\xd9So@ \x88\xc2ILI\xce\x82\xbc\x90\xc4(a0-V\xa5\x8e?.\xb6\xa3\x8e\xed=Rs\'#\xaf\x18\xe7\x1cR\xbc\x80\xbb\x9cJa\xc7&amp;\x10\xd7\xeb\x8f\x95W4\xa1\xfa\xb4\xa9\xcc\xcf\xc6\rIe\x89\x900\x11\xec\xc5H\x81\x0c\xe8\xba\xc9\xc9\xe8\\\x95KK\xcf\xc3/\x1b\xbbKi\x17G\xb6\xb6\xee\xc1\xebq\xdc@\xd5\xfa@\x9cR\r\xabs\xb6\xfa\xa3\x0b\x8f\xdc\xea9\xe0\xa5N\x9b\xfd\xccG\xb9\xc7`Yq\xa3q\xfd\xb3\x81z!\x17\x0f\xcb\xf8\xee\xef\x8d\nl\x85\xdc\x0cK\x1f\xa2\x01\xa3\xdew\xab\xf4z\xff\xef\x08Nj\x99\x99\x1a \xa6\xa9\xe3m\x0f2R\n\xa6\x89\r\xadzF(\x80\x0eK\x80S\xa7m\xc2\xd2B\n\x89\x13qG\x87\xe8:Q3\xda\x91\x05\x01k\xfb\x00\xf0\xe5\x98\xedA\xb0jT\xecL\xee\xc8\x83\x96\xf2|a\x7f\xc1\xd2\xc4\xc7\x01\x05\x14\'\xdd{\xa9\xfa\xf8A\xe2dX\xa1\xee~-\xfd\x81m\xc7\xe81\xed\x1e\x08 \x07\x1f\xcdO\xe1\xfa\xc2\x9ao\xaf\x0e\xf0\xba*\r\xa5O\x19sK\x18r\x88\x94\xfc\xe4`w\x17\xcf\x0f\x19j\xeb2\xf6~\x1c\x8e\xdaQ\x83\x85~7\x1d\xe0\x89%\n\xc8^\xd7|\x04\x9f\x13\xed\xac\xcbE\xe3\xc6\x8a\x8e\x00\xcc\x8e\x04\xb3\xc5K\xa4\xf4g&gt;b\xc3\xe4\x98\x0bL&amp;\xafsU\x9dI"u\x9a\xf6\xc0\xf7Nd:\x1e|\t(\xf3]\x9d\r\xe06\xaa\xa8Fh=\r\xad\xea\xc8\x10\x978gN\xc2\xcf\x18&amp;\x0eV\x8a\xe5\xa3\x9fo\x8d\xdc\x00B\xdeffB\xce\xad^\x02\x06\x0f\x98\xe5\x0f2\x046\xb4I\x04\x8c,\xe1_1+\x93\xa0\x07\x18\x1a$D\xfc\xfd\xd1j\x86[\x81\x95\x86#\xaeI\xaf\x01\xc2\x90]\x87yo\xd3\x1a\xb0\xa8\x18\xc0\xb9\x1dCN\xe4\xba\x8aG\x87\xa2\x8d\xd3\x01\x9e:\x8e\xa4{\xdf\xfd\xa0"~\xb4\xe1\x99}\xd0:\xf6\x9f^\xd5\\\xab\xf8\xb5\x9e\xf1mv\x8f \xe0$\xb7`\x8c\xed`\xb5Y\xe2[\xcfj\x07:\xed\x8e\x80L6\xbd\xde\xb5\x1d5\x02\x84#\xd6\x95&gt;\xc8T\x17\x19q}\xd7\xed\xaa\xdbbT\xa4\xaf\xea\x92\x86u\xe4\xb7\x90\x8dO\xd0\x08\xbc"P\xbcr\x18\x99\x8f}\xb3\xd4\x0en\x07\xcf\x81~\xc5\xbaT!\xfa/m\xd2@Z\xad\x97\xa8K\x87\xff\x96\xce\x13\xcc\xd5\x88\x12\x83\x93\xe5\x00\xb3+n\xf2\xbc\xbf\xd4x&amp;\xfb\x1c\x17\xd7[\xfe\x8ft\xa8\xe3\xef\xf3^a(z2\xd9m\xf3\x05F\xf0\xceH%\xc1\xca\x8f\xf0dby\xdd\xe7HY\xc1}a\xe7\xbe\'\x7fJ$\xa5\xca,r\x9a\xd0\x1cd\x92\xc8mOi\xa2\xb9\x07\xdf\x98\x86\xe9+\x96\xcat\x13\x9eD-\xc2\x10\\X\xef\xb5\xac\x16Z\x11N\x08\x9e\x8c\x14\x8c`\xa6n\x9e\xd4\x1cei\xc2\xae\xfb\xe4-c\x17r\xf8\x94\xe0h\xa8&lt;\xbc6Q\xb3n!j-\x8f\xec\x80\x1e;\xd8\x88,_n\x92\x03UxI#ws\x9d\xf5\xe4\x98\xd4\xe60\xa6\xc9 0\x1e\xa1}\xf6&amp;\xf4UM\x9f\xab\x98@\x19;\x17K\x06x\x0f\xafs\xe9#\xfa\xbeR\x10b\xa0\x93\xfd$q\xb7\xae\xd0p\xb8\xf1\x08N\x05\x02\x8e\xae\xa5\x8c]fm\x11e\x9a(~\xb1\x16\xd5A\x94\xb2a\n\x06\x8b^&amp;0\xa8\xac\x83\xf4v]\xc2p\xfe=[\x85\xe1|\xa5l\x85j\x97{]\xb2\xb4\xc1\x80Q\x7f\xad\xf5\x0fd\t6\xc8\xdf\x84\x07\xac\x82\x17\xf0h9"\x0b\xf9E\xf7(\xe8Q\xd5\xf4\xe0\xe2U\xda\xc8\x14\xbcT\x18\xca\xb9.2\xd3\xf0\xac\x13\xfeWZ\xc0\x80(\xe6%\xee\x8c{\xc2!\x81\x14^_\x9eE\xb4\x83f\xe9\xde\xd5:\xd3\x02;\x8e^\xbanB\xe0\xc0\x85\xc3\x82{_\x845!\x1e\xa2tM\n\xf6\x86\xaeh\xe1\x99\xf0a\x10\xaa^UN\x92H\xdf\'\t,\xe1G\xaf-C\x1d\xb2\x04\xa5\xb96\x93\x0f\taP\xd0\x01\x9d\xbc\xe2\xf7\xa4\xe6_\xf2\xe0\xbfz~\x7fj?\xec\x90T\x85\xd7\x1d&gt;/\xc9\x12b\x00\x7fN\xbf\xe7l\xda\xf2T\\\xea\\\xcb\xc6\x87 q\xd1R\'\xc6\x9f\x93\xb1DipV\x10\xfe\xa5\xac\xdeG\x81,=\xec\x16\x1a"\xac\xc9\xab.X\x85\x07z\xa3\xa8\xd5\xc4\'k+H\xe7-\xce^\xc3\x98\x12\xa4\x8f\x02\x1f\xb6\x89\xb7\xd5\xfd\xe7\xb3\x7f\x17\x9b\xd9\xe9\xf2\r\x81h\'\x008\x87\x87\x93Y\x7f^^\x80\xdd\xb7^\x9b\x9bl\x14\xa4\xa4\x04\xbc\xa6\xff\x97S}\x1a\xa4\x83\x99*u\xd9nN\xed\x89\x0cAe\x91bd1\xde\x8dU.\xec\xb4nqt\x1f\xe4\xe5\x14\xe44X\xf7\xe7_\xcd\xe0#\xfe\x82s\xe2=g\x89\xa8\xf6\xd8\xc2\x94\xe4\xcc\xfb\x80\x90\xb1C\xac\x9c\xe5[x\xc9\xc6\xceB\x02\x04\x94/c\xb3\t\x01Ck\\\x935\x17u_5 \xb6N\xfe\x8d\xce~\x85\xb7\xc6\xf4\x92M\x14\xf6\xb0\xeb\x12\xe5\xb4\xf7&gt;\xef\xb9T\xa8?\xf3\x7f\xc6`\x1e\x89*[\x16w\x1fS\xf1\xda\xbf \xb6\x8a\xae\xbd\xfc\x01&lt;G\xd0;=\xc1\xee\x0e\x8cp#\xc4snS\x14Rq9sA^\x03\x85\xe6\xd0\xb2\x80|i\xe7\x19\xa2{\x15Q\x05\x18\x92\xe7\xbf\xd3%\x94\xd6\x1a\x90\xb9\x17\xb5&amp;\xbe\xf1s\xb1\x11\xf0\x17\x02\xeb\xa1W[\x1d\xbf6\x1d\xce\xdc4\xf8\x0cq\x90T\xf9\xe4\xe3\x02#\xb7_^\xd8\xe6\xb8\xe7\x80\xe9\x04@7P\xb9\xed\xf2\xdb\xe6\x06\x0e\xf5\xc35\xa1\xaa\xd9\x18\x17\xb8\xeb\x15V\x10o%}}\xbfM\xa0\\g3Hg\x1a1\xfe-\xda"\xa6s\xd0\xa9\rr\xb4\xba\xde\x83yT\xfa?p\x8c\xadly\\\x87\x155\xc9x\x00y\xb4\xe6\x84\xdci\xd0g^\xf30\xf0\x00-g\xa1\xf0xjl\xd2`\xbaD\x1e\xd5_W\x9b\x95\xc70\x16\xdfI\xcc\x1cy\xc0J\xb8\x98\x7f\xe8V\x13#\xd5\xe2\x84\xaf^2-\x9f\xd1\x140\rV\xae\x88-\x85x\xca\x89\x18\xa6\x7fg4 .\x05r\xa3\x95\x02\x1e\xa9\x11\xc7\x95\xfe;\xa3\xd4\x93\r_#\xb3\x108\x0em\xde`\xb3\xf3\xf7\xfc\x80\x81\xcf\xc6\xcc\xff^\x95\x9c\x87C\x9b8\xadJE\xbc\x86:J\x85\xc5\x11\xafr~\x19\xe6\xe5 K\xebw_\xc3 ~\xd3\x8c\xd0\xa2s\x9a\xafl\xa5\xe6\xfa\x05\xd4\x14(.\xd1\x93\xcc\xf5I\x19\x87\x198\xf2\xa6\xa2\x1e\x96W\x1d@\xf8#e\xa5\xfa\x00\xf6\xbd\xc2\xcf\xa6\xbf@|\xf7\xd5\xa9\xea\x02\x85\x92~\xeb\x01\xe1\x83\xb4\xb1H\xd2\xd6\xe5t+\x1f\x95z\x0c`_\x89\xe73\x08/\x107\x9a\xd4\x8d\xa9\xc1\x90\x96\x1f\xf0\xbc|\xbf\xb6B\x87\xa6\x8b\x18\x12\xbbF=\x07\xe1%)V\xea\xc6&gt;\x9b\x08O\x9b\x83~A\xa2\x14E\xdb\x16y\x92\x81\x9e\x13\x83\xb0K\xc2H\x8c\x02\xe1\xde\xa2_\x06\xbb\x05\x85\xf5\xa8\x9c\x8c\xf2\xfd\x0b\x1a(\xfa\xcf\xf3\x15\x0eK\x08\xd3s\xfbq\'\xf9W\xcbnCX+X%\x1d\xae\x81\xd1)\x85\xb0!\x94\xb6\x10\xc2\xf3f\xd31\x05\xf9\xf5\xef\x1b\xefg\x05JdT\x1ay&gt;g\xab\x97g\x9f+*+)Xek\x9ba\x1d\xe3Xq\x06\xa7\xe7L\xa1D7\xc7Z\xe2\xe1\x1d\x92(\xd2B&lt;\xab\xb9i`V1\xb5\x19\x82\x1f\x95~h\x93\xbd\xfd\xfa\xf5\x1d\xea\xb05v\x02\xe9NbA\x1ak3\xc6\xc6\x8f\\\xb5nv\xa3\xefK\xca\xf7\xca\x83\xc0p\xc31no\xc1\x95\x86\xc3s6\xfa\xabm\x07\x02]\xa8\x9fr\r.\xbeJv\xccGV\xcf\x1b/\xc74\xbex\xa1EO\xe7N\x81\xe9\xaf\xe0\xfb\xb6j(\x1e\xded\xce\xd9e\\\xd9\x9a\xb9\xbd\x9c\xfa\xf1\xd7\x12\x05\xc8\xee\x11\x8d\xbbCIl\x10\xc9Q\xed:V\x7f\x99"6o\x16\xe8&lt;+\x06#\xdcN\xb4\x87;/\x16\xcf\xa8\xdb51!\xd8\x91\xfd\'\xa4-Y\x99{\x91UE\xdcf`X\xc3\x18\xa1\xc7\xad\x80Ic\x1b6\x99=\xf78n\xca",\x87-\x96^7\xff?b\x8e"\xa3\xe2\xa5tY4\xc5\x08j\x8c:\xb3\xb1\x1asf\xe8a\x02&amp;\xbd7\xeb\x10\xb8b\xcf*wv\xe2\xdc^\x0f6\xa5F\xac\x84"\xf8g`8sy\xfe\xb4\xebx\xc0&lt;\r\xde\xfbr\xd2\xd7\x08=\xa7\x8d$\x03\x10\xe3\xa3\xfa\xcdn\xf5g\x83\xa2\xa361\xa0\xcc\xe5B\xb7*\\\xe7\xd6\x8a\x97S\xae\xd4u,\x1e$\x8d\xa9%\xaf9\xaf\xd0\x8e\xbd\xef0\x95\x12\x93\xaf\x8a\xa27\x18%)}\xc1b\x87\ru=\xb4a\x1e\xb4"\xed\x9d\x99\x13I%\xd7\xd5\x06\xe3\xb3\x1e\x06\xf4\x98M\x11B\x1b\xae\xb4\xf1;\xe0\x9b\x00\r\xfe\xb7\xd7\xa5\xf8\x1cb\xda\x1c\xfd\x1aG\x05\xed\xf4/E\x7f\x86=\xdbV\x0c6\x13\xe3\xc6\x83\xe5&amp;}\x8fl$\r@\xbe\xf1\\\x0e(\xf6`gZ4\xc8\xfa\xe70\xc5\xebq\x16\x1e\x06\x81\x13\x930\xd8=\x90\x10I\x19\xcc{\x1cm\xb4WU\xa7M\x902\xcb\x05\xe5\xc4\x15)\xd4\xcb%iSaF\x12\x8c\xb1\xb5#V\x01\xb0M\x15\x917\xc2t2\t\x91H\xa1h\x01A\x1d}\xa4\x92G5\xf3\x01\xac\x85\x04\x19\xe1\xf2\x99C$\xe9\x17\xc1\xdc\\p]\xa2\xef\xd8\x94\xa6~\x8d \x8b\x86\xe5!\xa9\xc5K\x8c\x7fE\xde~\xb9\xcc\xde\x01\xe0\x7fZ\x04\xa3\x92,\x8e"\xb83[\x7f\x14\x13h\xd5\xa4\x99\x8f\x8a\xf76\xd6\x81\xb0\x88\x04\xc4\x17\xb7\xd3\nA\xb2\x183\xa6\xb0\x0b\xc8\xe2\xefG\xd2\x97\xc5h\'\xaf\xc2\xf1YN\x18\xc2\xd5Pj\xed\xce\xcbx\xefrL\xa4P\xde\x11In6\xb5+\x13\xb2\x91{pn\xa56\xd5\x8c&gt;\x8d\xee^j\xd3B\xc3\x90\xfax\x18I\x9c\xe9\xac_\xf5n"\xdc$;\xafU\xde\x92\xa7\xd3aAgI\x8e\x88\x14\x0c\xa0\xfe\xfbh\x10\x17\x85?\x1fRi\x0b\x16u"%l\x17\xf1\x10;\x05A\'|\xcea\xeb\xbe\xc1\xa8\xb2\xe8krI\xe0\x1f\xfc\xfe\x1c;UX\x97\x85\x99\xa8\xb1\x1b\x90\xba\x97S\xa8\xd1se;\x1bl\xda~\xb8s\xf2\xd26\xb1\xa9\xfc\xa6Z\xd2\xe7\xd1\x10\x0b\xcb\xf1\xd3$\x1b\xcf\xad5U\xa9\x94\x14\xba\x06W\xbdem3\n\xc5\x061\'\xb1\n\xd0w\x12C\xb4\xf2\x15\xbc\xd1\x1cN\x05dK"\x95\xdc`\xb8\xb4R\xd7\r\xb8\xe3j\xc6g\xeb\x87\xb5q\x16U\x15k\xf5\xda\xf5i\xbd\x1f\xc4\xdf\x92\xb7+\x8c\x04\x018\x93\xf2\xf6\xf6\x1dCC\x93-_\xe8CLz\xa6\xd5.\x91/\xf8WY;`\xc5\x00\x81\xfc\x19\x88i\xe1\xab\xf7~\xa0^\xd1Gg\xaen\r\xe8\xfbTI\xd1\x8c\xd9\xf40\x96h\xd1\x8a\xc7\xfaDo\xa4\x1a\xcf\xffpYj\'C9\x9e\x90A\x92\xa9\xe7-\xee\xd9\xdf\x19\x8a:\xce\x10\xba(p\x85\x9e6\x9c\x9e 9\x85\x02\xa7}-~L\xd5\x04\x11\x88S~\xa0k&gt;\xc8\xeej\x90r\x16%r`\x17&gt;T\xf7D\xd2B\xbd\xccM\xd6&gt;)j\x94\xec\xd2\tj\x14\xeb6\xc3|c\xd3\xb1\x99\xba\xcb\xaa\xc1\xcb\t\x02Fp/\xa7\xf4,\x16\xd37\xc4\xb2\x85qr\x190WD\x8e\xf7.\xfe\x07\x8c\x19\xc0\xfd\xf48W\x90A\x1e\xaa\x81^j\t\xa4Y\xe8 2\x98\xd3\xc9\x0bp\xac%\x8d\xb6\xa3\xef-\xf8\x86\xd3\xd8\xf1&lt;\xeb\x99\xf6P+On\x12D\xd1M(\xf2\xf4d\xcd\xa8\xe8\xb7\x94u\xf2\xb59\x83\xe20\xe5[h\x81\x1c\xb5T\xbeY\xbf\x05'</t>
  </si>
  <si>
    <t>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</t>
  </si>
  <si>
    <t>b'\xe1\x8dX\xc3\x9e\xad?\x19\x194,\xd0/q\x91z'</t>
  </si>
  <si>
    <t>when he grew calmer to put him back to bed before he quite
 woke up, so that he should not know of the indignity to which she had
 subjected him. But on this occasion he had fallen at once into a dreamless
 sleep. One arm dropped over the edge of the bed, one leg was arched, and the
 unfinished part of his laugh was stranded on his mouth, which was open,
 showing the little pearls.
 Thus defenceless Hook found him. He stood silent at the foot of the tree
 looking across the chamber at his enemy. Did no feeling of compassion disturb
 his sombre breast? The man was not wholly evil; he loved flowers (I have
 been told) and sweet music (he was himself no mean performer on the
 harpsichord); and, let it be frankly admitted, the idyllic nature of the scene
 stirred him profoundly. Mastered by his better self he would have returned
 reluctantly up the tree, but for one thing.
 What stayed him was Peter's impertinent appearance as he slept. The open
 mouth, the drooping arm, the arched knee: they were such a personification of
 cockiness as, taken together, will never again one may hope be presented to
 eyes so sensitive to their offensiveness. They steeled Hook's heart. If his rage
 had broken him into a hundred pieces every one of them would have
 disregarded the incident, and leapt at the sleeper.
 Though a light from the one lamp shone dimly on the bed Hook stood in
 darkness himself, and at the first stealthy step forward he discovered an
 obstacle, the door of Slightly's tree. It did not entirely fill the aperture, and he
 had been looking over it. Feeling for the catch, he found to his fury that it was
 low down, beyond his reach. To his disordered brain it seemed then that the
 irritating quality in Peter's face and figure visibly increased, and he rattled the
 door and flung himself against it. Was his enemy to escape him after all.
 But what was that? The red in his eye had caught sight of Peter's medicine
 standing on a ledge within easy reach. He fathomed what it was straightway,
 and immediately he knew that the sleeper was in his power.
 Lest he should be taken alive, Hook always carried about his person a dreadful
 drug, blended by himself of all the death-dealing rings that had come into his
 possession. These he had boiled down into a yellow liquid quite unknown to
 science, which was probably the most virulent poison in existence.
 Five drops of this he now added to Peter's cup. His hand shook, but it was in
 exultation rather than in shame. As he did it he avoided glancing at the sleeper,
 but not lest pity should unnerve him; merely to avoid spilling. Then one long
 gloating look he cast upon his victim, and turning, wormed his way with
 difficulty up the tree. As he emerged at the top he looked the very spirit of evil
 breaking from its hole. Donning his hat at its most rakish angle, he wound his
 cloak around him, holding one end in front as if to conceal his person from the
 night, of which it was the blackest part, and muttering strangely to himself
 stole away through the trees.
 Peter slept on. The light guttered and went out, leaving the tenement in
 darkness; but still he slept. It must have been not less than ten o'clock by the
 crocodile, when he suddenly sat up in his bed, wakened by he knew not what.
 It was a soft cautious tapping on the door of his tree.
 Soft and cautious, but in that stillnes</t>
  </si>
  <si>
    <t>b'uI#\xf0&lt;s\x9d\xec'</t>
  </si>
  <si>
    <t>754923f03c739dec</t>
  </si>
  <si>
    <t>op, going round and 
 round and topsy-turvy before my eyes, and all manner of bells ringing 
 and distant voices shouting in my ear. 
 When I came again to m</t>
  </si>
  <si>
    <t>b'\x1b\xd9\xe0J\x83\xe1\x89I]\xe4\x1b\xe1e\xadl\x8a*(n\xf3\xc5\x88\x80L,_e\x00&lt;4\xff\xc8\x8a\xf2\xc4\xa4\xad\xd8\x81\xf8\xe4\xa6\x80t\xa8\xab\xb4\xcd\x01\xd3\x80OYj?\xa2\xbbQS\xb2?B7n"\xef\xb2\xa2\xd0zb\xe29\xc7[\x03\xf5\xe6\xa8}H\xcc\xe2]\xe8q\x01\x9b\xaa\x97\xb2A[\x11A\xb5m\xc5\xec\xc0\x0b\x8a\xdf\xd1\x19.\xd7\xad\'\xf4\xa5\xfe\xdb_\xe3\xab\xb7:\xce\xa8E,\xc8\xb7Qp\x80\xa2\xcb+#hv\x83Bjh\xd2\xd9\xf4\x9f\xa20\xd1\x00\xf9X\x91\x9d\xda\xe5\x91\xe1\x9fy\xc4\xcf\'i\xae&gt;\x95\x8b("\xd1\x95f\x9c\xd3\xe7\xcf\xd3\xa4\xbb\ta$=\xd3\x0bn\xed\x7f\xdcA9o\xf9\xbc\xfaw2cv\x95\xf4\xe1\x12T\x84{\xb5\x10\x1b\xaa:\xc5E\xb2\'\xcb&amp;5{\x80\xa5\xdfLQ\x97\x99\x97&gt;;L\xa2\xf9\x15\x94JCy\xc9\x15\x0c=2hr\xf1\x84\xda\xa5E\xee\'\xd5&lt;/\xd3\xec\xeb\x0e\xd9\xd1'</t>
  </si>
  <si>
    <t>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</t>
  </si>
  <si>
    <t>b'\x1b\xd9\xe0J\x83\xe1\x89I]\xe4\x1b\xe1e\xadl\x8a'</t>
  </si>
  <si>
    <t>isme politique. Paris. (Trans.
O. Murray and B. Pearce. 1990. Bread and circuses: Historical sociology and political pluralism. London.)
Veyne, P. 1979. Mythe et reÂ´aliteÂ´ de lâ€™autarcie a` Rome. REA 81: 261â€“80.
Veyne, P. (ed.) 1987. A history of private life I: From Pagan Rome to Byzantium. Cambridge,
MA.
Vian, F. 1959. Recherches sur les Posthomerica de Quintus de Smyrne. Paris.
Vian, F. (ed.) 1963. Quintus de Smyrne: le Suite dâ€™Home`re tome I, livres Iâ€“IV. Paris.
Ville, G. 1981. La gladiature en Occident des origenes a` la mort de Domitien. Paris.
Vinson, M. 1998. Gender and politics in the post-iconoclastic period: The Lives of Antony the
Younger, the Empress Theodora, and the Patriarch Ignatios. Byzantion 68: 469â€“515.
Virlouvet, C. 1997. Existait-il des registres de deÂ´ce`s a` Rome au Ier sie`cle ap. J.-C.? In Virlouvet,
C. (ed.), La Rome impeÂ´riale: deÂ´mographie et logistique. CEÂ´ FR 230. 77â€“88.
Vittinghoff, F. 1951. RoÂ¨mische Kolonisation und BuÂ¨ rgerrechtspolitik unter Caesar und Augustus. Wiesbaden.
Volokhine, Y. 1998. Les deÂ´placements pieux en EÂ´ gypte pharaonique: sites et pratiques cultuelles. In Frankfurter 1998d: 51â€“98.
Wacher, J. (ed.) 1987. The Roman world. London. (2nd edn., London, 2001.)
Walbank, F. W. 1979. A historical commentary on Polybius. Vol. 3: Commentary on books
XIXâ€“XL. Oxford.
Walbank, M. E. H. 2003. Aspects of Corinthian coinage in the late 1st and early 2nd centuries
AD. In Williams III, C. K. and Bookidis, N. (eds.), Corinth, the centenary 1896â€“1996.
Corinth vol. 20. Princeton. 337â€“49.
Walker, D. R. 1976. The metrology of the Roman silver coinage. Part I: From Augustus to
Domitian. BAR Supplementary Series 5. Oxford.
Walker, D. R. 1977. The metrology of the Roman silver coinage. Part II: From Nerva to
Commodus. BAR Supplementary Series 22. Oxford.
Walker, D. R. 1978. The metrology of the Roman silver coinage. Part III: From Pertinax to
Aemilian. BAR Supplementary Series 40. Oxford.
Walker</t>
  </si>
  <si>
    <t>b'8\x16\x99\x08\xae\xb5a\xff%\x0c\xf4|\xec\xbe\xf3\x92gR\xfb]"R\xf1\xed\xcc\xe3\xadI\xc4i\xd6\xb7u2\xbb3,n\xd1Bua \xe0\x93=\xeek\n\x9f\xe91=U\x91\xff6\xec\xaeN\xda]\x98\x8a\x9f\xc7\xc7U\xf9\xd61\x8d\xd3\x1b\x9d.\xe1\x1f\xd7\xc2{G\xc9\x9cO\x15\x877;i\xf3\x13\xa0\xcbSc\x93}N nu\xbb\xa4\n\x08\xf0u\x0b\xc5k2\xceg-\xee\x82\xfb\x9d@O\x93\x878\x1b\xb2\xb1\x08\x04v:\xd0S|&gt;Y6\xfdDA\x0cSE\xa6\xa7&amp;o\xa9\xeeX\xe7\xea\xcb\xa2\xd1\xa6{\x940\xa3Q\x1ei\xb0\x8cr\x81\xd6\x0c(\xf1\xb0\xefa\xc1w\x9ctC\xd1\x015\x83\x0e\xa9\x1d\xec\xdcW\xe8\xcc\xdc\xaaQrw\xe5\xcd\x08\xddN\xbd\xa6\xbe\xb0\x153\xb0\x99N\xba=[\'\x9bp\xf8w\x9d\xbeB\xa3,Z\xb2X\xb9q\xbd\xce\x8c\xbdtr\xe3\xeee)"\x07i\xd9\xba\xd1\xd4)\xb3\xda\xb1\x9b\x0e.\x1b\xe6@[\xc6\xdb\xe8\x19\x8c\xd9$\x0b\xfa\xa7B\x83\xa2w3\x11H-\x9a\x1f\xf5\x00HXm\x16\xd8\x1e\xfb\x8a\xe2\x90\x98\t\xa1\x8d\x8eR\xe8\xd8\xf7\x8a\xd2x\xc9\xdb\xb1\xdc\xda\xd3NSc\xaa\xfc\x06\x99u\x17\x1b\x15\xc9\xf7O\xc9\xcfm\xae\xe3E\xe7M\x8f\x06\xc5p\x16$m|2q&gt;(;\x16\xec\xb7\xce\xe5\x18:\xc7\xf8\xfaX\x0b\xd8\x8b\xda\x18\xd0a\xb5\x9c\xbct~\xb77\x9c\x16[ \x00\xccs\x99M\x10\x9b\xaf\xd3\x88t?\x86\xe2\x07\xc2\xf4i\xbcU\x1dh\xdc\xfd\xe6\x80\x88#\x9c\xdf\x8bj\xdc\x89\xc3w\xe2\xe5@|\xcb_\xecq\xa5\xfa\xc33y\xb7\x04&lt;\rr\xeb\xf6s\xb9gv\x99\x1e9*\xb8\x89\x1cY\x94S\x14\x86i\xe6\xb6\x02\x02Ci\xb0Vwh\n\xe9\xa9\x89\xfa\x90 \xb4r\xe2\xb2\xc1T\xe8G\x8e+G\xf3\x1a\xea\x1c\x9eu\x8a\x8a\x9a\x11[\x13\xf8\xe5\x07%\xef\x99\xa6\xa9\xbfA\xea\x99c^\x838{\xffFD!\t\x02\xcdo,\x1ez\x05#\xb2Eh\xa5BH]\xde\xce\xb0\x0b\xea.\x93\xb6e\xc4\xb3\x8e\xd2\x12\xad\xf3Jo\x02;\x9f]Qq\xcc\xceY\xb1\x98\x8e\x861\x10\x96W\x08\x8b=PU\xc12]\xe3\x12\xa5\xb0\xc2`\xbe\x85\x8b\xea\xf1\x86\xd1`\xad\t\x89\xfc\x13x\x16:\xea\xdf\xe0V\x8a\xc8\xcd\xd7\xda\xa7?\xdc\xe1\xeeQ;\xdd7\x8c$\xb7\xb0\xa3\xea\xeb\xf9@\x8f\xb7\x9d*\xf4#q\xc4\xcd\xcd\x14&lt;\xbf^i\xe7\xe4w4/\xc0\x83\xb0\x1fk\xb8\x02\x90\x98_\x81\xeb\xf0^ \x07q\x1e\xcef\xbc\x8e\xf5&amp;\x82\x84\xbf\x9d\x12\xc6s\x10\xc5\x13\x87\x82\x1c2p\x80$\xf9\xb3\x83\x0b\x85A&gt;\xf0\xd6:n\x15\xea\t\xbf\xc7\xac\x06\xd4\x18\x13*\nf\x1a)\x93\xf5\x1c9\x13_\xb3\x07b\xcd\xf3:\xc8\x95\xbc\x83\xc4\xc2\xb7\xcd\xb1ooU\t~|\x1d\xa7\xec\xf6\x12\x9b@*\x8c\x0ej\xd8\x02B\xa3\xa2\x01\xff\xab=vk\xde\x8d\x9al\xec\xe9\x98)\x02s\x01d6\xc0\xec\xda^\xbf\x9e\xa8\xab\x1an\xa3\xd5?\xd2\x99\x83"d1{\xe4\x91gJ\x18\x009\x14\xf8$\xfa\xfb\x8e\xd2\r_%\x86\xcc\xa1\xa5/1k\xba&gt;~\xc6\xcf"8\x01\xcf\xf8\xff\xa7\xa44\xa6\xc8\xd7\xc2_\xa67E\x9e\x11\xe2\x1d\xeb\x81\x84\xb9\xd4T_CA\xef[\xa0\x03\x0f\xcc\x96\xa2\x1d\xefIm\x8b\xd7\xca\xe3&amp;Y\x19\xcb\x1f\x05O\xe7\x13\xe6\x1b{\x99\xcf\x97\x13\xa1kd\xbe\x8d\x94\xb0d\xe9\x88\xfd/\xc9\x0e\xc3_\xd9\xb6l\xddq\xb8Y\xec\xab\xea\xb3&amp;\x91d\xf5MVZ\x94,}\xe1\xbd\t\x02\x82}\xf1\xc8\x81\x91\x9f\xb6\x9e\x11bZ\xa7\xd7N\x80\x07\xbd\x95\x9f\xf9\x93K\x8c\xaf\x06~\xa49L\x80\x02\x1a\xa5O\xdbGK0&gt;.$_3\xd5\xaa\xd8m\xf6f\x04Nt\'\x82\x92X..\xaa\xf0*=\xd6n\xefJC\xa3\xe6\x84e\xd5]`\x05\x08\x02\x0e\x01\xa3w`\xffHL\xdd\xdfI}b\xc8p\xbb\x8dn\xbc3(z0\x93\xe3^\xc2\x8e~\xc4HT\xfd\\\xa3\xeb\x89:XKxcN|\xf1\xdf\xb0\x82A\x98\x18\x18OU\xe5\xd8I\x8f\x12\xe72\x85\xa0\\G1\x0fo\xb1\xa2\x0b\x81i\xa9[\x0b^Y\x98E\xfc\xe7\xe3\x13\xa7;\xc3D\xe6?\x15\xf7|Q\x97\x185\xf6U\x90-\x11\xe3dI:\xbaSA;\xd2Q\xa2G\xea\xe6p\x07%(\x1a\xe1\xffF:\xcb\xe4\xd4S\x89\xe8#\xa6\x91l\x92V\x0e\xe71\x15)AW\xacd\xb8\x1a\x15\xf3\xc2\x81\xf0\xff\xf6 +\x0b\xacD\x1fh\xba\x08\xa8 W\x90&amp;@\xeak&amp;\x97`\xb2la\xdc\xf4\xc9\xdc\x90a\xdbm\\\xff\xdfD\x013Q\x04\xe3\xc2KKe&amp;&gt;\x0e\xfc`\xb5\xaf\x02\xe3w^\xf2\x11\n\xc1\xf7=\x93y\xdd0A\xa4\xc5\x87\x1e\xcd\xd9\x1d2:\x87\xe9\xe5Pe\x1eO_D\x9b\x0f:o1;\x8a1\x1d\xba\x91\x19\xe1D\xc2P\xa8\xe9\xe7\x000&gt;\x8d\x06\xba\x1a55\xbe\x88"\xc6L6\xbdh\xd6\x02G \xa3\xd5\xfcH^\xd4z#g\x1f\xdb\x8d\xcd\xd7\xfa\xc7#\xc8\xc6(\xf2y\xe4\x96*\xf9\xaf\xfc\x85\x93\x07O\xb3\x94\xd4\xb4\xcb\xa4\xa9K\xce\xc4\x92\xbc\x1e\xcf\xf8\x0f\xf5\x12\xac6gH\xe3\xa3\xd3MX\xffr\xde\xb2\x04\x01\x81`r\xc0&gt;\x9a/\xb0gV\x01TM\xc2\x9f\xcb\x81\x9a\xec\x9c\xf0\xa2\x93u\xb6SaJM\xde8@Y*\x07\x9e\xc6\x1d\xe2\x1b\x7fo./t{\x13^\x19\xf8\x08m\xc7qW\x01\x9d\x9ex\x9ex\x1b\xbc\xc2\xcbJ\xe5\xb4\x0b\xefe\tp\xbe\xbe\xe1\x1f\x81\xec\xee\xcd\x83\x8bR\x05\x98\r+\xf5\x87\xab\xe0\x88\xa88\xf0H\xa0\xd9dl\xe6tK\xbe\x81\xca\x0f;\xdb/*\x1d\x19l\xa8\xbcA\xef\xe77Bl\x02\xbdn\x85\xd9c\xdepa\xa5\xca\x16+\x99`\xb6\xa0\xd4~.\xfb\x16n\xda?\x9a\x02\x1f\xfa[\x15\xbc#w.\xe9\x82\x96\xbc\xc3\xf6y\x84\xf2I\xc2D\xc3\xfbLS?D\x05\x0c\xf7c}\x9a\xd2\xd7\xe9\xfa\xdc\xbb\xc9\xd7\xf5\xa5\x16\x858\x94\xf4;4\xbb\x05\xf4\xb8\xa7\x05)!t\x93\xacZ\xf9\x132`\x98\x1b\xab\xff\x1c\xba\xeb\x99\xdf\xde\xd0w\xb6\x00\x80\xf2\xcd~\xef\xe5\xfes\x8c\xe0\xf5\x98\x13p\xa6nz\x07\xcb]\xb50\xb4\xec\xef\n2\xce\xe3\xfb"I&lt;\xe4\xd8\x8e\xdc{\xf5\x16V\xd2\xf3k\x18\xec\xfd..\xc3\x163\xe7\xfb7\xe4\xc5\x978\x9a\xa98\xf6_H\xc2\x8d@\x87\xef\xb5\x8b\x01?\xdc[ \xcen\x8eY\x13\x9c+\xe9\xecN\xaa\xb0\xca?\x04(#\x8e\x10\xe3\x0e\xa7\xe8!\xa5\xdbA\xf2\x08\x96\xf0\xb8,T\x04u3S\xb9\xec\xd6\x86\xeaR\xf1\x1e!j\x0f\x84\x88\x0e\xb1=\xddB.X\x90\x8f\x1c\x13\xdb\xb7\x9al\x8cK\x0c\x17\xe0L&gt;\x8c\x0f\xe0\xda\x7f\x86\x02\xe3\xed\x94\x91h\x19\x84\x8a0\xd1\xfc}\xe0\x0e}\xf2 G?\x07\xe3\x08\xc3\x9c\xc5 \xd7G\xde\xe8\xd1n\xa1\x1b\xe7\x80\xc4\xd9lj\x04a\x98#\x9c\xb9\xa4\x19\xd9]\xae\xcd}\xde*H`\x15.\xc8/_\xf5\x1dr\xcbG\x7f\xaf\xe21Z\xd0\xdf\ro\xbf#s\xe6\xe0\x9f\xf8F\x0e\xc6\xbc\xf3\xe1\xc0I)\xd2,\x97\x955\x89\xf9:y\x1c\xd4z\x95\x03\x07I\xb4\xf7\xe0Y\xd7tM\xc1\x9bXR*\x01\xe2\x9bd\x08n\x82\xad{e#\xc1l\xe7\x9d\x14\xb4\x13\r,\x87\xf9\x1a\xe3\x04\xcf\x80\xd0\x1e\x92P~\xd7\x1cm\xbb\xc1\xc0M\xeeIR\x93\xfc\xf1\t\xe7\xd8\xd6\xa7`\xca\x00j\xf7Z\xfbG\'\xf8\x8b\x86\x90\xac\xa7\x01\xfb7?\x9d$\x0f\xe1}6\xa6\xd5\xc5\xf7m\xfc\xbe\xf46\xa3\x91\xea\xd8P\x8e\xb0\x92\xc1\x91\x95\xc8v\xe0\'\xbd*\xe7\x884b\x97$\xa1\xd6\x95\xa0Z\xde\xd2\xbfOxN\x0b\xea\x0fk#\xc3\x97\xa0X\xe4rM\x12\xe2*\xe3K\xf4\x86\xa8\x0eO6\xa3Ih\x11\r\xd9\x9c\x03\xee\x01\x8c\xe01\x88\xcb\xcer\x07\xba{KKj\xdbb\x1a\xbf\x17\x8c\x1a+\n\xc3W'</t>
  </si>
  <si>
    <t>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</t>
  </si>
  <si>
    <t>b'8\x16\x99\x08\xae\xb5a\xff%\x0c\xf4|\xec\xbe\xf3\x92'</t>
  </si>
  <si>
    <t>the oscillation ceases. Com_x0002_pare the minimum required I1 with the
 theoretical value predicted by Eq. (13.26).
 14
 Output Stages
 and Power Amplifiers
 The amplifier circuits studied in previous chapters aim to achieve a high gain with desirable
 input and output impedance levels. However, many applications require circuits that can
 deliver a high power to the load. For example, the cellphone described in Chapter 1 must
 drive the antenna with 1 W of power. As another example, typical stereo systems deliver
 tens or hundreds of watts of audio power to speakers. Such circuits are called â€œpower
 amplifiersâ€ (PAs).
 This chapter deals with circuits that can provide a high output power. We first reex_x0002_amine circuits studied in previous chapters to understand their shortcomings for this task.
 Next, we introduce the â€œpush-pullâ€ stage and various modifications to improve its per_x0002_formance. The chapter outline is shown below.
 âž¤âž¤âž¤
 Basic Stages
 â€¢ Emitter Follower
 â€¢ Push-Pull Stage
 and Improved
 Variants
 Large-Signal
 Considerations
 â€¢ Omission of PNP
 Transistor
 â€¢ High-Fidelity
 Design
 Heat
 Dissipation
 â€¢ Power Ratings
 â€¢ Thermal Runaway
 Efficiency and
 PA Classes
 â€¢ Efficiency of PAs
 â€¢ Classes of PAs
 14.1 GENERAL CONSIDERATIONS
 The reader may wonder why the amplifier stages studied in previous chapters are not
 suited to high-power applications. Suppose we wish to deliver 1 W to an 8-_x0002_ speaker.
 Approximating the signal with a sinusoid of peak amplitude VP, we express the power
 absorbed by the speaker as
 Pout =
 _x0002_ VP
 âˆš
 2
 _x0003_2
 Â· 1
 RL
 , (14.1)
 673
 674 Chapter 14 Output Stages and Power Amplifiers
 where VP/
 âˆš
 2 denotes the root mean square (rms) value of the sinusoid and RL represents
 the speaker impedance. For RL = 8 _x0002_ and Pout = 1 W,
 VP = 4 V. (14.2)
 Also, the peak current flowing through the speaker is given by IP = VP/RL = 0.5 A.
 We can make a number of important observations here. (1) The resistance that must
 be driven by the amplifier is much lower than the typical values (hundreds to thousands
 of ohms) seen in previous chapters. (2) The current levels involved in this example are
 much greater than the typical currents (milliamperes) encountered in previous circuits.
 (3) The voltage swings delivered by the amplifier can hardly be viewed as â€œsmallâ€ signals,
 requiring a good understanding of the large-signal behavior of the circuit. (4) The power
 drawn from the supply voltage, at least 1 W, is much higher than our typical values. (5) A
 transistor carrying such high currents and sustaining several volts (e.g., between collector
 and emitter) dissipates a high power and, as a result, heats up. High-power transistors must
 therefore handle high currents and high temperature.1
 Based on the above observations, we can predict the parameters of interest in the
 design of power stages:
 (1) â€œDistortion,â€ i.e., the nonlinearity resulting from large-signal operation. A high_x0002_quality audio amplifier must achieve a very low distortion so as to reproduce music
 with high fidelity.</t>
  </si>
  <si>
    <t>b'4\x10\xe4Z\xff\xd7\x0e\\\x81f\xfb\xb8yNi\xae'</t>
  </si>
  <si>
    <t>3410e45affd70e5c8166fbb8794e69ae</t>
  </si>
  <si>
    <t>back to over and over, go to mystorybrand.com. Because
 you bought this book, you get free access. Your StoryBrand
 BrandScript will be a powerful resource helping you organize
 and simplify your message, and youâ€™ll use it again and again.
 With the StoryBrand BrandScript tool, you will be able to see
 your brand narrative on a single page, which, again, will translate into a clear message you can use to grow your business.
 BUILDING A STORYBRAND
 40
 CLARIFY YOUR MESSAGE SO
 CUSTOMERS LISTEN
 As you walk through the seven parts of the StoryBrand
 Framework, simply follow these three steps:
 1. Read each of the next seven chapters.
 2. After you read each chapter, brainstorm potential
 messages you might use to populate your BrandScript.
 3. Carefully look at your brainstorm and then decide
 on a specific message to use in each section of your
 BrandScript.
 Once you complete your BrandScript at mystorybrand.com,
 you will have the basic messages to employ the SB7 Framework
 on your websites, in keynotes, in elevator pitches, and in all
 manner of marketing and messaging collateral. This means your
 messages will be simple, relevant, and repeatable. And remember, simple, clear messages that are relevant to our customers
 result in sales.
 Every human being is already speaking the language of story,
 so when you begin using the SB7 Framework, youâ€™ll finally be
 speaking their language.</t>
  </si>
  <si>
    <t>b'\xb2\xe7\x03\xff\xb8\xf6J.94\x8a\xbd\xf2,\xce\xe3\xael\x80\x04\xfb;FE-\xfbA,\x17s\xd7\xb9a\xa3{\x8b\x1f\x13A\xc0Y\xba;\xd0\x02\x96\xad\xb2o3\xa2\xfc7\x0c\xcbC\x80[\x0c3\x92M\xf0\xde\x84\xaa\x96\x81\xf2\xf6`\xa8\x1a^)r\x91p\x10@-2\\"\xf6\xfbg%\'\xeb(n\xc8[I\xf2\x0f\xe5\xb1\xffN\x9e\xda\xd0\xc3\xecQU\x04. \xf4\xd4\x85}\rQ\xdc\xb1\xb97\xd4\xd8\x9flO7\xe2\xeb\x17n0\xe7P\xb8a\xe2\x85\xbb8J\x1fG0V\x96\xee\xc3\r\xcc\x89\xe9!\xbd\xaa\x08\xf0\xf5 \xfc\xea\xd8\xb8w"b#\x06J\xa5e}\xb9\xb2\x93{l\xe4\x1f\x83,\x8d&lt; \x86{\r\xed\xc0\xb3a\xd9x\xa9\x07\xecS\x92C\xfekj\xae\x16\xa6\x9ev\x87\x80A\xc6\xb0\xa10\xb1\x85\xbc\xf3\xcd\xb6\xec:\x0e\x14\xc2\x89\xe7\x9c\x83\xe0\xd7\xe4#\xc4;\x83\xaa\x95nc\x02\x13\x93Xxjt\x04\xe6N3!7\\\xcd\xeb\x1eF\xc7\xb3Qz\x0e\x15\xaf\xaeT\x1c\xb6q\xfeQ\x8c\x95\xd8\x19\xceeg\xdd\xe3\xac\x9b\x84\xc7\xd5\xecr?vL\xea\x7f\xd3\xef`\x07\xc2\x80q\x12"\xfc\x14\xb261n\x052i\x8a\xdd\xf1\x90-\xde5\xe6?6\x81v\xb3\xa9#\x98\xc8\xab\xb0\xe4\x1a\x90\x17|Ir,spb\xb0X_\xbb\xee\x99:\x0e\x8c\x9f\x16E\xfdF\x05\xa1\xc8\x8e\xe8\x7f\x10\xf2Yh\xce\x87] \xf3\xca7\x92?~\xd6s{\xf4\xce3=\x03\x96\x1a\x84\xb0\xaf2\x0fg\xcb\xedm\xfd\x06Q\xbc\xc8\xed\xdd\xf4F*%\x19\x8d\xea\x97T\x0b\x96\xdd\xe9Z3\xfddiuPe\xa1\x90\x0e2t\xb7\xe6O\xd3 w\xd9}L\x12\xd1\x87\x90\x04\xa5\xcb\xd3\x9a\xb7\x7f_\x13\xa8\x87\xbb\x9f\xe1\xf2\xbf\x96\x9c\x1b*\x89,\xad\xc6W&gt;\xcc74\xed\t}\xc4N\xc5\xefH\np\x87\xc0W!S\xd4\xc2u1\xbb\x1fvv:\xdd\x8e\xbee\x1d\xe2\x95T\xcep\xe0*\xc5\xb4\x9d\xbe\xd93H\xd4\x1a\xe3\x0b\xf7\x025!\x9a\x906a\xaa\xd0AC\xe9\xc8r\xb6\x9c\xfd\xf8\x03l\x1b\xa0\x0eH\n\xedG\xc8\x98F\x16\x14\xe2d\x009\xcc&amp;e\xa1\x80\x8f\xcb\xf4\xf55\xb7&amp;\x9c\x81\x1b?\xf45\x9a\x93\xb2c\x0f\xcf?\x89(\xbb\xc5\xe1\x15\xb9fx\xa2O\x92\xb3H\xba\xc8\x83\xaa\x17;\xf5\xca\xee\x0ev7\x08\xf7\xf2\xe45\x0f\x98*z\x96U@tRp\x93j\xd3\x99\x92\x1f\xf1e\x18\xbc\x87\xb9\xc2\xb2\xf7Q\xb0b\xdd\x18O\xc3\xaf\xfc\xaf{\x85\x93\xa0\x94\xb4\xa6y\x93Lx\xf7\x1e\xe3\xd7\x96\xf0\x93\nC\xc4~_\x9b\x9c\xff\xfaFR?Ti0I\xc7\xd8\xde\x92\xea\x1b\xd1\xc4CT\xe6_\x18Z\xd8=\rX\xafp\x17\x07\xe1\xae\xc6\x11\xfb\x88Q\xf34\xad\xe2\x8f\xce\xc9a\x92\x1a/\x89l\xefmI\tR\x9c\xe2\xaf\xa70\xf0b\xb3 #\x10t\x12\xe5\x8c]p\xfdE\x1a\xb4\xb7{\xa7L\xbcg`\x83\x07\x0c\x92+l\xda2\xed\xdf\x0c\x81\xff\x1fa&amp;\xb4\xa1\x90a\xf8\xcf\xf3\x91\x198\xf0J\xa8N\x97\xab\xf9h\xe7&gt;a\xa7\x88&gt;\xddFh?\x81\x85\xb6\xbf\xe3B\xd9E\xd0ydh\x9c4\xd5V\xad\xe5\xd5\x1e\xf8\xb8\xd7\xf7\xb7\x1bq\xcf\xf9B]\x80\x9b \xa4\xc2\xab\x08(\xee3i\x9a0G\xfee\xde\xdd\xa9\xe6|\xa4\xe7\x1cs\x0bH\'\x0e]\xb0\xdb\xdc\xd8\xb4+U&amp;\x97 }\xb0k\xb5\xb0m3\xff\x01\x0b\xff\xcb\xa0\x0e\xa1\x89z\xed\rH\xe5s\x8a\x95\x8c\x15k)N\x85\xa5\x13\x98K\xc8\xae6\xe1e\xab\xad\xc5q\xbfx1\xc8\x1d\x05"td\xa6\x85c\xc8\x8d\x9fC\x0cM~\xd8\x1a\x80a.4\xda\x06C\xff\xb9\xeb\x0b|\xefG\xd8\xd9T7wzXH:\xeaR\xf4\xbe\xdc\xb6\xb0\xef\xc5Q\xe8\xd6\xab\x1d\xaaf\x0e\xf5\xc99\x06\x15\x82\x8a(\xd4\xe4\xe8\x92\xd2;\x08i=\x18\xfa\x07\xca\xfc\xf9\x7fIh\xd0P\xf4\xacb&amp;\x05\xb2\x88\xdb\xc21G\x01\x00"\xd7)\x9a\xa6?\xfd\xa5\xca\xee\x7f\xcf|\x94C"r\xdfj\xae\x8d\x1c6\xa7\xa1\x8b\x83\'up\xb9\xdf\x91\xb9#\x8dG\x1a\xfa\xd8\xc6\x12\xfa\xae9\\\x01\xbb\xfc9\rR(\xf7R\xb8\x83Fz|5!wS7\xe3OD=M\x02\xd42P\xde\x87+n\xf6A;g\xa7P\xbb\xdd\x14p\xc3\xe0\xb3_\xca\x03\x87\xbf!\xcf\x94\x1d\x80\x82i&gt;\xe2m\x8f\xe9B\xbdz\x8b\x1e\x88\x94\x8e\xad?W\xc3\xe9zPu\xfd2\xd3\x83w\x95\xdb,j{\x08o\x9d\xa4D\xcd\x9fB\xf3\x15\x0e8\xe2h\x8a\xecQ\xb0\xdf\'\x97\\ud\xd1\x93\x88\xda\x01(;X\xd3(\x8a\x0b\xa6\x85\x98\xa0\xd0\x15\x1f\x18\x90B"\xf8\x0e\xb6\x06\x82 \xd0\xc6\x94\xfd\xf4\x99\x15S%\xe5$&lt;\x88\n\xf0Q{\xb6\x8bg\xb4\n\xbd\x07\xc7Xw\xf6\x1e\x8c!\xd9\x05\r\xea\xc6\x83\x19H`#\xb8\x9c\xcf9/F\x19l\xf5,Z\xd0s{\xdc1%\xbb\xc6,\x9a1Nn\'N\xd6[\xeb\r\xdf\x05?Z\x11*5\xbbe\xf8\xa7\x85O\x12\xcd\x8bf*\xd7`.\x9b\x05\xeeC`F\xda\x92\x1cK\xf3 \xccS\xc0\xd8\x02m\xb0D\x0c+\xb7\xdfX\xf5t\xad\x15\xf5\xde\xedT \x13\x9b\x07\\\xc6\xb1\x16f\n\xe4\xa3\xd7\x0c\x89\xbb;Ay\xedS\xfdA\xcc\xf7\xb7\xf7]Hm\xffU\xba\rm?j\xbe\x9b\x9cx\xe2\x1d\xf3\xca\xd85\x8cE\x82KV\x12\x9b\xcb\xbf\x87(A\xc2=\xd2'</t>
  </si>
  <si>
    <t>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</t>
  </si>
  <si>
    <t>b'\xb2\xe7\x03\xff\xb8\xf6J.94\x8a\xbd\xf2,\xce\xe3'</t>
  </si>
  <si>
    <t>thus carefully be
 concealed, but somewhat wanting courage. 'Holy Virgin! what can this
 mean?' exclaimed Annette. 'This is surely the picture they told me of at
 Venice.'
 'What picture?' said Emily. 'Why a pictureâ€”a picture,' replied Annette,
 hesitatinglyâ€”'but I never could make out exactly what it was about,
 either.'
 'Remove the veil, Annette.'
 'What! I, ma'amselle!â€”I! not for the world!' Emily, turning round, saw
 Annette's countenance grow pale. 'And pray, what have you heard of this
 picture, to terrify you so, my good girl?' said she. 'Nothing, ma'amselle: I
 have heard nothing, only let us find our way out.'
 'Certainly: but I wish first to examine the picture; take the light, Annette,
 while I lift the veil.' Annette took the light, and immediately walked away
 with it, disregarding Emily's call to stay, who, not choosing to be left
 alone in the dark chamber, at length followed her. 'What is the reason of
 this, Annette?' said Emily, when she overtook her, 'what have you heard
 concerning that picture, which makes you so unwilling to stay when I bid
 you?'
 271
 'I don't know what is the reason, ma'amselle, replied Annette, 'nor any
 thing about the picture, only I have heard there is something very
 dreadful belonging to itâ€”and that it has been covered up in black EVER
 SINCEâ€”and that nobody has looked at it for a great many yearsâ€”and it
 somehow has to do with the owner of this castle before Signor Montoni
 came to the possession of itâ€”and'â€”-
 'Well, Annette,' said Emily, smiling, 'I perceive it is as you sayâ€”that you
 know nothing about the picture.'
 'No, nothing, indeed, ma'amselle, for they made me promise never to
 tell:â€”but'â€”
 'Well,' rejoined Emily, who observed that she was struggling between her
 inclination to reveal a secret, and her apprehension for the consequence,
 'I will enquire no further'â€”-
 'No, pray, ma'am, do not.'
 'Lest you should tell all,' interrupted Emily.
 Annette blushed, and Emily smiled, and they passed on to the extremity
 of this suite of apartments, and found themselves, after some further
 perplexity, once more at the top of the marble stair-case, where Annette
 left Emily, while s</t>
  </si>
  <si>
    <t>b'yn\xd7T\xe4-\x18\xf42P\xa0\xb6\ny\x97\x8a1\x81\x10$\xd1\xa8W\x92\xa1\x12K\xb1\xc5\xa6\xd3D\t4)\xae? kvh\x89\x93\x82w$5|\xeaG\xc1\xf9\x91\xed\x87\xe7\xa2\xe2\x83\xbd\xfa\x14&gt;\x92'</t>
  </si>
  <si>
    <t>796ed754e42d18f43250a0b60a79978a31811024d1a85792a1124bb1c5a6d344093429ae3f206b76688993827724357cea47c1f991ed87e7a2e283bdfa143e92</t>
  </si>
  <si>
    <t>b'yn\xd7T\xe4-\x18\xf42P\xa0\xb6\ny\x97\x8a'</t>
  </si>
  <si>
    <t>s that possible? Equation
 (10.1) implies that a change in VCC directly appears in Vout, fundamentally because both
 Vout and VCC are measured with respect to ground and differ by RC IC . But what if Vout
 is not â€œreferencedâ€ to ground?! More specifically, what if Vout is measured with respect
 to another point that itself experiences the supply ripple to the same extent? It is thus
 possible to eliminate the ripple from the â€œnetâ€ output.
 While rather abstract, the above conjecture can be readily implemented. Figure 10.2(a)
 illustrates the core concept. The CE stage is duplicated on the right, and the output is now
 measured between nodes X and Y rather than from X to ground. What happens if VCC
 10.1 General Considerations 439
 Vout
 VCC
 Q1
 To Bias To Bias
 Q 2
 X Y
 R C1 RC2
 Ripple
 VCC
 Q1 Q 2
 R C1 RC2
 Ripple A 1
 (a) (b)
 in v
 X Y
 Figure 10.2 Use of two CE stages to remove effect of ripple.
 contains ripple? Both VX and VY rise and fall by the same amount and hence the difference
 between VX and VY remains free from the ripple.
 In fact, denoting the ripple by vr, we express the small-signal voltages at these
 nodes as
 vX = Avvin + vr (10.2)
 vY = vr. (10.3)
 That is,
 vX âˆ’ vY = Avvin. (10.4)
 Note that Q2 carries no signal, simply serving as a constant current source.
 The above development serves as the foundation for differential amplifiers: the sym_x0002_metric CE stages provide two output nodes whose vol</t>
  </si>
  <si>
    <t>b'w\xa2\xb8\xb8y\x9dQ\x84\xacy\xc2T7:\xbdc'</t>
  </si>
  <si>
    <t>77a2b8b8799d5184ac79c254373abd63</t>
  </si>
  <si>
    <t>ho wrote a handbook on how to govern a
province, quoted the emperor Septimius Severus as advising that a governor should
not remain aloof from his subjects, but that he should be careful when taking gifts:
neither everything, nor all the time, nor from everyone (D. 2.6.3). Ulpian elsewhere
16 David S. Potter
stresses both that the governor is second only to the emperor in the province, and
that he is constrained to respect his subjects in a wide range of official and semiofficial interactions. If a man put his foot wrong too many times, he could be ruined.
As Maud Gleason suggests, â€˜â€˜mutual suspicion and the power imbalance tended to
poison relations between the governors and the governed.â€™â€™ Furthermore, as Clifford
Ando shows, mutual suspicion was compounded by the tendency of local elites to try
and draw the imperial authorities into disputes where they had very little background,
and where the support staff would be totally</t>
  </si>
  <si>
    <t>b'\xf6}\x05\x1d\xbf,\xb7\xcfM$j\xbb\xaaZ\xb0\x8c i\\\xc8c\x8e\xed\x1fU\xaf\xcf\xf9h\x0c\x98\xa1\xcc4x\tx&amp;.~\xf7\xc3}\xd0Q\xf9\x8d\x87\x94H\x97\x92\xe6\xef\xf5\xce\xbe\xaa\xd1\xc2\xb2\x8c[WHl\x82,\xfa\xe4\xab/\xd4\x0f\x0c\xc4\xe9\x9eQ\x88\xda\xc0\xd1\x9djqK\xba\xd7\x16\x81IE\x94|\xb8R\xe7G\xba\xee\xb0\xee\xc3\x16\x1c\xf6%xjkr\n\xd0X\x87\x14\xc0\x1f\xd5\xba\xf4\x98\x9b\x97{f\xe7Tv\xd0\r\x81\xdc\x1a|.\xdc\xd5\xd1\xd3\x1f\xbdv\xa8$\x82\x1b\xf8\x80Q\xc5\xc9\xc4!\x84f\xd3\xd9\x86\x0eK\xc9r\xda]\xec\x04.\x9a\xae$\x00f\x81j\nL\xce\x04Z\xafu\xd3\xa8\xd4_.i\xc3\x07\x03\x9b]z\xbaAN\xfd\x10\x8e\x1f)\x1b?\x8c3\xe8\xc9&gt;\'}C\xab\x17\xf8\xca\xb8\xf8\x7f\xbc\x0b\xac=O\x02\x87\xd85U]7\xfd\xe0//P\x00\x82\xbb\x98\x9c\xba}\xd864\xa5\x06\xd6x\x03\x1c\xbb?hw\x82)\x01\x0ef/\x16\x1d\x16Q\xe8\x99\x80i\xfe z\xca#q\xe3In\x80\x80\'\xc9\x08\xf7P\xf7&amp;\xbe\xccB\x98\x84p\xe6\xe6Ky\xdd\x96,\r\xef\xf9!s\xffh\xaaw\x02\xf4\xfc\xdb\x00\xc9t\x96%\xa2m\x87\xa1\xaf\xc75\\Rl\xed6\xa4eCws\xa0\xa1r\x99/\xb6e\xf7%\x93J\xdcWd&amp;\xcc\n\xb1\xd1\xdf\xc5+\xfc\x05]\x88\xd23\xce\x18\xfbn\xb44\xf9\xef\x80b\xb4\xb1Djf\x0e\xc0[\xeaRj\xea1\x06\xe5n\xbd\x92\xb6\x9bp\n\xe3g\x11\xe5\xfbX\xca$\x1bz\xe9\x8e\xe3\xa4\xe5[\xaa/\xf6r&lt;\xa3\xb9\x84\xcf\x01")\xbb\x88&amp;i\xd3\xa6\xc7\xa1xTGr\xce\xb7B\xe2t \x14B\xa1\xb0\xb9\xd3\xae\xe5e\xd0\x10H\x9a\xed\x1e\xa5w\xdcw\xed\x19*&gt;c\x13\x98\x7f*\x9bu6\x19\xfa\x98\xbf\xdb\xb80\xef\xc9\x96HU4\xcf\x9c\xeb5\xf5\xf6\xea\xe8\xa68\xfbC\xb7\xcf\x81,H\xa6\xednS\x8cUL\x10\x86\x84\xe4=\xa2\xab\xe2\x8c1\xcb\x07h\xda1;Z\xd4\x08\x1c\xe5\xcc&amp;\xe1\xae\xbf\x9d\xb7\xf5\xe5\x81\rVymW\xb5q\x0f\n\xea\xfeK\xc7\xf8\xf70nh\xe4^,zFTZj\xc5\xc4\x15\x9e^\xac\x99|\x844\xc54\x86\x1d\x05\xfc\xf6&lt;M\x12\x9b\xc6\x8a\x0e 3BQ]m\xb4l`&gt;\xde.r\x11\xe5\xe2\x9a\x97A\x9dT\x9e\xa3t\x92\x88\xd5\r"&amp;&gt;0\x0fF\x0f&amp;\xa4&gt;\xd9\xfe]\x82u\x00\xf8\xe3\xbc\x05\xc4\xab\x1f\xe4\xbf\xe236`C\x8c\xf4I\xb4\x96t"%\xbf\x03\xb1\xb8\xa4\x8d\xa2@\x9bP\xc4\xcaoeS&gt;8z~\xf6\xa3\xd5b\xcd\x9d\x9b\x07\n\x8eg\xadi\xb19M&amp;J3)\rJ\xcf\xc5\xa4XO\x9cG\x13\x97\x1ez\xf9\x85\x87\x90 \x85\x8b\xd2\x05C\x98\xff\xecn\\\x9b9\xfe\x922\x81S\x0c\x9f.H\x11W\xce\xf646k\xbb-&lt;Q\x94Y\xd9\xc1n\x8a\xea\nedOO\xect\xd1\x13\x9a\xec`B2\xc1]\xa2k1\xdb\x0bu\xad\xeb\xe2M[\x0b\xae2\x1f\xd3\xa8\xd3*\x16\xf2Z\xd7l\x9d\xd42\xe5\xa9_\xf6Q~(\x84\x07\xa98\xfe\xc8\x08\x16\xcc\xb7\x17v6\xb6\x82\xd7d\xd2\x90\tCO\xa4\x0f\xa3\xc29\xf4\x82\x9d\xff\x9e\xacC\xc7\x01Ol\xf8\x90-\x9c\xdb8\xd0\x84$D\x9c\x12\x15\xa2\x13X\xf1oFw{\xfc\xd1\x04i\xbd\x02;\x0b\xf7\x99P\xdd\x14\xf9v\x04\x86\x10[\xaf\xda\x00]\xae\xbc\xb6\xb6-G&amp;xY\x1b\x8dGz\xd0A1\xf3| d\xa5\x9aMJ\xf5;l\xacFI\xd3\x92\xce\xe4\x04e\xdc\x1c\x96\xecTy\xfa4V|,\xa4&gt;\xac)P\xa8Oa9\xb99"\xa8\xffym\xa9\xd3\x01Q\xb9\xf4BRB\x0e\xb2\xf1l?H\xd3\xb9S\xb4\xb9\x95\xaf\x17\xbeI\x92\xe8'</t>
  </si>
  <si>
    <t>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</t>
  </si>
  <si>
    <t>b'\xf6}\x05\x1d\xbf,\xb7\xcfM$j\xbb\xaaZ\xb0\x8c'</t>
  </si>
  <si>
    <t>t know how it is, but I
 just thought they did.'
 'O Wendy,' cried Tootles, 'was one of the lost children called Tootles?'
 'Yes, he was.'
 'I am in a story. Hurrah, I am in a story, Nibs.'
 'Hush. Now I want you to consider the feelings of the unhappy parents with all
 their children flown away.'
 'Oo!' they all moaned, though they were not really considering the feelings of
 the unhappy parents one jot.
 'Think of the empty beds!'
 'Oo!'
 'It's awfully sad,' the first twin said cheerfully.
 'I don't see how it can have a happy ending,' said the second twin. 'Do you,
 Nibs?'
 'I'm frightfully anxious.'
 'If you knew how great is a mother's love,' Wendy told them triumphantly, 'you
 would have no fear.' She had now come to the part that Peter hated.
 'I do like a mother's love,' said Tootles, hitting Nibs with a pillow. 'Do you like
 a mother's love, Nibs?'
 'I do just,' said Nibs, hitting back.
 'You see,' Wendy said complacently, 'our heroine knew that the moth</t>
  </si>
  <si>
    <t>b"$7'_+\xb1\xd5`"</t>
  </si>
  <si>
    <t>2437275f2bb1d560</t>
  </si>
  <si>
    <t>to confusion; weâ€™re either making music or making
 noise.
 Nobody remembers a company that makes noise.
 DOES YOUR MARKETING
 PASS THE GRUNT TEST?
 Just like there are three questions audiences must be able to
 answer to engage in a story, there are three questions potential
 customers must answer if we expect them to engage with our
 brand. And they should be able to answer these questions within
 five seconds of looking at our website or marketing material:
 1. What do you offer?
 2. How will it make my life better?
 3. What do I need to do to buy it?
 At StoryBrand we call this passing the grunt test. The critical
 THE SECRET WEAPON THAT WILL GROW YOUR BUSINESS
 25
 question is this: Could a caveman look at your website and
 immediately grunt what you offer?
 Imagine a guy wearing a bear-skin T-shirt, sitting in a cave
 by a fire, with a laptop</t>
  </si>
  <si>
    <t>b'b\xcf4\xff\x8fM\x08F\xfa\x97\xbe\xc9\xe6;\xc7\x87\x9eC\x9c\x8eC\xf5F\x98\xb53?\x1cI&gt;\x9fO[\x1e\xbfD\tE\xa9\xb3\xdf\xa8\xd4\xb6\xba\x87!,\x0b\xed\xcb\x08C\x95\x80\x0b\x04\xa4\xddk\xf2\xa3A\xf2\x85\x17Y\xb9&gt;\x16C\xb3\xed\xbb\x1e\xf0\x9f\xd1\xfd\xc5\xa9\x84D\x8eE\x05\x82\xa4\xfa\xb7\xad\x82z\xedo@\xa1\\\xee\xef\x8agl\xaeU&lt;h\x90\x90Z\xd6\xb9+1\xa3\xaeQ0\xc0\xea\xda$\x1550\xbf\x15\xaa\x97\xf6\xedA\x10\xf5\xe56\xba\x94\x98?\xda\x8b\xe4\x05T\x08\x06-\xb3\xcc\x8eL\x98\xc0f\x0cg\x90\x14\xe1\xb2H\xcdE}\xb2d\x14\xcbd2\xb2zI^e*\x91\\\xe4\xdev\x88\xb3\xb2W\x1bP\x93\x13wr\x82\xd6\x1a\rv~\x8d\xa1\x10\x99\xd8\x06\xf3\xb3\x92r6\x90A\x11sR\xb18\x88\xbc9\x94 \x9c!e\x91\xe1\xb3\xb8\x03\xa8y\x05\xdc+\xe6\xee\x05\x9e$\xb20\xb3q\x91\xeab\xfbW\xf6\x9d\xd5Q\xbb\xc28f\xf90\t\x01\x02\x97\xc19x\x1d\x04\xf3\xacl\xe0\xa4\xd6\xab\x96\x139\xfd=\xa4\xba\xcee\x1d\x18\xb4\x1cx)\xed)\xd5\xf9\x8do\'H\xd64\x8a\xaa#~\x05\xb84\x92,\xecu\xad\xac\x05\x9eo\x14N+\xc9\xa5\xa6\xa8\x90\xc9$0\xc80%\x95\x1e\xc0\xdb\x85y\xaf\xdf\x02;\xb2"\\?\xa9Z\x88x54N\xd5\xd4\x82\xc2\xb6\x8b\x94:\x87\xad\xd7\x7f\x85%\x9e\xe3V\xee\x83\x14\xa6\xce\xe0W/!\x1b\xe2f\x17\x0c{_\xe7\xae\xc4\xe9\xd7\xd3zfn\xad$\xb2\xd4\xe5\xb0\x9e\x0c@\xfb\xb5!\x1f\\\xe4\xf5\xfe\xe7\xff\xbd\xc1+7,\xcc?3\xcd\xeb\xdf\x0bq\x96\xe8\xcd\xe7\xc5];\xecOq}\xb69\x1a\xf5\xf4Z\x81\xd2s\x83vo\x8c\xdd\x80\x01\x97\xa4\xc3\xc43\x86\x14\xb7\x1c\xad\xbb\xd0\x9e/\xc45,\xe3\x189N(\xcb\xd1z\xe8\x87\x96T\xf26\xa4+\xb5\x08p\x05m\xd6\x0f\xdd!\xd5y\x8c\xe9fm\x91\xaep\xac\xfc[[\xee\xde\xd9\x034\xe4y\x1f`\xb4\x06\x98\x1b@B\xe4\x86\xacg\xd7\x94t\x11\xdd\x1e=_.\x97]yK\x82\xcd\xb0\xe15E[\x02\xf8G\xa4\xec\xf0\xbe\xfb\x1b\xee\xf3\x10\x96-\'\xc87t\x80\xf7\xfa|\xaa\xd6~\xb7\xbcN\xb0\xab&amp;\xfcNm|&gt;}g\x9aA\x91E\x18\xed\xe4\xf6#\xdf],\xc9fV\xf7\x8e\x96\x01V\xde\x94\xdc\x8c*\x81ag\x91\x89\\\x04&lt;\x9c\x8a\xc7=\xfe(9\xfdT\x04\\c\x86f\xf4\xd0\xd7X\xbf\x049\x03\xf9\x83\x1d\x8b\xa2\xae\xeb;\xe8\xc4/$)\xa2\xaa\x8e?-\x10\x82\x9d\xf8gg```/7\xf4}1\xcc\xac\xf2\xef\xdc\x83{\xf4W8[\xb9\x87\x84v\x16#\xb3\xfc\x06Z|)\xa2\xd4"_B\xe0A\xce\xd8\x9d\x8d@\xf7\xaa\xcfn\xb6\xc9me\x84\xe1\xf3\x95\xdf\xa8H\x99\xbaO\xd9\x00\xcb\x81h\xbe5/\xe1\x9e\xb2\x0b;\x84\xd7k\xe5\x01x\xba\xaaq\xec\xe3Xhu\x8do\xff\xc0\\P,v+\xd3\xeb-V\xd8\x8ej\x19\xb6I-|i\x9b|dV+\xf3\xa8w\x00\x08\x8a\xbcy\xec\xf1\t\xbe\x93\xcdL\xd1\xb0\x16\xb3\xec\x93f\xa6\xcc\xde\xa8\xaf\xf6\x8e\xc9&lt;\xeb\xbd\x85|\xd0j\xf8\xd4\xc9\xb6\xf2B\xb2\xd1\x1aK\xf8\xb0\xc0u\xe5\xf7Wx\xe73\x97\xf3\xfci\x99\x8alU\xea\xf4'</t>
  </si>
  <si>
    <t>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</t>
  </si>
  <si>
    <t>b'b\xcf4\xff\x8fM\x08F\xfa\x97\xbe\xc9\xe6;\xc7\x87'</t>
  </si>
  <si>
    <t>y, we thought you would be killed! How did you manage
to escape the great Wildcat?" and they all bowed so low to the little
Queen that they almost stood upon their heads.
"This funny tin man," she answered, "killed the Wildcat and saved my
life. So hereafter you must all serve him, and obey his slightest wish."
"We will!" cried all the mice, in a shrill chorus. And then they scampered
in all directions, for Toto had awakened from his sleep, and seeing all
these mice around him he gave one bark of delight and jumped right into
the middle of the group. Toto had always loved to chase mice when he
lived in Kansas, and he saw no harm in it.
But the Tin Woodman caught the dog in his arms and held him tight,
while he called to the mice: "Come back! come back! Toto shall not hurt
you."
At this the Queen of the Mice stuck her head out from a clump of grass
and asked, in a timid voice,
"Are you sure he will not bite us?"
"I will not let him," said the Woodman; "so do not be afraid."
One by one the mice came creeping back, and Toto did not bark again,
although he tried to get out of the Woodman's arms, and would have
bitten him had he not known very well he was made of tin. Finally one of
the biggest mice spoke.
"Is there anything we can do," it asked, "to repay you for saving the life of
our Queen?"
"Nothing that I know of," answered the Woodman; but the Scarecrow,
who had been trying to think, but could not because his head was stuffed
with straw, said, quickly,
"Oh, yes; you can save our friend, th</t>
  </si>
  <si>
    <t>b'U\x13\xc4Q\xad\xea\xc8\x15.\xdbfs\x9aTg\xc9\xdf_z\xd4o/\xc8\x1d\x11%\xc2\x18l\xc12D0\xd4\'%xL\r:!J\x7f\xfcp\xb7{Un\xd3\x935\x1bQ\x1d\x1a\xd7j\xa1G`\xf2`\x0f\xce\xf0\xb1\xae\xf3*\x08E\x17PD\x97C1\xa1/\xfb^D#W\x03r\xc1\xe1\xd6\x0f\x97\xde\xb5*\x1a\xf9F\xd27\xfc\xdc\xc7GZ\'\xfe\x19\xfc\xc7x\xf9\xa5\xba\xa0\xb1\xd8\xf3\xe1n5\xd0[5\x13b;-R\x11}\xee\xa4\x04\x87\xa4\x8bD\xfd\xc4\x94&lt;R\x8bJS\x04M$\xf9\xa1o\xc1a\xc8U\xdalY\xab\xa1&gt;8\xfe\x9e\xd1v\xf4#\x83%F\x1ba^QA\x97\xb3\xc35s\xe5\x05\x19\x91DG\xa9 \xae\xd1Wt@~*\xf2\xff*\x11\xa1\x1e\xf9-A\x8c\xf5;4\x8f\x81\xd7Z*\x84\xbf\x99&gt;+\xd7\xd2B\\#?|\x1b\xb6;n\x88\x05f\'&lt;n\x02\xf2\xbe\xd2\xe9\xfa\xbc\xfe\x1b\x0e\xdc\xfaP\x11JT}Y`\xb0\x86Z\xcfa\x1f\x89=\x9b\xbd\xd2Ox\xbb\xf3x\x1b\xe2\xa1p\x8bb*\xe9])\xdf\xa6\\`H\xc0\xd5\x98,-\xb4\xba\x83\x87~\x8b\x93=\xd1nFd\xa7\xb1\xfc\x87\xf1jJ\x96&amp;.\xff\xf85\xedU\xc6@\xdce\xbbG\xb6\x1c\x0f\x84\xfa\x87\x13\x12I\xf6\xe3f\xaa\xfap\xd7\x14\x93D\x12\xbd\x06\r\x0e\x8d\x83\xa0k,\xeb&amp;\xb2\xa1&lt;^\xd9A\x81\x17\xe4\xca\xd9\xb2yq3\xba\xbfT\xeaY\xebC\xd3\x9f\xc6\x8e\xa6\xb8W\xea4\xa7\x91dl\xb2L\xf7C\x9f\xb1\xf4\x1e\xa2\x07\xcc\xc6P\xea_\xc5\xde\x13]r\xd3\xcb\xa2OL&gt;o\xcb6\xdf:g\xf4\xa0\x13\xd2\xb5k\xbb8\x01\x85\xa0\x14\x06TPY\xd6\xed-\xb1\xb9\xdabjsw0\x9fjj\x9f\xb9v\xdf=\x1dq?\x10\xf6oI\x96\xed\xb2&amp;&lt;&amp;\x83\xb7\x15^\x82\rv\xba\xfc\xea\xe1i\xb4\x96(\xd8\x84\x8f+"/\xea\x92g\xaa8\x0ecn^\xf1B\xe2\xd1\x1f.\x17=y\xf5\xeb\x8a\\\xec\xa1n\r\xf0\xe8\xef[y\x8c\x92\xa4Z\x0c\x8a^\x0c\x1b\xab\'\xe5v\xb7\xfa\xd7\xa6v`\x8f\x89\xc9;\xc8\x9e\xc7Y 4C\x08\x9eB3\xe2\xfakI\xdbu\xd6\xe29\xef\'\x1d\x04.\xe9pd\x91f\xe7J\x94f\xaf\x87\xcb\xcc\xe9\xda\x89\x0fbS\x10\xca\x1b/&amp;#\xda\x95\x84\xb7\\2\x99F\x1a+\xe0WP\xe0i}\x86\r\x1f2W,\x0e5\x0f\xf4^r\x82\xcaw\x9c\xf5\xd8\xd7\x14-\x8aJW\xef\xcd\xaf*\xe2\xa20\xda\xadQ~t\x1f\x18\xd6\x00]X\xc8&gt;\x004\x84\x11;\xc5o-#%L\x93\x15\xf1u\xeel.\xe3k\x8d\xc0\xefBH\xad&gt;\xf6)\xc0\x9d\xac4\xda\x8d\xd7\xdap\x96\xf81\x911\xf0\xfb\xfb\xeb\x88\xac\x01~\xa25L\xe80T\r=\xc0:#@a&gt;\xc1\x16\x0e\xf6\x10W\x0f\xf0\xd1|Ma\x08&gt;6&lt;l#+5\xc5\xfc\n\x03\xa4\xa8X0\xb8\xcdv\xfa}\xdf}$\x82\xfc\xf2~q\xba\x0fHNqw]\xa8\xe5\x84\xf0\x94~3;\x8d\xf9\xe8\x97\x95\xa0\xc5MGg\xc5~\xc6\xa7\xbe\xa5\xb5\x08\xfa\x03\xd0=\x87\xe8\x7f\xbc\xe0eZ\xb6z-F\xa8\xd9\xe7\xb0gjC\x18\x17B\xa1\xad\x06\x04\x05\x94\xb2\x83\xa9\xa4\x01\x89\xbeKQK\x7f{\x98jQ\xa4\xfd#\x02N\xcd\xd5D\x8e\xf2+\xd4\xe7\xafM\xcaP\xf1\x94\xfc\xc7\xc13gZ\x96_\xe4`b&amp;m\x98\x02\xce\xac\xd3\x1b\xa7\xa9\xe2\xcc\xa3\xe4\x15$\xdfG\xa9\x17\xd4zgY\x83\x110*\xee\x00Q\x0c\x95;\x92\x90\xdf\xf8\x02\xb9\x94\x17~9\x0bxX\x81\x9b\xc74Vn!\x0b\'8\xb5\xbd\xcd\x89V\x11\x82T\xf1Z\xc05\x99\xf88M\x99%Sf[K#in\x7f\xb3|\x01s\xcb\xc4\xc0a\x02\x02:8\xcb\xa9\x18q\xdf\xf0\x8a@\x0f\xda\xbb\'\xfd\xf2\xdb\x06\xa9\xf1E\xb0\xcf\xe3\xae\xf4\xce\x84\\Y\xc9=\xd4\x8d\x9a \xe3\x81\xdb\x19\xb7b\x10\xd0\x14A\xd3\x99\xf6\x81\xfd\x18\xa9\x91\x1f\xdd\x9e4x\xdd2\x1b\xa4N":\xf6\x98Z-q\xd9^v\x9a\xa7\xbd.\xca@\xfcN7E"~9\x8a"y\xed\x7f\xb4\xcc\xe1\xd7\xc6\xf6\xb8n\x196|\x12\x02-\xa1\xde&lt;\xf3\xbe\xc4\xde\x10\xa5\x03F\xeea\x0f\xcf\xd9dP\x86f\xe1\xc2\xe6\xa7S\xfab\xd3\x85T\xc9\xe1\x1cf^\xe1m|Qy\xbe\x03\x1bk\xe0\xaf\x05\xde"\xa0\x8e^_\xc0\xc5\x00\xc4\xdc\x04`\xa1\xc5v~\xf9\x83\xac6\xe9`@\xc1\xc2)Sj\xe4Jn\x1d.\xe4M\xdf\xb9N\xa8\x89\xeb\x9d\xb0+e,\xcf@\\d~\xbf\xcf\x8a\xaf\x96Cw\x05\'!\x81\xeav\x80\xb8\xf4L\x99;\x13\xeeXnF\x9aX\x0c\x15 \xc4\xd8\x16\x94\xfe\x86\xbf\xe1\x079\xd4\xaa(\xe1\x87\x8b\xa2\xf2q(\x80\x80\x8cG\r/\x7f(P\xaa\x08\x18:q\xf61\x83y\xd6Hl\x08\xbc\x960\x0b\r7\x82_\x98\x9a$\xc6d\x1cE\x1c\xaa\x15\xa3+\x04\xf3i\xf876:\xab\xc6\xab\x19\x0f\xe8\xc7\xb2F\xf1\xb1\xca\xe0?\xc8\x8f\xd3Z\xc9P\xa7\x83+\\\x1dB\xd9q\xe9\xd0\xd1\x84\xe5\x82\x06\x93\xa7%\x00\xdc0\x81\xf5\xf4\xf5)\xc6\x1f\x0e\x9d\xaa\xca\x85\xae\xd7\x94y\xea\x8c\x05I8u\'\x83\\\x1f\x01\xe3\xbeAb\xfe\x9e\x1b&amp;@FjG\x0e\xc3\\\x04}p\x84\xb15\xb2\x04u\xe6fin\x08\xf1\n.9\x8de\xed\xabG\xb5L\x01r\xd8\xb3`)\xcd\xb5\x7f\xfbc\xda\xebs\xe8\xb9A\x00\xa7\x0bZ \x8c(\xa1&lt;\xc6\xa0\xb0\xdfh\n@\x14\xf0\xfe\x85Q\xda-\xb3d\x9b\xc9Il\xc8\\\xbe\xd16\xc92\xa0\xe2\x00\xfdJ\xd4j\xe4\xe4\xcf2\xdc\xfbS\x84@\xeb\xa8m\xe3\xfc\xe7r\xf7\xda&amp;mA\xc4\x83&lt;\xa8\x94=d\xe7\xb0\xd3\x11\xb0\xfcQ]7\\&amp;u\xeb\xdeO!\x0b\xefH\xeb\x8b%\xafGO/\xc8\xe41r\xc9V\xdcv\xfa\xa6\xdb\xb6\x04~\x0eP,C5\xb5\xdb\xd6LG."\x13\xd8\xba_\xfc'</t>
  </si>
  <si>
    <t>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</t>
  </si>
  <si>
    <t>b'U\x13\xc4Q\xad\xea\xc8\x15.\xdbfs\x9aTg\xc9'</t>
  </si>
  <si>
    <t>where we two were talking. The next moment each of us had taken to his 
 heels in a different direction. 
 For a good hour to come freq</t>
  </si>
  <si>
    <t>b'\x89t\x98\xa5\xb5\xf6\xc8\x03{\xb9\xceV/\xf38F\x1dQR)\x8d\xd3O&gt;*K\xd3{\x15V\x83(8\xc8\xd7\xd5\xdbVm\x9e\x82Ta\xe1"X,\x11_\x0f\xac\xb1~#\xe6\x95f\xdd\xf9)\x11\x87\xd7\xc4\x1b\x01\xffn\xdb\xf9^"\xad}\xdb\xa6$\xda\x85QPU\x19\xdb\xbb\x9f\x8c\x1b\xd7\x99L\xa2\xd5\xac &gt;\xad\xa42?\x94U\x10\x1aFr\x93\xdd$fg.\xd9\xc83ab\x1a\x94\x7fom\x101\\\xb6\x90\xfc\xbb\xa8t\xc2\xfb0\xed\x90\x98n\'}\x08\x8a\x14\xb1_\xa3\xae\x06\x9f\x07\x1b)\x80\xe7\x9c\xd8mx\x8d\xa8\xf5c\xd9\xd3\x81\xaa\x0c\x9eoa\xfd\xcb\x83E\xf6;vO_\xce\\$\xf40F\x7fO\x13\x8c\xa8\xdb\xf0\x0b\x0e+(\xbcx\x9b\x17Yc\x00\xb73\xc6t\r\xdd\x9fB\xfd\xdf\xe2\xddO]\x88\x9d\xef\xdd\xf9\xea\x1c\xe1__3\x9b-\x8c\xe0W\x07\xe35\xb0\xeeq\x85\x1d\xf9\xaf\x1d\xef\xbf\xbc%\xbf\xb9\xd1k\xe9\'"\x92\xc1&lt;\xf90:V3n3f\xdd\xe2\xd1\x19\xd8\x16\x15\x92\x11\xb2\xe2\xe4`\x84x\xf0\x9ee\xa3y&amp;L=_#tS3\xc0V\xfd\x82\x18 g~[\x80x\xdc\xedF\xbb\xe4\x1b\xea_\x01&lt;S`j\x88j[\xe4\x93\xb3\xfe\x90tr\xea}\x12^\x11\x1b\xa7\xcc6\xc4e\xb7\xde\xc1\x1bZ\x9c\xe1\xe0U\xd8\x17_\x9b\xea\x18)U\xfe(G\x1a\x07\xf8\xadC]\xa4\x0eh&amp;}.^Z+\x0eJ!K#\x11~\x9a\xab\xff\xad\xe5@5\xe6\xa96\x92\xf5\xd4\x95\x8auV\xbc\xc3O\xab\xee\x17\xdfm\x8fE\xe3GV\n\x9bNX`\x1b\xd7\xf3\xb0\x03D\xcfA\\j\xbd\x8b\x85k\x95\xca|\x93f\xe3\xda\x05+\xc2\x06\x02\x0cv\xb3\x06o\x98P\xd1Y\\\xf5T}\x90\xe7dzbE\x07\xf0\xc2X}\xe5rr\x03n\x98s\xa9\x1c\xb9:\xc89\x9d$~G\xf1\xdb\xa9\x12\x99:f\xf7\xb0\x9a\x8d\x1a\xad\x97:\xae\xa4\x06\x81M\xb4 6\x80Ex\xb1\x10h'</t>
  </si>
  <si>
    <t>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</t>
  </si>
  <si>
    <t>b'\x89t\x98\xa5\xb5\xf6\xc8\x03{\xb9\xceV/\xf38F'</t>
  </si>
  <si>
    <t>back,' he said hotly, 'why do you not cheer?'
 They opened their mouths, but the cheers would not come. He overlooked it in
 his haste to tell the glorious tidings.
 'Great news, boys,' he cried, 'I have brought at last a mother for you all.'
 Still no sound, except a little thud from Tootles as he dropped on his knees.
 'Have you not seen her?' asked Peter, becoming troubled. 'She flew this way.'
 'Ah me,' one voice said, and another said, 'Oh, mournful day.'
 Tootles rose. 'Peter,' he said quietly, 'I will show her to you'; and when the
 others would still have hidden her he said, 'Back, twins, let Peter see.'
 So they all stood back, and let him see, and after he had looked for a little time
 he did not know what to do next.
 'She is dead,' he said uncomfortably. 'Perhaps she is frightened at being dead.'
 He thought of hopping off in a comic sort of way till he was out of sight of
 her, and then never going near the spot any more. They would all have been
 glad to follow if he had done this.
 But there was the arrow. He took it from her heart and faced his band.
 'Whose arrow?' he demanded sternly.
 'Mine, Peter,' said Tootles on his knees.
 'Oh, dastard hand,' Peter said, and he raised the arrow to use it as a dagger.
 Tootles did not flinch. He bared his breast.
 'Strike, Peter,' he said firmly, 'strike true.'
 Twice did Peter raise the arrow, and twice did his hand fall. 'I cannot strike,' he
 said with awe, 'there is something stays my hand.'
 All looked at him in wonder, save Nibs, who fortunately looked at Wendy.
 'It is she,' he cried, 'the Wendy lady; see, her arm.'
 Wonderful to relate, Wendy had raised her arm. Nibs bent over her and
 listened reverently. 'I think she said "Poor Tootles,"' he whispered.
 'She lives,' Peter said briefly.
 Slightly cried instantly, 'The Wendy lady lives.'
 Then Peter knelt beside her and found his button. You remember she had put it
 on a chain that she wore round her neck.
 'See,' he said, 'the arrow struck against this. It is the kiss I gave her. It has
 saved her life.'
 'I remember kisses,' Slightly interposed quickly, 'let me see it. Ay, that's a kiss.'
 Peter did not hear him. He was begging Wendy to get better quickly, so that he
 could show her the mermaids. Of course she could not answer yet, being still
 in a frightful faint; but from overhead came a wailing note.
 'Listen to Tink,' said Curly, 'she is crying because the Wendy lives.'
 Then they had to tell Peter of Tink's crime, and almost never had they seen
 him look so stern.
 'Listen, Tinker Bell,' he cried; 'I am your friend no more. Begone from me for
 ever.'
 She flew on to his shoulder and pleaded, but he brushed her off. Not until
 Wendy again raised her arm did he relent sufficiently to say, 'Well, not for
 ever, but for a whole week.'
 Do you think Tinker Bell was grateful to Wendy for raising her arm? Oh dear
 no, never wanted to pinch her so much. Fairies indeed are strange, and Peter,
 who understood them best, often cuffed them.
 Bu</t>
  </si>
  <si>
    <t>b'R\x9dYV\xdf\xd7l\xf6'</t>
  </si>
  <si>
    <t>529d5956dfd76cf6</t>
  </si>
  <si>
    <t>poor nations. Consider the United States, on one
 side, and China on the other. In 2008, the United States had about 23 percent of world
 income but only about 5 percent of the worldâ€™s workers; so a simple factor-proportions
 theory would suggest that U.S. imports of labor embodied in trade should have been
 huge, something like four times as large as the nationâ€™s own labor force. In fact,
 calculations of the factor content of U.S. trade showed only small net imports of labor.
 Conversely, China had 7 percent of world income but approximately 20 percent of
 TABLE 5-3 Testing the Heckscher-Ohlin Model
 Factor of Production Predictive Success*
 Capital 0.52
 Labor 0.67
 Professional workers 0.78
 Managerial workers 0.22
 Clerical workers 0.59
 Sales workers 0.67
 Service workers 0.67
 Agricultural workers 0.63
 Production workers 0.70
 Arable land 0.70
 Pasture land 0.52
 Forest 0.70
 *Fraction of countries for which net exports of factor runs in predicted direction.
 Source: Harry P. Bowen, Edward E. Leamer, and Leo Sveikauskas, â€œMulticountry, Multifactor Tests of
 the Factor Abundance Theory,â€ American Economic Review 77 (December 1987), pp. 791â€“809.
 14Daniel Trefler, â€œThe Case of the Missing Trade and Other Mysteries,â€ American Economic Review 85
 (December 1995), pp. 1029â€“1046.
 CHAPTER 5 Resources and Trade: The Heckscher-Ohlin Model 101
 the worldâ€™s workers in 2008; it therefore â€œshouldâ€ have exported most of its labor via
 tradeâ€”but it did not.
 Allowing for technology differences also helps to resolve this puzzle of â€œmissing
 trade.â€ The way this resolution works is roughly as follows: If workers in the United States
 are much more efficient than those in China, then the â€œeffectiveâ€ labor supply in the
 United States is much larger compared with that of China than the raw data suggestâ€”and
 hence the expected volume of trade between labor-abundant China and labor-scarce
 America is correspondingly less.
 If one makes the working assumption that technological differences between countries
 take a simple multiplicative formâ€”that is, that a given set of inputs produces only times
 as much in China as it does in the United States, where is some number less than 1â€”it is
 possible to use data on factor trade to estimate the relative efficiency of production in dif_x0002_ferent countries. Table 5-4 shows Treflerâ€™s estimates for a sample of countries; they sug_x0002_gest that technological differences are in fact very large. However, this exercise does not
 prove that technology differences do have this simple multiplicative form. If they donâ€™t,
 then some country could have bigger technological advantages in particular sectors, and
 the predictions for the pattern of trade would be a mix between those of the Ri</t>
  </si>
  <si>
    <t>b'0F\x02!\x00\xfd;\x1a\xdd\xf77\xe0\x89M\x0f\xda\xfc\x16\xedU\xf37\xbc\xd1R\xd6J\xabL\x1d\x0f\xc8\xd5W\xb4/\xce\x02!\x00\xd5"\xb1(\x99(\xc8A\x04\x8b\x17\xfa\x89\x11_\xc0:\xd8\xf3\x96u\xb4\x9b\xee\xea0\xaa\xdehA\x8bH'</t>
  </si>
  <si>
    <t>3046022100fd3b1addf737e0894d0fdafc16ed55f337bcd152d64aab4c1d0fc8d557b42fce022100d522b1289928c841048b17fa89115fc03ad8f39675b49beeea30aade68418b48</t>
  </si>
  <si>
    <t>b'0F\x02!\x00\xfd;\x1a\xdd\xf77\xe0\x89M\x0f\xda'</t>
  </si>
  <si>
    <t>an of Augustus, from Thrace, 10s CE:
what. . . produced lesbians (tribades) and soft (molles) males?. . . [Prometheus] fitted a
girl thing on the masculine type and put the masculine member on the women. So now
lust enjoys a deformed pleasure. (Phaedr. 4.12.1â€“2, 12â€“14)
338 Amy Richlin
Here, as elsewhere, tribades seems to mean roughly â€˜â€˜lesbians;â€™â€™ molles, literally
â€˜â€˜soft,â€™â€™ refers to effeminate men who like to be penetrated anally. For discussion
see Hallett 1989; Brooten 1996: 45â€“6.
Q. Haterius, lawyer, senator, Rome, c.10s CE:
Unchastity (impudicitia Â¼ allowing anal penetration) is a source of accusation for a
freeborn (male), a necessity for a slave, and a duty for a freed slave. (Haterius, as recalled
in Sen. Con. 4. pr.10. For discussion, see Richlin 1993: 535â€“6)
â€˜â€˜Phokylides,â€™â€™ writer, Alexandria, c.10s CE:
Transgress not for unlawful sex the natural limits of sexuality. For even animals are not
pleased by the intercourse of male with male. And let not women imitate the sexual role
of men. ([Phoc.] Sent. 190â€“2. Trans. van der Horst and disc. Satlow 1995: 215; cf.
Brooten 1996: 63)
84 CE: Paul, Christian organizer and theologian, from Tarsus, at Ephesus, 57 CE:
Know ye not that the unrighteous shall not inherit the kingdom of God? Be not
deceived; neither prostitutes, nor idolaters, nor adulterers, nor effeminates, nor those
who have sex with men . . . shall inherit the kingdom of God. (1 Cor 6:9â€“10. See Brooten
1996: 260â€“1, and cf. Rom. 1:18â€“32, with Brootenâ€™s whole discussion, 1996: 215â€“302;
Moore 2001: 133â€“72)
Anonymous inscription, Pompeii, before 79 CE :
Equitiasâ€™ slave Cosmus is a big queer and a cocksucker with his legs wide open. (Diehl
648 Â¼ CIL 4.1825)
The spelling in the Latin original probably indicates a person without advanced education. On Roman sexual graffiti, see Richlin 1992a: 81â€“3, 277â€“8; Milnor
2000.
154 CE: Suetonius, civil servant and biographer, from North Africa, Rome, 110s CE,
writing about events between 85â€“90 CE:
[the emperor Domitian] condemned certain men from either order under the lex
Scantinia. (Suet. Dom. 8.3)
The lex Scantinia seems to have penalized sex between adult males, but its date
(c.149 BCE) and content are vexed questions; see bibliography at McGinn 1998:
140â€“1; Richlin 1993: 569â€“71.
Tacitus, senator and historian, Rome, 98 CE:
[The Germans] make the punishment fit the crime: they hang traitors and turncoats
from trees, while cowards and the unwarlike and those who are infamis with respect to
their body they drown in muddy bogs, pressing a wicker framework on top of them.
Sexuality in the Roman Empire 339
The distinction in punishments has this meaning: that crimes should be made public
while they are being punished, but sins should be hidden. (Tac. Germ. 12.1â€“2; see
Richlin 1993: 555)
Juvenal, satirist, Italian, Rome, 110s CE:
What neighborhood isnâ€™t full of moralizing perverts? Better a guy who announces his
disease by his expression and his walk â€“ he acts more honestly, more like a gent; I chalk it
up to destiny. (Juv. Sat. 2.8â€“10, 15â€“17)
Juvenalâ€™s second satire concerns men who are secretly molles but dress like macho
Stoic philosophers; this theme recurs in Martial and Lucian. For discussion see
Richlin 1992a: 201â€“2; 1993: 548â€“54.
Rabbi Akiva, Palestine, 110s CE:
[Scripture says, â€˜â€˜Do not lie with a male as one lies with a female.â€™â€™ I only have (here) a
warning for the penetrator. . . where is there a warning for the one penetrated . . . ?]
â€˜â€˜ â€˜Do not lie with a male as one lies with a female,â€™ read it: â€˜Do not be laid . . . â€™.â€™â€™
(Sifra Qod. 9:14 [Weiss, 92b], on Leviticus 18:22, trans. in Satlow 1995: 195, with disc.)
See also Peskowitz 1997: 52â€“62. The Sifra, a legal midrash on Leviticus, was
compiled in the late fifth or early sixth century CE; the attribution to Akiva may be
fictional.
Julian redaction of the praetorâ€™s</t>
  </si>
  <si>
    <t>b'\x1b\xf6R\x1c\x0e"\x19~\xc8~\xd2\x02\xfb\xa9\x08\xae\x88\x97\xbdn.\x87!\x95\xa9a\xb5\xfd\xa1\xe1T\xbb\xe6\x03\x90\xf9\x02\xf5xjh\xf6\x84\xad\xae\xedK\x9e\xe4\x90R\xec\xeb\xf1\x87\\K\x97\xcf\xf2\xdf\x03)\xe6o=\xe8\xa2f\x93`\xa9\xc8V2T\xe9\xbc*\x1a\x93\xec\xc5 \xf4z6\xc0\xb9\xc6\xc2#\x89h\x8bs\xb0m/\x8c\t\xbfc\xc5\x9a:?\xce\xb0/\x83\x9a\xf0\x0e\xd6\xdfK$\xc0(\x7f\xd6\xb7M\x8d\xc8\xc2\xef\xc9$\xa8\xaeh^\xe9\n\x18\x89\xdf\xab\x10\x9b\xf1lg\x0bOFC\xfd\xceu%2\xc8\xc0\x0f2\xa8\x08\xbc4G\xb5{J[\x12\x9f\xb6QO\x8c\xf1\x01\x9dp\xedM~A\x96\'z\xce\xd92I\x0c\x15I\x85\x81\x0b\x93c\xf6\xc8\x0bp\xaaFj\xd26\x9e\xaa\x8c\x8d\xd0,\xbf\x01j\x90&lt;\xc47\xa8B\xfd$\xeb\xe9\x1b\x7f&gt;U \x97\xd42s\xb5H\x06k\x93\x02V\xc3m\x89\x95\r\xe6\x89\xaaa\xdd\xfc\x0e\x0c\x16[_ZU\xb2?f\xcaB\x8d=\x8b\x84\xee;\xf9:\xdc\xe2|\xc4\xe9\xb2\x89(\xc1$1_\x9b\xe5LsJS\r?\xa7\xaa\x12W\x13L\xbb\n\xfe\x82\xb1=p\x1e%o\x10DH\'\x96\'\xe6.\x8c\xa7\xb2\xd8d\x03\xa6\xb9s\xc0\xf5\xce\\\x8a\xd54\xec\n\x15E\'\xb9\x97\xfb4\xb9L\x9f\xb3\x1a\x91\xfbX\x0f\xf3\xd5\xe1\x1cJ\xc7R\x8a\xfe\xac;\xd2H;AJ\xc0\x10\xa5\x1bEB\x9f3\xb5D\x85\x8d\x1d\xd7nDb\xca\xcc\xecK\x87\x95Z\xaex\x9e6\xd3v4\xab\x89\x93\xbb\x15\xc0\x7f98\xd7\x84\xda\xf8\xe5\xdeE\xfa\xdfLV\x1f\xf79\xca\x1d\xa5\xa3p0\x03\x95!\xdc\x18\x9e\xe6\x85\xc7c\x9fa\xd8\x0eE\x9e#\xecu{\x14\x08B\xbf\x97\x80\xab\xa8\x86w\xa66\xe1\x9b\xda\xf7\xc0\xad}\xd2X\x88:\xd3\xff\xfc\x9a2\xa68\xdbvxp\x87E\xa3\x01\x9a\x03^\xad{\xcaps\x846L\xf7\xb9c\x11\xd2"k\xf9\xef5KH\x1a#\x82T_D\x85\xe5X\xe7\x95\xe6\x92\xfez\xb73p\xe2\x89^\xa1\xe0\xbd\x1e\x8e\xb7[\x94$k\t\xc4E\x86yt\xd4\x02\xef9K\xb8\x0e\x18"\xaf\xc2\x99\xc7\x1a\xa64g\x8f\x1c\xeb\xe7\xfc\x9d7\x1d\xe7\x12u\xd9@\xfa}\xe5\x8a\x1bm\xc4\x17\x9a\xfa\xa4\x98\xd6LZ\xad&lt;\x0c\xa3\xc8\x81\x041?\xf4"*\xeckH\x81\xffJ!\x93/\xa7\x9b\xa1\xc3X\r\xf98\xb5\x98xA\xef\xff\xc3\r\xad\xba\xc7O\xe4\xd9:\xab\xf5\xe9f\x9eK6\xfe\xffz\x95\xc8\x9c\x19\xbbx\xb5\xab\x9ar#2\xe9=\x13\xe5\xf9G\xb4?\xe1\xac\xa7=\xa5\x98\xccNUE\x19\x01\xfe\xd5l P\xb0v\xae\xe5\xbb$\x7f\xa9\x03\x0e\xf5.\xa3 \x06\r\x90\xc5\x80J\x95\xe0\xd2{^zzT\x04\xcd\t\xee}6\xe0Y\xb3A5*}\xbc\xeb\xcb\xbcon\xad\xf9K\xc7\xde-\xd1\xd5\xd9{3i\xb6\x05\xd4\xd4\xec\xa7Nw \xd6\x1e7x\xe0P\xb9LS\xfd\xbf\x86\xbf*\x04M\xcd\xfe\xc7{v\xf1\xdatZ\x83\x11;\xfa\x8e\xa8;\x99@\xb1\\\x04\xa5\x17E\xc3\xf85\x14\x7f\x98G+\xaa\xb81\xa8\xa6\x0f\x13FA\x10\xdes\xa7\x00\xeb3\xa0\xd9\x9a\xb9\xb6e\xe3X\x8ce\xf9\x96\xec+\x00R\x94\xf4\xb0\xf7\t\x01B\xc38\xa8\xd0t\x0bh\xec\xf7E&amp;\x84$\xb0Jo\xeb\xf2\x8fI\x8a\x0b8\xc3\x98R\xc8\xcbQp\x7f\xe5k\x1b\xd5\x88z\x18I\xfe\xe6``7\xde;\xdc&lt;P\x97,98*\xa4\xadTE\xc0\xb8&amp;\x80p\xd2\xe7\x87z9\nX&lt;\xde\xb3\xce\xb2\xa9m\x7fC;\xf5\x1e\xf0\xe6!\xcb\xd5\xa0\x89\xb7:Y;$\x11g%\xc85M\xe3\x8ai\xf7\x97-\x15]\xef\xe3\x17y\xf0,\xee\xe8kU\xac\x10V\x88m`\x07\x9b+V&lt;\xb0\x97L\xab\x82\xbb\xd0\xd2kj\x12\xf0B.\xcc\xe5j\xecfK\x17m.\x97\xeag\xf1\x065\xe7\x9a\xcf\x12\t\x9fk\xb2\xe0}\xffi;jZ\x1d\xe3e\x96\x8a\xf0F-\x91\xadv\x91?$\x01\x04\x80\xebX\xca\x9a\x1azvg\x0e\xc5\xe5\xca\x80\x0f).\xd7\x83&gt;\xe7\x82WVu\x1c\xd0R\xe2\xe6\xf2\x91\x8d\x984\xf3\xfd"\x85\xbf\r\xaeC\xb1\xfb\x8a\xc1)\xaa\xdfvr\xdc{\x15\xb7"\xfbpX\xc0\xc9\xc6hB\xbc\x1e\x9d\x1ev\x83\x8a\xdf\x9a\x8c\x11\xaew\xdb\xf6\xd1\xb6P\xc1Z\x17m\x04\xf3!\xe4$FN&gt;\xbe)\x1e\x97\xd6\xf5Gg\xb2^?1\x08\xf7\xd2\xc2\x1ac\x9d[KE\x8f\x81\xb9\n=\x91\x9d1y\nr\x1f\xfc\xc6b\xbc\xc0i1\x1c}\xe0#s\x1d\x1d\x8c\xbf\x83+&amp;\x02\x13\xb7\xa2\x8b\xc0\xda\xbc\xc1\x968\x0b\x16\x87\xe9\xb2\x1e\xd3\xcf@\x8b\x8b\x93\x9e\x95\x94V-\x87\xf6\x15\x0f\xbar]j\xa2F}\xb1\xc8\x04\xa4\xf5\x00R\xcaR|\x87\x81\x82\xf1\xdb\x82\xaaS\xc48}2\xaeU\xa6\x8e\\\xd6\xce^\xda\x1f,q\xa542;\xee4\xd8\xef\xf5=\xcb\x12\x87\xfd\x11\xcd\xf4\xc3O\x12\x89\xf5\x95v\xf7\x87A\xf6\x9a7D\xb7\xd0\x0c+P\xc4\x01\x1an\xfccY\x16\xe2\x19i\x8d\xd4\xf0Z\xc5\x00C\xfe\x1b\xbd\x89\xe3QzA*:\xd6&lt;\x85\xd5\xdb\xa7\x07Q\r]\xc6\xfd[\x1c\xa8\xd1*\x1d&gt;\xa7T\xac\xb8\xdf/\xb4l\xd3\x07\xe4\xd5\xe0M\xf9 \xea\xccLi\x1f1\xaa\x99\x83\x99\xb0\xf2\x00\x82\x10\xefO\xad\xd2\xdfO\xca\x13\xdf\x15\xd2\x81l\xe7}\xf2\x88f\x81\x90\xf4\xa7\n\xc8*5/\x1e\x98}\xed\xae/\xc4\x0e\x958\xa0a5\xbc\xb9\x85b3\xa0b\xf2J\x12\xb4\xe7+g\xdd"\x13\xfc\xe1`y\x92\xa0\x11b\x9a[\x9d\xd5,_"f\xec\xa4\xf7\x90\x9f\x03\xc4\x99\xebD\xeb\xd0A\xb8\xba\x03\xea)\x88U|\xf5\xd01\xfeo\xb2\xd2f\x151\xa4/\x18\xdf2\xeaR\x82\x7f^\xc1&amp;\xf0\xda\x8fg\x11\xc6\x9ef+\xd7\xab\x93\xe3X\xafS)+\x81]\x7fj\x04\x04:+~\x0c\xd28:\xe1f\x92v\x90\xa6%r9\x08\xbeN\xd7k\xf7\x97_\xd8\x8b\x10n\xef\xdc\xf3\x9f\x02\x05\xa8\x9c3%\x80\xf8!L\xac\xdb\xd8;|td\xb2$g\xd1\x03\x02u:,\xd4\xe9\xe7o\xf7~\x00\xd3\xb0_&lt;\xe0c\xaek7sr\xd6\xb6\x9b\x16\xea\xf0\xba!~\xaf\xf1B\x06\x9dM$\x9em\x1a\xe3a\xaa\x1f\x87+\x124\xed1=\xac\xbe\x19\xc2`+\xae\xa8%\xc4y\\\x17h5\xe4K\x89?\xc9\x9f\xfd\xd0X\xfe\xa3c\xe5\xe6\xa9\x01\xe9\x13\xcbqh\\\x80!\xbe\xc0K7!L\xab\x9e\xb8\xa7\x87*\xa7\xdcc\xbc2J\x03~a\xedjR&lt;\xe3\x98\xbdt\xdee/\xa2\xdaF\xaa\x8a\xc6\xe7\x18\xf6\x1c\x9fO8K\xfc\xde\xdd\x04\xe2\xb6\x16O\xf7R\xac-\xdfD\xd4\xf8Q$&lt;\xf0\xc5\xc7\xf8\xfc\x91\xaf\xa8(s\xb2\x12t\x1f\x92\xc9+\xc7a\x8a(\xb1v*-W\x13\xf85\xbfr\xb8Tkj\to\xfaN\xc5\x1b\xa9\x03\xb7\x92`\x8c77\x81\xf1\xee\tWL\xb0\xa8\x94[\xfd?\xc3*\xf3\x13r\x0e\x17\x1c\xcf\xb3o\xa0\xd0ElS\x9c\xa0n&lt;\xc1\xb7\x10A\xee[\xf1=\xaa\xbb\x84\xc8\x06\x04\xa9y*\xa3\x80\x81m\xe4I\xf2\xcf7\'\xac|\x84\x97L\xe5\xaf\xaad\xe0)\x98G\xdbi\xa1\xed\xa3\x9d\xc3.\xbcK\x81\xa8\x90w\xe6\xff8\xbd$o#\xef\xc1I\xd2.R$\xc6\xfc\n\x1cEQ\xf2`*\x14u\xd1.\xdc\x1d\x08\xe6U\xf6&gt;\xee\xaf\xd9 \x11\xe3|\xf5\xf7\xd6\xa8\xb3\x02u\x91\xcc(\xa2\xac\xd1\xa1\xe0\xf4\xb1\xfa\xab\xcb\x90\x7f\xe3%\xeb\x14\xb0 \x15d\xd1\xd5\xe6\xb7t5\x9f\xa3\xb2\x1dc\x7f\x0ct\xf9\xb1\n\xaf\x06\xf1\x11o\xbf\xf7\xbd \xdf\xf5gd\xb7\xd6\x8a\xc3\xb9&lt;eA$M\xf1\xbfMA\xd3\x92\xa77\xc2\xcc`\xd4\xd1\xdc\x0e\xd5\xd4\xdfhG\x18l;A\x8f=\x03\xf0\x19\x1d6r&amp;\'\x8bM\xc4\xa6\xba\xd3keq\xe1\xf6\x1a\rbX\xb9\x90\xf8\xbe\xb8\x1a{]ZV\xc2Z\xd7\xe6\x86C@\xc4ft\xae\xb0\xccP\xaa3\x907\x0e\xcd\\\xedje \xe9\r\x15M0 \xa2\xb9\xd5\x9dL\xc9\xfa\xc8%f\xfd0\xef"\x0b{\x1a\xc9X\xcf\xdb-\xfbB\x8d\x98\xf6\x12#\x88\x8e\xb2\x0b\xd3\xe0\xa5D8\xf6\xd5\x15\xb1\x05@\xe5NM\xa16\x1f\x07{\x121\xe8\x8eV\x10Z\xd1[\xa3"\x95S\x87\x1fM\xb0E\x86\xc6\xcf\xb5\x88\x9b\xde\xd0")\xf4-\x1a\xb1Y2\xcb\tnF\xce\xa5J\x8d|\xaffj]N\x07\xbf?4wM\xcd\xfd\x1d\x8d\xc6\x11\x02\xaah\x96D\x98\x81\xa1\x1bc\xd2\xfb`L\xa5&gt;&lt;Y"\xe0\xae\xf07\x03\xb1\xf3\x94\x90\xe3\n\x9e\x02\xb9z\xb1\xe8\x15\xfc6KRRQLO\xe8\xa6J\xd1\x1bW\xf3\x13\xed\x1f\\s@\x82#\xcb\xf9$\xd8\x03\x98\x1f\xca\x9f\x11`\xb9\x10\xc2\x87\x0b\xf5\xcc\xc1a\xce\xa3x\xd2\xca(?y\x86v\xc9\xb5\x9b\xef3\xf1\xb0\xa4z\xd3\x939\x18\xe8\xb7t\x06\x8a\xa693\xab#\xde?sCh |\xab\x98\xf9\xdb\xd4F\xdfS20\x98z\x11\xf5z?\xd7\xd5m\'0\x80^WU\x0b4}Z\xe1\xd7:\x8fR\xa1\x89\xb0\x08\x98K\xf0m\x88\xfe\xa8\xaaL\xcbX\x82\x82\xed\xfc\xa1\x80\xd1:\xfe\tb&amp;\xc7a\xf9\xbdh\xbd[\xe2\xd2V\x0f[\xe8ez\xe1\x95?\xd3?\x11\x81\xe5\xb1j\xc0\xd37d\xb2v\xcbGB\xc9\xc0&amp;\xa6\xa9J\x8b:\xc0\xeaS\xee=\x14&amp;\xab{:\x88#\xb8*%\xdf\x8a\x8cW\xbc\xc3\x9c\x98\xdftaJ\x88!\xfbZk\xf3\x10!q\xb8\x8e\xcb;4\x13|\x14R\xcd\x1b\xbb9\x0e\xd0\xd7\xd8{\x1c\x99\xe4\xd0\xc4X\xea\xd3\x86(.\x8b\xb2%8\xd5\x11p\xd9L\xf0\xa8\x98\x03X\x96\xf4C\x9e\xe4?\xa0\xc8\x84\xcc\xeeW\xaf-\x98^\x91\x8e\xc8\x14\t6\xb6\xec7zJ\xd1tWK\xf5\x0c\xa0\xbc/\x95S\xd6*\x81$&lt;Y\xba\xe3\x1b\r\x1b\xf4\x82\xe8}\xaf\x8b\x0e?8s\xb5\x10\xa8=Ik(\xb9\xc7q\xf4D\x0eW\x031/SA\xe5\xb3\xf9&amp;x\xee\xe0\x1eb\xdc\xe2\xfa.pQ\x1c\xdb?\x9dCi#\xebV\x19\x06,\xed\xbcx!\x92\x11\xb0\xc0\xd6\xa0\x8dF\x8ez\xfeY\'\xf7L\xbe\x13e\x90{\xf8\x82\xc1~\xa6\x9f\x92\xc82\x05\xedP\x16\xcc\xee\x86d7\xbf.\x8dK\x9ax=-\x80\x9cO\x082Q\x7f)\xfe\xc4\x8eb~i\xb5S,s/\xcb\xa3\x13^\xfd\x91|L\xb2.p\xa4\xe2\x15\xe5\xc3=\x83I\xacY\xad\x15\xec\x80\xf7\xd9\xb2r\xf1\xf4j\xde\x9e\x91\x8cD\xcf\x85e\xdd\xe8\xdar\x93\x08\x00A\x1e\xbf\x0e\xe89h\x04\xb3\xaeC\x1e\x84?&gt;\x12\x9cSqbY\xf2\x8e]\x19y\x13\xf3\xbe\x1b\xdan\xa8\x81\x93gT\xa59X\xa7a\x9f\xeb\x15h4\xf9~M\xdbZ\xb2q:\x96\xb2\xcf\xb7W\xbe\x12\x9c\x16k?\\W7fVb\\\xb8{jf\x1e\x1a:\xad\x02\x953\x08\xaa-\'HG\xe2\x01\xfb\x11\xfb\x8d~\xd1fIO\xdd\x07\xf4\xf1p[\x94\xfcf\xbfz\x8f\x9b\x8c\xe1F\xf2ey\xe6\x05F\xc1\x86f\xa4\xb0\x9f\xe7\xf4\xd2LQ\xc9\x902\xcc5\x95G\xceN\xe2J\xca.\xc3\xb2\xeb\xa9\xf2\xde\xcf\x94\xa0\xc5\xe6&amp;\x8am\xd2\x01\x99o\xbfb\t[^k\x8c\xacsn\xfa\xcdf\x9c\x99\xa1,\xc2\x8al\x19\x10Il\xc2 \x00\x16\x13\xb7v\x8e\x90\xf1w/\xd0\x139\x1f\x13\xd9\xea\x88\xbb\xb7\x1f\xee\x1f{\xb3\tQ\xc0\xb6\x8c\xef\xc6S\xae\xb6\xd6P^E\xf9\x15\xd6\xa5\xb1\x17\xa8\xc4v\xc9\xbe\xc6%\xba\xc5$m,H`\x11\x9e\xf6\n/\xed\xc8s\xf7\xff\xae\xafO,?\xad\x1e\x1d0\x0b\xd5\xce_\xd2\x1bHL\x1f\xf3-\xca\x85\x99\xff-\xe4\xc9\x8dP2\xb2\x99\x00\x0bH\xa0BnR\xfc\x11\x89\x90&amp;\xd4\xc5\xa6\xc2uW\x02\xf5 $\\\xbd\xa5\xc1W\xbbtg5s@k.\x04\xae\xe4\xf1\x12\nS\xf5J\xa7\xd0w\xf2~\xed\xb0\x85\xe2\x8ac\x8b\xff\x021\xb7\x03\xde\x85\xbc\xe2vl\x95\xe5-\x08\xcd\xe8yU\xab\t_\xfa\xf9V\x1e\x01\xc0\xa3;\xcbm\x98\x11E\x17H\xe3\x9dR\xf6\xbb\xfb\x1e\xbfE\xde\x0c\xedMQn5\x8a\xb2\xac\xfeL\xe9A,\x8b\xfa\x1b\x900\xa0\x97&gt;\x9f&lt;\x11iP&amp;\x89^\xb0\x9f\xaa\xbd\x8d\x90]\x0b\xd8\xbe\xf6Ac\xc6\x11\'&amp;\xd1\xe5\x0cH\xc8\x08Y\xdb\x1d\xe7)c\x1f\xc6\xf0pW\xf2\x90\xaf\xb9,\x1a\x19\xe1ou\x10;v\\\xe3\xf4h\xb1\x8a\xe2\xdc:\x94\xdd\x89\xad\xd1t\xddl\xa5\xbc#\xa4\x9er\xd8\x01=\xdb]\x1d\xca\xd8Y\xa63\x83\xe9q\xd0\xdc\xa5N\x9d\x83\x7f\xc25\xb0\xe6\xc4\xe9&amp;\xd8-\xfe\x00\xaca(\x986m\x07D\xc8\r\xde\x95\x8f\x1e\xe8\xe6AH\xe9\x89\xd4Yp\xefEZZ\xcb\xd6\xac"\x96\x0f\xa5\xaew\xca\x8d\xdcj\xda_\xd1\xcdx\'\x8e\xd2\x8b\x1b\xbbQ)\xe8&gt;.+\xef7\xa1\x8eNN\x7f\xca\xda\x12=\t,\xd8\n\xddo\xd9\xe6\x8d\x90F\xfd\x05\xe3]4.O\xc2\x8a\xf6`\xfd\x8f\x92A\x16\xd09)\x00\xf2\xa2\xf0M\x9f\xef\x9b\xac0\xed\xcd\xfc*\x87)\xd6\xbbH\xa7F\xc6fmF3k\x90{\xb7\xa5\xf0\xd6\xea\xbf:\xd3\xf6\xf5\xc3t\xe5\xa0"p\xc8n\x17d\x17\x9b\x98\xd9\xc1\xd7Z8\xce\x8b\xfa/\xdb\xfdl\xef\x19\xcaU\x94\x0e\xc4\xe7At\x85\x7f\x1e{\x08\x19t{\xa6_XVAx\x94\x02\xe6Y\xac\xd8A-9b\xf57U\x1e\x1d\xe1\xf7\x17|\xe1\x965.i\xba\xfez\xc0\xcf\x00}\xafRt\x152\xd3\xa8b&amp;\xdf\x9a\xec\x10.9\xb7\x19\xb72\x9a\x8c\x16R\x10kcX{,\xcf\x89+\x87\xc4Q5`o\xfeB\xf3Z\x98\ta\xba\xd6N\xf7\xab\x01l*\x19G\x83\xd2\x86\xf7\xdd\xd3\xafyz\x935J\x01&lt;\x15\x8eU\xd4\x86\xdciu3`\xaa\x1a\xbe/\xd7~?\xdd\xcc\\\xa5\xa9\xd4\xc8\xcf\xa4W\xdf0\xd1\xc2mh\x91\xb2\x96\xed\x84\xb9\x1e\xc4\x9d\xe6\x15\xa4L\\\x8e9\xf1Wo\xe8\xfeP\x19(?oj\xa4u[t[d\xcfK\xcc\xa4\x99Z\x04\xa5\x04\xaf\xffp\x04\xbe\xffhz\xfe\x7f\x1f\xd5\xa8\x00\xcc\x14bI\x14mOT\xbd\xba:\x9b\xcf\x9c\xd6)\xd2\xb1\x80A\xf8\xc3\xe1\tsA\x95\xdd\xcf\x85,\xcd\xd2\x13\xa5B{\xc2)\xe5\x8f\xbeAq\xc7%\x01\x13\xcf\x18\xf0a\x19\xf4\xb7s&lt;5\xd8\xfe\x96uPG\xba\x8b\x14a\x1eR\xe4?\\k\xa5Zt\xbcR\x9b\xe4\xda\x10^\x16"Z\x85\x80\xc6\x83\xde\x9a\xa1\x93\x1d\xa3\xb8\x0f\x80\xbd\xa2\xb9\xe2\xd1\xe3_\x03\x80\xae\x9a&amp;\x00\xdc\xc0\xa5S\x1a\x8b\xb3:eG\x01\xfd\xe7\xd9\xbf\xc1\xd3\xb9\xa5\xd4\xd6i\xca\x86\n\xb5\xb9\xd9\xeb\x9d\xfd\x92\x8b\x18: \x1f\xaa\xdd\xad\xd1\x1f\x895u\xbca\xaa#\x0b\x9f\x89\xdc\xf8cG\xcb\x9d\xf7qK\xcbV\xb3\xf4\x08Q~\xe3\xdaX\xedc\xaf\xbdN\x11\xc9\xcfSBh\xc5\xaez\xa3au7\x0f2\xc3X\xd0=$q\x15Y\xae\xa5\xf7\x1e\x9d\x83\xe6\xea?\x08\xc0 \xe4\\"h\xd8\xeb\x0e5a\x94\xa4yv\x95\xc5\x8f\xbe\x9c7x\x81\x1c\x04\x8f0\xb6\xd6\x92&gt;=\x07\x1f5\x95\xc4\x89\x8b\x8bO\xc8\xc1\xb9&lt;\xa9\xa5\xc7\xf4\xbf6\x86\xa6-\xbe&amp;\x0f2\x88A\xa2\xc6\x93_\x8b/\x08\xd2\xe8\xd9\x16\x05\x1c_\xc5\x8d\xba\xa5\x85jK\xa3\x1c\xab)\x80\xfe\x89\x8f\x192fNv\x1e\xc8\xba\xe9\xdb\xc0$?\xe0f\x18h\xa4\xab:\x91\xc5\xe63\x1a\x06\xc2\xbcH++\xfe1\xba\xd6v\xa7s\x87\x80\xe1f\xf0(?$\xa7\xa5\xe7V\tY\x8cl\xdb\x80\x06\x84K}h^l\xd3\x17\xa41\x81-a3\xc1:\r&lt;\xac\xf9$\x18\xbb\xd6\x0c\xcf&gt;\xb8\xc5\xde\x0e&lt;\x95'</t>
  </si>
  <si>
    <t>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</t>
  </si>
  <si>
    <t>b'\x1b\xf6R\x1c\x0e"\x19~\xc8~\xd2\x02\xfb\xa9\x08\xae'</t>
  </si>
  <si>
    <t>45â€“54). The story is false, but it does reflect an important
development. Men of equestrian background had been replacing senators in many
major military and provincial commands, had dominated the government in the
240s, and, as the careers of Macrinus, Maximinus, and Philip show, had been able
to take the throne themselves. What the story about the so-called reform of Gallienus
reflects is that after Gallienus, only one man rose from the Senate to the palace. That
men from the Balkans dominated military commands in the 270s is simply a result of
164 David S. Potter
the fact that the bulk of the army under Gallienus was from the Balkans, and these
men carried through important reforms in the structure of the army: the creation of a
central cavalry reserve (initially commanded by Aureolus), and the evident regularization of staff positions reflected in the newly significant title of protector (Christol
1977: 393â€“404). The cavalry corps may have been joined by some infantry formations to form the comitatus, which would accompany the emperor on campaign. The
creation of the comitatus is important because it represents a clean break with the old
legionary organization of the army, and, while units called legions would remain, they
would be much reduced in size. This reform would seem to have made it easier to
integrate different tactical units on the battlefield. The army of the later third and
early fourth centuries would be a more effective force than the army of the age of
Severus.
After ensuring the security of Italy in 270, Aurelian set about the reunification of
the empire, bringing first Palmyra, and then the imperium Galliarum under his
control. Despite the later tradition that he was a harsh man, given to acts of extreme
brutality, it appears that Aurelian was in fact a remarkably diplomatic and mild
conqueror. Officials who had served under the Palmyrenes in Egypt are known to
have retained their positions, which may explain why the initial reconquest of that
province appears to have passed without bloodshed (P.Oxy. 2612). Elsewhere we
know of at least one official of the imperium Galliarum who continued his career,
while the last emperor of that regime, Tetricus, who surrendered, also received an
official position (KoÂ¨nig 1981: 181). Zenobia of Palmyra, who appears still to have
been a young woman at the time that she was captured, was taken to Rome where she
remarried (Milik 1972: 320). Her descendants are attested at Rome in the late fourth
century. A contemporary historian, Dexippus, who wrote a history of the wars with
the northern tribes (as well as at least two other historical works), appears as well to
have stressed Aurelianâ€™s diplomatic abilities (FGrH 100 F. 6â€“7). One other notable
feature of the reconquest was the decision, early on, to abandon the province of Dacia
as indefensible (Tausend 1999: 126â€“7).
Aurelian failed, however, to address many structural problems, and his decision in
274 to reform the imperial si</t>
  </si>
  <si>
    <t>b'&lt;L\x08P\xaa\x0c\xf5\x04\x801N\x9fV\xd3\x94+\x8c\xb0\xdd\xa1J\xa6\xfe\xb5\xd3ec\xa0\xac\xa5O\xc9\xe51\x9d\xdb\x1e*Z\xa0E\xb7`\xe6\x16\xbc\xcc\x8fW3\xafA^;\x06!\xe7\xb74\xe5K\x12\x15\xdag\x0fz\xa2#\x9b3\xf3\x13"6\xb5}\xb6\xfc\xaa\x0e.aa\xc7\xed\xe9\xe7\x0fP\x89\xe6|\x8e\xd4\xc3r\xe8\xc0v+M\x05\x93\x18D\x8b\xef\x92\xed\xa3F6\xda\xecM\xcc\xd6\xe9x_{\xeaXVwg\xaa\xcd\xe7Uu\xa4V\x13\x17G\x89\x83\x15\xd53q\xc6y\xb4!\xf7\xbeZjufi\x14}\xeb\xdf\xcf\x00\x84\xe5:\xf1\xb2\x0f\xc9\xe6bw\x8a?\xed\x06xr\xaa\x838+\x1e:9 \x18s|\xa6t\x96\x97\xde\x07\xa8k\xa0\xb4_\x96\xa6\x83HL\x0e\xbd\x10\xacQ1%\xb8\x07\x9aQU]p+\x07\xfb\xec\xc06\xb1\xa0U:\xe4\xdf\x15ml\x9f\xf5?\xab\xde0\xe3\x18\x93\xdaw\xd0\xac\xb5\xd7!\xab\xba[\xdd\xaf@\xbb(h\xa6\xd5tZ\xa9\xca$\xb56\xfc\x1cm\xe5\x8f\xc0m+\xdc\xfa\x0f\x03I\x00\xeb\\\xd0\xb8\xb0\xae\x83i\xb1\x0cY\xdc\x1ao\\zs\xdf?\xc2\xecb\xa2\x1a\xb3\x81\x98G"m\x99\xc1\xbe\xcb-\x05\xab\x82\x06E\x8e\xcb\x15p\xa6Nx\xf1\xa3\x8a"\xe0\xcei\x1d\xe3\xf7\x1e_|\x998\x94\xb0pf\xc73\x16\x0e\xc5\x11+\xf8\x02&gt;\xde\x18\xa2\x0b.J-\x85\xb2\xf9q\xc5=\xff.\xb40\x12\xe1\xa86\xf3\xe8\x983\x10\xf0\x06&lt;\xc3\xe6u\x18\xac\xc5\xfel@\xfeyA\x84\xf4\x9c\x92\xe1\x8a\xfe?\xe5\xa0\xca\xb2\xed\xa0-&lt;F\xdbB\xec\xb6\\\x9fO\xa9\xce\xbe0\x88iTs\x1eM,\x85\xd7\xa6u:Ut-\xe8\x8b\x92R\xdb\x9e\x88~\xe6\r!D\x81\x03&lt;\x7f\xed\xe0&gt;;\xb9J\xa7\xd8zm\xd6z\x02\x9fu\x85j\x08\xcd\xdb\xbfQ\xc2\xe9)P\x90\xac[2\x8a\xb3h\xb9 \xc9/\xbc\x8b"`\xaa\x03\x06\xcdg\xcdv\x11=\x99\'\x16\xc15kK\xd8m9\xa7"Fg\x9b\x1a`u\x9d\x06N\xc4\xea4\x9c&lt;\xcd\x07\x02j\xc8\x8a\xcbf=\xab\x97\xe7\xac/\x1b\xf8\xf4\x9a\xf19:\x0e\xe3\x9a\xff\xeb\xb7\x00nT\xee(\x1bW\xfe\xede1D\xaeS\x90\xbbA*\x9a\xb52\xc1\xc9\xf2D\xe67\x1e\x12\xb4\x8f\xe6\xab\xa2\xa7\xfb\xd4%\x03[%f\x06\x8be;k\xf9\xed\xc5\xac\x19=TF\x83\xa9t\x9e\xdf\x92m\x0c-\x9b\xb2\xf7\xdb,\xb2\x87\x92\\9h\x9a\x8aj\xf9\xf7IM^r\x08\xc0\x89-f\xc0\x15d\x93\xde\xfb\x87\x8f\x8a\x12\x8ai\xf9\x8e\x0b\xfb\x1c\xa6\xba\xcd\xf6j\r\xf3\x94\x0fH\x8a\xfe\xd1q\xc1\xbc@\xe6\x17\xf7C\x05k\xd5\x9d\xa9\xe0\x9aiy\x92`w\xb1\n\xc4"{\xed\xe60OT~\xc9\xd1S\x00\xca\xe5\x14@\x1c\xe6r\xc1\xd5\xae\xac\'\xfd \xf8\x9d\xa3\xcb\xa9a\x15?\xe1\xad\x93\xeaK\xaf\x92\xa5~*F\xc0\x11\xf1\x03%\x19Y\xd3\xbcwidcp\xe6~C\xdc\xa2\x0e~\xe1\x8a\xe2\x1cWn\xd8\xf0\xc0\x01\xf0\xa8"\xb4\xde\x00\xe6\xc5\xe8\x90\xcc\x19r0\xf2\x14A\x88s\xed\x07Vp\xfa\xa5\x84~\xf9\xe2&lt;\x16z\xd8\x91i\xa38\xfb\x04/\xa8\x7f~k\x01d\xb7\xe7_|y\xc0\xc2;\x17\x8d\xc4)D[\xb00\x96\x80_n\xb8$\xbf\x16YJ\xf4\x81\xda\x1a\xd1R\xb2\xd7N\xcb{}Z\x1f1L\xd6\xee\xf5t\t\x07\xc9:\x94\x1b\x11\xd0B\xd2h\xbe\xfec\x97\xf5\x11G\xb4I4\xe3\x83v\x0b\xc7\xdd\xe0\x85_tE\xbfN\to\x04\xf9\x17\xe7(\xf7\x0cfX\'\t\xb4\x9e#\x8c\x15\xda\xa2\xa2\x9a\xe7\x12x|\x1b\xa3\xcfPb!K\xfd\xb3!\xd7\x89\xea\xe7\x1d\x14\xadeh\x1a\x83\xc5S\xb1\xa9f\x15d\x0f\x9d&lt;\xb8x\xdf\xa0\xb6:\x8d\x18\xea\xa1\xea\xae\xf9K\xf2\xad"un\x16\x01p\x858\xad\xf9g\x90\xb4z\x80\r\x87\xec\xadyE\x90\t\xa2\x85y\xeb6\xbc\xfd\xafV\x97\xdc\xcc\xaf\x1a#T-\xf5h\xae#\xa6\x11\x1a\xca\xea\x12\x8b\xd1\xcfI\xf8\x93K\x8c\x8d\xbf\x8d\xec\x13\x10}\xd7\x0fH\xa7\xce\xbc\xca\xd4\xdd\xb1\xed\xd6\xa3\xe0\x91\xa0t\xbc\x9b\xfe\xb2p\x932\xea.}\xa2\x11\x85\xf9\xbb\x06k\x8b\x85\x92W\xef0\xf7\xa3~\xa3\x98i:\xd66n\xc0\xc8\x05\rN\x99Z\xcc\x85\xa9\xc0\xa2\x19\xdf\x84\x14\xe8\x97r=\xab\x14\x80*$\xf2\x91t\x156;\xd1Mr+N&amp;&gt;\xa0\xb9\xfa\x8c\xa7[L\xbb\xb9,\xdb=\x8a\x95\x85^b\xa4\xa7\xe5)a\xad\xe7@{\xa6\x9c\x82W\x86!\x1f=\xdb\x9c#\x9a\xfe\xc1R\xe1\xac+\x05\xfc\xfb\x83\xfc\xd1\x14 p\x15\x18\xe2\xe6Sa:\xc7$\xa1:\xc6\x9b\xb9\xdb\xc7W%h\xd0\xbf\x06\xecA\x99\xa6\xc0\xd0n\x8b\xe6\x0eF\xd6\x83\xcd\xf63\xbc;0\xe1c\x9c\xab\xa6\xf8k\x08~B7xQw\xf6\r\xd6\xbb\xc4h%L\xd1\xb8\xfc\xf8\xef\xfe\x82,\xb7["\xaf\xa4\xcd}\xecc\x8f&amp;\xf9\xdf\xa3\x95*]\x9b\xb1\x95\xd9\xb3\x1f3\xa1\xa8\x92GY\xe3(\xd0\x08\x08\xe3\xa3\x84\xf9&amp;Qc\xfe&amp;p\xb6P\xd9\xe7\xfa1\xba\x96#s\x12W\xf1\xa2\xea\xfe\x89z/#\xc7&lt;#i/\x0c\x95\x17H\xd0\xf8\x96\xdcx\xbc[\xd1\xc5\t\x7f\x8b\x8f\x1c\xd3\x97\x9dn\xed\xb2g ]\xc1KKZj(\x95\x07bNX\x9b\x1f\xd8\xbc\xeaVj\xe0\x9f\x0cA\x9c\xb2\x9eZ\xd7~\xdd\x17\x88&gt;;P\x1a\xd8Nu\xb2\x9d\xe3(\x0c%u%O\xb1\xe9\xd0&lt;D\rN.n\xe8\x92W\xc0?\x85\xd6\x00\x01\xd9ddhH)8U\xa9\xa3\xdc\xcfR\x97H\x93\x93\x84@\xf5C\xf7\x0c\xd0VD\x1d\xb1\xb3\x86\xe6\xa5\xe8I\x8c\xd0\x07HJH1S\x94\xc1\x86\x0b\x8f$\x11\x12\xd5\xa3\xf9a\xcf\xc7\xc3\xdb\x8a\n\xe4\x95\xb5\xe6\xb7\xa5-\xbd\xa2\x1aMg\xb6%\xe4Dw\xb4\x04\xcdJD\xc7\xfc;\xd2\xeb\r\xe8\x9a\x9dP\x83$^&amp;.\xad/\x15\x00\x9a\x92Y0\x06\xdcb\x11\xe8\x138\xa4\xf69W\xa6\xfb\x9b\x84\xcd5\xc7\xab\n\xec\xa3J\xe30-\xc6\'+N\xe7p;=c\x0f \xca\xbf~\x95\x82\xc6\x94\x92P\xc9\x9c\xfa\x07d\xb9\x90E\xc6g#g]\x08m\x19}\\\xf8\x7fNd\xa4\xddv\xa0d\x13d\xc9\x18\xb5],[\x8cC&gt;T\xe5eB\xdb\xcbG\xda\xed|&amp;\xd4\xf8\xfd\xfbBF\xa5\xa7\xeeV\x93\xd3\xe3\xc0\x8d6#\xb0\x00\xb3\x99Q\x94b\xde\xf3\xda\x04~Et\xb3b\xd3\xef=j\ta\xda\x012 \xcc\x04\x17\x8f\xa2\xaeH\xdb\x95\x0b\xefv!W\xac\xb7]/Ar\x9e*\x8c\xd5m(\x81R!\xdf\xb63\xd9"&gt;T\x88\xaf\xa0-\x01\x10r\xa68\xe3\'\x0bS\x173\xcb\xb0\x04f71\xcc|\xb1\x889\x04\xcaD\xcb\xee\xcb}\x19\x1d\x14\x05&amp;\xba\xc0I\xbbr\xf6\x8a\x0e\x85@\xceV\x81\xf2R\xa8\xb6\xa5&lt;\x80\xa2\xa1\xa2\x1dkz8X&amp;{K\xad\xe7&lt;-\xd06s\x8c \xc6\xd9\x13C\xb5e\xd1N\xc5\xd3@\xaae\x9b\xe67\xa4^\xecz\x7f\xc4!\xefwx.\xbc\xa7\x84\xc6xQ&lt;aS4s+I\xaeq\xaa\xaa\xde\x91\x80\x94\x17\xd0\xd4\xe7j8\x16\x85I8t\x06\'\x8d\xf2\xdf;\xe1\xb2\x1e\xee7\x7f\x19=\xc6\xfe\n\x1a\xef@\xd53\xf3^\xf5F\x86\xb6\x02g\xf1q\xdc|#\xb1\x8c\x9d\xf1\xaa\xbd\xac{u\xee0\x15\xf4\x88\xf4W\n\x82\x0e\xf7\x80\x82^?\x00\xd8\xb5\x18\xdbJ\xd6\xd5\x16":c%F\x80\x81\x0e\'\xd0\xc8\xf5\x17\x04\xd0\xff\xb3@\xd8\x06\xfa\xcd?.0\x11\xd5cz\xf2\xd3e\xd9\xae&amp;\xba\x11\xcc\x9cw\xf4%.\xf6k\xa3q\x8b\xeb\x8dU^f\xa5\x192\x88\x81\xd7\xe2\xd9\x95r \x9a)\x8f\xd7\x86\xe8\xf9\xde|\xb7O\xfe\x05\xfb3\xf0\xe4 :\x99\xd9\x18r\xb7\xfaC*\n\xc5\x14ogw:\r\xf5\xf1\xfa\x84\xab\x95O2e\xef)\xdc\xfaiq[\x06\xbe@Z\xf1\xbae\xff\xef\x1b\x91\xbf\x9f\x8b\xf9\x06\xbfa\xb4\x8f\xd3\xe8\xef\x92\x1dX\x7f\xd95\n\x8f$\x0cX\x18AA8\xb6\xc0$\x93\x85 \xbcaIy\xdd_\xa8p\x05\xf9q\xdc\x97(\x93Jo\xcc\xac\xcd\x97~\\Y8\xfekLfBG\x1f\xb6\x89H\xee\x8f\x0c\xbdtwy\x9d\xb0g\x17g\xbc]G2 \\\x81\xc9x\xa1\x86{\xfb\x80\x1dTJ\'K\x89G\xbe\x13~[\xf49I\xaat\xea\xd2\x98\xaf\xe0\x16\x15GdW\x11\xd8\xeb}\x01\x93\xc0\x85\x9d\x117!\xe9}\xb1\xfb|\x1a\xcd\x00\x03\x02\xea\x94\x0c\xb0\xb6#\xea\x11!z\x12\xbeg\xf6\x97\x1a\x86\xc3T\x08\xd1aI\x9b\x98Sp\xf7\n\xab\x1b\x8f1\xeby!.\x16\x95\x98\x01\xf3\xfc\x1f\xd1\x17\xe3K\xbb\xb5um\xcb\xad\'\xcc \x17f2XH\x93-\xd5\x03\xbezj\xefF\x99\x07\x18^tR\xa9\xe4\x15\\uO\xf8\xc1fh\x1f\x8d\x02\xaa\x9a\x0cP\xec\x1d~|\x8a\xb0O#\xad\x0c\xb2\xe3#T!\xa5\xfe\xbdz\xf0\x01\x8f\x7f!\xc8[t&gt;m\x98\tI\xcal\x93qe|\x8e\xa0\x01\x16pf\x027\xc1F\xe2\x90\xde7Twr\x97`\x00)\xaa1\xcdmZ\xb3\xbb\'\xa9-\xb3\xecm\xffe\r\xd5x\x1a\x02\x1d\xb4\x0e\xa4i\xe27$|\x93F@\xc5\xa8\xf3DJ \xbd5\xcd\xcb\xbf\xb3Ul\xbfXf9\xd2\xe2)\x82q\xdf\xf1\xcb\xa2\xae2\xd7\'\xea\xe1\x98\x13\x9c3\xd1\x01\xec\xb7&amp;A\x86\x15L\xd8\x96\x1e\r\x8bf\x88\xc8\xb9a\n=\xad\x0br\x96\xafT\xf2\xd7\xca\r\xa0\xa0\x82q~\x1e\x85\xb7\x81)\x9eD!u\x14\x1fi=X{\xf0\xb7\xec\xef\x1d\x95Y\xc7nh\xbc\xb6j\xcfym-\xe3\x14Nf\x98\xb0\x14+\xf2\xc2\xf47\xab\x01\x9f\xdaU\x97\x9e\xc9\x94?\xa0\xe6\x81\x84\x7f\xf8,\x7f\xfaA\x92V\r_\xbb\xc7=\xb4\xd1\xaeU\x95\xdc\x1a\x99h\x95\xb0\x90w\xeb\x1b\xa2\xbd\x07\x1a&lt;t\x00\xb8\xca2\x9d\x12\x83\xb2T\xac\x8f[eN\xf8\x82:jY\x1d\x8bt\xc8\x91\xa4H\x82@up\x85\xfaX\x17Y\xact\x0fr\x0ba\x94\xb6h\x192\xc4\x0e\xf5\xd2\x1f\xfe\xd4\x9fHQ&gt;wr\xe1\xcf\x0f\x84:\x83\xba\xec\xf0\xe4\xa9/\xb6\xa1\xa6T\xfc\x01Z\x80C\xb5H\xd56 \xce\xce\xd0\xd0C\xc4"h\xd6\x9c\x13\xcdct\xa4\x02p\x8av+\xa1$\x82";9\x8d\xfc\xae\x92G\xbb\x9d\x0f\xa2\xc6\x1e\xae\x1a\x10p\xa0%\x86\xabYiT\x1e\xc9uiMq&lt;;\xbaLr\x0eZ\x9dwq\xd4m0g\xdc=\x858\'4}\xde\xc9o\xb8\x01L]\xc3\x07\xce\xa4\xf2\x11\x8fAuqx\xb3\xdb\x8dD\x88P\xc7\xf3O\xfe\t\xac0V\x7fN\xfb\xd2\xfem\xe6\xae#\xc6\'u9\xfd\xe8%\x02\x8bL\x0ec\x92u\x02"\xa5\xbe\xacf\xd7KKo\x0f\x0e+\x06\xfdN`\x97[\xfe\xea\xa1\x98bg\xddQ\n\xb1\x90\xdb\xbfl\xdaZ\xf1o\xa3h%\x13\xec\x1c\x17\x0exsg\x0b\x8c\xb0\xd8Y\xb7\xe0bG\xd5\x04eF\x0b\xf7\xc4[\x9d)b\r\xd5A\x03e\xa5\xe7;\xd1\xd2a\xbbT\xed\x04\xcd\x90\xd3x\xaf,\xfa9+\x07\xeaCZ_7\xa9CL\xc31\x94\\\xef\xff(\xf9\xe5\x8c\x8f\xc7)pa1,N\xc5h\'\x14\xf7B\xc8 \xb1\xd33\xd4\xf2J\x8a\xb9e}\xa4\xcb\x90\xa3\xe9\xd2B4?&lt;@\xe1\x8bJ&gt;g=ph\xa5\xa5\x8a\xc2\x0b\x83#\xe3&amp;\xd2\x1c=\xf4\x89V\x96\xc1DV9\xa06G\x19\xb4,r&lt;\x82\xb5\x81(\xf5\x7f\xd0\xde\xbc\xd6\xeb\xfdYn\x94\x8fo\xaa\xc8\x9f\xe0\x87\x069\xb3D\x0f\x81=\xdfzgm\x19\x94Ho\xf7\xe3T2\xfcW\x9fd\x8c\x8e\xe9\xee\x9b&amp;\xe94\x07\x8d\xc0\x1dc\t\x10\x8d\x1em?\x86\x1e]%@\xea\xe4A\x91R\rU\xf9\xfe\xedn\x87\x9d\x81\x12\xc8\x16\x05\x02\x07\xbdR2$\x9e}&gt;\xb3U\xea\xde\x14\xcc\xee]\xfa\xb2A\xc0`'</t>
  </si>
  <si>
    <t>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</t>
  </si>
  <si>
    <t>b'&lt;L\x08P\xaa\x0c\xf5\x04\x801N\x9fV\xd3\x94+'</t>
  </si>
  <si>
    <t>e Greeks of the â€˜â€˜Second Sophistic,â€™â€™ archaism
could still channel suppressed resentments (the travel writer Pausanias arguably
supplies an instance: Swain 1996: 347â€“56). In Augustusâ€™ reign, at least, Greek
rhetor-historians active at Rome had taken sharply differing views of the ruling
powerâ€™s claim to a cultural standing worthy of the Greeksâ€™ respect â€“ an issue with a
particular edge for Greeks in the immediate aftermath of a war in which Augustus had
represented himself as championing the Italian homeland against the Greek-Egyptian
Cleopatra. On the one hand, Timagenes of Alexandria had written a â€˜â€˜universalâ€™â€™
histo</t>
  </si>
  <si>
    <t>b'@D\x02\xec\'\x08\xfc\xb1\xa1\\j\xd9\x14\x03\x87\xbaY\xaf%rCh\xdfh\xf6\xa5\xac\x10\x83\xdb\xf4\xd1\']k+\x86(\xdc\x94?\xed\xf5s\xd9z\xa2\xd0A\x10\xa8\xba\xacp![\xf7J\xcdC\x94\xca~\x82\xb0H@/&lt;b\xc1\xf6\xf8\x11\xf2I\x18\x1c\x00\xfc(\x10\xd8$ll\xc4\x0fiJ\xee\xec\xf4\x8d\xc2\xbca\x0b\x89\xcdR\xc7\x1d\x83\x9dE\xfai\x1d\x89\xd3\xda^\xcd\x7fK\\\xadc\xfcJ\xbfO\x98\xc1\r(\x1c@CQ}\xabk\xd4\xe7\t4\x04\xbc\xa0\x05&gt;\x06\xb4\xc4|\x85\x8bP\x01]\xcfp\x05&lt;u.\xd3\x8f7`\xd2\x92\xbb\xf6\x05@\x13\x1a\x8c\x8d= \x05-\xa4\tL\x1d\xceF\xe3\x83\xfc@\xb4M\xdf\tN$\xee\x8b\xa3\t%\x07\xf4\xc0\xcc\xe2\x07\x15\x87]\xc2I\xa3A\xf2n\\&amp;\x06\xe9\x11\xb8\xb6%Q\xc6~\xf1\xb2C1\xd2\x85\xf41\x14#\xb2\xbd\xb5@\xf1\t\xa8$\x01\x80\x95\xd3\x08\xef\x14\xe2s\x1b\xca&gt;rs\x1d\x12\xc1\x9c\xff\xb9\x87eG\x01\xf0]&amp;\xc8!\x1d\x01Rh\xc5X\xcc\x9drLk\xe9@4\xac{\xaf;XO\xa6\x16\x93\xe8dTgD\xae\x90XR1\x80\xab/\x02hT\x94%\xd5\xab\x96`o\xf5\xa6\xf6\x15H\xa9\x97N\x8b\xd4\x1d\x13\xd1\x00\xab\xac\xaf\x0f\xf5\xfb\x18%\xfb\xfdO\xcdM\xd6y\x04T\xa0\xf8\xdbg\x8b\x1a\xce\x80t\np\xa0L\x92s\xbd\xbd\x1a\x19__3\x04\x842Z~\xa3?\xfe2\x8f\xbbU\x0c\x8f\xb7\xdb\x9f\x90{C\x19\xd7u\xdd\x88\xf9"Z\xcc\xfd\xe4 \xa1\xa9\xa6M\x824\xdd\x02\xbe\x14\x0e\xaa\x03\x1b_@\xa0\x1d\x1d\xf5\x136\x9c\x80N\xca0\xfcu\xbb\xf8\x1c\xac\x04P\x87\xa1&lt;\x9e\x9e\x11\x1f\xe2,\xa4\xd4&lt;?\x97\x97\x11Ky\xfe9\xf0\xf71\x8d\xac\xda\xd4\xea\xc7\x19\x85\x8a\x08\xe4\xcb&amp;\xad\\\x07\x86U\xfa\x15\xc0\xbdZ\xd5\xc8\x97\'\xb2\xc2\x97\xc0\xd4A\xb7v\x02\xa8\xe4\x9f\xca&gt;\x1d\xbeS0{\xb1\xe8m\xa9-\xe6\x147;\xf3;P\xa4\x851}\xb7\xf4u\x0fE\xae\xf7R\x12\xb1\x0be\xa7\xa2\xe9\xc1\xb5\x9e_Tvm\xf6T\xec\xf5\x14\\\xb9\xff\x7f\xe0\xef\x8a\x07\x17\xec\x08\x1d\r\x93\tK:\xf2\xa1d\x96\xb45\xda\xb9\x99jm#\x0b\xf0.\x97X?\'\xed!-\xe6\xc5\x17\xeb\xb1\xc1D\x10\x81c\xd2^P wK\xbc\xfcK\x17\xdfH0\xbb$S$\x13\x92\x13\x07x\x87B\x8a\x1aN\xe7\xd0!\xe6vi\x8f{b\xcdvS\xc5\x94t\x06M\x87"\r\xf1}\x8e\xfb\xe1\xebI\xfeJbmC\xd8\xb8\xa9X$\x92\x11^\x1a\x8d\xc8\x8ao\xa56&amp;\xfe\xc9\x87\x1d\xc3D\t\x1f&gt;\xeb\xfe\xd0'</t>
  </si>
  <si>
    <t>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</t>
  </si>
  <si>
    <t>b"@D\x02\xec'\x08\xfc\xb1\xa1\\j\xd9\x14\x03\x87\xba"</t>
  </si>
  <si>
    <t>hese
buildings and about the nature of the Judaism they practiced? Seth Schwartz has
proposed that Judaism entirely evaporated in the early centuries after the destruction
of the Temple, and was reborn only under the sponsorship and at the initiative of the
Byzantine rulers. He bases his claim largely on, first, a late dating of most of the
excavated synagogues and, second, on the â€˜â€˜paganâ€™â€™ character of the early material
evidence, such as coins from cities generally thought to have had vast Jewish populations (such as Tiberias and Sepphoris), and burial inscriptions from the 150 years
after the destruction (Schwartz 2001). But his view is equally untenable (Eliav 2004).
Beyond some serious methodological flaws that undermine Schwartzâ€™s thesis, many
sources, especially Roman legal material (such as Linder 1987: 103â€“6), as well as
abundant archaeological information, demonstrate a vibrant Jewish existence during
this period.
568 Yaron Z. Eliav
Another question that causes researchers a great deal of trouble is the nature of
Jewishâ€“Christian encounters. Modern scholars have often projected the medieval
picture of two diametrically opposed religions separated by a theological abyss, not
to mention hostility, loathing, and violence backwards into the Roman period.
Excessive reliance on the contentious rhetoric of the church fathers has also contributed to the common view that colors the religious and social milieu of late antiquity
in bold shades of segregation and conflict. Many of these dichotomies have come
under attack in the last generation. The problem, as Daniel Boyarin states, is that
Judaism and Christianity in this period â€˜â€˜shared crisscrossing lines</t>
  </si>
  <si>
    <t>b'\x06\xa1\x08\xd6\xb8\x98\xc2b\xfa\xda^\xaf\x02qk\x10\xdf\xc9fv\x97+8\xd1\xe5\x0cx\xc6\xd1\xac\x9f/\xb4Tb\x94\xf7\x9e\xe7\xfb5)Pf/\xea\x86\xf6\xc7\t6j\xd2AW\x87q?\xc1\x82&gt;\xb8C\x8b\xaf\x87\x8f~\x8e\xc5\xf7F\\\xe6\xad\xe2k\xb3L}\x16\xa6\x83Z7\x92\xde\x96\x90\xfb+\xc2\xf0\xa5\xa5\x85$&amp;\xa5\x84-\x10\xb9$\xff-F^d\x9a0.\xc2\xee\x1b\x82\xbag^:\xf4\x0f\x8b\x88\xb1\xe4O\x03\xed\x89\xc4*\x8ei\xc6\x01\'\xf8p=\xa0t\x07#\xa9\xd0.\x8a\xa2Q\xa6\x06\xb9\x1a\\\xd5\x9e\x1f\xcd}\x06@cs\xcd\x88e~\xad\xf3)^\xb6\xa2MX\x0c\x80\xa2&amp;\xefT\xcdM2\x12\xe6\xe9P\xeeV\xe3[Ng}\xc2\x0e&amp;`\xe9\x17\x92\xe0=\x8c\xf6\x84au?\x95\xb84\x021\xa4\xc5\xe8\x0b2\xe3\xb5N\x91\\_-\xe1M\xed.ht\x1ff\xd7\x05\x9aJW`M\x02)\x1a#\x17b\xa5\x0b\xe5\t\xb7h"S\xcc,\xa7\x08\x05:\xa7-\xc0\x8ec\x94=\x9c2\x01\xde\xa3\xba\xb3kAma\xcb\'\x04\x03`0\xd1\xd9h\xbe\xb5\xbc\x05\xf3\x8b\xe5\x7fw\xe1\x13\x11\xec|\x00\x12_aB\xab\x04\x03\xdb[7:\n\x1c\xd212\xe6\xa2\x89\x1f\xa7\xee\xfc\x13\x8fx\xacF\xb2\'?\xb9\x19:\x8c \x9f\xba\xfd14\xde\xfe\xc3\xee\xa3z}\x8c\x0f\xc38\xe4khC\xff:\xba$\xf6\xec\xf6\xd5\x02\xfe\xee\xe1S\xbeM#\xb8\x83t\xc1\x01\xe21i\xf1]t\xc9\xaa"\x7fQ^;!a\xd0\xf4\xed\xd0*\x880\xec\xde\xa6^X%\xcf\xcdf\xbdz\xb2\x8fZ9\xa1s\xfa\xe4\xf1I=2\xd0\xf5\xc4\xf65\x99}\x87l\x91t\x13s\x19?T\x9f\xb4m\x99\xb8\xd2\xd5\x96\xf7\xb6\x0fxz\x81\xcdS\x8e1l\xa9\xdex\xe8\xc8\xa5\x07_\xec\t/\xac\x1fY9\x8f\xd2\x90\xda\\\xf0\x92\xbae\xeb\xeds*N\xc5)\x17\xa1l$\xf2\x021\xc3`\xf8\xa6T{wN\xb3\x82\xb9\'\x8e\xe9*\n\xf4=\x18Z@\xce\x17\x85\xc5\xa2{\xf7\xa1\xca\xcb\x0bl\xdc5B\xa5[\x82\xff&gt;\xbc\x7f\xbbL\xd5\xbe\r\xc4\xf4\xcb{*"\xda\xf0\xfd\x07\x9c\x83\x02\xdb%)!\x0e\x90{fe\xb1a\xcdC_\xbd6d\xcf\x9bb\x0e\xa4\x9a\xad\x92.\xba*0\xa3m\x97\xc5\xd5q&amp;D\x0c4\xba\xb4\x12\xd9\xc44n\xceZ\xbb#\x8c\xa9\x98w\x1b\xeb\x86EeU!\xa2\xab\n\xcdj\x15\xdf\x11\x1b\x1d\xac\xad\x82*\xc9\xf5\xa7D\x8b\xd5\x8bw\xac\xcb\x99\x9et\x1e\x1d\xc0\xc2s"h\xfb{\xa4\x1a\xad\xb5c\x16.\x0e\xde\x1c\xc7\xb9\xf0\x0c\xdc\x83\xd1\x0ev{Y\x87\xc5\r!f\x90\xf8\x05\xd9\xf8\x11\x91\x1e,\x9e;\x86-\x0b\x82\x17 (\xea\xb2\xf8|\xc3\xc3(z\x1ao!n\x88l\xfd\x88R\xfd\xd2\x15\xc3\xc6\x94\xf1\xfe\xd9\x07}\x0fZ\xef)u\x98;\x8c\x9e[\x16\xf74\xd6\xa0\xcc9Z\xbb\ry\xc0w\xa8k^\x86`\xcb9\xea\xe6\x1f\x05.\xe2\xd8pM\x1632Jf\x1e:\x96rMfA\x89\xe1\x17:&gt;&lt;\x8b\xe3\xf8\xe0\xcbt\xdd\xbcb\xe84G\xbe\x96\xc89wY?\xad\x14\x19\x98CZ:\xb9\xb6A\'p,3\\\x8bm\x82o\x15r\xce\x93D\xd2\xadr\xb0\x99\xd8X\xeej\x0b$\xfe{\xee\xb3\x90\x1bauj\xe1#\xa5D\xd9B\xb3\xa7\x96l\xcf\xc9pX\xde\xf0\xfaN\xe5F\xc3\xb0\xc6\xbeNOa\x88\xa85\xf4-&lt;\xa8\x1f\xc9\xeb5\x16\xce&lt;\x0clMZ\x9d\x99V\x14\x88\xe7#\xcd\xbc\xf2=g\x87\x98\x92g\xbf\xad?5\x15\xab{ \xb8\xb6\x02\xef\x04\x9a\xaf_\xe4\x1b\x06\x1dx\xaf\x89?\x90\xec\x13\xf0r\xd5\xb8h{\x0eh\xaa\x0b\rBe\xf0\xe8\x10=\xa5@\xc1r\x99\ny\x8b\xbf.\xdfl\xd5DrI\x03=\x92\xeey\xb7\xfa\xca\xde&gt;9\xea\xe4\x06\xc4\xef&lt;\xfd\xbc|\x9e\xfe\x7f\xc2\x7f?\x1e\xd1A\xd2\x8bi\xfbi\xa9@\xe9\xa8E\n\xe3\x9d\x80S\x83f\xf9\xce\xb5\\\xc9C\x95\x083\xfc\x9a\xca\x0e\xc3`\x1d\xb0\xd5C\t\x9b\x9e\xf5~\xe7\x1a\xf9y)Sv\xa5&lt;\xb1\xfd\x86\x91\xc1\xe6\xe7\xa9\xf4\xc8P\'%O[j\xdb\x81\xbc\x96\xf21t\x85\xb0\xfc\x13+ {\xbd\xcazCL\xea\x1f%\x8f;TO\xd61&lt;\xb9\x82]\xa5mw\xcd_\x15\xb3\x8a\xe0X\x9a\xfe\xeb\xc5EbT\xe7\x8d3\xe1\xaf\x96\xc2\xba\xc2z\xa8\x06\xba))\x94\xa9\xc5\xed\x1df`\x8d\x93\x0fH\xf3\x05vyI\xb81~&gt;\xa4V\x90\xfb\xf5\xcc\x07\xd37\x02\xc2y\xf6\x01|\xf8\xc2\x1dT\\k\x9f\x85\xc42\xdc\x9b\xc8#\x8e\xc7t\x9ct\x88/\x9a\x92v\xce\x9b:*\x0e=\xc2z7\xd8\r\xde\xb6\xda\x8c\x08\rn\xe0\xa4\\\xb6*\xa4-\xccN\x08}X\x13\xear\xbe\xa2b\x0c\xb2\xa83\x8e\xb6\x03\xde\xd6A\x1aQo\xb1z;\xd3\xd7V\xa5Qn\xb9\xdbf\x9fW\xe4&amp;\x08\x9bR\xb2fv\xa3\xd3\x11\x92#\xcc\xf5\x87\x80r\xd7\xf0\xe8\x17;\x05&lt;\xe9^\xcf\xea\x87\xc1bS\xce\xf8\t\x9f5\xab\x11\xa2\xd9D\xa3\x19G\x92x\xf9\xa3\x1c\x85\xd9C\xd7\xf9;\xde\x96Oe\xd8\x18\xca\x82Fq\xb7\x17\xf5\x1a~\xd2H\x96c\x8e\x8b\x9a\xf7\xac\xd3\xfe\xeb;N\xfb@K\xc0\x83\xea\x82\xf6\x16\xe2,\x89\xa1\x9b\xb66\xed\x18"\x8a\xc3\xadKa=\x00\xfaJ\x0cr\x8bi~/\x92\xaa\x842\x04be{\xed!A\x8d\xd5\x8bBE&lt;\xbc\xd36\x19\x9b\x89\xe9\x8f\x86\xbd\xd3C\xacs\x02Z\xef\xe4q\xcf\xd3\xec(\x03y\xed\x05\xd9+\x0e\x7f&gt;\x08!#^=j\xb2"\xf5*\xe4BJ\xc7Uo\x9c w\xe27\x03\xf5\xe92\x1c|\x9b;\x8b\xcd\x80\x9d\xbeK#UA\xde\xae\xd3\xfb\x9db\x81+EX\xff(M\xab,\xf9\x94\x8a\x1e\x12;\xa6\xbe\'\xe8M\xdf~R\xad2\'\xc3?n\x90\xffb\xbe\xf6&amp;s\xa1\xe4\x89~(z`\xbe\xd32\xca\x90C\x14\x8eb\xbf\x99\xca[fPSn)]\xdd\x11Ui\xb3h\xed\x99\x93\xad\xa8\x19\x14\\\xa3X\\\xec\xc2\xc8\xaaW\xda\xb4\xb9a\xb26a\xb1+&gt;\xc6\x93\x08\xdfwi\xd6O\x9a*\xf6\xad\xef0\xcdf\x10\x9cx\xdb\xecu"Q\xba\xd1\xf1\x89;\xe1\xf7\xfb\xfed\x9dL \x13\xc4E\x86\xbfm\x0c\xd3\xefI\x8f\x1dgY2S\x9f\xf1\xbb^[\x19\x9f\xe5\xd8\x0f\xc8\xa9\x97\xbet\'\xaa\xee\xd7\x9a\x19\x91\xef\xa7\x80)\x8f\x11]5\xf5\xde\xdc\xae\x98F\xa7\'4\x8a\xbew\xe6\xd8\x17\x10/\xa4\x9a\x8d\x8dJ\xf5\xf0\xeb6y\xc3\x8c\xa5\xc7J\x0f\x93\xbe\xe7%Re,\xc8\x92A\xe8\x85\x1a9\xc4\xf3\x94\x9c&gt;\x1e\xcfA\xfc\xf5\xf1X\xb4g\xf4\x1c\xbcQ[p\x88\xe2E\xb5\xed\xc7\x93\xf1\x1c\x08\'\xd4\xad\xcd\x14\xe3\xcf\x00\x84&lt;\xad\x86\x8a\xfb\x7f'</t>
  </si>
  <si>
    <t>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</t>
  </si>
  <si>
    <t>b'\x06\xa1\x08\xd6\xb8\x98\xc2b\xfa\xda^\xaf\x02qk\x10'</t>
  </si>
  <si>
    <t>times violent ebb and flow of world capital. Economists also argue that trade liber_x0002_alization should precede financial account liberalization. Financial account liberaliza_x0002_tion may cause real exchange rate volatility and impede the movement of factors of
 production from nontraded into traded goods industries.
 4. The importance of contagion. A final lesson of developing-country experience is
 the vulnerability of even seemingly healthy economies to crises of confidence gener_x0002_ated by events elsewhere in the worldâ€”a domino effect that has come to be known as
 contagion. Contagion was at work when the crisis in Thailand, a small economy in
 Southeast Asia, provoked another crisis in South Korea, a much larger economy some
 7,000 miles away. An even more spectacular example emerged in August 1998, when
 a plunge in the Russian ruble sparked massive speculation against Brazilâ€™s real. The
 problem of contagion, and the concern that even the most careful economic manage_x0002_ment may not offer full immunity, has become central to the discussion of possible
 reforms of the international financial system, to which we now turn.
 Reforming the Worldâ€™s Financial â€œArchitectureâ€
 Economic difficulties lead, inevitably, to proposals for economic reforms. The Asian eco_x0002_nomic crisis and its repercussions suggested to many people that the international financial
 and monetary system, or at least the part of it that applies to developing countries, was in
 need of change. Proposals for such an overhaul have come to be grouped under the
 impressive if vague title of plans for a new financial â€œarchitecture.â€
 Why did the Asian crisis convince nearly everyone of a need for rethinking interna_x0002_tional monetary relations, when earlier crises of the 1990s did not? One reason was that
 the Asian countriesâ€™ problems seemed to stem primarily from their connections with the
 world capital market. The crisis clearly demonstrated that a country can be vulnerable to a
 currency crisis even if its own position looks healthy by normal measures. None of the
 troubled Asian economies had serious budget deficits, excessive rates of monetary expan_x0002_sion, worrisome levels of inflation, or any of the other indicators that have traditionally
 signaled vulnerability to speculative attack. If there were severe weaknesses in the
 economiesâ€”a proposition that is the subject of dispute, since some economists</t>
  </si>
  <si>
    <t>b"0E\x02!\x00\xc9\x8e\x08\xa7\xb1\xdd\xe7\xd9\xdf\x14BuK\x97[o\x8c\xd6\x99\xe5.'\xd3=\x8d*3\xb8\xb8\xab$\xe6\x02 z@c*\x89\x95\xf3\xa3,\x10\xb1\x8e[\x10\x1ai\xa1[X\xe4 \xfe\xae\xfb^ U\x1d8\xa0\xb0U"</t>
  </si>
  <si>
    <t>3045022100c98e08a7b1dde7d9df1442754b975b6f8cd699e52e27d33d8d2a33b8b8ab24e602207a40632a8995f3a32c10b18e5b101a69a15b58e420feaefb5e20551d38a0b055</t>
  </si>
  <si>
    <t>b'0E\x02!\x00\xc9\x8e\x08\xa7\xb1\xdd\xe7\xd9\xdf\x14B'</t>
  </si>
  <si>
    <t>lert, 
 straining ears and eyesâ€”the musketeers with their pieces balanced in 
 their hands, the captain out in the middle of the blo</t>
  </si>
  <si>
    <t>b"\x92\xc2&amp;I5\xc8+\xc5\x90t;&gt;\x957\xae\xbf\x96\xd1\xf8\x84\xd6\x00\x15/gG\xd6U9\x94\xe0n\x05u\xa7\x8a\xfa\xaa\xb9\xfd\x9f\x923\xe1\x19\xe4Ng+\xa7p'\xee\x0f\xc9\x94vv\xed\xf7\x98\xd1w$\xaf\x1b\x94\xfd\xf2D\xdb\x82?'\x88\xf3\t\xb8\x93Z~\x0f\xaa\xabG\xe1\xa6\x11r\x16\xa6\x92\x81\x81\x80R\x02\xfcE;{\xe2\x1d\x9aMX\xd2T \xf7x\xbf:\xc1xY)XJF1\xb94\x1c\xfe\x88\x93\xffX\xc7\xff\x15_\xe4\xa3e\nj\x0c,_\x01\x16A\xe5\x16yR\xe4\x17\xfd1V\xdc\xd1+\xfa4Z\xa8\xd7V\xa4\xd6\xc7z\xfd\x98\xe6\x05\xeb)\xf1\x97-\xfb\xf4af\r\x06\x9f\xff{\xeaw\xaf\x94\xafB( \x80K\xde\xe4\xcb+\xf1\xc6@\x1f\x00\xc1\xd6L\x11\x9ahB\xee\xa9?!\xcfh\x11\xc3\xc0\xdb\xbfR\x8a\xd8\xa4{\xaa\xca\xdd\xab\xcb\xcbO\xd5\xba\x08\xb0\xf4*\xdd\xb7\x8a\xb7\x014=\xcf\xfe\xc7(y+\x00\x8e\xb7\xb3-\xe2\x9f\x9ch\xd3W)SO\xf3\xbdF\x9f\x95\x90\x00X\x1b\xff\x0e\x80.\t\xbcIm\x03\x1f\xbc!*\x0ef\x9bW\x10]\xb2\x95U\x85\x7f&gt;\t\x16\xc18+\x9f5\xed\x86p\x88;\xc2\xf7@T\x14\xf7!9R/\xac\xc07E\xd7%\xada\x1e\xe2g\x1b&lt;\xfb\xc2\x9c\x93\x94G{;X\xef;7U1\x811\xedB\xe9k\xa0!a\xeb\x8b\xee\xd9\x18\x1c\xb9\xe8&lt;\xb9AG\xea\x11H\xbf\x99`*\x8c\x1cj\xf1\x07iib\xd0\xa3Il\xbet\xdd\xa6\xcbI\x11V\x86\x1f]\xa8\x8f*\xc8\x14\x1b\x94\xb9\xe3\x8bA\x96\xcb\xe7\xf4i\xc5\x94\xcb\x9d\xda\x05\xc2\xf4\\\xdc\xce\x05\\\x15C\x05\x87\x87\xaf\xce\xa4\xe7\x85;\x92rI\x19!=2.w&lt;\xbd\x18\x90kA\xcb\xa8\xc21\xa0\x9017\xc8\x9e\x88\xc1&gt;\xa5&lt;b\xfe\xf9Gm\x11?\xf8\x81\xe1P\xba;\x8bT\x8d\x15\xc6\xd4'\xc7\xcbR2d\xca\xf0TIa\xc4\x06LN\xa8\x91kU\x7f\x19\xdb\xc9"</t>
  </si>
  <si>
    <t>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</t>
  </si>
  <si>
    <t>b'\x92\xc2&amp;I5\xc8+\xc5\x90t;&gt;\x957\xae\xbf'</t>
  </si>
  <si>
    <t>egree of concern, such
 as his friend had thought it was scarcely possible for him to feel on any
 similar occasion. They parted with mutual regret.
 'If any thing could have tempted me from my retirement,' said M.
 Barreaux, 'it would have been the pleasure of accompanying you on this
 little tour. I do not often offer compliments; you may, therefore, believe
 me, when I say, that I shall look for your return with impatience.'
 The travellers proceeded on their journey. As they ascended the heights,
 St. Aubert often looked back upon the chateau, in the plain below; tender
 images crowded to his mind; his melancholy imagination suggested that
 32
 he should return no more; and though he checked this wandering
 thought, still he continued to look, till the haziness of distance blended
 his home with the general landscape, and St. Aubert seemed to
 Drag at each remove a lengthening chain.
 He and Emily continued sunk in musing silence for some leagues, from
 which melancholy reverie Emily first awoke, and her young fancy, struck
 with the grandeur of the objects around, gradually yielded to delightful
 impressions. The road now descended into glens, confined by
 stupendous walls of rock, grey and barren, except where shrubs fringed
 their summits, or patches of meagre vegetation tinted their recesses, in
 which the wild goat was frequently browsing. And now, the way led to
 the lofty cliffs, from whence the landscape was seen extending in all its
 magnificence.
 Emily could not restrain her transport as she looked over the pine forests
 of the mountains upon the vast plains, that, enriched with woods, towns,
 blushing vines, and plantations of almonds, palms, and olives, stretched
 along, till their various colours melted in distance into one harmonious
 hue, that seemed to unite earth with heaven. Through the whole of this
 glorious scene the majestic Garonne wandered; descending from its
 source among the Pyrenees, and winding its blue waves towards the Bay
 of Biscay.
 The ruggedness of the unfrequented road often obliged the wanderers to
 alight from their little carriage, but they thought themselves amply
 repaid for this inconvenience by the grandeur of the scenes; and, while
 the muleteer led his animals slowly over the broken ground, the
 travellers had leisure to linger amid these solitudes, and to indulge the
 sublime reflections, which soften, while they elevate, the heart, and fill it
 with the certainty of a present God! Still the enjoyment of St. Aubert was
 touched with that pensive melancholy, which gives to every object a
 mellower tint, and breathes a sacred charm over all around.
 They had provided against part of the evil to be encountered from a want
 of convenient inns, by carrying a stock of provisions in the carriage, so
 that they might take refreshment on any pleasant spot, in the open air,
 and pass the nights wherever they should happen to meet with a
 comfortable cottage. For the mind, also, they had provided, by a work on
 33
 botany, written by M. Barreaux, and by several of the Latin and Italian
 poets; while Emily's pencil enabled her to preserve some of those
 combinations of forms, which charmed her at every step.
 The loneliness of the road, where, only now and then, a peasant was seen
 driving his mule, or some mountaineer-children at play among the rocks,
 heightened the effect of the scenery. St. Aubert was so much struck with
 it, that he determined, if he could hear of a road, to penetrate further
 among the mountains, and, bending his way rather more to the south, to
 emerge into Rousillon, and coast the Mediterranean along part of that
 country to Languedoc.
 Soon after mid-day, they reached the summit of one of those cliffs,
 which, bright with the verdure of palm-trees, adorn, like gems, the
 tremendous walls of the rocks, and which overlooked the greater part of
 Gascony, and part of Languedoc. Here was shade, and the fresh water of
 a spring, that, gliding among the turf, u</t>
  </si>
  <si>
    <t>b'\x00B7%\x9e6]z\xea\xce\xb3X\x87J\x91\x1el\x16\xcd\x95\xba\x0fb\x8f\tE\x82I=9H[\xc3\xce\xacKo\xfe\x95Nb\xbc\xa61xgi\xf9"b\xca ]\x97\xab\xc0*\x15\x10i\xf4\xc0Q\xca'</t>
  </si>
  <si>
    <t>004237259e365d7aeaceb358874a911e6c16cd95ba0f628f094582493d39485bc3ceac4b6ffe954e62bca631786769f92262ca205d97abc02a151069f4c051ca</t>
  </si>
  <si>
    <t>b'\x00B7%\x9e6]z\xea\xce\xb3X\x87J\x91\x1e'</t>
  </si>
  <si>
    <t>ey should be. I do my best, and there I must
 leave it. I'll remember what you have said about the mare."
 They were going out of the stable, when John stopped and said, "I had better mention
 that we have never used the check-rein with either of them; the black horse never had
 one on, and the dealer said it was the gag-bit that spoiled the other's temper."
 "Well," said York, "if they come here they must wear the check-rein. I prefer a loose rein
 myself, and his lordship is always very reasonable about horses; but my ladyâ€”that's
 another thing; she will have style, and if her carriage horses are not reined up tight she
 wouldn't look at them. I always stand out against the gag-bit, and shall do so, but it must
 be tight up when my lady rides!"
 "I am sorry for it, very sorry," said John; "but I must go now, or I shall lose the train."
 He came round to each of us to pat and speak to us for the last time; his voice sounded
 very sad.
 50
 I held my face close to him; that was all I could do to say good-by; and then he was gone,
 and I have never seen him since.
 The next day Lord Wâ€”â€” came to look at us; he seemed pleased with our appearance.
 "I have great confidence in these horses," he said, "from the character my friend Mr.
 Gordon has given me of them. Of course they are not a match in color, but my idea is
 that they will do very well for the carriage while we are in the country. Before we go to
 London I must try to match Baron; the black horse, I believe, is perfect for riding."
 York then told him what John had said about us.
 "Well," said he, "you must keep an eye to the mare, and put the check-rein easy; I dare
 say they will do very well with a little humoring at first. I'll mention it to your lady."
 In the afternoon we were harnessed and put in the carriage, and as the stable clock
 struck three we were led round to the front of the house. It was all very grand, and three
 or four times as large as the old house at Birtwick, but not half so pleasant, if a horse
 may have an opinion. Two footmen were standing ready, dressed in drab livery, with
 scarlet breeches and white stockings. Presently we heard the rustling sound of silk as
 my lady came down the flight of stone steps. She stepped round to look at us; she was a
 tall, proud-looking woman, and did not seem pleased about something, but she said
 nothing, and got into the carriage. This was the first time of wearing a check-rein, and I
 must say, though it certainly was a nuisance not to be able to get my head down now
 and then, it did not pull my head higher than I was accustomed to carry it. I felt anxious
 about Ginger, but she seemed to be quiet and content.
 The next day at three o'clock we were again at the door, and the footmen as before; we
 heard the silk dress rustle and the lady came down the steps, and in an</t>
  </si>
  <si>
    <t>b'\x11&lt;\xed\x07d\xc2\x86\\'</t>
  </si>
  <si>
    <t>113ced0764c2865c</t>
  </si>
  <si>
    <t>casion. And he was proud of his distinguished birth,
tracing his lineage back three generations as part of his name.
Thousands of similar acts took place on a regular basis in many parts of the Roman
west, as the elite provided for the less fortunate and the less fortunate expressed their
gratitude in public acts such as this. Such rituals of reciprocity on the surface at least
bound the heavily stratified layers of local society together into a consensual whole.
The lower orders, it appears, were content to accept their inferior social position so
long as the elite provided for them not just the necessities of life, but some of the
pleasures of urban living too: the delights (voluptates) and good cheer (hilaritas) that
festivals, games, baths, and the gymnasium all combined to produce. And it was cities
that made these voluptates possible, as the jurist Ulpian emphasized in the early third
century when he explained the legal rules on how to determine a personâ€™s domicile:
If a man always does his business not in his own colony (i.e., the colony of his birth) but
in a particular municipality, if he sells, buys and makes contracts there, if he uses the
forum, the baths and enjoys the spectacles in that place, if he celebrates festal days there
and enjoys all the advantages (commoda) of the municipality but none of those of
colonies, then this is where he is regarded as having his domicile rather than in the
place where he goes in order to cultivate the land. (D. 50.1.27.1)
But on occasion tensions arose and personal politics fomented rivalries within the local
elite. In the later second century, for example, the centurion Lucius Caecilius Optatus
retired from the army and rose to hold the aedileship and then the duovirate three
times at Barcino (Barcelona), where he also served a term as flamen of Rome, the
deified emperors, and the Augusti (flamen Romae divorum et Augustorum). He then
set up a legacy to fund an annual boxing match and free oil at the baths for the people of
Barcino, but added a powerful rider: the bequest would only remain valid so long as the
community excused any of his freedmen or his freedmenâ€™s freedmen who might
become a VI vir Augustalis from the obligations (munera) that this position entailed.
If the decurions of Barcino were unwilling to uphold that condition, Optatus would
transfer his bequest to the colony of Tarraco, 80 kilometers to the south (CIL II 4514
Cities and Urban Life in the Western Provinces 277
Â¼ ILS 6957 Â¼ IRC IV 45, tr. LR3 II, p. 260). Clearly members of the local elite
could sometimes use the promise of a benefaction to negotiate favors for themselves
or their household from their local council. Optatusâ€™ threat to take his bequest to
Tarraco suggests that he sensed a certain resentment towards him among his
fellow decurions. What is more, it shows that a strong rivalry existed between the
colonie</t>
  </si>
  <si>
    <t>b'\xb7%\xea_\x85\x07\x18\xa0\xc8z\xd7q\x82\x1f\x8au\xc3f\xa6\x9d\xd7\xf7&gt;\x10O\xbeuP\x14\xc2\'\xa0\xfdC^\x8f\xbd&lt;\x95\xb8!\xd3\xf05d\xd5\xdd\xd8 F\x12 \xcf\x16\x0c\x13\x82\x90C\xc2\x7fy\xb2\xb7\x94\xd5n\x85\xf5\xb16\xc4]|*\xf0\x95\x1e\xcf{\xd2\xa9\t\x84\xb1\x9aV\x15y\xb6\xdd\xc2C7\x11Q?\x05?\xb8\xa2\xf1\xf5;\x1f\x9b\x058\x12\x0f=\xfc\xf8\xb1\x86"\x0f\xaae\x97\x0f9}\x1e\xbe\x00\xac\x12P\xa6\x0c\xcf\xba\xb6X\xd4\xe2&lt;\x9a\xc5\xa4=Xt\x95\xce\r\x92g\x03\xaa\x04m\xd36(\x94\xe9\t\x1dK\xbd\xc0\xfdnR\x103\xc5`W\x8b\xb9\xbc\xf3\x87\xc0P\xc18z\x01R-\xaa\x1c\x05\x11\xf7\xe7\xf6\xbe\xf5\xeb\x9f\xf6XMzBk\xae;\xa2e\xef\xaa0\x8f\x11\ta\xdf\xdem\xc8\x90\x9bvu\x01\xb1 \x8f\xa6@{(i)\xa9\x8eIc\xd1\xcf\xf2Q\xb2BO\xad4j\x84y\xdc\xfe\x1b\x04\xe2\xe9\x82\xce\xb4\x13\x10@\x11z\xd3\x1a\x9c\xe6\x96\xc5B\xf0\xb4W\xb6\x96|.Yu\xf9!"\xbf\xf5\xcfo\xfa\xa9\x0cK\xdb\xd8+\x8f\x7f\xef&amp;9v\xa7\xd0\x04`V\xc9\x1c\x81\x9evi`?{\xcaiz\x9c\xba\x8fp\xdc\xed\xd1)\x9a@\xac\xda\x8a\xf3%2K\x87\x8b%z\x96\xb9\xf9\x0bM\x11\xbdK\xa4\xe0+J\x9fD\xbcrIn\x85\xe8\xbd\x85x\xd5%eoi"s\x80x\x88w\xf7\xd2\xb0\xf3\x87\xb1"\x01\xb2I\xa7\x9f\xbdg16\xcaLk\xa0\x12\x85S*\xdd3\x91\xa9\xd1&lt;]\xb2,\xf1x\xd2\xc6\x0f\x8d\xbd2\xfa\x83Qy\xf5Wb~x\xef\xf9 \n\x0f"~\xb6y\xc6\xce\xbcB\xf3cPF\xe9\x97\xbe\xd23GS\xcf$\xa2\xba\xd7\x9a\x99\x0e\x92\x10\xf5d\xf7\xdb\xaeD[\x94\xc9\xcf\xe7b&gt;I\xce\x15\xc9\xe1W\x99\xc2\t\xdf)/\xb2J&amp;\xd0UO\x03\xb2\xc3L\x1b\x00\x01o\xa0@nm\xb1v.\xfe\x94\xa8j!\x0b\x7f\xfb6\xeb\xb2\xf6A\xaex\xd7\xab\xf5IBO\xe5\xb75\x8f\xff\xdf\xe6\x08\x95\xd7g\xf3yj\xb3\xce\x85\xe0\x01\xe2\xd8\x1dm\xf2\x0b\'\xb4\xbb\xbe;c\x81\t\xbdu|\xb0\xe5\x0f\x84\xb0\xff\xa2\xab\xab0\xe5\xf2g\xaaF&amp;\t\xfe/\xc9\xf5O\x85\x96\xeb\x9b\xdd\x11\xbe\xefa\xfa\xd4p\xf7\xdc\x1aT\xf3l\xf9\xa6WC\xa8@\\p\xb8Z\xee\xc0\xbf1g\x07cC.\x04N\xd6\xc7\xfd\xdeq\xc6\x9d\xe3I\x8b\xfd\x04Rc\xb4\xe5\xab\xfbH_\xd5\xf4\xeb\xf16\x91UwP\x00Sf\xd7\x00\xfaU\xee\x87eNT&gt;\xda\xfe|\xab&gt;_h2\xce[+Y\x88&lt;Z.E\xceDI|\xf3\x96\xaf#\xee@\x1d6\xbe^a?\xa5\xbb\x11N10\x0eR\xa73\xf8\xffy\x1et\xe0\xbf\xec\xa8\xe2E\xeb\x00\x19?0K\x8c\xd9\xc6\xf6\xad\x8f)z\x88q\x1d7\x87,^\xdf\xc3\xf5K\xf5\xf1\xdd\x10\x83\x9bj\xa7\xef\xfd\x15Z\x9d\xe1\x06\xc9\x03\xcc~\xc3\xe1\x90B\x1dR\x18|Y\x0b/\xd9/&lt;F\xbe\xb5\xbe\xc4\xfb\x05f\xf8\x99\x0bu\x94.wF\x02D\x08\xad\xabC\x10\x02{W\x179\x10\x83\xde\t\x98\x91h\x03D\xad\xb1K\t\x91.\xb6\xf6\xc6\xec&amp;Ut\x9b"\xf8\xf7&amp;\x04\x17\x03Ip\xed\xa6\xf0&gt;S\x16\xa7\x87\xb4zY\xbe\xc5\x08:\xe1\xf2\x8d\x15\xe6\xc940\xf6W\x00\r\xa6\xbe\xdf\xc6x\xbb$j\x02\xedTNI\xfd\x8d\xa7\xd2\x9c\xad;\xf1\x04\x97\xe3\xad\xcb&lt;\xad\x0f\x87!\xe1\xc0\x10\xf1\xd1\'\xce"\xde\xba@,-\x9a\x88a\xe9&lt;^\x11\x96\x14\x85\x831\x13\xf7\x06\xdfI\x9dp\'\xb9j\x9c\xe4\x81\x10\xaej\x93tj\x13z\x1e\x08\x0b}\xb2\x02\x8f\xce\x16\xcd"5\xecBG\x8b\xe2\xe6\xb1\xfd\x1e\xcfH\x98\x05\xa6\xfcBT\xb7j\x8c/8\xaf\xf0\x07\xac;@\xdd\xd0\x8a\xb7\xee:\x1c^M\x9cI\x9a-v\xe1\x07\x9e\x7f\xa6+\xfcw\xa1\xbaD\xae\x00e\x82\x05\xa2\xaf\xa2,#\x89\xf1{\x81\xb9\xca\x8f\xee"\xd7M4\x91\x98I3\x1c\xb2\xb9n\xedi&amp;h\x162mz\xe0)\xb1\xc6\xac\xf2\x98 \xfe\xdd6\x98)*ojcG\xc2\x93V\t\x1b6\xedNcO{\x92#\xdbJ\xa0I\xa90C\x8e\xb8\xfa\xf07k\x93l@Q\xf7\x0b\x93\x90[\xd1\xcao\xe1\xa4\xb7\x8fa\x88\xf5\xbf\x19\xfe\x96O\xf8\x065\x97\x89BX\xc2~+\r\xa97\xdb\xad\x1b\xb3\xcbj\x17\xd8\x03\xb9\x03\xe8^\t3|\xe95\xf7\xbf\x07oTa\xef\x90M\x15\xb9\x16*\xd2J\xea[b\xedG\xc2oXF\xea\x8c\xf2#\x94\x8c\xfc\xcb\xdc\xdb\x18\xe6q\x8c`i\xda\x88F;\xd1e\x11D\xb4H\xb1\xfb\x077\xd7\x94\x00$\xed:\xed\x8eV\xa5\x869\x13\xe0\x92\x87\xa0\x16\xdd\xf8\x90\x1b\xde)\xea/\nhF\x7f\xbf\xef\xe4\x08\xc6w.y\x8b\x8f\xe0\x14\xcc\xd1V}\xea:\x91\xdaS\x05o\x1f\x17\xf1\xe2~\x1a\xfax\xfax\x98\xc4]\xf6\x8bcX\x87\xecuw\rm\x0c\xea\xdb\x80:\xbd\x10&lt;\xea\x17\x8f\xcc5\xef==X\x0c\xbf[`\x06\x12\xec\xbd\xda\x98\xae\x08\xfa\xa9\xfc]\xe1\xf0&amp;\xfe:t^A\x82^\xf1\x1f\x11\xfc\x82C0\xfe&lt;[\xfb3\x03\xd7\xf1g\xa5\x12\x14\x81\xb9\xe6\xf6\\H\xe5c\xc7\xc4\x8e\x8e\xd33\x07\x95\xfd\xb7{\xa4\xa7f\xad\x9ee\xf6-^j\xdf{A\x99$\xd7\x11\xf8\xf8\xb4\xa9\xffT\x80\x93D\x0b[\x01\xa3D9\n?3w\x06&gt;S\xbf\xb5*8K,\x84lz\x80\xc2\x8c\x9b\x90\x99\xfe \xb0\x19\x07+B\xe4\xd2\x88\x93\xc9\xfc\xc2\x19\x8ex\xc7\xe9*J\x98\xb5 \x8f\xe5O\xa0\x85\x910\x0c\xea\xd0\xa3c\x04\xebf\xd3=c\xcfP\xe2\t\xf9(\xd2\xbb\xa2B\xba\xc7\x1b*N\x9f\xd7\xe8\xe3\xbf\x15\x88\xe6\x07qF\xf3J\x83#szR\xce\xf1D.\x1e3n\xc8r\x98\xd7@B\x13\x99&lt;ss5\x1b\x85\x92Zp\xd7\x98\tB\x92\xf2\xb4\xe0#\x105,\xcd\xda\xb0\xc2\xed\xa6\xcc\xf7\x14_\xef&amp;\xa5\xfb\xaaf\x816.\x98\xc6\xf2q\xb7\xd8Um6@\x16\xcb\x9eP\xc0\x81\xe7!\x83&gt;hGt\x9f\x00\xf6G\x03\x0f\xbaD\x98H\xca\x89\x8b\xd4\x80\t!\xbaSe\x19\xa8\xdcE\x1b\x14\xa5\xeb\xb7\x89\xc3\x85a\xe4\xf2v\xaa8\x97\xa4\xa3&amp;\xe4\xaan\x9c\xbe\xe0\xe2jg\xc9\xafa\xd3\xf0\xec\xd5\xcam\x8b\\\xeaaMK\xdb6\xd2Z\xab\xb3&amp;\x1ag\xee\xf0Z\x8a\x9a\x05/ \x9e\xc8\x0f*N\x19\xda\xc2\xafh\x89\xb3\xe8_\x1e\x8bx\xaa\xb2\x88\x9a\x10\xf5\x94\xc9\xf706`\xd1\xe2l#\x12\xb1w\x80\xa2"|\x95V\x13\xcff"\xf4\x9f\xc6\xda\xcd\xec\xe5\x18\xeb9\xe7\xaa61O|\xa7J\x1f\x7f9\x8d\x7fS1=\xfbg\xe0.C\x91U\x85\xef42\x12\xf0\xbb5\x1e\x80\x80\xc1,\xdc\xcb\xc3\xd3\x1f*i/w(%$\xb2b V\x8d\xfbm1\x94w\xaf\x18w\xf0\x93V\xd1\x046\xdbS\xc4\xcd\xfbY\x00yvK\xec8:?\xacA9\xf1\\\x87Wl\x01|\xe1\xc0\xc1idc\x89ja\x86\xfb\x95\xe7\n\xa0}\xe7\xc9)"\xa9S\xb5\'j\x08\x0b \xbb\xce\xfe(XL\xe4\x04\xa9\x0c9\x87\xb3\x8d\xe2+\x83x]=\xfd\xa8\x0e\xbeB\xee\t\xd0\xa1\xbd*\xbaem5D\xbd\xd8\x99\xacI\x02\x8b2_\x9f\xb4\xe6O\x8d#\xdaM\x19?!\x80\xfd\xdeC\x10\xab\xa1\xb2\xb1\x84\xa1\x96\xb9\xc1s?\xa0!&amp;\x9awh\xb3=-S\xf6v\xaf\xaf\x9a\xf8\xe2}X\x7fK\xc07\xea\xf8E\xbb2\x02:\xaaCK\xb8u\xea=n\x02b\x1e\xa6\xad\x8c\x13&amp;\xff_\x88\xbf\xc9\nB\x88Pu\xe2#\xe36\xb6Q\xcd5\xa9\x03\x91\xda\x9e\xcf\x08\xa2-}\x96\x8fN\xc3m\xf4\xfcp=8/RDny)G\xf3\x06\x81%9\xac\x81*\xcf6\x88\xf0\xd8m\xa5\xba\x05qv\xff\xf6\xa7\x0c\x8bZ\xf7/P\xf6/\x8b\xec\xdfE\x1c\x9f\xea\x83\xef\x03\xf6^\xa8=[\x83\x96beZql\x89\xf8\x9c:[\xf4q\xc2\xdeI\x81\x8c-\x84\x9e\xf7\x8a\xd5\x99w2\xbaS\xcb*\xac\x82\xb9\'\x17\xff\x19\xf4\xdf\x08\xcedf\xd2\xcf\x05G[]\xae\xa5\x02\x93v\xae\xaa9\xf0dE\xe3{\xd2\r\x86\xccw#\x0c\xc6\xf1\x966\xa6%\x1d\x17\xcb\xd5\x00%\x9c\xdc\x17p\x89\xe0\x00J\xd3\xbaI&gt;B\x1aH\x8d\xeb\xf0K\x05\xc8&amp;\\#\x02)\x0c1fS\xea\x9a\x06\t\xd0\xa1\x19}\x86g\xad\x9a;u\xdb\xc9\xdd\xf1\xebD\xe2\xe9*z\n$\x9c\xf4w\x00\xbe\\&lt;X\xb7\xa4\t\xbd\x07\xe3\xd9{\x94+\xaa\xac\xed/\xf3\xfc\xa5\x85\x87\x7f\xaa\xad\x05\x10\xec\xf0\x03\xb9#g\x9f\xaa\x13\xc3\x04k\xa18\x85\x95\x8dK\xeen\x16\xdb\xa8Vj\xe5\xebf\xe3\x17\x92\xf1\xaf\xfd\xae}?T\xa3\x1f\x87\xee&gt;j2\xc4\xcbY\x8ce\xe3L\x19N\xce\xb4]\xa9\xcb\xaf\x1a&gt;\xcb?\x99?S\x1e\x11\x93\xdc\x8a\xb7\xad,\xb7\xaeE\xf2\xdd\xab\x13\xf7XJ}^\x10E\xbb\x86Lr\x98\xce3\x82\x0f@n\xa9\x0e\xa5\x9f\xf6\x82\x1d\xe7\xac\x99\xf3kV\x99\xa3\x7f|\xcau!bVvw\xeb\x14\xfd\x83\xa8\x14\xb1\x15\xa4q\xcb\x81\x7f\x8a\xa0\xbe \xba,\x91\xdb\x10X )\xfc\xd9\xb3;8\xf7\x04\x1f\xad2\x81\xd3\xe0\x82&lt;\x1b\x0cD]\xf9\xd2Ab\xcb\x1a\x1e\xc7\x10\'\x19(\xddm\x84\xea\xec\xc6\x83\x92\x9f\x17G\x8a\'\xe9\xe0\x88\xbe#b\x02\xb6\xf9\x18\x1ay\x89\xe9Hy\xb7\xfe\xc1\x02G\xf9\xe8Z\x80\xbc@\x19\x12!\xa4\xdd|vI\x84\x92\xcd\t\xbf\x0b_\x84\xed\xc8\xf7\x1c-R\xdb\xb6\xc7U&amp;s\x17G\xf3\xec\xf7\xa2H\x05\x0e\xdd/nSON@\xeb\xf4\xba\xab\rxA\xa8-\x13z\xb6\x10\r\xb0X\xa3\x8a\xb13\xed\xb8\xc1\x08\xd6\x7f\xe6~\xd6\xfa\xce\x9f+SXW\x8e-\xbf/66\x9cM\x1e\xf9\xb8\x93)L\xd2\xd2\x9c\xf6\xdf\xbc5\xf37\x8c$\xbfz\xea\x000\xff\xfd\xd7\xf6u\xcf\x95N\xda)o\xa0\xa6\xcb\x08Po\x8b\x14\xd2\x84\'\x99\xd7X8\xe2\xc8\x14o\x10N\x88\xf7\xa2P\xbdxA\x1b\xf7\x0cJ\xf3R\x1d\x8e\x1e\\\xf2i\x83VJ\xa5T\xad\xd2|\xd3\x15\xcb\xae\xa3\xbd\x19q\xb7\t\x08\x05=\xb1\xdb\xcd\xdaj1\xa2\x93\xf395C3 Ds\x8f\x1ao\xa0\x9bu\x10\xb4\xd8\xcc\x8c\xb1xQ\x19\x0b\x18\xc1\xfd\x8a\xd3\xech;R\xadj\x974\x10\xaeo\xc3A.B\xf2xd_IL~gW\xbd\x98\x82|\x00\x8d\x1f"O^0\x84,\t\xb8b\xfc\x14i\xd8\xd6\x8e\xc6\xb8K\xab\x8bw\xdbO\xec#BA\xd5\r\x04\xc5\x9d\x99\x1d&lt;\r?\xdfK\xebl\xbbE\x00oTZ\x84\x0e\xbb\xc9\xed\xd0\xda\x80e)\xacym4!\x93V\xef\xde\x85vZ105\xe2}\x12y\x1d,\x16q&amp;\xb1\xb3m\xfa\x9a\xe6\x0c2q0\xe3\xa4\xda\xb6\xe3\x15\x8c\x03A]\x1b7\xe1R,Z\xec\xff\xc3\x9dH\xf6\xda\xef\x97\xc2\x02f\xfc\\e\x8f\xa4\x8b\xef\x98{\xffi\xa2\xcf\xce\x18\xa7\xd6+\r\xeb\xd9]\x16\xa1\x1b*\x18\x17W\xa3\x08\xab\x0bv1\xe4\xc1\x9c\x87\xddn&lt;\x88NU\xea\xe8WJ\x0e\x81J;1\x18\x0e\xb36\xe0\xbb\xed\xe38\xbei\x02\xb6\xf4\xe0\xecP\xfb\x9b&gt;\xa4K\xd9n\xce\xc2\xa5\x17-|c\x84\x95?\\\xe0\x98N\xec#\xc4\xb6\x97\x92\x91\x1a\xfb*\x0c\xa6HeE\xedu\xdd\x13?$\xe8I,\xff\xfcU\x87\x14j\xc6\xd9n\x08\x90h\xa6\xc6\x95j\xfa$-\xe9\xc6\xa4\xdb&amp;\xff\xef\x11A^\x92W\xd5'</t>
  </si>
  <si>
    <t>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</t>
  </si>
  <si>
    <t>b'\xb7%\xea_\x85\x07\x18\xa0\xc8z\xd7q\x82\x1f\x8au'</t>
  </si>
  <si>
    <t>like a tinkle of bells.'
 'Well, that's Tink, that's the fairy language. I think I hear her too.'
 The sound came from the chest of drawers, and Peter made a merry face. No
 one could ever look quite so merry as Peter, and the loveliest of gurgles was
 his laugh. He had his first laugh still.
 'Wendy,' he whispered gleefully, 'I do believe I shut her up in the drawer!'
 He let poor Tink out of the drawer, and she flew about the nursery screaming
 with fury. 'You shouldn't say such things,' Peter retorted. 'Of course I'm very
 sorry, but how could I know you were in the drawer?'
 Wendy was not listening to him. 'O Peter,' she cried, 'if she would only stand
 still and let me see her!'
 'They hardly ever stand still,' he said, but for one moment Wendy saw the
 romantic figure come to rest on the cuckoo clock. 'O the lovely!' she cried,
 though Tink's face was still distorted with passion.
 'Tink,' said Peter amiably, 'this lady says she wishes you were her fairy.'
 Tinker Bell answered insolently.
 'What does she say, Peter?'
 He had to translate. 'She is not very polite. She says you are a great ugly girl,
 and that she is my fairy.'
 He tried to argue with Tink. 'You know you can't be my fairy, Tink, because I
 am a gentleman and you are a lady.'
 To this Tink replied in these words, 'You silly ass,' and disappeared into the
 bathroom. 'She is quite a common fairy,' Peter explained apologetically; 'she is
 called Tinker Bell because she mends the pots and kettles.'
 They were together in the armchair by this time, and Wendy plied him with
 more questions.
 'If you don't live in Kensington Gardens nowâ€”â€”'
 'Sometimes I do still.'
 'But where do you live mostly now?'
 'With the lost boys.'
 'Who are they?'
 'They are the children who fall out of their perambulators when the nurse is
 looking the other way. If they are not claimed in seven days they are sent far
 away to the Neverland to defray expenses. I'm captain.'
 'What fun it must be!'
 'Yes,' said cunning Peter, 'but we are rather lonely. You see we have no female
 companionship.'
 'Are none of the others girls?'
 'Oh no; girls, you know, are much too clever to fall out of their prams.'
 This flattered Wendy immensely. 'I think,' she said, 'it is perfectly lovely the
 way you talk about girls; John there just despises us.'
 For reply Peter rose and kicked John out of bed, blankets and all; one kick.
 This seemed to Wendy rather forward for a first meeting, and she told him
 with spirit that he was not captain in her house. However, John continued to
 sleep so placidly on the floor that she allowed him to remain there. 'And I
 know you meant to be kind,' she said, relenting, 'so you may give me a kiss.'
 For the moment she had forgotten his ignorance about kisses. 'I thought you
 would want it back,' he said a little bitterly, and offered to return her the
 thimble.
 'Oh dear,' said the nice Wendy, 'I don't mean a kiss, I mean a thimble.'
 'What's that?'
 'It's like this.' She kissed him.
 'Funny!' said Peter gravely. 'Now shall I give you a thimble?'
 'If you wish to,' said Wendy, keeping her head erect this time.
 Peter thimbled her, and almost immediately she screeched. 'What is it,
 Wendy?'
 'It was exactly as if some one were pulling my hair.'
 'That must have been Tink. I never knew her so naughty before.'
 And indeed Tink was darting about again, using offensive language.
 'She says she will do that to you, Wendy, every time I give you a thimble.'
 'But why?'
 'Why, Tink?'
 Again Tink replied, 'You silly ass.' Peter could not understand why, but Wendy
 understood; and she was just slightly disappointed when he admitted that he
 came to the nursery window not to see her but to listen to stories.
 'You see I don't know any stories. None of the lost boys know any stories.'
 'How perfectly awful,' Wendy said.
 'Do you know,' Peter asked, 'why swallows build in the eav</t>
  </si>
  <si>
    <t>b'p\x94\xc4w\xa2\x88\xad\x08'</t>
  </si>
  <si>
    <t>7094c477a288ad08</t>
  </si>
  <si>
    <t>by selling domestic assets to the public. (During a devaluation scare, this tactic would not work because
 no one would want to sell the bank foreign assets for domestic money.) Our analysis, however, assumes perfect asset
 substitutability between domestic and foreign bonds (see Chapter 18). Under imperfect asset substitutability, central
 bank domestic asset sales to attract foreign reserves would drive up the domestic interest rate relative to the foreign
 rate. Thus, while imperfect asset substitutability would give the central bank an additional policy tool (monetary
 policy), it would also make the bank responsible for an additional policy target (the domestic interest rate). If the
 government is concerned about the domestic interest rate because it affects investment, for example, the additional
 policy tool would not necessarily increase the set of attractive policy options. Imperfect substitutability was exploited
 by central banks under Bretton Woods, but it did not get countries out of the policy dilemmas illustrated in the text.
 alone can bring about external balance (point 4), output falls as a result and the economy moves
 further from internal balance. It is no wonder that policy dilemmas such as the one at point 2
 gave rise to suspicions that the currency was about to be devalued. Devaluation improves the
 current account and aggregate demand by raising the real exchange rate in one stroke;
 the alternative is a long and politically unpopular period of unemployment to bring about an
 equal rise in the real exchange rate through a fall in .14
 In practice, countries did sometimes use changes in their exchange rates to move closer to
 internal and external balance, although the changes were typically accompanied by balance
 of payments crises. Many countries also tightened controls on financial account transactions
 to sever the links between domestic and foreign interest rates and make monetary policy
 more effective (in line with the trilemma). In this they were only partly successful, as the
 events leading to the breakdown of the system were to prove.
 The External Balance Problem of the 
 United States Under Bretton Woods
 The external balance problem of the United States</t>
  </si>
  <si>
    <t>b'0D\x02 &lt;;\x9fCUp\x8d\xc4\xcf\xc9\x91R\xd0\xa3\xda8\x97\x06\x1f\xb1T\xfc\xb0\xf3\xc4\x1d\x1d\xe4\\\xdc9K\x02 t&gt;\xba\xb9\x9e;4\x18=%C\xbf\xff\xbd\x9c\xa7\xe9\x91\x9f\xf6Zr\x15Y"S\xb1\x1c\xca\xbbGP'</t>
  </si>
  <si>
    <t>304402203c3b9f4355708dc4cfc99152d0a3da3897061fb154fcb0f3c41d1de45cdc394b0220743ebab99e3b34183d2543bfffbd9ca7e9919ff65a7215592253b11ccabb4750</t>
  </si>
  <si>
    <t>b'0D\x02 &lt;;\x9fCUp\x8d\xc4\xcf\xc9\x91R'</t>
  </si>
  <si>
    <t>passed, not one of us precisely knew, but I fancy it 
 must have been over our heads and that the wind of it may have 
 contributed to our d</t>
  </si>
  <si>
    <t>b'\x80%^6BL\xeb!,#6\xbd\xb1\xec\xd7VB~Z \x89\x06\xd24\xf6\x07(\xb2\xac\xea\x81\xfb\xbf\xcf\x03\x83\x82:)\xe5\xdc\x03\xf5]\xf3\xc6\xb7\x1e\x88\x95\xf1\xfdH\x93\x97&gt;\x93\xe1\x05\x16\xacX\xb2\xd3\xce\xc0\x1f\xb6s\xacN`g\xe3\xd2\xd3\x90\xfc\xe48\x18d\x9f.\xad\x83\x14\xe89\x9c\xf4&lt;\xc6%\xee\xff\x01\x94P\xec\xc8W\x8f\xf2\xb9\xabbom:\x80\xbb\x94\xb1\xc1\x07\x07\xcfkT\x1a\t5Q\x9c\x15\xdews\xa2\xb7G\xd4+\x95I\xe9%\x97\x90\xffs\xd8\xbbO\xea\xbf\xe7\xe1\xb8n\x80\xee\xcd\xa1\xf4!\xc5\xe1v\x8c\xc2\xa3\xb6R.d\xd4\x95\xe4\x1fu\xe1\x9b\xaaRx\xf1\xe2W+\xd1\xda\xe1\x8d\xed\x8a\x14\x13\xc6\xc3"A}\xf6\xe2\xe2\x0e\xd2\\\x8c\x12u\xebk\xb0"\xb0\xe1@\x88\x10=\xec\xc9\\\xf6\xb4\xda\xdf\xac\x98\x89njUxz\xbe\x88\xef\x95 \xf3\x1bw\x9d\xe4l\xc9:\xe9\xbf\x04VND\x0c\x83\xcf\xc9\x9e\xf12%\xb5'</t>
  </si>
  <si>
    <t>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</t>
  </si>
  <si>
    <t>b'\x80%^6BL\xeb!,#6\xbd\xb1\xec\xd7V'</t>
  </si>
  <si>
    <t>. . . . . . . . . . . . . . . . . . . . . . . . . . .52
 Assumptions of the Model . . . . . . . . . . . . . . . . . . . . . . . . . . . . . . . . . . . . . . . . . . . . . . . . . . . . . . . .52
 Production Possibilities . . . . . . . . . . . . . . . . . . . . . . . . . . . . . . . . . . . . . . . . . . . . . . . . . . . . . . . . . . .53
 Prices, Wages, and Labor Allocation . . . . . . . . . . . . . . . . . . . . . . . . . . . . . . . . . . . . . . . . . . . . . . . .56
 Relative Prices and the Distribution of Income . . . . . . . . . . . . . . . . . . . . . . . . . . . . . . . . . . . . . . . .60
 International Trade in the Specific Factors Model . . . . . . . . . . . . . . . . . . . . . . . . . . . . . . . . . .62
 Income Distribution and the Gains from Trade . . . . . . . . . . . . . . . . . . . . . . . . . . . . . . . . . . . .63
 The Political Economy of Trade: A Preliminary View . . . . . . . . . . . . . . . . . . . . . . . . . . . . . . .65
 CASE STUDY: Trade and Unemployment . . . . . . . . . . . . . . . . . . . . . . . . . . . . . . . . . . . . . . . . . .66
 Income Distribution and Trade Politics . . . . . . . . . . . . . . . . . . . . . . . . . . . . . . . . . . . . . . . . . . . . . .68
 International Labor Mobility . . . . . . . . . . . . . . . . . . . . . . . . . . . . . . . . . . . . . . . . . . . . . . . . . . .69
 CASE STUDY: Wage Convergence in the Age of Mass Migration . . . . . . . . . . . . . . . . . . . . . . .70
 CASE STUDY: Immigration and the U.S. Economy . . . . . . . . . . . . . . . . . . . . . . . . . . . . . . . . . .71
 Summary . . . . . . . . . . . . . . . . . . . . . . . . . . . . . . . . . . . . . . . . . . . . . . . . . . . . . . . . . . . . . . . . . . .73
 Appendix: Further Details on Specific Factors . . . . . . . . . . . . . . . . . . . . . . . . . . . . . . . . . . . . .77
 Marginal and Total Product . . . . . . . . . . . . . . . . . . . . . . . . . . . . . . . . . . . . . . . . . . . . . . . . . . . . . . . .77
 Relative Prices and the Distribution of Income . . . . . . . . . . . . . . . . . . . . . . . . . . . . . . . . . . . . . . . .78
 5 Resources and Trade: The Heckscher-Ohlin Model 80
 A Model of a Two-Factor Economy . . . . . . . . . . . . . . . . . . . . . . . . . . . . . . . . . . . . . . . . . . . . . .81
 Prices and Production . . . . . . . . . . . . . . . . . . . . . . . . . . . . . . . . . . . . . . . . . . . . . . . . . . . . . . . . . . . .81
 Choosing the Mix of Inputs . . . . . . . . . . . . . . . . . . . . . . . . . . . . . . . . . . . . . . . . . . . . . . . . . . . . . . .84
 Factor Prices and Goods Prices . . . . . . . . . . . . . . . . . .</t>
  </si>
  <si>
    <t>b'0E\x02 |\x95E\xc4\n(\xdc\x87P\xba\tM\x08-\x96\xfd\xa1Ag\xbe\xe27(1\x84"\x96\x12JC\xcf\xf9\x02!\x00\xb8D\xe9\xbf\x01\xce\xa8\x83b\xd9\xe0C=G\xef\x8d]\x18\x0e\xb8\xfad5\xa2s\x17\n\xe1M\x13~A'</t>
  </si>
  <si>
    <t>304502207c9545c40a28dc8750ba094d082d96fda14167bee2372831842296124a43cff9022100b844e9bf01cea88362d9e0433d47ef8d5d180eb8fa6435a273170ae14d137e41</t>
  </si>
  <si>
    <t>b'0E\x02 |\x95E\xc4\n(\xdc\x87P\xba\tM'</t>
  </si>
  <si>
    <t>and submitted to you,
whatever you did. She had never thought much about her looks, but she
wondered if she was as unattractive as Ben Weatherstaff and she also
wondered if she looked as sour as he had looked before the robin came. She
actually began to wonder also if she was "nasty tempered." She felt
uncomfortable.
Suddenly a clear rippling little sound broke out near her and she turned
round. She was standing a few feet from a young apple-tree and the robin had
flown on to one of its branches and had burst out into a scrap of a song. Ben
Weatherstaff laughed outright.
"What did he do that for?" asked Mary.
"He's made up his mind to make friends with thee," replied Ben. "Dang me
if he hasn't took a fancy to thee."
"To me?" said Mary, and she moved toward the little tree softly and looked
up.
"Would you make friends with me?" she said to the robin just as if she was
speaking to a person. "Would you?" And she did not say it either in her hard
little voice or in her imperious Indian voice, but in a tone so soft and eager and
coaxing that Ben Weatherstaff was as surprised as she had been when she
heard him whistle.
"Why," he cried out, "tha' said that as nice an' human as if tha' was a real
child instead of a sharp old woman. Tha' said it almost like Dickon talks to his
wild things on th' moor."
"Do you know Dickon?" Mary asked, turning round rather in a hurry.
"Everybody knows him. Dickon's wanderin' about everywhere. Th' very
blackberries an' heather-bells knows him. I warrant th' foxes shows him where
their cubs lies an' th' skylarks doesn't hide their nests from him."
Mary would have liked to ask some more questions. She was almost as
curious about Dickon as she was about the deserted garden. But just that
moment the robin, who had ended his song, gave a little shake of his wings,
spread them and flew away. He had made his visit and had other things to do.
"He has flown over the wall!" Mary cried ou</t>
  </si>
  <si>
    <t>b'\xdc\x87?k\x87\xf1\x8c\x06\x1d\t\xf0\x1a\xee\xbe6\xc6\x98\x8e\x86\x12\xcc\xf2g\xe2\xa7\xa4\xd1\xfd}\xf3\x18\xb8X7\x0e\xcc\x00\x90\xee\xee\x87\x94cA\xf8\x11,\x80\x13\xe6\x9d\\6Iu\xcc\xee\xc5\xcd$\t\xe6\x02L$\x1b\x12k$t\xf9\x9f\xf8\x07\xea\xe1\x86.\x80\x05\x1eu\xff\xb3\xec\xb1\xd6\x00\xda\xe4\x1e\xbdp\xef&lt;\xc018\xe9\nx\xff\xa1\xe75P\x97)\x82fNT\xf5\x9dMQo\x92\xa1\xb0\xe0\r?}\xa4!\x91\xa7$\xfa\r"\xd5\x1a\x15qnVy?\'\xcb\x85$\x94p\xb3\xaf\x1e{\xbfp\xb4c\xa5\xe6c\x1e\x05\x85\x9aY\x92\xf7\x17\xa4m\xe6\xc3Me&gt;\x18z\x8f\xec\xec\x97\xdcN\x99\x0e{w\xfa+.\xe8`/\x95\xcc\xff{\xbf\xbb\xf4\x1f\xaaP ^\x96\xa8\xe2\xbc\x99\xd2\xd3\x9b5\xd4\xc3\x935\xa2\x85]5\xb4\xc0\xa4\x14n\xed\xc9\xb3\x9d\xfb\xf6h\xd6\x18\xe0*R\xd1\x84\xcfZ^\x99\xeb\xf4\x83\x85N\xc62\xe0\xb2#\xaeG\x9f1\xf4\x0f\'q\xf5H\x98\xd4\xcctp\xb0~|E}|`v\x08\xfc?\r\x90\xc2\xa0\xdf\x0f\xddF\xa3\x92\xe7\x1f\t\x05\xf1\x87\xff\xbfw/\x8d\xc1\xcd\x95\n\x92\x96\x11\xa1\xf7!\x86/r\xf8\xb7#\x7f\xd5\x1a\x12\x87\xc16^!upF\x0cQ\x9f&lt;\x03Q\xd8.\xef0\xa1(\x7f7\xef\xbdx\xc3\xb9\xb37\xbc}\xe1\xa3\xf7U\x190R\xc5\x95"\xdfK\'fpg\xfa\xb2\xeb\xb68\xd3o#\x93\xd1\xe4\xee\x99X\x894H\x1emc\x12\xe8\xeavsM;H*\x87)\xca\xc1\xf3\xd1"\x82CC\xa1&amp;u\xd4\xf5?\xd3`QU(w\xae;\xf2\x89i\xce\xa1\xc2\xe7 \'\xa3s&amp;IDQj0d\xf1\xb0"\xcd\xa3\xdd-$\x07$\x16H\x8axe\xb1\xbdh\xea\x1d\r\xa5\x8b\xf9,\r\xe9\xe9\x7f\xc2\x8b\x01y\\c\x06E\xe0\xe7A\xd8\x95\x7f\x9f\x08\xd4\x97J"9\x93\xef(Vj\xbb:\xccZ\xff\xab,\x04\xbd\xa5\x1d\xbd\xcct\xeb\xe3\xf1G\xc3\xff\xc9\xd6o\xa8\x19\x97\xfc\xc0\xefn\xa9Y\xb9\x03q\xec\x9bY\x00(&lt;\x96\xb4\x08\xca?\xec$\xae\x8b\xa4)\xa4&lt;\x9d\x07\x98\x19A\xe3\x7f\xa2\x873Vvz\xbc\xdd\x9bP9\xf4[\xf0\xf3\x13t\x1dR\xb6\x04 \x89l\\H\xd9\xbc\x85\x01\xac?2\x98\xcc\xf6\x00,SB\xab\xccPfv\xf1\x037\xe2=; }\x1d\xe2\xfct^W\xe6n\xe2\x9b1\xc9C\x8f\x7fb\x06a"7\xb6\x7f\xe8J\x05\x85\x8e0\xbaG\xdd\xd5\xc5\xb1t\x9a\r\x14\x02+&gt;Zc""\xdd\xbe\xa6\xaa\x81\xe9\xc6\xdf4\xff\xc6\x9d\x1e\x10.\x0f?\xbeoW11M\xa9\xf4Y\xfc\xeb\x04.\x1e\x95\xa1\x14\x9f}\xec8\xaeh\xf2B\x1e\x89\x02\xa0*\x9d\x84\x9e\x91n\xdbJ\xae\xff\x17\x86%\x06`\xe1l9q0r\x93\x91D\\ \xd9\xb39,\x1b\xc7U\xb5\x0c\xf3\x87\xf8L\xacj\x01\xc3%}\x01r\x9e\xa3\xe9\xde\xe1v\xc0\xead\xab9\x8e6\x1c?\xf1y^B\x88\xb9\xbc(\x85dZ\xecx\x86\x91\x8e\x1c\x03}\x97\x86\xb1\\#\x8f\xe9\xaf\x86 \x00\'j\xe7N\x93W5\xad\xf4{\x1e\xe7u\xfe2\xd8`+\xaf\xbf"\x1f\xba\xf3\xdc\x13\x03C\xabL\x82\xfa\xb4\x05V\xa7\xdb\xfaL]\xe6\x96Q\'S\xd3\xd9\x83\tG!\x92\x8d+\xd95\x81\xd6\x95\xef\xb2\xcb!@\xbbN\xda\x1fY\xb9Z\x80\x17\xae\xc8Lr\xb08M\x0b\xf0\xba\x1f\xec"#\xc8\x9d\x98r\x16\xcb\xa6\xd7H\xf0\xe41\x1bv\xfaC\xb5\x13&gt;K\x13\xf0\x05lZ\xcc\x1ay\xdf\x9d\xc9~\x9fm\xf5o(6\xa8\xa9\xe3\x1c\x02\x89\xac\xad;H\xc7\xa2\x9d\xaa\xbb8\xe8(e:\x0b\xd7s\xd9\xd5\x90\xc4\x90\xad\x02Pce#U\xc2\x93X\xbd\x92\xde\x96\x8c\x86-4\xbf\xab\xbd\x86\x1a\xca\xafe\xean\xb8\xc9\xa1H;\xc9\xc5ba\xf8\xaf\x07\xbb\xc5-H\x86"\xc1\xcd\x8a\x8a\xe2\xe8\xcc\x04\x11\xbaY^\xd0!\x81\x04\x97\xf4\x96\xa4fM\xdc\xfaw2\x00_k\xed\xeaY\xeb\x83\x95\xe7L:(\xb6\xc5\xeclT\x16xbzs^,\xbe\xa9Q\xe4\x12;\x91\xa4\xa8#\x80\xeb\xb6\x00|{&lt;\xfa$\xa6\x829\x83\n\xb9\xf5\x11\x8d\xf5\xa1z\xcc\xcbFih\xfe\x8d\xb2\x88\xb4\x97%\xfb\x1d\x97\x8b\xb0\xb8\xfa\xa9}:\x8cP\xe9\xde\xbf\x7f\xc4\x8f\xc8\x82Cb\x81=\xffS4\xc2=\xc4\x0e\x82\x9a\x7f\x9b\xc8+Z\xeeN\xc9\xa5\xde\xa0\xca\xd9\xb0r\xa1\x12\xaf&gt;\x12\xd0&lt;\x1b\x1b\xc4R\xbd\xf2\xc9\x11Q\xf6\xc9\xd2y\x08C\x1e\xe7j\xd9/\xd5\x84\nx\xea\xe0%J?y\xbb\n\x94\xa7J\xf9\xc9\xc1\xdc\xbf\xaa\xec\xf8LJ\xf3(\xd6\xc0\xb4\xe8\xb5\xf8N\x10j\xedm6w&gt;\xb4/\xaa(\x8a3\xae\xc3\xabO\x83F\xd9\xa1\xdc\xcb\x06\x1e\x99\xf7\xe7fNsY\x0cX\xc9\x0fN6d\xf3\x12Z\xe6\x05\x8f\xae\xc5Q\xa7FOa\xe7\xffs\xd6\xb3\xe2H \xe6\x1fe\xef\x83\xa3\x9bw\xeai\xd1\xd8z\xfe{v|\xd4\x05\xaf\xbaZ\xc0\x8e0\x94\xc3\t\xf6\xb4\x86S\xf7\xe0\xd4\x02\\\xa9\xa0\x9c*\x94\r\xb4\x02\x16\xc9(\x11\x1d\x85\x1cE$\x01P\xab\x13\x8e\x9c\x06B\xe8\x1f\xabZ\x9d\x89L\x88\xcc%Q\x8d\x0f\xa9c\xbf\xecC\x9f,\xae\x18\x04\xbd\xfc\xab\xd6\x0b \xab\x83\xf5\xaa\xfff\xabm\x81S\x19W\xc9\r\x04\xae\x05l\x95\x0c\x1b\xca~yA\xd0\xe5\xf1\x83\x8dd\xd6\xae\xc1\xb5\xbe\xee\xfe\x95$\xe1y\xad\xf3qs\xa5!GF.S\x17\x82,\x18H\x80\x16&amp;F\x11\xe0\x00\x0ch\x98\xd9\xdc\xde\x9f\xd9C}\x8b;\x01&lt;\xf8S`,\xd4\xa2\x1e\xa8\xc8\xf1\xf7P\xf9r\xb2\x8e\xf3\x12\xd6\xbc\xea\xb0a\xbfTn\xb5\x99\x80\xc6,\xe0R\x11}\xa6\xdf\x04Q\xd1kK\xc2\xcf}#%uI\x1f\xe7n\xd1\x0c\xd8\xe0^\x04)e\xe0\xd5s\xab\x1e\xcc\xa2\xe3.S\x1a}r\xb2\x97&gt;\xb0\x96;G\x08tD\x95\xa6[\x90\xb1\x06\x8d\xc9\xa4\x93D\xcb\xa3x\xa2-\xed+\x9d\xbc\xbc\t\x1f\xbb\xa6\xa6\x84\xd3\x03\xf5\xe5\x1e\xc4\xdas\xb0eF\xa5\x9f\xd0\xb6[\xbcY"\x83\xd1\xb07\xf9\x9cji\x14\xa9.\xe8\xc0\xceR\xe5\xaa\xd4\xa1*y\x7f\x7fa\xbf0\xaeN\xfb]~TJ\xf5\xd8\xa3\xa9&amp;\xe8\x8b?\xb4b\xa0Oio\xaa\x17\xb3+\xf0\x9bm\xc4E\x1f\x08\x1d\t$&amp;S\xc4\xec\x05\xe1\'d$_r_\x12*g\xb8\xb0\t(\xc2&lt;\xdbQ\x0e\xd1}\xeb\xa1\x0b\x91\x03\x9f\x996\xde\x1a\xd3T\xf3\\\xa9c\xb1\nq\xee\xc1"\x0c3\x00\x8fs\x8d\xa5\xa2\x02P\x7f\xacP7\x17\xde\x1d}\x17\xda(-\x0c[\xe2\x97\xb3p=\xb0\xeb]\xe9\x0f\xc5\x84\xe8\xef\xf4t\xfe\xff=;_a\x1f\xf3\xd1{a\xbd\xe1\r\xc9d\xa3\x17f`\xf4\xab\x96\xfa\xaeV)Z(\xc3c\\&lt;\xd3\x13\x9a\x93&amp;/\x10c\xcf\x9c\xdfj\x06\xbbY\x01TF0\x8fLg4\xabh\xf6\x8e\n\x0f\x16\xe2\xd2\xa4}\x04d6\xfd =\x98\xabA&gt;I\x92\xb5{\xa1{Gh\x06\xceW\xa8\xac\xa3\xa9\x90\x1e\x9f4\\\xaaU\xa43\xc7q4\xabTU\xd4K&lt;\xbbt\xfe\xb7\x94B\xcf\xa1S\x1b\t\x19&amp;8\x00-\x1f\xf7\xe3\xc5\xac\x99\xac\xd1@\x98}Kh\xe5\x0c\x14LC\xd8A6B\xc3\xb0\xca\x05\xda\xd0\x0fIq \xe2\xfb\xee\x12\x908]D\x80\x1c\xac\x9a\x7f\x85Z\xbe\xa8\xf0w\xc5\xfa\xa6\xff;\xd9\xb9,\x12\xdfy\x98\x9c\xe6\xfc\x14\x92\xb5\x9c&lt;\xca\x01C\xa0a\x92\xcc\xdf\xf6\xea\xf6N\xdd\xbdw^7u$\xa0X\x05\xf8\xb2|\xc4\x97\xb5\xd0d\xfe\xfe\x82-5\xbb3\x1dP\xff%'</t>
  </si>
  <si>
    <t>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</t>
  </si>
  <si>
    <t>b'\xdc\x87?k\x87\xf1\x8c\x06\x1d\t\xf0\x1a\xee\xbe6\xc6'</t>
  </si>
  <si>
    <t>, and there, sure enough, was piles and piles of gold and jewels
 sparkling like all the stars in heaven had fell down.
 So him and the dervish laid into it, and they loaded every camel till
 he couldn't carry no more; then they said good-bye, and each of them
 started off with his fifty. But pretty soon the camel-driver come
 a-running and overtook the dervish and says:
 "You ain't in society, you know, and you don't really need all you've
 got. Won't you be good, and let me have ten of your camels?"
 "Well," the dervish says, "I don't know but what you say is reasonable
 enough."
 So he done it, and they separated and the dervish started off again with
 97
 his forty. But pretty soon here comes the camel-driver bawling after him
 again, and whines and slobbers around and begs another ten off of him,
 saying thirty camel loads of treasures was enough to see a dervish
 through, because they live very simple, you know, and don't keep house,
 but board around and give their note.
 But that warn't the end yet. That ornery hound kept coming and coming
 till he had begged back all the camels and had the whole hundred. Then
 he was satisfied, and ever so grateful, and said he wouldn't ever forgit
 the dervish as long as he lived, and nobody hadn't been so good to him
 before, and liberal. So they shook hands good-bye, and separated and
 started off again.
 But do you know, it warn't ten minutes till the camel-driver was
 unsatisfied again--he was the lowdownest reptyle in seven counties--and
 he come a-running again. And this time the thing he wanted was to get
 the dervish to rub some of the salve on his other eye.
 "Why?" said the dervish.
 "Oh, you know," says the driver.
 "Know what?"
 "Well, you can't fool me," says the driver. "You're trying to keep back
 something from me, you know it mighty well. You know, I reckon, that if
 98
 I had the salve on the other eye I could see a lot more things that's
 valuable. Come--please put it on."
 The dervish says:
 "I wasn't keeping anything back from you. I don't mind telling you what
 would happen if I put it on. You'd never see again. You'd be stone-blind
 the rest of your days."
 But do you know that beat wouldn't believe him. No, he begged and
 begged, and whined and cried, til</t>
  </si>
  <si>
    <t>b'\x0c#-B\x1a\x9e\x0cr \xca\xfcF\x1d\xda\x8e\x8fUv!*\xf3\x94Ed\x8e\xa3\x86\xc9\xb0z\x1e3'</t>
  </si>
  <si>
    <t>0c232d421a9e0c7220cafc461dda8e8f5576212af39445648ea386c9b07a1e33</t>
  </si>
  <si>
    <t>b'\x0c#-B\x1a\x9e\x0cr \xca\xfcF\x1d\xda\x8e\x8f'</t>
  </si>
  <si>
    <t>e Follower 849
 17.5 Additional Examples 855
 17.6 Chapter Summary 859
 Problems 860
 SPICE Problems 871
 Appendix A INTRODUCTION
 TO SPICE 873
 Index 893
 1
 Introduction
 to Microelectronics
 Over the past five decades, microelectronics has revolutionized our lives. While beyond
 the realm of possibility a few decades ago, cellphones, digital cameras, laptop computers,
 and many other electronic products have now become an integral part of our daily affairs.
 Learning microelectronics can be fun. As we learn how each device operates, how
 devices comprise circuits that perform interesting and useful functions, and how circuits
 form sophisticated systems, we begin to see the beauty of microelectronics and appreciate
 the reasons for its explosive growth.
 This chapter gives an overview of microelectronics so as to provide a context for the
 material presented in this book. We introduce examples of microelectronic systems and
 identify important circuit â€œfunctionsâ€ that they employ. We also provide a review of basic
 circuit theory to refresh the readerâ€™s memory.
 1.1 ELECTRONICS VERSUS MICROELECTRONICS
 The general area of electronics began about a century ago and proved instrumental in
 the radio and radar communications used during the two world wars. Early systems in_x0002_corporated â€œvacuum tubes,â€ amplifying devices that operated with the flow of electrons
 between plates in a vacuum chamber. However, the finite lifetime and the large size of
 vacuum tubes motivated researchers to seek an electronic device with better properties.
 The first transistor was invented in the 1940s and rapidly displaced vacuum tubes. It
 exhibited a very long (in principle, infinite) lifetime and occupied a much smaller volume
 (e.g., less than 1 cm3 in packaged form) than vacuum tubes did.
 But it was not until 1960s that the field of microelectronics, i.e., the science of integrat_x0002_ing many transistors on one chip, began. Early â€œintegrated circuitsâ€ (ICs) contained only
 a handful of devices, but advances in the technology soon made it possible to dramatically
 increase the complexity of â€œmicrochips.â€
 1
 2 Chapter 1 Introduction to Microelectronics
 Example
 1.1
 Todayâ€™s microprocessors contain about 100 million transistors in a chip area of approx_x0002_imately 3 cm Ã— 3 cm. (The chip is a few hundred microns thick.) Suppose integrated
 circuits were not invented and we attempted to build a processor using 100 million
 â€œdiscreteâ€ transistors. If each device occupies a volume of 3 mm Ã— 3 mm Ã— 3 mm, de_x0002_termine the min</t>
  </si>
  <si>
    <t>b'\x8c\x0bl\x8d\xe1l6\xc7\xee\x07!\xbe\xad\xc0\xb4w'</t>
  </si>
  <si>
    <t>8c0b6c8de16c36c7ee0721beadc0b477</t>
  </si>
  <si>
    <t>t might be done."
 127
 "You are sure no one comes near this place but herself, and that she will
 not return and surprise us. She would be frightened if she found us here,
 and the Sahib Carrisford's plan would be spoiled."
 Ram Dass crossed noiselessly to the door and stood close to it.
 "None mount here but herself, Sahib," he said. "She has gone out with
 her basket and may be gone for hours. If I stand here I can hear any step
 before it reaches the last flight of the stairs."
 The secretary took a pencil and a tablet from his breast pocket.
 "Keep your ears open," he said; and he began to walk slowly and softly
 round the miserable little room, making rapid notes on his tablet as he
 looked at things.
 First he went to the narrow bed. He pressed his hand upon the mattress
 and uttered an exclamation.
 "As hard as a stone," he said. "That will have to be altered some day
 when she is out. A special journey can be made to bring it across. It
 cannot be done tonight." He lifted the covering and examined the one
 thin pillow.
 "Coverlet dingy and worn, blanket thin, sheets patched and ragged," he
 said. "What a bed for a child to sleep inâ€”and in a house which calls itself
 respectable! There has not been a fire in that grate for many a day,"
 glancing at the rusty fireplace.
 "Never since I have seen it," said Ram Dass. "The mistress</t>
  </si>
  <si>
    <t>b')p\x001aR\xecG'</t>
  </si>
  <si>
    <t>297000316152ec47</t>
  </si>
  <si>
    <t>y the
 shortest cut.
 83
 C H A P T E R XII
 In which Phileas Fogg and his companions venture across the
 Indian forests, and what ensued
 N order to shorten the journey, the guide passed to the left of
 the line where the railway was still in process of being built. This
 line, owing to the capricious turnings
 of the Vindhia mountains, did not pursue a straight course. The
 Parsee, who was quite familiar with the roads and paths in the
 district, declared that they would gain twenty miles by striking
 directly through the forest.
 Phileas Fogg and Sir Francis Cromarty, plunged to the neck in
 the peculiar howdahs provided for them, were horribly jostled
 by the swift</t>
  </si>
  <si>
    <t>b'\x14\xf5\xd1\xa5!\xdd\x83\xf2\xfe\xd1[Z\xee\xf0\x99L\x97\xec\x0e\xb8\xb2HjV\xfc\r&lt;\xef\x18\xa6#\xa6'</t>
  </si>
  <si>
    <t>14f5d1a521dd83f2fed15b5aeef0994c97ec0eb8b2486a56fc0d3cef18a623a6</t>
  </si>
  <si>
    <t>b'\x14\xf5\xd1\xa5!\xdd\x83\xf2\xfe\xd1[Z\xee\xf0\x99L'</t>
  </si>
  <si>
    <t>ne half-cell includes electrolyte and the negative electrode, the electrode to which anions (negatively charged ions) migrate; the other half-cell includes electrolyte and the positive electrode to which cations (positively charged ions) migrate. Redox reactions power the battery. Cations are reduced (electrons are added) at the cathode during
  46
                 charging, while anions are oxidized (electrons are removed) at the anode during charging. During discharge, the process is reversed. The electrodes do not touch each other, but are electrically connected by the electrolyte. Some cells use different electrolytes for each half-cell. A separator allows ions to flow between half-cells, but prevents mixing of the electrolytes.
Each half-cell has an electromotive force (or emf), determined by its ability to drive electric
current from the</t>
  </si>
  <si>
    <t>b'\x93RV\xc4\xf8(\xf4\xdd}OA\x9e\x81\x04gA\x1c;\x16E\xd0\xe0\x02\xb8\xe3\xd8\x04\xd1\xa3\x14F\xa5\xc9\xf5\xfd\x13z\xfb[\xc2\x10\x82\xfb\xd6\xbc\x9b\xd4_\xc0\xa0m\x98\xe3\x9c1\xf6p\x0fI\xda\xfe\xfd\xc4\x0c\x98\xc1b\x1b\xd1\xa2\x99b\xf1G\xb4\xb8|\x96\xed\x84\xd2\xa6\x9c~\x18\x02\x08\xcb\xf1\x87\x1a\xd9\x91\xcd\xe3\xbb\x00:\x1bi\x8eE\x98\x0b{\xa2\xf0n\xed\xe5Xh\x93w\xf1\xbd[K\xcd`\xca\xc0\x97\x14\xfe?\x98\xfbnD\xfc\xed\xaf\x81{\xd2\xd7\xc5\xc5@g\xd3aJ\x14\xb5\x92\xe2\xc0\xa7\xcb\x1db\xe56i\x1c\xd9\x1b\xe9\xb6P\x1fr\xb4\x97\xe9P\x82\x13\\T\xcf\xf1\xdd\xa9K\x06e\xc0[\xf9BjCt\xce[.\xb7wu\x04\x83\x90\xcc~\xf5\x97\xb2\xb5\xd1\x02\x90\xbf\xef`\xcb\xf3\x15\x1c)\x13\xc4MmB\x8b\xb9\xd3\xb4\xce\x1e\x81\x99\xe9\xcd\xbb\xba\x88\x1d0\x168\xa9zI\xfa\xc3+TX\xdc\xb5N\x03\xa48\x80\xfd\x05\xb9w\xbe\tDA\xc6o\xf6\x04\x05\xfa\x9a\xbd\x81!J\xc0\xad\xc68\t\x1aw\x91e\xde\x10\x81:@\xb8:\xbb\xfas\xed\r\x19\x12\xf1N\xc1\xb7\xea\xb6\xf1}?\xef\x9c\xca\x9628=\xb8\x15#\xa6\xdd\x05Lp\x06.\xf8mz\xbe\xf6\x83@?D\xe6g\x8e\xd2~~\xc2\x93\x86\x8f\x94\xcb\xe7\x19y\xaa\xa6u\xdb\xd6\xb6\x95\x01s\xc6\rR\x8b\xf7\x1b\xef!\xcb\x0e\x8e\\x\xcc\x8d:\xd2\x8d\xe4|V\xb2GPl@\xd64\xc9nJ\x08n\xe2\xd2\xd7DN6\xfb\xc8^\xba\x94Jw\x89\x15\x0c\xc4\x00\x7f"PXZE\xb6\x1d\xb6\xc4&lt;\x17\xcd\x93U\xb3\x16\xf0\xd80\xf4\x07zXU\xcd?\x1d\xd1\xb3B\xdb\xfe\xe1T\xff\xc2@\xd7\xe8\xaa\x8c\x06\x04\xe7\xebD\xbcx2\x85\xf9\x1eS\x8a\xc4\x92\xbf\x96\xba\x94\xa8D\xb2]\x9e\xe5&amp;\x1b\x91\xb2\x9d&gt;LA\xe5^\x08\x8a\xf3\x03\x94\xb1t\x8f\t\xf0d|\x05\xd6s\x9e\xad+\xcb\xdb\x88w\x91\x87\t\xec\xc7\xa9\xef\xad\x11y\n\xb8\xb5u\xc0\x87\x8d\x96\xcfH\x1bt\x86\xdb\xcd\x1a\xe4]\x1b&gt;\xb5\'\xbe\xad[M\xc8\xe1\x83\xd0\xdb(\x89\x91X\xc0\xe9\x12\xe9\xa7\xff\xaf\xfa\x0f\x96^\x83#I\x86\x8a\xc2\xf9\x88o\x88y\x97\xda\xe0A3\xc7\x0b\x16F\xf3\xb5\xb9\xc9b&amp;v\xdc\x81\x18:\xb8\n\xdd&lt;&amp;\xa4\x85+\x97\xa3\xe1\xf6\x80]\r\x9d\x11\xb5b\xe1@\x89&amp;\x93\x16\x8esf\x9c\xe1\xafU\x1b#A\xbcD{st~\xa0\xd9+\x06\xcc-3\x89\xf2\xb3\x12\xeb\xf2\xed\xe0Y\xe93v\xf4\x7fL\xc2\xf4\xc0\x92\x03JZ\xfa\x95\xaa\x0e\xcd\xa9[jae\x19z`\xd9z\xe8\x07\x03\xcezw+\x16\x85zc\xf1b\x93\xa28\x9e[&gt;\xee\x99_\xb8\xc3\xd4]\xd0\xaf*\xa0t\x92\xe7\x9bn\xee\x91\xdb\xe0\x82\xf2i\xccbp-(1GGqF+\x96B\x84\xb7\xdc\x1c2s\xf4\xa8\x83\xa0\x06\xb9\x0e\x03\xf9\xdd\xc0\xe8\xf8,}zGt=\xba!\xc7\xc9ce\x1a\xbe\xe6!\x83\xa2-\xbf\xb1\xc2\xa0,\xe7T\x82\xed\x8a\xa3\xeb\x86!\x9e\xb5av\xccz(%\r\xb1rI\x12 \x19N\x97\xed?\x86mJ\xe1\x19\xf0\x1f\x87\xdfh\xe3uZ\xb9\xba\x80\xc7\x8f8\x1e%\xb1&amp;\xfb\xb3\xb1a\xacw\xbf4D\xfa\xf8\x8b\x84\x12\xbe\x10x\x00b;\xcd.\xbb\x13:\x93\xb2\x8f\xd7]6\x08\x91\xc9\x05'</t>
  </si>
  <si>
    <t>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</t>
  </si>
  <si>
    <t>b'\x93RV\xc4\xf8(\xf4\xdd}OA\x9e\x81\x04gA'</t>
  </si>
  <si>
    <t>the French franc and the deutsche mark, which were the currencies of
 France and Germany prior to the introduction of the euro. Letâ€™s suppose the French
 franc price of dollars was fixed at FFr 5 per dollar while the deutsche mark price of dol_x0002_lars was fixed at DM 4 per dollar. The exchange rate between the franc and the DM had
 to remain constant at DM 0.80 per franc = (DM 4 per dollar) Ã· (FFr 5 per dollar), even
 though no central bank was directly trading francs for DM to hold the relative price of
 those two currencies fixed. At a DM/FFr rate of DM 0.85 per franc, for example, you
 could have made a sure profit of $6.25 by selling $100 to the former French central
 bank, the Bank of France, for selling your FFr
 500 in the foreign exchange market for ,
 and then selling the DM to the German Bundesbank (Germanyâ€™s central bank until
 1999) for . With everyone trying to exploit
 this profit opportunity by selling francs for DM in the foreign exchange market, how_x0002_ever, the DM would have appreciated against the franc until the DM/FFr rate reached
 DM 0.80 per franc. Similarly, at a rate of DM 0.75 per franc, pressure in the foreign
 exchange market would have forced the DM to depreciate against the franc until the rate
 of DM 0.80 per franc was reached.
 Even though each central bank tied its currencyâ€™s exchange rate only to the dollar, mar_x0002_ket forces automatically held all other exchange ratesâ€”called cross ratesâ€”constant at the
 values implied by the dollar rates. Th</t>
  </si>
  <si>
    <t>b"0F\x02!\x00\xf1\x96\x05\x05\xa2\xd5/\x8e2&lt;\x9dNT\xf2\xba\xf0,\x18\x85\xe0^JB\xea\xaeo;M\x8c\x86k(\x02!\x00\x81\xb9\xe0\xd3f\xd5\x0f\xa6\x9e\xacK\xb6\xb2\xb4\xe1&amp;)\x82\xf9d\x1b\x16\x8d'U6\xdf\xb6Wv\xe4O"</t>
  </si>
  <si>
    <t>3046022100f1960505a2d52f8e323c9d4e54f2baf02c1885e05e4a42eaae6f3b4d8c866b2802210081b9e0d366d50fa69eac4bb6b2b4e1262982f9641b168d275536dfb65776e44f</t>
  </si>
  <si>
    <t>b'0F\x02!\x00\xf1\x96\x05\x05\xa2\xd5/\x8e2&lt;\x9d'</t>
  </si>
  <si>
    <t>the passing it has determined their fate.
 Which side had won?
 The pirates, listening avidly at the mouths of the trees, heard the question put
 by every boy, and alas, they also heard Peter's answer.
 'If the redskins have won,' he said, 'they will beat the tom-tom; it is always
 their sign of victory.'
 Now Smee had found the tom-tom, and was at that moment sitting on it. 'You
 will never hear the tom-tom again,' he muttered, but inaudibly of course, for
 strict silence had been enjoined. To his amazement Hook signed to him to beat
 the tom-tom; and slowly there came to Smee an understanding of the dreadful
 wickedness of the order. Never, probably, had this simple man admired Hook
 so much.
 Twice Smee beat upon the instrument, and then stopped to listen gleefully.
 'The tom-tom,' the miscreants heard Peter cry; 'an Indian victory!'
 The doomed children answered with a cheer that was music to the black hearts
 above, and almost immediately they repeated their goodbyes to Peter. This
 puzzled the pirates, but all their other feelings were swallowed by a base
 delight that the enemy were about to come up the trees. They smirked at each
 other and rubbed their hands. Rapidly and silently Hook gave his orders: one
 man to each tree, and the others to arrange themselves in a line two yards
 apart.
 CHAPTER XIII
 DO YOU BELIEVE IN FAIRIES?
 The more quickly this horror is disposed of the better. The first to emerge from
 his tree was Curly. He rose out of it into the arms of Cecco, who flung him to
 Smee, who flung him to Starkey, who flung him to Bill Jukes, who flung him
 to Noodler, and so he was tossed from one to another till he fell at the feet of
 the black pirate. All the boys were plucked from their trees in this ruthless
 manner; and several of them were in the air at a time, like bales of goods flung
 from hand to hand.
 A different treatment was accorded to Wendy, who came last. With ironical
 politeness Hook raised his hat to her, and, offering her his arm, escorted her to
 the spot where the others were being gagged. He did it with such an air, he
 was so frightfully distinguÃ©, that she was too fascinated to cry out. She was
 only a little girl.
 Perhaps it is tell-tale to divulge that for a moment Hook entranced her, and we
 tell on her only because her slip led to strange results. Had she haughtily
 unhanded him (and we should have loved to write it of her), she would have
 been hurled through the air like the others, and then Hook would probably not
 have been present at the tying of the children; and had he not been at the tying
 he would not have discovered Slightly's secret, and without the secret he could
 not presently have made his foul attempt on Peter's life.
 They were tied to prevent their flying away, doubled up with their knees close
 to their ears; and for the trussing of them the black pirate had cut a rope into
 nine equal pieces. All went well until Slightly's turn came, when he was found
 to be like those irritating parcels that use up all the string in going round and
 leave no tags with which to tie a knot. The pirates kicked him in their rage,
 just as you kick the parcel (though in fairness you should kick the string); and
 strange to say it was Hook who told them to belay their violence. His lip was
 curled with malicious triumph. While his dogs were merely sweating because
 every time they tried to pack the unhappy lad tight in one part he bulged out in
 another, Hook's master mind had gone far beneath Slightly's surface, probing
 not for effects but for causes; and his exultation showed that he had found
 them. Slightly, white to the gills, knew that Hook had surprised his secre</t>
  </si>
  <si>
    <t>b'\xc0\xe5Eq\xbf\x1f\x1e\x13'</t>
  </si>
  <si>
    <t>c0e54571bf1f1e13</t>
  </si>
  <si>
    <t>Philosophy, politics, and politicians at Rome. In Griffin and Barnes. 1â€“37.
Griffin, M. 1997b. The Senateâ€™s story. JRS 87: 249â€“63.
Griffin, M. and Barnes, J. (eds.) 1997. Philosophia Togata I: Essays on philosophy and Roman
society. Oxford.
Grigg, D. B. 1974. The agricultural systems of the world: An evolutionary approach. Cambridge.
Grillmeier, A. 1975. Christ in Christian tradition I: From the Apostolic age to Chalcedon.
Atlanta.
Grimm, V. E. 1996. From feasting to fasting, the evolution of a sin. London.
Groningen, B. A. van. 1932. Projet dâ€™unification des syste`mes de signes critiques. Cdâ€™EÂ´ 7:
262â€“9.
Gros, P. 1984. Lâ€™Augusteum de NÄ±Ë†mes. Revue archeÂ´ologique narbonnaise 17: 123â€“34.
Gros, P. 1987. Un programme augusteÂ´en: le centre monumental de la colonie dâ€™Arles.
Jahrbuch des Deutschen ArchaÂ¨ ologischen Instituts: 339â€“63.
Gros, P. 1990a. Le premier urbanisme de la Colonia Julia Karthago: mythes et reÂ´aliteÂ´s dâ€™une
fondation ceÂ´saro-augusteÂ´enne. In Lâ€™Afrique dans lâ€™Occident romain (Ier sie`cle av. J.-C.â€“IVe
sie`cle ap. J.-C.). CEFR 134. Rome. 547â€“73.
Gros, P. 1990b. TheÂ´aË†tre et culte impeÂ´riale en Gaule Narbonnaise et dans la PeÂ´ninsule ibeÂ´rique.
In Trillmich and Zanker: 381â€“90.
Gros, P. 1991. La France gallo-romaine. Paris.
Gros, P. 1996. Lâ€™architecture romaine du deÂ´but du III e sie`cle av. J.-C. a` la fin du Haut Empire.
1. Les monuments publics. Paris.
Gros, P. 2001. Lâ€™architecture romaine du deÂ´but du IIIe sie`cle av. J.-C. a` la fin du Haut Empire.
2. Maisons, palais, villas et tombeaux. Paris.
Gros, P. and Torelli, M. 1988. Storia dellâ€™urbanistica: Il mondo romano. Rome/Bari.
Gruen, E. 2002. Diaspora. Jews amidst Greeks and Romans. Cambridge, MA.
Guarducci, M. 1924. Poeti vaganti e conferenzieri dellâ€™eta` ellenistica: Ricerche de epigrafia
greca nel campo della letteratura e del costume. Rendiconti. Accademia nazionale dei Lincei
6.2: 627â€“75.
Gwilt, A. and Haselgrove, C. (eds.) 1997. Reconstructing Iron Age societies. Oxbow Monograph 71. Oxford.
Habermann, W. 1998. Zur chronologischen Verteilung der papyrologischen Zeugnisse. ZPE
122: 144â€“60.
Habicht, C. 1975. New evidence on the province of Asia. JRS 65: 64â€“91.
Habinek, T. N. 1992. An aristocracy of virtue: Seneca on the beginnings of wisdom. YCS 29:
187â€“203.
Habinek, T. N. 1997. The invention of sexuality in the world-city of Rome. In Habinek and
Schiesaro: 23â€“43.
Habinek, T. N. 1998. The politics of Latin literature: Writing, identity, and empire in ancient
Rome. Princeton.
Bibliography 643
Habinek, T. N. and Schiesaro, A. (eds.) 1997. The Roman cultural revolution. Cambridge.
Hadot, P. 1995. Philosophy as a way of life: Spiritual exercises from Socrates to Foucault (ed. with
introduction by A. Davidson, trans. J. M. Chase). Oxford.
Haensch, R. 1992. Das Statthalterarchiv. ZSS 109: 209â€“317.
Haensch, R. 1994. Die Bearbeitungsweisen von Petitionen in der Provinz Aegyptus. ZPE 100:
487â€“546.
Haensch, R. 1997. Zur Konventsordnung in Aegyptus und den uÂ¨brigen Prov</t>
  </si>
  <si>
    <t>b'\x86\x89\r\xd1\xed!7\x1b0M_b\xd1\x9c\x04\xe7\xd9\xa9!/\x19\xad\x87\xc7Kq\x9a\x13\t\x95\xd7M\x10I\x9aI\xfc#\x98tX\xe3\x9c\x90c\r\xfd-\xc6\xaa\xdd93\xc7\xa6\x06\xe0t\x14\x86\xe8\xa3\xe9\x87\xaa)\\i\x17#\x9a\x1e\'\'\x1a\x8c\xfd\x8b\xaf\x02\xd3}&gt;\x9d\xd0d\xfe\xce]\x9a\xef\x0cx\xb9\x12=tz\x00\x8f\xb9\xb5\x14\x18\x8f\x0fo\xc0\x7f\xa4\x18\xffw.x\x0f\x0f\x8e\xc5\xc9\xfeD,2gs\xec\xd4\x1d7fm\x96l\xf9\xb5w\x14\t\xff\x06\nu\x93St\xad;\xecd\xd2\xa3\x05\xc6\x89\xae\x81Q]bn\xaf\r\\\xb9\x8d\x89\xc4o\x082A(\xbe\x86a\xd0p\xa5\xbfi\x8a\x13)\xaa\xd4\x1eS\xaf\x1f\xd5\x8b_\xab\xe5\xb6e\x13\xf3\xad\xe8\n\xcbs\rX\x00\xceq\x04\x88\x9a\xc1\xd0\x1f\xf4\xcd\xea\xe2\x8b\x92@\xc4\xc2ib\x06\xad\xc4(\xd2\x07B\xbb\xb7Db\x9e\xc1+Z\xea4D\x1a\x15\x0c\xfc\xbb\xf1\xe6|\x83\xa2c\x9f~\x99d=\xadN\x02\x85\xe06\xa3\xdd\xe4\x156\x94\xcf\xbcj\xec\x81\xd6\x15\x96+-c\xbf\x98kI\x80\x16P\xa1\x86\xa3\xd50\x91\x9au\xdb\xa8\xfbq\x1c\x80\xb5\xca\xbe\x97D\xd9w\x03:\xaf\xf7\xd4\xeb\x8a\xc5\xf4\xf5\xb8\xb1\xa6dE\xb3\x9e\xa2\x0c\xac\x1b\xa0HN{s\xcd\xb2\xcd\xaf^\xdc\x0e\x8a\xf2\x1c\xb1\xfb\xa4\x8b\xfe\xfcv4\xd3\x88/\xc4:\xf6\x1e\xb3A[z\x84j\x03\x1ar\x93\xef\xc1\x95\x1f\x8eT\x1b*49\xd4\xb4\xe4o!\xc5\xcc\xe3\xe3\xc2e\x03\x8d\xc1\x1e\xaeor2\xe7\xe8\xc3\x15nI\xfe\xcco\x8a\xe0B\xdbB\x0b$V"\xbd\x1b\x12R\x83\xab\xfdb\xc3\xd3\\\x9b\xf0x\x10\xbeb\x10\xf6\x18\xf1\x1dU\xfa\x83\xbc\xa2\xe2+\xd3\x1dEVc\xd7\xfe\xae8\xc0\x11\xac\xe6,f\x9aZ\xa5(\\m\xe8"\xd1&amp;\xce\x9f\x81\xf0\x9f\x18r@\xc4\x1d\xe3G^\xab\x06{%\xba \xe4\x08k\x99\xf6q\x0cx\x7f\xf8\xb0=X\xe5u\xe2\xf9\xfa\x9f\x14)\xfb\xf2P\x8b\xd1\x81\x8eX\xdeV\xfe\x9b\xc8y\x0b\xa6\x82U\x81o5\xd6V\xaa\xf7\xc3C\'\xe0\xe2\xbc\x86V\xa1rJT\xb5\x7f&gt;\\\\\xf1h\x85S\xd9\xca\xe9/8\x1b]\xf00\x1a\x85\xb5S&lt;K1\xd3fQj\tL\xb5,\x08\xa7\x80\xbd\xfbZ\'\x99{\xc7\xd9\xfd\xd3\xcbTU\xd5,\xda\xf7\x1a\xc1Y\xd3\x99\x93\xe5]x\x1a(\xae\xa0\x04\xd0\xe9\xa0\xed\xde\xab\x13\xce\xf3_\xc5F\x1c\x1b\x92D\xedAq\x1d \xdc\x8b\xa8\x0f3\xe5};&amp;\xea\xc2V\x1d\xc7^oc\r\xb6\xd1A\x96o\xac\xa5\xc0^F\xcdm\xc1+\xe8\x99\x08\xbb\x9b\xddvW6\xb2z\xebj\xa0\x96hYs/\x02Y\xd4\xa2g$&amp;t}8\x01$\xa6^*\xe1\x153\nv\x0c\xc2\x1c\x1c\x00\ne\xf2\xdd\xc6(\xd7]h\x91\x13\x136\xcc\x02O\x83\xc1\x89W\xc6*q\x8d\x8b\x88V=\xeb"\xcf\x19\x92S\x9eO\'\x9f\xe9&lt;\xf2\xaa\xea\xb0\x8a\xb8\xe4\x1bTzEB\xc5\x9a\xc2\xc8\xd3\x91\x02F\xc1\xae*b\'\xb8w\xea\xda\xf7\xb5\t\xd54\xb0E\x9f\xdf(\xee\xee9\xe1\xa4P\xff\xbe\xb2\x0f\xa4\xb6"\x0e\xe7\xed\xdc\xcf_\r\xeaiQf_\x914\xa7\xe3/\x08\xb6w\xf6\xd8\xf2\xd6G&gt;\xed\xe3\xf1\r\xa0\x15n\xb8\x18\xcaz7[\x9b"V\x81\x9c\xd9U+\x07\xe0\x15\xc8\x87\xa7\xe9T\xd8\xbb-\x1ci/&gt;t&gt;\x19"\x1a\xf6\x83VZ\x1a\x87\x89z\xab\xc4\xce\xf0\xbb\x1c\x96\x9a\xb4\xf5\x01Y\x99i\xa2\xeb\r\xfb\xc6\t\xf9$\xf5\xf4m\xd5}A\r\xa3O\xa2\xe7z\x01\xdf4\x9e\xfe\xce\x1e\x8bM\xb9\x9c\xb4\\\xa1\xe2l\x12t#\x1f\x8e\x81\xf9\xbe\xea\xfd\x12\x00\xee\xcc\xd5\xbd\xedC1\x98\xbc\xdd\xe3\x13[a^\x1b\x9a1\rU\x03\xc5f\np\xe2:\xaf]\x83\xfdO\xbf&amp;\xe5\xb2\x055\xf9\x94\xe9\xf5D\xe9\xa9"\x9cd\xcep\x93\xda\x9c1\x7f\xa4\x8bA\xaa\x90{\xdb_+9\x13\xc9\xb0`$\xe5\xdb5\x05\xfe\x99V\xebfv8\x96\xb5\x83\x99\xb5\x02\xf9E\xd9\xb2s87\xd1\xd3T\n\xf3\xa1\xfb\xc9\xca\xcc\xd4(\xa0*\x16\x03R\xc7w\xa9\x1clQ&lt;\xd42|V&amp;\xcc&amp;m!]\x1fu\xda\x8f\x8dm\xd1\x9b\t\xd3Y\x9f\x1d\x17\xc4\x19\xdb\x7f\xa7t_\xd6\x0c\x9d\x1cB\n\xec\n\xd4\x8f\x07\x85&gt;\xf6y\xf7l\x08\xf38\x8f\xd6O \x0c\xbb\x078Y\x9c(\xe1\x82\x91\xeeU\x88\xca\xbc\x88\x12\xbe[\x17{\x886\x9ar\xfd\x82\x1c\x04\xfa\x89\x89\x1b\x12u\xd6\xc1\xd87n\x1f\x11\x18\xd8M\xcfD\xe8.\xfd[q~w\xaf\x87\xe8f2\xedU\xb9\xb7\xee)\x12\xf9\r\xaf}\x11\x86_\x8c\r\xf4\xb1\r?\xff?E0\xfbz\xd3{H\x03Ca4w\x81\xc3*\xdb\xf0\x85\x0ef\x11\xf0K\x96\xd3dX\x8f\r\x892\xe2*\xcf\xc3\x89\x18(&amp;\x91K\x9f&amp;\x93Z\x07\xa5\xfa\xeaC\xcen\xc5\x9a\x9a\xaaM\x02\xec&amp;{@3\x8e\x80 E-e\xb0d\xa2[kKL\xef\xfa\xe3\xd2\xa1;\xf0\'\xadS\xd4Q\x7f\xe9\xa8(\xa5\xb1\xffi\xb3\x9d\x01iE\xfe\x18\xf6\x81D\x08\xb9\xa1{\xe5o\x18\x9e\x1d\xab5&amp;\x95\xf8KM\xbd@4d\xb5\xfd\x88\xc8M\xea@\xb6?\xfb\xeeuu\xac\xc2~\xf2\x01\x1f\x00g\xa6\x9c\xe4\x8f~P\xa5\x152\x9fn\x9b\xe8T\xdcGu\xfb\xca\x94\xa0#C\xa5\xfa\x9a\xf4b\x8b\xc6c\xb5\n\xcc\xc3\x06~b\xe6=\xd5\x1dv\x02\xed\xf1\x07\x0b@\xe0\x10\xec\x1e1\xb0u\xe4\xa3\x9b) \xcb\xa9A\xef\xba3\xc53\xed\xe0\xef)-\xde]\xe1\xc5;q\x17\xfe_"\x83\x07\x0f\r;\xc8H\xe2\x18\x95IN\xfdc\xd0`\xb9\xf8~b\x1e|\x7f\x87r\xaa:\xcc\xb3%\x088\xa4Z5"}\xf7^\x93_\x88M\x19\x0c0t\xd1X\x86\x84\x88\xa3\x90\r,\x05\xcc\x12H\n\x0e\xf0\xe0\xf4\x18\x93]\xb9Jv\x147\x18\x99\x0f\x03\xb9\x0e\x9fgS\x9a\xfe\x1d"a\x81\'g\xa58P7E\xfe\xcbS\x0bn\xc3\xb2r"\x0e5p\xfbi\xb1!\x95y\x83\xb554Y\x96\xd5\xc8\xe2\xa4z?\xd0\x88[\r\x93@\xfc\x96\x08yYd\x9a\xa5\xc0\xf8\x07Lt\x8e\x00_i\x19ert\xcb\xe6\xfc\xfe!\xc6\xd65\x93#\x06?\xdd\xdd\x85\xe3\x80Q\x1f\xf2)\xf3\xcd\x1c\xb1\x14\xd8\x8c\'\x8a\xa8\xb4\xe4\x06\xc3\x14-\xd2\x1e\x11\xa8\xc7\xaf\x9dl*\x0e\xc8\x97,\x91&gt;\xd0\xfc`\xd5\xa9\x90\xd8\n\x86\xfe\xa4\xf20{\xbc\x08\xea(\x92\x1c\x99o\x95\xca\xc5\xf8\xf4#[\x11&amp;&amp;\xc3\xf1\x13\xcf\x12\xf6H\xf8\xecK\xcc\xa4NzALF\xa2\xbd\t\xdf4z\x93\x11\x90Q\xb4\x93\xcc\x94\xbdmZ7@{*\xb3@/3w\x15A\'/\xa9\xecf\x04C\x13{+?\xe1\xd4b\x8a\x045_\xa1\xe8\xd0&lt;\xff\xa2o&lt;(\xf5J\xfe\xb9}&amp;or\x03\xf2,y\xf8?&gt;\xf1\xd0\xc2\x97\xe2\xe3\x85T;T\xcb\x9dN\xc9?\xd3g\r\x9d@\x1e\x10cs\x12~\xe0\xe3L\x99l\x90#9Z\x02.\x08\xdf\x08v\xc4\x16\x19\xd0N\x05Ii\xd0\xe6\\d\xfb\xd6\xd6sb\xc0\xe3M/\xfa\xbb\x8aU;"\xd7\x7f\x99s\x88x\xc4\xd8\x19\xa6Q\xd3U\xf5\xe0W\xda\x99\x88 \x06-.\xe2M\xd8M2\xe7H\x86\xb6^Z$\xc1~q\xfdi\xf9 \x94\xe3Q\x1b\\\xca\t\xc3\xb1\x8foJ\xda\xfd\'`\xa7\xaf\xdf\xcd6\xa6\x11D\x0c\x9e?\x97\x1a\x89uf\xdbU8\xb8G\x82P\xb6\xcb\xc3t\x99\xf1,\xdc\xc7\xa7q\xab\x90q\x14\\\xea\xd4N{\xfd\xda\xf3\xbf\x13\x0f\xf9\xf6\xba+\x04\x82\x08\x81A!X\x9d\xabA\x98\xd2\xe0\x9e\x05\\!\xc2\xe4\xbd\xd4"S_\xba4\xd8\x0f\x04\xb4Q\xcf\x0e\x16\x8cm\x87B\xacS"\xcc\xbfs\xa9am\x96=\xcd &gt;0i\x85\xc7\xcb\xa40]\x1c\x89\xdf\xb8_\xf4\xfcx\xcd\x0c\x9db\xf8\xd1pC\x84\xe7\xae7\xa4\x90\x1f\x184!\xeb\xfb\xc3\xacF\xa0T[ @\x19\x9apsF\x99`\xdc\xbf\xad\x0c\xc8\xa0\x06\x10\xd0\xdbK=\x8f.\r\xd8Z-\xf5\x85\xa2_\xde3\x90X\xa0\xbe(\x93\x11\xe1\xa3\xd8F\xa3C\xdf\x02&lt;\xd9\x05\x1d\x8eN\xd9\xc5\xb3K\x07[r\xbe1;\xa0\x9e\xec\x83\xd4\x12\xc8w\x90\x94\'\xe7\x02s\x84\xba\xbf\xf8\xec~\'\x10\xdf`wen\'X^`\xf1D\xb4\xee\xa3Y\x94\xbc\x02RSA\x13FLy\xf5\xbf\xf4`\xd0\x04\xc2\xf1\xb7\'k\x91(\xc3\xa1O\x80\x01J\xc4j}\xb5\xe2\x91\x19\xa1^\xaa\xde\xa71\x1f\xd5cM4\xbf\xa2\xc5\xf0\xc9x\x11,\x8a\x8dn !\xb0j\xbfj\xc8ab\x9a\xc3\xd7|b\xd1\x8d\xe2\x02\x86\xfa\xcb\x91\xac\xd5&amp;\xe8\x80%"\xdf\xacYxA\xf7tX;\x1e\xe7M\xbb\x83\xfd\x82\x8b&gt;V=\xb6QJ\xc9\x84?\xf8,\x9c\xe7\xf0\xed\x8eO1\x19\x13U\x18\xe2m\x07;\xca\xb5\x8c\xe6\xc0\x11q\x1a\x05\x89\x8a3\xc3w\x08\xa6\xd6\\\x15[r\xe2Y\xd4e\x9d\x86e\xce\xb8\xc6\x12F\x89\xe2\x1e^\xa9X\xe6\xf6\xfb\xdb]\xcb\x03\xdb\x92z\x103\xac=oOR\xb2p[\xb2Y\xbd\xfb\xa4\xf7\x88\x8d\xea\x84\x92MX/\x96\x85\'"\xa7|\xf3\x99xd\xa3w[\x196\xc9\x134\x10\xb8\xb8\xff\x17{\x98\x18\xdd^\x0e\xfeY\xd8=\xc7\xc6\xc8\xb5\x82\x95IV\x1b\x85\xf3\xa1\t\xf5?\xcd\xfb\xac\xc9\r&lt;p2\x83\x10\xffg0\xd8\xb8\xffAW\x97(1t\xb2\xc5g\xbd\xcb\xe47m\x9a"\x113\xd9\xe1\xa2(\x16\x80\x9dL\x8a\xb0t\xd8xg\xb5\xc8\x90b\xf0oL\xbc\xfbq\x92\x03\xa4K\x80\xe65\xf8\xc1\xce\xcb\x1eO\xbfK,\x10\xcf\xaa\xf7/AU\xed\xcc\xea\x92\x881[\xba\x9a%\x1f\xdf,}\x81\x89A\x07\xdc\xb4r\x93\x85I\x8f\xe3\xd6\xd0\xf6\xef\xfa\x15\xf0\xa7\x9cd\'\x1d\xd2\xb8$\x7f\x96~\xe3t\x14\x02)\x07R\xa3\xd2\xc1&gt;%\x11oX8\xccL!\xd4\xeb\xed\x04\xc2\x80{\xe6F9\xd7u\xc0\x87\x10z)\xfd\xdd.\xa4N\x1b\xc8y\xbf\xbfB\x95\x1br\xc7Ra\x19\xfdF\xa5\xcc\xd8\xef\xad\xa3\xb5\xed 2\xa4/dQ\xb38\x0f\x1c\xda\x85\xe6\x17^y\x99\xbbX\xacnP\xce\n\xe4\xc0^\xffb\xec\r\xcd@\xba;:\x7f\x84\x82)zJ\xe3\x88\xad\xfe\xea\x07\x96\xc2u\x13h\'\xbfE\x87\xd5\xab\x90\xfda\xd2\xd2\xb3\xf0D\xfa\xac\xa3\xf9BN\xf7\x1d3\x88=\xe3Zu\xe2\x8d\xc9 \x0c6\xf8=Z.\xe3\x9c1\x00\x12/Q\x0eg\x81\xcdS\xb7gu\x1dU\x94\xf2\xac\x8a\xd9lQ2\xaa\xf2\x9d\xf9\x8b(\x1cP\xc0uv$S\x11\xd6\xe4t\x82\x82K\xf6\xe5\x02\xbd2\xdf\xab !\xc8\x9a4p|\x19\te\xcf\x9f&lt;\x1f\np\xf4;\xb2\r%X\xc79\t\xea\xf9A\xae\x11\x9a:\x91\xd4\xef#\xd2\xda\xc3\xf5\xde\xd3\x8d\x14\xa1\xb7;\xa8\x88\xfe\xb4{\xf2\x8d6\xad\xe8\xd8\xd8-\xa1\x7f#\x9d\x90\\\xf8xM\xc3\x0f?~d\xdf[D@\xbf\x131\xc8\xe6\xe7\xe1\x7fXm\xd3\xe4\xca\xe2\xa8\xdc:tf\xf4V\xff\xffY\x9fhO\xfc;\xcc.b\x81\xb9\xc9-Uo\xa9\x88\xd2-\x80(\xc1\xd5\x02\x03\xc4\x99\x0e\xe5s\x18\xae\xfcI\xd6]\xa2N|\'\xe03t\xf5{HRN-\x84\xb6\x02[\r!sOh\x87\xc4^a\xbb\xb5\xbe\x08\xe0.s\xb1\xd1\xaf\x08Y\x0f\xba\xb7v\x92\x05.\xcc:\xa7-r!`\xb7uQ\xd35\xb2\x9c^\xaa\xe2`\xfc\xae\xd4&gt;\xacv9[\xe1k\x81\xe9\xdb?\xc1\x86\xf3\xd3\xe807k\x03K\xc3\x11XN\xbc\xbdC\xaf\xdcMA5\x13T\x86\xf2\x18\xcdh\xfdG\x81Y\xa0)\xadm\x9c5\xfbO\x9aE|9I\x9aAW\xd3\x8d\xb7\xfe\xf5\xdb\x0c&gt;\xa5?X\xc7&gt;&lt;\xe9\xf6E\xc4\xdb=t\xc1\x96J\x0c\x01\xef\x0c\x0b\xaeQ\xa6tV\x8e!Z\xb3uo\xed\xebY&lt;\x14\xa22\xbd/\xfa\x11#\x12\xfd\x8f\x14\x02\xeb\n,&lt;\x03\x8a\xd8\xa0\xc8\xfe]v\xb3*\xb6LD\x01/*\xc7\xcb\xecs~G\xc8\\\xd3\n])&lt;0]\xca\x81\xf3a\xe3l\x14f\xad\x1cA\x93?\xe9\xed\x84\x15\xcc\x00\x1f\xce'</t>
  </si>
  <si>
    <t>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</t>
  </si>
  <si>
    <t>b'\x86\x89\r\xd1\xed!7\x1b0M_b\xd1\x9c\x04\xe7'</t>
  </si>
  <si>
    <t>ference between domestic demand and supply,
 (10A-3)
 Foreignâ€™s export supply is also a straight line,
 (10A-4)
 where is the world price. The internal price in Home will exceed the world price by the tariff
 (10A-5)
 The Tariff and Prices
 A tariff drives a wedge between internal and world prices, driving the internal Home price
 up and the world price down (Figure 10A-1).
 P
 ' = PW + t.
 PW
 1Q* - D*2 = g + hPW,
 D - Q = 1a - e2 - 1b + f2P
 '
 .
 Q = e + f P
 '
 .
 P
 '
 D = a - bP
 '
 ,
 Foreign export
 supply
 Home import
 demand
 Quantity, Q
 Price, P
 PW
 PF
 ~
 P
 t
 Figure 10A-1
 Effects of a Tariff on Prices
 In a linear model we can 
 calculate the exact effect of a 
 tariff on prices.
 254 PART TWO In</t>
  </si>
  <si>
    <t>b'0E\x02!\x00\xdau \xba\xb8\x91|I\xf3 \x93\xb4\x0f\x1fWb\x8d\xfe\x87\x1acu`\x12D\tC\xb7\xc1b\x87\xb0\x02 \x1bxj\x12\xb4\x16\xd9&amp;\xa5\xe5\xf5\xcb\\\xf6\xca\x067\xfeG\xce)#\xad8\x1c}\x87\xf3\x1de^\x97'</t>
  </si>
  <si>
    <t>3045022100da7520bab8917c49f32093b40f1f57628dfe871a63756012440943b7c16287b002201b786a12b416d926a5e5f5cb5cf6ca0637fe47ce2923ad381c7d87f31d655e97</t>
  </si>
  <si>
    <t>b'0E\x02!\x00\xdau \xba\xb8\x91|I\xf3 \x93'</t>
  </si>
  <si>
    <t>on that it would interest and benefit them to learn the entire course of
Jewish history â€˜â€˜up to the last war involuntarily waged against Romeâ€™â€™; Mosaic Law,
they would find, chimed well with their own philosophersâ€™ best prescriptions for
virtue (BJ 1.5â€“7, 15â€“20). This line of argument was obviously appealing for the hope
it offered that the rift between Rome and the Judean elite was not irreparable; it is
often assumed, though, that in the Jewish War Josephusâ€™ argument was chiefly self
serving, a contorted effort to justify his own accommodation with Rome in a work
whose prime purpose was to supply his Flavian patrons with an account of the revolt
that glorified their suppression of it. That assumption is vulnerable in what it takes for
granted: that Josephus secretly acknowledged himself to be what his critics claimed,
an opportunist turncoat and imperial lackey who had irredeemably deserted his
people and religion. The War undeniably flatters the Flavians, but its paradoxical
insistence that Judaism was not inimical to Roman power is certainly no reflection of
Flavian publicity. The Flavian version of the matter was just the opposite; it is
enshrined on their victory arches in the friezes depicting the crushing of the rebellion,
and in the inscription placed on the Flavian Amphitheater (a recent study has
disclosed that the commemorative text originally displayed on this dynastic showpiece
highlighted Vespasianâ€™s funding of it ex manubiis â€“ â€˜â€˜from the spoils,â€™â€™ that is, of the
Jewish War [AlfoÂ¨ldy 1995]).
The distance between Josephus and his imperial patrons on this point is enough to
refute the notion that he wrote Flavian propaganda to order. Moreover, a distinctively
Jewish theological strand plainly subsisted in his basic historical outlook, his conciliatory attitude towards gentile readers and borrowings from their historians notwithstanding. Thucydidesâ€™ analysis of faction dynamics might illuminate the actions of the
Jewish rebels 66â€“70 CE, but for Josephus it could never offer a full and definitive
explanation of the rebellion and its outcome: faction was a sin and God had willed the
defeat of the Jews as punishment for it, using Rome as his instrument (BJ 6.109,
411); Rome herself only ruled the world because God, to whom past and future are
one, was presently on her side (BJ 5.367). And it was not only that the cause of
historical events lay ultimately in God; for Josephus, the history that God willed was
prophetically revealed in Scripture, and the prophets were themselves inspired historians and valuable sources: Samuel, for instance, had not needed a good memory or
archive to write the history of Israelâ€™s kings â€“ God had given him secret knowledge of
future events, and Samuel had wr</t>
  </si>
  <si>
    <t>b'X,\xc3\xa3\xd6\r/\xb2\xbc\xf4t\xfd\xf4\xb5[\x8e\xed\\\x158\xd9e\x82+\x8f\xa90\xce\x048\x85\xed\x8d\xf2C\r\x00\x90\x9b\xef{5\xce\x04\xe8\xc5\xe4\xe5@_\xf5\xc2\x1b\xdc\x0b\xfc\xce+\xc6\x9a\x03Ol\x85\xb3\xfc\xa8\xe2 \xbf\x89A\x19 M\xf5\xf8\x04a\x08\x030\xfbBP|\x95\xa8\x85\xeb\xf8\x9aw\x9f\xe7\xfe\'L3\xfc\x1f*\xb3\x0e\x98\xbc\xc7_\xb0GJ\x11\xa7\xedD\x87p\x8a\x1aH &amp;\xb8V@\x8c\xf8o\x888\xfbe\xa5\xfb\xeb\x0e\x86\x8dWp\xe7j\xfe^q\xd0z\xcc\x9f\xcd\xd1\xb7\x8a6\x14\xf2\x86\xad}qx\x8b-\xd4\x0cC\x1f\x1305\x13R&amp;I^\xa7\x93\x19N\x1c&amp;$\x07n\x9cB"\xed\xcf\x91XB2M`\x9f\xcc\x94\xe4\x9f\xcb2\xba?\x84\xb5\xe8.\x06go\x90\xb6Z\x95&amp;+m\xc0\x15\xfd(\xf6\xab}\t\xfd9\xf6\x11^M\xf3\xf2\xc9\x07\xa93|\x1e\xf1t=(\xb2\xee\x05\xed{\xf9\x19\xc7G\x9a\xdb]y\x7f\xf2\x80J\x00\x88\xf7\x15\x8ea\x00\xe4~\xb6,g#\xf1\x9f\xce5U\xc1\x93\xc75\x99\xe0\xe2dd-\x17\xa9\xf8L"\xc6\xfbZT)\xe5\xc2\x91\x8c\x00Q\x7f\xafj\xfe-G\xb7\xfb]\xd5\xa3Z\x14\xf52\xc6\xac\xce)\xfa#\xdeo|\x05\x8f\x8f\x0f^\n\xe2\x8b\x8f\xc4\xeaZ\xac\xcb\xeb6\x84\x8bwy\xa3\xbd\xc1&amp;q\xb1\x1f\xf7\x19\x9c^Y\x15D]\x03\x11\x95\xd4\x8f\x98r\xd8(\x04P\x83\xaf\xab\xab(\x02\x0bZ\xb6\xfeY\x81\xde\x15\xa4\x82\xb1\x15\xfe\xd3K\xeb\xe1\xbe\xf0\xca\x9b\xfa5a\x94@\x80|_\xa0|ll;E\xebB\x80\x9e/y8\xeci\xc1\xad#\x07\x8f\xdd\'M\xe2\xb3\x070\x10\x1e\xd3o\x93\x01\xf8+\xbf\x8c\xad\xefF\xbbpA\x92\xee\x04l@\x05\x99@\xa3\xc8\xbak\xbd\x92\xf4&amp;\x1c\xad\x7f\x88\x13h\x16\xda\xed\xf1B\x8eO.\xca\xb5\xba\xaac\xa0e\x86\xdb\xd8\x03#v\x12a\x9c\x80-\x89\xc0\xa7\xef\xb4\xd2\xbe\x8f\xc3G\x9b\xed\x8e\x14F9\x93\xb9\xbe\xee\xd2\xfb\x87}\x1fg]\xd1s\xaaIe\nJ\xffW\x8b)\x1ae\x97\xb8l\'\x9d\xa5$T\xe1\xfe~\xfe5\xb7\x80\x05M\xf6=\x13\x0f\xec;b\xac\x9799T\x18\xf6\xf8K\xba\xb3\xfbn\xba\x13\x19\xc3\x11lA\x95\x81+\\c\xcbN\xf5\xad\x0e\xffW\x9e\\\x92\x0ce\x0bF\xdd54\xa6ooZYp\t\x0c&gt;\xaa\xe9\xb7\xae\x93\\i\xe8\xe2\xc8\xc8\x0c\x1a\xd2\xefG\xa4W\xe8\x047\x08\x90\xacl{$\'\xb3\xc3\x14R\x94 vj\xb3\xb2\xd1\x16vM@\\f\xad\xe4N7\xf9%.\xcen:[\x0cq\xc3FZ\xe1BY\x8c$\n\\F\x15`6\x06\xb1\xb1\x08\r\xfe\xc68"\xc3\x08it\xf5Y\xf3\x1f-\x04w{\xff\x86\xf2F\xfco\x87\xe5ay\xd2Im\xcf\xfb\xf6dF\x08\x99\xa8\xf3\x0f\xe1\x86]\x0c\xae\xbc\x146\xd0z\\w\x91\xa3\x97\xc7\xceHYk1M\x92\x8f\x97\xb3\xd8\xe7x\xc2\xe3\xef{\xccdn\xe0$bo\xc3I\xe1\xeb\x0f\xf2\xe7\xe3\xe5\xc8\xd9\xcd\xb4P:\xb4n\r\xfaoRH\x98]\xfe\x05,8\xda&lt;V\x91n\xd2\'2\xef\xc80Mk\xe8\x1d\nd\xa4\xfb[\xd6\xbbR\xcb\xd7|\xaf\x03)fQ\xe5Z3M\x1fu\xdaSp\xe3i&amp;yB\x81\xd8\xe2:/\xc7\xa1I\xd6\x17"c\x8f\x06\x01\x91\xbd7\xaa03\x84\rk\x88$\x11\xf4iT\xc5\xe1\r\x12"\xb9u%*\x88I\xfa\x87zA\x82G\xe0\xdbi\x8a\x8c\x05\xeb=\xba,v\xd44\xa8=\xe4\xc1\xcf.\x93\x1e\xc3\x8b\t\xb1\xc6~\xff\xc5\x82\xfc$\x8f\x01(\x92\x01\xdc\xb3r(\x9f\x94\x7f\x0c\xef\xd4oOi\x84\xe8\xa6\xda\x1e\xf5{\xbf\x06\xba\xe8\xe8r\xf8X(\x1eqs\xd6\xc1\xc7f\xb3\x00\xb3F5\x93\xa2\xa7I~72\xe5\xb4\x03\xa3eM4=II\x0c\x94\x84\x03\x9b\x95\xd1\x00\x01\xcdV\x813U\r\xaf\xe7\xf3\x14\x82\xe4\xe1\xcd\x8bD3\xc6HT\x17\xed\xde\xf6\x85\x1b~\x97\xc9\xac\xf7\xbd\xd6\t7!\xfd\x03\xb0|K}\xde\x0c}f\xf9\x12\xbc\x86w\x9dM`\x12\x87\xbf~\x15x\xc8Zw\xe7 `\xef\xaf\x84\xe0\x85\xdfp\xfc.\np\x95w\xb1\xb3i\x83\xa0h\x00:\xaen\xa1\x03Vb\xba\xea\xf6\r\x8e\xf8\xf7P\x89\xb1\xf1iJ\xf0Z\x90\x9e\xba\xf0\x06\xd9\x8d$\x90\xc5\xb1{\xeb\x97\x8d\xf6\xf4G\xca\x05\x0c?\x7f\x98R\xf0@\xe7\xb7\xf2\x83\x13\xfbXL&gt;\xe6\xca\x03\x1a\xc3\xf8\xc3^C\xb5\xf5\x08\xb0\xac3\x08\xf3\xe7\x0e~\x89\'\'KC\x82\x1c\xd9Y|\x05\xe8\xc5-\xf4E\x9c\\\x17L\xd2\xbd\x08\xb8r\xc1q\xddh9\x89wn:]\x1bo\xd5\x18\xf8\x14z\xc0\x14\xa3FV\xd5\x8b\xa3Nz\t\xec\xf1!\x07\x94C\xdf\xdf\xe7\x95\xb0-\xc8\xb2\'\xb7\x0f\xf4\xbb\x01\x16\xba\x99\xad\xeeN\xf2x2\xd4\xb2b\xbc%\xd5\xbbs\x05=jA\x89?\xe9\xd1\x0b\xe5\xe3[\xe2#\x91\xdb\xeb\xe0s2\xf1F]\x87\xd4\xb1\xc1\x85\xb4\xac\xc5\x1a\xce;\x96\xf8G\xf7\xcd\xc5\xd3\xd6\xa1R\xa1\x8a2F\xc8\xb0\x9f\x83B\x1c\x99\xba\xec\x1d\xb0\xda]\xa4o\xec\x8b\xe5@y\x11UQ\x0e\xb5=\xa0 }\x88\xecQ\x13.\xfdE\xbeS\xdf \xd2\xa1\xc3\xeb\x0b\x172\xab\x18\x7f+\xf7Y^E\xf1g\x94\x87\x8cZ\xb5\x0b\x88z\x97\xb9\xb8U\t\xcf\x16\r\xe7\xa8\x96L}m\x8b\x82L\x0f\xae]\xfcX\xa0\xf8\x8f\n\xc4$\x91\x87\x07\x1f\xda\xb4\xb9\t(\xaa;\x92\xfa\x87 \xd0Q\xac\xc5\x05\xf9\xe5\x13\xec\xd1\x9a~\x9b\x9fTC\x87\xa2\xe6B\x84\xa7\x94\x1dG\x1c\x8d\x95\x97\x08N\xde\xf7V\x92J$\xcc\xa6$\x01\xf4\xa9\xa5\x15\x98R\x9b\xd0\x12V\xe8\xe7\xb2\xbf5Y\t\x87\xc0\x8d\xedC\xb9\xfaU\x83s3\xb1\xcb\xcc\x17\x90cgRu\x9e`\x87}\x893\xe5\xe1\x818\xd3\x16X\x98\xeb\xa5N\xc7\xc4\xbfu\xa4\xb3y\xcaq\xe3\xa4\x1a\xbe\xc9O\xa3o8":\xa2\x94\xac\x16C\xdb\xc3\x16v\xde\xd0?]P\xc7\x9d\xd0b\xa8\xf8%\xd2g\xbd\x8e\xd8R\xc9H8\xf5\x9e\x084*\x91\x1a.`4 \xb7\x88!\x99\xf0\x8fP\x18\x82\x9a\xf4\x89\x91\xc9/(T\xad/B\x87\x8ew\x82\xe1^W\x8c\xf4\xd8i\x93\x85\xa9\r`\xad\xe5\xc0\xa5d\x05\x7f\x13\xf2\xa0v\xd6@X&lt;\\\x87\x1dx\xc8\xaa&amp;\xfeU\xd0\xc8*\x8e\x00g\x11\xc0\\\xad\x18\xf9\x01\x00\x85\x97\x12\x90(?\xa6\xf4\xee\x10\x9f7\xe6\xa0\xda\x95P\x00\x00\xd7bU0[\x15JD\xae\xfe\x89\xec\xda(b\xa1-\xfe\x9dR\xa2\x9fJpj\xc4\x88o\xb4s\x8f\xb0:\xa1\x83\'4\'\xaa^\xae\xa3\xeb\\=5\x15#\x17\xe18\x835\xb5\x96\xbb\xaeMY 7\xdao:0v\xc8c\xcfX\xf9\xdb\xe5S\xb23\x98\xcckp\x85\xae\x98V(\xc8\xb0\xe4\x01v[\xdb\xa6\xd1\xd4\x8a\x98:}\x1d\x06YNP\x1aoX\x0b\xc2\xb3~\x006h\x98%\xe3\xfbDy)Q\xe7-+Ve(\x14\x80P\x9d1\xeb$\x93\x9b\x88\xb0_\xc7\x12\xb0\xa5Y\x96\x90\xf4\xe2\xc0B\x01Y\xdc\x84\xd4\x88)}\xe8X\xaf\x83g1\xecC,\x1e\xce\xfbb)\xe2&amp;\x1cg\xf4\xd8Aa\xbaL\x80\x11\xe5\xf9\x191\x9f\x16\x19\xf7}i=\xe1\xe0\xf2\x14\xf1v\x878\xb6\xc0[\xd0\xfb\xd8\x93\xfc\x06\x84-\x0ek\x15\xee\x13\xac\x84\x15]\xe9\xe1\xeb\xace^\xea\xf9\x8d\x14&amp;/J\x0c\x03\x82\xceq\xefz\xa6h\x8a\xb9\x99\xe8\x8ccD\x93V\xc1\xa5r\xf4e\xbc\xba\xf3J\xa0\x04\xec\x98wW+N\x08\xb6^\x13\xfeA\xcaX\xafi\xf5\xbe\x0e\xfd\x8c\xd6Df&lt;M\x04\xdf\x9f&lt;\x84^\xdd(w\xcd%h\x06\xe6\x9cW\xf9\xdb\xb32Z}[|_y\xc7\xde\xe0{\xc8\xfe\x87\xd7H\xff\xa5j!!4I\xc1\x06R\n\x05l\xc2Z\xc8\n`3\xe7\xaf*\x87a\x02\x1b\x12I}9\xa6\x16\xd2\x8e\x1a\xb7R\xdd\x87\xb7\\E\xcb\xeb\x1e\xb1\xb3\xcf\xa0q-\xf3L\x9c\x92\x89Y\xc2\x0c\xbc2mo\x9e\xf4Na0_,\xb4\xfc\xfc\xd0\xa7\x1b6\xfa\xdd9\x18"\x11\xdd`\x816\xbbw\x9c\x14\xf6\xb5J\xe0\xbb\x89JAx\x8fm\xaf\xd4"\xa5\x93w3\x99~&gt;\xf1\x0b\xae\xf7{\xf2\x90\xd2\xf1]P\xfe\xc7W\xe3\xa0\xac\xbb\x1eM\xd1\x045\xbe\xbdE\xa0^3\xf7\xe8\x0f1\xd6q\xf9\x9c\xe4@\xbd\xe3j;^\xb4\x14\x97\xa5\xbdnnN\x14U\xd3:y\x82 \xd8\xadVOX}\xc5\xfcy\xc7\x00J"\xbd+\xec\xdb&gt;\x19\xc0\xf5\x05\x98\x13\x99\xeb\x92Yd\xca\xca,z\xde\xb573\xe9\x01\t\xd5iu\x84\xa9f\xc4\x1a\x00\xdbi\xa6\xfe\x97D\xcb\x9f9?\xec\xc0^B\xc3u\xfe\xb0\r\xbdo"\x87\x97}\x17\r\x96\x0bl\xf4W\xcf\x9dD\x80\xb9\x9a\xc5\x9f\xf1\x14\xe6Y\xebn\x9f\xe3B\x0e\xd9\xda\x8e\r\xd4]\xda\xecu\xc7\x89n\xc2\xb4D\xdd|\xde;\x19r".\xb7o\x11\xe0\xd1\xbd%=Q69\x11\xdeK\x16\xb0\x12\xaf\xed\x9c&lt;Y\xd9\xfa\x14\xdb\xa6\xd2\x11\xec\xf6\x05,O(\xc2\x15\xe3\xe4\xf8wt\x8a\r\xccN\xb9A41\xe6`*\x8b\x89\xa1o\x92\xdf\x9ev\xf4\xe08\xad\xb98\x82\xa5s\xeb\xe4o- \xa0W\'\xd4\x8dr`\xc4\x9c\xd4\xc1\xd6\xdb\xcf$\xbd\x7fG\xd3(\xcd|\xf7!\x87\xaaH\xff\x91/2\x9b&lt;\x00\xbbe\xbe\xedOH\xcc\x8d\xb3\x97{X\xcdYG@\xd54\x1e^\x10\x1c\xb3f(\xc3\x91\x00\xbbR\x92\xcf\t\xbbD\xb2@m\x18""-\x1cg&amp;\xa9V\xda\xaf\xfaCA.\xd9\xcd\xa1U\x81yS\x13\xd9$x\x8a&gt;\xd3\x9b&amp;\xd7n\xaaa\xb4:m\xe1\x9a\xfe\xcf\x92s\xf0\x8c\xbc\xba\xeeC\x14\xd7y\x1a"\xde\\\xd5K\xf3\xfe\x0e\xaf\xf4\xce\xb0\x95\xa3D\x89\x94\xa0\xe8\xa5[\x8eE\xb5l@^AN\xc1\xd1 \xb9U/\x1c\x94}\xc8\x95\t\xcf$\xfe\n\x8e\xf7+|\xa0\xcc.}\x9f\x82x\xdd\xf5Z\xdcp\xbe#\xfb\xf5E\xe8\xfb\x93\xba\xf7\x90b\xc25&gt;\x90\xa8J\xf6\xeb\xc6\x164^\xf2\x82\x80\xa4*\xffb\xd4l\x01w\x06\xef1H\xd0\xae\xac(\xa8\x90m\xd0\xfdx2\x83\x16\xa0\xe7Ha\xcdO\x92b#\xcb\xd3\xd7\xfd\x9f4\xee2\xe0\x06\xc2\xd2\x83\xc5|\xf5H\xf2\x89B\xb8\xee\xd3\xc6\x93\x8c\xa4t\xf0\xb4w\xaab\xa5\x9b0\xb8\xc7`\xa7\xfc?\xcb\xe8@y{\xa59\xc5m\x0c\x1f\xd2d\xcfv\xdc\x02\x0c\xc6\xf4\xcag\xfdM\xf3\xd6\xbb j`\x00+\x00\x07B\xcb\xfe\x05c\xdcF\xb6\xeeoB\xa7C\xdf\xf4\x8d\x04\xb6\x0cc\xf1$Cn\xb8\xd1\x08A\x032\x84\xc7&gt;l\xd6\xbb\xd2?\x19b\x91\x01F\xb9M\x91\xa4mhW\x84\xd6\xbd]\x896{\x0e\xea\x0e\xb5)|J\x02\x196\x07k\rD\xbcL\xc0\xd80\x1a\x86\x07\xa9N2\x9e\xbbzf\xd9\xe0\xc9\xe7\xd2m\xde\xf9\xa6\xbc\xb2\x03]X\x19h\xceG\x16e^\xa5d\xd5\xc0\xbf\t\xa1@l\xb3y\xc9\x1b\xa4\xbe0\xe8D@'</t>
  </si>
  <si>
    <t>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</t>
  </si>
  <si>
    <t>b'X,\xc3\xa3\xd6\r/\xb2\xbc\xf4t\xfd\xf4\xb5[\x8e'</t>
  </si>
  <si>
    <t>g a tariff.
 As a result, free trade agreements like NAFTA
 impose a large burden of paperwork, which may be
 a significant obstacle to trade even when such trade
 is in principle free.
 248 PART TWO International Trade Policy
 Do Trade Preferences Have Appeal?
 The European Union has slipped repeatedly into
 bunches of trouble over the question of trade prefer_x0002_ences for bananas.
 Most of the worldâ€™s banana exports come from
 several small Central American nationsâ€”the origi_x0002_nal â€œbanana republics.â€ Several European nations,
 however, have traditionally bought their bananas
 instead from their past or present West Indian
 colonies in the Caribbean. To protect the island pro_x0002_ducers, France and the United Kingdom have histor_x0002_ically imposed import quotas against the â€œdollar
 bananasâ€ of Central America, which are typically
 about 40 percent cheaper than the West Indian
 product. Germany, however, which has never had
 West Indian colonies, allowed free entry to dollar
 bananas.
 With the integration of European markets after
 1992, the existing banana regime became impossi_x0002_ble to maintain because it was easy to import the
 cheaper dollar bananas into Germany and then ship
 them elsewhere in Europe. To prevent this outcome,
 the European Commission announced plans in
 1993 to impose a new common European import
 quota against dollar bananas. Germany angrily
 protested the move and even denied its legality:
 The Germans pointed out that the Treaty of Rome,
 which established the European Community, con_x0002_tains an explicit guarantee (the â€œbanana protocolâ€)
 that Germany would be able to import bananas
 freely.
 Why did the Germans go ape about bananas?
 During the years of communist rule in East
 Germany, bananas were a rare luxury. The sudden
 availability of inexpensive bananas after the fall of
 the Berlin Wall made them a symbol of freedom. So
 the German government was very unwilling to in_x0002_troduce a policy that would sharply increase banana
 prices.
 In the end, the Germans grudgingly went along
 with a new, unified system of European trade prefer_x0002_ences on bananas. But that did not end the contro_x0002_versy: In 1995 the United States entered the fray,
 claiming that by monkeying around with the exist_x0002_ing system of preferences, the Europeans were hurt_x0002_ing the interests not only of Central American
 nations but also those of a powerful U.S. corpora_x0002_tion, the Chiquita Banana Company, whose CEO
 had donated large sums to both Democratic and
 Republican politicians.
 In 1997 the World Trade Organization found that
 Europeâ€™s banana import regime violated interna_x0002_tional trade rules. Europe then imposed a somewhat
 revised regime, but this halfhearted attempt to re_x0002_solve the banana split proved fruitless. The dispute
 with the United States escalated, with the United
 States eventually retaliating by imposing high tariffs
 on a variety of European goods, including designer
 handbags and pecorino cheese.
 In 2001, Europe and the United States agreed
 on a plan to phase out the banana import quotas
 over time. The pla</t>
  </si>
  <si>
    <t>b'0D\x02 \r|\\\x1a!\x0cfB\xed\xff\x9f}\xfb\x01\xd4\x9c\xb3\x1b\xce\x00\xae\xcft\\-\n?\xc9\x8c&lt;bx\x02 =\xa4b\x85\xb4\x85+\xd5\xa1\xb3&lt;\xe9\xb4\x88\x9cR\x17F\xcb\xf5\xc9\x84\x1eH\xc6\xa8CC\x88\x9bC6'</t>
  </si>
  <si>
    <t>304402200d7c5c1a210c6642edff9f7dfb01d49cb31bce00aecf745c2d0a3fc98c3c627802203da46285b4852bd5a1b33ce9b4889c521746cbf5c9841e48c6a84343889b4336</t>
  </si>
  <si>
    <t>b'0D\x02 \r|\\\x1a!\x0cfB\xed\xff\x9f}'</t>
  </si>
  <si>
    <t>t will be the same with Magic. If you keep
calling it to come to you and help you it will get to be part of you and it will
stay and do things." "I once heard an officer in India tell my mother that there
were fakirs who said words over and over thousands of times," said Mary.
"I've heard Jem Fettleworth's wife say th' same thing over thousands o'
timesâ€”callin' Jem a drunken brute," said Ben Weatherstaff dryly. "Summat
allus come o' that, sure enough. He gave her a good hidin' an' went to th' Blue
Lion an' got as drunk as a lord."
Colin drew his brows together and thought a few minutes. Then he cheered
up.
"Well," he said, "you see something did come of it. She</t>
  </si>
  <si>
    <t>b'\x13\x9d\x19\x81\xe7j\x1at\x01\xc0\x10E\xed`{\x96\xfa\xbd\xe7\xc6.\x18\x97Z\x8aUYF@\xf2\x1eD\x97G\xa5#\xa7\xb4\x8d\xc5k\xe8&gt;V\xe19{u\x1c\xb6)\x9e\x94\xf4\x84\x1b\xe5\xfb\x8c\xbf\t\xc1\xb7:I\xfc\xcd\xd8n\x0c\x06\xa4\xb2l\xa6\x98\xf3\x9c\xc1\x9dTC\x9f\x18q\xdb\x93[\xfe\xba&amp;5\xefm@\xf3e\xf3\xac\xbbZC\xc0N\x07#\xf9&amp;\x8e\xff\r\x95AS\x04\xae\xfc\xef\x1aH\x873@v\xb4\xc1{)\x9a\xee\x9b\x92\xf8sr3,\x9f\xcc@\x9a\x90P,\xe4\x99k\x80s\xd6\x83\xc0\x85\xc9\xcey\xe8\x99\x11DCdo\x08B\xcf\x8e\x17\xc0\xaa\xfa\x0f\xcdC\xfb{Vm\x11\x03&gt;\xd1\xbe\xd2\xcas\x1ae\xef\xdf\x14l\x8b\xebt\\\xa7\x05A%\xbb|\xe3|\x97t\x8dl\\\xf0\x94\x9d[\xf0\xc1\xabE\xce5p\x1eb9[\x0b\x00\xee\'\xbb\x0bQ\xebNI\n\x07\n\x04;\x9bZ\x9d\x84c\xcc\xf7a\x1b\xb3o\xa3\xa2]\\\xfb\x8a\xb2\x13\xed\x833I\xcc$~\x939\xa6\x1a\xfaId\xde\x0c\xca\xa9\xf9\x1d\x8c\xe38;-\xd8\xec\xb0\xb9\xf2\xf8\xeaR\x9f[\xe7\x95\x7f3\xc3\n\xdc\x08\x9f7B\xadn8\xa2\xc8\x0f\xd9=\x18;\xe8\xa0\x8e\xe2\xde?\x9c\xbd\xc1w\x86\xfa&amp;\xfb\xbb\x1b\xe1U\x17\\\xd5z4\xef\x164\xa8\x8a\x9ec9\xfd\x95SM\xb7\xf2Y\xa3\xc5\x1e\x0c\x9cIC]j\xb2\xa3\x9d\xc6\xb5\x06\x9c1\xd0\xd1\x87\xf6&lt;I9`.\xb60\xe1v&lt;\xe99O\xa1\x17D\xfb\xa5\xd9@0_E\xd4\xaa&gt;\xa1\x02\x83\xc3m\xcf\xdc\x1e\xbbY\x8b\xfc\x1f\xde,\x13Q\x7f\x1c=D}s\r\x12\xac{N\xf4\xb3nCV\xa7^bv\xbb\xc0\xe91\x8b\xa0\xed0\x848G\xfeW\x06\xce\xc2G7_HV\x85\xc4m\x1a\x07\xcb\xd9\r\xb1\x1f{&lt;q\xf3\xb1(\xe74\\\x18D\x8b\xc1\nz\xf2k\x01D\x83j\xdb\xd5g\xb1\xb9\x07U|\xcf\xbb\xb29g\xd5\x86\xfbc\x83P\xe3Y5\xcd\xfd\x05 o\x9a+\xae\xa4\x17\x1bL\xdcA\x08{\xc0\xec\x06g\x0e\x9a`o&amp;\xf3\xf3\xa5s)!\x8b\xc8R\xe5\xccq\xffE\xff\x143&amp;\x0c\xe2\x80\xaf\xd7P\x12\x85\x8d\x05\xa8.R\xc3\x0fh\x84\xb4\x9a\xb5\x04\xa3bw\xdcc@?\x03\xd4?\x0b\xa4Z\x98.k\x14Q\xac\xa8,q\xbb\x14a\x03\xca\xf7\xd7\xb9\x8e\xebR\xbfr\xcaV\x0c\xe6=\xa8(\x83\xcfi\xce\xdd\x90\x99\x0e\xa5\x97\xa8\x12\x89\xaa\xfb\x1e\x9d\xbf\xf4\x8f\n\xdc\x04\x8c\xc9\xf9^\x1f\xb7\x9a\xae\x1f~)\xbbr\xf3m\xd6v\x88\x00\xda\xea@\xdd\xcd3\x16\x1a\xae\x1d\xb17"&amp;\x89Y\xca\x0b\x9e\xee\x07\xed'</t>
  </si>
  <si>
    <t>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</t>
  </si>
  <si>
    <t>b'\x13\x9d\x19\x81\xe7j\x1at\x01\xc0\x10E\xed`{\x96'</t>
  </si>
  <si>
    <t>rd: Money follows movement.
 Funding your business isnâ€™t a matter of getting the money to push your
 product but a matter of creating enough momentum to attract the money you
 need. However, if you follow the steps in the next chapters, that momentum
 will snowball very quickly.
 Entrepreneur Spotlight: AJ Patel
 Back in 2013, AJ was looking for a new opportunity. For ten years
 heâ€™d tried his hand at an array of businesses, with ups and downs,
 some success, and a lot of failures. In high school he had a web
 hosting business that made $5,000 a month. Then in college, he made
 six figures doing internet marketing. But both those businesses fell
 away. By 2013, he was ready for something new. He wanted to try his
 hand at selling a physical product.
 AJ looked for something based in the United States that he could
 really get behind. Having had issues with his skin ever since he was
 young, he started a line of skincare products. There was a lot of
 demand, and he could relate to the customer.
 He started by learning how to make sales on Amazon with Argan
 oilâ€”a natural skin and hair care product.
 Two weeks after launch, he was making $1,000 a day.
 He knew this was it. People were actually buying what he was
 selling. He decided to add fuel to the fire: He started a second product
 and went all in with $40,000 of credit card and personal loan debt to
 bolster the business.
 I said earlier that Iâ€™m debt-averse, but this is an example of a time
 when debt worked very, very well for an entrepreneur. AJâ€™s gamble</t>
  </si>
  <si>
    <t>b'JE\xfc\xfb&amp;\x08E\xb7\x03\xbd\xe6\x89\xd0y\xf5E\xb6\x9a\xb9\xae_\xf1\x1d\xd4}\xf9\x96&lt;\xf0\xf6\x95a\xb3j\xbd\xc7\xd4\xbb\x94\x9f\x9a\x9fZ\x07\x9a\xef\xe7r{\xe9\x82_=\xbf:X!\xb7\xc0(wpX\xd7m\x87\x07\xba\x13\xa6&gt;a\x0b(C\\\xaa\xd8b\x1e\xf0:\xefao\xcff.\x18y\xaf\x17#\x9e\xe0P\xbe\x0e\xf36\x96\xaa*\xd8\xa5\xcc^Un\x83O\xa2\xf8\xe8Q0}\xedP\xf4\xcaB\x1f\xb1e\x05\xbf\xe9(\xe8&gt;\x81\xf6\xda\x11\xfb(\x93 \xc9T\x088$\xa3Qh.\x1d\xab\xd2\xd2\xe8\xdc\x02\x18\xad\xcb\xdds\x97_)s|\x92\'W\xb1\xe4\xf4\xe8T\x9e\x99\xb3GN&gt;\x9d\x91\xd5M\xeb8\xb7\x99\x03^o&lt;\xb5;\xb2d\xdfUge\xf9\xc5\xf6~\xdf\x9d\x078\x87E]\x16\x86\x99\xf4\xd9\xee\xd6r\x0c\x19\xa8v-[\xad\xc0\xb2*\x04\x8e!\xb7C\xa2\xdc\xe6\x9f\xd9\xde&amp;\x1c\xdc\xf58\x11\xb4\xfd*\x17\xf2P\xcf\xdf\x16\xa5\x18e\xc0\xea\x1e=t\x7fg\xb2,\x1di\x9f\x10\xdd[\x90\xfa\xe2\xdcb\xf5\xd7\xe6\xaa\x8b\xb3n\x12\xa7l&gt;B\x86\x9eAQ{f6*k\xdb\t\x9a\xa5\xf24!0\xd2\xf8\xdc\xf1Ee,V\x8b\n,Z\xc2\x9e\xe2Bm\xbc\x91E2\x11\'\xef\xb1\xe4\xc2\xa4\x0bD,\x87\xd7\x9c!#\xf3Am\xe8j\xda?m\xb4;\xf9\xbd\xb1\x88\x81\xb5\xa7\xe8\x15xw\x86R*\xb8o\x14\x93\x1d?{\x1f"^\x1c\x99\xe4Z\xa7\x8e\xc4[\x97\xec\xee\t`N\xf6\xbcT\x92\xdf*\xca\xa0s\x0c\xbd\x1ak\xa8\x16\xdc\xfb\xdb\xd7^\x7f\x1aA\x97\xea\x88\xfb\x15 B\xff1Vt\xe2~&gt;w6\xb4\x1b\xaf@\xc0\x83&amp;\x08\xae\x96"\xcbcj\xff|z%i\xff\x12\xb3\x80]{(\xc3\xbeZ\x1d\xc7$\x11\xa7\xfc\x11 0\x85s\x91\xf9D[\xdacq\x9cY\xdc\xd5\x1f\x07S&gt;+\x13\x91Tc\xeaG\x11=\x88r\x9d{\x12\x15y\\\r\xe7\xd3\xc1\xc74\x13\x83fv\x0c\xa1\xafE4Z\xd0\xf1\xe9\xc5\x8d\x1a\xe5\x1a\xd0\xc8\xee\x86\xdf\xb4\xc92\'Ri\xfcK\x8fP~\x9b\xef&amp;\x14\x86z\xb3sX7\x80\xeb\xee\xeaZ\x05/Y\xc5\xe9\xff\xda|\xea8\xabD29\xe2\xde\x8a\xf5\xe2\xc5K\xc3\x93\xacTk\xa3\xa3\xd5\xaa\xdb#\x0b\x94\xcb\xb9\x84}r\xeb\xb8\xe9\x98\xb7\r\xc5\x8b2\xe2\xf9\xc8\x9a\x13\xcc\x83\x92\xfa&amp;\x9b\xb9\xfekS\x0f\x9c\x17$\x8d\xbf\x88KsI\x7fj\xca\x1cJ\xb6\xd5\xddp\x80\xf8\xd4_/\xae\x17L\xea;W\x07a%\x03eR9$\x19l\x87\xff\tD\x82\x06\xae\xb5\x92\xe2\x8cQ\xfbco\xad\xef\x85\xde\xef\xeaz\xc2\xd8R\x9a\xda\xd9E\xe1\xf3\xe7Q\x1e"\xe7R~F\xf8\xc5\xab\xe1\xbd}\xaeU\xa4O:\xa8!YF\xfc\x19Hj\xc8\x010\\&lt;\x8bC/\x0c\xd3R\x9e\x12\xcf|\xb4\x05b\xb5\x98*\x8d\xf4\x91|\xb7\xf8JS\xe6\x1d\xc2&lt;\xd0\x80\xb7\xdd\xc5\x95\x8c(T\xa7\x07EV\xd1\xe8\x81\xe4\xb4\x8b.t\xe8r.1FZ\x1e\xf4`\xe4\x07\xb0\x80\x03W\xd9\x01\xd2\xa9\xc1\xe8\x0c\x0c\xbb\x9e\xc2t\xa9\x17I\x07\xa4\xeaj,\xd2\x8f\x9d\x81 \x98\x0c\x07A&lt;\x01\x00A\xa2u\xa0\xe3\xea\x8bQ\xeaTl"!\xa0\xd3g\x06\x89z\x99p\xd7\xb6\xdb\x07#\xcc\xf1\x9f\xe0R\xf5$\x0eA=h\xed\x9cU\\?\x87#=_\x8e\xd4\xe9\x85\x92\xe7\x98\x96!\xfc\xb8dr\x036\xb7*\xdc-\x89\xad\x93\x90\xf8\xad^\x0b(J\xc1\x134\x0cc\xeaw\x9a\xdb\xc8\x97{\xd7\x9f\xc0\x8d\x17J\x993,\x1exz\xcc\xfa\t\xd5Jn\xa2\xf5\x1e\x1b\x8c.\x8c\xa3]\x81\xe4\xa4\xa1\xa3\xd2\xc6\x8e\xc4IR\xbei!\xe5\xfft\xf2\x94\x8e\xd8\xb6@\xc8\r\xc9+\x8ay\x9b\xfeC\xbe\x0f\xd1\xe9\xf1\xe4\x14,bw\xcb\x07\xf8\xb1\xae\x0b9\x16\x9b\x89\xe1&amp;\x01r\x88G\xb1+\x8b\x0e\x14\xaf\x89\xd5\x85x\xf7x\xe5D\xf8\xe8G\x90\xecs\xe8\x8f\x84@\x8d_\x1b)\xba\x1f\x19\xca\x93\xa1%\xd9\xde\x94\x05\xe5I\x14\xb1)\x05ri][\x1c\x82\xcb\x1ec\xee\x19\xa4\xfdt\xeaf\xff\x18\x8cU\xb4J\x19\xe5\x03B\xbe\xbe&lt;\xe5\xa2\xe2\xb6\xa1+\x025\xf6#&lt;D\xa7\xeeh\xee\xd6\x98?\xcd9Q\xe1\xad\xb8n\xcb\xe2\xae\\\n\xa4\xab\n\xff\x12\xcf%\xe6&gt;\x1b\xaab\x02";`\xbe\xbc:\xe4\x8e:\x97\xccW\x05=!H)\x9b\x89\xf3\xf0T=\n\x0c\xd3S6\x96\x16\xef\x16\x95\xd3\x88l"4\x1f\xf9}\xb3\x00J}b\xe7\xba\xc3J\x0cH\xe6\xe5:\x8a\x06L&amp;\xb3\xf2K\xe7T\xb1\xae\x17_\x10?\x8e\x82\xadD\x9c\xcfV{M\xa4\xb5\x99\xea\x9a\x82\xd8:\xcb\x15qn9l9\x07\xe1\x02\x84S\x90\xa9n\xb9\xa3\x11X\xf8\xb1$\xba\xda\xca\xf5\x8c\x85\xb4\x81\n\xe6\x9e;\xe5j"\xeb\xeb\xec\xf0\x9dP\x03\xde#\x9cy\xf7\xa8?\xad2\xaf$\x88J\xdc&gt;\xba\xadb\xc8\xab\x9do]o\xf7\xf8\xa1&amp;\x92\xae\x95\x00\xe7|\xd3b\xb7aV\xc2z\x12_:\xa6&amp;cb\x19eR\x1f\xe0|,\x99-`@]#\xd8=\xc5B\x97h\x02\xd6$R\xa0\xe3\xdf\x12\x87B=\x0c\x14\xa5Pw\x80\xe21!\x8a\x98\xb9\x05_r\t\xedK(\xdc\xb2\xffmQ7[U\xd1\x08\x9f".\xcc#\x0b\xab\xff~l\x03\x14\xf2\xa8\x89E&lt;\xb3\xc5\xa2\x1c\xa5\x92}-r\xd5`l\x07v\xae\x89\xa8\xe5e}\xb9z\x03\xf6\xe1\x97w\x11*\x7f3\xf1#\x9av\xe5\xff"\x90\xbd\xce\x10\x96\x1a\xfa\n\xeeW\x94\rOz\xa3\xe9Q\xfd\r\xf8\xf0j\x80\x07%\x83\x81\x16k;&lt;(\xc5\x14.\x99*\xd2\xe5\x1bw\x1e\r\xc3j\x80a~do\xaf\x1eq\xb6g\xd7^\xbc\x9a\x06\x99\xcf\xb0$g\xc2\x17T\xf7^\xd7\x19p\xab\x83\x1e(\x1d\x85h\xbfy\xdaf\x91(\xe5\x1d\x18l\xe8\x04`ooRd\xaa\x8d!+\xda\x95nY\xebh\xdb\xa0\xf3\xf9\xact\xe5F.Zlg&gt;'</t>
  </si>
  <si>
    <t>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</t>
  </si>
  <si>
    <t>b'JE\xfc\xfb&amp;\x08E\xb7\x03\xbd\xe6\x89\xd0y\xf5E'</t>
  </si>
  <si>
    <t>orary relief (such as unemployment insurance). Consequently, the potential effect of
 increased trade on income inequality in advanced economies such as the United States has
 been the subject of a large amount of empirical research. We review some of that evidence
 in the box that follows, and conclude that trade has been, at most, a contributing factor to
 the measured increases in income inequality in the United States.
 Case Study
 North-South Trade and Income Inequality
 The distribution of wages in the United States has become considerably more unequal
 since the late 1970s. In 1979, a male worker with a wage at the 90th percentile of the wage
 distribution (earning more than the bottom 90 percent but less than the top 10 percent of
 wage earners) earned 3.6 times the wage of a male worker at the bottom 10th percentile of
 the distribution. By 2005, that worker at the 90th percentile earned more than 5.4 times the
 wage of the worker at the bottom 10th percentile. Wage inequality for female workers has
 increased at a similar rate over that same time-span. Much of this increase in wage
 inequality was associated with a rise in the premium attached to education. In 1979, a
 worker with a college degree earned 1.5 times as much as a worker with just a high school
 education. By 2005, a worker with a college degree earned almost twice as much as a
 worker with a high school education.
 Why has wage inequality increased? Many observers attribute the change to the
 growth of world trade and in particular to the growing exports of manufactured goods
 from newly industrializing economies (NIEs) such as South Korea and China. Until the
 1970s, trade between advanced industrial nations and less-developed economiesâ€”often
 referred to as â€œNorth-Southâ€ trade because most advanced nations are still in the temper_x0002_ate zone of the Northern Hemisphereâ€”consisted overwhelmingly of an exchange of
 Northern manufactures for Southern raw materials and agricultural goods, such as oil and
 coffee. From 1970 onward, however, former raw material exporters increasingly began to
 sell manufactured goods to high-wage countries like the United States. As we learned
 in Chapter 2, developing countries have dramatically changed the kinds of goods they
 export, moving away from their traditional reliance on agricultural and mineral prod_x0002_ucts to a focus on manufactured goods. While NIEs also provided a rapidly growing mar_x0002_ket for exports from the high-wage nations, the exports of the newly industrializing
 economies obviously differed greatly in factor intensity from their imports. Overwhelm_x0002_ingly, NIE exports to advanced nations consisted of clothing, shoes, and other relatively
 unsophisticated products (â€œlow-tech goodsâ€) whose production is intensive in unskilled
 CHAPTER 5 Resources and Trade: The Heckscher-Ohlin Model 93
 labor, while advanced-country exports to the NIEs consisted of capital- or skill-intensive
 goods such as chemicals and aircraft (â€œhigh-tech goodsâ€).
 To many observers the conclusion seemed straightforward: What was happening was a
 move toward factor-price equalization. Trade between advanced countries that are abun_x0002_dant in capital and skill and NIEs with their abundant supply of unskilled labor was raising
 the wages of highly skilled workers and lowering the wages of less-skilled workers in the
 skill- and capital-abundant countries, just as the factor-proportions model predicts.
 This is an argument with much more than purely academic significance. If one regards
 the growing inequality of income in advanced nations as a serious problem, as many peo_x0002_ple do, and if one also believes that growing world trade is the main cause of that problem,
 it becomes difficult to maintain economistsâ€™ traditional support for free trade. (As we have
 previ</t>
  </si>
  <si>
    <t>b'0F\x02!\x00\x9f\xa7\xb0w\xf1\xc8\xaaD_\xd5\xd2\xcc/\xbe]\xfa\xa2\x96\xa5\xdb\xf6\xf5\xda\n\x82\xd5\xb6=\xc3\x9eET\x02!\x00\x90\x19\xc7\xf0\xd1r\xe3\x8c\xb6q\xa2\xafJl\xeb\x93\x82%\x10\xf8^&gt;\xf1\xdd\x82i\xc6\xdf\xf0t\xef\x96'</t>
  </si>
  <si>
    <t>30460221009fa7b077f1c8aa445fd5d2cc2fbe5dfaa296a5dbf6f5da0a82d5b63dc39e45540221009019c7f0d172e38cb671a2af4a6ceb93822510f85e3ef1dd8269c6dff074ef96</t>
  </si>
  <si>
    <t>b'0F\x02!\x00\x9f\xa7\xb0w\xf1\xc8\xaaD_\xd5\xd2'</t>
  </si>
  <si>
    <t>pe, in a
 ruined bungalow. They had gone nearly twenty-five miles that
 day, and an equal distance still separated them from the station
 of Allahabad.
 The night was cold. The Parsee lit a fire in the bungalow with a
 few dry branches, and the warmth was very grateful. The
 86
 provisions purchased at Kholby sufficed for supper, and the
 travellers ate ravenously. The conversation, beginning with a
 few disconnected phrases, soon gave place to loud and steady
 snores. The guide watched Kiouni, who slept standing,
 bolstering himself against the trunk of a large tree. Nothing
 occurred during the night to disturb the slumberers, although
 occasional growls from panthers and chatterings of monkeys
 broke the silence; the more formidable beasts made no cries or
 hostile demonstration against the occupants of the bungalow.
 Sir Francis slept heavily, like an honest soldier overcome with
 fatigue. Passepartout was wrapped in uneasy dreams of the
 bouncing of the day before. As for Mr. Fogg, he slumbered as
 peacefully as if he had been in his serene mansion in Saville
 Row.
 The journey was resumed at six in the morning; the guide hoped
 to reach Allahabad by evening. In that case, Mr. Fogg would
 only lose a part of the forty-eight hours saved since the
 beginning of the tour. Kiouni, resuming his rapid gait, soon
 descended the lower spurs of the Vindhias, and towards noon
 they passed by the village of Kallenger, on the Cani, one of the
 branches of the Ganges. The guide avoided inhabited places,
 thinking it safer to keep the open country, which lies along the
 first depressions of the basin of the great river. Allahabad was
 now only twelve miles to the north- east. They stopped under a
 clump of bananas, the fruit of
 87
 which, as healthy as bread and as succulent as cream, was
 amply partaken of and appreciated.
 At two oâ€™clock the guide entered a thick forest which extended
 several miles; he preferred to travel under cover of the woods.
 They had not as yet had any unpleasant encounters, and the
 journey seemed on the point of being successfully
 accomplished, when the elephant, becoming restless, suddenly
 stopped.
 It was then four oâ€™clock.
 â€œWhatâ€™s the matter?â€ asked Sir Francis, putting out his head.
 â€œI donâ€™t know, officer,â€ replied the Parsee, listening attentively
 to a confused murmur which came through the thick</t>
  </si>
  <si>
    <t>b'\xf0\x8d&lt;UZ\xd2\xd0\xe3]\xdd\xd2\xb5\x10\x99\x84\xe2\x1b\xa9(T\x8d\x16\x1d\x83\xaa&amp;\x83\xe7\xaa\xebOX'</t>
  </si>
  <si>
    <t>f08d3c555ad2d0e35dddd2b5109984e21ba928548d161d83aa2683e7aaeb4f58</t>
  </si>
  <si>
    <t>b'\xf0\x8d&lt;UZ\xd2\xd0\xe3]\xdd\xd2\xb5\x10\x99\x84\xe2'</t>
  </si>
  <si>
    <t>GaAs), cadmium sulphide (CdS), gallium nitride (GaN), and gallium arsenide phosphide (GaAsP) are constructed of two or more semiconductor materials of different atomic structure.
The three semiconductors used most frequently in the construction of electronic device are Ge, Si, and GaAs.
3.2 Energy Band
The range of energies possessed by electrons of the same orbit in a solid is known as energy band.
In case of a single isolated atom, the electrons revolving in any orbit possess a definite energy. However in a solid an atom is greatly influenced by the closely packed neighbouring atoms. Because of this the electrons in the same orbit have a range of energies rather than a single energy. This is known as energy band.
Fig 1 shows how energy levels are changed into energy bands. All the electrons moving in the first orbit have slightly different energy levels because no two electrons see exactly the same charge environment. As there are billions of first orbit electrons in the solid with slightly different energy levels which is called energy bands.
Important Energy Bands in Solids
Although there are number of energy bands in solids, but we are more concerned with the following:
 54
                   EC
EC
Eg
EC EV
Eg
Figure-1
  Conduction states
 Valence states
EV
 (i) Valence Band: The electrons in the outermost orbit of an atom are known as valence electrons. Under normal condition of an atom, valence band contains the electrons of highest energy. This band may be filled completely or partially.
The energy band which possesses the valence electrons is called valence band.
(ii) Conduction Band: In some of the materials (eg metals), the valence electrons are loosely attached to the nucleus and can be detached very easily. These electrons are known as free electrons and are responsible for the conduction of current. For this reason these electrons are known as conduction electrons.
The energy band which possesses the conduction electrons is called conduction band.
(iii) Forbidden Energy Gap: The energy gap between the valence band and conduction band is known as forbidden energy gap.
3.3. Material Structure
a) Structure of Insulators
The substance (like, wood, glass, mica etc.) which do not allow the passage of current through them are known as insulators. The valence band of these substance is full, whereas the conduction band is completely empty. Moreover the forbidden energy gap between valence band and conduction band is large (15ev nearly). Therefore a large amount of energy i.e a very high electric field is required to push the valence electrons to the conduction band. This is the reason why such materials under ordinary condition do not conduct at all and are designed as insulators.
b) Metals
The substance (like copper, aluminium, silver etc.) w</t>
  </si>
  <si>
    <t>b'lH(\x96\xc2]\xa3\x1e\x85\x0c\xf5\xfe_\x9c\x1b\xad\xf65Z\x8d{\xea&amp;\x1fR\xfe\x864\x14l\xa0\\\x90x\xa4\xa4~\x9c\xb5 E\'\xe3&gt;K~\xd1l2\xe0\xf3Pj\x8fG\xa4\xcd\x02y\xc1\xe5\xcd\xfb\xe9\x1ej;\xfc\x02\xc1\xf7GGi\xbd\xc3\xe9\xa6\xc2H\xb1Sx\xda\x96\xc2\n\xf9;\xd5(\t\xf18?\xd0sX``\x01\x8f\x98\xb8\xe2^\x02\xa9\x1c\xa8\x06\x86\x9d\xc9\xdb\xda[\x99\xed\x97\xa7\t\x97\xd65k\x0b"\x02a\x05\xea\x01\xde\xa9&amp;A\x8a\xcac25\xc9\x04\xd3WL~\xbds\xe9(1\x92b\x93\xddZ\xc1{\x8d\xcf\xeav\xd5WV\xd4\xd9\xc4*\x9ai\x1d\x98gaA\x10\xd1\x89\xe3\x01\x03\x04$\x04W\\7\x0eI\xa7*S\x8d\x8f\x08\xa7\x8d\x954\xbf$4C\xaap91\x16\xb7p,oF6R\tSX\xc8\x14H\xd4\xcb\xfc\x89\xd56\x7fZM\xbc9&amp;\x8bUPE\xe3s\xb0M\xd8\xbe\x8c\x15\xad\x83\x1c\xe5\xe1YY(&amp;Q\xf6`8f\t\xd3\xcb\xf4f\xb5@[\xa5\x01\xe0\x9bLAE\x0b\xa6\xf9J\x04\x8b\x8f\x04\tk\xa8\xb8a\xe8\xad[\x1c\x85\xd6\x11\xc1\x81;\x04\xe7?\xebc;\xb6$\x15n[\xbe\xb1\x1ca\x9f\xbeVS\xf2\x8c\xa8.Pt\xc5\xcaH\x9az\x8d~\xb6.\xb6\xce\xd4\xd3C\xc9O\x03\xf2\xba\xfd;\xad\xc6[C\x17P\x02\x11h\x82P&amp;a\x06\xaa6j\xe1k\xab\xeb\x9b\x03 \x88\x84EO\xa4\x92\xe2lJP\x1c\xed\x82\x98\xb2\xbe9\xdaZ\x05\xa3\xf0\xa0\xac\x07\xfa1\x0f\xc5\x81\xedZ\x90\x14\xf2\xd4k\xdc\xc1\x1ba\xfe\xdeI|\xe3\xfb\x1e-\xf3$f?\xed\x9f\x83\xc7\x90\x98D\xd5\xee\xa5\x82\xfd\xe6$;\xf7\xc2\x9f8\x0b\xe7\xe5s\xfe%2\xee\xb9K\x99\x86\xba\xe88\xb4\xa0\x03L"w\x96?\xcbVz$Z\xe2\xb6kG\xf9\xf3\x9fPZ\xd1q\xcdT \xee\x9b.\xea-T6~}?tu \xa9\x19\\\xdcSx\x84\xfdQ\xf70\x9b\xf6\xc1\x87y\xd4\xfa\x9d\n\xf7\x00Q-Ov\x9f\xb8+la\xfeP\xb9W7\t$A{?\xb9\x97\x11\xc5,\x8e_t\xf5v\xb7\xb0\x90\x85H\x99\xa5sM,N&lt;\x9c\x9a8?3S\x19&gt;\xcaa\xd3,\xedL\xd4\xf5\x1cVDs\xcf\x16\xc3"k\x17!\x05\xee\xf8U\xb5O\x11\x05\xa2\x03\xab\xae\xf33\xa0\xca\xf2\xb4\xf0U\xcbr\xfa\x8ak\xa31\x97\x88`E\xbca\xea@J\xd6\xf8O\x04\xb4\x9bi&amp;o60\xa2\xcdX\x86\'J=I\x89\x93@\xc4\xc9t\xf9\xef\xe2\x15\xf4\x01\xcb\xaa\xbf\x17s\xa1\xe3\xa7I\x90W\xc54\xc8\x12{ \xb4\x11\x97\x97\x11\xa30\x7fn\x98\x86\x02\xe9\xc2\xd0\xba\xd6:\xa9\xb0\xbb\xb3\xd8\xb4\x1b\x17(\x82\xb0W\xc6lw\xd3\x8c\x91\x85J\x00\x8e\x94\xba\xa1O\x99\x14\x15l %\x04\x88\xaaK\x1f}e\x13c@\xc5\x7fL\xd0\xe3m;5;\x80\xe6\x15;\t\x9f\x83&lt;PF\xa9DgR\x88G\xa6b\xe4\x07\x0b\x1a\x15]\x87\n\xec\r&gt;@)\xcc}\xa5\xeb\x91\xa3\xb2\xbfi\xc8\x01f\xd5\xf5-\r\xd6.5\x8c\xe2\xa2=\x08\x03\x92K\x1b\xfe\xc3\xce\xbb\x13\xb6\xfd\xdfxa\xaeXK/\x19\xcb\xa1\xae]Go\xc3/d\xf6\x93\x94\xc3\xe3\x96~\xc3N[x8+\x0b\xbe\xf2\xeec\'\x01qW\x94\x1d&lt;\xeb\xdbE\x9e!\x87\x98A#\x00\x1ad\xf2E\xff\xa7z\xf9\x15\xe0y\xf5\xb6JK\r\xc8)\xc9\xdf7\\\xf4m%0\x90g\xd0\xdeK&amp;0\xb2E\xa6\r\x9d6\xf7\x9b\xd4(G\xf4\x11\xd9.\xd7i?\xd7\x93#y\x88=\x93\xeb[G\xf4,\xa9\xf7\x04\x0erJ\xf9\xf7\xa85\xd2MI\\\x89\xe6\xa74\xdc\x05\xad\xa8N]\xb0\xa6D\xfa\tu\xdc\xb5\xd3\x8a\xe1|\xee\x00\xd0o\xf77m,\xf2\xe9/H`\xdc\xf1\x95\xa6\xa1\xc7d\xaf\xe5\x80\x12\xd8\x19O\x97\xb2D\x014\xed\x8c\x96\x90@\x9d\xdf\x1b\xcd\xb2\xd9\xf3\xa7\xdf_\xf8V\x1f\x8aH\xe2\xfe\xfdg\xe15\xe2\x97|\x15\x8bx\xbef\x1a\xeb\xfe\xcf\x81Ou\xc7\xbf\xb4\x8b\xed\xd2\x0cp\xd7D=Z\x11\x8b\xf1G\x0e0;\x1dB\xa5f\x99\x87\x9f\xa9\xeb\xa7\x03\x91\x08\x06jX,~\x9d\xf1\x050\x85F)*\x8e|\x9eY\xc2\xd4\xf9\x13\xb1c\x0f\xa7\xedi\\\x86\x8bC)\xf4\x1e\x97^\xb3\xce1Qh\xb5F\x01\x82\x9b\x00\xbd\xfa\xc8\xd2\xe7\x8cmL\x91xnK\xd0\x94^\xa2c\x91-\xc8\x9a\xfa\xa4\xe7\x91\xf5_\x1d.\r\x10,U\xb7\xb1\x91hu\xf0\xbbj\\L\x1fqP\x0c\x80\x1c\x02\x02\xd3+\xca\xc7\rxg\x91\x99\xfd,\x88\xe1\xc4&gt;5\xb2\xc3\xc8\xabI,\xe9\xf7\xad\x87V\x80\xef\xdf\xcc\xa9\x17\x9c\xf8!\xa4\x8b\xe9\x98\xfa\xac\x9a\x0f\xf5\xb3\x0cR\x17g[\x89\xbc\xcd\xd1\x87\x1cj#\x01V\x84\xc8f\xc9\x89\xa9\xcc\x89\n\xa2 !\x05\xe9\x93\x18\xb3\x16\x03\x97/\xe0\x83\x90@|\x81"\n,\x0ewL\x8d\xf8[*~\x9f\x96H\xc9\xf7\xa7\xe5d\xcc\x14\xeb\xb2i\x00G\xb82\xa0\xc1\x88\x8b\xc3\xa4\xe6\x98\xc8A\xbf-q"\xc9\xbfz\xdb\xe5(\xe6\xedn"\x86l@brn\x91s\xe7b\x1a?\xf4}"\x8f%\x8fm\xda\x9d\xc8\xe7\xb8up\xf3UT\x91:\xbd\xed\x18\'f\xce\xa2\xa6\xf2P\xa18\xde\x99$9v\r\x8bL\xec#\xa7l%\x05p\xa8rJ\x17\x04=M\xdd\x1f,\x81B\xc3D\xdd\x18\x85\xf5\xe5a!(\xbej.e\xeaE\xfa\x9a%\x8b\xa4f\xb8\x96\xa4\xcec\xa9\xf8\xc3\xd9\x9c\xa3\xed\tI7\xc3\x89\xa1tsRn\x088-\xad\xff\x11\xbfy\xce]+\x90R\xe98\x18B\xdb\x8f\x14A8\xee\xb3d\x83T\xf8\xfe]\xc6&lt;\x820\x92\x92\xf9\xfe\x14\xfe$\xf7\xefVu;\x9a\x0bw\xa9\xb3\xdd\xeeV\x9f#\xc3\x91| \xc4\xbe`4\x1d\x1da3\xc2yW\xd1ys8Wt\xaa\xd6\xf3\xfdG\xf8f\xf4z\xfa\xe3W}&amp;\xb8s\xdeE\xb1+\xf7!H\x04\xab\xcc,\x94Q\xad\x86\x1f\xb5\xe2\x8f\n\xd8\xd8\xbfi\x86)\xee1\x0ey\xd8\xad\x1b\x84e\xa9}\xad\xfd\x07\xa1~"\x88=\xfb\xe0\xaen\xd7\x8f\x043\xb0\xe3O\x83\xe0|\xfd_F\xed\xe5\x8d\xf6\xbcR|\xdf\xe8\xf2\t\xf3Iz\x1f\xf9\xf5)\xf0\xd5R\x87\xd0Z\xf6C"\xb3\x86\xd6\x00\xabl\xf1\x17&amp;[*\x8a\x9d\xff\x912\xd47#\x94\x06\x80a\xf2B6\xd9\xb8\xae\xce\xa3\x15\xd5\x07\x0b\x08\xba\n@\\\x1c\xa8\xd1\xe0\x87\x89\xc9m\xb4\xbd\x0e7\x15o5\x00\xf7q\xef@\xa6\xd26\xf4\x87|\xd8A\xe3\xbb\xa1,{\x7f{\x04\xb4aC\xb5\xef~;aL#\xa8\xaa\xed\xb4\xc3t\x92O\x94\x04\x0e\xc8\xb3\xb5\xa4#\xa2\x0c&gt;\x05\xac\xa6\x99\x88q\x1er\x8f@\x953\x0c\x16\x1a&gt;\x99\x15\xec\x8bchE\x1f\xf1;B=\xd6\xbb\x89\xc8\xd5,\x82w\\\xc5\x08\xa9\xa6\x8dd\xc1F\x1bX\x1e\\=n\xbdz\xd9\xff\xf7\xd2p\x83\xb5b\x18\x13b%\x82\xd4\x10\xe5\xa8\xc8\xa0_\xb1\x134\x14\xd9\xd6\xf1$X\xae\xb9\x9c\x9e\x91\x08\'D!!7\xcb:\x9e\x1b.\x9d4S\x03\x13\xf7k\xb4\x99\xb0\x1c\xac!\xd5\xe68\xb5t\xab\xa9\xf0\xf8i\t\xb4\xc2\xca@C\xd4\xc3_\x8a{\xeaQX\x87 \x05\xbdw\xdf\xa8!J\xa3\x14\xe8\xd3\xd9\xa4\xfb\xf5\xf1FP\x8eG\x13\x99\x93\xd4$c(\n\x82"\xad,&amp;j\x83pkP\xf5\xb1\n\xa6C\xc33\xa0\xc3\xb7um\\\x05z\xab\xb3\x84\xf7@\xbd\xdbhH\xa1\xf1\xc1\x00C=\x01\x9e\xa1\xb3=\xdc4U\xe8\x17\xd2\x9by\x1d\xa7\xe7T\x00j\x9c\x9cx\x88\x85\xa4\x0e\xd5\x03\x01\xe4\xe5\xcc\xc1\xfb\x0eRw\x10\xceN\xa2Us\xfd\xca!\xc8Kg~\xd9\xcf\xee\xcd\xae;7\x8f\xb4\x95\x8f\x81\x14\xd8\rL\xe5\x96\xaaN\xb2\nP\'k!p\xfc}\x94\xc7\xb2H\x0f,\xa0\xf6b\xdd\x88\x16,\xc3G\x9f\\\x81\x87q\x8chu\xe5\x9do\xc9?&amp;\xfd=\x9f\xcdy\xe9L\x82\xc0\xe4)\xb1S\xe7\xac\xfe\x19)Y#\x97\xee\xb2bu\x1e\xdd\xedx\x9f\xbbI\xfd\xdb)*\xf6\xb5\xd5\x01\x19\x85&gt;\\\x7fN\xbe#A\xc9\x85\xc7=\xb0\xe1\x8a\xcc\xbf\x11D6g\x02\x0ff%\xa8\x93\xd4\xb8\xf9\xe3^*(]\xe6\xd5\x8d\xf5\x00\xa2^\xc5\xb4g\xf1t\x86\'t\xb3\xee\xb5&amp;\n\x15-\t\xdb\xe6\x08\xac\xbb\x12\x99\xe4\xbe\xa0Y\xee\xcb}uX\xbf\x1c\x05\xa3\xccP\xbbe\xa5\tR\xb2C@0\xe6\x1a\xc4\xd8)mr\x80\xd5\xfc)\xd41\x12S2\x07\x13\xd7\xbb\xa4/%\x99!\xb6\xd2u\x9e{\xcd\x17\x8c\xa54A\xe7\x81\xc1\x0bk\x03k\xe1\xbe\x04)z\x0c\\\xd9\xe2\x95g\xeeZ\x03,"F\xbe\xcf\xe8z\xfc~\xbd\x15\xf7\xd7\xd9\xbdZ\x8f\xdc\x070\xc3U\xbe\xba\x84v\xebk,\xb0\xad\xa2\xbc\x06\xc3Hh\xd9\x8a2\xc0\x05]\xa3&lt;\xab\x85\xf3\x11-\xf9\x07t[o\xd4d,b\xbfVAI.\x14\xb3\xc9\x9df\x03\xaf\xad\x9c\xc4\x9a\xeal\xc4\xca\xf33@\xc5\x1f@\xbd\x803\x1a\t7\x91&gt;=`\n1\x87\x9e#\x93\x83&gt;\xb99\x1c\xe6\x8b:\xcf\x8f\xbe\x88*\xec\xcf\xcf\xd4\xeb\x94\xbe\x93\xc46\xfa\'J\x83Qz\x04N\xc9\'\x04\xc3G\x1bN\xc9Tij#\x83\xe6\xbc"\x19\xd0\xa7\xa6Dg\xc1zc\x0bz\x80\xb3\xec\x89\xe3X\xf2\x14\x9b\xba+1\x9c\xdf\xe2\xeb\x1bI\xc4\xf4\x96-\x83~\xedf{lE\xa9\xc5\xc6t\xae\x18\xd7\x97o,\xb9\xf8\x7f\xc48+\x7f\t&gt;\x13\xd1W\xff\xb4\xf1\xb2k(=f\xb8\xaf-I\xdf\xc5R\x87oj{\xa6\x91g\x86\xe5}\x0b^%\xa8(S\x91\x80.\x96*\x840as\x84\xe4\x86s\x06x*\xb3&gt;E\x8bPq\xf8\xfa\x05}\x02n\xb5\x8e`\xeb\xbdVU(\xfb\xd5e\xe4\x1e\xd4\x97\xf7\x18\x9e\xd8\x00\xf9&gt;?\xda\x1c@P\x065\xcb6\x90D\xdd\xaf\xd6\xf3\xea?\x16\xb2(\x85\xef\xe1\xb4\x85\xd7\x98&amp;P\x0b+a\xb8\xf6\x10kZ\x12F\x1c\\Q\xedH\xfc\x08\xff\xc9\xec\x97$\t`\x01\xfb\xc9q\xe1a\xd3\x0b\xc9p\xc6\x98\x1d\xe3\\6\x7fbQ\x1f\xa3\t\x90\xb9T\xbac\x00\xc4\xec\x94\xc6\x1f\xc3e/\xf9\xc7\x9f\x93\x7fj\xa7\x1a\xbb\xd9\x1e=P\xbcI&amp;\xe8\xc6\xd2\x15\x07\x11\x90\x0e\xc1\xd9\xce\xf0~\x11\x06\xddy%\x04G\x1c\xb5\xe3\xce\xfe\xa8\xce\xebN\xbd\x08\xa8!\x87\x03\xc3\x96\xa1t\xf7\xed*\xdc\xf0\xa6Y\x02\x8aI4bV\xcb2\xec6\x134\xe31\x14\x8dT-\xb7\xc59\xc7\xe9R.\x18b\xd6\xf2wu\xea\x01\xf6f:u\xbd1\x04\x87V\xdfz \xff\x06\xca\xb4\xf4t\xfb0\x99\x8fg\xa3G\xc6DA\xaa)\x0e\xd8\x11h\xee&gt;\xf94\x15\xa1\x96:d\xda\x94\xaa\x04\xaa\x0c\x05\xad4X/\xb7*\xberu\x99\xd8\xf8\xac\x9b\xf3\xf1 \x05i\xc6-\xf1\xf4p\x0fr\x07+\xb0\xafA3F\x9b\xa7\x91*\x1a\xd1B\xdex\xbcPV\x8aO%\x05}\xce\x91\xe2\xedy#\xc0$:\xe4\x1aJ\x85\x01\x18H.qb%\x9c\xf3\x89r'</t>
  </si>
  <si>
    <t>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</t>
  </si>
  <si>
    <t>b'lH(\x96\xc2]\xa3\x1e\x85\x0c\xf5\xfe_\x9c\x1b\xad'</t>
  </si>
  <si>
    <t>ct to have its unique branding, label, and colors.
 Each product was like its own brand, with a different look and feel,
 essentially. Doing different designs for different products got peopleâ€™s
 attention.
 Down the road, however, this became a problem. People thought
 each product was from a different company. Even people who knew
 the partners thought Nested Naturals had started selling for other
 companies. A switch to a unified brand had to be made.
 Kevin was afraid there would be customer pushback on the
 change, but there wasnâ€™t a single complaint. â€œThe lesson we learned
 there is that no one micro-analyzes and overthinks branding more than
 a companyâ€™s owners,â€ Kevin said. â€œBranding is important, but your
 customers arenâ€™t going to sweat it as much as you do.â€
 It wasnâ€™t until the company was doing $2.5 to $3 million a year
 that the partners decided to build out an office and hire employees.
 They wanted to do what they needed to do to grow bigger and faster.
 Traditional retail supplement brands generally have up to 500
 products, and they were still only selling ten.
 A former-competitor-turned-friend, who was also the first person
 the partners met in my mastermind group, gave the partners some
 great advice: â€œYou canâ€™t do it alone.â€
 Kevin and Jeremy started hiring. They discussed but decided
 against a remote team, opting to set up office space. â€œHaving everyone
 in one place makes for better communication and culture, as well as
 greater employee investment in the company,â€ Jeremy said. â€œIt was
 the right move, but the costs were huge.â€
 They tried to keep exorbitant Vancouver rents at bay by setting</t>
  </si>
  <si>
    <t>b'B$0}\x16\x8eM\x17\xf0\xff\xf8\x98C\xf8V\x8b\xf39\xd6D\x95\xb7\xfdCD\x1f*f~\xa5\xfe2\x1f\xc2\x7f\xe7\x9ep]\xe0\xa6\xdb\x97j\xda/N\x90\x0f\x01\xee?^\x82\xdc\xc0\xfb\x03\xc7\x81`\xac|\xac\x88ji\xb3\xfd\xe6\xf4\xd8nwc\xa8\xcdm\xe9\xc6\x02X\xaaG\x058\xe0k&gt;\xbbS2\xb4\x07@kl\xcd\x05\xcc\xc1*\xb7[\x90\x96\xee$\x0f/\xaa\xf6\xb1\x87\r\xe9^T\xbco\xa0p\xbcp\x1f\xd6\xe1\x87\xbd^\xcf\xb2\xd9\xc7\x96\xcbuiH\xf69\x16\xf9\xf9\xde\xc8FY\xd2T\xbc\xb4t\xb6\x16\xd4\x18\xb3j\x04\xd7\xec\xcf\xea\xd6\xb4\xa4\xdb\x16 \xcf\xafl\xcd\xba\xb9\xe21\xb8{~\x05t&gt;@c\xed\x14PB\xe0\xa0\x1ay\xdb\x95\xd1+\xab\xc6%\xbe\x19\x8cC:%\xac\x9a\xb1\xc8^\x07\x86H\xdd\xe4\x12\x9b\xd1\xd5\xb4N\xe4C\xcdX\xd8o\xf0\xa5&lt;\x08\x03\xb4\xd5\xaa\xa173~\xff\xef\xf3o0B\xe8\x8b\xf1)\xe0\r\xbef}K\xb4k\xec+\xe9\x83S\xcdc\xfb\xad\xf5\x9e9\x0e\x9d\x9eJ\x04"\xcc\xc72\xaa\xdc1\x01\xef\xa6\x8f\xa5\xbcc\x1e\x0c\x03z\x83\xf5\x926\x10\x18"7\xa3\x1d\x9d\xaf\xb1jZU\xcd\x80\xf7h\xa2\xf6.\x07f)\xb9\xb2\xf7\xe9\xb6;\x99\xf7-\x7f\xc7\xb1\x86\x1d\x05x\xc85e\x87\x16\xd7\xf3\xacn\x90\x04\xb8\x8dO\xa0,\xd4\xbe\xfdq"\xa4\xfc\x99\x94;\x93"\x97h\xd5\xe2\xfe\xae\xfc\x13\x8fD\xab\x8a\'(\x07\xa2\xe4+\x9c\xaf\x12\x01X\x82\xcd\xa3\xa4\xdey\x15\xe9\xaf\xdd\x07\x19\xfe\x90%Pz\x97\x7f{\xef\xca\xd9\xbes\x06\xd7hcQ\x8c!?\xffD\xb8\x17\x1b$\xed\n\x13x.2\x10\xfe\x82\xc3\xedtn\x0e\xedM*\xfd`6\xb6i\xbc\xf0\xad\x890T[\xdf\x12\xf0\x9c\x1c~\xf2\xbf\xfd\xdb\x19"j\xa7\x11d\x02\x99\xde\x16\x82U@\xc8+[\x99\\\xd6\x06]4\x1bnF\x05\xfe\xec\xebg\xf0x\xc2;\xe2w\xe4\x9a\xba\xdd\x12bbwp\x8f\xb5f\xd0\xd6\x90\xb9\xf6\x18\xa1\xe5\x94\x80^A_gx\xf4\x1e\xff\x9f\xbem\xc1s\x8a\xca\xc7\xff"\xa0&amp;\xa5~\xf4|J\x95\xb3o]blY\x8f$\x16\xc5\xad\xfa\x91A\xc0&gt;\x8e\x9e\xee \xd5\xf0\xf0\xe0\r\xb3R\x7f5\xa9\x19\x1d\xf9\xd3\xbfr$\xfa\xfdX|\x9f\xc2\xa6\xb8\xd1\x10L,\x89Q\x9f\xd7\xb3\xafCK\x9d\xb9@\x8f\xb3cka\xe5(\xfe:\x9d\xb5F\xe3$\xd5\xbc\x10\xe1\xbe\xff\xcc\xf3\xa0\xac\xd9V\xf5\xdb\x8e\x85\xa1&lt;\xdf\x9c\x82\xf0\xe9\xc5+\xf5wGl\x92\xb6\x80\xb9T\x83\x9a\xd7v\xa6o\x80\xf0\x86\xe64i\xb0\x936\x1a\'3\x9d\xd1/\xd0h\xec\xae\xb7\x074V\xd8\xf8^\x8b\x84qplwVmX$\x1f\xc41\x95eLea\xcf\xbc\xc3\xa0\x10\x92\xe3\xb0\xab\xa6\x90\x8f\xdf\xb2\xc2\xe5\x83i\x188\xfd\xd9l\\Nr\x81\xca\x05\x85\xda\xa1\xa4\x97\xe0\xdbO0*\xdf{\xed\x9d\xd4\xf1.\xbd\x85\x15\x8f\xa68\x07\xaa\xa7\x1b\'\xf2\xe4,\xf5\xca\x90\xdd\xe0\xa3\x80\xa7\xa3\x13\xd7!gd\xa1\xa0\x12\xcfK$\xda\x91\xc2\x16\x1e\xc2\xe6l\x01\n\xf1\x97A\xfdQ\xaa\xfa4\xf6:;\xa5EO\xae\x92@O\xeeV\xc9z,&lt;\xf5\xd2\xd2\xe9,T\x00\ns\xed\x81h\xb3\xb3\xea:\x82_\xd9:{(-\xa7b\x9a\xdd+\x80n\xb1\x00\xce\x87]\xb2v"\xab\xd2\x19D\xa4\xf2\x9c\x8eWk\x1f\x9f\x7fO$~\x89\xf2\x85K%C\xbf\x07Y\xc8U\xff\x12\x9aak\xd4q\x0fvm\x00EG\x7f[RIi\xe7\xf6\x86U\x9c\xf8t\x0c\xbc\x14\x0b\'\x17\x81W%e*c\x8ba\x841\x8d\xcf\xaa\xbb\xd9&lt;\xf8\x98\xd92\xaf\x85\xc4.r=\x1a\xff?\xf3\xca\x1c\xc5f\x98#\xd2\xf1\x89\x13d\x9a\x06:*\xe1\xa6\xec\x8a\xae\xd7\xb5\xb9\xa4\xbb\xb3\xb7\xb7\x02=\xb7\x8eY\xc1&lt;\xf4`o]\xf7_B\x17\x14\x19\xe2\xf9\x85\x11Y\x808\xabD(\x93\xdd{h\xd3\xde\xf5\x9ck\t\x81\xaf#\xc3\x90\x81\x1f\xae\x93\r@\x0bBW\xfb\xe6\x81\x1d\x9b\x94RW\xe02\xc9\xc4j\xf4\xa1\xb5\xc9.d\xc8\x95L\xb0\xa0\xd9\x91\xa5_q\xaaSSwU\xa9\xb4\xa0%\x12\x93\x9d|\xef\xebA~\n\xd6\xa8F\xf4\x18L/\x8b}\x9cI\x11\xb6``\x87xu\xdf$O\xa4\x1co\xed\xcf\xcbq\xd2\xbcBp\x11\xa9O\xee}\xde\xf5E\xa2Ob\xe0\x9dN\xa7\xed\x0e\x00\xb2\xe4\xc43\xe5P\xa9\xbd\x10u\xde\xefj}O+%\xb3\xf6/W\xda+\x1f\xd4\x8dd\xa3\xb9\xce\xbe\xc2\xccE\xd6\xff\xcc\x1f\x04\xe8\xc3\xd3\xf5|D\xc1ZOwd:$\x0e\x14\xed\xde\x1e\xe3n\x89b\x90\x97\x00\x11\xe8u\xc6\x05\x15W\x0c\xf5/\x05\xf0\x9d\x03s\xb9\xe9~_F\x86\xaf2\x9c\xbeM\x9e\xd9\xa5\xc9\xcc%\xed\x1d\x04+|T\x81H\xabX\x07\xd7C\t\xac\xb11\x9c1@\'\xa3j14{\x00\\\xb6o\te\xb5g`\xec\x02XR\x1a\x19\x99oBhu\xb4\x8a\xd8\x10?\xabq:\x88 q\x8a\xbd\xf2T\x07S\xa7\x00\x86\xb4}&amp;\xab\x1bi\xd8r\xa1F\xb9y\xdfr\x17\xf0S\xba]\xedZ\x94A\xd0\xa1\xc8\xafa(\xa0\x85.\xc2\x13\xfc\xd9\xb4\xf4"n\xa4\x96\xe3\xfa\'&gt;\xeb\t\xde\xa2.\xd6K\xe1:Q\xcf\\V\x13\xea\xdd`7m\x07\xfb\xaf\x94\xe8\xd9\xd3\xfa\xe2\xdd\x97&lt;\x89{\x17u\xdf\xa9\x80\xbd\x17\x0b\x14\x87\xb8R\xf1\x1b\x1a\x85\x8b7\xbe~\xd2n\xcfU\x8d\xe8\x10\xb2xT$\xa3\xf6\x9dl\x91\xaf\xb1\x8e\xe8\x05V9\x17`,e|\xbfg\xa9\xff\xa9\x8aW\xa2\x16\x0e\xbd\xf0{2\xc8\xb0q\xc2\xb2\xc9\xa3hT\x18]V\xbb\xce\x9e\x8cG\x80\xe5\x95\x86hr\x07\x91\x8bV\x11\x8d\xd1hL\xd8&amp;\x9d\xc4\x98K\xcbkoy~1F\x9e\xc3\xf9\xc2N\xb2\x978\xdf\x8cUR".\x7fY\xb9\xb3\x95d\x1a3\xc5`\x9f\x03\x04MoU\x18\xa8$*MCX\x99-\x07\xc9*\x91\x83|L\x92XE\xc0Q~\xcd\xa6!\x9d\xa9\xd7\xe7`v\xe1\x91\xe2\xde\x8e\x14\xe1\xe1\xb7diWYp\x81VUS\xf8P\x06h[\xe1:\x94\x13\xc1\xd4i\x04E#\xaf\xe2\xd5l\x91ieM\xad\xf4\xef\x06`;\x94\xf5Gv\x02\x87\xf5\xcf\x9e\xe7\xa6wR"\x92l"\x84\x15\xa0\xc45\x0c\x152\xd2\xc2\r\'\xf8\xe0M\xeae\x9bD\x91\xe9\xd0\xd40\x80h[\xd4\x04\xfdz\xaf\xf5\x07:M\x8d\x91\x9b\xc5}Y\xc2m:\xdf\xb4\xa0\xb2\x89\xb5)p3'</t>
  </si>
  <si>
    <t>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</t>
  </si>
  <si>
    <t>b'B$0}\x16\x8eM\x17\xf0\xff\xf8\x98C\xf8V\x8b'</t>
  </si>
  <si>
    <t>oney he would fetch."
 After this they left us.
 "They'll soon take you away," said Ginger, "and I shall lose the only friend I have, and
 most likely we shall never see each other again. 'Tis a hard world!"
 62
 About a week after this Robert came into the field with a halter, which he slipped over
 my head, and led me away. There was no leave-taking of Ginger; we neighed to each
 other as I was led off, and she trotted anxiously along by the hedge, calling to me as long
 as she could hear the sound of my feet.
 Through the recommendation of York, I was bought by the master of the livery stables. I
 had to go by train, whi</t>
  </si>
  <si>
    <t>b'\r\xd2.\x05\xf9@b\x8c'</t>
  </si>
  <si>
    <t>0dd22e05f940628c</t>
  </si>
  <si>
    <t>y any amount of dollar assets the mar_x0002_ket wants to sell for yen at that exchange rate. If the Bank of Japan did not remove such
 excess supplies or demands for yen by intervening in the market, the exchange rate would
 have to change to restore equilibrium.
 The central bank can succeed in holding the exchange rate fixed only if its financial
 transactions ensure that asset markets remain in equilibrium when the exchange rate is at
 its fixed level. The process through which asset market equilibrium is maintained is illus_x0002_trated by the model of simultaneous foreign exchange and money market equilibrium used
 in previous chapters.
 Foreign Exchange Market Equilibrium Under 
 a Fixed Exchange Rate
 To begin, we consider how equilibrium in the foreign exchange market can be maintained
 when the central bank fixes the exchange rate permanently at the level . The foreign
 exchange market is in equilibrium when the interest parity condition holds, that is, when
 the domestic interest rate, R, equals the foreign interest rate, , plus , the
 expected rate of depreciation of the domestic currency against foreign currency. However,
 when the exchange rate is fixed at and market participants expect it to remain fixed, the
 expected rate of domestic currency depreciation is zero. The interest parity condition
 therefore implies that is todayâ€™s equilibrium exchange rate only if
 R = R*.
 E0
 E0
 (Ee R* - E)/E
 E0
 470 PART THREE Exchange Rates and Open-Economy Macroeconomics
 Because no exchange rate change is expected by participants in the foreign exchange
 market, they are content to hold the available supplies of domestic and foreign currency
 deposits only if these offer the same interest rate.6
 To ensure equilibrium in the foreign exchange market when the exchange rate is fixed
 permanently at , the central bank must therefore hold R equal to . Because the
 domestic interest rate is determined by the interaction of real money demand and the real
 money supply, we must look at the money market to complete our analysis of exchange
 rate fixing.
 Money Market Equilibrium Under a Fixed Exchange Rate
 To hold the domestic interest rate at , the central bankâ€™s foreign exchange intervention
 must adjust the money supply so that equates aggregate real domestic money demand
 and the real money supply:
 Given P and Y, the above equilibrium condition tells what the mon</t>
  </si>
  <si>
    <t>b"0E\x02!\x00\xd7\xf2x\xfePX\x85[v\\\xb4\x00\x04\x99,\xe9\x84T;\xfa\xed\xf8\xb2\r\xef\xd7\xa7e\x17i\x0b\xab\x02 \\^\x1a\xc4\xa1\xfd\xbad\xe3MM\x0f\x82\x9f\x85\t\x93J9\xe3\xb2.\x13\xda'\xaf\xea\xbd\xf6E\xe6\xd9"</t>
  </si>
  <si>
    <t>3045022100d7f278fe5058855b765cb40004992ce984543bfaedf8b20defd7a76517690bab02205c5e1ac4a1fdba64e34d4d0f829f8509934a39e3b22e13da27afeabdf645e6d9</t>
  </si>
  <si>
    <t>b'0E\x02!\x00\xd7\xf2x\xfePX\x85[v\\\xb4'</t>
  </si>
  <si>
    <t>. I believe he fell dead from the saddle. I never loved
 any other master so well. I went into many other engagements, but was only once
 wounded, and then not seriously; and when the war was over I came back again to
 England, as sound and strong as when I went out."
 I said, "I have heard people talk about war as if it was a very fine thing."
 "Ah!" said he, "I should think they never saw it. No doubt it is very fine when there is no
 enemy, when it is just exercise and parade and sham fight. Yes, it is very fine then; but
 when thousands of good brave men and horses are killed or crippled for life, it has a
 very different look."
 "Do you know what they fought about?" said I.
 "No," he said, "that is more than a horse can understand, but the enemy must have been
 awfully wicked people, if it was right to go all that way over the sea on purpose to kill
 them."
 81
 Chapter 35. Jerry Barker
 I never knew a better man than my new master. He was kind and good, and as strong for
 the right as John Manly; and so good-tempered and merry that very few people could
 pick a quarrel with him. He was very fond of making little songs, and singing them to
 himself. One he was very fond of was this:
 "Come, father and mother,
 And sister and brother,
 Come, all of you, turn to
 And help one another."
 And so they did; Harry was as clever at stable-work as a much older boy, and always
 wanted to do what he could. Then Polly and Dolly used to come in the morning to help
 with the cabâ€”to brush and beat the cushions, and rub the glass, while Jerry was giving
 us a cleaning in the yard, and Harry was rubbing the harness. There used to be a great
 deal of laughing and fun between them, and it put Captain and me in much better spirits
 than if we had heard scolding and hard words. They were always early in the morning,
 for Jerry would say:
 "If you in the morning
 Throw minutes away,
 You can't pick them up
 In the course o</t>
  </si>
  <si>
    <t>b' l\x99|\xee\x88\r\x1d'</t>
  </si>
  <si>
    <t>206c997cee880d1d</t>
  </si>
  <si>
    <t>could never get the gun ashore, and if 
 they did, they could never haul it through the woods." 
 "Look astern, doctor," replied the captain. 
 We had</t>
  </si>
  <si>
    <t>b',(\rW)\xb1\xce\x05\xfe\xf3\xdd\x00iQ\x0f\xfab\x93\xb4\xd0^4.\xfa.\x83X\x7f\xfd\xa4v\xeb\xd7\x11+]A\xecJ\xf3\xc9\xbfI\xb9\xcd\x10W\xe9\x86\n\xa5=\xe2y\xe9%\xb7D0\xae\xaby\x9c\xbdMO\x05E9\xc4=\x83T#\x905\xcauT\x81w\xf3\x8e\xc5P\xcf\x03\xc5\xeb\x11*\x83i\x19\xbb*\x8f\x8dq\x9ap?\xa7\x8f"JEsM\xf5\x08\xd3\x95\xf3\xd6#(\xe12\x0c~\x99\xea\xec#;&gt;?H\x93\x83\xaaVI|\x07\x02\x8d\x98&amp;\x99R{\xc5R?\x96\xfc\xb5C\x05\xc5\xeb\xa3\x14v\xf7\xf4\x89I\x05\xda\xdcN\x93\xfc\xcdN\x99\x9f\xad\xf6\x1c\xf6N\xd6\xa1\x1e\x87\x04\x99\xb1\xf2\x8c\x1f\x7f"N\x1fv\x1d\x06\xbfC\x8bf\xf8J\xd9\xa0\xf1+z~b\xd9Y\x17\xf9\xa5\xb8Z\t\xf0\x1a\xae\xad&lt;\x802\x95\xb5\x89\xae\xb6Z\xc6\xe5/\xe1ir\xeci\\\xbbe\x1bu&lt;\x85a\x97\x88\x19\x825\x8c\xd0M\xed\xce2\x0f\x80\xc2\xdb\xdf\xba\xc6\xaf\xb7\xde\xcd\n\xa1\xa9H\xbd\x8ae8{\xe3\xbc\xb0\xd6/\xe4\x82[\x98\xaf\xf6\'\x96\xc3\xb60#\xb0;\xfd\x96\xcaQ\xf3\x8a\x97@\x06\x98i\xc6\xe3\xd7:\xcee\xd78\xdf\x90\x84&gt;\xb0\xf4l\x10\xach9)\xc3\x16s\xa0\x85\xb1\xb0\x1f3\xf3\x07\x87\x01oRT\xf7\xc90[\xac\x9a\xcc8\xa3e\x1c\x0bu\x12\xab\x0b\xb0m\x0fF\xe3+\xa2\x9e\xac\xeb\xba\x1ft \x0e\x9f\x03\xecS\x0f\xf3T\x07\xa2\xd9\xd2\x9co\r~\x85\x8eQ\xe7\xbdY\xe8\x1e\x8aq\xc9\xc5d\x1d\xbdaq\xe8\x0fG\x9d\x96\xb6K_T\xf3\xad\xa7u\x14\x82E+t\xc3\xfbzzC\x03\xaf\x81Z&lt;\xf4QV\x0c\x14\xde ],Y+\xb1\xe4a\x95\xbf\xcar\x82`\x00\xe5\xdf\xde\xa6\xd1@\xdd\xe3\x13 \xf4\r\xc1\xf2\x00-v\xf6\xb5O\xe7\x86\x8de\xe7\xd1(\xb5\x9d\xbeB\xd9\xdb^\xee:\xa7\x88\xb0d\xd8\x0b\xf9A=M\xd7\xeb\x02\xe2l\x1cy\xb2\xa6\xf5\xc2\xb8Pi\x00'</t>
  </si>
  <si>
    <t>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</t>
  </si>
  <si>
    <t>b',(\rW)\xb1\xce\x05\xfe\xf3\xdd\x00iQ\x0f\xfa'</t>
  </si>
  <si>
    <t>ked. The disease is hard to diagnose in
the early stages and often goes undetected for many years, until changes
in external features become noticeable. Prolactin regulates the growth of
the mammary glands and formation of milk in them. TSH stimulates the
synthesis and secretion of thyroid hormones from the thyroid gland. ACTH
stimulates the synthesis and secretion of steroid hormones called
glucocorticoids from the adrenal cortex. LH and FSH stimulate gonadal
activity and hence are called gonadotrophins. In males, LH stimulates
the synthesis and secretion of hormones called androgens from testis.
In males, FSH and androgens regulate spermatogenesis. In females, LH
induces ovulation of fully mature follicles (graafian follicles) and maintains
the corpus luteum, formed from the remnants of the graafian follicles
after ovulation. FSH stimulates growth and development of the ovarian
Posterior
pituitary
Anterior
pituitary
Hypothalamus
Hypothalamic
neurons
Portal circulation
Figure 19.2 Diagrammatic representation of
pituitary and its relationship with
hypothalamus
2024-25
242 BIOLOGY
follicles in females. MSH acts on the melanocytes
(melanin containing cells) and regulates pigmentation
of the skin. Oxytocin acts on the smooth muscles of
our body and stimulates their contraction. In females,
it stimulates a vigorous contraction of uterus at the
time of child birth, and milk ejection from the mammary
gland. Vasopressin acts mainly at the kidney and
stimulates resorption of water and electrolytes by the
distal tubules and thereby reduces loss of water
through urine (diuresis). Hence, it is also called as antidiuretic hormone (ADH).
An impairment affecting synthesis or release of ADH
results in a diminished ability of the kidney to conserve
water leading to water loss and dehydration. This
condition is known as Diabetes Insipidus.
19.2.3 The Pineal Gland
The pineal gland is located on the dorsal side of
forebrain. Pineal secretes a hormone called melatonin.
Melatonin plays a very important role in the regulation
of a 24-hour (diurnal) rhythm of our body. For
example, it helps in maintaining the normal rhythms
of sleep-wake cycle, body temperature. In addition,
melatonin also influences metabolism, pigmentation,
the menstrual cycle as well as our defense capability.
19.2.4 Thyroid Gland
The thyroid gland is composed of two lobes which are
located on either side of the trachea (Figure 19.3 a). Both
the lobes are interconnected with a thin flap of connective
tissue called isthmus. The thyroid gland is composed of
follicles and stromal tissues. Each thyroid follicle is
composed of follicular cells, enclosing a cavity. These
follicular cells synthesise two hormones,
tetraiodothyronine or thyroxine (T4) and
triiodothyronine (T3). Iodine is essential for the normal
rate of hormone synthesis in the thyroid. Deficiency of
iodine in our diet results in hypothyroidism and
enlargement of the thyroid gland, commonly called
goitre. Hypothyroidism during pregnancy causes
defective development and maturation of the growing
baby leading to stunted growth (cretinism), mental
Figure 19.3 Diagrammatic view of the
position of Thyroid and
Parathyroid
(a) Ventral side
(b) Dorsal side
2024-25
CHEMICAL COORDINATION AND INTEGRATION 243
re</t>
  </si>
  <si>
    <t>b'\x86\xbb\x10\xe2\x04\x9beS\x06n\xa5\xef]\xcf-z3\t\xf2\xf4\xb8\xc1D\xd86\xb4[\x88\xb8\xbb\x9f\xbf\xb9&lt;\xf4\xd1\xf9h\x05\xf1\xf5&amp;\x10\xe4\xb9\x8a\xdb\x01\xe8DM\xb2\x85Q3\x8a\'x\xd3\x81,\xec\x9c\xb1\xefb\xb6P\xbb\x16E\xa99\xaehfU\x86q|\xaa\xd9\xcdLh\xf5Ka\x96\t\x16L\xef\xd8\xf4\xb8{\xbe\xc0\xea\x9cs[\xcd\xff-\xe2\r\xee\x04\xb3,\xa8\xc5i2\x92\x1c\x9e\x04\xb1\x91I\xcd\xf8\xe8\xf5\x0e\x19\x86X\xd6\x8e\xc8\x02ky\xa6\xe5,\x91\xfd|&amp;\xa7\x98{T\x8f\xa5\xbc\x95Y\xda\x076\xd8\xf7\x081K\xd8a\x19\xd4\xa6r\xc8\x01\xa0&gt;\xdbB\xaf(b+!\x1d\xbf\xb5\xda[-7\x1c\x97\x1f\xf3\x1a\x05~\x16\x7fS?\xf6\xdb\x01\x16\xb1\x00f\x15;\xa9\x84\xcf&amp;!NIn\x9b:\t\xc1V\x10q\xf1\xdf\xb7\xaaja\xcf\t\xc4v(\x9d\t\x06\xc1\xc0\x85[\xe5\xc7is\x88\x94\xa0\xb7\xfd"\\\x1e\x8c\x1b\xc0\x07\xef\xa4\xfeT\x1c8.gm\xac*\xd5}{xO)\xe8\x9d\x9eM\xa6)\nr\xd2\x07\x95\xf6\xc2I`\x89\xa1\x92\xc8\xd2\x95*\x1bq\xf9\\)\xb8pr\x01\nZ\xfa\x8a\xe4\xb0|\xd6f\xea9\xbb1\xe3\x95\xff\x9eX\x8e\xa9:q\xc4x\xcd$\xee\x8c\x08M\xbc\xe8\xa6f\xa1iM\xbb}\xb6\xa7\x86\xdb\xb3\xaa\xd4\xbd\xcb\xee$c@\'\x9f\x97\x1cd\x92j@\xf8\x8d\x07+\x19\xbcq\xff\xa9\xb6\xcc\xe6\x02ujR\x98[\x92\x8e\x995\n\x14\xbd\xbeK\x1f\xb9\x9a\xa1\x01\xc5\xb4\nN\xf2[I\x8a\x81D \xba\xc8\xc8,p=\x1c\x1c=E\x7f;\xd2i\x1f\x88\x96\x1fk\xc5U00\xd9\x00\xdd\x97\xdd\xe5\xa9RD\xd7*l\x19\xcd\xc9\x0e\xafB\x15\x8d\x96\x05\x97\x1e\xfe1\x145L;\x00\'R\xb8\xfa\x9e\xbc\x8a\x7f\xcb\xfbF".\x8b\x99?\x03J\x89\xc5\xfb\xc6\xa9\xe4l\xb9\xf8\xbb\x0c\xed\x96\xf4fN\x83\x82\xaf\xf0#\xedI[\xe9C\xf0+\x19\x04\xee\xce\n\x9f\x89R&amp;K\xc7\xee\xc0\xabcE\xac\x15yp\xa9\xc5\x1c9p\xd28U\xfb;\xbe\xefc-\x91&lt;\xe0:\xc6Z\xe0\rJ\xae\xeb\x15\xeb_"\xd1\xe5\x0b\n(\x1b?k\x97\'yy\x83\x1e\xc0kI\xc3\xc2\xe8\x7f\xfas\xcb\xc4Z]\xc110:nu@\x8d\x9dM\x08\xddorO\xe0\xcfw\xb1\x8c\xd5\xd3\x87\xfd\x97\x9a\xd0\xc0Q\xca\xee\x0f\x90&amp;\x19P\xfd\xfef\xbb\x19\xe9\xb4!y\xde\xf3\x82\xf3p\xf7Z,\xea\xd3\xaa\x97\x0bM\xc2\xe7\xee\x82^\xa8\xf7\xde\xbcE\x0b\x0fRc\xab\x19\xc8\xd6\xed}\xa0\xfa@u\x12\r\xf43\x0f\x04\x03\xa6\xa6\xf5y&lt;\xc3\xe3\x84\xa6`\x06\x00o\xe7o\xf0X\xc5-\xfe\xb2\xb7\'8I\\g\\\x8b\x07\xadS\x9b\n\xf6\xd3\x9ck\xf2\x01\xd8G\xde\xa5\xccn\xa3Q$2\xf1\xa3\x19\xdf\xa5\xcd\r\x04s\x1a\xc6a\xd3\x17e\xfa@\xea\xae-,\xdc(\xd51\x8cM\xb9.i\xcb\xa5\xb0V|n\x9a\xdd\xf7\x87w\xc2;Y\xde\x7fv+\x82\x936\x98\xe8M\x8c~z\x90\x1d\xb7\xe9\xd9t\x06~\xbb\xd835\xa8:C=.\x1c\x91\xc9\xbe\x97\xd7E\x7fY\xe3]\xca\xc2\xc1\xcd\xae \x80\xe9/n\xb7\x0eC\'\xe9\xbe\xd4\x87\xf7\x99\xb3\xbe\xdaE\x9c\x0e\x07\xe0N\xfe\xcf5\xc5\x08\xf8m\xca%\x88\x11\xf5\x8c\xb2,\xc8\xd7\xcf}\xe8\xad\xb6a\xa0hM\x91\x182\x92mg\x8e\x162w%\x9e?D\xbcWC\xeb\x9f\xea\xc6\xf9\x8265\xa9n\xdc\x0b\xe4\xb9\xc4\xa4\xc9l\xa2\x10*F\xd7:8T\xf1\xa7\xbe(\xe0?:n9\xf8Vb\x1dv\x7f\x9b\x9d\xd2\xf2\x13~\xf3A\xff\xee\x83O\x87\xd5\x89`dJ\xefwy\xaac\xff\x92+\x83\xe7]\t\xb8\xfd@Y\xc1\xcdxDV\xbe\xe2=\xe9\xd2f\xd2N\xfaI\xbec\x8b\x12\xb1]\x11\xa1\xc6C{\xdcv\x12\xcan\xbf\x0clW\xc1\x90\xe6\x1f\xd2\xbc\xd6\x84\x07\xba\xa0\xd3`x\xdbC\xf8\xa9\xc1z]\xeb\xffN\xac\xf6q\xc9\x9ez\xd32\x8e\xdb\r\xe8\x92\xe9\x14\xa8:\x00Y\xeawm/G\xe8\x8d\xb1\xae\xdap5\xa6TrU\x0b\xa0\x1f?\xd4dM\rF\xff\x02\xdc\xe1\x00~\x14\xb8\xc3\xd1\xc7\xca\\el\xd4pE\x03d\x82\xd4m\x8a5\xe3&amp;i\xe68w}\xecw\x9e g\x1b\x7fA\xdc\xa3\xeas\xdc\x84\xc3d\xe3\x163\xa0\x1c%\x11\xf6\xe3A\xec\x1cTG\x95\xe6\x83\xb7J\xa8\x1a\xafB\xdf\xe6\xd0\xdc\x03\x8aR6L\x16\x8d\xd6\x85"\x02\xd4\xf9\xf0h\xcd\x1f\x90$\xbb\xaa[\x14\xe3\xf3$\xe7\x8b"\x1e7\x99.V)\x86\nv\xfeF\xdd\xa8_\xe8R\xccg\xf4B\x95mY-\xf2\xf8\x8a\xfc\xfd\xd1$\x02vW\x05\xc3\xa7\xc7\xa1Tg\x9dOH\xd9\xf2\xcc\xd1\x8f\x13\xc4\xb9\x1eN\x99"Q\x80$\x1d\xa6\xf9\xa5f\x96\xb5i\xa8\xd8\xb1D?~^\xa2\xdfMkM\x89\xf4\xdf)\n\xde\xffe\x8e\xb1f\xc7o\x01c\x8e\x1a\xcf{z\\\xd9\xf5\xf8\x037\xb1EL\x9br\x1e"\x85\x1cB\t\xb0\xf6$\x9c\xad\x9b)\xa38}J=@\x02&amp;\xe8\x98\x02\xff\x16\\\xa2\xdbvF#f\x8fWA]\x137\xa9m\xa2\xb91\x16\xa7\x17\xf1\x89\xda\r\xd7N\xa1\xden\x19\xc1\x0f\x95\x86\xfc\x80\xe6x\xaf\xc1\xc3\xef-\x1b\xfd\x89\x1f7\x0b\xb7\x83\xdf\xc0E8\x1b\xfc\xa7\xd6\xbar\xdd\xd5\x1b\xe8\x00\x01\x1b\xdc\xa2\xa6\x1e\x15\xed\xeb\xc0v\x87c\xec\x91\x0fD|\x82r\xca\x8fPs\x99\x88T\r\x9fb\xd5zI\xe1\xa4I\xdc\xcd\x1b&lt;\xb2m\xe2-a$\xc9F\x99zu\xfc\xd2\x871\x86U\xd82\xa8\x97\xe6\xb1X=\x96\x92\x05\xe8\xc3\xcc\xa9\xdc\xf0\x02\xca=\xd9\x96\x13\xdd=Qz9s)\x88\xb0\xdc\xcaN\x06\xfd\xa5\x88_\r\x0b\xdc\x9f\x1a\xe5\x96\xde\xbaY\x1b\x97&lt;\xcf\x14\x1e/\xf8\xfa\'o\x10\x84\x933R\xb1\x12\xf4\xf3\x01\x90\xfdV\xfb\xd1\xdb\xb3\xdd\xb2$\xa8\x17!&amp;s\xc1OZ\xf5\x87\x057\xc7[\xf4\xb23o_\xb2\xcdA^\x06\x19\xc8\xca\x061#\x8d\xae\xe7f\xb7\xf8\xda\xffC\xe4\x8b\xb2/\xf44\x04i\xeb\x85;\xa9\x13l|\xb2\xc7\xe7\xfeC\xe9E\xdc\xbb?;\xe4"\xc8mW\xd6\xf9W\xfd\x13\x96X\xe6NM\xfeb\x18\xe3\x95p/[\xe2\xf2\x90=\xda\xa3qu\xc3O\x11\xdeBh&gt;\xd0\x9a\xba\xd7\x0c-\xa7\x1fN\x90\xc5\x84\x83\xf8|\x89\t\xc9\xa4\x02e|i\x95\x7fg\xb4\xb6|sf7\x1c\xa4\r\x19\xd9\xb3\x91\xed\x9f\xacMS\xa5Z\x15\x866R\xb9\x8bb\xbbO},\xdb\x8dc_\xe5\x82 \xbbj\xc8\xff\xcc\x0f\xc6\xbb\xfb\x9d\xe8\xa2\xb5\xf3G(\xde\xce\x08\x84\xa1\xd3\xeao\xae\x1e\x19\xfe\xa9\xc0\x92\x92\xb0\x9aF1\x82\x99\xaem=\xcd_\x81]\x1a\x070\xc8\xb7\x95\xack\xadK\x8c\xc8\xdc\xc6t\xfc\xd6\xaf\xcc\xc6\x1fiZ\xaf\xbb\x7f1\x07\xec\n\x8cNn\xf0\x8b\x04#\xb4\t\xddUH\x9f*:\xc1\xfb\xe8|\xd2j\x11I\xd3\xce\xbc\xf2\xc3\x93\xb3\xe43\x1a2}]\xd8c\x92@\xaa\x8f\xc2\'\x10\xbe7\xf9\x98\xe7[\xfa\xfa\xa5&gt;\xc1$Q\x17\x91\xecboqk*\xa7m\x8e\\\xa8\x12C\x03\xd9C\xb3\xc6\x0b\xdd3\xd0\xa0\x97\x85\x8f$\xcf\xb9\n\'/%\xbf\x97\x93.\x8d\xd1I\xb2\x96M\xe2\xec\x82\xa7}\x16\xfa\xc2D\xfa \xd8&lt;\xa0\x92sUJ\xebb\xc0\xc3G\xae+\xeb\xa2\x1d5\xeed\xfb\xaf\xa59\x04\xdd\x16\xd0?y\'\xa8\xdb\x17}\xe8C\x18W8\x04\x82d\xbddE\xb4\xf3\xd9y\x14\xcfA\xaaNnEV\x9f\xdc\x9f\xb7`\x15@)\xe4\x1b\xce\xae\x0c}Z?L\xab\xff\xc8\xd9\xd8 Gj\xc8M\x9b\xaf,V\xacu\xc1\xe1\x0eN\xd067io\x98\xad\xb6t\xef\xd1\x96\xe9\xdd\xbf\xf9\x8eo:\x91\xef\x8d=\'\xa9\xd6u\xea&amp;\xafK\xbfn^\xa7\x96\xdeG\x12D\xc3\xa0gR\x1b\xbd\x9ahV\t\xc0\x80\x97\xd0\xefh\xf2.o\x9f.\x8d\x92\xd3\xfb\x98\xd8Q2\xe4\x179\xf6-\xac\xdd\xb7-&amp;B\xa0\xc6&lt;\xdbj^z\xbax\xe8\xab\xf8/W\xc0&amp;\xdf\x0e\xb5\x83K\xff\xda\xb9\x93`\xc9d\xe7\x93\xf3)\xe0\x16R\xe6}Q0p\x02\xb1\x0fC\xfeW\xe2\xdd\n\xde\xec\x84\xdf}$\rt\x19\xc0\xe6\x9dS\x9a\xf2\x91\x9e\x0b\xb7p\x02b_R\xd5G\xe2\xb4\xe5\xab\xd4\xb0\xc3@\xff\x9cO-\xcd$\xb4\xbd\x8f\xe1,\xe07\x7f\xcb#8\xbcS|\xf1=\xf3\xb15\x12\xd0\xb80.\xb3\x83\xfab\x95^A\x06\xa5\xcerc\x88\x10\xcc\xe8\xb3\xa6Y\\x\x9c\xc4\xe9\x9d\x82\x1e\xd1\x0e\xcd\xe8\x17\xbf\xb3*E\xdbG\xc3\xeeW\xa1@\x97\x9f\x11:\x01\xb1\x97\x06\x87\xa2r\x01\xe6\xae@\x9f\xae\xe8\xe9\xb3\xdf\xb4v\xa7\xb2S\xb5b\x8a\xcc\xcf\'0}\x94\xf7\xbb\xfdf\xf7&lt;\xda\xc5D\xb4\xaf\xa7``^\xc2\x9b\xc5W\x00\xb3\x05B\x05\xbe\xad\xc9~\xff7\xc5-\xcbp$l\\\xa7\x00\x9f\xc9\xc7[\x01\xb2[\xe1\x1d\xeb\xc6,\x14\xc9(\xd9\\q\xfc&lt;\x98v\xa4\xfdHsK\x18PL\x88\xed\xca?Q\x1b\xc6\xe0\xd6\xab\xca\x7f\x0c\xc8\x9e\xd3k\x13\xb5\xa9\x01\xe3~\x06\xa1\xda\xe5\xbd\x18\xa1\x85{{ma\xc7\xa0\x03b\xb0~0g\x99\xad\xc4\x88\xbc\xbe\xd3\xee\x7f\xbe\xdbb\xd3&amp;\x9d\x03\x88\xd6C&lt;7]\xc57\xd1H\xe1\xca\xcc\xd8\x95\xb9\x92\xee\x133C\x8e\x8c\xf7`\xda\xe5w\x881\xcb\x847j\xcdn`2\x7fN\xa3\x9f\x06V\x06V\xe6QF\xcb\xe7\xe3r\x9e5h"\xe3lpT\x18\xb6\xf4\xad\x083\x91?\xdd\xb9\xbb\x9aw\xa7\x89#\xfah\x11\xe4\xe8\xf8\x96\x98\x8ckC\r\xb2v\xf0\xfe\xd4r=~H\xf8\xb2\xce\x90\xe2q\xe4\xf7\xabk\x84F\x0f\xf1\xf8\xa9\xe5\x81L\xc2\x04\xb8{\x08\xfe&gt;\xc2.\xd0\x0c\x88\xba\xee|S\x08."}\x10\x8d\x9a\x92\t\xdfC7\\?\xf65Z\x1e\xcf\xd5\xe4z\xb0\xe0S\xd8e\x05\xa6\xd1\x1c2O9@]]\x17\xf2v\xb0\x9a\xee\xba\xcfn\x1flT\xd2?\xc4\xb9\xfbAl\xcf\xfbGQ\xcb\x82b\r \xa6 \xcd30\x80\xb0\xcd\x1f\xd7\x0f\x06\xc7\x11_\xa8R\xdd\xf29\t\x8c+\x8b\x1d%\xd1\x90&amp;1\xd3nD\xd2E\xd8\x8bF+&gt;\xeb\xe8\xb3\xbc9\xfdA\xfd7\x01\xdd]\xbed\xd0JN|!\x16\xe6\xd8\x04\xee-\xcb-O\x8ba&lt;\x0fh\xb4\xa1\xba\xd2\xe5\xdf\x87M@\xfdo\xb4\x07#\x90\xb1\xa1\x8f\xa1\x9b\x0c\xa3\x91\xe4\x15\xf2%`\x11]\xe3\n\xc2\x10\xf4m\xf1\x16\xa2iB\x04\xf7\xc3\x92l\xcb\x10\x7f\x1e\xad\x1b\xeeLU\xd1W\x0f2\xaaF"\xb3\\\xa0Bv\x16\xfb.\x1a\x1fG.\xa3\xfd\xa1U\xce\x96\x9f\xf2\x9cw\x01#A+\x8e\xfb\x96\xb3\xfc\x7f\\5St\xa7\x087\x0f\xda\xde!\xad\t\xc6\xe7\xf5B}x[\x86\xcek\xc7;\'\xdcs\x88\xe2\xc2\xd8f&amp;\xf6\x1b\x95\xfd\xb1\x12\x9eO\x1cK\xea~\xa1&gt;\xfe\xa6l5\xfc\xf5`\xf9\xd7uZ&gt;\x1d\xf6\x7f\xca\xe04)3\x16\x01\x07\xd8\x15Q\x10d/\x9e]\xd1\x11m\xc7\xc4\x91-\xb6YX_\xf3~x\x0f\xc0r\xc1\x83\xbc\xcd\x0b?r\xf7L0\n\x19]\xfc\xb6\xb0{\x9b*v\xe1\xbc4x\x93\xc0\x16\x1a\x8e\xfd)\xee\xc7\xe3\x12\xf8\x9a\xb3\x04\xb7\xb76\xab\xda8063\xcfYkjU\xd6\xfa\x8e+Q\xcb\x18\x04\xfft\xe3x|x\xa2\xc9\xfe\x89\x13\xfd\xe3]\x80\xf1\xa5\xb7\\y\xcc\xb0\x1c\xde}*\xc8\xcax\xdcA\xca\xe6\xbaP\xbd0\x1f\x93.\xb3y\x14&gt;\xab\xb5\xbb\xd7r\xf3\xcf*\x93\xf1z\x90,A\xee\x0f\xe9\xbc\tU\x06\xfd\x0f\xa8(By\xa4\xdf =r\xf7\xc6\x83e\xc9\xf5{\x88{\xcb\x99N\x92\xe9E\x19c\xc7\x83\xb4\x8d\xd7\xf9.G\xa4\x04\x1c`.P\xe5\x90[\xcb\xe7\xfe)\xcc(\x97\x7f\xbfc\xf1\xc5\xba\x8f\x0f\xf6\xf6\x1c\xdb\x9d\\\x12HD@\x90ec\xf8\xdeb"b\x1a\xc4\x7f\xdc\x1cc\xbf\x9e\x032\xe1\xa90\xde\x8d\x13\xebi9U\xa4\n\xda\xcb\x1a\xd4\x12\x9f`\xa3m\x03\xf6F=\x99\xd4/\xfa,\x15&amp;67\'h\x10\xec\xe0\xceT\xddg\xb6P23\x13\xfcD\xffJ3\xb3\x17\xc5u,\xed\xeb\xd2)\xc34V\x13\xba\xda\xbb\xfa\xcc\x9br\xcd\xa89\x9d\xf4\xc4\x8e\x86)V%\x1f\xf5%\x10\xf9\xa2\x86!\xe1k4\xb9\x9e\x98J\x9fG\x17\xd4g\x8dLo\xbc\xbe\xc4\xe7Gx\x9c\x1e{\x813\xd2\xff\x86\xc6`\xe5\xf8\x12Q\xf6\xca \xe5|\x8f\xeeXh\xb026!\x98\xa61\x07\x12\x92\xc8\x84\xa1`\xec\x00*\x95\xe8\xb9g1\x92\x02\x81\x07\x05\r\xcc\xfa5\x8a:\x8d\xfb\xac\x12Z\x88"\xc8-q\xae\xa1\xbe\xd7\x83g\x05\xf1e\xeb\xa7\x01T\xff\xb1)\x1ex\x8d\xa07\x16\xd0\xd6\xb9\xd3\x87\x87=)\xf0m\xe6\xc5W\xc4\xa8^)\xd6gb\x1b\x8aM\x1fT9\xf9\x9d\xddk\x7f\xa0N\x8c\x85l\xdf'</t>
  </si>
  <si>
    <t>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</t>
  </si>
  <si>
    <t>b'\x86\xbb\x10\xe2\x04\x9beS\x06n\xa5\xef]\xcf-z'</t>
  </si>
  <si>
    <t>er sources reflect a hardly less extravagant reality: Apiciusâ€™
(undated) cookbook of ancient haute cuisine includes recipes for peacock, parrot, and
flamingo (6.1â€“6). Three features of these private dinner parties deserve special notice.
First, the participants were all invited by the host. Their very presence was therefore a
sign of social (and political) favor. Martial and other satirists play on this fact when
they portray unpopular losers scouring the cityâ€™s public baths or hanging about the
public toilets in the hope of catching an invitation t</t>
  </si>
  <si>
    <t>b'\x9b`nW\x01\xb3\xcf\xfb:\xc8$u\n\xaf\xbc\xdf\x11\x1a`\x04\x9a\x82\x94}\xb2\xa9\x89\xfe8\xf85\xbf_e\xa1\x9d\xa4\x9dBA\x96Z\xf4\xeb!,r\x0c\x18\xd9\xbb\xd8\x08\x89\x89\xbb\xbb2}YO\x9dd!B\xbb\x96o\xb7\xe2\xef0&lt;\x80\x04\x8e8\xc3\x13\x80t\x03"\xb57|\x930\x0e\xe8P\xe8\xe0\xd3\x0b\x8bM\x85\xd0\x10&amp;\xcd\xa8\xd2h d4\xecq\xef\xe9\x8e\xe0\x9b\x7fq\xdb\x9d\xd1sB\x0c\xddH\xcc*\'\xed&amp;\xf9\x85\xd7\x89\xb4\xab\xf3-\xa7Zh;e\xba\x98\x14H\xe7\x03p!\x08\xdd*l\x0e\x9ez\xb5\xf2\x04\xddY I\xd500\x1d\\\xaa?\x89\x1b\x08M\x7f\xb5y\x0bS\x95\x02\x97\x17M\x80\xa9\xc2w7^\xc2g1\xe53G\xf8\xe9d\xa8\xddu\x1a\xf0%\xe4\xae\x14\x8e\xf2\xd6[\xaax_\x82\xc9\\\t\xaas\x8dNR\xfd\xf8\x1bA\xfe\xe6}\x9a\x07\xf5&gt;\x06\xc2\xb1h\xcd\xeb\x83\xff\x00E\xa8\xf8\x02\x94[%KwE7\x91\x1c\xbb \x0c\xe7\xcd\x13l\xe4\xa6\x9d\t\xb8\xaa\xd9\\Q\xd60\x9e\x1d(\x8bL\x0c\x86\xb1-\x18-i\xee\xb3\xb9\xd6\x0fnn\xb9\xb1(\xf0\x11\x87\x9dz\x8c\xcb\x96\xaf\xa2\x9d\x92f\x90\xc1\xbb\xef\x00\x05jF\x1dL\xdds-\xfa\xbe\xb4g*D\x8aW{\x84\xeb\xc0\xe3\xe5\xfb\x01\r\x9f\xaa\xc5\x17\xbf\x95fi\x07\xfdRn\x07&lt;\xc0\xb0\x1c\xd1\x8a\x94V\xce\x1bB\x86\xaa\x1d+\xd2\xd6B#\x97\r\xb9e\x9cL\xbc\xee\xe47e\x13\x91Ph\\\xc9\x04\xbd\xb5\xfdG\x92\xc2!\xa5\xea66\xcbV[\xabgqV\x06\xb1\xa7th\xab@S*\xf5\xae\x98*\xc0\xb4\x93V\xa5\x9b\x92\xcd\x00\xd4\xa9c\xcf,"\xea\xf7\xef\x93\'\xe5wnH}Yh\x08`&gt;\xa8\xeb\xb7\xe6e\x08\xef*B\xad\xf2^\xee\x87\xde\xe5\\\x00t\xcb9\x1fo\x8f\x89:Y\xcb\xb5^S\x8b\xddm\x81\xe0\x80c\x81_\xe0?\xe1\x85\x12z\x90\n,5eG\x89]\x811\x8a\xdf|\xb3\x16\x92od\x08J\xc2\xb9\x1a\xd5\x98-\x96=\xb5\x9dW\xf1\x90\xb8\xe5`\xf1\xd7\x89.\xd1\xbf\xea\xbc\x90{\xbb#y\xf8:u\x8e\x9d\xf3\x01I\x8dxYyr\xae\xb7\xa1\xff6C\x9bS\xc8=3\xc6\xd68p\\\x87d\x96\nB\x08\xcf\xc5.Y\xa73\xc4"\x85'</t>
  </si>
  <si>
    <t>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</t>
  </si>
  <si>
    <t>b'\x9b`nW\x01\xb3\xcf\xfb:\xc8$u\n\xaf\xbc\xdf'</t>
  </si>
  <si>
    <t>iconductor is known as doping.
The amount and type of such impurities have to be closely controlled during the preparation of
extrinsic semiconductor. Generally one impurity atom is added to 10^8 atoms of a semiconductor.
Thus, a semiconductor to which an impurity at controlled rate is added to make it conductive is known as an extrinsic semiconductor.
Dependinguponthetypeofimpurityaddedextrinsic semiconductormaybeclassifiedas:
(i) n- type semiconductor
(ii) p-type semiconductor +
Neutral n-region
ND (Donor)
 E
Figure-4
â€“
Neutral p-region
NA (Acceptor)
 Basic Electronics
57
                 (i) n- type semiconductor
When a small amount of pentavalent impurity is added to a pure semiconductor providing a large number of free electrons in it, the extrinsic semiconductor thus formed is known as n-type semiconductor.
The addition of pentavalent impurities such as arsenic (atomic number 33) and antimony (atomic number 51) provide a large number of free electrons in the semiconductor crystal. Such impurities which produce n-type semiconductor are known as donar impurities because each atom of them donate one free electron to the semiconductor crystal as explained below:
When a small amount of pentavalent impurity like arsenic (At no 33 : 2,8,18,5) having five valence electrons is added to germanium crystal each atom of the impurity fits in the germanium crystal in such a way that its four valence electrons form covalent bonds with four germanium atoms as shown. Whereas the fifth electron of the impurity (arsenic) atom finds no place in covalent bonds and is thus free. Hence each arsenic atom provides one free electron in the germanium crystal. Since, an extremely small amount of arsenic impurity has a large number of atoms, therefore it provides millions of free electrons for conduction.
(ii) p- type semiconductors
When a small amount of trivalent impurity is added to a pure semiconductor providing a large number of free holes in it, the extrinsic semiconductor thus formed is known as p-type semiconductor.
The addition of trivalent impurities such as gallium (atomic number 31) and indium (atomic number 49) provide a large number of free holes in the semiconductor crystal. Such impurities which produce p-type semiconductor are known as acceptor impurities because each atom of them create one hole which can accept one electron from the semiconductor crystal as explained below.
When a small amount of trivalent impurity like gallium (At no 31:2,8,18,3) having three valence electrons is added to germanium crystal each atom of the impurity fits in the germanium crystal in such a way that its three valence electrons form covalent bonds with four germanium atoms, in the fourth covalent bond, only germanium atom contributes one valence electron, while gallium atom has no valence electron to contribute, as all its three valence electron are already engaged in the covalent bonds. Hence the covalent bond is incomplete having one electron short. The amount of gallium impurity has a large number of atoms, therefore it provides millions of holes in the semiconductor.
3.7. Drift Current
The flow of current in the semiconductor constituted by the drift electrons available in the conduction band and holes available in the valence band, which are formed due to external (heat) energy supplied to them, is known as drift current.
3.8. Diffusion Current
When the two pieces are joined together and suitably treated, they form a pn junction. The moment they form a pn junction, some of the conduction electrons from n- type material diffuse over to the p-type material and undergo electrons holes recombination with the holes available in the valence band. Simultaneously holes fro</t>
  </si>
  <si>
    <t>b'\x10\x8cE\xcb\xecnJ\x8fe/\xe7\xe7\x7f\xa0\xdb\xbb\xbe!,,\x1e\x9eK\xd8\x18w\xad\xee\x83!\x8cg\x93\x942\xe5dvj\x83jh\xc0\xf1\xf7\x85\xf69\xef\xbc\x1d\xd3\xd7x=C\xd2\x889\xb7\xb9K`\xc3\xe6\xa0\x82\xe3\xa6\x81H\xa0\x94L\x80\xa0$\x92\xb0\x14\xf9/\xed\x11J\xb2\xd7\xb4\xbb\x1d(\xcdC\xdd\xf1v\x06`\x1e\x86\xd0\xf6&lt;\x15Eg\xe0\xb4\xd3\xfcqRU\xd3we\x7fj\x7f\x1d\xb4p\x86\xf2\x9c\xdf%uhI5\xaa\xf4\xd9\x11\x91~\xad:\xde\xc4\xfb\x14{\x99\x7f\x16\x9d\xa3\x80\xee\xc9XM`\xa9V\x07WK\xee=\xbc\xc4\xfd\xd9]\x1f\xc1\x94\xe2O\x19\xcf\xc9\xb3\x90_\xe1\xb7\x07;\xc8^\x8cr;fDz\xc2y\x11g\xa6\x8f,Wk7j\x00\x97\xae\xba\x82\xe3\xbe\\\xfb\xe3\xc8a\xe7\xb3\x14\x00\xca\x9c.\xa3\xbb\xb9\'\x906\xc97*\xf2\xf9\xd8\xe4\xf9\xd0|\x1e\xbef:a\xc8\xe8\x1a\xe1\x8d(\n\xc9/\xf3\x15\xb6&amp;\x14\xee\x8c\xe6\x82\x84\xae\xee9\xa0\x95\xb9\x0e6-\xb6\xd62&gt;\xae\x0b",\xee\x93\x8c\xa5K\xf4H\xa61\r{WOE\xfegyCJ\xde\xe9\x86k\xae\xec\xd30\x88p\x0e\x16\xb6N\x81Sy\xc6\x17j\xc1"\xee[\xa4\xcbB\xdbB\\\xc8\xd8Z\xe9\x00r\xb2,\xf1gWD\xcak-\xfe\xa3\xf6z\xc9\xa3\xc4\x8a\x81\\\xb5\xf9\xec\x89\xf0\x04\x7f\xe3\xc4\tW\xe9\xaf\xd3x\x8c\'?\xe7\xdc)\xf9\xdd2\xa3\x96"v\xc7\xfa\xbeFIAp\x0c\x08\xc7\xf0\x1cXm\x1c\xb3\xc4\'\x11\x0b\x13\xaf\xd9\xa03\xa8+W\x0f:\xc5\xfc\xea\x82&amp;TV\xc9\x11\xe2%w`\xbbEG\xd5,\x1ek`\xdf\xc7\xbf\xf2T\xe5\x96U\x011T\xe8\x9ezxFX\xc3\xde\xae\xa1\xe3[\xff?C\x8b\x92U6 \xa9\x12\xc3\xc97\x8c\x90+\xab\x9c\xe1c\xa6)Qv\x94mL\x9fE;\xc0l\xb2z0\x11m\xb1k\xa7O\xe9J] s\xf0\x06P\xea\xa7\xc1\x8b~\xc1\xa83)b\xa1\xc0\x01k7\xe3\xf8\xa2\xea`\xca\x10\xf7\xe1\xf4\x07#\xe1U\x9b\x92\xf9\xac\xefOc\xde0k\xdb\xaa\xcf|&lt;\xb8j\x0c\x8eJ\x9d\x89s0\xfe\x89\x08\xd3NKh\xea\xd6,\xfb\x08a\xce&lt;\x9a_]!\xb41%\xf2\xcc)\x90X\xd4|E\t\xa3\xa4\xfa\xff&lt;2\xa4\xd7\x1e\x1d\xe3\xae\x82^0\x8a\\&gt;,\xd5\x12\xb5\xe4i\xfa\x84\x17m[\xf7\xc6\x01\xc7\xd8\xf2\xa9\xe6\xbd]oLi\xc0?\x7fq\x0fn\xe7\xd5\x1cD8\x04\xc90H\x05\xb7\xfb\xb5\xf5,\xa3l\xe8XS\xd5\xe28!]\x91\x07\x9bG\xb0G\\\xa7%\xe1)]\xb3\n\x86\xf6o\xe8V\x88HJ\x89)\x9dc\xb0\xde\x98\x0c\xfa:\xd8\xd8\x9d\xfd\xc6\x8eXp\xa2\x0f\xa7^\xf5Y\xb3\x81kq2KU\x97\xc8\\\x02\x99\xec\x0b8e\x87\xc6/\xf9s\xae\x98\x86\xad?#\x08\xbe(Y\xde\xba}\x84\xbd\xea&lt;\x92\x87[\x02r\x10\xee\x1b\x00\x8ft\x1b&amp;\xab`\xf3\xbe\xa1\xb1\xdb\x80\xbe`\x89\x15"\xa3\xa1\x98-\xa7\xb6:m\xa7\xee~;\xb8\x94_E\x96\\e\xde\xb7&amp;\x8e\xef]\nE\xfa\xbbVi8H\x8b\xbeC=\xc4\xd3\x81\xa4o\xb2,U\xe7^\xd2\xc0"\xcb\xa1I\xfbm\xa5\xf3\xc3\xec\x1e\xc1\x15.\xc3\x93\xf1\r\xbc\x1c\x91\x15\x9b+]\xe4P\xd1\xce{\x0e\xb8\xb8 \x96eI\xc7\x95L\xc9\xa2\xf4C\x9f\x9dI\xf5\xce\\&gt;\n`\xcfgn\xaa\xf728\tM\xfe\xb0\xd4\xc9]\x8c\x94`K\xc5\xb5\x90\xc7\xbe\x9b\xc2\x81z\xb6\x90twh\xd4j/\xb8\x01\xb1\x9c\xda\x9e\x1f\xe4\xf0v;\xba\xa6\x8f\x81\xca\xbc\xe4\xd8*,\x85\xaat\xc6\xb7\x17\xb2\xbc":\x1a4\xf0T)#7\xd9v7BN\xe5T.\xbft\x84\x94~\xabY\xb8\x0f#&amp;\\\xec"\x08\xa0\xf5\xd6\x0c1F!\xd4[Ae\x05\xa4V&lt;\x82&amp;%~p\x89\xf7\x06\xc7\x9b\xc2y\x9eL \x07\xb9*4\xf6az\x9c\xfc\xf2E\xc6\xee\xf4\x91K\x87\xdd\xdf\x98\x10\x9a&amp;S\x8dmu,\x04M\xb3\xd6\t\xbb4u\x1c\n\xb6\x01&gt;T.%u\xd4\x1e\\\xd7\xe0\xf2\x81\xfd\x956\x91\xcf\xf4\r5\x95\xdfF\x8e^\xcc\xaa\x82\xc6#\xab\x99\xea\x91\xc8\xe7\xdf]\x0e-\x98\x85\x9f\xe7w\xbcn\\K`$7_\xc4\x85\x85\xa20c\xf6\xd0G\xc2\xb7_\x0epi\x1c+\x02\xef`e,\xb0H\xbe\xfe)\xfc\xab\xc2\xf2!%\xc7\x15R\xb6[\x7f\x98s}\xdb\xe6\xca\x1d\xb4\xbf\x87\x1aQt\x88S\x13]HUb\xd57\x926\xc4\xe4\x9b2\xd8\xe3\x0cCh\xb9\n\x8b\x8c\xd8\x00\xd8\xa1V\xb7\x87ib\xf6|\xed"\xdf\x7f\xd9L@\xc7\xc4\x1a\xb1\'\xd3m\xf1\xfc\xe5\x9aA\xa2J\x0f\xa6\x1e\x9b\xd3\xab\xbf\xee\xfd\xadwZ\xda\xf5\x8dnU\xb4P\x10\xd7o\xa5\x07/\xbc\xe0\xd8\xa2\xaa\xd9)\x02g!\x01}\x9a(\x82\xd1\xc3\xef\x7f yY\xbc\\\x17\x8fO\r\x87\xe4\x0fc-E\x06\xe3\xa2\x93\xa7\'\xd3\x83\xf2\xb5\xb2\xca;?\x99\\\x88\xe8\xa7K3\x11\xecQ\xb4l\x0c\xf6\xd4\xef\xc6\x91\xe3k6\xabe\x87\xde\x8b\x91-\xf2\x7f"hi\xea\x84g\x1f\xaft\x03\x86\xab\x13:\x04p\xb2&gt;\xc0\xf9\xf4+\xee\x86\xa0,\xd9n\x7fl\x07\xa2\x115\x98\xb5\xce&lt;G\x08Z\xd8b\x87\xcf)q\x97C\xb1\x87\xd3\xa0k8\xfa;\x04C\x84\x84\x93\x01\x15S\xab\x908\xcf}\x8at~o\x1dj\x7f\xb3\xd4/\xb6{\xe6!9/1u\xd2[\x07\x9c\xd3jD\x0e\xa1k\xa1\x1d\xdb\x98\xd9\x8b\xabWo\xe6E\xffs\x89\xd8\x1c\x13\xde\xc1\x8d\xf9V\x14M+k+"a\xc3\xc3\x82\x13z\x9f\xf5\x18\xd3&amp;\xf4\xc0\xf2\x04u\xea\xf8\x9d\xb0i\xd4*\x0f\xab?E\xf7\xb3\xb1\xd9w\x9e\xa4\xe6z3m\xc2\xc8\xda\xb8\xc8\x089BJ\xd5\xfc{\nv,$\xaf\x99\xc9\x92\xa2\r2\xbb\x94\xa3\x0b*\xfa&amp;r\x1b\xa3\xdd\x8a\xe3\xbf\x1a\xf3,W\xd8q\xc0\xbb\\\x88!\xd4\x8d\x90\xad\x83\x1am5X\xa3{\xd4\x80\xd3\xfc\xd4DF\xcf3i\xd8A-\x9b\xf9c0\xde\xba\xab\xdav\xddqPy\x8e\xb4\xef\xd4Q\xd4I\xe7J\xda-V\xad3\xcc\x86\x0f\x01\xd6/\xc3\xfd\x8d\xaa\x8cD\x82l\xf6\xb2\x7f\x01TJ\xf4\xf3Q\xf9\xc3\xaa\x08\xf1\tS\x1f\x08G\xb1\x08 \xb2\xe0S\xed\x97$\x93*2\x8f\xa9\xaf\x07G\x17\xe2*I\x02\x16\x1c\\\x94\x00\x9d\\WsK\x7f\xdb\xb7\xd8\xe6\xac\xe0|B\x10\x03\x0b\x92\xb2.\x92\xd9\x0b\x17\xacm\xa8\xa9\xcaF&amp;i\xe3\xe0M9\x8de\xd62\xc1_\xb1\xbb}\x82\x12\xcb\xa5y{\xfbz\xc6\x06\xaf\x8a-\x0f\x1a\xfa\xa7\xe9\xa5X\x94\xd5\xec\xa0\x9b\xbb\xbf\xf3\xf0\xbf\xed\x06&gt;v\x13\x7fb\xef\xa9\x1d\xd8\xb2b\xb74\xbb\x0b\x12#\xa7`J\x92\xa5V7\x8c\xa0\xee\xaf\xfe\x90\xf5\xe0\xde\xc2.\r\xb8\x96\xf5\x14\x11\r\x19T6\xdd\xd5\x12\x857\xf8\xc3\xf9Q\xc9+y\x9b\xce\x08\xf2\xd7X6\xde\xc2R\x02\x1ah\xe5\xfa&amp;\xef\x9d\xca\xa1\x92\xcd\xa074p\xec1[\xdd\xb1\x96\xae\xdcjM\x0c\xdf\xe0\xc9\xcaH\x83;\x02\xcb\xdd\x13\x8aF1\xca\xaaG\x89\x1a\x17\xca\xf8\x98J\x1a\x05/\x03\x0fp\x93\xb9\x15\xfa\xc3ZSb\xbb\xab\x11n\xf1nJ\x8a\x8d&lt;\xc7]ct:\x9c\x81\x11\xdac\x8c\xfd\t\x13\x89-P\x1b\x11\xa4A\xd7\x86{c%T\x1a\x05CLM\xb5\xa1dG\x08\x1a\xed\ru;\x17\xb1\x9cf\xd6T\xa6\x1f\xd3\xe7vH\xfeL\xbc\x08\xa2.\x1a}\x0f\xdd\xb2\xdf\x7f\x16\xd0\xb4%\xb4\xd5\xef\xeb\xcd\x08\x8c\'\xcd\xd2[\xe4;\x19\xa8\xb5n[\x1a\x1dy\xd4\x80\x10\xe7\x8b\x15Z\xc0s7!\x86\xa8\x91\xed\x010\x17\xd1Z\xca\xb9lH\x11\x94\xe9-7\xd4\x06\xa3\xcc\x90\x95\xca^\xb0\xb0hd\x85S\x8d\xb6b\xf4\x1dI\xd7\x19\x93MOY\x04\xf3v\x8aF\x80;+\\\x08\x8b\xbc\xd4m\xfe\xe4Dw\xb0Y4\x86|m\xde\'\xf9\x98\x90\x98\xa9\x1a*@\x01\xb5\xf0\xb1G?\xbb\x87D\xbc\x8eK\x03\x8e7@\xea\x96\x9b\xb7N\x9a\x87\xa0\xdd\xc7\xc7\xd9i\xdf\x8d+}\x8f\x18Tqf_\x0bA\ti\x8f\x91(\nh\xe3[n.\xd8A\\\xfe\xc9\xd9Gg `\xd6S\r\x8d~n\x81\xe7\xbb\x8f\x81\x1b\xe6,\x9fa\x1b\xab\xf8\xc9#\xb9\xa4i\xac\x00@\xbai\x0cr\xf9\xea\x04\xe9\x1f\xa8\x92/c\x9a\x98\xb8\xc1\xdc\xec1\xb8\xf6CX\xe2\xcc\xdac\xbc\xc4\x94\x11Iv\xfe\x99?\xa8\xf2\xde\xf0\xd2\xfa\x02\x10\x9d/\x11&amp;\x89\xc3Y\x1eK\nY\x8e;\xf1\xa0v\x7f\xa0\xa1\x17\xaf9\xab\xea\x16y\x179\x85\x84\x8c\x02{\x1e\x1ad\x16\x8d\xa8\xc0,\x10\xb5\xdcr\x83\x9aU]\xc4={\xf1\x8b\xc5g\xbc_\xf7\x83\xca\xb8-&gt;_b\x94r\xa6O\xe7\xaf\xf0N_\x97\xe7\xac"\x12pIN\x86\xf7\xdeP\x94\xe2\x99g\x10\xd2\xb7\x9f!\xd4\x00\xb1\njKWw\\\x8b\xdfm\xeb\x9c\x1a\xe3f\xc5\xb8\x1c-\x95.\xef\x9b\nT\x17\xe1P\x9fV\x9d\xc8{|\x8f\xdd&lt;\xcfT\xefB\xb9.n\xbf\xc6sX\x82\x0e\x1b\xfd\xa6\t\xa9\x18\x8c\r\xa3\xd9\n\x1cx\xa1\x91\xcb4\x05&amp;2)\xb2\x16\x16^\xe7\xe7\xa5\xad\xa1\x84\xed!\x17.\x9e\xd6\xe1\xcf\xa3\x05\x92\xe3\xa1z\x808\xeb+\xe0\xee\xda"\xb1O%\xee\xe0P\x97*\x9b@3\xf9}[\x9f\xc3\xbaAj\x98\xd1\xe5UN\xa4Vb4\xd2;\x9f\x07y\x93\xf2\xcf\x18A\x98\\\x94\x86\xb1\xbb\x9e\x89\xff\x9b\x0e\xc9]\t\xc2\xd8\xa1\x8c_\xf9r\xd6\xa8,\xb2\xaa&lt;E\xd5k](~\xbc3\x81\xa4\x13\x1e\x81r\xee\xd4{\x98O\x91\x91\xa98=\xa8\xddc\x1eD\xa0\xed\xaah\x16b\xf1\xdc\x1dg9\xae\x1d\xdc-[\x8e\x1e\xa3\xe0l*\xdc\x82\x00\x8dR~\xa39\xc6\x86\x94\xd8\xde\x12 \xbf(l\x81=\x9b\xac\xfbBu\xda\x08*\xd2\xd8\x17m,\x98\x98{\xa7\x89^+\x96k\xa6l\xb4\x91\x0b\xd4\xd5\xdbu5\x85D(`\x1d\x95\x01\xbc\xcb}\t\x8aXI/B\xd6t\xb2\xd5\xf4\xbf\xeb\xaczF\xf2\x11\x1f\x021\x03\x836\x85\x96\xdf\xb5\x08L$\xe7\xf5\xb0\x1e\xce"p\xee\x03\x9e\xbb\xcdW\xc1Hp\xb6\xdd\xd8\xe5)\xab\x0b\xa0f\xc5\x98}q\xe2\xb5c\xea\xcb\xe8\x81b\xceu\x7f\x01e\x0c\xa7V\xfe\x0b\x9d\xbd\x8d_\xb6\x02\x98D&gt;\xd8\x9f"&gt;pcQ}\x0f\x8d\x13\x81n\xde\xa0g\x01te\x1aE\x05\xa5n\xfc\xdd\x84l\xb8PB1r\xf3-\xa4\xf6\xed\x89\xec\x13\xd4\t\\\xf9\xbe\x95w\n\x90R:C\xbb\x8b\xe3\xeb\xa3&gt;\xe7\xd7\xa2v\x00~\xdc\xb5\x93\x17\xe0M\x0c\x0c\'\xe7\x0fw\xae\x00;\xd2\x9cq\xa5\xf7=\xb7@\x8d5\xc2\x18\xe3\xe1\xdc{\x95\x8ai\xb1=B\xc5\xa7\xb3\x15{\xbf\x94\x06\xa5"\xc7\xac\x8e}\r6@\x1bW,\xb0"-\xca\x8d\x0c\xa4)\xdcme\xe3\xf1\xa8^\x9a\x85@\xe3r\xca\x9b\xc1n\xcb%\xb5@!\xfd\x8b\xaf\xc0\xf1v\xa4g\x96S?@\x8cJ~?{w\xa4M\x81\xff\xabZ\xa7\xcc\xc0\xaen\xc1?\x1d\xfd\xa9\x8d\x10\x12\x9b!\x10\x06\xa2\x83\xa6%\x8f\xd9wYr^{;\x87S\x15\xa25\xdc\x19\x14\x98\xa5FJ(\x85\x0fh\xfc\xbf\xe4+x\x85\xb9\xfa^^\xcb\xd7\xaf\xc0C\x15\xe6z%8\xd7\x97\x056V\xb3\xed`\x91\xd1\xe5`Mg(\x0cK\x9b\x0b"k\xb9\x1f\xbe\xd92\x87_Zb\t\x91\xdbO\x05o\xaa\xecR\x80d\x18\x1c\x7f4\x0f\xc4\x84\xf3^\xc0.\xdbJ\xc1\xa5\x91\xa2\xc6\x07\xa1A\xf6R)\x16oQs4\x81\xf7/\xb2\x04\xe2\xa0\x86\n!\x1d\xc6=c\xc8\x84y\x91\xf6b\x9d4\xf6\x13\xc0X\x9fN-&lt;\x14\x8b!$\xee\xf0\xf9\xfc6\xfd\x18g\xe4\xf5\xea\xd4\x18k\xf1\xc1\x9c9{&amp;Dv"\x81&lt;|\x8f|7J\xd9xd\xf7D\xd2\xc9\xa3)\xbe&amp;\x829\xe5c\x037\xccU\xe60:J\xc5*8\xd1m\xf0\xe7\x97U=\xfe\xd9\xf6d\x8d\xfa\x9e\x8f\xda\x88?\xcd\x9b \xb8)\xe8\xc1Y\xf2$z\xaf\x7f\x82\xe9\xce\x9f\xd3\xb6\x9c\x93\xeeug\xabZ\xbe\xca0S&amp;\x0e\x96\xa5\xfe)\x8bi$y\xa0\x1f\xbc\xfd\xd8\xa8\xf4\x7f-\x9b\xc8-\xb4\xb1\xd6+\x99/\x06\xef\xc3v\x94\xe1\xac"\xd8=\x11\xd9\xd2\xff\xb7L\xeaS\xde\xca\x95\xd7\x92\xe2EKQ?3!\xaeLF\x8a\x98\x8a\xcf\x1d\xa6\xcf3"]\xa4\xcf\x1b\xef"\x92\x1e9\x03\x1aK$\xbe\x92c\x06\x99$P+\xf62\x98\xcd6\xcd\x05\x0e\x12\xce\xcb\x16\x19F\x12\x19\x1c\xc0V\xbe\xf1E\xca\xc9K\x8b\xd6^\x06W\xe2\xd3s~\xf0\x8bK\x89Y\xd4\xab\x93#k\xb0PU\x98Y\xa0\xaah\xc6\xef\n\xb9^j]\x84$\x1f\xa3?\xe5\x97\x83TW\xd4Kf\x01\xf7\xf8\x15U\xe1\xa7\xb1\xd5kS\xf0U\xaf\xeer4\xbf\xa4\xf2\xe1I;\xd3[\xed\xaf\x12\xa9_b\xdf\xcb\x9d5V\x10\x9e\x81\xe7\xa1\xac\x06\x8bX\x14\xf1P\x15Fg\xa8\x97a,\x0c\x92\xe7j\x8cN\xa5l\xa7\xbeo\x86\x1e4\x97\xf4\xaf\xb8N6z\x14\x13?\x15\xef\xc4\x1dt\x8az\x96\xc8\xde+Y9\xac\xb4`\x99E^\xe2\xad\xfcC~\x8c\xb2\xffJ\x1e\xf7\x9eW\\\xf4\x1d\x8e\xd6\xce\x89\x10%\xb2lZbs\xd6\xf3iH\xa8\x18\x0f^\\{e\x05\xce\xc2z-\xc0f\xa3\xea\x80p?\x02\x8bu\xe9c\xd1\x130\xcd\xbe\xdd\x16i\xa9`\x8f=ft \xcd9\x90\xdc\')\xf2\x80H\xe5\xe0\xe6\t\xbf\xef\xc4\xa4\xe9\xda\xd40\x90\t\xc0\xba\xcdu\xf7\xd3\xf1E\xb6\r\x06\x06R\x07\xc8\x88CdlXP\x9c6\xb5\xd6\xe0r&lt;He=\x94p?\n":{(?LkH\x05\xfc\x05\xe6\xf1E\xc9L;\x88\x8br\x02\xb2\x13\xae\xe8S\x97j\xc7\x16=\xa7\xb7t5#\xfc\x84\x84\xef\x8d\x028\x83N\xe7\x99\x03\xb6\xc0OH\xbe\xa7\xafr\x1c\x85M\xdf\x9b\x9d\xa5\xca\x04\x0e2\xce\xd1\xa1`@\xd3^\x17\xb7\x11\x10\x13\x88\xbc\x97V\xd8\xc4\xc6\xdc&lt;\x00\xbe\n\x04\x016(\x87\x05\xfc\xd4gq\'\xe2\xcb &lt;\x06\xdc]rD\xee8GK\x19\x08\x97\xfc\x8b@\xd9\x01\xa9\x1c\x85og+T7\xfc\n!\x82\xe4\xd4\x1c\xe48\x9aIt\x97\xfd\xe0\xb5\x9f`\xa6\xc8 \xa9\xd5\xc5,\xc9\x0f(+\x7fl\xf1\xad\xfd$\xef\xd5\xef7\x94\xd1\xf0\\Qhw3\xde\xd9\xa2T\x1c\x07\xb1\x0e\xa5[\x88-\x8c\xf1\xaf\xf3_e\x94`\xc5\x8e\xf6\xe9\xcf\x1d\xb3e\xe3`)Q3\xfd\x11{\x8d\x86\x92\x18a0O\x85\xc6\x86;\xb8\xcd\xa2\x93\xd6\x8e~E\x1a\xb1c\x11\xb8q\x01&amp;X9\xb7N\\_\xed\xd2\x05v\x04\xf4N\xe1'</t>
  </si>
  <si>
    <t>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</t>
  </si>
  <si>
    <t>b'\x10\x8cE\xcb\xecnJ\x8fe/\xe7\xe7\x7f\xa0\xdb\xbb'</t>
  </si>
  <si>
    <t>.)
 For these countries, however, the encouragement of manufacturing was not a goal in itself;
 rather, it was a means to the end goal of economic development. Did import-substituting
 industrialization promote economic development? Here serious doubts appeared. Although
 many economists approved of import-substitution measures in the 1950s and early 1960s,
 since the 1960s, import-substituting industrialization has come under increasingly harsh
 criticism. Indeed, much of the focus of economic analysts and of policy makers has shifted
 from trying to encourage import substitution to trying to correct the damage done by bad
 import-substitution policies.
 CHAPTER 11 Trade Policy in Developing Countries 261
 Case Study
 Mexico Abandons Import-Substituting Industrialization
 In 1994 Mexico, along with Canada and the United States, signed the North
 American Free Trade Agreementâ€”an agreement that, as we explain in Chapter 12,
 has become highly controversial. But Mexicoâ€™s turn from import-substituting indus_x0002_trialization to relatively free trade actually began almost a decade before the country
 joined NAFTA.
 Mexicoâ€™s turn toward free trade reversed a half-century of history. Like many
 developing countries, Mexico turned protectionist during the Great Depression of
 the 1930s. After World War II, the pol</t>
  </si>
  <si>
    <t>b'0E\x02 \x03p\x97\xbb\xb2H1\xe4:V\xbb\xf0\xe6\xf9BI\x95\xd9RD\x18\x06\x18{BrC\xddeZ+\x81\x02!\x00\x9d\xfdd\x98\xfe\xe8\xdc\xbb\xe9\xa8\xe90@\n\xad\x11\x19\x9e:8\x16\x81R:\xe1My\xc0\x14\x81\xf7{'</t>
  </si>
  <si>
    <t>30450220037097bbb24831e43a56bbf0e6f9424995d952441806187b427243dd655a2b810221009dfd6498fee8dcbbe9a8e930400aad11199e3a381681523ae14d79c01481f77b</t>
  </si>
  <si>
    <t>b'0E\x02 \x03p\x97\xbb\xb2H1\xe4:V\xbb\xf0'</t>
  </si>
  <si>
    <t>illion
 in liabilities when the Fed intervened with a massive bailout and slashed interest
 rates in order to prevent systemic disaster. Europe wasnâ€™t doing that much better.
 The euro launched in January 1999 to great skepticism and apathy. It rose to $1.19
 on its first day of trading but sank to $0.83 within two years. In mid-2000, G7 central
 bankers had to prop it up with a multibillion-dollar intervention.
 So the backdrop for the short-lived dot-com mania that started in September 1998
 was a world in which nothing else seemed to be working. The Old Economy couldnâ€™t
 handle the challenges of globalization. Something needed to workâ€”and work in a
 big wayâ€”if the future was going to be better at all. By indirect proof, the New
 Economy of the internet was the only way forward.
 MANIA: SEPTEMBER 1998â€“MARCH 2000
 Dot-com mania was intense but shortâ€”18 months of insanity from September 1998
 to March 2000. It was a Silicon Valley gold rush: there was money everywhere, and
 no shortage of exuberant, often sketchy people to chase it. Every week, dozens of new
 startups competed to throw the most lavish launch party. (Landing parties were
 much more rare.) Paper millionaires would rack up thousand-dollar dinner bills and
 try to pay with shares of their startupâ€™s stockâ€”sometimes it even worked. Legions of
 people decamped from their well-paying jobs to found or join startups. One 40-
 something grad student that I knew was running six different companies in 1999.
 (Usually, itâ€™s considered weird to be a 40-year-old graduate student. Usually, itâ€™s
 considered insane to start a half-dozen companies at once. But in the late â€™90s, people
 could believe that was a winning combination.) Everybody should have known that
 the mania was unsustainable; the most â€œsuccessfulâ€ companies seemed to embrace a
 sort of anti-business model where they lost money as they grew. But itâ€™s hard to
 blame people for dancing when the music was playing; irrationality was rational
 given that appending â€œ.comâ€ to your name could double your value overnight.
 PAYPAL MANIA
 When I was running PayPal in late 1999, I was scared out of my witsâ€”not because I
 didnâ€™t believe in our company, but because it seemed like everyone else in the Valley
 was ready to believe anything at all. Everywhere I looked, people were starting and
 flipping companies with alarming casualness. One acquaintance told me how he had
 planned an IPO from his living room before heâ€™d even incorporated his companyâ€”
 and he didnâ€™t think that was weird. In this ki</t>
  </si>
  <si>
    <t>b'=\xda.\x9f\x81\x1c\x95-\x884\xb1\x9e\x0c^%Y\'w?\xd4\xf6\x8f\xe0Yc\x94\xddC\x1e\xc6\x1c\xc7\x16N\xc5Y,\xc1@\x8d#&amp;!h\x11\xbb\x98\x1c\t\xce\x97\x81\xd6-9!\xc2\x16o\xac\xc3\xe8\xcc\x06\x8c;?\xb3l\x8d\xe7\xe6\xbc\x0e\xb9r\xa9\x8a\xa9\xb6j\xdc\x9a&gt;\xf9@\xbdd\x19\xa1\xdf\xf6\x95\xa2k4d?\x9e\xa6\xb5\xfe\x02\xe1n\xee[[\xfd\xde#;!G\xc4?l\xa7Z2\xe3\x1f\xbb\x86\x07dE\x91\xda\xd3)\xa0\x94`v\xa2\xbf\xcc\xce^\xe0"\xa1\x85\xc9\xd9\xfc\xea&gt;\xa5-\xfb\xbbvIV\xc9LU\x99\x0f\xd2\x04*-\x18}\x9aiT\xaf\x92"\xc6\xf4\x87\x07)\xe58\xd1s\xe4c\x03&amp;\x8fW\xa1\x90\xab\x17\x0bC\xf5\xa1\xce\x05\x10\xba\x82Y\xabD\xb8^\xaen)&lt;\x99P\xc8`\xbc@\xfb\x03.\x94\x94\n?\xd2-\x88\xa0I\xac\x8b\x9e_3\xf7\xf5\xb3\xa6|?\xb0\xaa\x86S\xf8\xf7\xe2\x0f\xb1\xbb\x04N\x80H)\xa0{HE\xc1\xe03V\xa3z\xa7m\xac\xf06\x8agI\r!O\xfbb\xbe3\xc2\xb6\xe3\xee]\x9e\xdf\xecO$\xc2y\xda/U\xca\x1c\x94p\x07\x8c`h\x97\x80ip\x87\x1b\xb5\xce\xb9\xbf;IMb}@\r\x9c\xbc\x85\xb9\x99\xfaD\x8e\x83\x89\xd6\xdfP\xfb\x0cC\x12\xd7\xdc\xb3\xf0^\xf7|\xdcL\xcal\xa7~\xe6\x93\xec.\x9a4\xa5\xc1\xe5}\xbd\xe8\xad1\xb1Q\x7f\x070\xbb/\x87\x93\xcd$\xb9A#F\xbb\xfb \x0e3\x1c\xb9\x92"\xb3\x0c(n\x98\'\xdb\xa7\x12\r\x97\x0bi\xee\x91\xf1$\xb0\xd8\x7fEl\xa4\xd83\xb7\x06\xba\x04\x9f\x07\x90\xf6\xb9\x7f0\x97\xa4\x9f]\xbe\xcb\x8bl\xa0i\xa6\xe9\t\x03\xd8\x8b\x03}\x88.\xe2S\xa0\xfa\x037\x10+\xae\xefX\xfb\xf8BB\x82\xc1\x8a\xfcp\xb1j%\xaff=\xdb\xaa\xff$k\x03\xc2\x9b\x1d\xda9\x11~\xc7\xb7\xd0\xbcF\x1a\xfc\x8f([\x97\xcd\x8f_v\x89\x1e\xd3\xc8W\xff!\xf4&amp;\xc3\x00e\xd4\xc8\xb1\xc3\xe4\xcd\xaf$\xab!\x17Zv\xbe\xfe\xb2{6s\x87\n\xc3ncp~\xe9\xc8. \x1f\xa5\xb1\xdb\xdcw\x04\x02\xb9\xe4K\x08wQ\xf2\xfd\xbf\xe1\xf1\xef&gt;\xfd$"\x19l\xc0 n+\xe1\x17\xf9\xc0\xb6\xb8\x02\xc0&lt;2V\xff\xe50\xf5\x98\xc4Q\xf1:\xb8\x81\x98\x85\xd9a\xaaI\xb7~s\xb9\x10X\x96R\xb9Q\xd0\xe5\xdc\x91\x86v\xe3\xce\x1a\x8b\xbd\x8b\xddaE\xd3\xea6f\xed7\xfc\xddq\xa4,\x0cm+\x80\x94\xe5S\xacv\x8f\x90\x04\xbb `\xc3\xe8\xb6\xce\xef\x19\xec\x98\x95\xf5!\xcd\xc6@\xb3\xb2\xaf\xebT\xf5\xf5g(\x8fE\xaa\xd0?u\xb4K^\xd4\xfc\xdc\xca\x15\x04\xf9w\xf7\xd8\xf4\\(\x10\xbc\x0e\xd9!\x1a\x08B\x15\x86\xbd\xfc\x91\x90y\xe4P\x0e\xb1\x1a\r\xf6&lt;\xa5\x00\xc7\x88\xd1\xac6|&amp;\x8c\xb6\x14^\xbc\x00\xc1b\xfd\x86^\xf5\xc2a\x9e\x99\xe0o8s\xe9\x88p\xa0\x80\xef(B\xf2\xc6\xccI\x1b\x87\xc9u\x03\x04\xc6\xb5\x94?\xf2\x9d\x90\x06\xa8\x93\xa8\x0f\xd2\xd4+\xec\xc3\xd2,\x82^f\xf1.\xd7\x93\xad_\xe5\x0c\xe0\xf2jpS\x13\x8dQ\xfd\xfay\xbfO\xf9|\xc4\xe7a\x98\x9bR[J\x90\xdc\x12;\xae\r\x8d\xc3 \x988\xa1\xb4;\xf8\x0f]\x91\xf6kyh\x9b\xe3sE\x88\xc5/\xcd+\x0e\xe5\xff\xf8\x83\xd1\xd4]\x042\x85w\xbc\x80n\x11WA\x15\x01\x1d\xf7?T\xa4\xf60\xa8\x9b0\r\x9c\xb81y\x04\x99\x19\xc04\xba\xc4\xa1\x0f\x1a\xbbf\xe2\xbb\xe6\xa7\x03\x00\xcc\xcbA*\x81j\xd9"an\xc1\x80\x15\xc3\x0f\xc4?_\x85\xf2\x11\xc1\xebjLW\xd6\'jD\xa4\xdb\x1c@\x90\x9e\xf0=D+o\x16\xd8@\xdf\x1eKq\xac\xbd\xb0\x0f\xd3\x7f7\x05\xef9\xdb\xa1\xdfb`M9\x88A+|5\xd0U.\xbd5.\xc6^\xcd\xd0\xc1\xd0G\x18\xb2\xd0\xc0\xe2\x97o`\x89\xec\xf0\xa2\x16\x8el*i\xd0\r\x11\xec\x90)Zx\xcf\x85\x1d\x0f\xea\xef\xd9,:W\x82\x0e\xf6\xa7\xb2\x87\xcf\xf0\xe9t\xe7\x06\x91\x14\xd7\xa9\xe0\xec\xca&gt;X\x03\xec\x8cK;;\x1c_\x95\'\xcah(\xdd\x8d\x1e\xc7sA\x83\xad\x86\xaf-\xad\xc6\xccw\x1a\x84P7\x17\xa5\x8c(a\xc4\x1c\x9a\x85\xbc\x02\x90\xb4X,\xba\x01t\xd2:w7`\xc5\x8e,\x8a=1\x0e\x8c\x1f\x93\x81\x1ai\x8d\x85\xcb\xff\x95\x92\xe7]e\xaf\xc2\x0f\xd8\x012W\xb1\x95A\x97N Nl\x83y\x80\x93D\xd0\xa0\x0c\'\x91\x17\xe3aH&gt;\x95\x12\xb2\xc1\x1f\x14\xc1\x074\xed?[\xa4Q\x88\xa7\x91\x9f&amp;\xd2\xd0(S\xc3\xd1\xeb\xf0yrB\xb11De\x194{:\x08\x90h\'6\xe5T\x90\x9c\x07\r\xb0\xc8%\xf4\x96\xece\x99&amp;\xda[\xa0\x8f&gt;Bo8Jf;_\xed\xbf\x8a=hs3\xb4jl\xef\x15\xf2\x8cH\x8e\x91\xeb\xc5ms\x9f\xa2_\xe8\xbf\x0c\xc3\x0b\xf8h\x9f\xcaw\xd4\xece\xd9\x95z\xdb\x85HZ\xc2\xf4\xdb\x03\'7N\x9b\xcf\x01l\xe5aUJq\xc4\xf7q\xe7\x1f\xde\x80n\x9f[\xa9\x9c\x19&lt;\x8e\xa7Vz\xd8\xd3\xff\xcb\xd5\xb6\xac\xa8\xbdf\xb2f\x11\xe4\x9b\x14T\xbf\xce\x0e\xd9z\xa6Q\x9a\x18\xd8\xef\xf8\xbf\xed\xa3r\xc1\x97\xf3b\x07\xef!\xb5\xb8\x18C[td5\xb0\xb0\x82\x9b\xd0&lt;QX\xe0H\xbbF\x8d\xf0\x84\xb9\x1fvzg\xe0\x8d\x16e\xad\xd7q2\xf4\xa1\xeb=(lOP\xa9\xdd\xffb\x00\x9aj\xa0\xc5:h0S7v~,\xd1\xb5\xba\xb2p\x0c\x8d\x96\xe2\x93m\xbc\xa9\xb2y7\x85\xb1t\xc4GD\xd0\xc0|\xaez\xe5\x1e\xb2c\xa0\xed"Ybm\xfd\xc4z\xd0\xb9\'\x01\xd0\xa3\x96\x129\xe2\xb9\x13\x90\xa4\xeag\x94\x9er\x88k\xad\xcf\xf3\x89f\xf0\xdd)M\x94s\x9e=\x03\x8f\x83\x9avPC\xe0"\x18\x16\xbd\xf6H\xcf\xe4\x9b@\x94\x082\xce\xe7\xf4*\xddZ\xf3&gt;\x08\xf5\xe0[\xe5\xa0f\x14\x05Z7\xcd\x0f\xe0eC\x07\x15\xabq\xd7\x87\xa6k\xf4\x8f\x89_\xea\x1e\xdaW\xdbR\x07\xaf\nP\xd7\xd2!K\xf4\x82\x05Y\xb0\xa0\x03Q\x10T\x0f\x86\x06\xba%O\\\xd4\xcb\xb8\x02\x8a\x1c\xb5\xbb\xf8\x9cF\xf8=\xdc\x8a\xafR\xe6-\x7f\xd3\x02\x85\x1a`\xa4\xf0\xf2\xc1u\x01N%v\x95\x14\xd6\xb1\xca\x1a\xe20\xba\xd4\xae\x89\x93\xac#*|C\xa5\xb1l]6\x07q\xe5\xb4p\xd5\xa4\\\xfc&amp;\xd0\x11;T\x1c\xf9.?\x87\xa3h\xe4\xafh\xb6\x99\xda\xd9]kt=\x1d\x19p\x12\xa7(\x00\xd5\xcc\xb9\x94\xe4\x90L\x8f\xdbC\xe14\x05S\xcc\x97\t6\x17E$z\x8c\xf7*4\xe5\x01\x9fz\xdcy\x89\x1f\x809)\xdfB\x88\x87\\\xeb1\x92\x8d\xf6\xd4\x14]i\xf9n\x15\x96`\xc0\xb8)U\x02Q\xe7\xe7p0\xd1\xf4\x8f\xf1\x18\xd3#\xd1\xcb\x9e6\xe1\xc3\xde\xe9\x07\xfb\x19\xb0\xa1\x9e\x89\xe3\xda0\x14Bc\x99|\xe8X\xd8`\xf2\x07\xa3\xc0y\xa1\x8b$\x19\xe7\x1b\xd1\xbfC\xa3W\xd1\xed\xf3\x92vE\x07\xd4\xd3A\xe2\x85N"\x02\x9b\xc7;\xef\x8311\t\xf7\x9eG\x13\xe6\x04\xf9\xfc\xf4\xc3I\x9db,\xc4\xb5A\x1eB\xb7\xde\xd0\xe6\xa7U\x8dN\xf2\x06\x83\xe3\xdd\x17\r\xe0P\x08A\xe7)\x0e\x04k\x06o\xd1H\x0cS\xc7]j\x02\x05\x01X\xeb\x9eA\xb7\xf6\xe5\xe3`t6\xa9=\x15\xa2\x06@\xa2\xce\x9b^\tI\xf73\xb4\x0fu\xdb\xd7\x18\x17Hm\xaf\xaaSS}\xf3OWV{\x0f.c\xdaD-\x0f\tI\x7fo\xe3f\xfa\xb8\xeb\x07\xc2\xd7\xcd\xbe\xa2\xf2\x83\x9b8\xaf\xb3\xfb\xff\x106\xb8\xa3\xd6\x04x%*\x16\x90v\xf7\xa9J3\x15\xc8\xc1\xb3\t\x89v\x9aX{\xe3)\xb3\xc0\x93V\xb2\xd0\xc7\xa6\xd2\xb3\x00&amp;\xcc\xa9\x95\xb4\xf4\x01\xd8\x04\x96\x8e;8\xe3\xd1\x1f\xba\x96\xf1;\xf6\xfb\x9b\xd5O\xa9`P\xa5\xa3\x1d\x01\x14\\\xf6[4\x9bk@a"P\x9f\xe1\xda`\xa5[\xe6\xba\xc9\x12\xdc 0gF\x1d\xee.\xe8\xe8\x1a}\xc7&amp;\x05E\xd0\x9eVE#\xa6\x0b\xf0B\x89\x13sj\xbfR\n\xc4?\xea1\x14\x8aS\x84\xd7\xd8\x16b\x95\xd97\xd3V\xdc\xf4\x0f&lt;\xa9Z\xe46d\x7f\x88\r\x17\xbc%\xef[\x02@R=w\x13\xd1\x99\xde\xe5z\xeb1\xd2+\xb2\xbf\xa3\xc4\x08\xe9C\x98\xa7\x90M\xca\xe6\xe6\xa2\xb3\xb6\xd7\t\xa8\x14\x9c\xa6\xae\xf6\x97\x98\xce\x86 bM]\xe6\xa7\x9fR\xbdX\xd6/)\xc2\x15\xf7:i\x13\xe6\xf2\x08\x0cT\xf8V\x9d\xd4\x8d\x1bh\xda`\xf2i\x835\x14\xd8\x88/\x11|?\xf0\xce\xd8Z3,\xc1,\xa8\xcf\x15z\xa2W\xda\xdb\xd2\x04\xdf\xe4\xfe\xa3\x07\xce\x98N\xe4\x8e\x8b.\xbdz\xdd!{\x1c\x9eFx\x18jc\x9f\xdf\x8d\x19\xe6k1\xcf\xfd\x81\xe6\x03)\xaa\x1cW2\xfaC\xdb\tv\xae\x154\xe3\x1f\x07W\xeb\xf8\xb0\xb2\x99\x95\xa9_W5\xd4\xbd\x95B|\xf3d\xaeB\xe2Hp]\x9b\xdb_\xe5\xe9\x82\x86\x99\xcd\x8f\x02\x12\xe4\x11d\n\xd2\\\xb21/.\x93O\x95\x8fe#\x17\xcc\x08K\x82\xdar\x06\x9cZ\xdc\x8e\xf6\xd1\xd8\x8b\xc7\xd0\xe1\xf9\xd6\x9d1f\x13\x04\xc6\xf8\xd3Z}\xf6\xf42%F\x07\x15\t8\xd1\x90\xf8Xd\x1d\x07\x8c\xf0\xe8\x8ed\xaf}\x0f\x0cWL\xc4\xfb\xf7-\xc5\x92\xa4\x85\xf73\xb2Z\xd3tn2B\x89\xe0\xd7\x07.\xbc:w\x1d%\x96z@~\xba\xeaB&amp;Q\xc3:\xf7\x8d\xa7N\xdf\x02\xeeN"(\xdc\xebs\x9e\xce\xfcRg\xbcc\xfegV\x833\xc2Z\xd0\x9b\x1b-\x9d\xba~\x1b\xfaV \x1e\xeft\xb4\x9ca\xd0\xd9ndG\xde\x8c\xda\xaa\xbb\xb7\xc5\x08\x112\x81\xb6\xd3\x8a\xab\x97\xb9\xa6\xb3\x9c\xa3\x05\xfdW\x1dQo\xf0\x1e*\xa6M\xab\x9c\x1c\x06\x81\xfa\xedi@5\xaa3\x0c\x11\x9d\xfb^a6\xf2\xec\xd5\r2I^\xe7H7\x1c\x07f\xedZ+\xfb$d\x8c\xda\xfc\xc3Tu\x98\x01\x1a&lt;~J%\xb8P\xc5H\xa4f{\x15|\r\x93T\x9f\'\xd3B\xbd_J\x1e\x05Q\x95t(\xa7O\xf4^d\x112'</t>
  </si>
  <si>
    <t>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</t>
  </si>
  <si>
    <t>b'=\xda.\x9f\x81\x1c\x95-\x884\xb1\x9e\x0c^%Y'</t>
  </si>
  <si>
    <t>his hand and looking at the lake. His strange calm was still upon him
and something moreâ€”a lightness as if the cruel thing which had been done
had not happened as he thoughtâ€”as if something had changed. He was
remembering the dreamâ€”the realâ€”real dream.
"In the garden!" he said, wondering at himself. "In the garden! But the
door is locked and the key is buried deep."
When he glanced at the letters a few minutes later he saw that the one lying
at the top of the rest was an English letter and came from Yorkshire. It was
dire</t>
  </si>
  <si>
    <t>b'\x10v\xa55\xa2\xb4&gt;\xaf\x03 \xdd\xd7Xo\xd8e\xd4\xa2Z\xd6\xd5\x89:}~Qx\xee\xf6\x0cwYb\xbc),\x97:\x06\xd18\xd7\x91z\xf4\x1dH\xc5K2_\x13t\xdb\'\xb0P\xe3p\xa4\xf8\xd3#2\xf6-\xcb\xf8 \x0cR\x95oA`\xf4\xdf\x02\x8c\x0f\x14\xe6!\xb1\x18\x12\xae\x00\xb9\x0f\xd5\xf3\xd4\xfcJv\xc7\xac\xeb\xec\xec-x\x89\xe1\xd0\xf9H\xab\xddZG\xe5\xac\xe4_\xbbQ\xf2\xc2\x86\xcc\xeel\xf5_Q\x8a\x86s\xa8\xcefv\xebE`\x99\x1cENx\xe0-\xa8=a\xf0\xf0&gt;\xc8\xc6\xac\xdd\xb9\x0f\x96\x9d~\x89rb\x04gz\xa3\\?\xd8\xf0z\xa7\xce\xb0\x88#\xf6[O\xcb\x00i\xbe\x8c\x1c\x15\x17\x80r\x15\x1bH~6\xd8\xed\r$\x88\xa7\xed\xefHL,\x8a\xcf+\x1f*\xd3)\\\xefeZ\xcf\xcbC\xeb\x7f[0iL\xeb=\xa7\xf6{\x80\x10\xb5?\xa2\x11\x12\xf2\x19\xb20C\xf5:cS\xfb\xeb\xee\x87MJ\xc3\xb7\xfe\x0e\x8a\xb7`\x0f\x1f(~8Q\r\x1d\xb5\x8e1r\x87\xed\x15\x91\xa1\xe8[N&amp;\x19Yv\xc6\xf2\x10x\xda\x10\xfd\x19_\xbc?\x17\xa9\xf9Zuf\x9f\xdc\xba\xe2\xb3\xd8\x9b\x1c\x1a\x05\x8f\x0b\xee\xad=\xff\xa4\xe5"\x7f\x05\x80\xc1\x06sOb\xf2\x9c\xcd|[\xb5_\x1b\xee\x89\xb4\x91\xfaN;r\xda\xec)\xb2Ge\xd9\xe8K\xcb\xdd\xa1\xe1\xa9\x00\xb2\xdbL{\xe1U\x9d\xd3\x8a\xe8\x84\'y\xc6\xbe\xe4\x15F\xdb\x1co\xe5\xb5\xfbM\x19\xe2\xe5e\xc1\xb4s;e\x856\x06\xfcg\x0bY\xe1E?\x05\x7f_\xf2\x9b\x16\x8e|7\xcew\xcb\x8a\xab$\xb2\xd9\xe1"c\xab6x\x8d;i\x0bom\xd8\x17\x10\xca15S\xf6\xa2\xc0r_\x16nW\x893\x85\xd4\xaa\xf7\xb3N\x12\xc7\xac\xac/X\xc4\xd7\xd9\xdf\xf1N\xbf\xe1\xc1\xb0\xb1\xc1\x85\xe2\xaa\xfd\x17\xe7"3\x93c\x03\xcd\xdd\x9f\x01\x8a\xab\x81h*v\x83Bb\xa0{\xc7\xdd!7\n\'\xd1\xa9\x07\xeef\xeax&lt;`\x00\x7f\x9c\x1e\x18\xf2P\x8b=\x08L\xb5\xc5\x83\x89\xb8\xff\xfb\xd4LE\x84\xb7'</t>
  </si>
  <si>
    <t>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</t>
  </si>
  <si>
    <t>b'\x10v\xa55\xa2\xb4&gt;\xaf\x03 \xdd\xd7Xo\xd8e'</t>
  </si>
  <si>
    <t>with
 laughing. By and by Jim was 'most dead, too, but: it was with work; then
 we took turns and spelled him, and he was as thankfull as he could be,
 and would set on the gunnel and swab the sweat, and heave and pant, and
 say how good we was to a poor old nigger, and he wouldn't ever forgit
 us. He was always the gratefulest nigger I ever see, for any little
 thing you done for him. He was only nigger outside; inside he was as
 white as you be.
 118
 CHAPTER XII. JIM STANDING SIEGE
 THE next few meals was pretty sandy, but that don't make no difference
 when you are hungry; and when you ain't it ain't no satisfaction to eat,
 anyway, and so a little grit in the meat ain't no particular drawback,
 as far as I can see.
 Then we struck the east end of the Desert at last, sailing on a
 northeast course. Away off on the edge of the sand, in a s</t>
  </si>
  <si>
    <t>b'\xbaR\n+\xd2\xdc\xce\x14\xc3\xba\xfd\xf3\x81\x8fG\xc0\xfa\x1c\n\x12\xa6\xf9A\xa8\x92V\x94\\(\x13\x071'</t>
  </si>
  <si>
    <t>ba520a2bd2dcce14c3bafdf3818f47c0fa1c0a12a6f941a89256945c28130731</t>
  </si>
  <si>
    <t>b'\xbaR\n+\xd2\xdc\xce\x14\xc3\xba\xfd\xf3\x81\x8fG\xc0'</t>
  </si>
  <si>
    <t>Foggâ€™s taciturn
 168
 tastes; besides, he did not quite like to talk to the man whose
 favours he had accepted. He was thinking, too, of the future. It
 seemed certain that Fogg would not stop at Yokohama, but
 would at once take the boat for San Francisco; and the vast
 extent of America would ensure him impunity and safety.
 Foggâ€™s plan appeared to him the simplest in the world. Instead
 of sailing directly from England to the United States, like a
 common villain, he had traversed three quarters of the globe, so
 as to gain the American continent more surely; and there, after
 throwing the police off his track, he would quietly enjoy himself
 with the fortune stolen from the bank. But, once in the United
 States, what should he, Fix, do? Should he abandon this man?
 No, a hundred times no! Until he had secured his extradition, he
 would not lose sight of him for an hour. It was his duty, and he
 would fulfil it to the end. At all events, there was one thing to be
 thankful for: Passepartout was not
 with his master; and it was above all important, after the
 confidences Fix had imparted to him, that the servant should
 never have speech with his master.
 Phileas Fogg was also thinking of Passepartout, who had so
 strangely disappeared. Looking at the matter from every point
 of view, it did not seem to him impossible that, by some
 mistake, the man might have embarked on the Carnatic at the
 169
 last moment; and this was also Aoudaâ€™s opinion, who regretted
 very much the loss of the worthy fellow to whom she owed so
 much. They might then find him at Yokohama; for if the
 Carnatic was carrying him thither, it would be easy to ascertain
 if he had been on board. A brisk breeze arose about ten oâ€™clock;
 but, though it might have been prudent to take in a reef, the
 pilot, after carefully examining the heavens, let the craft remain
 rigged as before. The Tankadere bore sail admirably, as she
 drew a great deal of water, and everything was prepared for
 high
 speed in case of a gale.
 Mr. Fogg and Aouda descended into the cabin at midnight,
 having been already preceded by Fix, who had lain down on
 one of the cots. The pilot and crew remained on deck all night.
 At sunrise the next day, which was November 8th, the boat had
 made more than one hundred miles. The log indicated a mean
 speed of between eight and nine miles. The Tankadere still
 carried all sail, and was accomplishing her greatest capacity of
 speed. If the wind held as it was, the chances would be in her
 favour. During the day she kept along the coast, where the
 currents were favourable; the coast, irregular in profile, and
 visible sometimes across the clearings, was at most five miles
 distant. The sea was less boisterous, since the wind came off
 landâ€”a fortunate circumstance for the boat, which would suffer,
 owing to its small tonnag</t>
  </si>
  <si>
    <t>b'\xbd\xbe&amp;\x04\xecW\xdd\x93\x86*\xd1\xaf\xeds\xc4Mn\x9c\xe9J\x01"J\xd5bE\xd9|\xee\xa6\xadl'</t>
  </si>
  <si>
    <t>bdbe2604ec57dd93862ad1afed73c44d6e9ce94a01224ad56245d97ceea6ad6c</t>
  </si>
  <si>
    <t>b'\xbd\xbe&amp;\x04\xecW\xdd\x93\x86*\xd1\xaf\xeds\xc4M'</t>
  </si>
  <si>
    <t>led the â€œpush-pullâ€ stage, this circuit merits a detailed study. We note that if Vin is
 sufficiently positive,Q1 operates as an emitter follower, Vout = Vin âˆ’ VBE1, andQ2 remains
 off [Fig. 14.3(b)] because its base-emitter junction is reverse-biased. By symmetry, if Vin
 is sufficiently negative, the reverse occurs [Fig. 14.3(c)] and Vout = Vin + |VBE2|. We say
 Q1 â€œpushesâ€ current into RL in the former case and Q2 â€œpullsâ€ current from RL in the
 latter.
 Example
 14.2
 Sketch the input/output characteristic of the push-pull stage for very positive or very
 negative inputs.
 Solution As noted above,
 Vout = Vin + |VBE2| for very negative inputs (14.11)
 Vout = Vin âˆ’ VBE1 for very positive inputs. (14.12)
 678 Chapter 14 Output Stages and Power Amplifiers
 Vin
 Vin + VBE2
 Q2 on
 V V inâ€“ BE1
 Q1 on
 Vout
 Figure 14.4 Push-pull stage characteristic.
 That is, for negative inputs, Q2 shifts the signal up, and for positive inputs, Q1 shifts the
 signal down. Figure 14.4 plots the resulting characteristic.
 Exercise Repeat the above example for a CMOS output stage.
 What happens as Vin approaches zero? The rough characteristic in Fig. 14.4 suggests
 that the two segments cannot meet if they must remain linear. In other words, the overall
 characteristic inevitably incurs nonlinearity and resembles that shown in Fig. 14.5, exhibit_x0002_ing a â€œdead zoneâ€ around Vin = 0.
 Why does the circuit suffer from a dead zone? We make two observations. First,Q1 and
 Q2 cannot be on simultaneously: forQ1 to be on, Vin &gt; Vout , but forQ2, Vin &lt; Vout . Second,
 if Vin = 0, Vout must also be zero. This can be proved by contradiction. For example, if
 Vout &gt; 0 (Fig. 14.6), then the current Vout/RL must be provided byQ1 (from VCC ), requiring
 VBE1 &gt; 0 and hence Vout = Vin âˆ’ VBE1 &lt; 0. That is, for Vin = 0, both transistors are off.
 Now suppose Vin begins to increase from zero. Since Vout is initially at zero, Vin must
 reach at least VBE â‰ˆ 600â€“700 mV before Q1 turns on. The output therefore remains at
 Vin
 Vin + VBE2
 Q2 on
 V V in â€“ BE1
 Q1 on
 Vout
 Dead
 Zone
 Figure 14.5 Push-pull stage characteristic with dead zone.
 14.3 Push-Pull Stage 679
 Q1
 Vout
 Q
 VCC
 VEE
 2
 &gt; 0
 Vout
 RL
 R L
 Figure 14.6 Push-pull stage with zero input voltage.
 zero for Vin &lt; 600 mV, exhibiting the dead zone depicted in Fig. 14.5. Similar observations
 apply to the dead zone for Vin &lt; 0.
 Example
 14.3
 Sketch the small-signal gain for the characteristic of Fig. 14.5 as a function of Vin.
 Solution The gain (slope) is near unity for very negative or positive inputs, falling to zero in the
 dead zone. Figure 14.7 plots the result.
 Vin
 Gain
 1
 Figure 14.7 Gain of push-pull stage as a function of input.
 Exercise Repeat the above example if RL is replaced with an ideal current source.
 In summary, the simple push-pull stage of Fig. 14.3(a) operates as a pnp or npn emit_x0002_ter follower for sufficiently negative or positive inputs, respectively, but turns off for
 âˆ’600 mV &lt; Vin &lt; +600 mV. The resulting dead zone substantially distorts the input signal.
 Example
 14.4
 Suppose we apply a sinusoid with a peak amplitude of 4 V to the push-pull stage of
 Fig. 14.3(a). Sketch the output waveform.
 Solution For Vin well above 600 mV, eitherQ1 orQ2 serves as an emitter follower, thus producing a
 reasonable sinusoid at the output. Under this condition, the plot in Fig. 14.5 indicates that
 Vout = Vin + |VBE2| or Vin âˆ’ VBE1. Within the dead zone, however, Vout â‰ˆ 0. Illustrated
 in Fig. 14.8, Vout exhibits distorted â€œzero crossings.â€ We also say the circuit suffe</t>
  </si>
  <si>
    <t>b'^\x83\x06\xa6\x80\xb6\x0f\x89&lt;|\xcb\xf4\xdf\x07(6'</t>
  </si>
  <si>
    <t>5e8306a680b60f893c7ccbf4df072836</t>
  </si>
  <si>
    <t>for performing on the stage as an aristocrat in old style
drama, no such case ever seems to have been made for participating in drama that fell
in the epideictic tradition. Although we know that Augustus and other emperors
delighted in pantomime, we do not know of any aristocrat who ever desired to play a
part in a mime. Before turning to these events, it needs to be noted that star
performers in traditional tragedy and comedy were less well paid than performers in
either mime or pantomime, and that actors might also choose to perform â€˜â€˜greatest
hitsâ€™â€™ from selected plays. A papyrus containing a portion of Euripidesâ€™ Chresphontes
appears to be marked up so that actors could find selected excerpts; the same appears
to be the case with a play written during the imperial period that features Priam and
members of his family (P.Oxy. 409; 2458; 2746). In altering their scripts, actors were
assimilating, at least to a degree, to the performances of pantomime; it appears that
they would sing their parts as soloists in company with a chorus and a flute player
(Plut. Mor. 63a; D.Chr. 19.5; E. Hall 2002: 12â€“24). A variation on this form of
performance in the agonistic context would involve fresh settings of choruses from
tragedies to music where the stress would appear to have been on the skill of the
composer(?)/flautist who accompanied the chorus. A victory monument from Isthmia celebrates the triumphs of one Gaius Aelius Themision, who set the choruses of
Sophocles, Euripides, and Timotheus to music, while a papyrus from Oxyrhynchus
records the contract for just such a performer, a man named Epagathus (BE 1954 n.
111; Cockle 1975: 59â€“65).
Pantomime was the ultimate soloist event. It may have been the personal interest of
the emperor Augustus that first established pantomimes as the superstars of the
theater. It was in his reign that two great dancers â€“ Bathyllus and Pylades â€“ competed
to dominate the art form. Bathyllus appears to have represented a more traditional
style in which the dancer sang to limited musical accompaniment, and may have
performed routines that could include comic themes. Pylades is said to have been the
first pantomime who had a singer and may have changed the style of music to include
a significant percussion element. The characteristics of Pyladesâ€™ performance are said
to have been â€˜â€˜passion and variety of characterâ€™â€™ (Ath. Deip. 20d), while another
observer â€“ Lucian â€“ notes that the dancer tried to present, and enact, both characters
and emotions (Salt. 67). Sometimes the material might be adapted directly from plays
by classical dramatists (TrGF 1 p. 344); at other times, it was a fresh composition on a
Spectacle 395
traditional theme. With the passing of time, competition for new scripts appears to
have been fierce; Juvenal remarks with some bitterness that Statius made lots of</t>
  </si>
  <si>
    <t>b'Z\xe0\xc2\xeac%\xe8\x8f?\x8a\x83\n\xaf=\x1e?ck\xee34bR\xab\x9b\x85\xf4\x8e\xab\xed\x02\x0fA\xdd\x96\xde\xfb\x8c\x80c\xfa\'_5\xbf"\xb8\xa5\xab\x00\xa1\xde\x82\xea\x07\xf0\x99\xda\xc5\xb5p0`\xf7BNg\xea\x8f\xcdw\xd0\xf9\xf6\x03}\xbcp\xa3\x88O\xde\x85u\xa7\xf2\xfb\x81\xf1\x9c?}\xdc\xf3\x9aG\xf7\xdc\xf8B\x87\xd2\x92\xc7\xf4"\xcb\xee\xa7\xf3\x04s0\xad\xf1\xd8\'\x05\xb5\xb8\x9c\xbf\xb1\xe2W\xabU\xc0\xe98\x8cC\xdd\xcc\x8b\xdd\x19\xa2^\x88y\x9c\xab\xa2\xa6\xf3\xbf-I}!\xc1\nlk\xa3\xd4^\xac\xdf/^O\x8fNv|\xa7w\x06\xc0\xa0d\xc0\xdd\xc0\x9d^\xf77t\x89\xa6\xd7)\xaf\xbbkV\xea\xe6A@\xfc\xfd\xe47\x9c\xeb\xc6\xd2+\xf8~\xef\x9f\xff\xf3\x96\xe9En\xdd\xdb\xa3\xea\xd9=\xd4\x98\xf1c\xb2\xfb\xeeK\xa4|j6|{\x1f\xa6q\xb1SzN\xcd\x9c\xd9\x84\x0f]S\xb0\x8bT\x16T^(I2\x01\xf9\xdc\xb5\x92\'(\xee\x9f\x08\xb5\x12\x16+\x8a\xd4\te\x17@\xaaP\xbe/\x0b\xebp\xf6Y\x9b\xec\xccI\x9a\xed\x88/\xc7\xba \x06u=\x1eBm)\xbf\xa0\xc9\x15\xc59\xab\xb8\xf7\x81\xa7\xda\x9d\x0c\xb6\xab\xed;\xda\xcf\x1a\x97\xe7\x9fG\xdc\x91\xce\xed\xfe\x87\xca\xe9Y1\x83\xcf\xcb\xfe\xf56\xce\x8bJ1Gl&gt;\xc7f&lt;\x8c\x93\x82\xe5\x89\xf8\xfc\xf1o\x1e)?&amp;\x8cl?\x90d\xf8\x15:{\xddrD.\xde\xa6\x06\x1d\x8d\xd0\x0b$\xb0*_+%F2l\x8f\xbc6MM\x9f,\x1eEe\xce\x00a\xdc\xda;\xedqUS\xf3\xbf.\x10\xe4\xa7I\xfc\x97\xafa\x8d-\x91\x18\x0b\x98\xd5\rr\x0e\xce\x89+x\x8f\xccWd\xdf\xd4i\x14\x82fw\xdb"\x0c5\x1f9\xc9y\x94b\xe4\xa1g\x8e\xda\xb6\x9d\xd7\xde\xb4MP\x89$U\xc0\xd0\xf0\x0cf\xc3M\x87\x1b\x02U\x84\x110\x8b\x068\xfb\xe4nK\x07ax\xf0\xdd\xc1$\xc0\xa3&gt;\x1b\n-\n\x03&lt;\xaaO\xa8\x017\xb36\xd6uQ\x07\xf0\r\x89\xae\xb0\x12+/\xd2M\x1f\x86\xf4)\x96=\xce\xe4(2\xe2\xec$C\xf1G\x1c\x112ig7\x1d.\xe4\xde\rs\xae\x0b@\xed5\x9af\xd6\xd2\x9c7.2\xa8udE\x8b\xb3\xde)\xec\xd0\xaa\xa0\xd5\xe8\x18\xa5n\xc8\x82Y5\xaf\x12YZ\x1d.z\x92\x90\xd0\xc9v\x9c\xbb\x17(x\xcc[)v{ \xa6\xff\xd7\xbf\xf0\r$)\xfc\xca:\xa4\xe0\xbc#(I\x0f?T\xc7\r\xd2o\x10\xc0\x08\xf9/\x16i\xeby\xb8\xd1Y\xc0\\\xa6h\xc0\xf7\xc2\x80y\xc9\xf3\xb2\x02C\xb9\'6\x95\xcc\x0fdy\xa4\xb4\x9c\xd3\xf9B\xb9\xcf\x97\x19\xe1\x07\xfab&amp;\x1d\x83\xea{\xc2\xe4\xcdb\xe1\xa1\xd8!\x86\x83\x8a$QnX\x1c\x88\x98\xdb\xab\xba)\xf5\x16\x0ec\x8bz\x11\xa0\x92\xe5\x98M\xcf?kTGt\x8d\xe8 L\xf1\xb0;\xa6Z\xbdr\xf4\x0f\x8d\xfd\x90\x1cmOQ9\x99T\xe1\xee\xba\xf2@\x9e\x1b\xdfvo\xea\x0b\xae=\xa0*\xcd\xcc&gt;\xd8\x0f+\xf4R\xa67\xc6\xc9S\x0bs\x95L\xe3\xe5\'\xa7FRO\xc4\x03\x00\xe1\x98,\xf5*H\xcd*r`\x9d\xe6\xe0\xde\x94D\xf1r\x8e,+5\xa2*\x82\xa7\x92.\xa6\x8d4T\xdb\xe4\xd72\xa9!\x9a\x95\xc8A\x1d\xc1\xcf\x15\xa9%O\xbd\xf2b\xd5\x04\x8bc\xc3\xad\x0e\xd8\xac\xdc\x7f\x87\x16r\xb7\x11\xfcV\x1e\x0c\xb8\x15\xcceRp&amp;\x8cS\xf1\x93Z\x9bb"\xd5z\x9a\x03\x81 \x87\xc9&gt;h~j\x98\xe9\xab\x91\xbb\xd9\x19/\x1c|`\x97\x8e\xd1\x07]*\x0evx\x89\x83\xce\xd0_\xdeR\x94\x85\x06\xa5*\x82\xe2\r^\x04j\xfa\xf0\xd0fF\xaf\x87&amp;\xc6\xa2\xda\x92\n8\xe3,&amp;F\xa1\xfd\x06;\x02\x1d\xb3\x94v\x02A\xe5O(\xdf\xc1\xd2`\xe2\x05\x83\xd3Oh\xbdr\x81\xb9\x8c)\xeeW\xecG\x14\xff\x05\x1c\xf6~\xdc\x05\xaf\xdb\x99\xd3n\x89Bh\xeb\x00Dv~\xdf\xebv\x19\x19N\xc7O\xeaj\xf3\xdfJ/f\x14`\x1b,&gt;\xaaMT\x88\xd3\xdb\xec|\x99h\xcef\xd6\x04\r\x8fCf\xb8\xab\xc5y\xa6\xfc\xd4\xdf\x8f51\xdf\x9f\xe1\xf0\\\x19\x8d\xb1\xfcL\xf7\xa4\xa3\xad,\xb1\xf9d`\x865\xcd0{\xc89\x8c\xce\x96d\x1dA\xb0\xa0\xa1\xfb\x11\xe0\xb4\x05E)\\):\xca\xcc\xad\x9f\xba\x1b\xd1\x9d\xd4\x81\xd1\xb7\xc7#\x18wjSl\x8b\nN\x16\xea\xb7\xe2\xec\xe2`]\xa6wO\xd3\x9c\x03e)\xc8s\xba{b\x13d\xe6Cc\x8e\xd8\xc0n\xc1\x04_\r|Z\xb2\x11\xd8%\xa5\x0bf92\xa8\xe4[gD0\xea"\xa6\xb7\xae\xf2@\xed\xba$$\x19~0\xbd1Ga\xf6\x9e\xe3+\xe1\x9bK\x0e\xbd\x8c`\xfbIN\xc3ng\x7f\x84\x98\xc0\x96\xce:yu\xbalh\x16,OX&gt;\xe5\x8fu\x00p\x88|X\xb6\x04\xc5*O\xa6\xa7\xa9K\xb0;\xb2D\x17\xbc2\xd7\xdd\xec\x0e\xa7p\x04\x00p"\r^\x95\xb3H\x00O\xcb\xa9Z\xa9a\x81\xc8n\xbft\x93\x90&gt;\x84G\xf2v/\xc1\x1bz.\xe8\xdb\xa9E\xc0w\xa1V\xcb\x10\x81&amp;\xcf9\x08\xadq~\xdd\x7f\xb2O\xf0\xf6\xae&amp;\x05\xe5M\x8bn\xd1-\xe4\x03D\xc8g\xa1\x05\xc8\xfc\xbd\xbf\xc94\xea\xbf\x1b\x013\xaf\xd9\xef\xb1\x888\xbc\xd0\xa4\nB\x85D#\xcb\x0b\x82r+\xa7P\xfd\x1f\xa6\x86}G\xc2h\xbc\xb8\xc2 \xa6\xf4\x03\x1e:\x9c\x9e:\xd8I0\x06V\x9f\x0euU\xed\x86qU\xb4\x0c\xe40b\xfdu#9\xee\xc6//\x91\xea\x9eh\xdaV\xecI\xb4\x15\xf3\xd7\xf1f\x812\xd4\xe8I"\x9c\xcf^\x8a\xee\xa6\xcb\xd2\x07\x1c\xe8\xdb\xc5\xe1\xe9/\x8b9\xa0\xe6X?\x9c\xd8x\xef\x8azd\x98_\xc9XM\xfb\xfa\x82\xe87\xe6d4k\xc3T\x07\x9d\x9a\xaf\xe9\x9f\xb0\xcc5\x06\x1c\nE{\xb5|\xd04k\xd1y,\x8d\x82^C\x91g\x99o)\x0ei\xb5\x91\x160\xf9P\x8eX\xcfUS\x00\xea\x99\x7fs}\xfb\x9c\xeb\xb6\xc1\x87\xa4\xf5m5\x9f\xdc\x08\xee|EEH\x81\xfeq\xb2!@[\x81\x1da\xdaP\xc7\xd9\xe1\xbc\xbe\xbc\x00\x99\x0f\x07\x16m\xa7z\x11\xe5cn\x9d\\\xc8\x18-\xc9 0\x19V\x84\xa3\xd5\xd2\xc9\x04\x0b\xd8\xb0\xaf&amp;z\x18\x9bbQ\x989\xcc(\t\x9a\xc3\xd6\xaf?\xd1Q\xda|1\x85\xeb\x18q\xf4\'Wzk$\xb5N\x9a&lt;\xa4\x01W\xb0,\x83\xbbS\x1eA9\x02l\xe0\x9c\x17h.\xb1\xda\xa6\x8fW\x88\xb0-\xdc|5\r\x88\xa4\xdb.c\x11\xfc*\xd7:^,\r\x89\x14#1\xab^\x04\t\xec\xf0\xdd\xbb\xa5\x85(a\xe7\xb50g\xfc=\xb8\xc6\xd1?\xb3\xc0l\xea\xa7\xe5jH)U\x94\xa7\xf5M\xc6&gt;\x98\xb4\xe1G\x0ek\xef3\x0b4\xc3\xec\x9b\x18\t.2[\x16Kl\xeb\xec5\xab\x00\xa7\xa3\xc8RT\xa9\x9c\x19\xd2\x9d\xbe\xdd\xda\xb7\xa0\xd1\x87\x95\xff~]=\xa7\x90\xdd\xd0\xf5\xf0\x90)\x8a*,\xfa\xb7F\xf5\xff\x98\x03\xf0\xac\xda[\xf1\x1c\x85\xd9\xf8cb\xe0q!h656\x84\xd5\x11\xa4M3\x7fJ\xd0\x9b\xf9\x92y\xbb\x16\xe2&lt;\xc3aK;\xdcV\xc10\xf3\xd3g1\x82G,&gt;\xfb\xbe\x82}\xed\xf9\x11\xbco\x85\xc7*\x13\x9dftq\\w\xe915Q\x04\x0f\x9c\xc8\'aue3\x0em\xc7\x97th\xce\x14\xa13\xdb\xdb\x90\r;\xdat\xec\x88\xd1Y9\xfc\xcb\xd2\xf3\x8ec\xdb$;\x85\x8c\xc7\'\xa6e\x1e\x04\xe4e\x8a\r\x86\xf0\x83\x94\xb5@q@\xc5n8N}:\xf8V\xf6\xb6"(\xf6A{\xfb]A\xa87\xf4\xad\xed\x14\xba\xf5\xf9\xc2\xdb\xddr\xa5\xd6Y\x0b\xb60\xcd\x1e\tC\t\x10\\r\x05\xb8\x16\xc5+\xec\x06c}\x98\xb7\x84\xd6\xfb8\xe1y\x82g+\x02 \xfdc\x08yG\xe4\x1c\xaa\x10\xf2\x80\x90\x97\xa3f\xbc\xec\x86-^\xed\xbeGS\xdf\xd0G\x8cZ\xf3\xc25\xfe\xff\x1bb\x19#\xfd\xc7\x9a\xa0\xfd%\xdd\x91\xb8H\x02\x15\xcb\xd1\xc7k`\x84\xa5q\xd9A\x8b\x01\xb9H\xf5l\rI\xa8\xd6\xd5\x85\xb7\x0b4.7\xb8|b\xe0ntB\x11p_\xa7\xb7\xf7\xedA\xda&gt;VF\x0b\x9e2\\CB\xc5T1\x04b\xe5B2\xca\xaa\xab\x03Q\x88\xb9\x13SL\x84\xeb\xb1V\xf1&gt;\xc5\xcc[\x11\x92\x83\x0c\'\xb4&lt;N\xddA(\x8e\xd82\xc8\xa5\xce\xf5\xd3m\xe1\tG\x80\x83\xder\xae\xf1|\xa6a\x8c\xf9\x05N\xcdT\x02\xdd&gt;`g1r\x95\xb9\xdby\x17\x18E\xf2J\x0b\xa0\x0c\xd94\xb1\x97\x99\xa06\xc4\xc9\xd8\xb0\xd2b\xb5m&lt;\x9d\x03\xae\xdf{I\xd7- \xaa&gt;\x9f\xd6\x97]3C2j\xa5\xdb\x81vJxT!.\xf8\xd1\x00\x1bz$\x1d\xf7\xc7\x18\xf3\xd0\xd3gh(\xb0\n\xf3GK\x19\x10\x0c\x16\x80\xf8\xc9/=U\xe1\xec\xcc\xa5?\xdd\xee\xc2\xbbLP~I\xf8\x8d\xeb\xf3\xb6*\x1by|\x0e\x1e\x17q\xf5\'{\'l\xde3\xa9/\xc0\x91\xc057\'s\xe0\xb8Os\x81g\xa3\x95i\t\x86-B\x10\x14\xdf\x80RS]:\x06\xa4q\n\xcaGf!b\xa2)}\x7f\x06gv\xe1\xf3x\xf0\xe8\xe0\xe7\xd4\x87\xc8\x1f\xa7\x1f\xda\xaek \xe9;\xeeJ\x8fy\xd3\x8b\xfb\x0eA\x94\xf2:\x91\xfa\x1ak\xbe\x9a\xff\xd0\xf7\x8e\x9f\xb1\xfc\x7fM|\xc6\xfbS\xaf\xf8iSu\x05\x16\xcc\x8d\xd3\xd4,\xaf\xcbg\x80\x9e\xdb;\xba\xc5\xc4\xff\x8bMX\x81\t![p\xbf\xd9\xb0Y\xcf\x97\n\xbc\x9d?\xa8\x14\x96=\x89\x97\x81t\xd9A\x05\xc2F\xbe\xdf\x93\x162\x0cq\x86\x85\x91\xdd\xcc\xd4hM\x12&gt;L\xa4\xc6\x89+\xa7\x12\xc3\xfb\xaaP4\x07uH=*+\x84\xd7\xad\xaf\xeey\xfd\xe4S*\n\x17\xd2&amp;\xc8c\xa4G\x94m\x11\xa1\t\xfd\xac\xf9\xd1!\x80t\xec\x1e\x89xS\x13\x15\xdb\xbb\x0f\xf0=\xe8\xee\xc9\xbe\xd3\xd4p\xa5\x99\xab\xcb\xe5[\xa2\xf3\xe6\xe9/\xc7r\x898\x83A5\xd78.sZ\xe0\xc3\xa5N\xc3\xfc\xea6\x19ykk#\x99\xc0\x95\xf2?tY\xda\xdc\x17v\xaa,\xa05\xf8\xf0:n\x8d\xc0\xc0\x08W\xd5\xe73\x16\xc7e\xed\n\\YD|\x90\xce-%\xf6&amp;\x92\x89\x91t\xd44o\x90\xbf\xd1HKm\r\x1d\xa8V\x90\x99m\x95b\xdeR\x16$\xfeZ\xd7"_\x80~*\xb9\xa9Z\x12\x0b\xa7\xfcB\xe0\x0b\xe7\x9b\xaa_\x91\\W\x8d\xf9\x19\x95;9\x87\xb3([\x9f\xd5[\xa1\x98HZ*e2\xb6%&gt;r\xa9\x15\xc5\x9a\xa3\xdee\x87?\x0e\xc6\x80\xf6FY\xd7\xed\xc6\x89\x03\x8dK\xf2v&gt;\x08\xd3f\xe1\t\xb5,\xb7\xfa|&amp;\xeb\xef\xe3\xf5\n\x95\x00\x9eh\xeb~~(\xbf\xa3~\xa3\xfa\xabO\x0f\x07\xf3\x19\t\x17\xd7\xdaaB\x16\xc2\xe2\x0e\x06\x1c\x80e&gt;\x85\xec\x87_\x11\xa6\x1f\x07\\K\x9a\t\x9fN!~v\x90.O\x071D!(\x9a\xdaC\xe9)\xd1v\xb8g\xd3\x9d-\xe5\xc1&lt;U\xb1\xe5\xc0cT\x1c\x94A~\x0f\x8b\xc8\xa3\x98\xe3\xb6\x04\xa4&amp;\x89\xa6\r\x85\x95\xde-\xc9\xdc\x06b\xd1\xa8\xfb\x84\x8dBzk\xcaWjS\x02\xc1\xd24W\xf2\xe2!\xa2\x0b\x9b\xba\x9a?e:/!w\xa7\xfc&amp;\x07\x0e\xe0f\xf0\xd4\xf8"\xe4w\x8a\xfc\xc9qq\xd6\xe1]\xaf\xfb\x9a\x98\xa3\x04"\x07M\x00T \x9a\x12-n\xf3y\x1b8\xa8\xf7\xb3\xc5;)\xfc\xbd\xc6\x9dyO\x9e\x18\x127\xf8\x9em8\xd4\xb1\xf5\x90\xf6\xbc\xd6o\xf4\x1a\x1b'</t>
  </si>
  <si>
    <t>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</t>
  </si>
  <si>
    <t>b'Z\xe0\xc2\xeac%\xe8\x8f?\x8a\x83\n\xaf=\x1e?'</t>
  </si>
  <si>
    <t>d at that very moment a door must have been opened somewhere
downstairs; for a great rushing draft blew along the passage and the door of
the room they sat in was blown open with a crash, and as they both jumped to
their feet the light was blown out and the crying sound was swept down the far
corridor so that it was to be heard more plainly than ever.
"There!" said Mary. "I told you so! It is some one cryingâ€”and it isn't a
grown-up person."
Martha ran and shut the door and turned the key, but before she did it they
both heard the sound of a door in some far passage shutting with a bang, and
then everything was quiet, for even the wind ceased "wutherin'" for a few
moments.
"It was th' wind," said Martha stubbornly. "An' if it wasn't, it was little
Betty Butterworth, th' scullery-maid. She's had th' toothache all day."
But something troubled and awkward in her manner made Mistress Mary
stare very hard at her. She did not believe she was speaking the truth.
CHAPTER VI
"THERE WAS SOME ONE CRYINGâ€”THERE WAS!"
The next day the rain poured down in torrents again, and when Mary
looked out of her window the moor was almost hidden by gray mist and cloud.
There could be no going out today.
"What do you do in your cottage when it rains like this?" she asked
Martha.
"Try to keep from under each other's feet mostly," Martha answered. "Eh!
there does seem a lot of us then. Mother's a good-tempered woman but she
gets fair moithered. The biggest ones goes out in th' cow-shed and plays there.
Dickon he doesn't mind th' wet. He goes out just th' same as if th' sun was
shinin'. He says he sees things on rainy days as doesn't show when it's fair
weather. He once found a little fox cub half drowned in its hole and he brought
it home in th' bosom of his shirt to keep it warm. Its mother had been killed
nearby an' th' hole was swum out an' th' rest o' th' litter was dead. He's got it at
home now. He found a half-drowned young crow another time an' he brought
it home, too, an' tamed it. It's named Soot because it's so black, an' it hops an'
flies about with him everywhere."
The time had come when Mary had forgotten to resent Martha's familiar
talk. She had even begun to find it interesting and to be sorry when she
stopped or went away. The stories she had been told by her Ayah when she
lived in India had been quite unlike those Martha had to tell about the
moorland cottage which held fourteen people who lived in four little rooms
and never had quite enough to eat. The children seemed to tumble about and
amuse themselves like a litter of rough, good-natured collie puppies. Mary
was most attracted by the mother and Dickon. When Martha told stories of
what "mother" said or did they always sounded comfortable.
"If I had a raven or a fox cub I could play with it," said Mary. "But I have
nothing."
Martha looked perplexed.
"Can tha' knit?" she asked.
"No," answered Mary.
"Can tha' sew?"
"No."
"Can tha' read?"
"Yes."
"Then why doesn't tha, read somethin', or learn a bit o' spellin'? Tha'st old
enough to be learnin' thy book a good bit now."
"I haven't any books," said Mary. "Those I had were left in India."
"That's a pity," said Martha. "If Mrs. Medlock'd let thee go into th' library,
there's thousands o' books there."
Mary did not ask where the library was, because she was suddenly inspired
by a new idea. She made up her mind to go and find it herself. She was not
troubled about Mrs. Medlock. Mrs. Medlock seemed always to be in her
comfortable housekeeper's sitting-room downstairs. In this queer place one
scarcely ever saw any one at all. In fact, there was no one to see but the
servants, and when their master was away they lived a luxurious life below
stairs, where there was a huge kitchen hung about with shining brass and
pewter, and</t>
  </si>
  <si>
    <t>b'\xce\xde \x98\x00\xb6\xd0\xea\xcc\xb8\x8dO\xdf\n/G\xe93X\xd7|\xc6\x19\xe8\x84o\x0e\xea6W\nd\x8cr?!\xe5\xab/g+qQ)}&amp;\x1a\xea|^\x82h\xc5\x12\xf6\x83\x81\x94\xd3\x94Y\xc4H\xcb&lt;\xcc JBR5Cj\xb4\x9a\xa2\x10;\x80\xd4\xab\x88\xb4\xb2\x9dM\xa2\xdb1\x84\t\xb1\xaf\xac\xadK\x0c\xc9\x19O\xa1\x10\xa8\xe5=\xd7u\x8c\xff\xc6\xa5\xf8&amp;"6L\xed2g\xb4D\xfb)\n\x9au\x89\xb7o4\x1f\xa8!\x04\xe4\xc1\xf0\x1c{_"\x07\x1e\\\xff\xd15B\xf8*d\x86\x93e\x95.\t\x08qIi\xdb\xe3\x1a\x82\x1b\x0f\x7f%B*;\xd8\xf7*\xbeo\x9b\r\xfc\xd2\x14~d\xef\xe50\xd3\xed\xdd\x8b2\xff\xdb`:\xcf\xf7\x17\xf2\x91\x82\x17\x10\xc4d\x9d\x11\xd46\xa5J\xf7\xbdB\xf1\x83D\x18b\'1]\x87\xa1\xfa\xbe\x9d\xf4\xbc\x91\'gX\x07+pJ8\xb6,\xbfl\xd0\x0bb\xec&amp;\xb82ww\x11\xb9\xe3\xdaTJ\xee\x96&gt;\xf8\x9a}\x12\x027\xe0N6\x9b\xf1\xaf\xbbE\x1e#\x85\xf1\x03U1\xa0X\x84\x0b\x90/\xe66\xbe\'\x85\xaf\xb1c\xbdX\xe2\x80\xc4P\x10`\xec\xaa\xdc\xd4-h\x86\xaa!\x06At\xb9\'&lt;\xb7BX\xb0\xe7K\x94\xae^\xeb#\x8d\xd8A\xbc$ms\xa6\xdc\xdb\x81\x84vX\xd4\x9a\x12r\xb5\x02zu\nc\xf0\n\xefD%\x14m\x8e\xdd\xc7\xe8\x94\xe4\xa0i\x007\xf1\xb5\xaf2\x9d\xeb\xdc\xd7TN;;\xda\xda\x81\xf7\xb9\x1d\xcc\xe3\x95:M\xe8];\xda\xa9\xdb\x14W\xafN\xb3\xee\x15\xbc3b\x08\x9a\xd4RW\x12\xf8\x86\xb1\x8f\xe5\xd6d\xce\xdd\xf9"\x13\x9d99&gt;\xf6\n\r\xf2\xba\xc5T\x9c\x10\x19}8\x07\xa8\x16F2\xa5\xf7O\xfc.\xacE\xe8\x14\x89d\xd9U\x8a0\xb1c\xf8\xd7&lt;.\xa8\xc33/,\xb59&gt;d@\xb7\xd1\xb8F\xde\xdbS\xdc\xa4\xc2\xf2\xb9\xeb\x00\xd0I"s\xe6\xc2&gt;r\xe0\xd1m\xd7:B+\xac\x18\x8b\xe1\x9fv,\xea\x0ctA\x17\xf6swo\xaa@ng_5\xf02ItB\x8c\x19?}-\x9fYO\xc8\xbe\xc0go\x003\xc0V\x8a\xf0\x7f@Y\xfb\xd7\x97\xfa\xa6";\x91\x8f\xf7;\xa05\xf2ch;-EOu\xa5N\xfa\xaa\xbf\xcf\x8a\xe2\x1c\xa4I\x08J\xaa\xe0(W&gt;\xa5\xb7\xf7V\x91\xe2\r\x0eQ\xe8,A\xd66:xb(\xe2\x9fJ\n\x194\xd0\xb3^\xcc\x9aqp\x9a1\x16\xb7\xa4:h\x02\xa7\xf4\xd2@F\x88\xedCKu! \xb6\x059\t;\xa1\xce\xc1\xf2,\x87\xd8\x17\xd8\x17v&gt;\xec\xe9\x92rv\xa3\x84\\\x01xbF?\xbcA\x01\xc9\xf9\xf7\x9fO\x7f\xc8\xaf\xb0\xacN\xda\x0b\xf0\xf6\xd6\xdcG[\x00\x1d\xf2[\x15\xeb\xfa\x96\xb0\x95s*F\x1c`1^\xdda\xb2\x0b\x7f^\x85u\xd7\x81\\\xf8\x94\xc0\xaa\x1d\x16\x82E"\xcf, \x02\x90\x80CF\xc6\x08\xee\xcc\x1aI\xad\x7f\x01\x01\xb4\xb1\xf3\x95W\x7f\xd6\xbd\x8ahz\tm,\x1e\xc1,\xb1\xad\x8c\x7f\xc2\xb8m\x80\'\x844\xde\x81lp\x02\x83\xaa\x1d=\xc2\x1e\x0bz&amp;\xc3|~\xc1\xa7L\x02\x17\x9cN\xb6\x06\xc0\xbe\xc2J\xbcc\x1a6xu\xa5V\x18\xe6\xb2W)\xe1\xe9\xc4\xdd,\xee\xea\xbe\xd2\xa5\xe4\xf0\x0e\x83FN61f\x13\nI\xd8\xc7\x1eG&gt;\x12;)g\x9d\xe0\xd86\xd4\xfek\xd5\xc8\x92\x8d\xb1ig\x16w;\xa4\x9f\x0b\x9c\xdf\xc8\x1bQ\xc0\x05\xdf\xf6\xce\xe0\x83!{\xc5\x16\xae\xe5x\x16\xc7\x97\xd5\x11\xf3\xbe\x16\x91\xa9\x01g\x97\x87\xf9\x85\xc1*2\xb71\xbf\xcd\xad\xdc\xad\xe2s\xc3\xf0d\xdah\xba\x05\xa71\xcb\xd5\x0e\xa0\xd2|V\x0e\x9d\x9e\xabu\x06\x10:\x01\xa7\x97\xb5\xbb\x1d\xe8`\xce\xca\xbc\xa9X\xb2\x8f\xeb{\xef\xde$\xa4B\xce\xd9CQ,\xbd\x8d/\x05\x8c\xff|\x84\xcf\\)\'n0\x13\xdb\xaa\xd8\x84\x8d\xc8,\xc7\xeeJ\xb2\x92?Gf\xdb\x00A\xbb\xb7\r&gt;.\xf2C\xf2,\xf8\xc2Gb\xc2\xfbE\xe2?n=CM)\x92\x16\x9b\x92UI\xd0\xff\xde\x07\xd4Z\x96\xf2"&lt;\xa3t~\xc1\x08P\x80u\x96\xc7hQ\t\xcd\xb6]V\xbd2\xedh\xe9\x00\xcf\xedpv\x08_\xbc\xfa\xae\xc4\xb5\xc7t\x83\x85V\xbc\xa1\xdc^]aU\xa5\x14\xfc\x92\x11RC~\xe8\xaf\xe6!\x87\x1a\x8e\x86\xa7d\xf8\xc0\x11\xe4\xbd\xc2\x14\x07\xa8\x84\x1d\xfd\xfb\x1e\x13\xd1iu\xd1\x88\x7fD\x83\xba\xc7\r\x12O&gt;\xf7Y\xfe\x92Vn\xf5\x81\xda\x17j\xacJ\x1e)\xf2\x87\xfb\x155+\xc8g\xbfj\xf0\x98\xc6\x18\x8e\x1f\xa2\xbbL;\xa6\xc5\xb9\xda\xf3\xf5yH\x8a\x18\x1c\xea\x93A\xd8\xc3s\x14\x81\xb1W\x95\xe5\xd3\x10$E\x88l\xc5\xb1~\xab)O\xc4\xb0\xf5\xa4\x17L\xd8\x0e\x91\xa9\x1f\x18\r\x00\xe6\xdc\x0c9\xa5\xb2t\x86MY\xf2\xf4G\xae\xde\xfe@\xf2\x00W\xdb6\xa0\x94&gt;\x14M\x13jQh1\x9aN\tuj\xf9\xc1\x9fg)\xed\xb8\xf7\xbb\xf4\xe0\xef0\xb6\xefR\xbd\xc6\xdc\xa3\x01\xfa\x16\xc4%s\x7f\xed\x1c\x9f=N\x1c\xf3\x98\xa7\x1fs5+\xae"\xe4\x1ek\x83\x98\xbc\xbb\x8a\ti~\x13j%\xfe\x85V\x08V\x1cD0\x8a\x8f&lt;\xf5\xeawrz\xd7\xaaX\xdf7x\x9f\x8f\x7f\xd3\xad\xdf\xe0\xbc-[)# y\xd7ho\xcb\xde\xe9m?\x1e\x96\xb0;G\x9a\x0e\xc6&lt;\x89\x1fC\xee\x16\x15D{i\xcd\xb6.Yn\x92\xbb\xbe\x00M\xfd\xfc-}b\xa7ekc&gt;,aJ\xb1Q\x14\x04\x81Pi\x1e\xde\t\xf6\xe0\x8e\xc2\xde\xe0D\tT\xcb\xdb5\xba\x88f{9~2\xb9\xd7\xf0\x0b\x85{}\x1f\xec\xae\x18O\xd1\x9feW\xbd\xcc}\xa6M\xd6\xc2\xde/\x93\x84\xcd\xd9qN\xbb/B\x15\x92\xa6.\xf7\xa2\xa7\x9d|S\xbat`\xd59\n\x06\x17i\xd9\x15q1%\xcc\xc0\xe5\xaaM.\x07s\xef}\x00\x93\x1b&gt;1y\x9a\xc9\x84\xael\x8b\x10\n&amp;\xe5\xa2a\xac\x045\xe0\xac\x9b\xf5\xa8\xab\x8e\xd1\x14\\\xfc\x13\x90O\x10\x02s\x89\x17;HZt4B#\x07\xa8;+"\rt\xe2\x06)e\xe7\x86C\x18\x10bH\xeaE\xde\x1f\x9a\xb4\x1a\xc8\xa7\xe7\xf7\xdd\xfb`P\x03\x80\t\x13\xe4\xdd\xc6\x90c\xbb\xbdQ&lt;\xad\x82\xb7\xafy^y\x0c\x87\xe2\xb3\xa1\x15\xdc\x9c\xcc\x7fen\xb9\r\xa4\xb4y\xbb$\xc2\xe16\xf6\xb3\xd4\x86_\x07\x8e|\xe4\xe5Wq\xd7|$=\xb9\x11\xf0]\x945\xffH3#\xb1\xf9\x05o\x81\x86\x17\xa9`D\xec-\xb1\x11\xef\x8b\x1d\xc31)`*\x8d#}\xdc/\x9c\xa9\tXi4\x0f\xe1\x13\xa8\x02\xa1\xeb\xd9\x1e\x86\xb6\xa8|x\x9f\xe2l\xec5\xfe,O\xe6IA\xa7\xfc\x06\xb2)MJZ\xe2\x1e6~\x89g*\xa1\xb2\x8b\x13-\x97&gt;\xfc\xd7\x17\x15]~\xb6\x8cc`\xe8\x0cv\xc4\xf0s\xc0\xa8 \x7fZ\xf2\xdfx\xba\xb9\x08L\x9e\xab\xd08\xde\x9a\xbei\xd3\xeb.\x11\xeb2\x1e\xd8\xc9\n\xd1#\xf9\xec\xeb\xb6\x80\x80\xc9\x12\xaf\xfa|\x8d\x06\x88\x0e&amp;\x9e\x8aM5\xb4X\'\x07[7\x19\xd6\xeb\xd0R\xfe\xdd\x1b7EfZ\xff\x148B\x10&amp;\xa07\xf7\x87q\xd5d\x1d\xa3Il\xd1C\xa5\xa7\xab]\x83N\xc6\r\xd7\xe2\xe7;\x9e\xc1NOb\xcf\xbf}\xb9\xe6w\xad\xcdf\xe1 \x89x\x19\x9e\xf6\xfb\x08&gt;\xa1\xb8\xf2\x83\x16\x0f;t\x1e\xf3\x93\xd4\x8c\xd4W\x06?\x86\xc1i\xa8\xff1X\x0b\xef\x1dp\xe0\x01}\xa4\xa8\xb6\xc0\xa7m\xfe\xbf\xb8\xd5\xb8X\x8d\xbc#\x9c\x17\x9e\x14Uv]x\xdb\xb4\xa4\x8a\xa5\x846%f\x0f5\x91B\x83\xb4uW\x8cJ\x1dF\xb2\x84\x12\x1bWA\x86B\xb6\x00q\x1a\x96{\xbdT\xed`w(\xe4C\x08\xda\xa6~\xf9\xb4x\x1b\xa8N\xeb\xa6M\x1b\x07\xca\x8eD\x8f\x14\xadb\xba*\x06Z\xf4\x92\x10\\\'\x8a\xe2\xd3=\xe7\x81e\x84\x00\x0c\xaf\xce\x07\xbf\x8f\x87l\xbe\x90B\xed~3\x96\xd6\xf9\x15\xb5V9\xc1\xdd\xa8\xe7\x0f\xf0M\x8b\xfc@\xc2TP\x7fa\xfb&amp;\xac\x03\xcd\xe4\xd8\xa9\xcd\x08[\xd3^\xa8\x84pl\xcd\xdd\x07\xa6\x91\xae\x01\xfb@!\x03&amp;YD3Z\xe7\x1f\xca\x05\x83\xbe\xe3\xbd\x15\xbf\x1b\xb0\x95\x9f\x10O\x87\xfd\x03$Wv\xd9@\nK\xd9\xdf\xea\xf8\x8d\xa5\x92\xfe&amp;%Lx\xab\xf7h\xa7)\x92\x9f\x88\xaa\x1c\xae\xa2zr\xa0r\xdd?R\xd9z[\xcbc\xfe`\xee\xae\xfc\x80&amp;\x98i\xc5\xf7?\xf1\x00\xbe\xa5\x93j;\x92\xb1P\x14\xd8{*\x98\xf6\xcebi\xe8J\xc7\x11\x92\xc31e\x08\xfbaPS}\x94Gp#\x07\xc2=\xc3v\xff_e`\xb3Z&gt;`\xa1!+%N/)2t\xd5&gt;Z3P&gt;z\xe5\xc9\xe1\x97\x08\xafc\xc8s\x80\xb7\x985d\xe9\x9ar=Y\\\x8f\xf8\xbc\x12\xdek\x05\x99\xa5u\x90\x17W\x1f\x0f\x065N@\xc1|\xbcg\xc3$\xfaO\x01\x9a\r\x8b\xbe\x9b\xfd\x0f\xb2\xcf\xa4\xd0=\xc5 \xcc\x05P\x0f\xe6.\xc1]S2W\xeb-\xb1\xb9\xe6\xe3\xc1\x13\xb6\xb1N/\xdb1\x14)\x1c\x9ec~l\xe5M2\xaf\xbd\x920\xe7\xbd\x93]\xc1\xcdXr\xf5F\xe1_\xb6\xd1\xa3\xe3I\xde\x8d\xceXmo&lt;\xedyP\xc2\xd8\xad\x13^W\xc5\xeb\x19\x8aP\x13\xe5A\xb4\xc6\x9c\xda/4Z\xc9\xe5\x98\x12\xc6\xe9\xb6\x8d\x85\xd2\xbd\xefX;\xcf?\x84\x02Y\x1d%\xe2mf\xc3J9\x9bO\xed\x16\x1dl\xb4\x86\\t\x1b\xf0f$b\x00\xdc\'\xaa\x08t\xe07\xe0\x95\xd6\x106\xd5\xce\xcd\x812\xb2Q\x9fk\xd9j\xf2D/\x95*_\x8a\xfc\x0cnH\xe6)\x96\x81\xc2\xd8\xc5\xdaI!y\x81\x89Q{\x8f\x98\x1a\x82)\xc1\xc1\xfe\xe7\xfd\x15\xa0\xd7/7\xae\xb1\xa9\x81\xc8\xfe\x06[5(:\n\xb3\x8a\'\xa4\xd3G%\xf0T\xd9\xbf\xa3O\xd1\xf6\xbc\x8b\xe1\xbfg\x7f\xd8\xb8\xe9\x9e\x91\xeb\xd8\x0c\xfd\xea\x0fD\x9c\x99Y\xb0\xbaCbO\xe71\x96\x8f\xe7\xd4?\x19\xa8\xa4\xfbX\xea\xc7\x02l\xddP\xf7\xee?5j\x81V\xcf\xcf\x95|\xf8\xf8.m\x99\xac\x03\xc3r\xbf\xbf\xf7\xb8\xa9.e\xdf\xdb)d2\x0b\xa3&gt;\xee{\x94\xaew\xcbi\x95[\xfb#\xa8$p\xf6\x07\xc5D{f\x17\x14Y\x9f\xd4\xe6F\xea}U!\x86\xb6\xcc\xf1\xb7\t\xd2\xe3q\x0e\xba\xbbN\x8b\x14\xae\xe6\x90\xcd\xb0a\xe1e\xcd9s\xc1\xd2\xcc\xec\xde%\xd9\xe2\xf2\xef\x0fi)\xf0\xc7\x95\xe3\'\x04\x05\xd4),\xb8\xb3\xc8\x86\xe1\xc7\xc81\xf5\xd8\xdd\xb4\x1c\xc5\xa5"\xa2v\x92\xcd\xb2\xdav\x01/\xa4\x9c\x91\x8bV*8\xd9_[\xb9\x92\x1f_\xe0\x88\n\x96\xfc\xaa6\xca\xa9\xa1\xa9\xe2\x0fa\r"\x0b*\x1d|\xd4\xc6\n\xb3\xd4^\xf2\xcb\xcc\xee\xa2G$\x18\x16OX\t\xc9(\x8cI\xf9o\xd3lI6\nsL=\xe4\x87@\xc8\xaavn\xa85A\x11\x15n\x98(x\tB\xc5\x07\xa7@\xaeV\xe7\xb1h\x11\xf1A\x0e\xa2\x97\x99&lt;\x0bVF\xac\x13\x81\xbae\xc3\x0e\xf5ll5\xf4Z`!\xf4\xaa\xd2\x14\xcf7\xa0(\xe7\xa2B\xa4bX\xcb\x7fa\xef\\\xdc\xf4\xd3\xa1/\x84\xa6\xb23\xcc\x86\xb2\x1c\xd5\xc0\xa2a\xb6\x94\xd2/\x80+\xf1G\xd6x\xe4\xad`\xf6!\xf0\xb1\x13\x9f\xd9$Y\xc5\x05\x85;BP\xdfU\xb7\x1a\x1cH\x1d\xbf\xa8\xa8\x10:\xf2\xb2\xc4&gt;\xf7~\x1b\x8b\xfa\x9c\xc2\xaf\x842\x17\xdd\x08\xe6b\xe3\xe1\x87\xf5V\x93\x94\xd5\xa4p\xd6u\x8e`^\xabL\x93E59\xa1J#\xd4n \xf4\x8d\xf9\xf8\x1f\xf6^\xa2\xf8\xd7\x02\xe7\xdc\x10\xc7\xa3\x89[\xd78\x8a\x1c\xb8e\x01\x90}\t\xc1\x91(#\xe6&amp;E[4\xf3\xd5\x9cu\x94\xb4\xf5\xddv\x80\x9d\x12\x90]I\x1a\xe7Y\xbcB\xa5\x90U\x99\xfa\xba^v\x12\xb2XE\xfcc\xef7\x99\xda&amp;\xdc[\x11\\\xfc)}i\xaa\xe7G8O\xfcj\xf24\x89=K\x9fV\x98\x06B\xbeM{n\xce\x00\xe9\x1c\xce\x0fM\xfc\xf0\x94\xe2\x9e6b\x05\xe5O\xf8\x15\xf5\xe6\xc2h\x13&lt;\x85\xe4\x0c\x01JgP\x9e\xa3\xfd\t4~\xf9\x93\xdfGv\x94\xf9\xca\xe1\xf8\xd0\xa2\x16\xb4\x1f\xff(\xceV\x97h\x91uO\x83\x96\xe1)6\xd9\x18s\xd1\xb1J\x9c\x13\x8303\xc9\x1f\xd9UU\xe3\xb2\xdc)\x8e\x9cr\xc8N\xaa\xf03\x95\xf8\x9c\x93\x96\xde\x14y\x8b\x14=\x85\x0c\xda\xca\xe5%\xc5k\xf62[/\xce\xce\xfd\x92|b\x9f\x19\x07\x19\x013\xe6\x91\x95\x8f\x94C\x04\xe0zS\xden\x89\x08k]\xfa\xf3\n\xf2S\x1eF#a\xd6\xcf\xc0\xf0\x97\x90\x802\xed\xc5\xf0\xaaN\x87\xc9Y*\x91\x1f\xb4:\x947D\x8bT\x98\xd9\xa5\xfd&lt; \xd27\xe0\x83\xe1[\xa6].r\xa9\x18\xd9\x14N\xee\x164\xd4\xc8\x05jX\xdf^\x03\xd9e\xf2\x1b\xb1\xad\x13\xb7v\xe4?\x03\xb0\x15;\xec\xcd\xb9\xa8\x13\xa9\x1b\x14\x15\xd2\xb6jT\xd1\x89\xe33\x8b\xe0i\xa9]\xae\xdc\xe9I\x8a\xccH\xa1\x82\xc5n\x94\x0b\x82\xac\xe7\x87[\x9a\xa3Ze:9R\x15\x8a\xcc\rC\x9c\x19f_p\x98v\x00\n\\k@\xa7\xb0\x90^\xd3\xf0h\xbd[\x11X\x1as\x82\x8bqa\x87O\x9frD\xccRf\t\xc4\x18\x1c6\xe6\xe8\xd4(g@\xa7i\xe6 u=\xe0\xeaQ\x1b\x8b\xea\x9f.\xe2\xcb\xfc+{\x0fEr\x8d,EA\x967T+\x95\xbeH\x9c\t\xb2\x88\x05\x05\x14y\xb1\xe5\xfd\xb0\x08ti\xf6\xaf\xc5h\x14\xf5b\x02\x0c\xf3\x01\xee\xf0S\x8fU\xf0\xf8\xbea\xca\xce\x02X\x1b\x89\x83\xb3\xfc\x9d\xcc\xf5\xd6\xc3\x00"\xce\x96\x846\xd53\x1e\xc8B\x19e\xfaM\x91\x94\x9b\xdfA\x16ApO3Xa\x16\xc7\xc9\xd4\xa2\x99\xfc\x9d\x88\x0bT\xdb\x86DLF?\x02\xdd5\t\xd3 \xaa\x87\xe3N\x01\xbbtt\nTO\x05L\xd1*b!\xa8\x99\xae\\\xde\x04\xa1m\xa28"h\xb2\xdd\x96u(\x98\x1f\xd45\xb0\xc9\xe4 D\xc4\rg\xa2\x97\xdad.\x05`\xdf\x9f\x16\xf2\x1d\xc5+bL\x82\xe8\xf7r\xde\xb6\x00\xf0\xa7\xc2\xec\xca\xdc\xb2\xb3g[,\xce?\xaa\x02=\xc9\xd7\xf9JA\xe8\x0f\xb7\xe3\x9d\n\xff\xbf\x0b\xf0=\x0bK\x84\x0f\xf54\x00*TX#:Q\r. \xfe3c\x0ev\x82o,\x83gP%\x7f\xc8\xa5\x9b\x81f\xa9\xdcq\x9b\x91\xa9\xc9\xb3N4\xba\xdb\x94%:\x1b\x9fI(}\x8a\x147\xf9\x91\xa6\xd1\xe9\x99\x9a\x8b\xd0\x1c\x06Q\x1e\x95\xc6a\x96B\x15\xedm\x16\xcc^\x8d{0\x13\xe3\xd4\xa2\xc5Jf\xd0?p\xba\x16\xdbq\xbe18\x1a\xab\x94\x17\xf3\xbd\xf4xlC\x7f\xd1\x0c\xe8\xb8\x0bw\x943_\x12\xe6\x8fL\x85\x07m :4&amp;"\\\x9a\xac\x95\xcc\xb7\xc2\'$\xcb;\'\x14\xf2\xaf\xa3Z\x06\xe4\x7f\x9f7\x066\x8dC!C\t?\xd0pA\xcc\t\x1f\xd6i&gt;F\xf6\x07\xdb/\x8a\xa7GB$\xa6k0M\x96Hr\xd0\x9f\xf9\xa2\x07oy'</t>
  </si>
  <si>
    <t>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</t>
  </si>
  <si>
    <t>b'\xce\xde \x98\x00\xb6\xd0\xea\xcc\xb8\x8dO\xdf\n/G'</t>
  </si>
  <si>
    <t>g she
 could gain no information, left them, making noisy petitions, for more
 wood on the fire and more supper on the table.
 'And now, ma'amselle,' added she, 'I am so sleepy!â€”I am sure, if you was
 so sleepy, you would not desire me to sit up with you.'
 Emily, indeed, began to think it was cruel to wish it; she had also waited
 so long, without receiving a summons from Montoni, that it appeared he
 did not mean to disturb her, at this late hour, and she determined to
 dismiss Annette. But, when she again looked round her gloomy chamber,
 and recollected certain circumstances, fear seized her spirits, and she
 hesitated.
 'And yet it were cruel of me to ask you to stay, till I am asleep, Annette,'
 said she, 'for I fear it will be very long before I forget myself in sleep.'
 'I dare say it will be very long, ma'amselle,' said Annette.
 300
 'But, before you go,' rejoined Emily, 'let me ask youâ€”Had Signor
 Montoni left Count Morano, when you quitted the hall?'
 'O no, ma'am, they were alone together.'
 'Have you been in my aunt's dressing-room, since you left me?'
 'No, ma'amselle, I called at the door as I passed, but it was fastened; so I
 thought my lady was gone to bed.'
 'Who, then, was with your lady just now?' said Emily, forgetting, in
 surprise, her usual prudence.
 'Nobody, I believe, ma'am,' replied Annette, 'nobody has been with her, I
 believe, since I left you.'
 Emily took no further notice of the subject, and, after some struggle with
 imaginary fears, her good nature prevailed over them so far, that she
 dismissed Annette for the night. She then sat, musing upon her own
 circumstances and those of Madame Montoni, till her eye rested on the
 miniature picture, which she had found, after her father's death, among
 the papers he had enjoined her to destroy. It was open upon the table,
 before her, among some loose drawings, having, with them, been taken
 out of a little box by Emily, some hours before. The sight of it called up
 many interesting reflections, but the melancholy sweetness of the
 countenance soothed the emotions, which these had occasioned. It was
 the same style of countenance as that of her late father, and, while she
 gazed on it with fondness on this account, she even fancied a
 resemblance in the features. But this tranquillity was suddenly
 interrupted, when she recollected the words in the manuscript, that had
 been found with this picture, and which had formerly occasioned her so
 much doubt and horror. At length, she roused herself from the deep
 reverie, into which this remembrance had thrown her; but, when she
 rose to undress, the silence and solitude, to which she was left, at this
 midnight hour, for not even a distant sound was now heard, conspired
 with the impression the subject she had been considering had given to
 her mind, to appall her. Annette's hints, too, concerning this chamber,
 simple as they were, had not failed to affect her, since they followed a
 circumstance of peculiar horror, which she herself had witnessed, and
 since the scene of this was a chamber nearly adjoining her own.
 301
 The door of the stair-case was, perhaps, a subject of more reasonable
 alarm, and she now began to apprehend, such was the aptitude of her
 fears, that this stair-case had some private communication with the
 apartment, which she shuddered even to remember. Determined not to
 undress, she lay down to sleep in her clothes, with her late father's dog,
 the faithful MANCHON, at the foot of the bed, whom she considered as a
 kind of guard.
 Thus circumstanced, she tried to banish reflection, but her busy fancy
 would still hover over the subjects of her interest, and she heard the
 clock of the castle strike two, before she closed her eyes.
 From the disturbed slumber</t>
  </si>
  <si>
    <t>b'\xc5C\xc9\xad\xc7{y\xed}\x81\xf5\xa8@4\x81\x7f%:\x8b\xc4\xa4\x99\x95\xbe&lt;\xe5\xd9g\xfc"\x03\x8f\xcd\xa5\xd5\x886\x06\t\x88t\x18\xff[\xb7\xf8\x86\xbe\x95,\xe1\x9d~(\xe3\r\xe9Pu\x07&amp;\xeb/R'</t>
  </si>
  <si>
    <t>c543c9adc77b79ed7d81f5a84034817f253a8bc4a49995be3ce5d967fc22038fcda5d588360609887418ff5bb7f886be952ce19d7e28e30de950750726eb2f52</t>
  </si>
  <si>
    <t>b'\xc5C\xc9\xad\xc7{y\xed}\x81\xf5\xa8@4\x81\x7f'</t>
  </si>
  <si>
    <t>395. A later work in this category is the early sixth-century
New History of Zosimus, written after the dissolution of the Western Empire by a
pagan author to chronicle, in a mirror-image of Polybius on Romeâ€™s growth, Romeâ€™s
decline. From Augustus through the Severan dynasty its coverage is very brief indeed;
thereafter it is increasingly (but irregularly) detailed, and has lost its section on
Diocletian. The work ends, unfinished, at 410 CE.
Constructing a Narrative 29
Just how abbreviated these summary histories are can be seen from the number of
words they devote to the reigns of a sampling of emperors:
Trajan (98â€“117): Victor 312, Eutropius 405, Festus 86, Epitome 298, Zosimus 1
Pius (138â€“61): Victor 92, Eutropius 137, Festus 0, Epi</t>
  </si>
  <si>
    <t>b'\xf6\xa8\xf1\x07\x8a\xc2\xddn8\xd6\xe2\xbeA\xc0JVo|\x04\xc4;\x8b\x99!z\x8e\xccg5\x85\xd9\x83B\x0fl\xad\xdc5\x05\x06\x83n\xff5\xe217\x0f\xfb\x9fM\x1e+\xd2\xeaw\x1a/c+\xdf\xc4%\xa7\x0e\x9c\x8f\x12@\xe1\xd5\x92\xb5\xd7\xa9#\x9d\xe95\xe6\x94\x0c\tI\xe6\x9cZ \xe1\xec\xd8\x9a\xd8\x9a\x93L=\xf4\xd5\xf4T\xe5\x03:noq\xc9\x04\xad\x8bo\xba\xd9s\x1f~\xd1\xdeRp\xe0\xaf\xf3A\x10~&lt;\xdc\x06J\x85\x05\xab\x17\x17\x05(&lt;\\H\xae\xd5l\x90f\x90\x18\x01\xad\x8a\xc6\xbb\x06\xdc\x0fE\x84sB^\xf7\xc8*!K\x92{fr\x15\xa9\xc1\xd9\xcf\xa6\xf6\xf7\xa8\xc5\x8d\xd3o\xfa\xd8\xda\x0e\x82w\xdb\x01M\xa4n\xcdX\x04!\x05A\xe1\xf02#\xb3\xdd,\xd6\x8b/`4E\x87G\xac\xe9\x0f\xa9(s\xba[\x97iB\xd7\xb9k\x9e\'I\xd1B^TE\xf4\x81 /\xc5\xe6\x0f\x8d3rj\xaf\xcb(P\xb8\xb4\xa9ts\xd5m\x87\xb5\x80\x16\x15\x88\xe6\xb2d\xe0p\xe6x\xf7\xd6\x95\x96`"\x9f\xc4\x94\xe2\xc13UI\xe9\xb6x\xed`*\xf0\xba\xf8~\xd0*(\xa8n\xe9\x18T\x9c\xc9\xef\r\xd1O\xc2\x85\xa2}?\xf9\xad\xed1\x03?\x85\xb6\xcc\xad\x102i;M\x94\rJ`D\xb6\x03\xa0\xc6\xa4\x07\xa9\xa2\n7\xec\xfe\xf39\xd3\xdf\xd8")A\x04\xf0:F\xae\xe1\xd7i\xaeX\x8b\x16p\xfecA\x15\xa3\x90\xcfb\xb3\x88\x90j\xcf\xb4\xc2u"1W\x19\x04r4\x9a\xddG\x1e\xaa\xb9"D\xe4\xe3\x06\xa6[\xadA\xc62\x0b\xaf\xf3fL\xcb\x99\xff}\xbc\xa9\xec\x0f\x83S\xaa\x01\xed\xfe\xb3uQJ\xfdy\x88\xf0\xe9\xdb\x04\x04\x81\xccKn\x18.\x8e\x07l\xc5\x99\xa9P\xb0\x12\xccS\xaf+\x11\xb0\x1eY\x90J\x18\x14g\x7fN\xf2\xc62E\xfdoj\xdd\xea\x0b\xc9\x1cl\x01\xce\xd9\xea\xc1\x02:\xb9\xc0\xf2\xd7$&lt;m\xbf\x1f\xfd\xdd\x1a\x14\xc3\x18\xf1\x8b\'\xd2\x17;\xa8%\xa9_\x14-$?\xf7\xde\x9c\x9a\xfcs\x04\x83\xa1t\xad?\xaa\xcb\x00\x9b^\xa5S\xfc$\xbeT\x0co\x84/y\x9a\x8e\x8a\x12;\xe1\xb4+g"\x84.v\xc0*2_\x02\xa8\xaa\x00\x91&gt;=\x9d\x15\xbf\xb8\xabz\x92\x87\xda}\xcd\x81\x84=\x93^f\xf7\xd1,\xb4DY\xff7\x19\xb5\x80~\x9a\xd6.&gt;r\xb0\x0ft\xe4\x91\x00\xa5\xb1\x87\xc93\xc4M[|\xa8\xde\xd7.::,\x87\t\xfdq\xebkm(\xd0(\xd0\x93[\x03\xe1\xf2#\x00\xa2\xee\xd9e\xfd\xeb\xeb\x1c\xf0Pme\xe9\x83\xa2\xb6\xf8\xc7\xf0i\xb4\x8dE\x18\x81h\xf9\x89~\xf4j8\xf1A#Gn\x92\x1a\x85\xf7\xd5\xb3\xeel\xb1\x1d\x87\xe9\x93D\xee5\xe6_\x98z\xa1\xdc]\xa8\xe7,\x08\x03\xd4\xf7\xef\xda\xef\xadpnH\xfb\x7f\x95\xaf&amp;\x93[.`\x13\x1e)~KL\xddL\xa7\xf8KejCX\x11\xe0&amp;*|\xe5\xf1\xb6c\x0fX\xcc\xa3|\\\xb41\xda\xdcR4\x0e\xca\x97\xfa\x8f\xd6\n\xc5\x0c2\x19\xc5\r_\t\x131-\xc7\x83\xf2&lt;\x05\x94'</t>
  </si>
  <si>
    <t>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</t>
  </si>
  <si>
    <t>b'\xf6\xa8\xf1\x07\x8a\xc2\xddn8\xd6\xe2\xbeA\xc0JV'</t>
  </si>
  <si>
    <t>tailer. Just
 ten years prior, this would have sounded absurd. Internet businesses donâ€™t
 buy real businesses! Internet retailers donâ€™t put real retailers out of business!
 But today your brand may begin by targeting a very small nicheâ€”serving
 a tiny group of peopleâ€”and expand to the masses very quickly (remember
 RXBAR) as itâ€™s now inevitable that brands that do well online will show up
 in retail stores everywhere. Think of it this way: If your product wins on
 Amazon, in a few years itâ€™ll be on every shelf of every Whole Foods in the
 country. Amazon has all the buyer data and will be able to identify if your
 protein powder is performing well in, say, Atlanta, Georgia. And if it is, they
 can immediately put it on every shelf at Whole Foods in Atlanta, followed by
 the rest of the country.
 In fact, this is already starting to happen. One of our community members
 ranked number one on Amazon for a specific weight loss supplement. Soon,
 it was featured in every Whole Foods across the country. Shortly after, it was
 picked up by every grocery chain in America. And thatâ€™s the next stage of
 this cycleâ€”the merging of the online and offline brands, and the acquisition
 of the small brands by the big brands.
 Moving forward, the key to fast growth is going very, very â€œmicro.â€ The
 more specific an audience you can target, the faster you will grow. The more
 â€œnicheâ€ your products, the faster you will be able to release products and get
 to the first million. If you do that, you will be prepared for the next round of
 opportunities as they open up. As other major brands start to adjust to ecommerce, more distribution will exist for small brands like yours.
 Walmart.com is a great example of an opportunity that will expand in the
 future. If anyone can compete with Amazon, itâ€™s Walmart. It has the
 infrastructure, the reach, and the recognition. If Walmart is smart, it will take
 whatever product is killing it on Walmar</t>
  </si>
  <si>
    <t>b'\xab)\x1d\x0f\xfe\xff\xb5\xeay\x10; \x85\xeb+\x02\x88\xb4c\x04Bl+\xa3\xf6\xc9X?\x99#\x18\xc4a\xab\xe1\xc1\xa8\xc8\x93}n#6\\\xd2\xd4\xbaX\xd7\x9fy\x17\x13_\x07!\xfe\xa1\xf7\xfdJ\xa5b\xee\x8fdCz.\xce\x87\xba\x85\xd8\x15\xeb\xac;\xb3\x05\x8e\xbbyaZ\x8cH\x9e \x97G\x10\x98\xca\x1bRJV\x1f&lt;\xbb\xf4f\xd6\x05\xb7lQO\xd6\xc3L\xb6\x7f\xdeYHo\tD\x972\xc9\xb98\x10W:y\x9c\x80\xfd\x95\xbaL^=op\xec\x02\xf4\xf6Y\xb28g\xcei\xd3\xe4\x95\xd4\xce\xa4i\x8a]%V`\xfd5O\xba\xba|\xbe\xb5,_\xac\xb19| \x92\x95[\xaf\x9c\xaa\xd3\x1f\x07\xf0\xd8\xca\x91\x83\x15\x1c\xbd\x8bt\xe1\xa3\xc5u\x93g\xc8\x1aD\x94\x9a\xa0i\xb0\xcf.\xa5\xa8o0S\xfdA\xca;\x93cm\xc0\x0c\xf2EC\xb4(]2\xf9\x81a\xd5\x15o\x81c\xf7j9&lt;G\xedG\x90\xc6YPm\xe4g|\xde\xd7\xba\x00A+\x02d{\xac\xc8y\x1a2N\xbf\xe0\x9d\xa1m\xa3Z\xbe{!\xad4\x06k\xb3)\xb5o\xedN&lt;\xc4\xb8s\x8d\x08?\xb3C\xfd\x8d\x7f4G\x8e2$,3\xee\x04\xe1_\xfde\x986T\x0b\xb3\x02\x16\xb2Q\xb7\t6\xa2\xc6\xb7F\xcb{\xeaZ\xbe\xae\x17\x8b*xz\x83W[j.]Q\x06\xc8=E\xa3_3\x9b\x05y\x11\xe0\x838|\x84\x912\x88\x0c^\x1d)Z\x0c\x0b\xaf\xdfKp\xef6\x9e\xcc?\xae\xc6\x15\xf8\xeb\x19}\xa8[_@\xffz_#\xff\x98k2\xfb\xde\'\xe4f\x99kvIBg,\x0c\x0et\xcdZm\xe4\x00\x07\xf6!\xacl\t\xfd\xf7\x8d\xeeCE\xaf\x94*2\xe5\xd8\x00oT\x05\x1c?M\x88\x8c\x14\x0f0-\xeb\xd8\xfd5\x13T:%\xed\x0bh!\x93\xbf|b\xb25\xef\xbc\xa7\xe3ry\xfd\x9a\xa4/w\xb9Z\xeb\xca|\xfd\xfe#^\xd7.\xb9;2Wj&amp;\xc1\xd0\xc8\x92E\x17\x1b\xfe\x1a\xb0]\x9cN\x1c\x0b3\xc6=\x1e\x9d\x91`H\x15\xb5|U\xec\xea\xf4\xbd\xf5\xb9}\x8a|#t\xea\xbf\x8c\xdf\x0c8\xf55\xda&lt;i\xf0u\x98\xb7b\x9e\xd9\x03\xfak\x055\xc7\x89\xbd\xcee\xffUo\x11x\x83%P)\xb8\x9aG=\xf7\x10\x9f}\xb6\xe7\xfb\x0b\x04\x94\x16\xa6\x03\xb8\x81D\x1a\xacg.G\x85\x88\xd3\x9e\xdaur?\x82vN\x80\x16\x00\x03\xbd\x7f\xd9\x140\xc5\xf8;\xedM\xc7\xb4\xdf\x8d\xf6\xa2\xb9\xb10L\xaf\x92wc\xc7\xc89\xb8p\xecN1\xee,\xc1\x9eUEk\xe0\x00@\xf6\x9e\xee^\xe9\xc8\x8c\x19\'c\x817\xdacB\xc7\'\xf9\x8f\xe5\xf8f\xf2Xs\x81D&gt;.x\xfe\xd8\xe0\xe8\xc2F\x94\xed+\xfa/\x81\xdekXk\x189\x1a+\r\xa6r\xd6\x98\x9aG\xecW\xe6\xfa\x92\xe5;J$,5\xff\x9a\xb6r\xcb\xff\x18~*1?U\xaf\x1ck\xf6\xc88\xbc\xfeU\xb5\r\x9d\x86\x8d\x17\r\x9b\x8f\xc6S\xeag^y\xf8q\x1f\x8d\x96\xa9\x02#\xfc\xa6\x0c\xdc\x02\xea\x1b\x01L.+\xa7[#\xd3\x9c\r\xc9\x84\xa2\xdf#D\xd3\xa1+\x8b\x03]C\x8f|u\xac=\x97\xf4\xdf\xe7L`b\xb87\xbbI\x105\xa5\x1a$.\x8ccY\xd7x;^P\xcbvl\x800\x80}\xc9\xedz\x9d\x93C\xc5\x88\r\xf2F\x9c\x1b\xfaq\x16F\x86l\x8fP\x18\x0e\xc17\x80\xef\xf6\xb98\x0e/\xd7\r\x81% M7\xa2\x94"\xaf\xc9\xff\x85\x87\xad[\xa7v\x83H\xdd\x93\xb1\x9cQS\x98\xd2\xbf\xa2\xbb\xf1\x8e\xbb0 \x8e\xde\xaf\x16-u@`|PR\x8dRv\x06\xac7\x1b\xf4b\x83i\'\xbc\xe8\'\xeds4\xd9\xd3\xe7\x15\x84M.mJ\x9e\xbf\xe9\xeb\xcd\x86\xb56\x97\xed\xb5\x8af\xcfsm\x88 \x1b\xa9\x15\xb13ewR\xfa\x84\\\xddDZ\xe0\x9d\nE\x1fO\x11\xb7\x808:\x0e\x08`\xfe\xdf\xf8\xbc-h\x8a\xb9\xc2\x17D\x01\xb7z\xb3L\xc3"\xac\x1a\x90\xda\x9d\xc8\xf6\x91\xec(h\xeb\xcf\x1f\x9eN\xc0.\xd3\xd7\x0b4\x9795m\x80/\n\x81D\xbf\x9e\x04E\xe6\xdd\t\xe8\x07\x06OJ&amp;\xae\xd7\xa9|r\x88Y;~\xbf\xd9pt\xb1\xf9E$M\x85\r\xff\xf9\xe1"9\xdbI\x93\n\xcc\xa6B[,\xfd\xaa\xc3\x96a\x82\xc2?\xff\xa0\x80\x04\x01v\xbc\x8c\xcf\xaaF\xc0\xdc\xe4\x01\xcac\xbc\xc5P\\\x8c!\x1d\x8a\xa5\x03\x04t\xbfB\x1f\xcb\xaa\nC\xc2\x7f\xf2\\\x8e\x16`\xe8\xe4An\xb2\x10\xf7\x91\t\xdb76\x95JbmN\x9c\xf6\x90\x97\xb7R\xe1um\x11\xc1\x98O\xe7r\x836S\x8d\'\xd8\xf1,\xbcF\x88\x90DO\xc5\x05\xc7\x96\x12\xf4\xc6\xf7E\x9a\xaaJ 6\x05\xb7\x91D\xa6\x0eQ\x08ij\xf2\x1f\xc3\xc8\x1e\x14\xace\xb76\xffO\xbd\xc2|r\x03\x02\xe8\xb3\xdb\xaa)v.\x1f\xb0\x94\xd9\xfa\nh\x9e\xd6\xef,\xe7\xfb3\x9c&lt;\x88T(\x18\xb6&gt;\xddm\'\x98\x1b\xc3{\xd2K!o\xdd)\xae\xd9ft1V\x0fG\xb9q\xe5o\xfa\x92G\x93\xa2K\xe6\xf4t\x103c\x86\xcfa\xf3\xa0\x1c\x06.\x80\x8a\x14\x19\xe5\xb9\x95\xfetj\xe5\xa5\'\xcd\x17\xd4\xf2^.\x18v\xc0r\x809\xaf7\xd8\xfe\xc8\xb9\xa8\x83\xf1\x93q\xdc\x94G\xd6\xc92\xa2\xc3\xe3VY1\x98U\xf7G\x91\np\x94\xc1\xf7;(O\xee\x83\xdb\x7f\xe5\xa1\xa6\x07\xdc\xac\x9b\xb9p7\xdaly\xcf\x1e\xef\xa0\xd0H\t\x16?a\xae\xd5\x05e\x1c\xb3\xa1g\xf7&lt;o\xf8\x89~q\xaf\x82\xab)\xda{^\xec\xd6y9\x8f\xc1?J-\x90U\x9aK\xf7\x8f0\xac\xfd1\x9c)\x85\xcae\xc0\x9ac\xd8\x87\xd0\xe7mM\tC1\xf7\x86yT@\xfc\xfe&amp;\tt\x04\x06\xe2S\xd6\xf0\x81}We\x18\xe5d \xdb\x0fg9M\x11\xbbD\xbbcp\xda\xb9c._@\xcdh\x00\xc0\x1c\'\xa2b\x9e\x91\xec\xe5\x1bF\x9c\xfa\xd5;=zT]a!\xae7\xb9\x18\xc6\xbb\xc2\xd2\x0b\xe6v9\xdd\\\x9e\xbd\x93\xce\x9a (hTi\x18\xa4~\x85ny\x9fxSy\xbb\xf0,\xc9\xaa\xc5N\xae$\xaa\x94\xa8\xbcT`D\x12\xc9\xd3Exm\xc2\xf2\xf7_\n\xa55\xa6\xf2ad\x1fM\x03\xd5\x8a\r\x87\xa2\xbd5\x8a&gt;\xafe\x00\x01=\x1d\x9e\x96fp\xd2Hv\xf2\xff\xfe\xa2\x91\xa0\xc1\xc7U\xbbo\x04C\xa7(\xa8\xa5\xdc\x888\xb1n\x0f\xb6kh\xa4\n`8&amp;Z\xe0y\x86\xb8s\x94\xf1p\xf7\x7f\x04}=\xe2\x9eDJnk\x1c\x89\xeaVV\xb6wt\xacn\xcb@_tm\xfe&amp;\xc1\xb2]\x0e\xec\xc8A\x90c\x806o\xc0\xc6\x88F\x8aU\x1d\xd7a\xb6aG\x98,L\'\xfb\x87\xb5\xef\xca\xc3\xc7\x94\xb4;\x9b\x01\xd2\x9eb\x05\x10\xf1\x10\xdd$md\t\xa3\x84W\x85\x06L\x01^\xa8\xcd\x84]\xf6K\xf0=\x00u\xbb*N\xe1\x852^\xbf\x8c7\xd6\xf0\x1a\xcf\x81\x1a\xcd8:^\xe7z,\\v\xba\x9f#\xc9\xd7\xa4w\x07 Er\xd2\x170\\\x83\xea\xaa\xd2\xeaUO\xa7\x9e\xcdBHe2\xe3Q\xd6t\xe5\xa3\xc69\xb4\x12wx=5\xd8F\x11\x08-\xdeJ\x04M\x950\x06\xb2\xfc\xca\xe3f\x13\x8b\xcbq\xe1\xf0l\xc5G\xc9e\x0c\x05\x0f\xa5P\xe6e\x0e\xca\xbdim\xa0A\xa1\xdbh\xc7_~mG\x17j\xf2v\xde\x0b\xcdBe\xaf\x887J\xc7\xd3p\xaf%\x86\xd5H\xa8\x86*j\x1cw\xe3\xf4\xd4\x103\x9a\xbb\x92\xdd\x8df\xdd!TD\xb5&amp;f4sci\x9a \xd9\x87\x7fb\xafn\xb8\xae\xd5\xa5\xc0o\x90\xac\x04\xdfe/\x92\x97\xa8K{T\xc2a\x12N=CCd\x10\x89\xba\x1e\x11\x92&lt;\xb8X\xdb'</t>
  </si>
  <si>
    <t>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</t>
  </si>
  <si>
    <t>b'\xab)\x1d\x0f\xfe\xff\xb5\xeay\x10; \x85\xeb+\x02'</t>
  </si>
  <si>
    <t>ly's chamber;
 then shewed him a short way out of the building, and afterwards
 procured him the keys, that would secure his retreat. The man was well
 rewarded for his trouble; how the Count was rewarded for his treachery,
 had already appeared.
 Meanwhile, old Carlo had overheard two of Morano's servants, who had
 been ordered to be in waiting with the carriage, beyond the castle walls,
 expressing their surprise at their master's sudden, and secret departure,
 for the valet had entrusted them with no more of Morano's designs, than
 it was necessary for them to execute. They, however, i</t>
  </si>
  <si>
    <t>b'\xa6\xea?\x9d\x18\xadL\x1ddA0&gt;E\xde\x1b\x89\xd1\xe2:Q\xfaM@l\xa1\x03\xbf+\xc5g\t\x87Ot\xea\xd8"\xcd\x85\x0f\x95/\x86L\x15\x9f\x0b\xdc-\xa3;\xb6.C\x13\xa8\xb9\xc4\xbdu\xfdz\x96O'</t>
  </si>
  <si>
    <t>a6ea3f9d18ad4c1d6441303e45de1b89d1e23a51fa4d406ca103bf2bc56709874f74ead822cd850f952f864c159f0bdc2da33bb62e4313a8b9c4bd75fd7a964f</t>
  </si>
  <si>
    <t>b'\xa6\xea?\x9d\x18\xadL\x1ddA0&gt;E\xde\x1b\x89'</t>
  </si>
  <si>
    <t>may give an entirely misleading impression of how
government worked. Although papyri certainly reveal, for instance, the vast amount
of work that the ancient system of petition and response could create, they also reveal
a much more proactive imperial government than we tend to see in our inscriptions.
Papyri reveal the deep penetration of imperial government into the daily lives of the
average Egyptian. This in turn may shed light upon the development of monumental
writing in the Roman Empire as an epiphenomenon of the documentation required
of imperial administration. The imperial government, as we see it in Egypt, is
dependent upon the collection of data that, in part, marks the status of individuals
at all points in their lives. Is it surprising, then, that we should see a vastly increased
desire to mark the passing of oneâ€™s life in areas where the Roman state introduced a
culture of administrative writing? Likewise the vastly greater pre-Roman epigraphy of
the Greek world would seem, at least in part, to reflect the more widespread use of
writing in civic life before the rise of Rome.
In concentrating on administrative behaviors, we have drawn upon well-developed
areas of scholarship. Likewise, as suggested above, the combination of epigraphic and
papyrological evidence has resulted in significant advances in our understanding of
the nature of the ancient family, and suggests patterns of organization in economic
life. As work continues on the ownership of documents in Egypt, literary as well as
administrative, we can gain a better view of the extent of literary culture, and the ways
Documents 73
in which elite culture spread outwards from the city into the countryside. At the same
time we may also be able to gain greater insight into the limitations of that culture,
and a sense of the points at which Greco-Roman cultural values ran up against those
of indigenous peoples.
The technical demands of papyrology and epigraphy have tended in the past to
dictate that the two disciplines follow parallel tracks. In the future, as studies that
combine papyrological and epigraphic work expand, we expect that the dialogue
between the two disciplines will enable a deeper understanding of the Roman
world as a whole.
ACKNOWLEDGMENTS
The authors would like to express their thanks to David Thomas, Jim Keenan, and
Alan Bowman for advice on sections of this chapter. The authors take responsibility
for errors or eccentricities that remain.
74 Traianos Gagos and David S. Potter
CHAPTER FOUR
Art, Architecture,
and Archaeology in the
Roman Empire
Lea Stirling
Throughout the countryside, streets, and museums of the former Roman Empire are
physical remains of that empire such as aqueducts, amphitheaters, portraits of emperors and anonymous citizens, and terracotta lamp</t>
  </si>
  <si>
    <t>b'~\x865\xbf\xd2\xf0i"\\=zjMN\x0e\xbe\x01\x12\xe8$P\xa6\xba\x10\xc5y\xe7\xa8\x1e\xb2\xf1\xad3PH\xe4\xda\x02AfQ\xc2#\xfa\xcb9\x08\x82\xc1-&lt;Pn\x11\xd8(\x7f&gt;\x16e\x95\xc9]OIJ\xf4\xe0\xca)3\xba\x15d\xa8\x81\xe8\xbe\x04^\xe2\xd4\xca\x1c\x08L6\x89\x8c\xf8\x86\xa5\xe1\x0f\n%\xa4\x13(@\xb3\x9b\x98\x15\xe6Uk9\x02A\x14\xe1\xbfuR=\xe9\xaf\x96.\x8c,r\x0b\xb8*\x17^}\t\xb3\xba\xb7\x9d#F!\x02\x12\xda@\xf6\x99 \x9d\xdd,h \xddZ\x1f\xd9\x81\x82d\x8af\x06\xb9\x1c\xc3E\xcc\xd5\xa1\xad\xc2\x07\xef\x01G9U\x8c+\xa8jv\xba\xf8o\x8d\xe3o$\xf4\x8e\xdc[\xd6\x90\xf8\xb7e\xa4\xaf\xad\xd0L\xcb\xa0\x99\xc9\xc8\tK\xeb\xe1\x85\xb4\x1f\xefM#\xef\xcb\xa0\xe2\r\xf2\xb2\x07\xbf\r\xf1\xe4\xe0s;d\x94\xa9\xa8\xb0\xc8L\xc8{\xc6\x17\xf8\xa96/\x0ct\x0bd\xca\xfb;\xb6\x1f\xb3\xe0\xf5\x081\xb4\xd5\xe9\xb0\xf3\x85\x97\xd8\xab\x0b\xc5\xfd\xb1^\x14\x11\xa7\x0b\xfc\x9e\xf9\x08\xbeI$\x86\x98\xa3D\x9a\xe3\t\xdf\x93x\'/\xb4\xdd\xfff\x91\x11:\n`0{\xfd\x06\xb5*\x93,\xc2\x1a\xcd\x0f\x0c\x81\x0e|E\x13\xde\xd7\xf0\xf3[\xf2Em\xcd9\x8do\x0bK\xee\xe7\xf3p\xbe5\xcd\xdd\xdeC\x8f\xca\xc2h\xf8\x93;2\xa9\xe5\x13\x9d,l(4\x0bE\xc8\xb8\xd6\xcfzo\x8bCP\x9c\xbb\xc6\xd4^\x0f\xa9\xf3|\x0e\xc8\x00|\xa8yN\x87\x9f"w\x10\xc2H\x03M&gt;t\x1c\x81+\xbc\xd1\x0b\xeb\xe3\xec\xb6\xd7\xc1\xf2\x9dw\x99Vs\xc8|\xd8\xd6PS\xcdGd\xec\xc0\xa0\x8c\xe2wYh~:z\xf0\xac\x946\xb7\x9d\x17\xa8\xa2P:\x86\xdf8\x8dV\x97)\xbe\xc5c\x8d\xd2\x1b|\x8d\x10\xb6\xa0g\x82m\xc2\xdb\xb9\x00\xdb\xe5\xf4M\x9d\xfa\x8c7\x13\x93\xe0\x83\x95\xa8\xafbU\xa3\xd1\x17\xd7&gt;\x89\xe5\xd2\x01iq\x0f0#\xa8\xf2\td\xc1\x8e\x9bn?\xf9=sd\xf6\xc8\xaf\xdcm\xc7\xfc\xe7\x8f\xf5\x11Y\x87\xd4\xaeI8\xc3#\x1a\tA\x9b\xf7Q\x84\x80\xdd\r\xf3\xe73;\xa1\xe8K\x11`k\xa2\x13\xa5\x05hZJ\xa4\x1c/,\xda\xc3\xd4t\xc4_{V\xe3\x86\xfa\xa9C\x85\x06\xc4\x1d\x97s&gt;\xee^\x98\'\x12\x11\xe9\xd6|x\xf90Q\xae\xb9\xf5F\x88\x174:\xff\xdc\x81\xfe\xa6\x01q\x94e\xca\x12\x05\xa5\xa3.\x08\xef\xcf\xdf\x8eb\xd7G\x88\x91\xfd\xd0\xb4\x93\xe0\xf9\xf8\xf6\xa9\xbb\xbe\xa0\x92X&gt; \x94\xd7\xd3\xf1\xf5\x0b\xbe\xfaS,\x97\xcb\xa0\xc56\xc2^\xd47\x0f,y\x19\xc3t\x82\xc8ob\xcc\xdf\x8f\xbez\x82t\x99\x0bp\xa2\xc9\t\x8a\xd4l\xf0\xc3\xb6B\xa9\x8c3pa\xe5\x88\x98\n\x812uUY\x9c \x1d\x13\x82\xfdG\xfbN\x83\xe2|\xf8\xb9T+|&gt;\xe1\xad\xe7}Y]/\x86\xf9&amp;:B!\xc6\'\xcf\x19?jZ\xef\x92\x91\xe4\xb4\xd7;\x19[\x03\xe7\x84\xe2\xbd\xcdRjE{\xb9vC\xd9\xd9\xbee.\xf1\xab\x82\x13\xdf7r\xce\xc8\xb4Q)\x01(\xec\xfa\x8fr\xb4fr\xa5\x8e\xcc\xa6X\xe8+l\xa2P\xbfRv\x9b\xb7A\xc4\x85h\xaa\xe2\x8c\x8b\x90\x91x\x03v]\x97\xbf\x08)\xef\xc8\x1e\xe8\xea\xbaf\x16\xb1\x0b*\xbd\x08\xc7\x07\x12r\x9a\xb5n\xc6\xa2\x015b3\'\x93\xfd\x1e\x97\x87v\xd6\xfc\xc9\x14a\x0b\xdd\xca\xc3\r\xeb\xea1\xda\t\xd8W&lt;\xc3\xdc\xb8\xbd\x1bY\xf7%\xbfL;-\xfd\xa1\x08$9\xd9\x10y_\x14\x9e\x9d\xe4\x81yf9Ab\x06\xccK\xd0\x80tFJi\xa3a OO\xeb_\xc7\x00\xf1\x17pZ\x1bj\xedY\xa7\xb7\xb1=\xe8\x8ed_n\xdd9T\x0b\x7f0\xa6\x13-gBp\x98\xe1\xa2\xf9\xa5\xe6n\x16\xf2\x17\xadm\x154R\xa0\x14\x9fo|\xb9\xcb/\xd7X]FI\x1e\xf4M\xe2\x9c\x9d\xd8\x01N\xc5C\xbc\xec\xda^\x87\xc9C\xedb\x00FJ\xf7x\x01u?J\xd6R\x9bA\x05z7g\xec8\x101\xb9\xd7\n\x15\x90\\G\x08\xf3\x98M*\xc3\xd2[&amp;\x8d6\xa9\xc5\x91F\x85f\x9499\xab\xa1\x86\xd9?\xa04\x00$t\xd5_\xf6\r\xd4+\xb3\xce\n\xaew&lt;\xfd\x11\x17\x8e\xa2g\xe9\x9a33D \x90cT1\ts\xeeW\xd8\x7f-{\x93\t)\x16\x00\xaf\xf8q2cR&gt;\x84\xb0#+\xc1F\xd6K\xcdM\xee\xa3\xef+E"k\x11\x92\x12u\x942\x0b\x82\r\xaa\xf3J\x1f\x96z\x0bwz\xa2]\x9fvb\xd6\x05\x04\x02\x8f\xdf5"R\xdc6+\xa9ME\xb4=\xbf/\xd5\x98KZ\xc8\x88/\x94\x92\xfc\xe8\x96\x1f\x18\xcd\\\xcb\xa2\xa2\xd9o\x87\x0e \xbdJI5M+\xf0\x1d\xb5\x00\xd1\xea\xd2\xf8\xec(\xae\xaa%\xd5\x08\xd9\xa0\x01Q\xbf\x91W\x0b\xd7(m\xa4\xd8e\xbbW\xa1\x7fn0\x86z?\xa6\xc5\xe7\xc6\xa7\xa3\xd3\x7f\n\xf2v\xab\xb5\x8ds\xdf\x9d\xd7\x19S\xd6\xc5\x9b-\x85\xe7%\xdc\xb6cm\xf9\x0f\x02\x89\x83\x8c8_\\\n\xf3\xcdG9\xe6\x85\xb1kJWk\xde~C\xf6\xe5\xe1\xef\xd4\xe0\xd9q\xb6\xc7X\x10\xbf%\xb7S\xda\xebq\x11L\xa5w\x11h\xf1\xce\xa6=\n\xd2\x88\xf9\x90r\x00\xf3\xbf\xa6\xd9StN\xc4\x7foe\x1f\x9fw\x8f?\xb3\xediDEO\x01\x00\x80A"\xe9\xc97\xd9\xe3\xf3J?rS\x8a1\n\xcaI\x01=\x9f\x9bn\x86?\xf0\xa3\x93]\xeb\xcc\x15\x85Xn\x120\x1cy\x1a\x8bA\x83\x9aO+lV\x1a\n\x17V\x15\xae\xd4\x1c&amp;\x07\xa5\x9d\xf6\xe5\xee\x904\xbd\xb9,\xaf7\x84\x87\xeb~:\xee\x9aS\xd1\xd5\xff\x14\xc7\x89I\xbb\xaa\n\x11\xffMb\x8aS=\'\xfe\x08\xad\x80\xeb\x86~\xa7\x05W4\x85\x13\xeaE\xb3\xdd\x07\x1f\xcd\xfcy\x1f\xe6\xba\xe1\xc0\x11\xc2\xbfu\xe2o\xaa~M\x0b\n\xfbq\xcb\x81\x87\x04Y\xa2\x93\x815vA\xe7\xee\xe5\x01f7{\x90B\x8d\x01"\x0c\x01\x99R9\xc7\x8b\x9aePM\x0e\xeb\xe3\x14r\xe2d\xc5\xaa\\9S\x88\xc7A\xacA\x82\x89\x90\xba1.Y\x96M\rF\x81;\x89\xbf(\x1f\x8ft\xc7ZG\xd7GFDel\x02.\xf7Ko\x94\xfe\xb7\xb2\xaa&lt;\x00\x08l\xc1)\xe5\xde\x83k\x90\xe0\xfb\xea3e^\x93\xf9\x83\xc2\x90nHG\xc4\xebSo\xb7g9\xa0\xd5\x10\x8e\xc56\x88\x05t\xe9\xe9\nR\xf9F\x8e\xeb\x816i\x1d\x1c\xcf\xceI+\x84\xe7o\xa6\xc3\x87\xaa+x \xben\xbe\xd1,\x99\xa3|\xce\xac\x84\x18\xb5=\xb0\xe8\x1dv\x80\xff\x18 \tH^\xc7\x95\xba\xe9\xa3\xfe\x80\xd0CD\xebk\xa1uW}\x85?\x87\xb1\x8b/\xcc\xeb$_\x83|\xfc\xb4\xb5Pj\x85P\xad\x05\xaf\x17-\xa0E\xf3^\x94\xef\xa5\xd4\x8a\xed\xf9v\x868\xa7\x15\x87\xba\xfd\x8cu\x0b\xbf_\x02\xb0\x92\x1e.\x02hB7\xd8|(\xcc#\xaa\xe9 \xb6\xf4\x15wC\x9b\x93\xf4\x0f\xaa\x8a\xca9~\xfa\x0f\xf3\xc3\x19\xc9_l\xa1/.\xe9\x96o\x84\x02?\x98\xc6d\xf6-\'\x99l\x89\xc7F\xa0]qc\xe1\x19\x93H\xedLLp*\xc46y\xe8\x03*J\xc3\xf4Vu\xa6,G\xfa\x7f\x8c\x967\x81?\x89\xbe\xcf`|\x85T\xaf\xa6?\xe7:\x97\x0b(h[~Ji\\\x1evA\x00\x84\x81OLb}k\x84.e&lt;\xec|2g\xa3\x99]\xca;5{^\x93Bu\x89\x8e\xd2t\x99\xd7\x05:\xc6\rj\xab\xe7QD\x0e\xe3 \xac`\x13S)K\x11b3\x96\xe4o\x9dD\t\x95\xc7\x92\x91\xb5\xb8\xaf\\\xf0a\x05\xefm\x8b\xd5m`\xce~\xe7\xa7&amp;\x01D\x99\xf6\xda\x91\xbbw&gt;\x83\xa2C\xeamR\x87\xe6\xc3\xa0\xcd\xef\x10\x19\xb4\xb2\x00}q\r\x95\x9eH\x07-*\xc3\xea\xdb\xe4\x86\xd5?\xce\x9c\xd3\xaa*6\x07\xff\x19\x87\x96\xeb/WY[\x9a2UiIJ\xdd\xf8\x80\xcf\xf7R2\x1ce\xaa\x01[7\xc3!\x80\xd2;\xecr\xd4t\xd5\xcf\xe3M\xc1\x7f\x99\x9a\x9e\xc4f\xb8\xc3\xc4\x9a\xc4\xe3\xc9\x03.\xf4\xba5}r\xe7I0\xe5\x9c3j?nC\x80\xc1J\x133-\x9b@\xe4\x94\xf2\xe4\x87&gt;\x85\x8d\xe7\x17\xe0\xbaN\xc2L\xeeN\xfcfU\xe0z\x90\xe9\xf6|\x171\xca\x034\xf2c9\x87\xf8LZ\x82N\xb4\xe0[%D\x87\x00:\x14\x1d\xb3\xb0G\x98\x9c\xd7\xdfv\x9585[\x0e\xf4\xde)O,\xbe\x01OP\n0\xb1 E\x93!\xb0\x8f4\x18\xe6\xe0"\xa0\x00gYF\xe2\x84, \xc5\x92\xa2$3;aL.\x83\x04\xd5\xd7\xb8`\x13\xa8\xfbP\x96g:c:\xad\x82\xa9+?\n\xcc\x92\xa5\xd4\x16&gt;\xe3\x82\xf1%h\xfb\x9e\x98\xa9^@\xa4B\xcdJ\xd5k\xc9\xef#t\xb0\xe1_!\xd0\xdb\x01\x1e:\xcd\xba\xbb\x05\xd0\xc0\xeeP\x15V\xc1\xb2EQ]\xfb\xb5\xf3\x9a\x84g\x85\x8a8\xccK\x02\xf4\x14|\xd6\x92*SA\xb3O"\x86\\x\xe5\xff\x13\xc5%\xad\xed`Xy;n\xaf\x05\xe5As\xd8 q\x00=cj\x15\x19U\x91eM\x89\x1f\xfc\xb1\x00\xbb\x00(C\xa1{\x83\x96\xa0\xf8\x05g\xd1(\xf5F\xc7\xb4\xbd\\\xa3\x13X\x11Y\xa4\xd5c\xc2\xeb\xa2.]n\xcd\xf4N\xbc\x03\xfe\x02+\xd0\xf9\x16\x9d+\x03,P\x83Z\xab\x8d\xaa&gt;\xbb.\np/NK\xfbe`\xa3,\x17\xfd\xefX\x84\x87#\xd9\xe2\xbf\xd6\xc8q\x11\xc5?\xf7)T\xfbu\x9dq\xbf\x8a\xb7\x94Xd\x13\x97\xa0\xa4D\xbf\x9a\xacD\xfbX\xda\x0b\xfe\x03\xd8\xae\x8b[\x1d\x91\x97\x98\xa1\x12\xb9[\x85\x9c\xc4\xd5\x99\x15Z\x9f\xaf\xbf1J\xff\xc6\x05\x05\xe8\xd4\x96,\xc5\xb3\x92\x8d|\x0c\x07"\x16;\xf4\x11b\x02o\x0cM\xcbM\x8cl\xd3\x0b7\xfa\xd8M\x86\xd0\xc1&gt;\xd6k\xeb1\xd3Z\x8e\xa9\x83\xa5\x95\xdf\xe6q\x8a\x1e$\x81\x9bF2\x93"w;\xcf\x18&amp;i\xc4\xc7g\x15+\xaa\xba\xd9 \x97C5\xdc\x8a\xf2\x8e\xfd\xe7\xc5x\xa1\xa5\x9b\xdf\xb8w9PbWw\x01v\x07j\x9c\x93\xd9l\xc7\xfcT\x97`\xf6\x05\xec\xfb\rm\xa3\xf8\x11V\xe0Rq\xd9\x94l\xdb\xb3c\xb6\xcb}\n\'Wy\xe8+\xeb%d[\xb3[\xd7\xe3\xc7\xc5D@\xfaJ\\\xf5\x1eB-\x84\xba\x08\xa6c;\x03$Ot\xa1g\xc4\xe5\xdb~\xf9TX\x8e\x08A\x84t\xb8h\xb2T\x93j\x80\x00\x90U\xf4O\x95\x0c\x17\xb6g\xeb]\xb2\xef\xb6E];\x80b\xec\xc4?\xb4\xff\x04\x8fN}fO\x14\x0f\xaet\xacr{$N\xde\x03\xf0t\x9eO\x12\xa4\xee9\xbf\xbe9\xe6\n\xbc\x18\x8c\xbc\xff\xa9\x83K\xbfu%&gt;\xc9\xd7\xf3+\xba\x91`*HQJ\xe1\xf4\xbe\x99\x03-\x17\r\x9a\x17\xf9\xce\x0e\x87\xd5\xb9\x849\xa0\xdbW\x1e\xad\x1d\xc2\x1c\x14\x1cA\xed\xe9:\x83\xaf\xbaO\xe0\xf5\x99\x142\xd6\x1a\xe0n,\x00\x10G\x86_M\x84\\ \xd0bhjM\xf4\xb6\xd7\xa4?\xcf\xdd\xea\x96\x1c&lt;\x83\xc0\xdc\xa4\xf3+\x0e\x91\xb0\x92\xe1\x1fD+\xb2P{-=\xa3\xc5\xc2U\x8a]\x8e\x947\xca\x1a\x7f\xb6\'\x8a\xf9\x8e\xc5\\\'\x0b\x91[-\xa5F\xa2\xb0\x05\xf3\xbc\x12\xbf'</t>
  </si>
  <si>
    <t>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</t>
  </si>
  <si>
    <t>b'~\x865\xbf\xd2\xf0i"\\=zjMN\x0e\xbe'</t>
  </si>
  <si>
    <t>I inherit it by the female line. The lady, my predecessor,
 was only distantly related to me; I am the last of her family. She was
 beautiful and rich; I wooed her; but her heart was fixed upon another,
 and she rejected me. It is probable, however, that she was herself
 rejected of the person, whoever he might be, on whom she bestowed her
 favour, for a deep and settled melancholy took possession of her; and I
 have reason to believe she put a period to her own life. I was not at the
 castle at the time; but, as there are some singular and mysterious
 circumstances attending that event, I shall repeat them.'
 'Repeat them!' said a voice.
 Montoni was silent; the guests looked at each other, to know who spoke;
 but they perceived, that each was making the same enquiry. Montoni, at
 length, recovered himself. 'We are overheard,' said he: 'we will finish this
 subject another time. Pass the goblet.'
 The cavaliers looked round the wide chamber.
 'Here is no person, but ourselves,' said Verezzi: 'pray, Signor, proceed.'
 'Did you hear any thing?' said Montoni.
 'We did,' said Bertolini.
 'It could be only fancy,' said Verezzi, looking round again. 'We see no
 person besides ourselves; and the sound I thought I heard seemed within
 the room. Pray, Signor, go on.'
 Montoni paused a moment, and then proceeded in a lowered voice, while
 the cavaliers drew nearer to attend.
 'Ye are to know, Signors, that the Lady Laurentini had for some months
 shewn symptoms of a dejected mind, nay, of a disturbed imagination.
 Her mood was very unequal; sometimes she was sunk in calm
 melancholy, and, at others, as I have been told, she betrayed all the
 symptoms of frantic madness. It was one night in the month of October,
 335
 after she had recovered from one of those fits of excess, and had sunk
 again into her usual melancholy, that she retired alone to her chamber,
 and forbade all interruption. It was the chamber at the end of the
 corridor, Signors, where we had the affray, last night. From that hour,
 she was seen no more.'
 'How! seen no more!' said Bertolini, 'was not her body found in the
 chamber?'
 'Were her remains never found?' cried the rest of the company all
 together.
 'Never!' replied Montoni.
 'What reasons were there to suppose she destroyed herself, then?' said
 Bertolini.â€”'Aye, what reasons?' said Verezzi.â€”'How happened it, that
 her remains were never found? Although she killed herself, she could not
 bury herself.' Montoni looked indignantly at Verezzi, who began to
 apologize. 'Your pardon, Signor,' sa</t>
  </si>
  <si>
    <t>b'\x8e\x7fV=\xee\xd4M\xb3\xda\x82\xe9I)l\xc1\xf1\xad\xb8\xe3^\xf4\xc4\xd6\x8f4\x13\xe6\x0b\x98\xca \xe6\x9bA\\\x1a`\x13(l\xee\x18\xfd&amp;\xc4\x82\x9e.\xbb\x08\x8f\x06\x9ay\xb9z\xac\x16\xbd\xf9\xf5b\xd5W'</t>
  </si>
  <si>
    <t>8e7f563deed44db3da82e949296cc1f1adb8e35ef4c4d68f3413e60b98ca20e69b415c1a6013286cee18fd26c4829e2ebb088f069a79b97aac16bdf9f562d557</t>
  </si>
  <si>
    <t>b'\x8e\x7fV=\xee\xd4M\xb3\xda\x82\xe9I)l\xc1\xf1'</t>
  </si>
  <si>
    <t>omoted by common
values, links of family, rank, and comradeship as well as shared cultural bonds such as
those of religion. At Dura-Europos, for example, soldiers participated together in
official unit-level religious ceremonies paying cult to the emperor and a range of other
deities, as shown by a papyrus calendar of festivals (the Feriale Duranum) of the 20th
cohort of Palmyrenes and a vivid mural of one such ceremony (P. Dura 54 Â¼ Fink
1971: no. 117; Cumont 1926: 89â€“114, pls. xlixâ€“li; Pollard 1996: 221). Soldiers at
Dura (and elsewhere) also gathered and worshipped together in private cults such as
that of Mithras and Jupiter Dolichenus (Pollard 1996: 221â€“2), enhancing military
224 Nigel Pollard
solidarity on a private as well as official level. If such an â€˜â€˜inward looking ethos and
customary behaviorâ€™â€™ (B. D. Shaw 1983: 151) did dominate the social and cultural
relationships of individual soldiers, then it may have made it easier for Roman officials
to use the army for oppressive purposes against provincial civilians, and even turn it
against a ruling emperor. However, Alston (1999, providing evidence from Egypt)
has warned against assuming that the institutional characteristics of the army necessarily superseded individual soldiersâ€™ other social and cultural networks.
Thus there is plenty of evidence for things that might set soldiers and civilians
apart. Whether we should take such often anecdotal material as typical is a difficult
question. However, Roman soldiers were representatives of an often violent and
rapacious imperial state, and we should not assume that the empire was universally
popular among its subjects.
6 The Later Imperial Army
While the Roman army of the Severan period was not unlike that of Augustus in
many respects, the Roman army of Constantine was quite different. Many of the
changes are conventionally attributed to Diocletian and his tetrarchic successors
(including Constantine himself), but given the relative scarcity and often problematic character of the evidence from the third and early fourth centuries, it is not
always easy to establish when such changes came about. Many of the important
sources for the later Roman army, such as the Notitia Dignitatum (a late fourthâ€“
early fifth-century document listing units of the army and where they were
deployed), Vegetiusâ€™ military manual, and Ammianus Marcellinusâ€™ histories, postdate Constantineâ€™s reign.
It is hardly surprising, given the external threats to the empire through the third
century CE, that the Roman army had expanded by the reign of Diocletian. It is more
difficult to be certain of the magnitude of this growth. The comment of Lactantius, a
bitterly hostile Christian writer, that Diocletianâ€™s institution of the tetrarchy had led
him to increase the size of the army fourfold (DMP 7.2) should be treated with a
good deal of skepticism, but certainly one gets the impression from post-tetrarchic
sources (many of them legal) that the army of the later empire was larger and perhaps
sometimes struggling to recruit sufficient troops. Conscription (often replaced by
substitution or commutation to cash) was normal by the fourth century. However,
large scale â€˜â€˜barbarizationâ€™â€™ of the army, if it ever happened at all (Elton 1996b:
136â€“54), was a phenomenon that occurred after the reign of Constantine. The
Roman army had always drawn individual recruits from beyond the frontiers, as
well as complete â€˜â€˜ethnicâ€™â€™ units, and certainly Germans, Goths, and others served
in these capacities in the tetrarchic armies.
It is clear that many new units were raised in the tetrarchic period. A. H. M. Jones
(1964: 1: 59) sugges</t>
  </si>
  <si>
    <t>b'\xe4v\xbd:\xf2\x84Q\xe3\xfb?\xc1\x91\xb2\xdbe\x9d\x8e\x13\xfb\x88\xcfc4\x9d\xb8]\xef\xe2i!\xdaG\x98\x838\x9b`\x00\x91\x06\x10\xa2\x96k@\xd9\x00\xcf\x8c\xbb\xb8=\x1395*\x95\xa6\xd4\xf3\x93\xda1a\x08c\xc2\x96\x8c\xf5v\x96\x12=\x11\xd4\xd8\xe95L\x05\xe4F\xe1\xcbRl\xa6H\xc9\x1d\xa7r\x97\xa6\x8f\xe8!\xcb7N\x7fuH\xae,T\xd1\x91F0\x85\xd4N&amp;\x8d7{\xdd\x06_\x7f\xe9\x94Y\xbfuR\x81\x17F\xba5\xe3\xe3\x9c{T#\x97\xe3\xec&gt;\xc0gF\xd3\xd0\xcd\xd1hk\xdf\xcbA\xe7\xb7\xa5\xe1\xa1L\xceu\xf3DJ\xeb\x87\x94\x1e\x98\xbeJ\x0f\x05\xbe\xe2\xb4&lt;\x98Eh2Y\x15\xd5N\xceIf\xff\x08j\xae/\xf3\xa7\xfc\x14*\xb3\x06\xf7\x8ek\xe0\xd3j&amp;p\xa0\x83*&gt;\x0c\x942\xf7\x0fx\xb4?\xce^\xd1\x8e\x05\xef\x96\xe4.\x8b%\xbed\xc7\xae2\xbaJ\x0ey&gt;txc\xd5\xcf\x96\x1b\xdc\xd5\xb4\xce\x1b\xf6u\xdd\x9a\xc8 \xd6\xf6\xde\xb8\xe4=|\x8b\xdc\xd9\x98\x89\xa1\xea@&gt;\x08\x14G\xb4\xc9\xe0v\x86a\xcdp1\xdf+\x8c\xa0\xd2\xecv\xbe\x03O\x9cT\x11\xb4\x81a$y\t`\x8b0\x99G\x17\xfb\xd0E\x0c\xa9\xbc\xb6\t\x98)\r\xc4\x1d\xa1\xe4PkuW\xa1\x99\xb25\x9e\xc1\xd3d\x95\xc2&lt;8\xe3%\x90\x1e\x12\xa6B\x83\xca\xa4\x02K\x05_\xc8\x03\x9e\x89\xb2I\xc8&amp;\xfd\xe2\xefJ\xb60\x0f\xb7gu\x98\x81\xa8\xd1\x12\xeb\xb5\xb1\xd4\xc8Q\x07h-D\x1a\xbd\xcf\x90t\xe4\xf8\xf9\xdc\xfc\xac\x92upQ\xa0=\xb8\xa89\x00\xe3\xaf\xcb\xa0y\xb8\x12\x84\x90\xf6\t\xc8\xb7\xef\x9b\x97"J\xdf+ISfI\xf3\xae\x16\x14M\x11\x82x\xd7\n\x0c\xf3^\xf7}\xe9\x12t\xdb\x13\x08Cbo\x14\xfe\xb0\xd8"\xf3\xc3\x95\x14B\xb6u\xfa4F\x98\xa7g\x89;\xd3d\xe4\xa5:|\xc1a\xcd=\x15\x1cP\x8c\xc4^\xd9\x96\xed2\x05\xd6\x8bi\xb8\xdd\x7f\x9b%&gt;\xab\x1d{[QW\x10a\x1a(o\xa1=\xed\xc2V\xd3\x9cN\xa5AL\xca\x9a\xcfB+\xc2e|\x80~c\x0f\x1c\xe3c7\x8f\xd9Xd\xe0\x84\x89T\x95\xcc\x19\x03\x11\xab!Y\x05\xb5\xe4\x14\xc9\\\x88^8\x93\x8e\xa7\x9e\\\xf8\x06/\x94~\x13\x9c\xef\xcdN0\xbbA\xe9\x03\x0f\xbac\x04\x1fv\xc3\x16\x82\x1f\x85\x00n@\xe0\x8c\x95\xe3\xa8D\x18`\xc6"\xa09WZ\xc2kj\xc4\xe6\x8a\x11 \xa5h\xf9\xc9\xf7\x1cE\x16\xa6\x9a\xca*\xb3Q\x9a\xef:\x11+\xee\x8d\xf4\x10\xd9\x97\xa7\xcb\x0b;E\xbf\x8c\xad\xa8S\xa5\xf4W\x8c\x05\x0c\xcd\xc8\n{\x9d\xb4\x04\xf9xXAz\n\xa4\xe1\x11\x0e\x87\xec\xc5\xa7B\x86\xbf\'\xda\x11\xb9\xb6\xbei96r(E\xcf\xa5\x07\x86\x17\xac\xff\xed\x94\xe3\xa2\x1dl^\x93\xdc2\xa8\xd1\x9c\x06\xc8n\x8a\xc9@.\x8d\x96\xf1\x1c\xd6-\xdb\xe8\x80\x18\x7f\xa3\x87g\xfa\x0e\xbfz\xe1\xbfFj\xc9\xcbP\x11\xf3\xa9h&gt;\xbb\xb7\\\xe9l2\xe2W\xe0\xd2\x8c\xbe\xc1\xc8Ef\xa5T\xe8\x83\x11\x05\x18\xe2~\xa2\xd6+L\x85\xabc\x98\xd24\x8c\x00\x9a\xdb\x96^\xcf\xa0\x8b\xd0Bp|7\x7f\xc4\x90F\x85\x89\xaa/\xee\xa3\xf8\xc4C\xb5\xe8\x1f\x95\xd6\xe6\x02\xb9\xe30\x14\x85]\xfeu\x82\x9fS\r\x80\xc5\xd6+:\x1e\xa2\xb4\xddN\xd3\x06\xb7@\xa3\x82\x99\xcf\x80\xad\xbf\xfe\x99\xd0\xb8\x8bu\xd2Rc\x8d]\xa1\x80n\xe2M\x9a\x91\'\x91\xb9\xa3"\x8f\x99-M\x128\xd6\x82\x02N\x17\x0f\x98\xadq\xddK_\xd8\x9f.E\x93\x83\x84v8\xc6\x12\xc5\rj\xa8\x83\xdb\xe9ct\xc0_H\xed7\x8bk\xa5]\xfd\xeev\xb4\xba\x82\x0b\x17\xdfM\xd05\xb2\xf5\x97E\xd3\xf9\xff\n1\xcfm\xe7\xddV\x96\xfb\x92\x84\x0e\xf3\xa8!3\xacn\xc2b|\xc6\x154\xea\xe7;\xb1\x80\xf9\x1d6\xe55|Xa\xea,)\x9a\xfc\x11\xebJH\xa1\xac\x14\xbc\xca(\xaa\xfe!\x8ey\xbc\xd0\x05\xfc2\xb7\xe1\x03jQa\xdc\x82t\xa0\x8d\xd5\x17S\xa8\x00r\xcbH\xcf\x1b%\xee\xd2c\xb5`\x93\x96Q\x84\xa8\xea\xc5\xb2\xc5$\x92\xd9?\xa4&amp;\xdd\x19\x033\xcfc\xcf\xf1\x9b\xc7Mc\x7f\xb7\x8e\x0e\x94\xfb\r\xb5\xc4i\xb6\x84\xf7\xbc+\x01\xaf\x1c\xf8\xc4\xa4\x1fhm{\xfa\xf6x\xb6t:\xe1B\x05\xd4\xab\xef\xc2\x83V\xe9u%\xf5PW\x1f\x84w\xa0)&amp;_P\xa9\xc6e\x7f\xd5=\xcd\xfb\x19\xea\xef\xa7\xffp)\xc5\x10\x1f\xf34\xcf\x12t95\x8e|\xa1\xa6*\xe3\xb8;\xbd\xb3WL\xb1kay\x96\xb6\xd4\xbazW\x17\x7f\xc9\x9e\xb10\xd2\n\x0c0HN]v\xd9]4\xf3\xef\xde\xac\xb4\xbb\xa2\xa9\x16\x95\xc72\\+\xa9\xb7c\xf1\x8a\x9c\xf9B\xcd&gt;L\x83\xcb\xcf\xee\xcd\x9a\x19\xe0\x86_\x16\xd6{\xf6w\x88\x88tx\xaa34\xa7\xa0\x8ff{\xfa=0A\xb7\xceB&lt;\x18\x81?\xf0p\x1b\xa9\xc8\xef\x19\x04\xc5\xaaj\x00\x9d\x8e\xac\xf9\x13\x1f\x99k\xc8S\xba7\xf2\xa9\xb9\xe5\xe6\x0f(\xed3Q\xaa]\xa4\x04\xe1\x12 \xfd\xe0\x89i\xfd\x11\xdb\xbb\xea\xa7\x92\xbe)\xe4\x8ac\x95p\xf64\xc0|\t\x0b3\x9at\xa05\x8bz\xb2\xc8\x95\xf9Y\xb0\xd7I\xf3L\xb6ZJ j\x9eO\xde\x99\x8b\x0ec3\xba\xa5\xb2Y\xbc\xd4k\xff%\xd04\xa6@\x8fEMH\x8bXQ\x0e=K\x88\t\xe0\x0c\xc6T\x13d\xba\x87\xd0J\xea\x1f\xf5\x9d\xe8\xf2;\x9dGH\xcewk\xa9\xc6\xe3\xfb=\xa4\xb1\x18\x10\'V\xb51\x9eYZv\x04\xa6\xd3/\x03j\x10\x86Y\xf0.:\xdc\xe0"\xa5\x1c9\xf8\x86J\xfa^\x97\xb4!\xc9H\xb8\x1e0V\x9f\xa1\xbcz\xdc\x12\xb1\x01\xfc=\xa2s\x07\xe4\x1d@e81v2\x9b\x88\x82xj%\\Y\x1e.a\x03\xa4\xc7\x00\xac\x11z\xb1\xf2\x84\x18\xc3&lt;\xde[\xb3\x11D\xa6\x14\xab\rT"l\x05\x08\xdd\xf8\x89\x06\xba\xdf\x9d\xd3n\x9dz\xf05H\xcb3Y\xa8&amp;\x8aj\x1e\xe9\x11\x9a\xde\xdb\x1d\x1f\x02\x86*&lt;E\xc5\xe8\xbei\xfa\xbb\xca\xd9 \x11%2\x05U\x83?i\xf0\x14\x90\xf7a\xff\xc8et\xa1\x90-d\x9f\xf3n\xd8\xaa\xc0\xe2\xf9\xb5t\x1c\x18\xa8\xabg\x92\x1c\r\xe7\x10\xd7\xb2&gt;\xd3\xf6l\xa6\x9fu\x81\x07\xab\x15\xfas\xa1\xf4\xe8k?\xe1\xec\xc3R\x91\xd2\xa7!\xf4@\xdd1\x00\x1b\x80\xa1F\xccY\xa3w\xf7\x8af\x1cx\xc8\x11-\x0b\r\x92}\x9a\xcb\xf5\x95U\x9aG\xa9\x80R2\xceI:Yk\xf5\x1b\xd7\xc9\xc2G\x1a\x9f\x95}\x88\xd2\xd7U}d\xbc\xfch\xcd\x87\x03\xcfC\xd8\'\xd9\xf9mj\xd0\xac\x08\r8\xb5\xe2\x1a\xb0\xc7\xd0\x93\x8cv\xd8&lt;]\x12\xec~\xa7\x8d%\xcayI\n\x8c\xdf\xf9m\x8cNg\xcc\xdd,\xe3\xf3\xdd\x9f\x17\x01\xd7[+\xb8\x9a;\x84\x12\x90\xa8,\x13y9\xc9\xe1\x0e4\xa6\\]\x8c\xc3\xcd;\xefM?\x92T:\xd2\xc9"\xfa\x9fW\x14\xb7\xc2\xd0\x97l\xf4l\x95\xe1\xb9b=\xc4\x1fITgV\xf74\x9b\x01\xf7\xa3e\x83\r\x86pj\xbbR&gt;\x8c\x83\x88\xddf6f\x9d\x14\xfe\x04I\x7f\xfd\xff\xfc\x13\x9c\xfc\xf1\xcc\x19\x9a\xf9\xc6\xec\x14\x84\xb2Nd\xd1\xd4\x188Tw\xcb\x94\x9e\xa3\xea\xbd`V\xa0\x9e\x8f\xc8\xf5[H\x9b\x9b\xab\xe3\xe6\xc0\xab\x00\xfb"\xfb\r\xbb\'zM\x99\xf2\xd9\xab\xba\x89t`\xaf\xbb\xdev\xbbk\xda\x9e\xf7\xbd\xcc\xb8E\xbb\x867\x0cCW\xe7\x88\x1b\xfb\xf1\x8e\x9b\x03ap\xb2\x913\x06 \xff\xa2L6j{\xad\\\xe7\xfdH\xdd\x8f\x02\x1a\xb0\xed\x18\xbb\x9c\xfa\xaa\xa5AG\xbd\xa5l\x15\xd4\x8d\x17\xfb\xfe\x0e\x1e\x9d\x97\xc4\xf7\xa4\xa6\xbaDD\xf6\xb5q\xd9.\xa35\xe6\xb1\x84\x9e\x19O\x84\xe5\xa7fz\nK\x1f}\xc1c\xefKy\x04N\x16\xb4\xda\x13\xcf\xc4\xcb\x1a\x00\xfe\xd6\x92\xb9\x8bC\x14\x91\xc4\xb5\x8c\x13\xcb\xa6\x8bKR@\n\x02\x0f\xeb\x8c\t\x8bf\x9ep\x93\xfb\xf7(\xa5\x0ed\xc0\xc4\xd3\x808\x9a\x84^JI\xf4\x05\x1bm\xc8\xa8\xc9\x07\xa1\xa5\r\xa91.^\x1c\x1b\x02%\n\xb6\xe0\x91%\xffs\x9aJT\xbd[\xe0Y\x94\xed\xdel\xf0\x82\x9c\x91\xb6\x16l\x8e\x0c\x05\xab\xfc\xf5*\xcc\xb3\x1d\x8d\xe70L\x93\xd2\x99\xda\xe0\x7fnq\xb4\x05\x84I\xcdS\x10.\xb4\xb6\x89\xb5\xaf\x11\'\xde\xea\x83\xbd\xa3P\x0e\x94\x8ef\x14\xbc\x942\xeb%\t\xfa\xddN\xd8\xba\x9d\xff!kq\x80\\\xa1\x0f+M\xd5\x18b\xa2\x9b6\x81\xbd\x91\xec\xd4X\x13\xa4\x0e\x8e\x9e\xf4\xb5\xc1\xcb\xc5"tQ\xa9e\\9\x07\xb1N\x9a\x98\x8b\x938\xaa\xcc\x00`\xef\x9epwE%\x98R}\xb8\xafO}\xff+\x97\xb58\xe9x7\xbc\xcc9\xeeLP\xcc\xeb\xdf\x97\xe6i\t\xa5\x88\xb1U\xa2\x93R#tN)\xde]\xf0\x94\x8f\n\xab\xa5?\x13V\x8c0\xe0xq\x07\r\xb0h\xbd7C\xf5w\xb8\xe4\x94\x1d\xa6\xc6\xd6\xf5\xeb$\x7f\xa8sk\xd0[x\xfcm\x0f\xf3\x95,\x92g\x95\xa1\x98a\xd6=QBH\xe5oHJ\xfb\xc7\xa5,\xe5U\x14I\xe3\xabm\x14\xe9\xf7\xbdI\xe8d\xa8\xb9%\xa6\x90\xa3\x0e\x81[Tl`\xd91\xcd\x0cL\xa8\xb9fj#\x19\xbcZ_0\x19\xb3~\x17\xf6\x927\x04\x1b\xdd\xe4\x82/\xb2F\xd0\x8f\x15\xd5m})\x9b\x08Da\xcd]\xf6cSM\x03B;\xb4\xe2\xe0\x9f3#\x17x\xa9\x00\x1awf \x9f\xa7`(z~\x90\x96_\xf8\x89z\x9a]\x82\xe9b\xcb\x80\x02\x0c\xa0\xe5\xeb*\x8f\xb8o\x089\xa6.\x0eiS\xfbn\xe3\xafS\x95\xf2\x0faj\xf1^\xdd\x8dH\xfe\xbc\xf0\xb4[1\x00\xb9\x81lN_\x8f\xda\xa8N\x9fG\xb9*FD\x18\xac&amp;e\xfb\xdd\xf0\x9dq\xa1,\x909n\xab\xf5\xdb\xd4g\x1c\xf3_\x8d\xbdP\xbb6\x9e\xa3\xa0\x1fX\xd3\x88T\\\xa9R\xf3\xc3\xd5\x94\x8e\x90\xa6\xbfm4\xd0\xb8_?\x87\xd7\xca\x1e~\xac\x97\xb8*\x01+\x11\x1f|\xa5\xbb\x07\xac\x94\xe4\xfc\xb5\x1d\xec;\x83\xbf\xc9\x9b\x01d\'m\x82\x86zM\x1f\x85z\x8b\xa3\x8e^\xfc\xa9\xd2t\x7f\xa4[3\x17\x87\x8cO,\x12\x88qM\x80\x0b[\x91xh@&amp;\xf5\xd3\xebt\'\xdf\x1e\x94A\xa0l!\xc4{j&gt;\xbe\xeb\x97\xed8\r\xc0\xec\x16VEY0/D\xc4(\xe3\xaf\xef\n*\xdc\x9e\x1d\xe8\xdb\x84mYK\r\xc1\x98\x96\xbc\xce#O\x00\xa9\x00\xa3\x17\xb9O\xebr\xb1\x19\xe3\x9a\xa1\xa1\xb2a\xba\xa1\xb7\x99\xc5~\x91e\xcc}]\xe0\xdf\x15\x949Dg\xf5\xc7\xa1O\xe2\xe9V\'\xdd\xcdAI\xd4g\x84\xc6tHX;\xe2\x83\xff\x14S\xd69,\xd2\xbb\xc3Nxj\xc3Q\x97\xdc8\x03\x03\xba\x0c+\xcd\xeb\x98\xe4\x9f\xc1\xb9\xa0\x1d\xa0\xc7\x11M\xc2J\x1d\xfd\xf9\xe0\xde\xa8\xe2r\x8aJ\x92\x9c%L\xe7~*\xa3}\xf0&gt;\xff\xa7Gx\x1b\x94\xc5\xb5jK\x16\xd7\t/T7\xa41O\xbe\xf7"\xb9\xaa\x91Y\x89\xaabl\t@t\xaa\xb1\x14\xd9\xe4\x87@1\xd9\x15\x97\xadFjL\xa9\x16$\x81\xad\xb0\xb4\x8e\xd1\x1fK.\xf9\xb0\x88so\xa8\xb4\xf3(\xf6\xc4\x99\xa5\xc6\xf7ei!\xe2fpr#\xb2Cd\x1f\'\xc3]\xa9\xc2\x90\xd7&gt;k\x01w\xfcQ\xf3\xfb\xe7+4\xab\x1f\xbd\x85\x0b\xa5Y\x9c:H9#h\xe3+l\xf2\x9c)\x08\xc4\x7f_s\xd8\xa3\xfc\xa2\xf8ZS\x1eUX\xcc\xb13\xa9\x00\xb6\xdb\x9c\x80\x00Dx\xd9\xe2"\x01\xcb\xee}\x84P\xc7\xcf\xf3\x1b\xe1\x98\xaf_)o\x19\xe9w\x07\x18\x99@+`\xb7:k{\xc5\x1b]P\x89\x11s\xd7\x17r7R\xc4\x13Y~\x8a2\xbe\x8cG\x1c\xc7\xda\x97\xd8\xe5\xf2\x90\x94\x97&lt;:\xf0\xc0\x80\xf7j\xdb\xb6\xbc\xc3K\xc4s\x92\x1b7\xe9\x932&lt;[P\x0c\xebT\xd3\x04-\xe9\xb3\xcb\xe1\xc1\x1d\xbe\xab\xda$\x05\x0b\xcb\xdfQ\xa9w\x82\xa4\xbf\xf4\xc3\xa2\xb0k\xd5&gt;\xd8\xe0c\xbe\xfa,\xa12VG7\xe0\xfd\x90\xf2\xcf\xca\x8a\xa0%\r{t1\x1b1\xfb]e\x88\xf7\x02\t\xd7\xbd\x8b\xf6\xc2\xeeV\xc1\x00\'\xae/]\xc3\x08\xcf\x00\xbf\xe6\xc0\x90B\xc2\xb7P\xf9\x9cI\xeb\xc0\xc3\x08&lt;\xf4$|\xb9\xa6=\xc8,\xaa\xad\xf2\x9f\xbde\xbf\xf8\xd2\xaf\x1aD\xa54\xf9\xd3)\xd1\xd4\xb9"t\xe2I(0rJ\x07\xb3w\xdc\xd4\xda\x9f\x94!Mr\xbf\x9b\xf8\xe6\xb4\x8c\xb6\xa0(f\xff\xab\xb9\xda\x1d|\xba\x1c\x0c\x99\xfe\x04\x08\xa8\x86\xe80\xb3\xfd\x1f\xd6?\x9c\xfeLp5`Yq\xc9\xc3\xcdlOcY\x9d\x9f\xdb*\xad\xf5\xea\x1do 8\xd9L\xe1\x8f\xf8\xa9&gt;\xd0=0_\xd9\xb6vYN\xdc\x1c\x0bG\xd5\xed\x9cT\xa7\xc8\xc4\x11\x15e\xcc^7\xe5\xc6\xdd\'Q\x08E\xbd\xaa\xa4\x9c@)\x84\xf2\x9bvEr\x0b\x9c-\x1bl\xf0\x18G\x93qeZ\x8e\x88\xa7\xd3 \x06]\xa6\x07\r\xc7\x02\xf1\xd0W\x13\x9a\x9c2\x15\xc9\x18\x9eq\xedC.m\x9c\xf5L \x19?f\xcfR\xc1g[\x83\x87U\x83\x9c\xd5\x90/r/\xbf+N\x94P\xec\xd8\xa6k\x0b\xf3_\x93\xd0\x10\x81\xeeM\xeb\x15\xa1m\xb7~d\xa0\xf7\xa9\xc6x\xd1\xa4\'\x9b2(\xae\xd0b\xe1\xa3O\x0cm\xb4\x9a&gt;=\xb8\x05\xb9\xf9\x90_-S\x95\xa0f\x87&lt;\xbc\x92\t\xa1\xb9\x8d\x1b=\x89\x93\x0fVX\x89\xa6\xd7Y\xef\x9d\xceYk\xfe\xa4\x03O\xdd-\x11\x92\xce\xcc\xb3\xbc\xca\xc1\xc8A\xfe\x1d\xf8DE\'\xb0\x83\xdcJ\xe4\x90\x99C\xa4d\x0e\x9aYw\x81\x053kY\xd4\xffE\x93@@\x01\xafq\x87\xf5\xc5\x15\xc5\xcf\x12.\xb0B\x93\x8bY5\xa90\xfc\x83KLj\x9e\x80O\x94\xfa\xaeo\x0b\xac\xc1iw\xbfc\xb7|\x8e\xdbY\xb3i^XWNgL\x85\x85.=\xa3\xbd\xdao\x13\x0b\xfb\x8a\x17\xd6\x84A\xc3\xd25\xfd\x02\xa3T2\xccX\x12 \xfc\x92\x001tr\x02\xb9=\xfcI\xc8q\xba;gL`\xdfb5\x0b\x87\x1c\xf1\x04\'\x99"\x94\xb6Z\xb7\x03!\x03\xf7\x9a\xef\xd8k\xb8\x99\\f\x12b`\x862\xcc\x1e)\\\xae\x01\x84R \x1d\xd6\x94\xd9\x04\x8f\xc0\xbd|X\x16\xb0\x8f\x07\xed\x9c,\xe2\x13=\x02\x83_\xbf\x9f\xf0\x92\x00^G\x89p\xc7\x16\x83\xb4C\xbc\xc7\xba\xaf\x1cP\xd5\xe5n\xce\xb1E\x83\x835\xb7\xa413\t\xcc\x86{J\xa4W\xae\x97\xa0\x14x\xbc\xf3l,\x16\x10\xf0T\xd2\xb0\x1dsg\xed8Ri\x9d\xfc\xbe\xfbx\xdcA\x93\xb3\xa5\xd5^\xddH\xc7\xdb\xa7\x87R\xaa\x90\xeaa=\x16\xec\xe8h\xf0\xf3{\x16\xc5\xecTV\xbb(\x8c\xe6\x11\xa6u\xe8I\xf7\xa8\xf68\xf7\xab\xc8\xb6\x89\xa4\x00\x9d\xc1\xafML'</t>
  </si>
  <si>
    <t>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</t>
  </si>
  <si>
    <t>b'\xe4v\xbd:\xf2\x84Q\xe3\xfb?\xc1\x91\xb2\xdbe\x9d'</t>
  </si>
  <si>
    <t>ferent
 lengths of loans. For example, in late 2004 the U.S. government could take out ten-year
 loans at an annual interest rate of slightly over 4 percent, whereas the annual rate it
 paid on loans of only three monthsâ€™ duration was slightly under 2 percent. (An annual_x0002_ized interest rate of 2 percent on a three-month loan means that if you borrow a dollar,
 you repay at the end of three months.) Typically,
 though not always, long-term interest rates are above short-term rates, as in the preced_x0002_ing example from 2004. In terms of the Fisher effect, what would that pattern say about
 expected inflation and/or the expected future real interest rate?
 17. Continuing with the preceding problem, we can define short- and long-term real rates
 of interest. In all cases, the relevant real interest rate (annualized, that is, expressed in
 percent per year) is the annualized nominal interest rate at the maturity in question,
 less the annualized expected inflation rate over the period of the loan. Recall the
 evidence that relative PPP seems to hold better over long horizons than short ones. In
 that case, will international real interest differentials be larger at short than at long
 maturities? Explain your reasoning.
 18. Why might it be true that relative PPP holds better in the long run than the short run?
 (Think about how international trading firms might react to large and persistent cross_x0002_border differences in the prices of a tradable good.)
 19. Can you think of any forces that might help bring about long-run PPP for nontradable
 goods? (It will help a bit here if you have understood the discussion in Chapter 5 of
 factor-price equalization.)
 FURTHER READINGS
 James E. Anderson and Eric van Wincoop. â€œTrade Costs.â€ Journal of Economic Literature 42
 (September 2004), pp. 691â€“751. Comprehensive survey of the nature and effects of costs of
 international trade.
 Gustav Cassel. Post-War Monetary Stabilization. New York: Columbia University Press, 1928.
 Applies the purchasing power parity theory of exchange rates in analyzing the monetary prob_x0002_lems that followed World War I.
 Robert E. Cumby. â€œForecasting Exchange Rates and Relative Prices with the Hamburger Standard:
 Is What You Want What You Get with McParity?â€ Working Paper 5675. National Bureau of
 Economic Research, July 1996. Studies the statistical forecasting power of Big Mac measures of
 over- and undervaluation.
 Michael B. Devereux. â€œReal Exchange Rates and Macroeconomics: Evidence and Theory.â€
 Canadian Journal of Economics 30 (November 1997), pp. 773â€“808. Reviews recent thinking on
 the determinants and effects of real exchange rates.
 Rudiger Dornbusch. â€œThe Theory of Flexible Exchange Rate Regimes and Macroeconomic Policy,â€
 in Jan Herin, Assar Lindbeck, and Johan Myhrman, eds. Flexible Exchange Rates and
 Stabilization Policy. Boulder, CO: Westview Press, 1977, pp. 123â€“143. Develops a long-run
 model of exchange rates incorporating traded and nontraded goods and services.
 Pinelopi Koujianou Goldberg and Michael M. Knetter. â€œGoods Prices and Exchange Rates: What
 Have We Learned?â€ Journal of Economic Literature 35 (September 1997), pp. 1243â€“1272.
 $1.005 = $1 + (3/12) * $0.02
 CHAPTER 16 Price Levels and the Exchange Rate in the Long Run 417
 Excellent survey of micro-level evidence on the law of one price, exchange rate pass-through,
 and pricing to market.
 Lawren</t>
  </si>
  <si>
    <t>b'0D\x02 VC$|\xf0wn?\x80\xd8Y\xe5*I\x8e\x89^E:\xe6\xd8\x9d\x9f\x8f\xaf\xc4in\x85\x00X\xf1\x02 S\x1e\xcf^td\xed4G\x9f\xa6\xa8\x9d;R\xf3\x02*\x7f\xa89\xfb\t\x91\xdaH^\xa0,\xee\xca5'</t>
  </si>
  <si>
    <t>304402205643247cf0776e3f80d859e52a498e895e453ae6d89d9f8fafc4696e850058f10220531ecf5e7464ed34479fa6a89d3b52f3022a7fa839fb0991da485ea02ceeca35</t>
  </si>
  <si>
    <t>b'0D\x02 VC$|\xf0wn?\x80\xd8Y\xe5'</t>
  </si>
  <si>
    <t>tal apparatus? Explain the structure of stomata with a labelled
diagram.
5. Name the three basic tissue systems in the flowering plants. Give the tissue
names under each system.
6. How is the study of plant anatomy useful to us?
7. Describe the internal structure of a dorsiventral leaf with the help of labelled
diagrams.
2024-25
104 BIOLOGY
There is a wide diversity in living organisms in our biosphere. Now a
question that arises in our minds is: Are all living organisms made of the
same chemicals, i.e., elements and compounds? You have learnt in
chemistry how elemental analysis is performed. If we perform such an
analysis on a plant tissue, animal tissue or a microbial paste, we obtain a
list of elements like carbon, hydrogen, oxygen and several others and
their respective content per unit mass of a living tissue. If the same analysis
is performed on a piece of earthâ€™s crust as an example of non-living matter,
we obtain a similar list. What are the differences between the two lists? In
absolute terms, no such differences could be made out. All the elements
present in a sample of earthâ€™s crust are also present in a sample of living
tissue. However, a closer examination reveals that the relative abundance
of carbon and hydrogen with respect to other elements is higher in any
living organism than in earthâ€™s crust (Table 9.1).
9.1 HOW TO ANALYSE CHEMICAL COMPOSITION?
We can continue asking in the same way, what type of organic compounds
are found in living organisms? How does one go about finding the answer?
To get an answer, one has to perform a chemical analysis. We can take any
living tissue (a vegetable or a piece of liver, etc.) and grind it in trichloroacetic
acid (Cl3CCOOH) using a mortar and a pestle. We obtain a thick slurry. If
we were to strain this through a cheesecloth or cotton we would obtain two
fractions. One is called the filtrate or more technically, the acid-soluble
pool, and the second, the retentate or the acid-insoluble fraction. Scientists
have found thousands of organic compounds in the acid-soluble pool.
BIOMOLECULES
CHAPTER 9
9.1 How to Analyse
Chemical
Composition?
9.2 Primary and
Secondary
Metabolites
9.3 Biomacromolecules
9.4 Proteins
9.5 Polysaccharides
9.6 Nucleic Acids
9.7 Structure of
Proteins
9.8 Enzymes
2024-25
BIOMOLECULES 105
In higher classes you will learn about how
to analyse a living tissue sample and identify a
particular organic compound. It will suffice to
say here that one extracts the compounds, then
subjects the extract to various separation
techniques till one has separated a compound
from all other compounds. In other words, one
isolates and purifies a compound. Analytical
techniques, when applied to the compound give
us an idea of the molecular formula and the
probable structure of the compound. All the
carbon compounds that we get from living
tissues can be called â€˜biomoleculesâ€™. However,
living organisms have also got inorganic
elements and compounds in them. How do we
know this? A slightly different but destructive
experiment has to be done. One weighs a small
amount of a living tissue (say a leaf or liver and
this is called wet weight) and dry it. All the water,
evaporates. The remaining material gives dry
weight. Now if the ti</t>
  </si>
  <si>
    <t>b'\x03\xa0\xf0\x02[:\xcaO\x97tu\x8c$b\xdf\xa2*\xa3F\xb1\xfa\tM\x07.0\xaa\x89\xeb`1\x7f\x01\xa8\xe1\xdfP\x0f7\xd2\xc2\xdb\x98y\x9bXww\xb7E\xb2k&amp;\x84\xca\x10\xa1\x10=\xf4Y[M\xcc\'6\x88-\x01\xba\x8e\x0c9\xd2L\xc3\xf3\x00\xae;P\xfb&gt;j\xfe\r\x03\x9a\xec\xba\x97\xda\xf3\xd6\x84\xf0\xe6r\xd7a~\x8a\x9cVL\xae\xa1\x17\xa5\xc7\x82Z[\xb5\xfc\x89\xc9\xd9b\x16[/v\x83\xd2\xf8\xa6\ntL\x17H\x94I\xcf_\x07\xbb\x90\x9ff\xacH{\xf8\xda-\x80\x9f\xad\x18Sh\x80\xea#g\x86\x08\x0b;\xe6\x82:\xad\x0b\xa0G#\x80\x13\x94\x9a\x8a\x13\x87\x9c\xaa\x18;#_\xcc\x98(\xa5d*\xe3\x12\x03\x86\x95\x12\x8f\x1f_h\x060\x8c+q=\xa8~\xe7*\xfb\xe6\xcf\xf9\xc6\x98b\xd1*M|I\xd9Q\xca\xe8\xfb\xd0\x01f&amp;\xc5\xad\xb6\n\xf2|vp\xa4t\xab-/f\xde\xd6\x16r\xca\t|&lt;[\xdd\xfbX7\xd5\x11\xe8\xe1\x0b\xdfW\xb1\x05\xee\xed\xfb\xf6\x7f\xb1\xc6\x17PL\\\xce\x03{C\xd0\xa5\x8a\xa2i\xb5\xd8Z\xa3Pt\xb1\x8eS\xe8\x97G\xe2w\x0f\x9cr\x04\xb8\xb6\x92c,\xd7\x00bJ\xfa\x8b\xb4\xc6.\x90:V\xb3\n\x87ES\x85\x86\x83\xe5\x84+}\x9b:=\xed\x85\xea\x13\x94z\xe3\x90]\xcb\xb8\xd5\xa6~}=\x02\xb0&gt;\x84PJ\x83v\x1f\xd2\xdb\xc6%\xf4t\xbb70\xe2\xe3A:s\x1d\rg\xb6\x9d\x89|\x00aBg\x12P\x03\xc6K\x8d\xb2\xb2\xfc.Y\xac\xba@\x8d\x88\x8bz`\xd2\xb40!\xc9\xa6\xe9\xff=\xb5\xba\x04R\xe8}b\xa1\x90\xdd\xfd\x9c\x87\x02\x91\x109,\xff\xbb\xc3\x14N\xbc\x98%Cc\xdcT\xf7\x94\xbeVb\xf7\x10\xc4\t=S20\xcf\xe6^)g~\x0e6X^\xebf\xc3\xb0\xd6C4\xc1Zq\x88\xcc\x8a\xbe\xf0\xe1{H\x80\x11c\x89\xf3\x00\x1c\xde\xd7\x84Q4\xc4\xf0\r3\x1f\x96\x08\xbcj\x8b\xb2\xbf*\xa3+\xb3J\xba\x86\xd9\x16\xd5\x83P \x9f\xf4\x8f\x88\xcc\xfbl\xb0\xfa#O&amp;\xcay\xf4-\x9b\xe1\xe8\xb1xEw72B2v\xde\x12\xa4\x87\xdd\x8b\xe2GY\x0e\x11K\x1c\xa9\x9b\xb4!L\x9fF\xa65wAPP\xee\xb2\xf7\xa1.\x8e\xb4V`^\xd0\xa4W{d\xee\xfc\xe7c\xa3^\x1a\xab5T\xef\x15\xb9L\xa7\xf2S\xd2\x9b\xc6ntP\r\x02L\xcec\xbd\xcd\xdd&amp;\xef\x1a}A\xd7x3\xcc(\x02_\xd1\x8c\x80\xb9\xb2\x18^8\x1e\xe7:,\x02\xcf\x92a\x7faO}W\xb1:\x0e9\x93\x9b\x7f\x03\xac\x98\x80\xba\xe0\xf0\xbc\t\xcaw\xc9g\xc6@\xae\xeb\xee\xfaLjy\xd7&lt;\xe8\xc4@\xc2\x1f/\x87\x89D\xfb\x10|\x0e_\xa5?+\n\x1a\xf9\x04E\xd1\x04Z\xe4|7\xf0\x1932\xe8\xaeL4\xbe\xe0F\xa8\xd0l\xbb&gt;\xaf`\xe9\xb3q\xc71\x87\x85\xee\x9cF~d\xaca\x0f\xd0&amp;\x00\xb3G/\xa1\x8e\xf8\xba\xda[\x8c\\GU{1\xce\xc1z\xb9\xa7\xa1\xad\xec\xd5\xe8a\'\x11$\xbd\xdd1\xe2\x9dr\x88Y\xf3a\x9dAOQ\xdc\x9f\xbbt\xf2\xb0\x10\x12)\x98\x1d\x8f\x1eK3\xf7\xe3\x08\xcaF^4\\\x8a\x0c\x85\x81\xeb@\xbb\xecit\xe5d1_R\x8f\xa6&lt;\xe3\x81D\x03S\xf3\xe0Ym\xf13\xb7!\xb5\x93\x96\xa4O;gy\xfbA\xc1=Y\xd7\x93\xe7h\xae\xf5]\x95\xd4\x13J\x04\xbf0\x036\x9d9\x9f\xdf\x9f=0\x1eB\xc2\xf5&lt;\x18*\x11s\xbd\x8b\xb2\x17q\x80\xd7$&amp;\xb3\xfbc\x90\x05\xad\x94\xeb\xf4\xa8x\xd7\x03P\xc2\xc4\xf1M\xdaw?\xf2\x08\x04x\xde8|\xe1\x95l\xa8-\x93\xb4&gt;\xdd\xcb\x88\x8dB%^\xa7\x96\xe4\xcb\x99\xcc\xc4g\x86(\xb4n\xfe\xd0\n\x06\xe5\xe2\x8f\xb7\xd85U\x9f\xca\xff\x06\xc9\x13\xdb\xfa6\xaf=\x06v\xe4\xbc\xa8S\xae\xd9\x13\xa0{*"\xb7h\xbb\xb1\xd8\x10\xa6\xda\x0b\xfec\n\xc5\xb6\xcb\xb9\xf8n\x90c\xef\x9d\xdbE\xa5\xc6\x7f$\xc9\x19;;\x19\x8e\xeak)\x1c\x94\xa5\n\xe3@\x8d\x92\x8e\x93\x89\xe2M\xc5Y7\xa3\xe3\x04^\xc2Q\x17\x9cY\xb4l\xb4\xb3\xc5\xf3E\x8a\xf7\x91\x97]\x9f|56\xd7:eU\xeeUs\xc0z\n\x97\xc1\x82\xb7\x92/d\xeb\x15\xa34\x99\x19\x10\x87b#\xfd\x83\xd5 \xa0Cm\x1f\xe0\x0e\xc2\xc8z\x0c\xd9^\xf2F\xda\x0f\x90\xf43|\x87\xca\x80\x8c\x80&amp;\xf2\xeem\xf4Y\xa2\x13\x93#\xf9\xc4\xf9\x9a\x91\x1a\xcc\x868\x12\xad\xf6\xfct\xcf\x9bX\xc5\xc1\xb7\x94\xb8\x95\xad\x9b,\x03\t\xf2\xaek\x9d\xfe\xdf\xceS\x8cK(/\xc7\xbc.\xafi\xe1\x9af+\xfbJ\xd7\x86\xaa\xfb8~\xe5.k\x8b\xb7N\xcdtUL\x14b7\xb9\xafV!\x91\xfe^\xf0Wif\x1d?\xf5\x99x\x82\xe1?(&lt;\xf3(\xe7\xde:0{\x0fk\xcd\x00d\xedf\x86jK\x94\x88\x80C\x17!.\xdc\xd7w\xa8\x99 \xcd\xfa\x9d\xc03\x90b\xabc\x8c\xd2/tC\xee4\x01\x80#\x1d!\x13I(\x10l\xf6\xb7F\xdeOL\xb5@$^*\xa6\xc9o\xc4\xef\xffE\xa1\xe9k1\xc3\xafd]&lt;\x03\xc3\xc2\x1d\'5\x8a\xef\xa8N\xac^\x8a\xb8\x99\xde\xfc\x0f/\xf3\xca\x15\xfe\xd9m4\x0f\xb3\xd7\x1c\x81\x820\xa6Z\x18D\xe5J\x10#u\x98\xf8a\x92\xa9\x12\xcb\xb6\x83r\x82\xbf\xfd\xc7D\xdb\xfb\xc6\x82\x94\xae\xd0n\xc3\x01D7\x91\xb21\xce\xa3]+\xd1\xc6\x80\x8b\xc1\x1c\xf4o\xc6\xa1\x9a\x9a\x8f{t\xdfN\x88\x0f\xa0\x8e\x08R\xc1\x15D\xc0\xae\xc8\x8e\xf7\xaf\xe7\x85\xba\xcb\xc2\xbb\xd0l\xc4\x97\xb1+fn\x95\xff\x01\xe9\xadO\x88Cp\xfb\x99\x88\xfa\x91\x14{\xc8xY\x03\xb3\xbbD\x94\xfeY\xa3\x8f\xe2b\xefMj\xc5\xc8\x0c\xef\xfb\xdb\xf6\xbb\xe4\xc1\xc0\x13DF\xa0^\xe1\xc3\x16\x9a\xe6\x1d rMfOLv\x82\x8c\xe0\xf3\xdb\xcd\xbd\xd2\x9bk\xca\x88\x9b\x96%\x14\xaf\x03\xd0\xf0(1U\xdeB#O/:\xc3\xd04.\x94P\x9a2;\xbd\xcf\xa8]g\xdc`p\x98\xda&gt; \xbdq\xe3\xf6h;\x17Z\x1eK\xd3\x8e\xbe\xc0M\x0c\xe9\xc8\x0e!+\xf8\xc4\xa4\xfcBw&amp;WV-\x936\x05\x1a\x08"\x10(@0r\x078\xd9\xcef+\x996\xe4oWp\xf5\xad\xea\x93\xa6\x8d\x18rl\x07\xdd\xf2\x18&gt;\x80\x06\xc3\xd4WI(\x03\xea\xda\xdd\xb7D\xdcM\x17\x1dw\xf9\xd9\x99\xc8\x84\x94\x1b\x80\x1b\xce\xea\x01\xb7ct\xd5o\x90_\xb8L0\x8e?\x81\x91\xda\xe9u%=\xa0\x0e\x173\xba\xd6\xcba^\xe5&lt;\xce\x05\x83\xb6\xfc\xb1\x8a,X\xce\xff=\xab\xa6\xee&lt;\xd3\x10{\xe2F\xe5$\x15E\xc9 \xb5\xc9\xbdZi\xca\x10h\xe1\xe2(\xac)6\xa3\xc6L\xd8\xcb\'\xc7\xc9\x8bj\xcdGXV\x89\nG\x90\x948\rx\xbd\x04\xe8-\x16\xc8L\xf2\xab\xaeZ\xf4\xd6e;`\xbe\xe8cG\r\x9a\x94\xeb\xdb\x8a\xf4\x0b\x8d#XR\xd3|\t\xa7\xe1\xc9N=\xc6hO\xd4\xff\xebM\x9f\x1c\xab\xe3r&gt;\xe8\x10R\xdbF\xc6(b;C\x8au\x9f\xb9\x92.\x87\xd0o0`\xd7bq\xbbr\x89|]E\xc0\x83\xb2\xedST#\xffY\xc0\xb7\xbe\xcb5\x08\xbd\x1e-Z\r/EUk\xcbq\xb0\x06U\xae\xe9}\xa1701=\xefyG\x91Be\xc0:y\x02\x17\x9e\x08\xf6?\x9c\xe5\xab\x91"r\xe51\xff\xd4\x9b\xfeQI\xb6\xdf.\xde&lt;\xf5\xd0\xb0\x93U\xda/\xfb\nJ\x8dEi.\xceA\xfbU\x88C\xfb\x81\xf8\x9b0H\x187\x9e\xac\x9c\xdd\xc8\n}F\x95\x9eR\x9f\x1d\xdc\x0c\x07\x06~\x1c1\xdcI\xd3\x06{\xde\x8b\xa7\xdd)(\x80\x97\x16R%I\xfc\x06z\xec\x19\xae?\xad\x98\xa0\xac^r\xae\xb2^Oc\xc0\\\xa6\xcbu\xbb\xb8\xf5.\xcex}@k1\xa3\xa8\xf9\x18\x97\xcf\xcf\xd2I_\xd8\xf0rT\x87\xde\xf0\xda\xb2p\x1dvi\xad\x13\x9f,\xcd^x\nT\xc3\x0b\x95\xbe(v\xc1Vx\x02A\xc1\xfb\x02k\x1a\xf2\xae\xa3(\xbe\xda:\xb2\xa5\x80\x7f\xc8\xd0,l\x1f_up\t?xx\x8a\x8c\xd5tx\xc8\x15\xaf$\x98\xd4O\x08\x9d\xc1M+"O\x8f\xbbyL&gt;\xc9\x93:\xe57\xe6\xa0\x82\xa8\xb1\xef6\xbc\x10\x03\x91iPTv\xcbb\x82\xec\xc9\xe0\xd9\xb4\x936\xa1E\x81{\xcc\x08I89\xa7\x1bU)4\x9ei\x1c"\xa9` \xd9\xb0\xe0\x93\xcf9\x86\x1a]\xcb9\x80\x8c\x17\x1c\t\x1a\xf60"\xdb\xb8\xd6\xb4b\xee\x84\xc4\xc5P6\xcb(\x90\xa8\xba\n\x9f;\xae\xbf\'\xd6ix\xac\x92\x9b\x02\x8f\xe0\xf2;f0\xb0\x08\xeb\x00\xcd6T\x0fv\xf5\x92\x1b\xaa\x1f\xec\xe5\x05\xc5\x9aEo!0j\x96!\x0e\xd0\xa2O\xcf;\xf0\x99\xfa\xdc\x9dY\xb7\xd0#\xbf\xe0\xa9\xc5\xcb\xfae\x86x\x8c\x1b\xf8\xc5\xd6iW\xc0\x03\x1b\x8c\x80\x1b\xe1\xb4;\x94J\xde\xef\x12VJ\x00\xa8\x95\xed\xd9\x8b\xaf\'\xb0\x10A=z\x10\x84\x924dA\xa2\x8bbms\xac\xf2-k\x98_\x00%\x04)\x0b\x1a\xa7\xdeI"\xf5\x97d\xb75j\xa4\xc6\xbf.\x8a\xe5{\xfb\xcb ?\xcfwX\xa2\x18\xa8\xfaq\xd8\xf0\x81\x0f\xba\x97!\x15g\xa5\xc1_\x98\x9e%\xad\x9ct\x94\xaa\xc9\xfb\r\xf8\xe69f\x06\xc7-\x8c/\xc3\rW\x02GJ%\x92M\xbcdb\xa9\xbe\xb5\xad\xc3\x8enq\xb8\x98\x80^+Vs)\x1aiV(&lt;)\r^\xe1\xba\xe7\xb3\x94\xc6\x1f\xfc\xda\x98\xc9\x93,\x8e\x85\xbc\xba\x98W\x88\xe9\x9e\x06\xd8W\x9a\xf2\xbbX\xeb&amp;b9HS\xcc\xe1\xa2&lt;\x93M\x92\x8fd}a\xbbA\xe3\xbb\x02\xbf\xcc`\xc6\x8eRckOV\x0c\xef2 \xbflL\xd5js\x1e\n*\xbb\xf5x\x13H\x05m\xe5\x95c\xfa\xb5\xad\xa27W\x0e\x05\x0e\x14\x8a\xbfR\xc6#H[\\0%e*\xe7/\xcc\xf0\x94\x83\x89\xec\x15G\x05FJA\x13}\xcfF3\x04\xc2f\xc1p=\x8d\x9ao\x91\x14\xd1$\x0c\x11xq]\x98\xa3\x8d5\xca\x95\xb1\x7f%\xa5\xb2\xe0\xa3w\xa5\xc0\x06\xfe%u\x17a+\x1a\xbe\xd1\x11\xbd*Y@\xabX\xf5k\xd36\x8b^\x8e\x7ft&gt;_\x84`\xedx\xf9\xe1\x0b\t\x02z\x9bW\x98\xf2\t\xc3m\xb5b\xc9\xce\xb4\x9c^\xba~\x87I\xb9F\xdc\xdbk\x87\x17\x9d/\xf8\xc7\xbe\x13\\=u05L&gt;\xf6\xf6\x9bp\xe6.\x82\xf4*\xa0\xac\x90 \x9b0T\xc0\xc4\xf7Iq\xbfc\\7S\x1dcCim\xab\x96\x83\xb3;+`\xf8\x15\x97E\'~\xd5\xc0\xa1\x89&gt;\xc7\xd8\\\xe7u\xd0\xa9\ns\xcf\x8f\xd2\xb2\x15\xca\x83.M}*:Y\xd0\x02C\x0f\xb1.\xd7\x99d\xf8\xa4\x16\xdaGl\xd4\xb5\xe5\x1852\\`s\xfda\xf6\x1a\xc1\x8a\x8dDN}b\x87\xd5(R8\xbew\xde\xecNu3\xe4\xf2\xd4$&amp;\xcd\x995&amp;W\xb3\xca\x0c\xa1&amp;\xeb\x9d}\x86\xfa\xc4&lt;\xefSZ\xcbW\xfa\x87.H\xd1\xe8\xed\xd6\xdb#\xf5q\xd0\xf6\x91\xd5f\xc7\xbd\xe4@N\xe1\x01\xf7\xc9/\xc0\xb4\xea\x14@M\x03\x9b\x12\x87f\x1cd\xaeXT~kF\xb7\xdb\xc7\x91\x88\x97\x0b&amp;PX\xfe\xc2\x97\x96s!\xb1&lt;8E\x92\xe7\xdc\xf8_d\x93\x8f\xfd\xd7\\o6\xff\x10%x\x98\xe6\xc6\x03\x19\x99\xaf\xd6\xbf\x9f\x1f\xc9\xc4\xe2\x83\xc9\xbc\xe8O\xb6\xf5\x14\xb1\xd7\xa6\x84\x8fp\xe3f}Vd.z\xab\xb2\x84\xd0S\xc3&lt;k\x08m\xc1\x81\x136\xc9\xde\x97zk\x80\xcf\xee\x17\xbc=\xe1\x08\x14\xe7\x88\x9e\xba\x8c\x84\x8cHQr[.\x1b+\xc1%\x00p\xc9\xc5\x13\x03\x8bsI-%Y\x98\xa7\xdf653\x80H\x1f\x95\xd6&amp;\xdft\x7fRh@I!\xe7:S\xb4c\xa7\xa6v\x14~\x07\x93\x9e]\x1b\\5\xc8\xda\x1a\xb1.\xcb\x04H\xc5\x15\x19kS\xe7\x13\x063\xbe\x9c\x02\xdf\xe6\x9c\xb9\x7f\xde\\\x1fi\xaa\xc7V\x08\x04\x93\xeep\xb4\xab\xeeZc(L|\x81\x8f.\x18c\xf3\xd9\xdc\x0eI\xd8C\x1e\xa4Ef\x90f\x80\x1ae`\x0c\x02"\x82r\x86\xe5\xbf"\x04`\xcf\x1c\xdc\xb5\x15\x9b\xb9\xdc\xa6\xc7\x12:\x80\x9c{\xf1\xc1\x81\xd5\x17wXRvo\xfdd\x89\xf6 q\xb8\xa8\x8e\xab\x83\x99a\x1e\xe2\x08\xb8&amp;\xf9P\xc9z\xbb\x13\xb4b\rq\x84\x85s\\\x86I\x18 \xd6\xd3\xa0\x93\xedd$\x83\xe8n\x871\xba\xf2\x00\x8e~\xf4?\x82\xd6\xd5\xb5[\xb4\x8c0\xcf\xa1\xe2x\xf3\xc3\xccP\xd1r\xdak\xf5 r\x87\xb6\xa0\xb1\xe52\x83)&gt;X\xa4\x85\xd3\x0fB\x10\x82]\x99\xc9cE\xf2\xef\x93\xa4m\xa9H\xf5\x96u\xe6Hk\xd5[h\xf9\xe2/5\x04\x1b\n\xeeDg!\x01i\x06v\xfd\xa6\xb7^\xfd\xa2\xf5\x0b&gt;l\x11\xca\x8a\xe1+\xce\x95\x0c\xcd\xaa\x8b\xf3w^\xc0\xeb}\xbb\xa5\x95\xd0'</t>
  </si>
  <si>
    <t>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</t>
  </si>
  <si>
    <t>b'\x03\xa0\xf0\x02[:\xcaO\x97tu\x8c$b\xdf\xa2'</t>
  </si>
  <si>
    <t>an evidently expected her to answer; so Dorothy said,
with hesitation,
"You are very kind; but there must be some mistake. I have not killed
anything."
"Your house did, anyway," replied the little old woman, with a laugh;
"and that is the same thing. See!" she continued, pointing to the corner
of the house; "there are her two toes, still sticking out from under a block
of wood."
Dorothy looked, and gave a little cry of fright. There, indeed, just under
the corner of the great beam the house rested on, two feet were sticking
out, shod in silver shoes with pointed toes.
"Oh, dear! oh, dear!" cried Dorothy, clasping her hands together in
dismay; "the house must have fallen on her. What ever shall we do?"
"There is nothing to be done," said the little woman, calmly.
"But who was she?" asked Dorothy.
"She was the wicked Witch of the East, as I said," answered the little
woman. "She has held all the Munchkins in bondage for many years,
6
making them slave for her night and day. Now they are all set free, and
are grateful to you for the favour."
"Who are the Munchkins?" enquired Dorothy.
"They are the people who live in this land of the East, where the wicked
Witch ruled."
"Are you a Munchkin?" asked Dorothy.
"No; but I am their friend, although I live in the land of the North. When
they saw the Witch of the East was dead the Munchkins sent a swift
messenger to me, and I came at once. I am the Witch of the North."
"Oh, gracious!" cried Dorothy; "are you a real witch?"
"Yes, indeed;" answered the little woman. "But I am a good witch, and
the people love me. I am not as powerful as the wicked Witch was who
ruled here, or I should have set the people free myself."
"But I thought all witches were wicked," said the girl, who was half
frightened at facing a real witch.
"Oh, no; that is a great mistake. There were only four witches in all the
Land of Oz, and two of them, those who live in the North and the South,
are good witches. I know this is true, for I am one of them myself, and
cannot be mistaken. Those who dwelt in the East and the West were,
indeed, wicked witches; but now that you have killed one of them, there
is but one wicked Witch in all the Land of Ozâ€”the one who lives in the
West."
"But," said Dorothy, after a moment's thought, "Aunt Em has told me
that the witches were all deadâ€”years and years ago."
"Who is Aunt Em?" inquired the little old woman.
"She is my aunt who lives in Kansas, where I came from."
The Witch of the North seemed to think for a time, with her head bowed
and her eyes upon the ground. Then she looked up and said,
"I do not know where Kansas is, for I have never heard that country
mentioned before. But tell me, is it a civilized country?"
7
"Oh, yes;" replied Dorothy.
"Then that accounts for it. In the civilized countries I believe there are no
witches left; nor wizards, nor sorceresses, nor magicians. But, you see,
the Land of Oz has never been civilized, for we are cut off from all the
rest of the world. Therefore we still have witches and wizards amongst
us."
"Who are the Wizards?" asked Dorothy.
"Oz himself is the Great Wizard," answered the Witch, sinking her voice
to a whisper. "He is more powerful than all the rest of us together. He
lives in the City of Emeralds."
Dorothy was going to ask another question, but just then the Munchkins,
who had been standing silently by, gave a loud shout and pointed to the
corner of the house where the Wicked Witch had been lying.
"What is it?" asked the little old woman; and looked, and began to laugh.
The feet of the dead Witch had disappeared entirely and nothing was left
but the silver shoes.
"She wa</t>
  </si>
  <si>
    <t>b'$\xe0\'8e]F\xaa\x84\x15\xe3\xfb\xa3\xf3\xb3Y\xdfx\xc8G\xe8\x96\xd0KL\x90yk\xeb\x18\xc0\xc9\x0c\xa6\xc2{`\xd3l\x8b\xd8\xdd\xde\xde3\xe4\x1b\x1e\xbd.\x9c\x18Y\xb4\xe8\x1eQ\x81\xf6OB\xe8^ya\x8e\xc8,\xde"\x81[\xfd\xdb4\xe7\xea\x19\x95\x02\xf1\xfax$y\xa4y\x11=hA\x8b\xf8\xc8\xa9\r\xc8\xf3\xa0c\xc5\x13\x8f\xe4E\x84\xd2\x80h\xa7\x81\x1d-\x93\x15\xda\x81\xa9D\x9d(E\xd2:\x90n\xa6`DPA\x91\x9b\xd3:\x8a\x9f\xb1\x94\xb2\xcd^\xf6\xda\xe8\xf5/2\xad\xa2\xb4\xa6\xdb_\x1b\x17\xf5^\xb7\xe7Zj{\xe1\x1cJd\xe6\xd0"\xbbG\xfe\n}\xcfD\xd6L\xbf\x8ex\xaa_F\xab2\xff\x01\x11\x06\xdd\x9b\x7f\xa0\xb0Z\x08\xc1\xa0\x82\xedJ\xcf\t\x1b\x9f\x90\xe0*l=h\x970\xc4\xc9\xa65~\xa1\xb6\xa6\xbfJ\x9b\x1a\xe3\xfc\x8f\xd3\\\xd8\xec\x95\x13\'"?\xadA\x02\x904\x05\xa5\x18\xf5!\x8e\xb8{h\x8c\'\xfb\xe8\xd3\xe2Ct\x87\xf4\xea\xe4\xa3\x83\x8fX\x9b\xa7\xf1\xce\xebc"\xe8Bz\x9d\x14\xbf\x1c\x82\xee\xab\x94\xd9%\xdd\x16\xbb\x015\xbeC\xcaK\x84\xd7\xe9\t\xeb\xe0I;A!\xd1\x173\x88\xf7^\xadv\x13\xcf9X_\xf0d6D7\xe2\xa0\x9b\xb3\xaf\x19e\xd9\x8e\\\xc8F[\xfd\xc3\xf8}\xf1mx\xbf\xf0\xbe\x92\x8eYf\xca\x91\xd0&gt;\xa3\'\x05Z8?\xf4j\x84\x9b\xb5\xa9\xa3e3w+\x1f\xc3\xf0\x96\x92\x99\xb6x\x1ahkN\xf8\x97\xf7g\xeb\x14\xf4\xed\xa8\x06\x16\xea1\xb2\xfddk\xba:w\x0br\xb44\x19Mf\x07\xec\xc4;\x94 q\xd9Q4\x8c\x932\xdal\x81\x060g)Z}\x8el\xebS\xa0\x02#)\xcd7T\xaeJ\xcb\xe3\xe7\xc9 ,J\x9f/\x1b\xe1\x8f\xdc\x83\xe0\x07fj\x83\xa4#y\xc1\x8f&lt;\xb2d\x05\x10\x7f\x02\xf1\x8fy\xae\xf0\xa6\xef\xc1Z\x86\x86\xaa\x11GB\xb6\x89\xeeX4]\x1f\xbaO\xfe\x01\xbe\x08\xce\xcf%\x01\x13M\x1d\xb0\x15\xc6\xa1\xa0m\xd8\xa9`\x1e\xe2DW\xbc\xb3aYMvH\xfc\xd4\x9f\x91\xe2\xed\x0c\xd1\xcc\xb6\x1f\xacV\xecO\xf4|\x83\x0bJ\xd7Z@\xd2\xb9\xf3\x87\xe7\x13\x1eY\xd5\xb5\xc3O\x8d$\x0c\x93\xec\x1a4bd\x136\xd4\xee\x8b\x9b\xefC\x87\x99I9r{o$)a\x8e\xe6\x14\xd2I\xdaU_\x05F;2\x8d*\xa2\xb6\xa0&amp;\xce"3\x19\t;\xb8\xcaZ\xac\xc6,@\x8c\xc7\x8c&amp;\x07\xdbh\x98e\xd9F0\xbc_ )\n\xfeM\x08\x97\x9e\xee\x8e\xcfk\xd9\xf5Fl\x8c\xcd\xb4\xad\xc4TSu\xd7\xaa6\x1c\xc4\xf0\xf6\xads\x1c\x1bu~5\rn\x06\xafs[\xe4\xf6\xa9\xbb]&gt;\xaf\x85\xa8\xc9\xb4\x1fO\xb4\xb3\x015\xe4@\xe6\x0f;PM\x9d\x9a\xc8k\x00ml.\x15\xcaC\xb8X8.\xd6\xf9g6\xfb\xdc\xbdg}\xed\xdb*\xfe\xea\x8c\xb0\xe0\xa8\xb6}\n\xef\x86\xe4\n\x81\x82\xdf\x94\x96\x88\xf1~3};\x92\x99\x17\x94N\x82\xedU\xbb\xd8\x97\xbb\xa3=Rw\x9c8\xa7c\\yPb\xf2\x9c\x82,\xc2\\\xe0\x89V\x10\xeb\xda\xc8\x9dI\x86\xbf\x8c\xd8\x0e\xea\x87\x08\x83&lt;f\\#=uZ\x802\xafW\xc0\xaf\xd1\xaf\xb8\x02\xd7x\x87\x07\xb6sNc\xf7\xf2\xae/\xd4\x17\x14\xe1\x94\xd5\x9f\x7f\x92\xd2\xf55pX~\x00\xb9\xf7\x1c8\xe3\xbdGI\x15k\xff\xc4PLh\xc82\xe0\xa6\x90\x1bo\x87e\xaf&lt;\xa7\x15]\xe7\x07\x81\xd9\xe0w\xe4\xbe\xfaQs\xcc\xfboQ\xc6\xabo\xc0d\x94\xee\xe16g\x89\xc4!\x97@\xfd\xcc\xa7\xb6\xaf\x8b\xb0x\x8a\xaagdk\xa8E~\xb8\xe1G\xa0+\x12\xdby/N\xd8&gt;\x9e\xba\xd6\xe3\xea\xbdD&amp;h\x0e\xc7O\x0bU\xb5Z$\xe52=t\x95\x96\xd0\xfe\xc0\xbf,\xc0\x8dz\xc05BZ/H1\xf6\xda\xcf&lt;Tw\x8a\x85\xe7\x18&amp;\xf7\x17\xc8#-\x93\x96\x1f\xbb\xeb\xe3c}\xe8\x8e%\xad\x9c\xb2t\xe1\xe1\xa7\xc8\xa6\x9d\xab\xa0\x9a\xdc\xa5\x1b\x8d\xda\x14@\x05\xc8\x16}\xa0\x1c`\xf7:.\x8e\xb8"\x14\xaaI\x92\xcc\xdd\x7f\xb1\x89\x1b\x1f\x9b\xaf\xd7\xa0\xeeh\xef(\xdcvH\x9e2X\r\x0c\xee\xa8\x9b\xf3#\x14\xaf\x83c\x88\x19%i\xfe$^\xd3\x18x\xb6\x98{\xa3\xc34\xa7m`\xe9\xf4\xfdj\x97\x07\xeeQ\xd5\xfa\x08\'3\xd1\x161b\xc7\xf9\xef3\xe6T\xeb\xba\xfc4C\x89\x13\xc8\xa5!\x99\xb2\xdfJ\x92\x02\xbb\x8e\x82+Qt@@\xaeB.zy\x1c\xe1&gt;D\xba\xeaf0*\xf1W\xfdO\xf0\xbf\x17\x86\x90\xc6\x8c4\xa1]\x8bP\xb1\x1b\x94\xc1\xd9L\xf6(\xe5$I\x98XU\rF}&amp;\xbb\xaa\xf4\x19^\xbc\xb1\xc6\x9cP\xb7\xae\x93YL\x1c\xc23\xc3\x85a$\x00!9\xaczu13\xa0\xab\xd5\x98\x81\xeeU\x0e\xa1;\xe3\xff0]\x9e\x1cn\xd0\xd1\x13\xb5%\xb5\xed\rd\xc3\xbd\x1do\x9d\x17F\xa3\xb3\xb4\x8b\x81.\x97\xb7\xe8[\xa1\xfe\xf89\xf2cp\x8f\xc86O\x99\xa9@\xa6\xadHn{n\xb9\xfe\xa3\x16\xd1\xfc\x16\xed\xfb\x97\xce\x17\x86\x1f\x9e\x0f=\x15\x9a\xf2e\xc4A\x80l\x9d2&lt;\xc5\xdf^&amp;\xe5\xff\xea\xb9\xaa\xd7\x89}\x91\x94\x15\x99L5\xef\xe4\x8f&amp;h^y\xa4\xa2\x93\xa4e\x9fO\xe3a\xa8-&lt;\x9dZ\r\x9bC\x80\x9c7\xf0\xd8F\x9c\xa6\xb8\n\x15\xd5\xcb\x10\xb7\xcdI\xf6U\x1f\x83\x1f\\\xc9\x03\xef\xca\xa2\xcd\xda\x0ey\xb9\x8a\x9f\x14\xfe\xa9\xb3\xae\x936\xb2^\xab\xbc\x1b2\x19ad6\xec+\x1b\xe4\xf2\xf8\xf4|+\x83=cR\xfc\x04l\x7fh\x10\x95\x0b\xd4j\xd8\xc9\x98\x00&lt;%\x0e\'\xd0\x8a)\xb9\x10%\xe2h\xe3\'\xee\xa0&amp;\x86A\x0cp\xff\x02\x91+j\x16\x89\xc1\xf8\xb1\xae\x7f.\xd0ab~k\xb8\xf4\xf8\x9e^\xf4\xd4^/\xe9\x0e\xb1\x16GR\xb85\x9e\\\x88\x13\x15\n\txE\xd3\xd1\x80fZ|\x056\x15\x15\x81\x01\xe9\xaaA=\xd78\xf2\x84wW\xa1\xe4\x04\x1f\xaeHd\xfb8L\xf6\xf4\xba\xd4\xad\x93\xfdZ8\x1b\xc2\xa5)\x15\xd9u\xd7\x0b\xd8\x0b\x88Cy\r&lt;\x18\xe2\xb4]YC\x8cD\xebP$\xdc\x1b[\xec\xd6\xd9\xc2@\xc8\xb7U\xa4G^_L\xe5\xc1\xaaJ\xa7{5\xea8\xe6w8\xd5\xfb_U\xdf\xe1\x1c\xdd\xc9W\xfe0\x9eFE\n\x9e\x0fvu\xfd\xd8\xf9P\xa1n\xab\x8e\xacS\x80\xe6V\xa5\x0e\xe6\xb3\xca\xa6\xce\xa6\x1d\x1a\xe7\xd8\xe2\x00\x85\xaa\xfc[=%\xace\xa1\x81|*\x0b\xbd7\xbc\xeeb\x9e\xf7\x04-\x9a\xd6\x95\xbb\xf1\xd4\xde\x19n6\xb3\xa1\xb2\xd6\x87\xf0\xf9\x02\x9b\xac#Q~\x8b\x0bm~\xf3\xfdP!\xfb\x8f\xb3\xbf\xbc\x1d\xdc:\xb0X\xb3\x04\xcf\xbf\xeed\xab=Ly\x91kO0[\xc3:\x03\xdc\xc1;\xe1\xf7W\xe1\xdfG\\A[\xa2\x98D\xb6\xc2Z\xe0su\xb7\xa7cr\x9c\xaax\x10\xff\x94\x8c\x1f\xb3a\xb7\xfd\x92\xba\xd4\x10B.v\x94\r{s\xc8\xb8\xb4\xc5\xe1\x05\xdeT\xab\x1f\xf7\x8b[G\xd5\xec\xe3e}v\xc1\xcdt\xabxqB\xc9\x1c\x9eS\x83(\xcc_\xcf\xa7\xf4CP;\x83g\xcc\xd8\x03S\x8f\x9d\x10\xcf\t]\x95\x0b\xcd\xfbLP\x89\x87\x85u\xf0\x809=\xe8\xf41\xa6c:9\xe1\x187\x90K\x041\xfaS\xaaA3\x9aFI\xc5\x81\xa4\xed\x1b \xf8*\xe5\r\xa7A\xaa\x13\xa6\xf2\xbb\xb7g\xf0\xc6&gt;\xc1\xf8\xe8\xb3\x11\x9f\xb6\xf6\xdd\xad\x19=\xcf\xea#wmW\xd2$JMEA\x88:3\xc596\xbe8\xf3\x98R\xa0c\xca\xbe\xc4h\xe8\xfc\xac/C\xf0\x86\x19\xb7\xbc\xfb2\xe6Z\xc3$}\x9d+k\x80\x00\x9bB\x1buT\t\x9d\x91nVh6\xb0\xf9\xf6&gt;\x88\xb8\xc0=\xb1\xf4\x933\xe5k^b\xcf+\xca\x01g\xc4\xe6-QX\x18\xf0\xee\xb6\xb3K\x13s\xf7\x89/\xd7];\x99@\xe3\xe2l\x1d\x8c\x80\x83\xd0 \xda\xba\xb0Ml\xb7\xe6h\xcf\x9e\x8c\'\xda+\xec1v\x7f\xe3\xf3\xe1d\xdc\xa1F\x81\xc2\xda}Cz\x89ZL\xd1y1R1q\xb4B\x98\x82\x05{&lt;v\xd2~\xcd\xb4\xba\x008!\x93\xcb\xb3\xbb\x88\xe1\x04\xa9\xd3\xb9\xe9\x93\x1d\xca\x8aVR\x8b\x1bX\x19\x14Z\xb6tz\xf1\xc15\x91\x8e(\'\xc4\x1c[\xb7\xf2\xc5\x19\xb2\xcc\xd5\x87 |Tl\xacj\x81\xfd\xca\r\x83c\x8c\x07!\xb1\x88\xbb\xd7oI[rl\xc0\xd3L\xddx\x00\xa5\xe7\x19\x80)&lt;\xaa\xb6\xbe\x1f\x8d\xbd\xf9\xff\xc5\xbf\xfd\xf8\x1c\x88\xbf\x9b\xa2\x1e\x91\xba9,\xb9b\xd8#\xfa\xe3F\xde\x7f\xf9\xcc\xe0Sj\x9f\x85\xd0_\x07\xb7R\x9b\xc9k\xc6\xa9\xae\xec\xad?\xe2\xee\x13\xa1GJ7\x17\xe4\xa0\x0f\xb0i\xca\xa0;\xf5\xf4\xbc\x10:\x94\xcb\x0c\x0f\x14H\xa2\xb1\xe1b\x1dv\xb8a\xf9?\xb8\x1d\xd2)\x8cf\x07%|N\xe4\xd7b\xad\x99\x8d|\xc9\x1d\x86Q\x93\xf7\xde\x87\x13\xc5\xbb\xbb\xef\xe7\xbe\x18\xd4\x10\xb5\x19\xf2B\x0f\xba7\xed\xb6PZ\x1d\x10\xe6_\xb9\x1eZc\x848\x03\x15]H\xa1\xe5\x94\x0f\x8cK\x9b\x19\xead\\\x06V\xd9\xa9\xe1U\xb1\xe9\xb2\xb0/C2v$\xcc\xc2\x89"\xd3g.\xa1\xca\x80D\x9a\xdb\xffk\xb3\xd1\xd6\xc2\xc5"\t\xc9\xf9V\x17\xde\xde6m[H\xb7z\xea\xc1\x88\xf68\xd4p\xce\xc0\xc6\x99\xb3b!4\x91\xe0\'\xa6(-X\xc1u\x0bwo\x00\xcdl\xda\x00j\xd0\x0bj\xe6\x81\x85)\xd3)\xdb\x95\xfe!e(\xab+\x82\xdf\xff{\xc5\x87\x12A\x81\xba\xd0 \xa4:\xeaJR\x14\xb0\x84\xc6\xf2\xc2\xfb~j"\x1c\xcdd\x04\xf6\xf2\x90\xcc\xa5F\xc7\x04\xa1\x86\xb0z{\xb9\xa5M\x1d\xdf\xe1\xa1\xa0B\xc2{\x11\xfc\x85f\x8e\x02:\x86\x96Zvh\x82\xfc\xec\xc66T]6\xb7qB\xf8\xbd*\xc7\xaf\xa8\xfa\x10\xa7\\\xb8\x8f]\xec\x87\x1c\x8e\xd0\xf2\x19\xd2\t\xcf\xfd~+\xaf:\xa6\xb2\x15\x16\x00v\xa0\xbd-\xeb\x19\x07\x96\xd4`\xd4\xec\r\xbb,RF\xcaa\x92\x93\xeb\xfc3\xcd\xee\x9e\t\xd7\xf4y\xfc\x80\xf5\xd02\xf3\xd0I\xa8\xce\xd9c\x12\xc4B\xedjG\x94\xb4\xdc\xf3\x02\x87\x97E;\x82\xbaz\xa2\xe7u\xfda\x02To\x02\xcd\xc3FP&gt;X\xb8\x92\x14\x9b\xc3-\xce[~a[`2\x89\xf1\xb7\xd1P\xaaaT4m$\x86\x9ePB\x00&gt;\x88f\x88M\xd3?\x8f\x94\xfa5o%SY\x99,\xea\xd8C)2Aw\xdf\xc0\xff\x04r \x05,\x1d\xe1|\x98\xd0\xeemw\xc2\x89\x83\xae\xbd\xea\xa1S\x1dg\xfd\xa9\x0f2\xae\xf1\'Q\xdc\xa7-^.\xf8\x97\x9f\xba\xa3Aj\xdb\x81\r3\xc5\x8bq\x88\xca\xec6y\x84\x8c\xb5\xf7\xca\xf5)\x11\x13m@\x08H\x84\xd8i\xbfcB8g\x06:\x18\x1f\x96\xd5\xc0\xc5\x9d$\xd1\x9c\x93\x80\x86m\xad@\xac\x00\xbf\x99|\xaf\xe3,9\xd6\xd1&lt;\xdb\xf9\xc4i\xa6F\xd4\xa2\x13\x84\xc4\x99\xa2bl.\x98\x96\x1bWr\xc9\xaaS\xcc\x92=v#\x826YH\xb3?\xcf\x88\x8f\xbf&amp;h4\xb7\xb2\x0b\x1b\xf1\xb0\xe0\xce\x97\xe2I\xf6A\xf3\x80\xb5\xce\xc1\xf2\nZ\x0e\x11\x9b\x7fF\xa4J\xf8\x18\xeaI\xa4 \x0cwR\x95\'\xb9M\xda\xfec\xbb\x14\x08v\xc4mJX\x177JM\xd9\xe2\x0f\xe4Qkc\xf4`\xeb\x15\xfezo\xac\x02C\xaf\xf4\xdf\xf2r\x82b&gt;?a\xd8OYp\xdc\xaa\x1a\x16\xe5r\xedd\xec\x19\xa1Aj\xd2\xec\xb0!\x86\x1aU\xe1z\x94~,G\xcb\x8e\xa9\x1d\n\x9d\xa0\xc8\x00=\xdb\xf94\x98}Rn\xcc\xdf\xf0\x1d\xb5\x10\xd21\xf2\xdc\xc0S\xfe\xbeLH\xb9\x14.\n\xfd,\xf3\x8cF\xee\xdaO\xc8\xba/\x19`\x90\x97b\xb9\x90\xe9\xcc\xaf%J\x06\xc4\xa7\xb20\xa8\x19\xa7\x8ao=\x8e\x8f\xc3\xa1\xbd\n\xeb\x8a\xab%\x84\x07\xd7\x83\xd3\x926q[\x12bm#z\x03#\xa1o\xac\xc5\xa3\xd3n\xc4\xa9\x95\x95B\x82d\xe9|\xd2F\xd5\x8b\x9b\xdd\x0f$tX=\xcb\xbc\xf6\xf2\xd0\xe1KH\xf2\xb0\xd4*{GT\xb6\xf6~7\x9fE56\xb3#\x11\xc8\xaf\x8e\xd4\xffC\xd8\xef\xc0i\x1a\xf4\xa5\x08w$u\xb7\x96pm.\xce\xbe\xc4\xb3G\x7f\xe6\x7f\xde\xe5\x08y\xdf\xe6;I1 \x1e\xf7\xe39\xe9b\x83\xa9\xb8)m\x18W\x8a\xed\xb5\x12\xc9\xf6U\xf6\x93yF\xf2^\xab\x11&gt;\x8d5\x9e\x96K\x03\xd7\xf7\xfdr\xee\xae\x95\xdb\xae2\xd0\xdc\xf5\xb0#\xe4\xec\xc8_\xe9\xce\xceE\xd1\x19\xa3Y\x1d\xa0\x94\xa1:\xcbq\xfb9\x84\xaa\x0cm\xb7\x02\xcc\x83X\x99{#\xe8Z\xfd\x8ex\xb2\xae\xe1\xa7\xf2\x15\xfa\xee\xc2\xc4\x1c$\xfdL\xb5%\x86 \x80\x170\xec\x8c\x02\x9dEN\x06\xcd\xe5z\\\x8a\x05\x1f\xbdY\xf3z\xb3\xe6\xb6\xb3\xc4\xd9L\xbbw\xdf\xb0\x1ad\x8b\xdd\x9c34ES\xd9]Cwc\xa4_\xe1\xeer\xd7Ca\xe9\x1br7\x15?\xd5k\x0e\xba\xad!vT\xb4g\x9e\x03;\x89\xa3\x13\x8bB\xd58\x8f\rf\xd6\xe3N\xee\x83\x98\x1cFA\x89\xbfA\x1c%\x8cW\x14\xa2\x9dBB6:&lt;\xb6Om$#\xff\xc5\xeb\xb6\x92\xf7\x0b\x88\x14\x8fS\x99YT\xbf\x7f:\x10Nb\x89\x0b"zS\x99,\xa5w\xe9\x16\xa9\xe2\xaa&amp;\xfc\xf0`\x85\x81\xa0\xc2\xb6"9\xbc8\xe0]\x9f\xa9\xb73db\x19fl\xd6\xb9\xe3-\xfd\x1a\x17\xe8X\x99\xc1\xf5k\x88\x92\xe4B\xfe\x96=\xf4~\x9b]xx b4l\x9f\x94\xbd\xdfZ\x8b\x81?)\xa3\x9d\xec\xef\xe0m\xecu\x9a\xb2\xa4\xc37p\x975\xc3X\xc0pn\xd5\x1f\x08\xdcV\x9f@\xa3\xf4]\xfe\xcc\xce`\r\x06gT\x0b0\x11\xccLLz\x8b\x1b^\xb1\xcf\x16\\\xf6a\xa9\x8c\xfdX`w\x99L@\x04\xe5\xf5\x89-\x1d\x1fO}~vC\x04\xe8_\'}x\xfd\xb4\xdc\xc1S\xed\xcda\xfe\x92\x8eP\x08\x17B\x87\xd6((\xa2E\xb4\x0c\xbc\xc1\x0c\xca@h\xe5y3\xa3V\xa0\x05{\x08;a, \xbeR\xc6\x11\xda\xf6S\xab\xb8\x02`J\x03\xf7-k\x8cd\x1f-\x1b\xa1\x93\x8f\x8a0\xad\xe9\xce\xc6\xe2\xa6hTN\xd2\x8f\x14\x93!\xbeh\x0c\t\x88"\xf3yw\x19\xe0\xc9=\xa4\r\x86~\x8b\x1cwF\xa2\xa1\xd6\xb2\x1fsL\x01\xb1\xfc?\x9f\'\x8bW\xe1J\x1d0\xbe\x07\xfeU\x9e\xef\xffY\xf8x\xbc7\xed\x88\xc7\x1fy\xfb\xdb\x8c\xd4\xe9M\xaf\xd1\x8e\x17\x05'</t>
  </si>
  <si>
    <t>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</t>
  </si>
  <si>
    <t>b"$\xe0'8e]F\xaa\x84\x15\xe3\xfb\xa3\xf3\xb3Y"</t>
  </si>
  <si>
    <t>costs.
 3. Raw materials prices. Many raw materials used in the production of final goods,
 for example, petroleum products and metals, are sold in markets where prices adjust
 sharply even in the short run. By causing the prices of such materials to jump upward, a
 money supply increase raises production costs in materials-using industries. Eventually,
 producers in those industries will raise product prices to cover their higher costs.
 Permanent Money Supply Changes and the Exchange Rate
 We now apply our analysis of inflation to study the adjustment of the dollar/euro exchange
 rate following a permanent increase in the U.S. money supply. Figure 15-12 shows both
 the short-run (Figure 15-12a) and the long-run (Figure 15-12b) effects of this disturbance.
 We suppose that the economy starts with all variables at their long-run levels and that out_x0002_put remains constant as the economy adjusts to the money supply change.
 Figure 15-12a assumes the U.S. price level is initially given at An increase in the
 nominal money supply from to therefore raises the real money supply from
 to in the short run, lowering the interest rate from (point 1) to 
 (point 2). So far, our analysis proceeds exactly as it did earlier in this chapter.
 The first change in our analysis comes when we ask how the American money supply
 change (shown in the bottom part of panel (a)) affects the foreign exchange market (shown
 in the top part of panel (a)). As before, the fall in the U.S. interest rate is shown as a left_x0002_ward shift in the vertical schedule giving the dollar return on dollar deposits. This is no
 longer the whole story, however, for the money supply increase now affects exchange rate
 expectations. Because the U.S. money supply change is permanent, people expect a long_x0002_run increase in all dollar prices, including the exchange rate, which is the dollar price of eu_x0002_ros. As you will recall from Chapter 14, a rise in the expected future dollar/euro exchange
 rate (a future dollar depreciation) raises the expected dollar return on euro deposits; it thus
 shifts the downward-sloping schedule in the top part of Figure 15-12a to the right. The dol_x0002_lar depreciates against the euro, moving from an exchange rate of (point ) to 
 (point ). Notice that the dollar depreciation is greater than it would be if the expected
 future dollar/euro exchange rate stayed fixed (as it might if the money supply increase were
 temporary rather than permanent). If the expectation did not change, the new short-run
 equilibrium would be at point rather than at point . 2Å“ 3Å“
 E$/â‚¬ e
 2Å“
 E$/â‚¬
 2 1Å“ E$/â‚¬
 1
 R$
 2 R$ M 1
 US
 2 /PUS M 1
 US
 1 /PUS
 1
 MUS M 2
 US
 1
 PUS
 1 .
 CHAPTER 15 Money, Interest Rates, and Exchange Rates 375
 Macroeconomic Data for Bolivia, April 1984â€“October 1985
 Month
 Money Supply 
 (Billions of Pesos)
 Price Level 
 (Relative to 1982 Average _x0002_ 1
 Exchange Rate 
 (Pesos per Dollar)
 1984
 April 270 21.1 3,576
 May 330 31.1 3,512
 June 440 32.3 3,342
 July 599 34.0 3,570
 August 718 39.1 7,038
 September 889 53.7 13,685
 October 1,194 85.5 15,205
 November 1,495 112.4 18,469
 December 3,296 180.9 24,515
 1985
 January 4,630 305.3 73,016
 February 6,455 863.3 141,101
 March 9,089 1,078.6 128,1</t>
  </si>
  <si>
    <t>b"0D\x02 \x1d'+\xcd&amp;4\x1e\x93\x0eK\xb8\xb7\x10X\xc1u\x01\xb2B,\x1cL\xd8\x8c\xc3B{z\x0f\xf2\xe7v\x02 ,\xda\xad\x93O#w\x9c\xb2Woa\xea\xba(#,3y\x7f\xd1L\xdc$\x81x\x83\xe1\x93.\x05\x10"</t>
  </si>
  <si>
    <t>304402201d272bcd26341e930e4bb8b71058c17501b2422c1c4cd88cc3427b7a0ff2e77602202cdaad934f23779cb2576f61eaba28232c33797fd14cdc24817883e1932e0510</t>
  </si>
  <si>
    <t>b"0D\x02 \x1d'+\xcd&amp;4\x1e\x93\x0eK\xb8\xb7"</t>
  </si>
  <si>
    <t>the room.
 â€œYou are Mr. Phileas Fogg?â€ said the consul, after reading the
 passport.
 â€œI am.â€
 â€œAnd this man is your servant?â€
 â€œHe is; a Frenchman, named Passepartout.â€ â€œYou are from
 London?â€
 â€œYes.â€
 â€œAnd you are goingâ€”â€ â€œTo Bombay.â€
 â€œVery good, sir. You know that a visa is useless, and that no
 passport is required?â€
 â€œI know it, sir,â€ replied Phileas Fogg; â€œbut I wish to prove, by
 your visa, that I came by Suez.â€
 â€œVery well, sir.â€
 46
 The consul proceeded to sign and date the passport, after
 which he added his official seal. Mr. Fogg paid the customary
 fee, coldly bowed, and went out, followed by his servant.
 â€œWell?â€ queried the detective.
 â€œWell, he looks and acts like a perfectly honest man,â€ replied the
 consul.
 â€œPossibly; but that is not the question. Do you think, consul, that
 this phlegmatic gentleman resembles, feature by feature, the
 robber whose description I have received?â€
 â€œI concede that; but then, you know, all descriptionsâ€”â€ â€œIâ€™ll
 make certain of it,â€ interrupted Fix. â€œThe servant seems to me
 less mysterious than the master; besides, heâ€™s a Frenchman, and
 canâ€™t help talking. Excuse me for a little
 while, consul.â€
 Fix started off in search of Passepartout.
 Meanwhile Mr. Fogg, after leaving the consulate, repaired to the
 quay, gave some orders to Passepartout, went off to the
 Mongolia in a boat, and descended to his cabin. He took up his
 note-book, which contained the following memoranda:â€”
 47
 â€œLeft London, Wednesday, October 2nd, at 8.45 p.m. â€œReached
 Paris, Thursday, October 3rd, at 7.20 a.m. â€œLeft Paris, Thursday,
 at 8.40 a.m.
 â€œReached Turin by Mont Cenis, F</t>
  </si>
  <si>
    <t>b'\x80\x1e(A\n\xdft\xc1\xae\xa1}O\xa8\xb1~M%\xe4\xc1\xa6B,\xb1\x9b\x12w\xfc\xda\x84o\x06\x0b'</t>
  </si>
  <si>
    <t>801e28410adf74c1aea17d4fa8b17e4d25e4c1a6422cb19b1277fcda846f060b</t>
  </si>
  <si>
    <t>b'\x80\x1e(A\n\xdft\xc1\xae\xa1}O\xa8\xb1~M'</t>
  </si>
  <si>
    <t>on as she had made out the proper way of nursing it, (which was to
twist it up into a sort of knot, and then keep tight hold of its right ear and
left foot, so as to prevent its undoing itself,) she carried it out into the
open air. â€œIf I donâ€™t take this child away with me,â€ thought Alice, â€œtheyâ€™re
sure to kill it in a day or two: wouldnâ€™t it be murder to leave it behind?â€
She said the last words out loud, and the little thing grunted in reply (it
had left off sneezing by this time). â€œDonâ€™t grunt,â€ said Alice; â€œthatâ€™s not at
all a proper way of expressing yourself.â€
The baby grunted again, and Alice looked very anxiously into its face to
see what was the matter with it. There could be no doubt that it had a very
turn-up nose, much more like a snout than a real nose; also its eyes were
getting extremely small for a baby: altogether Alice did not like the look
of the thing at all. â€œBut perhaps it was only sobbing,â€ she thought, and
looked into its eyes again, to see if there were any tears.
No, there were no tears. â€œIf youâ€™re going to turn into a pig, my dear,â€
said Alice, seriously, â€œIâ€™ll have nothing more to do with you. Mind now!â€
The poor little thing sobbed again (or grunted, it was impossible to say
which), and they went on for some while in silence.
Alice was just beginning to think to herself, â€œNow, what am I to do with
this creature when I get it home?â€ when it grunted again, so violently, that
she looked down into its face in some alarm. This time there could be no
mistake about it: it was neither more nor less than a pig, and she felt that it
would be quite absurd for her to carry it further.
So she set the little creature down, and felt quite relieved to see it trot
away quietly into the wood. â€œIf it had grown up,â€ she said to herself, â€œit
would have made a dreadfully ugly child: but it makes rather a handsome
pig, I think.â€ And she began thinking over other children she knew, who
might do very well as pigs, and was just saying to herself, â€œif one only
knew the right way to change themâ€”â€ when she was a little startled by
seeing the Cheshire Cat sitting on a bough of a tree a few yards off.
The Cat only grinned when it saw Alice. It looked good-natured, she
thought: still it had very long claws and a great many teeth, so she felt that
it ought to be treated with respect.
â€œCheshire Puss,â€ she began, rather timidly, as she did not at all know
whether it would like the name: however, it only grinned a little wider.
â€œCome, itâ€™s pleased so far,â€ thought Alice, and she went on. â€œWould you
tell me, please, which way I ought to go from here?â€
â€œThat depends a good deal on where you want to get to,â€ said the Cat.
â€œI donâ€™t much care whereâ€”â€ said Alice.
â€œThen it doesnâ€™t matter which way you go,â€ said the Cat.
â€œâ€”so long as I get somewhere,â€ Alice added as an explanation.
â€œOh, youâ€™re sure to do that,â€ said the Cat, â€œif you only walk long
enough.â€
Alice felt that this could not be denied, so she tried another question.
â€œWhat sort of people live about here?â€
â€œIn that direction,â€ the Cat said, waving its right paw round, â€œlives a
Hatter: and in that direction,â€ waving the other paw, â€œlives a March Hare.
Visit either you like: theyâ€™re both mad.â€
â€œBut I donâ€™t want to go among mad people,â€ Alice remarked.
â€œOh, you canâ€™t help that,â€ said the Cat: â€œweâ€™re all mad here. Iâ€™m mad.
Youâ€™re mad.â€
â€œHow do you know Iâ€™m mad?â€ said Alice.
â€œYou must be,â€ said the Cat, â€œor you wouldnâ€™t have come here.â€
Alice didnâ€™t think that proved it at all; however, she went on â€œAnd how
do you know that youâ€™re mad?â€
â€œTo begin with,â€ said the Cat, â€œa dogâ€™s not mad. You grant that?â€
â€œI suppose so,â€ said Alic</t>
  </si>
  <si>
    <t>b'\xbd\xe1\x01\xf0*z6\xcbi\xd6\xd8\x83\x13\xae}\xf8\xc7SZ\x13\x90\xed\x83\xf2kwj/\n\x92\x1a\x0fa\x15]\x16\x15+K@I:{+\xfa\x82\x0e\x16\xa2\xadm\xb4\xfce#\xd1\x0b,\xdf\xcf\xc2J\x1b\xe0b\xb7^\xe90\x9e\x1d\xbbn\xd1\x0b\x19\xdd:LU|t\xf9n\x96|\x83+\x18\xcf\x0e\xfaBy d\xa6\xce\'\x03\xa4\xcb=\xf5p9\x81R{\x9e\x01\xb4\xc2&gt;\x8e\xda$\x0e\x1e\x8dD\xc57\x16e\xben\xef\xd0\xfa\x1f\xbc\t\x82\xda\xfd8\x10\x00\xd6D\xe7\x183\xc5\xdf{m\xfd\x11\xd1,Y\x15f=\xee\xba\x96n\xb2\x94g\x074\xe5\xa2\x84\xd1\xe0:tu\x119\x960\x14\x8080~\xc4B{k"\x8fM\x8e\x04\xc6b,\x89\x16!&lt;\xab\xf0/\x9aGJ\xc3-\x8f%\xfd\xfb\xc7^\x0f9\x17\xb9 \x8f&amp;\x03z\xb4Q\x8f\r\x1d\x89\'j6\xe0\xa0.\xc9 h\xcf\x0f\x1fH\'\x87\xc0\x13\xa9\xcf!\xf9\x9a?H5\xa7Y\x1b:\x1et\x11\x7f\x0f\xfa\x8f\x07\xc6\x84\xca\xe6V\x04\xbbK\x9c\xd6yf,\x04b\xe7\xb2\x8f4m\x06y\xcc\x87j\xedINB\x85\x1c\xbc=q\xb4\xcf\x878i\xe1c&amp;0~V\xff0\xbd\x16"\xa8\x9c,e\x0f\xc4\xd6\xab+\x1d\x94+\x9bW\xcd\x92\xbdi\xcf\xf2\x80\x97\x1c\x8e4\xba\xec\xb9N~&gt;\xb2F\xca8T\xc0\x1a\x19\x88&gt;\xb1\x1c2_\xe2\x1aR\xd9A\xd2\x96\xb5\xd4\xf6~\xb9\xab\x9c\x8cQ\xf5A\xd0\xd3\xc1\xb6\x1c)q\x98\xdbl\xd1\xb13b\xcf\x02\x882\xf4\xc6\xf1M(\x0b\x99\xec\xda[\x93\x1c\xb5 \x99E\x032\xf0\xca\xc7!d\xc1\xebz8\r\\\xdb\xed{\x02\x99\x0f\x0c]\xa8Ez#8\x18\xe7\xa3L}]l\xd4\x07\x9fr\xb5\x0f\xe3\xd0\xa7zbb\xe4\x86\x13A(\xbf~\x90h\xdc\x05\xd0\xb0$E\xda\xd7\xf9\xf9\xe0\xb4A\x84e\xe6MV\x12\xb20\xe9\xf1\x16{\xaa\xa6[\x08Y\xc9\x03$\r\x96No\xf9\x00\x99i\xdb\x1f\x17\xd3\x15\xa7\xbfi\x98#\x0e\x8a\xe6\x91\xe1\x91E\x001f\x89\xdc\x16\xf3*\xebwg\xc11\xfc%\xf6\xe1f\x8b\x16\xe7\xef\x91\xec%&gt;\xb0/1?\xc1\x8b\x81iw8\xa4\xfb]7\xdf\xe7\x16V\x18\x13d\x03\xeb\xda\xd33\xb7\x1b\xc9\xdd\t\xef?\xac\x7f\x8eG\x1e\x028d\xfd~\xe6\xd7\xdd\x005\xb9\xceg\xd4z9O\x8d\xe2\xde\xd4$\xafNE\xdaWq\xb9vcL\xac\x0e\xff\x05\x17E\xb7\x81\x0e+\n"o\x9a\xe7,!\xe2.\nX\xcdx2D\xfa\xa9\xaeMv\xdaM\x96ja\xdbn\xc1\x87\xa5\t\xdb#H\x8b_\xb2L\xcc6\xf5\xef\xfc\x96:\xae\x053\xe0\xc8e@\x81T\xb5\xd1\xa3\r5\xf3yw\xdb}\xad%\xc1Jb\x93\xe9\xe8\xbcXU\xf5\xc2\xfft\x8bdQ$\x8e\xdc\x1e\xb9\x11\xa0\xafn$4\xd8\xfb2KC&amp;\xa5%x#H\xd6\xf9\rS\xa2\xa9r:\x05\xfbE\x9d\'\x1b\x95\x8a=\xb4\x83w\xe3J\xbe \xdfo\xa6\x1a\xf1\xa1\x1b\xbe4\x92[\xc3b\x84;\xa0!\x81\xef\xdd\xbbX\\\x01\xb0\xf2,mG\x9f\xf4)\n**u$\x17\x9a\x0f\x04\xca\xc7\'\x04 :x\xa7\x94\xf5\x8a\xf6Axg\xcd\xf2\xbf\xa3\xf0\xe7e\xd3\x95\xf4\x03\x8bM`\xa8C\xbd*\x1f4\xf5\xc2\xb1\x0c&gt;\x11\n\xb3N\xd9\xf1\x85\x82r\xe4\xd0Q\xed:\xca\x17\xa3\nZ]\xd9E\x82,\x92C\xeaG\xb182\x9f\x94r\xb0\xcb\x0c\xfe\x92\'&gt;\xda=(\xd0\xa7]\xabrz]@\x18\x8b\xbfd\x1f\x99A=\x98\xfac\xae/\x164\x0e\xa6\xd2\x9e^#Qv\xba\xc1\xe22\x0fZ\x15\xdeU\x9e\xc3\xba!\x0b\x08}\xb8~\xa8\x16\xa1k\x80\xd2{\xb1\x83\xb2\xd6\xdc\xe3P\xf8\x9d*\xee_\xe3y\xdbLB\x9b:\x13\xc9\x1e\xfc\x84*\x1a\xd1P\xa54c\xf3\x8c\x00\xccC\xf8\xbe\x99\x1d"\xdf\x97\x07o\xeb\x84\x10d\x97e\xa7\x88\xb2BU\\\xe6s\x0f"\xfb \x9dz\x04\xcbo6\xee\x8b&lt;\x9d\xc7`\x89\xc1\x1f&lt;n\x7fB\x93@\xed,\r\xd6\x1dR\x14\xff\xe0D\x9c\xaf\r\xac0;\xec\xf0\x7fZ\xaf;\x01\xc9b^\xdb_\x1f[\x92\xdf#?\\\xc7\xd3 \x1b\xe4\x9fZz\xf8\xa4\x02L\x1b\x90\x04s\xadX\xc4\x8de[8\x15\x08\x93\x9bH\x11\x87\xba\xe2\x15O6\x8a\xee\x85\xa8%\x17\xcb\xd8\xa3G41\xf9H$\x8b\xde,\x18:YXC \x17\xbc\xccrn(\xc0\xe1zu\xfd\xcd1\xfaVw\xb2y\x17e-c\xdd\xa2m-\xda#8J \x04\x06\xed\r\x1f\x9e\x9a\xe0\xa2cm\xdd\xa2\xa0\xf3\xc2`\xc7\xe0]\x9e\xd3\x1b\x0eB\xfc\xd9\x05\xceAx\xbd\xca\xb4-\xb8\xb7\xe4\x12w\xa0i\xa1rv\x8c\x8f\xaf\t\xac\x9c\xd6\x89\xe8\xa1\xcc~d\xcfg5\x80\xde\x8e\xd4\xf5j)u\xd6=`\xd1\x0f\x08b\x82rS\xe3\x0b\xbc.|\xf1O\t\xcfZda\x11\xb6c5c\x95\x82\x8e\x8f\xf9\x07o\x12\xe9\x0c\\\xba\xbd\x99?\xcb\xed\xeb+\xc5\xdd3\xe1\x9c\x95q\x85\xa8c\x19\xf3\xce\xd6df\x08H,\xd8\xa5=\xfd*\xca#\x03\x80\x9e\x03P4\xac\xa4/e\xc7o\xc2&amp;\xa9d\xc0\xcc\xb0U7\t\\\xec\xf7Ec\xf0\xc5\x8bx7\x97{g\x0c\x9bN\xf3\xcf\xc3t\x96^D*\xe4\x0e\xe3\x03s\xcf\xa4E\xdfx\x02\x07\xde\xebZmMcU\xcc\x03\x0e1&gt;\xf71E2\x14u\x8f\xcb\xb1\x9b\xdfIJ\xd4\xd6:\x18\xc91\xa0\xec\xdbM\xb6\x0c\xd5\xf1\xee\xa2\x11\x17L2.\x8e_(!au\xd7\xbc\xfd7\x8b_\xa4\xe1\x05\xf2\xa8H\x98!@\x88\x132\x81\xfc\x9e\xee\x9c8S-b\x8e\x94RH\x80\xc0\x81\xbfa\x8d\x9f\xb2p\xb1\x83\xd2\x1d\xfc\xe6l\xe5\n\x97cS\x89\x1f\xf8(&amp;\xa3i\xe2\xbc:\x07\x89U\x81\xd56\x18\x98\x9e$\xb8\xe4bRSy\xad\xaf\xa6\x05\x07-\xdf\x0b\xed\x85\xc8\x85ki\x8a\x15\x93\xcf4\xe0\x94\xde\x9d\x15\x10S\xddF\xe2\x88\xe1l:d\xb5\xba\x81\x87m\xd7i\xa1d\xaf\x0crI\xb1\x8d"\x8a-d\x0b\xdb\x1c\xd3\xc5~\xb8\x16\xc2\xf6\xa7:\xdd\xce\xc5\xcf\x16\xf4\xaf&amp;\xd4S\xcd\x8e\x82\xeeu\x07b\xf6u\xe3\xf3\x1c\'\xe6\xa4\x15\x16]\xads\xab\x91\xdb\x1c\x8cM\xfd\x0b\x9d\x9f\xe1\n\t\x81\xf9,\n\xe6CKL\x0c\xc6\x94\xe3\xcd\xfd&lt;\xf5\x0b\x15\x8e9\x0e\x1c\xdfJY\xef\x1f7d\xcd:1\xb3\x87*\xb6&gt;\xb4\x17\x17\x83\x07=*\x04F\t\xd7\x894\x13\x87\xf8\x90\xec\xd6\xda8\xb9\xec\xdcK&gt;\xd5|\'\xa2\xde\xb4\xf57\xdd\x8b\xbd\x9e\xe3\xaf\xe2-`a+\xc3\xed\x12\xb4\x9cz\xfc\x89\xe0\xa2=\n\x08\xd0\xcc\xf8\xb9\xbe\x96\x18\xff\x92L\x04\x0c_\xa2\xb2^=\xfcgW\xae\'lG| \x08\xccJ\xb3L\x89\xc8#s\x0b7\x02\x80\xcbP\xa02\xd1%\xa9\xaa2\xcc\xfc\xd0]\\w\xf0\xb5:\xa8/\xe1\x1c4(\xb6\xaa\xa6\xbdP\x16\xa4/\x0c\x15I\xd5\xb3@\xfa\xf0A\xba\x96\xba\xb3\xbc\xdf\xc5\xdd\x7f\x9a\xa0\xab\xaa"\x0cr}\xf4\xaf\xe5V\xc6\x9fou\xa1\xb9\x83\xff{\xc4\xc6\xff\xac\xa9\x8f\x04\xed\xbd\xc3a\x0f\xd6g\xea\x0e\x8f\x02\xf6BAZ\x96\x15\xfbP\xf4\xd9\x97\x9c\x0b\x7f\x7f\xd1\xb4UI1F\xc2\xaf\xa0\xc9(\xc7\xa6\x8c\xcb\xda\xff]\xcb)?\xb8\xb91VX\x03M\x94p\x00)\xc3\xe3~\xd0\xb5\x03\x12\xd8S\x91^}X\x89\x91R)\xc5\x98\'\xa4O\xdf\x06\x99Rv\xce\xd9\xf6\xa5\x00\xda\x7f\xa9\x81+Z\xdd+\xae\xeak\x18+\x05j\xb58\x95|eP"\x11\x1d\xfe\xa9K(\xa8?\\Lt-\xb5\xd6\xe7\x9ei\xcc\xe9D2_\x99\xd2h.\xbdu\xe7\xaf\xc0#\xdb\xdd\xf1.\xb5\xc3FVz\x92\x96\x80-\x11O\x91\xc1\xe4\x88\x14\x87\x7f`\xdf\xffg\xf5\xb7\x05\xc3\x04\xf5aCM\x07P\x08I7\x81@.\x1a\x128\xe8\xe6D\x9b9\xc5\xa6\x1e9\x07\xe8\x84%\xebn\x05\x89\xe6\xe5\xec\xa5J\xf6\x18\x1b\x92\x90\xf7\x9f\xc7\xfc\xd1X\x89\x04\x02]bm9\xcf\xbeb\xe1\xa1=@\x98{\xe3\x96\xaa\x03w/\x84\xec\xc3\xd9&lt;\xf8`"\xd6\xb4\x0bXl\xdc\xa8@\xb3\x0e\xd7\n\x95~zc\xafg\xfe\x1c\xd7\xe2\xdbTu\x82\xb3f\x16`(\xa1\xd12\x88\rXXg\x82\xa7\x8b\xdaa\x13\xf6\xf0\x83|\x19\x1a\x07TL\xd6\x98)\x15B\xe0-\x94M\x9a\xc21W\x06\x04\x8d18U\xb5\x03[\xc1p7e\xd6\xd9\xcd\x14o\xc4&lt;\xdd\n\xb3\xe4\xc1\xf8\xbcg\xb9\x93*\xbc\xa06\xbe\xb0\xfcy\xdc\x01N\x86\xb7b\x14\x121X\xaf\xa7j\x06Psr\xb6g\x11Il\\\xbdK\xfe\x07kH\x9a\x03\x81\x9a\xe4\xd9\x9cU\xd6%g\xa0\xc2\x0c\x16\x0c\xcb\xcf\xd0\x82t-\xe5g\x1c\xea\xb8\xb8\xbf\x99\x8e\xed\xf9[G8\xf3o\x84;\xb0.k\x81\xc2\x8f\x05\xb3r;#g\x94e\xdd\x87m\x83\xbc\x17\x80I~g^a\x1b\'\xdd\x82B\xc2"R\x90S9-\xfc\x95xa\xce\xaab\x82c\x19)E\xde\x86\x1f}\xfe\x03\xa3\x08\x8fk4d\x00\xbbP-\x93\xb5$\xd6\xa6\xd9\x15\x18\x8f\x0b\xe3\x96\xf1\xb1-\xe3\xe2MY\xca\x11f\xe2s!Zm\xf4gR\xc8\xa9\xf9n\x0f\xf4H3jyO\xf2&lt;\x05\x820\x8a\xe55x\x80|P\xaaAy\xa3Zx\x8d\x0c9\x81O.\xe3\x80y\xf6F\xa4\x85=5\x94[\x85|\x84\x0boW\x13\x8eXH\xad\xdfh\xb9\xe97c!\xb3:GZ-7C\xbbA\xe1\x0cY=&gt;Z\x18\xb0\x80\x1bF\xca\xc8\x00\xb8\x95\x10\xbd\n!P\xf6k\xd5\x84\x18o4\x14-8\x1f&gt;\xdb\x9e\x9dI\xa2&amp;\xb2\xcf\\\t\xfa\xf2$\x83\x14\xfc\xbc\xd6\n\xe44\x85`\xb6\xbc\xd2\x10\xd8\x0f\xbd\x89\xbe\x90E\xc65\xb1\xf8\xc7)]q\x913o\x08\xd2\xbas\xf4\xf80\xd9\x17\x94"\xcb\xa7\xba\xd3\x1d\xa5/\xf6S.\x17(\x83\x17\xcd\x9c\x15A\x9a\xedpm\xc6\x1d\x0b\xa8s\x1fx\xe1\xebiXk\xdf\xb9Xj\xf7_\x92\x87\x1d\xfd\xa1\xd7\xdb\xc9r\xb3\xc5\xe7\xa4\xa5\xc32\x16\xc1\x9b\x08\x8f\xaf\x93j\x16\xd4\xc3\xc8/\x81\xfd\xddK\xc2\xa3O\xd2\x91\x9c)}\xdaIG\x89}\xd3\xde`\xfa\xac\x8d\xb0\x10-\x9f\xe7E~\x0c\x88\xd6h\xed8\xf8\x84\xb2\x0b\xd4\x82\x1b\x11~\x84\xee \x87C#}U\xd6\xfc\x0cm\xa4\x10\xcf\x89\xe3E\xc8\x1bA,\xc3`\xde\x8eS]\xe4\xbeG\xb1\x83\x81\xc9\xbcl\x93\xa9\x05\x81@8?\x1e\x97i\x82\xb0\xa0-q\x101\x93=\x8f\xf5\x84IP\xe9\x95o \xde\xfdn\xd4\x93#sI\xba]H\xcc\x94\xbd\xae\xe7\x80\xb6\xf0\x93a\xcdX\x05\x0fLq.\xce.\x87\xa7r\xab6\x92\x05\x9b\xc6 xt\xb3$\x83\xda\xe5\xc6qH\xb7\xf01\xac%\x945&lt;P\xa7Yy7[\x8d\xc9x\x01!\xd83\xd5w\xcc\x19\xe8\xc5j\xcdo^\xcf\x16%.d]\xbc\x92\x06(\x0f\xf4;\nz9\xaf\xcd\xafj\x19I+Qj\xaf\xed\xeb&lt;\x18&amp;6\x9a\xd2\xae\xf0-F]\xc9\xe0\xa3\x1b$\xb9r qX\xde\xbd\x16\x1f\xa9\x9e\xd8\xd8@\xa0\x97%\xec\xd71\x92\x05%\xabq\x12\xcbQw\xb0A\xf7\x00\xca\x19\xec2o\xaa\xd7*~\x03v\x14O\nh\xe0Q&amp;\xf1\xb6&gt;\xac\x0f\x86\xb0p\x89\xa2\x91\xa5\xdae\x05\xa6\x95\x14d\x8d\xd2\xe6\x92\xbc\xa7j(`3\x8f\xfd\xf3\xf4\x98\xd9\x07\x96+\x9bw\x7f\x00\x1a\xe2\x9bZ\x92nA\xd4n\xdd\xa6\x82\x89\x02\xe3&lt;*\xdcW\xe2I^\x08\xee\x0e\xd7q\x99\x0c&gt;\xbc\xc5\xcd@o/\xb4\xb5v\x05\xc8`&lt;k\x00J\x17\x06$\xe0\x8f=}\xc8 Gk@\xba\xdb\x10)N\xac&amp;\xed\xf3R\xc3\xc4\xbf\x06I\xb3g(\xcc\x85\xc0\xfbs\x14\xa35\xe3\xf5\xa9\xee\xbe\xb1\x05\x96\x08\x19o\xdb\x1b\x90\xd7&gt;\x07\x02\xa9\xa6\xde\x0c"y!x$&gt;\xee\x17Ll\xcb\xfd\xfb\xd8\xda\x1e[\x8e\xa0\n\xd4\xe9\x04\x9an\x06\xdc\x82\x08\xe6\xcbvkN\x07\xbf\xc1\x0b\xef\xf9\xeb?\xe5\x8av\xb13d\xeb\xa6\x1e\xbf4\xc0\xc1\x15\xb68\x01\xb5\x85\x8c?&lt;\xef\xbb\x19\xd6\xf9~\xee\x1d\xb9&lt;|\xb1?8\xc8\xaeYF\xd71\xac\xab\xfa\xcd\\M`\xaa\xcf\x83\xb4{a\xdf\xcf\xa4|\xe9\x05]R\x0c\x90&lt;\xf6\x05\x82\xd9\xf7\x06\xcb\x1aH\x92\x1aC8_D\xef8^6\x93P\xd2\xc8\xc2\xfd\x0e\x06\x90"7K\x90\x17t\x16\x8a\xf8\x06\xdd\x1d\x9d\x9b\x81\xdc\xadg\xd9\xb4]\x8d$\xb2g\x9fH)nF\xc4AK\x9bq\xe8v\xd0O\x82.\x92\x04\x1b[#3\x00\xa8\xe2\xe2\x97\x8e\x83X_\xa5\xaf$\x0f\xbada"d\x10]\xce"\x98\xf8\x9f\x9a\xbc\x98\x07#\x86\xe9\xa6\x1c\x92\x94\xf5\xf1\x95|x\x0eO\x0c\xe2\x96\xdb\xa3\xba\xbd\xf8\xb0\xf6 \xe4\xc1j\xdb\x86\xe9\x1bf\x19\x9a|\xe8\xffr\\\xe8\xde\xa8\x80z\x87\x19\x9dX\x1d\xecH\x9dWM\xee\x93\xd7\xbe\xbd\xc1\x06F\x1a\xb0D\xe4#\xb7\xdb\xe3\xef\xbd\xd4\xbd#\xc5@\xf3p\xd8gZ\x1d\x86\xbc\xe0o\xbcH\xab;@\x80\x8a\n\xb1e\x14}\x89\xd6\xab\xe4\x8d\x82\xc4\xfft\xfa}PiQ\xa0\xfbQ\xd9z\xc2&amp;n\xbdL\x87\x87\x81u\xc7&lt;\x99Y\xb7\xacP\xc7\xcf|\x90$\xac\xe0^pS\x18\xa3\xfe\xd6\x14A\xe0H\xac\xa1\x1a\x83\x1cVjV\x9cuDKc\xb4!N]\xe1\x1f\xd9\xde\x19\xcem\xcb\xdc\xac\xb4R\xfa\xdcJRE\xaa\xab]\xb5@\xb0(\xedE\xd8S+,\xff\xe2\xf5\xcc\x13\x86)\x0cA+\x8f(%\x1cZ \t\xe5\x1d\xbdHh\xcd*R\xd5;{e\x97R\x18\x14\xeeo\\t\x05{\xa6\xe0\xd6\x92\xa1\x84\xb4uc\x98YS\xea"\x94Y\xca\xcf\x10\xa29 \x86&amp;\xb4\xf6H\xb2\xfb\xbc\xde\xc5\xc9\xf2\xeb7\x9e#+\xb1\xa8\x92\xd0+\xc9\x145\xb7\xf1\xfc\x02\xd5L\xaf%~\xf7\x9e\tY\x1b\x04}\xb3\x7f\xf8\xd3\x9d\x97T$\xfc&lt;\x06\x0b_\x06\xa6c\x07\xb2\xa1\x0b7\xee\x17\x9e\'\x80Q)\xc7\xc5\xb8\xcck\x83\xe1l\xec\x14PN\x9d\x0bL\x14\xec\xd8\xbfN4\x06mm{o*\x02\xf1\xcd\x0c\xaa\xccb\xcd\xb0\xd5\x93\x82\x11x\x8b\xfcI\xf4\xfal\x17l0s\xac\x9f\x06\xc9B30_\xab\xd4\x10_\x8a.;b\xb6s~%\xf4\xa2\xa9\xe6\xb9\'{\x03\xa1\xe7B\x83\xbf\xd8d"0BF\x14\xdby\x14@\x81_D\x8be8\x04\xb8q\xe6\xa3\xf3\xe0\x9eB\xb3\x17D\xb5j\xf3o9\xd9\xe4\x9d\xe77&gt;)\xa6h\xf7\xf9\xaaB\x9d\xb7\x10\x86&lt;(\xf3\x0f\x8f\x8a\xe5.\xaa\xfb\xd1#|\xdc\xdc\xb7a(\x0b\xa0?\xffh\x1b\xf7\x8a\xca\xaei\xb5\x16Y@\x1b43\x1a\xee\xee\xf0\xce" \x15\xad\xe5\x8f\x04\xf5\xff\xd8y\x82\x14\x0b\x9e\xbfe\x1f\xb5\xbc\xcf\xa55\xe0\x81\x97\x0ceS\x10fI^\xa3P\x88\x84\x985\x14x\xcd\xf5\x05\xc1\xd1\xe6\xb8\xea\xc4\xbbCf\xf0\xaa\xf5\xda_\xb8\x9aU\xb7\xcd{\xf3&gt;!\x86\\Vi1\xd0P\x99s\xb03yy\xbd`\x920\xfc\xb7\xe5zh\xfckO\x0eMy\xd5\xefa\x15H\xdb\xd5z\xd6}B\xfa\x1b\x84\xfc\xef9\xff\n(9\xd6'</t>
  </si>
  <si>
    <t>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</t>
  </si>
  <si>
    <t>b'\xbd\xe1\x01\xf0*z6\xcbi\xd6\xd8\x83\x13\xae}\xf8'</t>
  </si>
  <si>
    <t>ould not see Emily, till the morrow, he was returning
 to his little inn, with the intention of writing to her, when he was
 overtaken by Henri, with whom he had been intimate at Paris, and was
 led to her, whom he was secretly lamenting that he should not see, till
 the following day.
 Emily, with Valancourt and Henri, now returned to the green, where the
 latter presented Valancourt to the Count, who, she fancied, received him
 with less than his usual benignity, though it appeared, that they were not
 strangers to each other. He was invited, however, to partake of the
 580
 diversions of the evening; and, when he had paid his respects to the
 Count, and while the dancers continued their festivity, he seated himself
 by Emily, and conversed, without restraint. The lights, which were hung
 among the trees, under which they sat, allowed her a more perfect view
 of the countenance she had so frequently in absence endeavoured to
 recollect, and she perceived, with some regret, that it was not the same
 as when last she saw it. There was all its wonted intelligence and fire; but
 it had lost much of the simplicity, and somewhat of the open
 benevolence, that used to characterise it. Still, however, it was an
 interesting countenance; but Emily thought she perceived, at intervals,
 anxiety contract, and melancholy fix the features of Valancourt;
 sometimes, too, he fell into a momentary musing, and then appeared
 anxious to dissipate thought; while, at others, as he fixed his eyes on
 Emily, a kind of sudden distraction seemed to cross his mind. In her he
 perceived the same goodness and beautiful simplicity, that had charmed
 him, on their first acquaintance. The bloom of her countenance was
 somewhat faded, but all its sweetness remained, and it was rendered
 more interesting, than ever, by the faint expression of melancholy, that
 sometimes mingled with her smile.
 At his request, she related the most important circumstances, that had
 occurred to her, since she left France, and emotions of pity and
 indignation alternately prevailed in his mind, when he heard how much
 she had suffered from the villany of Montoni. More than once, when she
 was speaking of his conduct, of which the guilt was rather softened, than
 exaggerated, by her representation, he started from his seat, and walked
 away, apparently overcome as much by self accusation as by resentment.
 Her sufferings alone were mentioned in the few words, which he could
 address to her, and he listened not to the account, which she was careful
 to give as distinctly as possible, of the present loss of Madame Montoni's
 estates, and of the little reason there was to expect their restoration. At
 length, Valancourt remained lost in thought, and then some secret cause
 seemed to overcome him with anguish. Again he abruptly left her. When
 he returned, she perceived, that he had been weeping, and tenderly
 begged, that he would compose himself. 'My sufferings are all passed
 now,' said she, 'for I have escaped from the tyranny of Montoni, and I see
 you wellâ€”let me also see you happy.'
 581
 Valancourt was more agitated, than before. 'I am unworthy of you,
 Emily,' said he, 'I am unworthy of you;'â€”words, by his manner of
 uttering which Emily was then more shocked than by their import. She
 fixed on him a mournful and enquiring eye. 'Do not look thus on me,'
 said he, turning away and pressing her hand; 'I cannot bear</t>
  </si>
  <si>
    <t>b"P\x00\xd4v\xa3\xb8i2\xdd\x05\xcb\x1b;n\xb5\xc6(l\x0bF\xc3L'd\xad\x9eb\x85\xef\xb4\xb6\x8e@\xe6\x18\xc2(\x88N\x19g\xaa\xd2B\x87\x90\xbe\xec\x1d?\xd9u\xb7(\xf6\x07o\xe4\x98\\\x00\xc1\x1bD"</t>
  </si>
  <si>
    <t>5000d476a3b86932dd05cb1b3b6eb5c6286c0b46c34c2764ad9e6285efb4b68e40e618c228884e1967aad2428790beec1d3fd975b728f6076fe4985c00c11b44</t>
  </si>
  <si>
    <t>b'P\x00\xd4v\xa3\xb8i2\xdd\x05\xcb\x1b;n\xb5\xc6'</t>
  </si>
  <si>
    <t>enâ€™s little cares and joys, make
them feel at home, and can hide wise lessons under pleasant
plays, giving and receiving friendship in the sweetest way. But
Aunt March had not this gift, and she worried Amy very much
with her rules and orders, her prim ways, and long, prosy talks.
Finding the child more docile and amiable than her sister, the
old lady felt it her duty to try and counteract, as far as possible,
the bad effects of home freedom and indulgence. So she took
Amy by the hand, and taught her as she herself had
330
been taught sixty years ago, a process which carried dismay to
Amyâ€™s soul, and made her feel like a fly in the web of a very
strict spider.
She had to wash the cups every morning, and polish up the oldfashioned spoons, the fat silver teapot, and the glasses till they
shone. Then she must dust the room, and what a trying job that
was. Not a speck escaped Aunt Marchâ€™s eye, and all the
furniture had claw legs and much carving, which was never
dusted to suit. Then Polly had to be fed, the lap dog combed,
and a dozen trips upstairs and down to get things or deliver
orders, for the old lady was very lame and seldom left her big
chair. After these tiresome labors, she must do her lessons,
which was a daily trial of every virtue she possessed. Then she
was allowed one hour for exercise or play, and didnâ€™t she enjoy
it?
Laurie came every day, and wheedled Aunt March till Amy was
allowed to go out with him, when they walked and rode and had
capital times. After dinner, she had to read aloud, and sit still
while the old lady slept, which she usually did for an hour, as she
dropped off over the first page. Then patchwork or towels
a</t>
  </si>
  <si>
    <t>b'\xd0\x8d\x16\x91U\xd0_\xa9\x8e&lt;\xeb\xe6\xae\xa6\xc9m\x80 \xb3\xcf\x08\xcce\x1a:aH\x05&lt;\xbf\xb4\xdd*&lt;dE\xbar~}N\x19\x96*\xbc\x97\xf9\x8asx\xaf\xe8\x9a{ \xf5\x04k\xc6\x10{\xc3V8J\x0bB\xe5g4X\xa0\xd9&lt;|v\xaf\x08r\xf5\xf5\xdbrJgV\x00z\xe5U\xa3\xb1\x0e\x1e\x01\x9a\xa5\xe9t\x1dT\xae\xdb%\x06K\xeeC\xb7\xc6\xa3\xb1f\xbe\xb5\x9d\x05\xa3\x14"\xe4\x98?\x95\x83?\xd2X[U\x0f\x9f\xeaH\xd7\xf4\x80\xb0\xec\xe1l\xc6\xa9\xea`2F\x82\xf7\x8c\x9f\xb8\'\xc4\x18\x05\xf1z\xcc)*\x85K2\x00\x1d\xea\x0b\xbc\x9e\xa9\x8em\xad\xaa\xf1\x90]y\x05 \x0f\x12\x9f\x98\xb7\xc5\x0eN\xc9\xca\x82\xea\x84\xe9\x9b\xa9\xf0\xcf\xe8\x10\xc4Lg\xe77".\xb0\x0f\xf0\x05\xdb\xa1fDmto\xa47\xf5r\x02\x01D\xa6\xae(\xd0\x96q \xaf`}\xf7\xe3\xce\x0c\x17|\x17\xe9W\xd2/t\x07G\x00\xaf\xf3\xf2~\x0e\xc0\xafQ\xc8\xaf\xaf\xe7\xcc\x06\x8b\x93&amp;o\xcb\xee\xe2\xa3PE\xc1D,\x0e\x86Z\xc1\xe8\x9b\xe1P\xa8\xf0kzFe\xfb\x10]F\xefV/rC\xd2\xf3\x1b\x87\x8f:\xcb\xd59\x9d\nNC\xb0\x91Lv\x8c\x9e,=\x00m\xa2=\xc1_\'\x83!lP\xffh~\xca\'\xc0j\x1c\xb9\x15#a\x94\xb2\x05\xab\xa9\x94\xf1\x97m\x96b\xb4\xb1\x18\x01Z\xab1\x8f\xc0"$\xb3S\xd4\xd0\xa7Z\x92\xc9\xee\x12\xc3\x9d\xfb?\xf1k\xfa\x92\x88]:4\xd6\xc6\x93R\x1e;$\x8de\xae.\xa03x\xd8\x89\x08\xa1\xd42\xfc\xee;\xf6\xbcm\x97\xe3\xc0\x8cMa)\x84\xf0\xd4\xfbB\xa7\x93\r\xfahT\xb9b|\xdb\x8b\xf3i\xba\xb2\xd7\x97\xeb`\x0c\x04\x17&gt;l\xa0\xa5&amp;\xd2\xa8&gt;\x91\x80IE\x1f\x13\x02`\xc9[\xb0\xaf\x03~\xc8\x06\xdf}i\xf1\xed\xd1\x05\xf35\xc2\xa6\x85\xd2\xfet+\xb5\xb4\xd6b^\n\xa5\x11\x8e\xbaL\x0b\xaf\xba\xc9\xa8\x19\xbf\xd3\x94Q\xc4\n\xa3\x16\xb0\x0f&amp;\xb8\x88\x9c\xca\xaaC\x11D\xb8\xfb\xc2\xe2Y\xd2\xa1~\x1a\xb3\xdc\x9b\xe5\xc6\xb4/\xbe\xd5j\x15\x80\x00\xbe\x8a\xb5\x03"K\x9c\x80I\xf1\xde/\x02\x83\xd3,\xdf\xc4R\xbb\x01\x96\x13\xb8\x92g#S\x11|\x1e\x07\xb0\xc2\xb7\xe4\xd136\xa2\xe9\x9c\xb9\xda\xd3=h\xf5\x83\x87\xb0\xff-\xc4\xeeI9L"I\xb0h\x12\x7f+\x95\xb6\x9b*\xd3a\xbdM\xf9\xb5\x8b.\x1f\xcfz\xbeS\x9c@\xc3\x97\x8c\x83\x8f]\xdb\x8e\x7f9\xf5\x1f\xfaw\x18i\xd0&amp;\xf3\xb7@h\x1eIG\xf1\xbf&amp;/\x02\xdfU\x14 \xb2\x1bgLV}n\x8d\xc9\x07\xdd\x021\'\xf1\x8a\xf3\xf4\xdc\xe1\xec\xc4gC4SH\x90H\xd3\x0e\xfe\xf9=)u\x87\x98\x01$WE\x02\xc4V\x86\x84\xd2q\xa1\xc4.\'\xdf\x9ad\xec\x97gg|\x91\xa8\xfd\x02U\xbd4\xcea\x89\x88\xa9V\xec]\x8c\x8b~\xd6\xcaq\x0e\xb5\xab\xc9\xe9\xc2\xc0\x97\xd6w\xe5\xa7\x98\xc1\x83\xffD\x875&gt;\xc9u\x0e"\x89\x9e\t\xe4\xae\x97\xff\xa1\x13\xe7\xee\x16\x01H\xc8\xd7\xf3o~0\xde\x03b\x13f\xcdt`\xdb!\x81\x04\xc5\x1d\x82\xec+]:\xbb\xf7\xa8\xa2l\xb4|\x1dJ\x06\xa5,\xab\x97m\x18x\xbe\xf08\xe2u\xd3\xf4z+\xac1\xdd\xd4l\xb7#\x07\xc4\xed\xa2\x84gO\x82\xc8x\x1d\xb3\xf6\x81qPz\x86\x05\x91i&amp;\x93:A\x96\xb7\x8e\x7f"\x7fq\x1a\xaeK\xd8K\xb8\x06\x81\xbe&lt;J\x8e\x91\xf0\xe8\xea\xa7\x9a\xd4b\xbc\xac$\xc0@\x01\xec\xb3\x1b\xa7-T\x06\xc5\xe0-\x80y\x01\xf1\xc1\x955\xefDC(\xfcp\x85\x8c\xb0\x96\xf9\xab\xb1\\v\x95\t\xf6I!as\xea\xf4C\xe4\xa6\xd6\xec6r\x8a\xfa3\x1c\xcc\x0f\x1e\xe2\x96\xbc\xb0A\x9d\t\xea@\x87\x81\x04X\xaf|\xfb\xa9\xcax&gt;Hy\xa3c\xe8=\x81K/\r\x85\x82\x88&amp;\xe8\xd1\xc0\xb6\xe1\xce\xe5a]\x8b\x13\x95EEGs7\xdd+Z\x19av_\xf6~\xe8\x04\xfeE\xc5\xda\x89\xbbO\x94\xffX\xb0\x11\x1dO\x02J\xcf&gt;{a\xa7F\xef?\xe9\xa8\xe5*a\xf6_\xf7CRW\x04%i]\xc2\xdb!\x1b\x99*\x06\xeb\xd0P\xb7\xfa\xf5\xb9\xca;\x0ek{c\xc1\xc0\x0f{\x19K\x9b\xbb\'\x8b+tf?\xffx?\x96".\'\x9b\x83\x1b\x1a\xe2\xfcC\x07bV\xc0=RS\xa2@a\xebL\x81\xeb\x12\xed\xd41\xf8(\xa2\xbb\xfdL[\xa0\xe8\xa4\xc0\xba\xbd\xc3\xc0\x16\x934\x98\x90\x96XS\xbe\xc7&lt;8\x9az\x10\x08\xec)\xb4o\xb7\x8eu)s{\xa4\xa8\n\x83\xa6\xd2!\xf9\x8f\xac\xc7dq\xf9r\xaf\xecga\xfd\\zU\xb6\xa0\xd9h\x135\x95&amp;\x80\x05+z1\xc0\xc0i\xf3Z\xfc\xf8\xdd\x1b\x8d\xeb\x81\xb3\xeeB\xef/+k)\xe4mv\xcdh\xaa\x9d@\xb45?1\xa9xi\xe7"WdW\xcc\x84\xa7\x1b\x19\xdb\xe1\xe60\xac\xd0\xf1\xe3%s\xc6\xd7hA\xff,\xdfp\xea\xc1\xd2\xac!\xf2N\x86&gt;Ge\x9a\x11\x04\xdb\xbc\xc4\xd4\x83\x04\x9c\x0b\x0c\x0e\xc7\xb5$\x14C]\xd49\xf2\x05\xa7\xb4Y\xe5\x05\xa7F\xf8\xf1\x9e\x18\xefp\x84muK\xc9\xe1\x05\x96\xc7\x16\xf39\xfa\xa0\xcd\xbb\x9e\xb6\x93\xbf\xfaF_\xfb\xaf\xf0\x89\xd0\xd3\x054\xecb\x8c~\x91\x95h1\xc8\x1c[\xce\x9e\x07[aB\xe5e\x06\xbc\xc2\xa2xJ5\x02\x99\x8e\xa9hGgW?\x1d\x85\x8d\xc99*\xcf\xcd\xd4L\xfd@\x02\xc2\x7f"\xb0v\x98E\x04*\x13\x93\xe7\xc6\xf2\xe0%O|\x9cm\xac"\xca\xd8&lt;\xd7\x16\xde\xcf\xe5\x1fB\x11d&gt;hV\x8cPmo\x14\x91\xc1\xac\xec9hj\x07&lt;Cz\x04\x92\x8c"\xd9\xb4\nKj\x1a\xc4K\xda6\x8c.\x851\xc9!\x99\x88\xd1A\xe8\xdbk\xcb\xb9\xda\xb3\xbb`\xfa\x03\xeb\x8d\xb8\xb9"H\xa8)\x88\x9b1y\xfcXU\x92O\xd4\xefz\'2\x03\x1d\xf5\xb3\x96\x84c\xc7f\xcf\xb1\x80\xd0;\xae\x9a\xe7\xc6hoW\x85\xbb=\x0cM\xc9\xc0dt\x07\xe0\xdb\xea&amp;b\xbb4x\xb2o\xee\xbb\x98\xde\x891t\xb74\xaf\xd9&lt;\xc8a&gt;\x90\xc0D\xbfeC\xec\xe95\x01\x9c!\x0f\xc6\xd9D\x1a\xca\x85\x84"\xda!\xe8\xf3}\xca\x15\xb2\x9d\xd9\xbek\xf9\x9b\xee\xa9R\x03V\xc3\xb9t+D\n\xcd\xf2N\xa2\xec\x14|pc\xf4\x81\xaac\x7f\xa3\xb4\xbbzo*\xfeo\x82P\xc4@U\xaf\x80r\x85\xbf&amp;\xd3\xd3p\xf2;\xe6\x9e\xda&gt;+\xafcXh~aHs\xe5\xb5\xf0C\nS@\xee*\xdf\xd3\xccC\xf7\xb8\x1c\x8a\x013\xe17\xcb{\x14&lt;\xee\xbd\xac'</t>
  </si>
  <si>
    <t>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</t>
  </si>
  <si>
    <t>b'\xd0\x8d\x16\x91U\xd0_\xa9\x8e&lt;\xeb\xe6\xae\xa6\xc9m'</t>
  </si>
  <si>
    <t>rose with full force upon her mind, and she
 hastily stepped forward, afraid to trust herself with a longer pause. She
 took an affectionate and affecting leave of La Voisin and his family; he
 seemed to love her as his daughter, and shed tears; Emily shed many.
 She avoided going into the cottage, since she knew it would revive
 emotions, such as she could not now endure.
 One painful scene yet awaited her, for she determined to visit again her
 father's grave; and that she might not be interrupted, or observed in the
 indulgence of her melancholy tenderness, she deferred her visit, till every
 inhabitant of the convent, except the nun who promised to bring her the
 key of the church, should be retired to rest. Emily remained in her
 chamber, till she heard the convent bell strike twelve, when the nun
 105
 came, as she had appointed, with the key of a private door, that opened
 into the church, and they descended together the narrow winding staircase, that led thither. The nun offered to accompany Emily to the grave,
 adding, 'It is melancholy to go alone at this hour;' but the former,
 thanking her for the consideration, could not consent to have any
 witness of her sorrow; and the sister, having unlocked the door, gave her
 the lamp. 'You will remember, sister,' said she, 'that in the east aisle,
 which you must pass, is a newly opened grave; hold the light to the
 ground, that you may not stumble over the loose earth.' Emily, thanking
 her again, took the lamp, and, stepping into the church, sister Mariette
 departed. But Emily paused a moment at the door; a sudden fear came
 over her, and she returned to the foot of the stair-case, where, as she
 heard the steps of the nun ascending, and, while she held up the lamp,
 saw her black veil waving over the spiral balusters, she was tempted to
 call her back. While she hesitated, the veil disappeared, and, in the next
 moment, ashamed of her fears, she returned to the church. The cold air
 of the aisles chilled her, and their deep silence and extent, feebly shone
 upon by the moon-light, that streamed through a distant gothic window,
 would at any other time have awed her into superstition; now, grief
 occupied all her attention. She scarcely heard the whispering echoes of
 her own steps, or thought of the open grave, till she found herself almost
 on its brink. A friar of the convent had been buried there on the
 preceding evening, and, as she had sat alone in her chamber at twilight,
 she heard, at distance, the monks chanting the requiem for his soul. This
 brought freshly to her memory the circumstances of her father's death;
 and,</t>
  </si>
  <si>
    <t>b"\x8e\xa6/\xd6'\x7f\x01\xa9,p*`\xde\x07\xc2 \xd1\xa5\xfc\x13\xce\x93d\xb2G\xfc}c\xf7\x88\xc2[_R\xd6V\x92\x98\x1c\xe9fGS\xf0\xe90v\xa2+\xc9jPN\xe1x\x94\x1c'\x0b:\xd9T\x95\x0c"</t>
  </si>
  <si>
    <t>8ea62fd6277f01a92c702a60de07c220d1a5fc13ce9364b247fc7d63f788c25b5f52d65692981ce9664753f0e93076a22bc96a504ee178941c270b3ad954950c</t>
  </si>
  <si>
    <t>b"\x8e\xa6/\xd6'\x7f\x01\xa9,p*`\xde\x07\xc2 "</t>
  </si>
  <si>
    <t>nslates
 592 Chapter 12 Feedback
 R
 K
 F
 R0
 out
 X
 0 VA X
 I
 I
 V
 A
 Figure 12.38 Calculation of output impedance.
 to VA = âˆ’KVXR0 and hence
 IX = VX âˆ’ VA
 Rout
 (12.76)
 = VX + KVXR0
 Rout
 , (12.77)
 where the current drawn by the feedback network is neglected. Thus,
 VX
 IX
 = Rout
 1 + KR0
 , (12.78)
 an expected result.
 Example
 12.20
 Calculate the closed-loop output impedance of the circuit studied in Example 12.18.
 Solution From the open-loop circuit in Fig. 12.36(b), we have Rout â‰ˆ RD2 because RF is assumed
 very large. Writing 1 + KR0 from the denominator of Eq. (12.71) gives
 Rout,closed = RD2
 1 + gm2RD1RD2
 RF
 . (12.79)
 Exercise Explain what happens if RD1 â†’ âˆž and why.
 12.6.3 Current-Voltage Feedback
 Shown in Fig. 12.39(a), this topology incorporates a transconductance amplifier, requiring
 that the feedback network sense the output current and return a voltage to the subtrac_x0002_tor. Again, in our terminology, the first term in â€œcurrent-voltage feedbackâ€ refers to the
 Vin
 VF
 V1
 K
 0
 Gm
 0
 I out
 Figure 12.39 Current-voltage feedback.
 12.6 Feedback Topologies 593
 quantity sensed at the output, and the second, to the quantity returned to the input. Recall
 from Section 12.4 that such a feedback network must appear in series with the output
 and with the input,10 ideally exhibiting zero input and output impedances. Note that the
 feedback factor in this case has a dimension of resistance because K = VF/Iout.
 Let us first confirm that the closed-loop gain is equal to the open-loop gain di_x0002_vided by one plus the loop gain. Since the forward system produces a current equal to
 Iout = Gm(Vin âˆ’ VF) and since VF = KIout, we have
 Iout = Gm(Vin âˆ’ KIout) (12.80)
 and hence
 Iout
 Vin
 = Gm
 1 + KGm
 . (12.81)
 Example
 12.21
 We wish to deliver a well-defined current to a laser diode as shown in Fig. 12.40(a),11
 but the transconductance of M1 is poorly controlled. For this reason, we â€œmonitorâ€ the
 current by inserting a small resistor RM in series, sensing the voltage across RM, and
 returning the result to the input of an op amp [Fig. 12.40(b)]. Estimate Iout if the op amp
 provides a very high gain. Calculate the closed-loop gain for the implementation shown
 in Fig. 12.40(c).
 VDD
 in M 1 V
 I out
 VDD
 M 1
 Vin
 I out
 R M
 VF
 (a) (b)
 M
 I SS
 M
 M M
 in v
 VDD
 M 1
 I out
 R M
 VF
 M
 I SS
 M
 M M
 in v
 VDD
 M 1
 I out
 5 6 5
 3 4
 3 4
 3 4
 6
 5 6
 M
 I SS
 M
 M M
 VDD
 M 1
 I out
 R M
 VF Vin
 (c)
 (d) (e)
 X X
 X
 Laser
 Laser
 Laser
 Laser
 Figure 12.40
 10For this reason, this type is also called â€œseries-seriesâ€ feedback.
 11Laser diodes convert electrical signals to optical signals and are widely used in DVD players,
 long-distance communications, etc.
 594 Chapter 12 Feedback
 Solution If the gain of the op amp is very high, the difference between Vin and VF is very small.
 Thus, RM sustains a voltage equal to Vin and hence
 Iout â‰ˆ Vin
 RM
 . (12.82)
 We now determine the open-loop gain of the transistor-level implementation in
 Fig. 12.40(c). The forward amplifier can be identified as shown in Fig. 12.40(d), where
 the gate of M4 is grounded because the feedback signal (voltage) is set to zero. Since
 Iout = âˆ’gm1VX (why?) and VX = âˆ’gm3(rO3||rO5)Vin, we have
 Gm = gm1gm3(rO3||rO5). (12.83)
 The feedback factor K = VF/Iout = RM. Thus,
 Iout
 Vin
 _x0002_
 _x0002_
 _x0002_
 _x0002_
 closed
 = gm1gm3(rO3||rO5)
 1 + gm1gm3(rO3||rO5)RM
 . (12.84)
 Note that if the loop gain is much greater than unity, then
 Iout
 Vin
 _x0002_
 _x0002_
 _x0002_
 _x0002_
 closed
 â‰ˆ 1
 RM
 . (12.85)
 We must now answer two questions. First, why is the drain of M1 shorted to ground
 in the open-loop test? The simple answer is that, if this drain is left open, then Iout = 0!
 But, more fundamentally, we can observe a duality between this case and that of voltage
 outputs, e.g., in Fig. 12.36. If driving no load, the output port of a voltage amplifier is</t>
  </si>
  <si>
    <t>b'\xce%\xfd\x0f,.\x08\xcb\x1f\xbdH\x01\rK\x00|'</t>
  </si>
  <si>
    <t>ce25fd0f2c2e08cb1fbd48010d4b007c</t>
  </si>
  <si>
    <t>. . . . . . . . . . . . . . . . . . . . . . .285
 Globalization and the Environment . . . . . . . . . . . . . . . . . . . . . . . . . . . . . . . . . . . . . . . . . . . . .286
 Globalization, Growth, and Pollution . . . . . . . . . . . . . . . . . . . . . . . . . . . . . . . . . . . . . . . . . . . . . . .286
 The Problem of â€œPollution Havensâ€ . . . . . . . . . . . . . . . . . . . . . . . . . . . . . . . . . . . . . . . . . . . . . . . .287
 The Carbon Tariff Dispute . . . . . . . . . . . . . . . . . . . . . . . . . . . . . . . . . . . . . . . . . . . . . . . . . . . . . . .289
 Summary . . . . . . . . . . . . . . . . . . . . . . . . . . . . . . . . . . . . . . . . . . . . . . . . . . . . . . . . . . . . . . . . . .290
 Contents xiii
 Part 3 Exchange Rates and Open-Economy Macroeconomics 293
 13 National Income Accounting and the Balance of Payments 293
 The National Income Accounts . . . . . . . . . . . . . . . . . . . . . . . . . . . . . . . . . . . . . . . . . . . . . . . .295
 National Product and National Income . . . . . . . . . . . . . . . . . . . . . . . . . . . . . . . . . . . . . . . . . . . . . .296
 Capital Depreciation and International Transfers . . . . . . . . . . . . . . . . . . . . . . . . . . . . . . . . . . . . . .297
 Gross Domestic Product . . . . . . . . . . . . . . . . . . . . . . . . . . . . . . . . . . . . . . . . . . . . . . . . . . . . . . . . .297
 National Income Accounting for an Open Economy . . . . . . . . . . . . . . . . . . . . . . . . . . . . . . .298
 Consumption . . . . . . . . . . . . . . . . . . . . . . . . . . . . . . . . . . .</t>
  </si>
  <si>
    <t>b'0D\x02 \x0b\xf0\xdeL\xb02\x11\xf8\x92!\xd8\xdb\x94\xa9\xe425\xd4\xdfDV\x8b3\xbe\xdfL\xb9\x1c]R$\x03\x02 \\&amp;\xe4\xe2B\xb3[&gt;\xcd-\xaf\xbf\x8e\x9b\xeb\x0e\x95\xd1\xcd\xd11\x13\x99\x05I\xc4\xaao8\xa5\xd7\xa8'</t>
  </si>
  <si>
    <t>304402200bf0de4cb03211f89221d8db94a9e43235d4df44568b33bedf4cb91c5d52240302205c26e4e242b35b3ecd2dafbf8e9beb0e95d1cdd13113990549c4aa6f38a5d7a8</t>
  </si>
  <si>
    <t>b'0D\x02 \x0b\xf0\xdeL\xb02\x11\xf8\x92!\xd8\xdb'</t>
  </si>
  <si>
    <t>the magnetic field is zero at the location of
 7.2 Electromagnetic Induction
  319
  the charge. The experimenter may tell you she never put in any electric fieldâ€”all
  she did was switch off the magnetic field. But when she did that, an electric field
  automatically appeared, and itâ€™s this electric field that turned the wheel.
  I must warn you, now, of a small fraud that tarnishes many applications of
  Faradayâ€™s law: Electromagnetic induction, of course, occurs only when the mag
 netic fields are changing, and yet we would like to use the apparatus of mag
 netostatics (AmpÃ¨reâ€™s law, the Biot-Savart law, and the rest) to calculate those
  magnetic fields. Technically, any result derived in this way is only approximately
  correct. But in practice the error is usually negligible, unless the field fluctuates
  extremely rapidly, or you are interested in points very far from the source. Even
  the case of a wire snipped by a pair of scissors (Prob. 7.18) is static enough for
  AmpÃ¨reâ€™s law to apply. This rÃ©gime, in which magnetostatic rules can be used to
  calculate the magnetic field on the right hand side of Faradayâ€™s law, is called
  quasistatic. Generally speaking, it is only when we come to electromagnetic
  waves and radiation that we must worry seriously about the breakdown of mag
 netostatics itself.
  Example 7.9. An infinitely long straight wire carries a slowly varying current
  I (t). Determine the induced electric field, as a function of the distance s from the
  wire.14
  l
  s0
  FIGURE7.27
  Amperian loop
  s
  I
  Solution
  In the quasistatic approximation, the magnetic field is (Î¼0I/2Ï€s), and it circles
  around the wire. Like the B-field of a solenoid, E here runs parallel to the axis.
  For the rectangular â€œAmperian loopâ€ in Fig. 7.27, Faradayâ€™s law gives:
  EÂ·dl = E(s0)l âˆ’ E(s)l =âˆ’d
  dt BÂ·da
  =âˆ’Î¼0l
  s
  2Ï€
  dI
  dt
  s0
  dI
  1
  s ds =âˆ’Î¼0l
  2Ï€
  dt (lns âˆ’lns0).
  14This example is artificial, and not just in the obvious sense of involving infinite wires, but in a more
  subtle respect. It assumes that the current is the same (at any given instant) all the way down the
  line. This is a safe assumption for the short wires in typical electric circuits, but not for long wires
  (transmission lines), unless you supply a distributed and synchronized driving mechanism. But never
  mindâ€”the problem doesnâ€™t inquire how you would produce such a current; it only asks what fields
  would result if you did. Variations on this problem are discussed by M. A. Heald, Am.J.Phys.54,
  1142 (1986).
 320
  Chapter 7 Electrodynamics
  Thus
  E(s) = Î¼0
  dI
  dt lns + K Ë† z,
  (7.20)
  2Ï€
  where K is a constant (that is to say, it is independent of sâ€”it might still be a
  function of t). The actual value of K depends on the whole history of the function
  I (t)â€”weâ€™ll see some examples in Chapter 10.
  Equation 7.20 has the peculiar implication that E blows up as s goes to infin
 ity. That canâ€™t be true ... Whatâ€™s gone wrong? Answer: We have overstepped the
  limits of the quasistatic approximation. As we shall see in Chapter 9, electromag
 netic â€œnewsâ€ travels at the speed of light, and at large distances B depends not
  on the current now, but on the current as it was at some earlier time (indeed, a
  whole range of earlier times, since different points on the wire are different dis
 tances away). If Ï„ is the time it takes I to change substantially, then the quasistatic
  approximation should hold only for
  s 
 cÏ„,
  and hence Eq. 7.20 simply does not apply, at extremely large s.
  (7.21)
  Problem 7.</t>
  </si>
  <si>
    <t>b'\xc6\xc5\x85\x982t\x86\xb2\xd8\xde\x12L\xc9#YE\xc2_\xaf\x82\xf9\xf4F4\xabkx\xfe\x1f=\xb0\x1f'</t>
  </si>
  <si>
    <t>c6c58598327486b2d8de124cc9235945c25faf82f9f44634ab6b78fe1f3db01f</t>
  </si>
  <si>
    <t>b'\xc6\xc5\x85\x982t\x86\xb2\xd8\xde\x12L\xc9#YE'</t>
  </si>
  <si>
    <t>as offset by the binding
power of civic organization and the imperial cult. Both were the political and religious
legacy of Alexander the Great (d. 323 BCE). In the wake of his conquests, which
stretched from the eastern Mediterranean and Egypt to the edges of Afghanistan,
Alexander established cities settled by Greek colonists and organized along lines
reminiscent of the ancient polis. Civic altars, the agora, city councils, schools, libraries,
theaters, gymnasia â€“ the organs of the polis, widely transplanted abroad, gave rise to
the Westâ€™s first experiment in cultural â€˜â€˜globalization,â€™â€™ namely Hellenism. At a
practical level, this meant that Greek became the international language par excellence,
whether for trade, for government, or for high cultural endeavor (paideia) â€“ philosophy, poetry, music, drama. (So enduring was this linguistic accomplishment that
most of the Christian documents that we shall review, even those composed in the
â€˜â€˜Latinâ€™â€™ West, were in fact written in Greek.) Hellenism, its myriad local variations
notwithstanding, facilitated communication and cultural coherence across vast distances. Adapting and adopting it, Rome extended this civilization even further. By the
end of the first century CE, the expanse from Britain in the west to the edge of Persia
in the east, from the Danube in the north to the African breadbasket in the south,
formed an identifiable (if not uniform) cultural whole.
Through the Hellenistic city, at another equally practical level, Alexander had a
lasting effect on Roman religion and politics. These cities were themselves religious
institutions. Through innumerable public and communal rituals â€“ processions, blood
sacrifices, dancing, hymns, competitions both athletic and musical â€“ citizens and
residents displayed their respect to the heavenly patrons of their city, thereby ensuring
continued divine favor. Further, the opening of a city council, the convening of a
court of law, the enjoyment of and participation in cultural events â€“ all these activities,
which seem religiously neutral to moderns, in fact acknowledged and honored the
traditional gods. (This is why later Christian moralists, such as Tertullian, inveighed
against Christiansâ€™ frequenting the theater, the baths, and the competitions: these
were tainted with the worship of pagan deities. Diaspora Jews â€“ and as the heat of
592 Paula Fredriksen
Tertullianâ€™s invective reveals, most gentile Christians â€“ evidently made their peace
with this level of engagement with â€˜â€˜idolatry.â€™â€™) Public displays of piety measured civic
responsibility. Impiety risked divine anger, which could be manifest in any number of
dangerous ways: drought, flood, plague, earthquake, invading armies. Proper cult
pleased gods; and when gods were happy, cities prospered.
Finally, the cult of the ruler, introduced to the West through Alexander, was
adapted and adopted by Rome. The emperors, from Augustus on, ruled and protected the commonwealth as heavenâ€™s special agent on earth. After death, translated
to a higher realm, they continued to serve as the empireâ€™s special agent in heaven
(Gradel 2002; cf. Euseb. LC I.1.1: after death, Constantine too continued to exercise
this protective celestial function). Such worship served to bind the empireâ€™s far-flun</t>
  </si>
  <si>
    <t>b'\xd7\x7f\xa9!2\n\xd2\x80B\xb0X\xe2\xb4\xd2\xe5\xd8\x1c&gt;\x9at\x18\x06U.\xbd\xc0\xa2\xb9&lt;\xbb\xd8\xd8\x94\xfaj\xaaX\xc1\x0b\xb6\xaa\xbd\x87\xdbvi. \xb1\x044\x19\x83`\xb9\x8d\x9d\xc3\xfe\xcd&lt;\x9f\x88E\xd0\x8f\xa3\xdfN\xbaZ\x90\x9e\xbf4\xe5\xc4\x91I\x07b\xc1\x02`}\x92\xb0\x9c\x18\x02oW\xbd\x16\xdaF\xec\xe4\xa1&lt;\x17=\xf0:\x1ef7\x0f\xd7\x97\x88vY&gt;\x00\xe0a0\xaa7\x99\xd0\xd5/\x16\r\xd6$\x9b\x1a\xf3WU\x86g~\xcfF\x96A\x88\nT\xcd\xb9\xfe\x7f\xb5\xbc\x1a\x9b\x8d\x92\x01=\xe3P\x99\xef\x8d\xc9"\x1f\xf9\xd9\xe1\x7f\xe3e\x97~\xd3\xcfCl\xa0c\x14:\xe4b\xbc\xa7\x06\xc7]\xfe\x00"#=\xe6\x1f\xce\x183\xc9a&gt;\x0e\xf3\x1c\xe9k#\xe4\x98\x93^\xec\xab\xcd\x1c\xcf\xc0\xa2\xa0\xdfB\xb5\xa7++\x07\x89\xf6\xc7\xfc^\x96\x10]\xa1\x99\xe0\xbd\x13h\xc2\xb3\x8f\x13\xd0\xf4\x17\xe7\xec:\xdcXd\x1a\xbb\xb1\xaa\x1f \xd6YR\xee\xd6\xd1@H\xf2\xb9&lt;\x86\x169\x06J\xa3\xc1\xb3\xc0\x00\x05\xbd\xb4\xa6\xddB+g\xde\xde\xa6xh_\xf3s\xddo\xf4\xe1\x98\xe5\xebQ\xee\x8f\x17w\x91\xbb\x01\xf7\xca\xcf\x14J\xf2\x9b\x9d\x8a*1\xc4#j\x80\xc9\xc3\n`j\x9bH\x82\x7fz\xf7\xb2\x8f\xfd\\RM%\xa4w\xd0pY\x99\xfc\xcc\x81\x93\xd1\x88.a^\xd1SZ\xec\xe8~~\x8c\x19\xe4\xeeIP\xdbG\x96\xc3\xfc\x85\xa5\x9a\x11\xeb#W\x90\x1ep\xd6;\x8bGz1\xach_\xfa\x96U{\xed\x9c\xc6\x1c\x9d\x04}9\xbe*\xa7\xdd\x00)\xba\xf2c\xc6\xe4\t\x1c2\xc0\xd0\xd1W\xa5\x04\x8a#\xfa\xaaF\x96\xa4\x8a\x10L*\x05c\xde\xe0k\xc6/\xb4`"\x10\xf6\xf0\xcc+,\xdd\xea\x15\nm$7\xbc5\xc2\x0f\xf5\xcd\xc3\xac\x13\xc9\xdc\x1a\xe7]\x0b\x8cj\x99\xe8\xac\xfaZ\x17\xd1\x0b\xb0P2Q\x93%\x10\xa9\xb67#\xd2C\xe0\x8b\x81\xba\xa5\x07\x86\xb7uJ\xf3\x8a\x96j\xee\xb4\xc96\xdch\x84\xf2\xa8\x83;\x036\xcb\xc8\xc3\xc4B\x14\xa4\xba\x98\x13\x7f\x00\xfb!t\xf8\x01\xb2\xff\x94\xdd\xa8)\r\xd9\xaa\xe1\xb9\xb9\x02\xceGx\xcd,4\xc1{\x10F7XCg;\x9c\xb9~\xa6\xed\x16\xbd\x8eb\x90\xaai]L\xa4\x87!\x10O&lt;s\x1c[\x1ap\xfc\xf9TV\x806\xa1\xd70A\xde\xe9\xb3\x0e\xf6\xc7\xd6L\xdcm(\x96\xa3\xb7H\x92\x80[,B\x99)\x9a\x8d\x8b\xf1^\xb7u\xd4Zn\xd3\x9bI\x90+\x17$\x01\x96n\xbcJ\x86\x08\x80\x8bJb\x16\x9e\xf3W\x01\x13\xe5\xaf\xb2\xea\x81 \x8dy\x10\xcf\xbbUIZ\xe2R\x11\xd3\x1f\xd8\x89D\xebP\xc60O\x02\xd3_\x0f\t\xa6kNQ\xea\x8b{\x1e\x01\'\x80\xca=\xc5\xac\xb3U\x13\x1a\x1do\x94\x92E\x19\x99\x15F\xf7\x01A\x87m#fR\xd3\x00\xfb=@\xef\x82\xcf17\xd6A\xf09\xcd\xf0D\xef\xf5k\x0e\x82\x1cp\x91\x8eRkl\xbc\x8a\x16\x07j\xc7\xc7\x85\xbc\xdcl\xb7%\xcf\xb0\x05\x12\xf8=\x1a\x96\xb1c\x83v#\xb2/\x98\xf1\x80x\xe0\x15\x93\xa7 }\x18\x1d5\x99\xacE\x0e\xf4\xeezN\x14\xc5b\xb4u\xa6\x87\xb5\x91{\x1f,\x02\xf5S\x91cH\x98\xdf\x90*\x84\x8a*\xa7\x0b=\x91\xea@\x9c4\xfcx\xe7s=\x02RUpK\xcb\x8c\xf3\xa5J\nO:\xa3\x06f/T\t\xa3nVj\'`&lt;\x975\x08\xf8\x8a\xf9U\x92V\x192\x99[\x136\xc4\xb6\x07t\x05\xdc\xa7\xb5n\xc8\x88\xf1r\xeb\x00\xa9\x18\x10\xe3J\x0f\x8c(\t\xe1\r\xa8\xda2[\xb2^\'\xdc\xa8\xce\xaa\xd7k\xef\x00\x1c\xb8\x0e\xe3J\xabR\xf9\xa7\xb6:\x01\xe0\xea\xf0\x9dZ\xa6\x91\x83\xf9&amp;\x7f\xa6\x1c\xe2U\xff\xc1V}!\xcb\xc3\x89\x9d\x15\x02\xbb\xd7]K\x91\x88a\xef,\xaer\xb8=\x8c\xb4\x01yO\xba\xe9\x11\xcax\xd1\xd3\xc23\xbe\x8bW?\xd0vL\x9f\x8f\x7f\xb3W\x19\xd4Q\x85C\x0eT\x1e\xc4\xc2\xb0\r\x1a\x03"E7\x89\xfc1YPe\x80\x9a\xb8\xaax\xabG\xdfR\x8b\xca\x1b\xb7:\xc0\x86\x90\x86\xe7\xda\xf6:\xa7\xc1\xaft\xbcS\x12\xc2\xb1^\x88\xa5\x1eH\xe9}F\xc5\xbb\x85\x94-l\x198\xd5\xaa\x9e\xcd:3W\xd3\xa3\x97\xa4~y;&lt;\x13f\xad*\x0bU\xbf\x14\x01\xff\\1\xcb\xb0\x8aj\xa2Ko\xd4\xd1\xe4\x07C-\x97\xa4\xf0\x1e\r}\'\xa3\xf3\x9b\xed.\x8bl\xcb\xda[\x96\xe2\x99\n\xe8\x99\x1fW\xd0\xe5\xf6\xad\xd4\xafJ\xf5T\xf3\xf3V4\xaa\xf4\x0fR\xb6\xd2O;\xeaL\x95W;\xab\x8c\xadf\xd5&gt;}\xb8x\xf7\x07\xc1\xe3\x01K\x9b\xa3\xd0\xcfPP(\x05\x01aybkCe1\xef\xc4\xbc?r\xf6`Q\x85E\xd1k4\xdb3b\xfb|_zit\x7f\xce\x08T;Q\n\xceY7\x98\xc2C\xd4\xd8W\x14\xb5\x8f\xd6&gt;N#u\xf9v\x99\xd1\xaf\xeb\xca\xf0T\xcc\xbad=\xe3\x02\xf2\xa9"9\xb4\x14\xdc*h\x07\x82\x1e\xc7\xc1\x05\xc7\xafPu\x12F\x9e\xf2w\x1a\x9e3\xef_\xca\x93\x84\xc9\xd4= j#\xf0\x1e\x95C\xd6\xa5\x7fr\xf5X\xea\x7f\xf0\xc3fb\x18\xb7\xe4\x1eK05I\xfc\xa3\xe9\xe2\x07F\x0c\xd4y/P\xf6\xebF9\x96\xd5\x18\xb4iE_t\xfe\x14\xe6\xbc\xe3l3\xf2:\x1f:\x13\x8f\xcc\xc5\x18\xcb\x95\x83\xf3\xb5R|\x18\xcc\nA\xe6\x05\xb6\x8b\x02\x11}\xd3?^\xb7\xb9|\xb4L\x98+\xd4\xda\x18\xb7\x11\x05\xfd\xf52\xf2x\xc4nN\x8aR\x9b\xeeV\x93\xb1B\x03\xa0\xf2\x8ck\x17,\xd8\x0c\xdd\x86\r\xa9Z\x8c\xcc!\x88\xacKf\xa9f\x97O\xc2\xbd@vO\xc4\x07&gt;T\xa7\xa9&amp;X\x1a\x82\x81\xf4\x9c\xe6L\xbb\\4\x97\x8f\xfd\xb0)\xdc\x8b\x1a[Y\xf7&gt;\xa6G\xcd\x08\x1a\x0c\xc6\x0e\\\xf4\\\xd0V\x88\x1a\'\x05\x08\xfd\xb82\xa5u=^\xb8\tx\x9eI\xfc\xf6\xc1\x08c!K\x02\xac\xe6:\xdcl\x89\xec)-\xa2\xf3,\xa2#\x83\x95\xed]tmT^\xf9c+\xb0\x10\xd9\x16\xe8\x7fr\xffD\x80\x8a^\x8e\xda\xc6\xd4\x8f\xe9[\xf5\xa4\x1d\x7f\xb0\xb2X\xd8\xb2Q\x88\xd6\xdc\x1cFR\xa1\xd6\xf6\x96\xc4\x8f\xba\xd2\x9c"\x0f\x14J\xa84\xe2e\xd9\xb2f\xdf[~\xd6\xd5\x1d\xf3\x9c\xa9l7B\x8ef!\x8f\xa3\xee\xf6\xb7\xa2\xfe\xa2\x89e\xb4\xbe\xec\xb2\xd4\xc1\x9d\xbeAJC~\xfe\x0b\x9a\x9ez+5H\xd5\x11\xd9\xba&lt;\xb9\xec\xa0v\xe4\x1cqcb\x92H\x9c\xcd\xd0\xac\xd0\xb4\x8c^\xccM\xe16O\xc7\xb5\xdfT\xb3t\xee]K\x07\x8a\xa0\xd3\x1aCU:8\xb3\x1c\xf4X\xdd\xea\xaf6\x0b\xc2G&gt;\xdeG\xc4\xd7\xf2\xf8f\xfe\xac \xa0\xd4\xc3\x8a\x9b\xfc\x03\xeeLg^\xcd\\\xa6,\xe5H\x04*\x9b\xa5\xc171\x93\x00\xefj\xc5\x14\xb8\xaf\x87\xd2\x1c\x12\x0b\xa7m\xb9\x03:\xc7@g\x08B\xf2\x98\xe9\xb5\xe2a#\x9d!\xd9\x03l\xdc\'5\x89\x1c\x12]\xbcYFbyWN\xd5}&gt;\x0c\xa3\n4\xad\x1e\x01\x10\x1d!\x187\xdf\xa3T/\xd12\x8c\xb0\xfb\xa5\xc1\xc5\xce\xc1 \xe8\xdfI1\x8f\xb0\xdc\xd2\x81\xf9\xfa\x8fc\xd1\xf6\x8cs+3RDQ\xc9\xcf\xe4\x1a\xd22\xfa\x8a\xe4}\xde\xe7\xef\xd4O\x91\xa9/\x18\xa5\xfd\x1f\xe4\x85\x1bx\x17\xdd\xd1\\sK\xc8&amp;\x07\xde&amp;\xbf"cL\xc1\xb8g\xa4\x13\xb4\xb7\x14\xe7\xf85C\xfdh82U\xd1\xa8#\x86\x98`r\xd3^n\xac\x95\x84P\xf7\'\xc8\xc8\x9f\x13\x1f\xa6\xee\'\xf9$\xbcs\t\x8a\x8e\xa9\xbclCUo\xceEL\xf2\x92\xec\x1d?S\xd1\x8d\xf4W^2\xef\x94\xfdJA,A\xd5\x81zB\x0f \x84\x8c\xcd\x87l\xb1\x88p.d\xa0\xd2\x17t\x1a\x05\x93\x02\x16\x913\x89\xd1!\x03\x1e\xff\\\x98o\x15\xf0\xc0\x02L\x1b\x82\x7f\xeb\xacf[\xc6\xb3k\xd2\xf8x\xad\xe3$\xe6\xef\x8d\x92\x91\xa3^\xf2\xc2\x97\xa5\xef\x19\x0c_;\xda\xae\xe5\\\xcf\xd2\xb8\x0b \xbc\xbc\xf833\x01\xf7\xd6\xac\x8c\xc5\xd6\xf3H\xa17\xdf\x11\x9e\x19\x0b*RMT\xcf\x19=|SoA\x9e\xfe\x13\x06\xd2=QV\x93\xc2|\xca\xdc\x89\xbc\xeb\x9d\xb9\xe7\x91\x12\xfc\xa4\xefj\x88\x13\xbf\xf2&lt;\xb6\xf2\xeb\nV\x7f\x1bwD\x8b^\xe9\xec7\xc5\xa0\xcc\xcd-E\x9e5y\xef\xd9\xa9\xd5\x1b.\xee3\x8e\xcayk\x8b\x80\xe6\x9e\xaa\xcd\x80H\xe8\xa5=\x90Xx\xd95\xf3\xc9\t\xb8\x8b.\xc6E\xda\xb1\xd0\xab\x04\xcf\xef5\x94#U!%\tn\xdb\'\xca\t&amp;\xca\xafXA\xe9n\xbc\xb7\xed%\x02\x9f\xc1\x9d\xe0\xbf\x8b\x0e\x80\\\x0b*\x1f4\xfe\x04\xe1JO"\x82^\x88\xf4\x04\xbb\xfd\xb6^\xa1J\xa4p?\xcaT\x84\x84\t\x80V\x19\xa4\xb1\xce\xb0\xe8\xb6\xf0\xbd\xac\xb5SGqv@\xf5\xf6\xecE~\xb6\n\xed"\x97\x8a\x1c\x04\xdd\xc3\xa4!\xf3\r\xa5X`\xc5\xc9\xef\x1f\x12\xf1\xe6\xcf\x03\xbe_]\xf9C\x80_&gt;O\x88\x8f\x99\xe5\x1e\xfcc\x03\xcf\xfel\x08\xabd^\x83\x99~\xef\xeb\x08/&amp;\xdd\xb6\xd3:\'}g\xa8Z\xb5\x82\x9d0\x15\x15 \x80%n`\xa6\x83V\x95\x84\xfd\xd4@\xf2U\xcbuU\t`\xc3[\xd9U\xa6\xe4/%7\xf6/:\xcd(\xe4\x17\x83\xa8}8F(3b*;F\xfa\xba\xb3\xcaj\xc2\xf0\xa0\xb4\xdbLU\x90\n\xccG^Q\xfb\xe3\xb5]\xa7\x1a\xd0\xa9\xea#\xa5\x9c\xb0\\%\xde\x80\xad\xec9n#C\x0c\xe4B&lt;\x07\x9a\xdb\x19\x95\xfd#\xc0\xdf{\xa4\xb2"\xf3\x16\x80\x0bt\xdam\xb0\x91fY\xf3z\x1d\xa4 \xe8\x0f\xf3%\x18\xecR\xe7a\x8e\x1b\xe3\x1b\xd4\xa6\x1b4\xa0%\xe2\x8fk\xd8\xd2\x13\xcf4\xb6\xb7\x8a\xa3\xf1\xd8\x9eV\xfe&amp;\x0e\xf2\x97m\\\xff\xb1\x0bl\xb7\x0c\x12\x1e\x93\xb4\xef\xe15\xcc\xdf\xbd\xbdw`6\x0b\xc6Cds)5x\xa2\x12\x17"eI\x02\r\x1e\xc3S\xd2\xd2\x1a\x11\xe6{\x80\xa1\xb9h\x8e_\xf53\xab{\xa3h\x01F4\xb0\xcd_\xc0&amp;r\xf6\x0f\x8c\xe2_~/\xc6H\x1e\xd0\xea\xb5\x15Z\t\xd7D\x9e\x05u\xf5`\xeeKz\x85\xc4\xc1\x8c\x05%\xbb\xf9\xc8\xe9K\x02N\x88\x0c\xaf\xd8\x82\x84\x1c\x90LFm\t\xa3\xc9w\xbb~-O\x0f\xfdi2\xd6\xee\xff\xe8\xce\x14\x1f\xdf\xa6\x8f\x89\x02t8\x94?\xcfJ\x14\x19i\xe1\xfb:Y\x00G\xf5\x08\xc7\x1f/\xd9\xc5\xfb\x86\x90\xb4P\xb2\x88\x9dhnm\x91=UdE\xb1\xfc\xac\x8fdXsyfZ+%\xf7\x8e\x00\x85n\xf1e\xb5&amp;pI\xe8"J\xe7\xce\x992\xda\x98\x17\xfe\xea\x10\x85r\xa9\x8f\xb0n{2\xf1\xea\x01\x88\xf2\x19^\xf4/\xd5\xa9\x90!c\xdb\x1d\n\xce\xccon\x10F\xc4\x99\x98\xd3\xa4\x95\x04\x8a\x1fm\xb2\x12j8:\xda\x8d\xe5\xd4\xa6\xaa\x9098\xc6\xc5\xc1\xfa\xeaA\xa9_\xba\xcf\xb3\x91\x90;N\xc6\xf7\xc6JW\x8c\x15$\x13M\xca\x83\xdd5\x89u\xeb\x06\x8c\xa8\xa4J\x03\xdc\xc7\x80\x96{\xcd\xd3\xef\'C\xa7\xd7Z\xd8\x10\x83\x11\x10d\rz\xeb\xb5;\x12X\xf7}\xa7$\xb7\x03\xc2,\xdc\xe6\xf7\xc09\x11\xbb\x11u\t\xe8\x86s\'DR\xd1P\xed\x8dj,\xebE\xe7\x83\xba\xde\x1a\'1\t\xb6\xea\xc8\xc7\xbe\xe76\xd2\xca8\x0ff\x1cQ\xce\xeb\xca\x92\xe8`}7\xdaW\xd7\x0e\x07\x11\xa5d.l\x85\x82\xfb\xc0\xac\x86\x8a\xc45\x89\xc0\xd6\xd0\xbc;\xee~\xb8\xb1\xef\x082h\xb8a\x8a\xa1q)\x08\x84\x07F\x8c?\xba\r\x1f\xf2\x82\xd9i\xb6P$\xbfy\xe4\xd0u\x0c&gt;F\x95\xeb\x8e#~\xf9\xc6k\xfe\xa7\xc4\xaen\xca\xd8\xa9\xab\xb6\x97\xb8\x98\x8b\xc6\xdd1\x80\xa2(\xecmWF\xb9=\x1eu\xbf"U=%\xa3\xef\xe2\xceap!\x81z\x88\x19\x8f\xe8c\xf5\xbf\x93\x91\nW\xbc\xd9\xfa\x96\xbb\x95\xbc\x87]wR2\x19T\x17\xc2\xd4\t\x9d\x1d/m 7\xfa\xb7\xbd\xdb_e\xd1\x86\xb3\xf4\x80\xc31\x85\xa0C\xd1\xc7\x07\x1fV\x8f\xc8A\x16\xf7D\x0f4\x96\x8aS\x9b7\x0f\x85\xe9}i/\xe3:=\x9e\x8a0\x8cFQBa\xac\xe5/\xb8Z\x9d\x9a\xd4\x8f[k\xe4}\xc9\xc91\xdem\xe0\xa3o\xbf\xac\xa0\x12\x08\xb8S\xc65-\x81y\xf8\xff\x0c\xf4\xaa\xe4ps\x1f\r\xe7G\x1bK\xd3\xbb\'i\x89\xca\t\x99\xbd(\x91\xf9\x05\xceo\tB\xedO\x83\x8e\xd8\xfa\xf0\x90v\xa5\xce\xa7fpdW\xc8\xd8\xa0#T\x19\xd6\x92\xbfe\xe7\nW6i\x1d&lt;1\x84h\t0(\xb9#En0\x82\xc4 \xa0 0\x85M\n\xe0\xdf,\x08\xa0\xe9\x84\xb3\xb1l\x1bF+\x85\xea\x1f\x93d\x82"&lt;r\xfa\x0e\xeaCY\xfe\xd6(\x0b+)\xda\xd9\xb3\xcdV\xb4l\xdf"I\x0c/\xe4~\x1cb\x99C@{\xb4\x0cE\xce\xeet\xba\x96\xa5&amp;\xa1\xbc\x1ag\xa6R \x0c\xe6&amp;\x03@\xf8\x12\xc8\xa2\xf1[w\xb5R\xc3X\x88\xc2\xb7\x1a1\x87\x98\x1f!\xc9\xa9\x95\xa6\xc1yoJ\x17\x1d\xd2E\xb7~813\xcd\x10\x7f\xd0\xa9=\x9f\x98\xab\xb4\xa5r\x8b\x16\xf1-\xdf\x98R\xc8\x8b\xfe\x8a\x937\xb7\x8b\xdd\xd8\x12\x10\xd3\x9e\xe7\xed\xd5$U\xec:{\xeae\xaa\x15\xa6\x8d\xae\xa2\x98\xfe\x82\xdbwLo,X\xe3\x9e/\x13\x14\xa5'</t>
  </si>
  <si>
    <t>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</t>
  </si>
  <si>
    <t>b'\xd7\x7f\xa9!2\n\xd2\x80B\xb0X\xe2\xb4\xd2\xe5\xd8'</t>
  </si>
  <si>
    <t>know how a father
 does till I showed him.'
 This was grumbling. 'We complain of John,' cried the twins.
 Tootles held up his hand. He was so much the humblest of them, indeed he
 was the only humble one, that Wendy was specially gentle with him.
 'I don't suppose,' Tootles said diffidently, 'that I could be father.'
 'No, Tootles.'
 Once Tootles began, which was not very often, he had a silly way of going on.
 'As I can't be father,' he said heavily, 'I don't suppose, Michael, you would let
 me be baby?'
 'No, I won't,' Michael rapped out. He was already in his basket.
 'As I can't be baby,' Tootles said, getting heavier and heavier, 'do you think I
 could be a twin?'
 'No, indeed,' replied the twins; 'it's awfully difficult to be a twin.'
 'As I can't be anything important,' said Tootles, 'would any of you like to see
 me do a trick?'
 'No,' they all replied.
 Then at last he stopped. 'I hadn't really any hope,' he said.
 The hateful telling broke out again.
 'Slightly is coughing on the table.'
 'The twins began with mammee-apples.'
 'Curly is taking both tappa rolls and yams.'
 'Nibs is speaking with his mouth full.'
 'I complain of the twins.'
 'I complain of Curly.'
 'I complain of Nibs.'
 'Oh dear, oh dear,' cried Wendy, 'I'm sure I sometimes think that children are
 more trouble than they are worth.'
 She told them to clear away, and sat down to her work-basket: a heavy load of
 stockings and every knee with a hole in it as usual.
 'Wendy,' remonstrated Michael, 'I'm too big for a cradle.'
 'I must have somebody in a cradle,' she said almost tartly, 'and you are the
 littlest. A cradle is such a nice homely thing to have about a house.'
 While she sewed they played around her; such a group of happy faces and
 dancing limbs lit up by that romantic fire. It had become a very familiar scene
 this in the home under the ground, but we are looking on it for the last time.
 There was a step above, and Wendy, you may be sure, was the first to
 recognise it.
 'Children, I hear your father's step. He likes you to meet him at the door.'
 Above, the redskins crouched before Peter.
 'Watch well, braves. I have spoken.'
 And then, as so often before, the gay children dragged him from his tree. As so
 often before, but never again.
 He had brought nuts for the boys as well as the correct time for Wendy.
 'Peter, you just spoil them, you know,' Wendy simpered.
 'Ah, old lady,' said Peter, hanging up his gun.
 'It was me told him mothers are called old lady,' Michael whispered to Curly.
 'I complain of Michael,' said Curly instantly.
 The first twin came to Peter. 'Father, we want to dance.'
 'Dance away, my little man,' said Peter, who was in high good humour.
 'But we want you to dance.'
 Peter was really the best dancer among them, but he pretended to be
 scandalised.
 'Me! My old bones would rattle.'
 'And mummy too.'
 'What,' cried Wendy, 'the mother of such an armful, dance!'
 'But on a Saturday night,' Slightly insinuated.
 It wa</t>
  </si>
  <si>
    <t>b'\x80\xa0[\x8a#\x88qg'</t>
  </si>
  <si>
    <t>80a05b8a23887167</t>
  </si>
  <si>
    <t>eater scope to debate finer
points of law and the judge and his advisors correspondingly greater scope in crafting
their decision. Extant evidence suggests that this became far the most common
procedure in the provinces under the principate: after all, provincials who knew
Roman legal formulae were free to cite them in cognitiones â€“ as Babatha cited the
praetorian actio tutelae, a formula for suits regarding guardianship, only 19 years after
the annexation of Arabia (P.Yadin 28â€“30) â€“ and judges were likewise free, in such a
hearing, to interpret praetorian formulae as expressions of substantive law (Stolte
2001: 176; see also Ando 2000: 378). Such was the fluid state of the law and legal
theory in the provinces of the empire (Millar 1981: 71; for formal arguments see
Peachin 2001 and Sirks 2001).
Policing
Ulpian followed his exhortation to governors to maintain the peace with some
instructions:
This he will easily obtain if he zealously sees to it that his province lacks wicked men, by
himself seeking them out. For a governor ought to seek out blasphemers, bandits,
swindlers and thieves and punish them in proportion to their crimes, and bring compulsion to bear upon those who aid and abet such men, as without aid a bandit cannot
remain hidden for long. (â€™â€™On the Duties of the Proconsulâ€™â€™ bk. 8 Â¼ D. 1.18.13.pr.)
The ability of Roman governors to act on such admonitions was probably even more
limited than their desire to do so. Such criminals as dwelt outside the urban fabric
could easily escape the rudimentary institutional mechanisms of Roman rule (B. D.
Shaw 1984a and 2000). When preparing for his ultimately abortive governorship of
the heavily urbanized province of Asia in 153/4 CE, the orator Fronto asked a friend,
one Julius Senex, to join his staff â€˜â€˜not simply for his loyalty and diligence, but also for
his military zeal in the hunting and suppressing of banditsâ€™â€™ (Ant. 8.1). We may doubt
whether Senex would have achieved much. High-ranking Romans were known to
disappear during journeys even within the Italian peninsula (Pliny Ep. 6.25); in the
early third century, the famed bandit Bulla Felix and his band of hundreds apparently
eluded capture within Italy for two years, during a period when the emperor Septimius Severus not only lived there but had recently sent heralds â€˜â€˜throughout Rome
and Italyâ€™â€™ to invite the populace to attend his Secular Games (Herod. 3.8.10). If
Bulla really was caught, asleep in a cave, on information extracted from his lover, his
case will highlight all the more the limitations of Roman policing (Dio 76.10).
Governors could, of course, summon the army to their aid. In some areas, locally
garrisoned soldiers clearly performed a policing function, but as a tool the army was as
powerful as it was imprecise. Without a doubt, the vast majority of policing was
performed by local authorities (Sperber 1970). Of course, Roman authorities gradually insinuated their own ideals and practices into the codes of conduct that governed such local â€˜â€˜keepers of the peace,â€™â€™ and in Egypt may have done a great deal to
organize them (Bagnall 1977). So, for example, Antoninus Pius as governor of the
province of Asia ordered local policemen to interrogate criminals only in t</t>
  </si>
  <si>
    <t>b'\x02\x15 &amp;J\x8b!?\x03\xd6\x1b-J\xd0\x0f=\xa4*\xc3\x08nC\xa8?c\x88J?\xec&gt;MI\xf4\x80\xf8\xc8\x7f9\xe5\xee\x1d\xb5#\xd9\xb9\xc5\xb5\xea\xa5\x81t\xee\xbe\x97\xfe\x16\xfb\x10\xb15\x92\xd4u\xb2\x89\xa5\x07\x01AT\x99\x9c\xa5"\x80\xca\xd7\x10\xb3\xb5\xcbv\xc68\x92\t\xde\x8f\xfa^F\r\xb3j\x9a\t6\xe5g\t\xab\xf8\x00\xc8\xca\xdc\x8d\xfc\xdb\x8a`~\x14\x08R\xa1\x7fEnD\x9f\x12\x84\xebG:[\x07\xb4y"C\xc4\x13\xe5\x11\x02I\x1b\x95\xa9lx`\xb3\xbe\x8f[\xbe8\xc1\xb8L\xbc\xd9\x1c\x9b\x9d\x83\xf7\xc1\xbdGSs\xbb\x12\xe5\xa8\xcd\xc1u\x88\x02{y\xc2\x989!\x0b\xa4\xe6"-7\x03\x99R\xb7\xb2\x98\x1f\xb70\xa3\x87\xe1\xda!\xe5\x91\xcb`_\x9f\xcb\x06\x18\x96\x92\x98\xd7P\xc3z\xc3\xcf\xfd\x99g\xd2\x7f\xd4C\x9d\x7f\x97\x071\x9a\xd5\xdat\xf9u\xd1\xec\xa1:I\xaaJ\xc3\xd3\xee\x125L\xcb\xd7\xff?\x96n\xcd\x90\xa9n\x00\xe2_j\x0b{\xa2h\x9e\xec+\xb2 \x1d\xb2\xd0\xcb\xa7\x8b}\x02a\xb9\x8a\xeb\xc9\x88[\xd1\xdd?\xbe\xbaj\xf9hJ\x83_7\x8cf\x94\xc2\xd2\x80n]&gt;\xd6\t9&gt;t\xd2\xbd\x94y!\x04\xed\x0b\x95\xb7;bp\x85\x9c\xba\xfc&amp;n\xa6\x8co\x9dV\x8aM\x12%\xb6\xb7~\xc1\xc9\x06\xd3E\xeeP\xdcD\xcb\xd32\xf8\x9e\x16(\x0f\x9f\xec\xac\xa8&gt;\xa6\x19*\x0c6mR$\xd3\xacI\xfc\x9a\xeb\n &gt;\x0c\x15\x86\xfd\x1e\x04\xb9\xcb?\xbdk\xb9=\x88\xb8\x91\xf5\xdd\x98%\xee\x99\xf4\x01\xc4\xaf\xbb\xc2Yp?\xcb\xde\x1e\xf4}\xe1\x93.qX \x0c\x0e\xf7X\xbc7\xe8cN;\xa3\xac*:\x83[\x14\xd4\x08\x18\x04\x85\x90N\x07n\x80P\xd2\xec\xaaamf\x8a1H&gt;Xq@\x0f\xbc6\xfb\x8d`\x82\xef\xc1\xe6(\x92\x84]\x13\x00\x14"\x1a6\x8a\xab\xb92\x01\x0eP\x99Zb\x9f\xc0\xdc\x81s\xc5\xed\x1e4\xa2\\YK\xbe&amp;a\x15 \x1d\xf3R\x02\xde\xb5\xd9\x9d&amp;\x05\x97S\x8eu!\xa5\x89\xfcJ.\x1b\xf32\x19\x82\xcd\xbc\xa4P\xd7\xa7v7B\xdb\xe2\xf3\x99\xe7 \xbb\xa7\xa8H\x15&lt;)\xe6\xd2\xb8\x054\x1a\xc0\x8b\x98\xb2\rc\xd5#\x00m\xe6)e\xf0@t\x01=C\xd8\xa6)\xe4\xf7\xa1:10\x8d\xa4-\x90\xbbk\xbf\x18\\\xfe\xb6L)Q\xe5\x03-X\x1c\xe9\x0e&gt;\xc5\x0633*cQ\xf9d\xf8\xbd\n\'j\x9c\x97\x11\xdbj\xc57XM\xf0\xae0\xf14\xac\xdaFz\xd7P\x18\x071j\x97c\xc80\xbb\xa0\xb1\xabFd\'a\xdaM\x84\x19\xd9q\xaa^\x9c\x0b\xfe\x84(v\xee8\xd0\xb1\x8b\xb0\xe2(\x12\xa3{\xdb\xc5+W}\xfc\xb4\xa7\xff\xbe`\xce0\xd1\x83;\xd4K\xbc\xcd\xa9\xf94\x06\xe5.\xec\xe4\xbfL&lt;\xb2Z\x95\xd9\x88\xdf#\x98zx\r\x9b,\xf5w V\xe6\xb7\x19{f\xf7\xc2\xd4\x93\xd7\xf7\x19\xf1N]\xe7\x8df`\xa6\x11C!\x903?\xc5\xebE\x99\x14\\\xc9p\x01\xb4iN\x9d\xc0\x02\xb3\xd3\xa7i\xcc%\x1el\xd3\xe0J\x1ak&lt;\x1f\xc3\x9b\xd9."\xb3\x05m\x86\x15\xf2\x1c\xbcu\x96\xe4\xae\xdf\x97j"Z\xd1\xdd\x96\x0f\x8c\xa6\x97\xceDC\xbc\x10\xbb\x8b\xa8\xd1T\x10\nR\xb6\xf8\xf7\x85H]Vy\x89\x9e\xaa\x83\xc3{\xcaL4|\xc6\x9e3Uk\xcfG\xcd\xd4\xeb\xcf\xe4\xfd\x13\xfe\xdc\xaf_Y\x16\xb6\xe0\xf8\xa7\xea\xe1S\x99\xc2\xadNA\xac\xfa\xd6\\[\x1bu\x7fR+~!&lt;6\xde\xfa\xee\xc2\n;\xc8\xa5\xffl4\x97;\xbe\x1d\x9d\xe6\xceO\xce_\xb3\x80ZI\xb7ld\xb2\x95F\xa5\x85z}k7\x98\x9c\x88s\xd8j\x05u\x95\xff,B\x9d\xefd\xf1\xc2Z\xaf\xed\xcc\x9a\x15\x8a\x12\xb2\xa9g\xe7Af\xb9S\xfe\xd0!^x\x01&amp;\xbb\x93\x95\x91H"\xca\xaaNu\x9a#o\x976\x04\xf2\xcfDs\xf8\xccK\x16\xf01#^"\xc6B \x10\xea\xc1\xa8(Z\x8d\x89\x12r\xb3/\xa61\xd5m\xe8\xff\xde\x1f\xe2\x17\x8dzi\x0bs\xd6\xea$\xcc\xcc\\WU8\xee\x9a\x85\x14I\x97\xbd\xf0X\x83\x1dBx\xf4\xaa\x0f\x99\xe5\xc8\xb7Y\x9a\xa2\xe4\xf0O\x01\xeb\xec\x14\xc6\x17\xfe\xab\x9ayg#\xbc7\xfdh\x84\xe1\xf9\x14\x05\xb1\xcf"\x86\xb2\xb6\xaa.~\xb0\n\xb5\x99,?B\xe4\xfc\x94\tv:n\x1d1u\xa6\xa7\xacy\xcf*\xa8m\x1fI\xee\x17\xf8\xc4\xe6\xa0\xdd\xa0\x05\xacV\xf90\x9e\x83\x80\xc0o\xcf\xa8\xeb+\xd7\x91&amp;\xa9\t\x99\xfeuf\x02V\x98\xafm\xce\xc3\xb7I"\x9a\xa1 \x82\x02\xd1t\xb4\xc9\xdd\x94\x97Icui\xdf%&lt;\x86V:\xbc\xf6\xf5\x9f&gt;\xa2\x17*\r\x94W\x12Y~]\xaf\x87v~\tDSh]\x88|\xd3\xf4\x082\xce\xd6\x03\x894\xbf\xab\xf6\xa0\x8b6\xd0w\xfetOr\xfc\x95\xf3[~7gp\xc4V7h\xc2\x1f\xd7\xf8\xcd\x15\x95\xfc\\&amp;\xa3l=\xf4\x90\x98|6\xbaW \x97\xde\xd0n\xd5\x8d\xe0i\x16[%IY\xf4\xc3Pa3\xda\xdd\x1a\xcc\x04\x10\x0eh\xf2.\xf4\n\xb0\xd8\x7f\xdf\xbc\xe4Cu\xda\xd8!\xd3\xb9\xf4\xbc\xc2\xd3\xf1\x1e\x12Z\xd5w\x07\xa0\xfa\r\x1b\xc2\xfc\x99_\x03\x00K[\x8b`\xdb/ 4{\x18\xac\x02f\xe0\xdf\x07\xd17@l\xdc\xb4\xa1$\xfb\xa1\x16\x04X\'v\x88Z\xf9\x17\x9c\xd0\xfbS\x04\xe2\x83}\x84\x80\x9b\x03\xab5G&lt;\x19\xa1\xd0\xb3\xb3\xfe4\xcbu\'XJD\r\xde_\xc3\x84%dv.\x99\'\xc2\x9eT\xef\xbd3\xe4H\xdcAY\x8d\x8c\xe3\x01V\xee\xca\x96\x87g\xa6D\xe4\xf7\xca_\x9d\xe2T\x02\xfd\xb9\xa4c]Q\xc9\xc0\xcb9T\x056\xec\x14\xed\xed\xa6\x13\xc4\xbe\xd7%a\xcd\x97\xff\x9e\xf7\x11~\x9eyK\xce9E\x1dOo\xf1+\xe4\xd4|A|\xac\xf7a\xf2\xe9\xa3\xc7@\xe5\xbd\x19J\xa4\n\xa9b\xa6e\xf6/\xba\xc0\xf5\xd2\xb0\xcd\xd3O\xc28\r\xde\xbaWo\xd2@i\xd8\xa8\xab,K\xb5"\xfc^\xd2\xa3\'q\x87\xd3\x1d\xa7\xf43\x9f\xb5\xc4c\xe7N\xa3p+\x07S9!\xbdxb\x939i\xecr+`\x08&gt;\tCL\xdc\xb3EO[ o\x9e\xe6r&gt;\x9a\xc7\'{\x9f\x9b\xfd\x021,2Z\xb4\xd1\xc8\xd1B\x8db\xb6\xfe\xa8r&amp;P\xc3t\x88\xd4\xb4\xf8\x91\xc2)\xc5\x1c\r\x8d?\x01\xdf\x00\x15\xa4\x8e\xf3\xdf\x13fdX\xdc\x11%\xae\xab\x89\xbc\xb0\xe9\x90\r\xde\x8d\xf7X\xf0\xfb\xc7\xf9O\xdf\x14o\xf2bF\xe9\xae\xb8jB$\xc8\\q\xfb\xc7Z\xf6\x8aC\xc1K\x93\xdc\xf6\xaf\xadi\xe9=\x83\n\x18\xa4g\xd7}\xd7)Y\xbfrW\xcd\x01\xaeq\xe8+\xcb\xf7\xf8t\xeb \x9d\xb3\xf4\nhvT\xb0\xca=\xc1\x98\x03?\x15\x9f*0g\xf6\xe5a\xb5\n\x9b\xe8\x91\x88\xd5\xbb\xa0M\xd8\xdc\xde]TT]\x15.l\x93\xf3~`\xdaY0\x97\x84\n\xab\x89\xbc\'\x93\x82\xc02\xa8\x86u\xa3\xf2,\xe5\xea\x9e\xd8\x95-\xc3\x89i\x93Glp\xb8?G\xf9\xb3\xcf\x18po{\xe9\xd5{&gt;\xaeP$B\xd6\x1b\xa8\xe5\xca!\xa6\xeaS\xc4\x81\xa2\xb7\x1f\x88L*\xf1ltI\t\x98\xb0&gt;Z\xc7{\xb7i\x19\xdf\xfc\x9fi=N-;\x84\xb9@\xfa\xe6y\xa2\x06\x8a\xf5\x15&gt;1=\xfb{\x8f\xdb\xd0\x9e\x8a\xd0\x05\xaa\x08wCc\xb7\x0c\x1e\x82g\xf4\x89\xeaB3\xe2\xf2&lt;\x91\xd8l&gt;\xa0\xb7\xf6\xf3M\xe8q\xc3\x8a\x174SG\r\x05\xa0Y!+\x90\x04\x00\xc8\x0eC]\xd3E\xc0g\x04\xe1\xfd\xf2*\x07\x91N\xc73\xbe\xc6?a\x80\xdd#\xe0),V\xf0M\xd2\xe0^+\xf6\xd5\x89\x9a\xd7w\xc3\x9e\xce\xccnyojs|IT\xc8Y\xefC\xccdh3\xcc(\x95\xd9D\xed^\xf6TV2\x15\xbeiG\x10\x8dzk\xcd\x13\'\xe7\xbb\xb2Z\x9c\xb7\x02\x1bSLn\xa7_\xa1\xa9\x1d\x84y\xbd\xfb\xbb\xdc\x90\xa2\t\xac\x16w&amp;\x9b8\x8b\x0bK\xb8\xaf\xd2\x83K\xea\x88\xdf\x9a\x8e\x1b\x07\xea\xe0\r\xb8"(\x01\x083\xe6t\xd9C\xa1\xb6U\xb27R\xdb]U\x03\xdb\x93F-\x86\xe9\x8e\xb1\xf1l"-(\t:\xcf\x96\x1a\xd1\xe2$\xfc\x9f\x87\xe8\x19\x04Q\x0fi\xfcch=U\x9c\xc0zt\xb1\x92\xa9\xb1\xfe\x008\x17\x04\xc6\x9a\x19\x90_\x7f8\x7f\x9e\x8e\xe2\xf4\x93\xd9\xf7\x14\x8ax0\xec\xba\x04\x9a.\xa7\x10\xef\n\x1e\xd9\x95i\x88kU\xe9-;\x80\x8b\x1f^\xaa\xf7\xce4\xed&gt;\xe3\x95\xe9-\x93\x1a\x8d\x98\x92\x05Wc\xb0Ckr\x95w\x01\x95U4\x02.\x1e\x06\x02\x8a\xf6G\xcf\xbf\x81\xffR\xdb\xc2L\xces\x9e\xdf\xa3\x10\x94\xc9\xd0t\x19\xe8\x85k\xcc)}\xb7\x80k^/|s\xe1\x93\xb6a\xf5\xfc"\xd1\x1f\n{\xc8%\x97\xad4\xc82{1ZU\xdfq"3\xa9\xf7\x04\x0bb\xf75\r\x85\xf0l\xa69\x94z\xe4\xef$\x8c\x13\x98\xf8\x06-\x02\xbe&lt;\xcd\xdc\xbeC\xd5\x93N,-VJ&amp;6\xe0\xf2E\xc7 4O\xb6=\xbd\xdc\xa0\xbe\x0bU\xd8tV\xa5\xe9J\x9a\xf8{&gt;\xe3\xedy\x80\xb4u*\x18\x1c\xf61\xb1\xafF\x83\x9e-\xf9\xe6\xd7\xca\xf8\x85\xaa\x11\xd0Cz&lt;\xce&lt;l\xe8/\xd0\xabk2}U\xe8uR&lt;h\xccn3\xba\xd2?\x82m\x04\x1b\xfd\x82\xff\xcf\xacl\xc8\xe7\xb6\xff\xf5Ja\x99;\x85\xb4\xa3w\x80fg\xeb\xb9\x85\t\x03\x00\xd6#\xab;\x90\x9d\x9a\xf1\xcf\xc5F\\\x1dF\x1b\x90x?\x9eVm\xa8\xb9\xb2\xe9h\xc0t\xb7\x91z\xf6Z\xe0G\xd8\xb2\xf6\xd9\x1ds\xc7\x1e2\xb9\xf4\xeb\x88Kp\x15\xee\xec\xdfh_g\xcb\nwz\x97\xe2\x0em{\x1c\xbcu&lt;\xa7\t6|a\x9dX\x11\x8dn\xf4#\x83\xb8=C\xee\x1a\x97\xcc\x98IO\xdb\x9b\xe8\x90\x85\x1c\xc9\xe5XoCz\x05\r}\x08\xb2E\xb7\xf37\xbe\xed\ry\t\xab\xce\x9c$\x8d\xf9\xd2\x8e\xc0\\\xec\xa8\xa0W\xe3\x03\xf1\x14 \xd32p\xdf%&gt;M\xaa\x87]\xc6\xc1\xc7\xd8\xccW)\xa6\xac\x1chm\xcc\xb1\x0cl\xb3"p\x94\x13\xdb\r\xb7\x83XNd(r&amp;&gt;\x1eK\x808p\xbe\xf0\xafp\xe6\x05*\x89|\x18\xddL\xd1\\\xdc`e%#\xf51\x8f\x11\xa5\xcfW\xf1I\x04o\xcdw1\x96u\xa7\x07S&lt;d\x93t\x81\x8c\x06u\x013,8|\xde\xeb\xbcq\x01!\xd3\xe5\xd5\x16Z\'R\x9e)\x1e\xf1\x19\xeb3&gt;\xd8j\xe5\xc86\xd3Tm\xb8U\x99u\x1a\xd6\xbb\xd5\xda\xb5\xe2M\xd2D\x1cH\xa8\xa3\xe1\xd2\xb4y\xd0/\xa1\x1d.4s\x90\xfe&lt;\x14\xce\x92\xb3\xc83R\x88\x02*V+(\xa6\\$\x81\x9a]\xa3\xf3\xb5/\x89i\xe1%+\x8c\xdf\xe27\xd6\xe7\xff\xb8\x8e"\xa3\xaa\x88\xfa\xcd\xb9IO{&gt;\x98\x035\xe2\x82\xb8\x17\x89o7\xc2\x95\x14\x1a\x13\xec\x1bP\x98\x9co\xe7\xe2\xe3,\xa2lE\xe6\x12\xb4ZJ\xa2\xe3\x8a\xfa#3~\xc6\x91\x03%\xab\xd6\xfbV\x86^S\x87v$\x9a\xb6\x19}\x16\xc3\x0c\xaf\x9d&gt;\x9d\x93\xfc\xcf\xaf&amp;\xdd8\xba\xf9\xd4\xbe\xc3\xd7pKY0\x13\xe0\xedz.\xb4V\xe5\x14N\xb12\xb8KZt7,\x01\xa8\x1dd\x04)L\xcc\x83e\xcc%L\'R\xb9c?\x9a\xf9L\xae\xb6\xf7s\x88Z?\xc7S4S\xd3\\\xe5=E\xdd\xa1\xce\x8e\xed\x80\xa9Hfq\xd0e\x83\xaf\xd1WV\x8e\x8cuVr\xa9\xf3U\x8bJ\x92LB\x9e\xf92\x92\x81\xad\xf6\x0b\x02.\x9d\xa9@\xad\t\x0c\xb1u&gt;\x93\xf6\x1b\xfbb\xed\xd6\r\xa1\x93\xef\xbe\xca\xaf\x15\x17\xd4\x12\xc0\xfe/ifk\xabk6\xe0\xb3\xd8\x93H\xc07Yl\xf0\xaf\xd3\xa4~\xe4=s\x8f\x8b\x8e\xb4\x81\xc61g\xa0J\xc1\xae^\xd5\xa8]\xbc\xfa\x87P\x0c\xe9|\xcej.P\xf1 \xd9\xda)53J\x85\xa8~j\xd5\xd9[\xf4I\x86\xf6\xa4\x88?\x95\xe1#f0\xd1\x1cD\x9a\xd6\x92\xeen\xffi\xc5l\x03E\x02\xe9\xd0\xe5\xa9\x87\x19w\xee\x9e\xdeM-\xc0\xe4\xff\x1aQ\x11*\'\xfc5\x9c:.\xf5\xd2\xf6\xba\xa0\x8a\xdcnSi1\x86\xcf8Q\xab\x8e\x89Ih\xbc\xa3]\xa1\xf9\x0fN\xa7qsy\x8b&amp;\xb6\x00=\xff\xa8:\x05L\xe5&lt;\xb1h,e1`&amp;\xc0\xdc\xb7\xf9\xa7\xaf\xae\x12\xaaJ\xca0\x8d}9\xf4\xdd\xf6\xb6\x9d]\xf0\xdc(B{NU\t \x84\x02\x0f\xb4\xd2_{p\x8b\xe5\xae\x96\xd5\xfe\x90^\xafb\x9f\nY\xa5H\x05\xb6\xce2C\xd2\xf1\xf4\xf5}a;\xe4\xec\xa6\x07\xbcT\xf0\x83\x08\x19!Px\xd4#\x8c)\xc5\xa1\xa4\x06\x9f\xcb"U,\xc1\x121[\xe6\x11\xc5gW\xfb\x1f7l\xf2\x1e\xb9s\x88njl\n\xc9:1wY\xe3\xabi\x96F\xeaY\x04}\xc8)\xe6w\xbf\xf3\xab\x8d\xcf&lt;\x940\xf7L\x1d\xc7\xca\t\x9e\x8f1%\xf4\x87\x0f5\x03\x97\x14\xf78\xec\xfb\xf7\xafP\x08\xe9o\x90\xd4Zq\x86\xf2xF\xd4\x01W\xe4\x01\xee\xda9\x1c\x19\xe7\xba\x13\xb8X,\xa6\xfb!('</t>
  </si>
  <si>
    <t>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</t>
  </si>
  <si>
    <t>b'\x02\x15 &amp;J\x8b!?\x03\xd6\x1b-J\xd0\x0f='</t>
  </si>
  <si>
    <t>done right away that I
shouldnâ€™t have it done at all, and you know when I start to do a
thing, I hate to give it up. So I begged him to take it, and told
him why I was in such a hurry. It was silly, I dare say, but it
changed his mind, for I got rather excited, and told the story in
my topsy-turvy way, and his wife heard, and said so kindly,
â€˜Take it, Thomas, and oblige the young lady. Iâ€™d do as much for
our Jimmy any day if I had a spire of hair worth selling.â€™
â€˜Who was Jimmy?â€™ asked Amy, who liked to have things
explained as they went along.
â€˜Her son, she said, who was in the army. How friendly such
things make strangers feel, donâ€™t they? She talked away all the
time the man clipped, and diverted my mind nicely.â€™
â€˜Didnâ€™t you feel dreadfully when the first cut came?â€™ asked Meg,
with a shiver.
â€˜I took a last look at my hair while the man got his things, and
that was the end of it. I never snivel over trifles like that. I will
confess, though, I felt queer when I saw the dear old hair laid
out on the table, and felt only the
286
short rough ends of my head. It almost seemed as if Iâ€™d an arm
or leg off. The woman saw me look at it, and picked out a long
lock for me to keep. Iâ€™ll give it to you, Marmee, just to remember
past glories by, for a crop is so comfortable I donâ€™t think I shall
ever have a mane again.â€™
Mrs. March folded the wavy chestnut lock, and laid it away with
a short gray one in her desk. She only said, â€˜Thank you, deary,â€™
but something in her face made the girls change the subject,
and talk as cheerfully as they could about Mr. Brookeâ€™s
kindness, the prospect of a fine day tomorrow, and the happy
times they would have when Father came home to be nursed.
No one wanted to go to bed when at ten oâ€™clock Mrs. March put
by the last finished job, and said, â€˜Come girls.â€™ Beth went to the
piano and played the fatherâ€™s favorite hymn. All began bravely,
but broke down one by one till Beth was left alone, singing with
all her heart, for to her music was always a sweet consoler.
â€˜Go to bed and donâ€™t talk, for we must be up early and shall
need all the sleep we can get. Good night, my darlings,â€™ said
Mrs. March, as the hymn ended, for no one cared to try another.
They kissed her quietly, and went to bed as silently as if the
dear invalid lay in the next room. Beth and Amy soon
287
fell asleep in spite of the great trouble, but Meg lay awake,
thinking the most serious thoughts she had ever known in her
short life. Jo lay motionless, and her sister fancied that she was
asleep, till a stifled sob made her exclaim, as she touched a wet
cheek...
â€˜Jo, dear, what is it? Are you crying about father?â€™ â€˜No, not now.â€™
â€˜What then?â€™
â€˜My...My hair!â€™ burst out poor Jo, trying vainly to smother her
emotion in the pillow.
It did not seem at all comical to Meg, who kissed and caressed
the afflicted heroine in the tenderest manner.
â€˜Iâ€™m not sorry,â€™ protested Jo, with a choke. â€˜Iâ€™d do it again
tomorrow, if I could. Itâ€™s only the vain part of me that goes and
cries in this silly way. Donâ€™t tell anyone, itâ€™s all over now. I
thought you were asleep, so I just made a little private moan for
my one beauty. How came you to be awake?â€™
â€˜I canâ€™t sleep, Iâ€™m so anxious,â€™ said Meg.
â€˜Think about something pleasant, and youâ€™ll soon drop off.â€™
â€˜I tried it, but felt wider awake than ever.â€™ â€˜What di</t>
  </si>
  <si>
    <t>b'*\xfd\xff\xc5\xed\x82\xd6\xa7\x90?\'\'1\xa55\x14\xa2P\xa8n\x80\xbf\x90I\x14\x83\xfa\x1fY\x00\xb9[/n\xe9\x1f\x99C\xce\xc2\xedZlo\x10\xd0\x87\x02\x02\x97\t\x17\x15\x03m\x98\r\x0e\xd6\x93\xb8\xb6\xb5\x07\x1bi\x95\xcd\x9c\x8a\xfd\xc3\xa4\xdf\x84H\xdb\xf9\x8e\xde\xca\xa4\xc4\x18\xf2(*\xde\x96U\xbd\xd3)\x03\x10G\xbb\x03\xd8\x18\x1e};\xd0\x8c\x92@\xadG\xad\xb1~\xc8\xeb\xa6\xe5\xa5\x8f\x94r\x80\x98\xa3\x16|92p7\xfcio\x16IU|\x00\x08\xd87\x9a\xa5\x13\x02\x86\xbd\xc3\'\x91,9%\x1bz\xa7\xe1\x10\xeb\x84\x05;\xbb?\xc9M%&gt;\xae\xf2\xa3\xb3\xc4&gt;g\xb3\xd9\x93\xf1\x07\x9c\xf7c\x14"\xfe\xdb\x1c\xda\x96\\\xb4\xf6\x16\xeb.\'\x14\xe8\x05H=\x977\x8d\x05\x03\x1a\xf7&amp;\xfa)\xe7\xa7\xc1uO`C\xe5\x1d\xc3Fa\x00\x8c&gt;\xcd\x9f\x06\xc9\xec2\xdc\xad\x02=\x87U\xca\xd3\x1a5\xe3\x00\x82\xcf\x93\xd4T\x92Hzk~\xa3\xc1\x16\xa0\xb1\xbc7\xa1"zv\xf5\xd2\xe8\xdf\x94\x03#\xf0\xf6O\x0c\xb1\\\xad\x85\xbb\xaaC+xo\xca\xac\xd64\xd7M\xc7\xbe\xa3\xc8\r\x96P\x08\x1f\x04l\x8e\x1b\xec\xdf]\x83$\x8f\xe7\xa7\xe3\xf7!\xeb\x84\\\xd3\xb1\'Ww\x01\x89\x12\x1f\xe5\xd9_\x04\xd5\x18\x1c\xa9b!J\x14\x06\xe5\xc6\xd9B\x1d\xffz\x90f\x91\\\xabv\xf3\x06\xaex$\xcbs\tE\x83\xef\x10\xde\xec\xc0\xac`u\xf7\xd7Q\x0eEG\x0b=\x91\xc0\x83jF\xab\xc99lHR7\x1a\xc7\x1e\n\xf5%\xff\xf5\xfdo\xb0v\nk\x82\x16-xV\t\xac\xbeS\xeb\xb3${@\x7f\x84`\x8b\xabO{J\xb9\x91n\xdf}?;\xf0di*\xa3E[\xd0\xcd\xe6\xd2if\xdc\xea\x18\xa9\x84+0a:J&gt;+\x12\x19t\xa7\xcb\x1f\xaeI\x9d\x8fv|\xfc:\xa4\xc7\x8b\x91\xa3i\xa7\x9c\xe8\xbf\xdc^ p\x8f\xf7\xd72\x1fWH\x98\x1d\x02\x94%\x8a\x7f7\x98`\x19\x05\xab\x93a,]\xfd\x18\xf7\xafl\xfa\xd6Ch\x9c\xcay\xa0\x7f\xf88\xb5%*;+\rG\xf3\x08\'\\,\x1a\x97lS\xc3-[\x85\xb9^\xb2\xf9\xcd\xca\x91\xbc\xfd9\x80\xe8D&amp;\x8f\xb2u\xe3\xaf\n3}\xf1\x1b\xecu\xad\x8b\xc3\x80b\x99N\x8a \x84\x80p\x86\xd2\xd4\xae\xfb\xa1\xe3\xce_\xce\x1a\xf5\xa2f\x11\xea\xbc\xaf\xc9+\xd3!\x86\x17\xc3\x8a\xe6#y\xe4\x13\xbci\xa8\xbc\xa8\xa6\x9b\xfcV\xb0\x8ek\x83\x91\x1c\n\xfc\x1f\x15y\xf6\x19\xbd6f\x15\xd2\xd4\x85K|\xda:\x84V\xf5\xd9c\x1c\xdb\x9b\x86\x86^\xbb.\t`\xee\xf3\x16\x08\xcb3\xb9I\x06J\x14\x10C.\xf8\xa5\xf2\x0c\xb9\xd3b~&gt;5\x04\x16\xd9\xd5\x9at\xdc0\x02\xdfM\xca\xd0=\xcb\x15\xd3I\xd0\x8c\xa7\x88\x98\x01\x86C\xb9\xc0\x87WX\xdaj\xc7T\x18\x8e\xec\x0e,\xbb2\x97t-M\xdbM\xdc\x99#N0\xea\x18\x90\xca\x13\xd9\xc8\xb5Pz\xb6\x8c\xdc\xb7`\x00\xdd\xe4a\xdeQ\xe4)h\xff\xb6\xd2\x82\xe6\xbfK\x8e\xf7\xf2\xbb\x9d\x8a\x958\x1a\x7fj\xe5r\xf3\xad\x0f\xaec\xea2bsv\\@\xb6qX\x03\x89$\x94HR\xbc\xa7\xe0l\x1dBi&gt;\x9b\x81\x10\x90i\x8a}\x17A\x0bC\xd2\x9b\xf5C.\xfb&amp;\x91\xab\x98\x11\x1a\xe9\xe08e\x8b*v\xa2]\n\x7f\xbe\xb9\xb1\x16\'\x9a\x9b\xb7S\x9c4\x109\xcfo\xd6(\x9d\xe8\x9c\xda\xe9c\xeak\xe0?\xd9\xa4\xe8\x88\x10\xc3nTW\xf5G\xbd\xbfD\x9e\x91\xa1\\\xd9y\xbd\xc8F(\xc9\xe2\xb0\xc4\xce\x8e\x9ar%s\xcc\xcf\xaf\x8a\xd5\'F2\xf1@m\xe3\xf0\xe4\x80\xe3p\xf2\xd1ZX\xe2\xe8\xe9\x839\xadZ\x19\x12\xd5\xc7\x88L\x14\xce\xc8\xe2\x8bW\xd3\xdb\xba\xbe\x11@5B\xaei\xd0\xb7\xd5\xed\x14cQE\x1f$\xb50\xca\x0eq}\xd0\xb8\xd51^\xd8\x8e\xc9\xcf\x937\xf6\xf6\xb1}\x95\x8d[\xfb\x8e\xcf\x8c\xdb\xaa\x88\xe1\xc4&lt;\xcb5K\xbePKe\x8aJ\xd3\xe0\xdf\xef\x06T\xc8\xf8t\xfdp\xa0\xcf\x17+\xab47\x1a\x1e\xf7\x08h\x8b(\xbe\xf1\x04:w\xc7\xe3\xc2\x8c\xfd\xfb\xfbD\x10N\xf4V\x0b7I\xe7\x98l\xe6x\xf3\xdeu*\x81\xeb\no\xa1y\xb7E\xc2\xc1\x83\xec\x92\xa4?\x83\xf1!~\x9c\xa9O\xe2qTJ\xdc\xbb\xe0\x01x\x93\xc6p\x9a\xeb\xee\xd3\xeaI\xf8$hs\x98\x0e\x96\xb1\x10/Pf\x08s\x8baU\xaa\x9ate\x89\x89\x7fGI\x14\x88\xc0A\x94\xa7\xddo\xd8\xbf?J\xb3\x00\xda\x955V\x94#\xf0\xdd\xe5\xaa|t\xe3*\xb2.\x1f2#\xe6\xa9i\xc9.I\xd8\xaf\x10\xff0\xf9k\x03\xcd%\x06\x1cY\xd3\xb9|\xdc\x07,\xd8\xd4\xbf\x1c =\x93l\xe9f\xf8\xa0.\x83(\n\xc6]\tp\xe9k\xf8+\xd6\x92\xe2c\xe7\xaf\xb8\x8e\xc0_\xe8\xd6l\x82\xde\xa13H\xce\x0f+\xa6O\x95\xbcLM\xfb\xd7\x94\xedE\x1b\x1cS\x7f\x87o0\x8b\xaf\xe9G8\xa4T+w\xc6\xb7J\xe0Ml\x0b\xf1-[\xc1\xa8\x1b0p\xdb\\\x13\xd0\xe4I\xa9\xcb\xf5\xc1\xbc\x83K\xa2\x03}f\xf6d\xdc\xa5[\xe7\xb0\x99s\x16\xf0f\x0f\x1f\xa6S\x03\xd9O\xa9\xe5P|R+6\x19\xf4\x1cL\x97^_o\xec$*\x80L\x93\ty\xd6h\x82\xdeY%\xed\x98\x87\xf3\xd5\x1e\xf8^\xac%\xd7\xb4xl&gt;\xbb\xa8\xc7Pfq\x82\x91\x11\xd8\xe5\xfe\xa3\x94\xfe\x14\xa3\xc3Kg\xd9\x16\xc1yU\xabO\xe35epGs,\xea\x98kKQLSX\x05K\xdb\x8dEF\x95M\x1c5\x9a\xff\x95\x12\xfdO\xa48\xdc4D\n\xf4\x1b8S\x15\xbc\xa5\xb37\xe6\xdd\xaa\xaf\xe4\x1bmd_BU\xf1M\xf9\xa9\x1d\xd9\x82\xaf\x1b\x14\xff]$\x08\x10\xaf\x8e\x9b\xa5Af\xa52\n\x94\xbb\x9b\xf2\xbd\x13V\xb7S\xc8\xa0\xd0\xca\xf5\xedh&gt;;\xc4m\xc1-pr_\x8cN\x99\x0f\xc2\xdc\x84\xa2S\x0f*\xbdR&amp;S\xe0\x1b\xd0\xb7\x8f\x8f9\xa1:D\x99|!\x9e\xbaJ\xfa+D\xc9p\xca\xb9\xc9h\xa1\x97J\xebW\xa2@\x11\xfd8/Ax\x92\x92{\x9a\x07\x84\x87\xc5\xc5\xb7\xec\x1c\xc5\xbc\x19H\x8b\xdb\xa9!s\xd9d$\xa2^\'\x07L\xd4ZDvXn+\xb0\x8doz?\x1a\x11q5[\x14\x96\x92!\x18Wa\xc4\x82"\x02\x96nk\xf1!\x9c\xe8\xcff\x84\x8e\x0c\x81\xefXNU\x0e\xb1\x121\xf5\x9b&gt;\x87Q\xf0G\xdc2(\xb1e\xe5\xe7\x17\x90\xa1\x92\x99\xb9-\x9e\x19\x97\x06\xaa\xe1\x8f\xfc\xa08e\xc5\x05\xef^\x85\xa7l\x82\x14\xba\xafk\xac\xba\x01\xa3\xb2\x8a\x0c\x0b\x99\xbc6\x10\xe6\xfd\xeb\xfb\xda\xd5z\xc2E\xe2\x9a&lt;\xf9\xb5:\xa2\x90L\xc3"\xfczc\x7fo\x82\xbf_\xad\xa2\xb6}\x1d[Cl\xab\x95\x84\x84g/G\r\xfb\x88h\xd5\x00\xa6\xdc\x11\xeft[\xf2\xd7\x1e\x81\xbfkYO\x9e\xdcE.\x92\x16;\xb7\xacm\xedR\tX6\x83O["\xad\xfeI\x9eZg\xde\xe9\x94\xccW\xce\xc0\xcb\xad\xaa\x1e\xb9\x7f1\x0b\xf3\xf8\xc6\x8be\xb4\xa9F\x03\xf3T\xe5\xb3\x9f:\xe6C?\x17L\xbc\xff\x15\x97x\xd8\xfc0/\xecqx\x02)qcP\x7fS_|2\xf4\xff\xca{\xf5F\xd2NmN\xba\x8a\xaeC\x1a\xbe\xd5L\xca\x9f\x047\x86\xeanF^\xb0\x04\x99\xa6AB\x86\x9c\x81\xe9$s_7y\x11\x85\xf1\xc6\xe3\xfaQo\xf5\x03\xe4uo\xcc9\xe4\xe9\xf5\xaabA\xf0\xa8\rH9\x7fp+\xdf\x8c\x01\x17g#\xc2\n\x89\xf9Z\xc8^\x90y\'\x91\xe9^)-\x97\xa5*\xb5\xce3G\x9bK\xf0CUaaE\x80@R*K!\xb0s\xf6\xb1Y\x07\x91\xf5\xa0\xe9\x12\xf8\xb3\xd40^\x8c\xf2\xeea\x1b6\xcdU\xcfU8fMP\xe7W\x91\xdb\x9e\x04\xca\xfb\x08qX\x9cb\xf9q)\x0c\xbb\xbf\xfc\x0f\xe18W\xe4\x94\xbb\xf4M\x83\xc1\x1a\x1d\xe2\x0f\x83\xb1\xce{\x0b5o\xcbV\xd2?\xd0\xac\xeb\x0bb\xd8i\xba\x9a\x7f\xc0\xe9\xdf5\x7f\xa9\x80\xc9\x9f\x8b\xfd!\xb3O\x19X\xb5\x91\xa1\xcf\xdc\x19\x9c\xea\xca\xb3I\xc0\x0bB#h\xea(\x0c\xe1D\nJC%\xe4-m\xda\xd8\xac\x94(,\x96xXbJv\xbd\xaa\xc4\xb5\xb7\x92tT\x0b\x96h6\xcd\xd2\xb2\xdf\xac\xd3\xf9\x12\x85\x19#\x18\xfe|*i\xd5\x86w\xe7Y\xee\xa1M\xf7h\xbf\x1d\xcc\xcf#\x02\xa3\xd0\x1b\x8f\xad![\xd0\xefR\xeaP::\xa1\xc5\xdd\xdf\xaf\xc8\xaf\x16"\x9bH\xa4\x91i\xea\xbbS\r\xbdB\xa2\x06\x7fp\x81a\xc4\x1a?\x9b\\\x98\xe8\xff^Woe\xec \xcd\xa7!\xeb\xc7\x81\xad\xd2c\xe9\xdc\x00\xd5~\xbeq\xd5\xfb\xd5\xd3\x91\x1b\x80kc\x07Pp\xaf\x13\xc6\xb5\xc0\x04\xa7\x16\x83Gb\x83W\x00\xc9o\xd1_\xac\xcag\x00\x02\xb6 O,\xa2\x1cA\xa9\xda&lt;\xc1W\n\xe8\xef\xa7\xbd\xf2\x9bW&gt;\xdcE\xa3 3\x85\xa9\xcb\x03\xa7j\x13\xf7\xa9;$O\x9e\xefG\xcch\x16\xafc\x8b\x85\xf3\x89\xa8\xf6\x8d\x03D\xbew\x83D\x10\xf9\x82P{\x05\xd3U\x01#\'\x04i.\xfdL;\xb9\x16\xdc&lt;\xe7Q\x16\xe6F\x06\x9dS\x96\x9f\x19P\x19\t\xc7\xc1LFY$2\xcbE7\xd8,\xc6|\xd9\x1b\x07\xee(Rs?H\xed\x06\xd5\tf&lt;\\YU\xec\x14\xc3\xcdo\x19_\xdd\xb0\xb3(\xacm\xe1`\xef\xa1\xd6\x05\x86\x9d\x02\x85\x81\xae\x00k&amp;\x8d\x18bV[\xa4\x06\xca\x9fa\xcf\xec\x96\xba\x8d\x89x\xafr\x84|\xdc$\xc4\xcb\xe6C\xe2\x1f I\xdf\x04e&gt;f\xde-\xce\xb9\x9d\xc4\xd1\x90P\xd6\\k\x88\xa1\xa7\xb6\xb7:\x0ch\x01\xc9\xa1\xb5\xff\xd0\x14\xe46\xb8L\x10@HY3?\xe2cdH\x018\xdf\r\x88[$%R\x1b\x0b\xea%\xad\xbde\xe7\x9c*\x0bUtt5\xf0{\xf2\x85\xca\xe0\x90^w\xde\xd8`\xe9\x10\xfe\xb5dp@\x9f\xccAh\x16\xfce\x98\x8b\x18\x03B\x8a\xb2\xe6\xd7f\x81\x01\x1b):\x87n\x1d\x19\x95\xca\xf9\rQ}\xf7\xe5\xbc\x17,\xf9V\xbaWVh\xcd=\x94\xe1\x83\xcb,\xe4H\x1bw\xa5P8\xfc\x12\xf9\xfc\xc3\x1bNE\t\x90\xcc\x0b\xd0@\x95\xe7f\x8a8\x96$\x84\x17bo\xd6\xd8/\xb6^\xb6Bb\xb7\xa0\x15qW|\xf1/(\x14%\xdf\xffq\xb4\xb6K\xb2x&gt;\xac\xc3\xe0\x1d\xd4\x96\x8a\xfc\x0b7n\xa3\xc5fM\xe0\xe4\xdd\xa4j;[\x9e\xf1\xbe\xd6\xca"N\xf4[\x12\x9e\xbe\xe3d\xf7R\x10S\xdc\xbcU\xedi\x03H\xac\xd7Y`\xf1\xb7\xfarz\x12L\xe9d\x12\xebpJ@w\xb8\xd2\xff\xf1~\xf6\x9e\x9cq@\xfb\xfd\x9b\xa8\xe6n\xc5\xae\xa3_\x11e\x84\\e\x0b\xfc\xec\xf4\xa1y\x1f\xc5D\xb0=%\xa6!\xb0\x16L\xc0\x15\x14h\xbb\xd1\x00\xf1O\xe0Dk\x7f\xd8@\xcdShb\x1e\xdb\xc1\xf6cX\xf7\xb4\x1c\tK_\xb5\xd8\x9f\xb24K\xfb\xff))\xd0\xd3hU\xf1\xbc\xe1\x82\x9d\x13\xd4\xf4\x19^\xe4b&lt;\x86QA+\x8a\x069\xaa*!\xedl\xbf\xfd\xb9[.\x00\xeb\xb2)m\xe9\x06\x8dN\x96}\xd5\xaar\xb2j\xa0\xe0\xe8\x90\xf4\xd6?\x06\x1eQ\xc8\x07\x97\xb5\xe2\xc7\xa6X&amp;\xc2j\xff\x1be\x8f1\xb1\x05\xbd\x1c\xa72h\xc5\x91\xc1}:\xc2\x95\x8e\x8b\x01\x99\x7f\xa53\xe4/\xfc!I\x9fH@?h\xaf\x146B\x900\xd4\xe9\x92\x9f\x1d\xafX\xd6\xa3\xb1G\xceU\x07YR\x89\x94\xae\x04KjM%{\xdbcf\xaf\xa0\x82\xe7\xb5HE\xed\x0eBO\x18\xc01aIey\xd3\xaa\xb4N\xd0\xa7\x06[#\xc8\xb9\xd9\x18\xbeP\xec\xb5\xc9t&lt;7\xd2\x1c\x93\xe9\xf5\xac\xda\xb9\x9f\xcc\xe3\x12\x9a\xcb\xc8\xd4\xa4\x19\xe0S\xf7\x8e\r\xc0\xd1\x06ikD\xd6\x07\xb4\xfe5\xee;\xd3\xa0]\xef\xda\xec\xb2\xf40\x11j\xc2\x0b\x14\x15\xaa\xd9\xde\xce\xd50\x9a7n\xa4\xf4\x16\x0f\x01|\x7f\xc1\x8dZ\x0e\xa4\x8fW\xf1\x0b\x1ej\x8f\xcc\x19D\r\x92c\x07"4\xfa\xef\x8fqd(\x16\x1e\xaa\xe1Oh\xb6\xa6\xc7\xee\xf8o\x1d\x91\x80\x9a{\x88\xb3\x03"Q\xa7\xbe\xd3FP\xc2\xbf6\x16\x0f\xc0_R;\x9c\xef\xadl;\xcbL\x80\xc0\x94u\xe1\xe1\xc3\xe1\xad\xfbN]\x04*\xdbk \x1e\xfdGsG\xef(\x11T\'\xe0\xa1C\x96\x83\x7fd\xf4\xc8\x8b\xd66\xaeO\x1c\xa43\x81\xdd\xe6iY\xf5\xe2\xde\xcc\xbdi\xa9\x9e\x8e%m\xe5\xa1\xffZ@\x0f\xa4!hD\xe4\r\xb8/qau\xe2\xf5\xf4\xe0\xec\x92\xc4\x8dz\xd6\xefM)\x08\x1ffEpB\xe8\xe3&gt;\x13\xe5\x80\x8a\xd1\xfd\x92]\x0cc:\xc8\x96\x9b\xbc\x0fVj\xffD\xcb\x8e^\xde\x02\x97Wt\xd6Y\xffN\xca\xf6W\x0b^B-\\\x91\xc4\xde\x04\x12Ky\x86\xd2\xb3\xbe{\x1b\xdc\xd9\xa3P\x02(HfmW\xa8N\xc9\xfec\xa0\xa8\xa9\xc2\x06\xd2\x8b.v\x8d\r-*_\xc9\x83+&lt;7R\xc8\xfb\x1b\xce{/\x9e\n\xff\x03\x1c\xe3\x9d3\x0b[f\xf4\x08o\x10\xd0`A\xfe\x8d\x8f\xf8&lt;\x82\xfc\xb9\xfe8\x85\xcc\xd9\x83sS-k\x85\x92X\x08\xa5\xbc\xd6\x01\x07d\x15\xca@\x15\xc0\x8b_\x13X\x9a\xe2\x03\x87\x81^nLg\x1fj* \xca~\xe397\xd0;\xf2\x89\xf5\xb8\x90b\x14\xe45\xf3\xe4\x80z&lt;\t\xea\xc8\xf6\x9e\xb8\x0b\rr\x0f\x13\xe0\x89\xd3p~\xf4\xb55NYM\x89\xc4g0\xce\xc0&lt;Q\xc4\xbd\xf9\x0b"\xae_a\xb0#\x13\xd6\x98us\xe6\xbd@\xe2\xe0W\xb5x\xc4R\xa1\xe1\x9b5\x1e\xf8d_\x8eE\x88$s&lt;u\xa4i\xf0'</t>
  </si>
  <si>
    <t>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</t>
  </si>
  <si>
    <t>b"*\xfd\xff\xc5\xed\x82\xd6\xa7\x90?''1\xa55\x14"</t>
  </si>
  <si>
    <t>hael in a wigwam, Wendy in a
 house of leaves deftly sewn together. John had no friends, Michael had friends
 at night, Wendy had a pet wolf forsaken by its parents; but on the whole the
 Neverlands have a family resemblance, and if they stood still in a row you
 could say of them that they have each other's nose, and so forth. On these
 magic shores children at play are for ever beaching their coracles. We too have
 been there; we can still hear the sound of the surf, though we shall land no
 more.
 Of all delectable islands the Neverland is the snuggest and most compact; not
 large and sprawly, you know, with tedious distances between one adventure
 and another, but nicely crammed. When you play at it by day with the chairs
 and table-cloth, it is not in the least alarming, but in the two minutes before
 you go to sleep it becomes very nearly real. That is why there are night-lights.
 Occasionally in her travels through her children's minds Mrs. Darling found
 things she could not understand, and of these quite the most perplexing was
 the word Peter. She knew of no Peter, and yet he was here and there in John
 and Michael's minds, while Wendy's began to be scrawled all over with him.
 The name stood out in bolder letters than any of the other words, and as Mrs.
 Darling gazed she felt that it had an oddly cocky appearance.
 'Yes, he is rather cocky,' Wendy admitted with regret. Her mother had been
 questioning her.
 'But who is he, my pet?'
 'He is Peter Pan, you know, mother.'
 At first Mrs. Darling did not know, but after thinking back into her childhood
 she just remembered a Peter Pan who was said to live with the fairies. There
 were odd stories about him; as that when children died he went part of the way
 with them, so that they should not be frightened. She had believed in him at
 the time, but now that she was married and full of sense she quite doubted
 whether there was any such person.
 'Besides,' she said to Wendy, 'he would be grown up by this time.'
 'Oh no, he isn't grown up,' Wendy assured her confidently, 'and he is just my
 size.' She meant that he was her size in both mind and body; she didn't know
 how she knew it, she just knew it.
 Mrs. Darling consulted Mr. Darling, but he smiled pooh-pooh. 'Mark my
 words,' he said, 'it is some nonsense Nana has been putting into their heads;
 just the sort of idea a dog would have. Leave it alone, and it will blow over.'
 But it would not blow over; and soon the troublesome boy gave Mrs. Darling
 quite a shock.
 Children have the strangest adventures without being troubled by them. For
 instance, they may remember to mention, a week after the event happened,
 that when they were in the wood they met their dead father and had a game
 with him. It was in this casual way that Wendy one morning made a
 disquieting revelation. Some leaves of a tree had been found on the nursery
 floor, which certainly were not there when the children went to bed, and Mrs.
 Darling was puzzling over them when Wendy said with a tolerant smile:
 'I do believe it is that Peter again!'
 'Whatever</t>
  </si>
  <si>
    <t>b'\xe2\xdf\x17\xc5\x83R5j'</t>
  </si>
  <si>
    <t>e2df17c58352356a</t>
  </si>
  <si>
    <t>as the increase in government saving. (Investment rose slightly at the same time.)
 In this case, the behavior of private savers just about neutralized governmentsâ€™ efforts
 to raise national saving!
 It is difficult to know why this offset occurred, but there are a number of possible
 explanations. One is based on an economic theory known as the Ricardian equivalence
 of taxes and government deficits. (The theory is named after the same David Ricardo
 who discovered the theory of comparative advantageâ€”recall Chapter 3â€”although he
 himself did not believe in Ricardian equivalence.) Ricardian equivalence argues that
 when the government cuts taxes and raises its deficit, consumers anticipate that they
 will face higher taxes later to pay off the resulting government debt. In anticipation,
 they raise their own (private) saving to offset the fall</t>
  </si>
  <si>
    <t>b'0F\x02!\x00\xbe\xaa\xba\x13\x12\x82\xba\xba\xd0\xcfM\x04\x9eoQ\xc0\xfe\xe9\xbbtn#g; \xa0\xe3\x95\xe9}\xda\xac\x02!\x00\xd1\x89\xe5c\xec\xc9\x99\x1b\x85\rs\xdd:\xaf{\xdd\xb1\x95\xf0\x9e\xf2\x0f\r4"\x88\\\xed\xb7\xbd\xfdA'</t>
  </si>
  <si>
    <t>3046022100beaaba131282babad0cf4d049e6f51c0fee9bb746e23673b20a0e395e97ddaac022100d189e563ecc9991b850d73dd3aaf7bddb195f09ef20f0d3422885cedb7bdfd41</t>
  </si>
  <si>
    <t>b'0F\x02!\x00\xbe\xaa\xba\x13\x12\x82\xba\xba\xd0\xcfM'</t>
  </si>
  <si>
    <t>case, it is the emergence of devaluation expectations among currency traders that
 pushes the economy into crisis and forces the exchange rate to be changed.
 For the rest of this chapter, we continue to assume that no exchange rate changes are
 expected by the market when exchange rates are fixed. But we draw on the preceding
 analysis repeatedly in later chapters when we discuss various countriesâ€™ unhappy experi_x0002_ences with fixed exchange rates.
 Managed Floating and Sterilized Intervention
 Under managed floating, monetary policy is influenced by exchange rate changes without
 being completely subordinate to the requirements of a fixed rate. Instead, the central bank
 faces a trade-off between domestic objectives such as employment or the inflation rate and
 exchange rate stability. Suppose the central bank tries to expand the money supply to fight
 domestic unemployment, for example, but at the same time carries out foreign asset sales
 to restrain the resulting depreciation of the home currency. The foreign exchange interven_x0002_tion will tend to reduce the money supply, hindering but not necessarily nullifying the
 central bankâ€™s attempt to reduce unemployment.
 Discussions of foreign exchange intervention in policy forums and newspapers often
 appear to ignore the intimate link between intervention and the money supply that we
 explored in detail above. In reality, however, these discussions often assume that foreign
 exchange intervention is being sterilized, so that opposite domestic asset transactions
 prevent it from</t>
  </si>
  <si>
    <t>b'0E\x02!\x00\xe1\xf9\xe1E\xf7"\xd9\x83\xb6&amp;\xe3\xd7\xc4\x18\x97\xedJ3&gt;\xb3\x18n\x1e^Y\x82\xdb\xca\xe2\x89\x84\xc5\x02 X&lt;0z\x19k\x82k"l\x9b=1\xaay\xe2\xc8H\xbb\xd0\x85\x94\x1d\xacY\xbf\xcb\xaf\x03\x88?\xf6'</t>
  </si>
  <si>
    <t>3045022100e1f9e145f722d983b626e3d7c41897ed4a333eb3186e1e5e5982dbcae28984c50220583c307a196b826b226c9b3d31aa79e2c848bbd085941dac59bfcbaf03883ff6</t>
  </si>
  <si>
    <t>b'0E\x02!\x00\xe1\xf9\xe1E\xf7"\xd9\x83\xb6&amp;\xe3'</t>
  </si>
  <si>
    <t>hey stole 
 out of the stockade, but it proved a useless mission. The mutineers were 
 bolder than we fancied or they put more trust in</t>
  </si>
  <si>
    <t>b'\x90\xe8"\xb6\xe5\xb3\x84\xa3\x80\x06\xf2\xd7\x12\x8f\x94\x06\xf2\t\xb1I\xd6\xfbr1\xa2\x03\x9b\xd4\x9eE\xca\xac6\x81;\x04\x97\x9bSe\xa0\xb7\x90\xf4\x14\x9c)y\xbf\x06\x06\x04\x9b\xae$E\xde\x17P\xb8\x0e\xe0\xf4\xe5 \xf6L\xe5\x03Qab\xb1\xd5o\x9d\xce\xdb\xf3\xdd\x92\xfa\x92\xb6u\x17\x11\x1c\xfa\x89\x8c\xc8\xcf\xdf]\xce#\x16/\xeb\xcd\xc3e\x93\xa7\xd3,\xc2\xf4!\xf7J\x8ch\xf1\xe1\xfb\xc8i\x99\x0c\x8c\x1d\xb1(\r\x06\x96\x9f\xa3k? \xf2)\xd2\x12\xdf\x00uGc\xd3\x84\xe2\'(\xb7\xfb\xc0G\x04\xe5\xa1\x92\x85\x8f\x7f\xc3\xea\xf6L\xf1\x0fOd\xd2d\x9az\xd3\xa3}A\xa1\xd1\xb91\xb0!\x9d\xc6\x8d\x93\xdf\x99\x94\xe0K\xc4\xcd}t\xe9R#\xa7\xf2\xed\x0e\xddk\xd6\xd1\xcf\xf2\xf3\x9c^\x9e\xe6\x0e\\\xb4\x15)\x07c\x08+\xf0G\xbc\xfaJ7\xa1\x07c\x87\x96Zt\xe5}#\xd6\xaf\x06\xa6\xfb\x98\xa3\xb0\x14\x8ce\x9d\x8a\xf1\x12\th\xe4\'\xde'</t>
  </si>
  <si>
    <t>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</t>
  </si>
  <si>
    <t>b'\x90\xe8"\xb6\xe5\xb3\x84\xa3\x80\x06\xf2\xd7\x12\x8f\x94\x06'</t>
  </si>
  <si>
    <t>ll as fasts and days of mourning
commemorating the destruction of the Temple and the exile of the nation.
Many Jewish writers from the Second Temple period recognize the importance of
the divine law. Philo endows the laws with allegoricalâ€“philosophical meaning, Josephus explains them in language comprehensible to his Greco-Roman readership,
while other books, such as Jubilees, address a solely Jewish audience (Philo, Spec.
Leg.; Jos. AJ 4.196). The brevity and ambiguity with which the Torah formulates</t>
  </si>
  <si>
    <t>b'\x91\x11\xa0 *l\xd5\xeb\xe8`\xc8\x84~\xc2\xbc\x04\x12\xb1\n\x86\xf4\xd3\x8d\xcaY\xd0\xd5\x0e!40}m\\8#\xefx\xf8x\xb8\xe2\xdbL?\xcbi\x03F\x9b~$\xe3\x8e\xdb~\x81\xcd\x9f1\xb8\xba\xad:\xbem\xe6\xe7_\xd24\x94\x97h\xe79\'*UaFs\x108\xb0\x90M\xa9\x06\x04Y\xdb&amp;\xa1\xb9\xad\xb6\xa6\xf35\xd8\x08;\xdboU\xb1\x8e\xacS {5\xd2\x89\xde\x9a\xf73\xe8\xb2\n\xda\x8c\x19X\xb7\xfb\x1f\x9f\xdc\x9a\x86\xbb\xd6\xb2\x9fQ\xb0\x8dcK\xdbTA\x9f\xf7%\xdd\xc6\x1f\x1e\xd9\xcd\x1f\xb0\xf8\xff\x08;\xf3\x16?B\xafZR\xfd\x85\x1a\xc8\xd5\x11fu\xf9\xbe\x1a\xecY\x87\xc5\xc1dN\xdf+PkSB\x85\x10\xea\x18\x16g\xf7\xa9\x81\xd2\x1d\x0f\x9c\xac\x02\x14&lt;\x0c#\xe7\x87+\x97\x02\x8b\x15xy\xfb\xe2\xf8\x91\x9b\xbe\xd9"\xf0:.[\x97\xf8h\x8b\x1b3\x15\xcf\xed\x1f\x87\x9f\xa5\xfe\x9c\xc6R?no\xce\x81\xba\xd5q\x90M\xcf\xf5\x90d#;\x1d8\x91\t\xd6F\n\xca\x7f2j\x8aL\'d\x0c\x87(3\x03\x19\xf4KYe\xa6\x02\xfa\xf7\xe2\x06A\xfd]\xf0\x9c\t\xc8\xf9\xbb\x925\x9e\xa7\xa8\x0c\n\x9b\xc78\x9c\x9b\xa3\xb4\xb4\xad\xa9\xc5\x06\xfbD\xd3\x18\xf6\xc7\x96VT\x95\xb7\x9b\xbb~\xf4\x8a\xf5^\xef%\xc50\xce\xeb\x85E\xf3\xca\xd6\xed.\x0cT\x1ea\xa9\xac\xb6\r\x9b\xd3_\x06\xdd\xc8;w\xb4\xa9\x90xS\xe4\xbc\x98Vt\x07\xa4O\xbb \xa1 \xab\xcdX~\x7f\xed\xce\x10\xc3\x12&lt;\xe1\xb2a\xec\x03\xdd\x02\x1ae\x1a\xb1\xe5\x83\xd1\x82r@\xd9\xe5\x05\x0eO\xfe\xb4=$\xffvbOi\x9d\xe0\xc4\x84aQ\x96\xf3S\xc0\xebVX\xe5\x7f\x87\xc9\xe1\x173\x0bK\xda\xb6T\xd1\xc0\xe3\xa5\xa2,E\xdb\xdc\x00\xcbA8\x01Y\xb2V\xda\x96\xb6\xe6t\xa0\xe2$J\xf1\xc0\x1brW\x7f\xcc9b\xd1\xdf\xd9\x8e\xdaq]9\x01%A#\xc30\xf1C\xd8ljd\xad\x83}\x16m\xbf\xe9}y\x83\xfb\xb3p+6\x1f\x0e\x99\x94'</t>
  </si>
  <si>
    <t>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</t>
  </si>
  <si>
    <t>b'\x91\x11\xa0 *l\xd5\xeb\xe8`\xc8\x84~\xc2\xbc\x04'</t>
  </si>
  <si>
    <t>exchange rates. 
 (a) With a floating rate, output
 falls only to as the currencyâ€™s
 depreciation (from to ) shifts
 demand back toward domestic
 goods. (b) With the exchange rate
 fixed at , output falls all the way
 to as the central bank reduces
 the money supply (reflected in
 the shift from to ). AA2 AA1
 Y3
 E1
 E2 E1
 Y2
 DD2 DD1
 Case Study
 The First Years of Floating Rates, 1973â€“1990
 A review of the macroeconomic history of the world economy since 1973 offers key
 data for judging the successes and shortcomings of the modern international monetary
 system. We begin with a summary of the first turbulent years of floating exchange rates.
 Inflation and Disinflation, 1973â€“1982
 The opening act of the floating exchange rate era was a quadrupling in the world price 
 of petroleum between late 1973 and early 1974, engineered by the newly assertive
 the fall in export demand, the depreciation reduces the current account deficit that occurs
 under fixed rates by making domestic products more competitive in international markets.
 We have considered the case of a transitory fall in export demand, but even stronger
 conclusions can be drawn when there is a permanent fall in export demand. In this case,
 the expected exchange rate also rises and AA shifts upward as a result. A permanent
 shock causes a greater depreciation than</t>
  </si>
  <si>
    <t>b'0E\x02!\x00\xed\xf2\x15\xea\xafb\x80\xfb\xa4\xccC5\x88E+\x96\xb1\xc3\xb1\xa9_\x1f/\xca\x93\xeaf[\xc74H\xee\x02 :\xf3w\xd4F\xf2\x8a\x80\xb7\xab\xee1\xc39\xc5\x1b\x7f\xa1}7\xbc\xfbCi\x7f\xad\xf0\xce0Ls\xfb'</t>
  </si>
  <si>
    <t>3045022100edf215eaaf6280fba4cc433588452b96b1c3b1a95f1f2fca93ea665bc73448ee02203af377d446f28a80b7abee31c339c51b7fa17d37bcfb43697fadf0ce304c73fb</t>
  </si>
  <si>
    <t>b'0E\x02!\x00\xed\xf2\x15\xea\xafb\x80\xfb\xa4\xccC'</t>
  </si>
  <si>
    <t>From your laptop computer to your cell phone, todayâ€™s electronic de_x0002_vices use oscillators for numerous purposes, and pose interesting challenges. For example,
 the clock driving a 3 GHz microprocessor is generated by an on-chip oscillator running at
 3 GHz. Also, a WiFi transceiver employs a 2.4 GHz or 5 GHz on-chip oscillator to generate
 a â€œcarrier.â€ Shown below is the outline of the chapter. The reader is encouraged to review
 Chapter 12 before delving into oscillators.
 âž¤âž¤âž¤
 General
 Considerations
 â€¢ Barkhausenâ€™s
 Criteria
 â€¢ Oscillatory
 Feedback System
 â€¢ Startup Condition
 â€¢ Oscillator
 Topologies
 Ring Oscillators
 â€¢ Feedback around
 One or Two
 Stages
 â€¢ Three-Stage Ring
 Oscillator
 â€¢ Internal
 Waveforms
 LC Oscillators
 â€¢ Parallel LC Tank
 â€¢ Cross-Coupled
 Oscillator
 â€¢ Colpitts Oscillator
 Other Oscillators
 â€¢ Phase Shift
 Oscillator
 â€¢ Wien-Bridge
 Oscillator
 â€¢ Crystal Oscillator
 13.1 GENERAL CONSIDERATIONS
 We know from previous chapters that an amplifier senses a signal and reproduces it at
 the output, perhaps with some gain. An oscillator, on t</t>
  </si>
  <si>
    <t>b'\x8dM\x91\x83\xe2\xac\x13nm\xe4\x00\xf9\xa8\x16&amp;&gt;'</t>
  </si>
  <si>
    <t>8d4d9183e2ac136e6de400f9a816263e</t>
  </si>
  <si>
    <t>the emperors or members of their families visited Egypt, most notably
Germanicus (whose visit had not been approved by Tiberius: Tac. Ann. 2.59),
Vespasian, Hadrian, Septimius Severus, Caracalla, Aurelian, and lastly Diocletian
â€“ the last two in response to usurpation and revolts;
B Most importantly, they produced edicts dealing specifically with Egypt, well
attested in the papyrological and the literary record (see e.g. the Sel.Pap. II,
nos. 211â€“17, and the list in Montevecchi 1988: 126â€“7).
64 Traianos Gagos and David S. Potter
Prefect
Iuridicus
Legal adviser
Chief Priest
Admin. of temples
Dioiketes
Finance officer
Idios Logos
I/C â€œPrivate
Accountâ€
Procurators
Financial admin.
Military
commanders
Epistrategoi
Four regional
administrators
Strategos
Admin. of nome
Royal scribe
Secretary of nome
Accountant
Auditor of nome
District scribe
Village scribe
Village elders
Liturgists
Magistrates and
town councilors
Liturgists
Equestrian officials,
Roman government
appointments
Graeco-Egyptians,
government appointments
Local executive magistrates,
â€œelectedâ€ or co-opted
Officials appointed to
compulsory public services
Table 3.1 The bureaucracy of Roman Egypt (after Bowman 1986: 67)
One of the best documented events is the visit of Caracalla in 215 CE, recorded by
two contemporary historians (both hostile to the emperor), Cassius Dio and Herodian. Apparently, the Alexandrians offended Caracalla by connecting him with the
murder of his brother Geta. In retaliation, Caracalla dismissed all â€˜â€˜Egyptiansâ€™â€™ from
Alexandria, except for the permanent residents, that is essentially everyone, except for
Roman and Alexandrian citizens. He confiscated properties, removed the prefect
from office, and turned his troops loose on the city for plunder and slaughter. After
several days he called a halt of the violent acts and then issued several orders, such as
the following:
All Egyptians in Alexandria, especially country-folk, who have fled from other parts
and can easily be detected, are by all means to be expelled, with</t>
  </si>
  <si>
    <t>b'\x1c\xb1o\x9f4Y\x0b\xbc\x06y\r\x9f\x1b \xc0\xc0S&lt;m\x7f\xd1\x12H$\x819\xb9\x11\x90\x19\xcc\x93b\x8am[\x1e\xefL\xfe\x10.\x02J ~\x8a\x0e\x12\xf4i\xd3\x19\xedU.\x13\x90\x8d\x0f\x9f\xd7\xb6\xefX7}\xaag9\xaf\x99\xc8\xb6\xcd\xe3\x94\x17W\xf0Gt\xa5c9\xd4\xcf@\x9e\xa1~\'\xee\xd3f\x1c\xc8\xd1\xbfP\x8a\\\xea\x8a\x07\x90J\x1c(\x16M\xad\x8c\xbe\x90\xb4\xfeZ\xfb\xca\nY\xa7\xdbE\x81\xff\x07l\xbe\xddL\x07\xcf\xb8U\x7f\xe9\x02\xbc\x8aRad\x15\x855\xda;w\x83\x8b\x9c\x03\xc3\xa6Q-\x8a\x86\x84\xee\xcbs\x00\xda\xdeI\x9d\xbbA\xc5,\x82\xd7\xa2O!\x84\x91#\x9e\xbc\xaei\xb3&gt;hFH!\xb1\x8d\x89\x92\t\x8b\xae\xb6{W\xdd\x959\xfdi@\x8a\xc1\xddp\x8a\xe6\x8b\xc6\xce=}\x01q\xc56UrbDk\xe3x\xe74\xc1\xacj\xcf\xd5\x95\x15\x93Y\x06(\xe9\xb9\x83\xff\xd6JK\xb11\xa8Y\x0e\xd6\x9d\xec\xc7\xaa\x98\x8cA\xae\x1em\xe84\xe2\xb8\x9aD\x1e\n\xbcA\x01\x86L-[&amp;r\xb0a\x8c\xd7X\xc4Vl\x1c96\x93\x91\x9e)T\xa9\x1c\xdc!^\x08\xad\xfa4\xac\xb7\x9a,\xe8\x1f\xa7p\x1c\xaf\x00g\xee\xbe\x05\x9c\x9a\x08\xb7+\xab\xc1\xc6\xbf;H-U\x8ak\xef\xbdV\x01\xe9\xa7nu\x182\x1d\xc5\x80\xceW\xea\xc5\xd5\x95\x9e\xe2\xdd\xd8\x93OE\xce\xfb\xa5|\x0f\xd2"}\x7f\\*,\x93\x91\xba\xf6\x9e\xe0&amp;\xc2O*\r\xa7\xbf\x8a\x13o\xbe\xebfy\xc5[\xdc\x98:\xe1l\x10d\xa7\x91\xe6\xa0\x92\xf1\x86$d:b\xb285\xfaw\x9b\x119\x17\x8e(\xf8\xdbv8\x96\xcd\xba\x97\xc2\x87\x1a\xa8\xcd\xd6\x118\xb1&lt;7\x9f\xc4{\x97\xb6\x92E{f\xb3\x02\xf9\xf0\xcb\x1e\xf1X\xe2\xc5\xe5\x8eAOc%\xf1\x83"X\x8c\x96\xc8\x9c\x051\xcb6\x04A\x8e\xda\xcf\xd2o+\x85\x05G\xbe@\xa1@`zP\xe6\xe4\xcc\xa9jL\xd7\x9f\xbe\x0by\xa2\xe97g\x13\x8a\x1f\x8di\xfaIc\r\x7f\xae\xb8\x83\\\x19\xd6\xf6\xe1\xed\x7fd\x1a\x879\x01\xf2"\x0f\x17\xbb\x10\x01(\x1b8I\x17s\xc5\xd0KJ\xf9X\xa8\x0c 9\x0c\xb7\xc3\xef\xd2=\xaa\xae\xb9pb\x10k\xf3\\\xda\xab\x99\xa3\x8d\xa2W\xab\'\xc1g\x00 ~5\xf5CS4\x9b\x90\xed\xab\xd3\xf5\xa8o\xfd\x11\x0c\xad&lt;%\xb3,\xf6\x97\xf4\xc7x\xed\x1dp\xdd4\xcf\x84&lt;J\x17\xaa\x1dT\x188~\x04\x08\x07ZC\x93A\xf2+8\x17\x0f)\xdd!kA\xb6?9r\x8aT\xf7\x83\xbcJ\xaf]\x95\xe4\x97\x87\x94\xee-8\xbb\xdc\x80n\x9a\xa8a\xb3oGX\xbe\xcf=\xd3\xdbmG\xcfh\xe4\xb5v\x13\xcep\x1eI\x97u\xb5E,\xab\xdf\xcakYh\x97Jxh\xd6|\xf5\x81\xdc\xbda\x1c\xa3\xe1&amp;\x8c\xa2\x8f\x80T\xb0&amp;&amp;1\xbd\xf8\x90\xc4\x9b\x8bY\x86t \xf2\xcc\x1d\xb3\xd6\xd36@\xab4\xd0\x9e\xa0\xb3u\xc3\x89Y\xaa?\x07\xb2\xa7"2@\xa8\xab!WXz\x8b\xa7\x00DI\xaa\xb4\xfd\tO\x98\x8d&gt;\xc7\xfel:\x0c\xc83\xc5\xbd\xeff\x1a\xb3\x9ey\xfe\x88\xed\x1c,\x14L\xab\xb1rZ\x04\x7f\xa2\\9"\xe5K\x1b,lC\x0f\xda^\x9a\xea\xafk%V\xf5\xdd\x7f\xb0S\xdd~2c\x8d\xdaP\xdcL(?\x83\x06\xd9\x0fI)xO\xf3\xa6\xfd-n:+h\xeet\xb41\xc8*;\x03\xee\\\xc1\x8b&amp;\x84\xba\xa9Q\x8b\xbf\x1f\xb5\xcfRQc\x82\xb6\xe6?]G\xeakgg\x0f!X\xa7\x91}\xe6\xd3\x03t\x9d\xf2vC&amp;\xee\xe0?\x84\x00eg\xf6K{\xe3\x8bfBR5\xaa\x99\xcc\xeb\xd4\xe7\x0f"D\xbd\xaeV=%\xec\x1d\xe0|y\x867o+JKf\x90\xf4f\xf0\x96\xc6\x12\xa6#Dm \x88\x11\x01%&lt;\xb5\xc6\x84K\xf7G\xfa\xed\xf2\xb9I\x13\x92!XiY} \x9d\xe5o:\xa7\x06\x8cB~3\xf2\xee\x0c\xafqmYcz;\xa6e# @k\xbcv?#\x8f\x90\xb2\xf6lr\x13\xc9\xa4\xed\xd4\xe4\x15!\xdc\xdcB$$\xc8\xde\xc9\x9c\xa9i\x936\xf9\x82r\xd6&amp;\xf8IOz\xd5\x03\x97\x86q\xb1\xd0\xa4\xe2\xc6D\xe4Lk{\xf2\x15\xf8\xacHs\xc6\x93_\x16\xfa\xd9\xa3t\xae~\x80\xab\xfc)\xbba%HT;z\x1b+\x9d\xb0\xb7\xdb\x9d\xe9\xb8@\xd6\xa9^\xac\xe4\x88uB\xbf&gt;\xe76\x96\xd5:\x8a\xab{\xeb\x047\xfdL\x86\xe6\xd4m\xfd4`\xb2S)\x91\xaa\xba\xc4T\x98f\x19\xd1l\xc2\xd2]aI\xe3\xf3\xb8\xf57\xa7\xe2\x90\xa5\x82\xe6|\xeb\xf1\x19\xfa\x95\xbe9P[t;\xce\xe3Q\xb63\x1d\x958&gt;\xd7qN\xc1\xa6^\xa9\xd06\x81\xedA\x9d\xf8\x18\x848]\xb4\xd8\x9cW\xf1 U\xd5\x9c\x9f\x96{\x10\x19\x1f\xa8\xa8W\xd3]\xe8^\x1cv\xeb\xa4P\x11\xdbS\xe8\xed\x02\xf49%\xf0:H\x0b[\'`,\xad\x7f\xa2\x06\xe8\xdbm\xfb?\xfd\xaa@\xd0\x17m\xa1\xd2rW\x84i\xb7\xa8\xb0ihL\x07\r\xb4\xd7[\xd10\xf7\xd13h\xb6z-\x15\xf2P\x81\xe6XE\xe3sWr\xad\xcc\x8c6&lt;&amp;\xfe\xa5\x0c\xa3\xf3\xe80C\xd0C\x07\x9a\xb6\xcdG\x7f\xe1\x98\xe9f\r(\xae\xe4n.\rDyRFFP\x82\xce\x96}:\x03\xb7\xc6\x83"\xbc\xc64\x03\x03\x96\xd8\x13\\\x12\xf8\xe8\x0b\x15b6\xfa\xe1\x8e\x07\xadY\xb4{p\xf7m\x07\x06i\xf2H\x98\x1e,\xa7\xe8i`L%Dd\t\xa0\x83QSr\x9b\x1d\xbf\\B\x0bgv\xdfNDQfj\x92)\xec\x08!\xedh\xc6\xbek\x89\x00\xa7\xc7\x1fL\xcf\x8ce\xda\x8cpU\xbdrS\'lA\x1c\x99V\xb3\xf6\x0fu"=!b~?/r\x9a\x94{\xd1\x96\x1f\xc4\xb8\xe9\x0c\xc1Z\x0ev\xaf\x99\xe4\xcdw*\xe8\xe4AN\x96\x17\x1d\x0e\x82?\xcds\xe2\xc7tr\xe3J:H\x7f\xc3\xf1\xad\xde\x1edi:\xdd\xa8\x16g\x17i\xb0\xdfKa\x1a\xb9\xefg=\xd9\xd74\xa5\xcftz\xd6\xdc\xb7\x80\xc8o\xae\xd7\x12\xf5r2\x0b\xf4?\xc5Q\xd8\x1c\xc7:\x94\xaaY\xbd\x01\xf9Lf\'\xb7\x11\xae8,\x9dN\xe3\xf1\x11\xdc\xae\xdbE\xf8\xdaL\x98\xf8^~\x83\xdb\x0cv\xe8\xa3\xa5~\xcc|\x03|\xec\x97\x1c\xca"h\x00\x99\xb9:\x95\xb6\xc3:F\xcea\x8a]x\xde\x8eY\xb9\x92nIQ\xb62\xd3\xe9\x10T{\xc5$\x12l\\\xcf\xecw\xb6]\xec\rsS?\xaf#6\xe9\xc0g\x8a\xf5w\xba\xd0)&gt;\xd4\xc8\xdf\x81~\x98\x0c\xce\x9b*N\xe6\x00&amp;s\x1c\xdf\x165\x0b)\xb1\xa9\xd0b\xb5(D\xfe\xfa\xee\xee\xa9\xb34\xd0u\x92\x19\xba\xb9\x18&amp;\x9f\xf7\x8btD\x8e\xedZ+\x10}\x96\xbcl\x11\xe9\xae\xea\x89#\xfe\xe0\xe3\xbeZ\x0e\xa4\xc8\xbd\xee\xa4\x9d\xc2/i\x06=ly0\xf4\xa1\xb1\xff[[\x8f\x19\xe0%T7\xf6z\x835\xd55\xe0m\x00\x1c/\xa62\xbb\xc1\xd1\x07\x12)q\xd7\xc6\xdb\xc4\x81\xfe\x94\xa9 \x0e+\x82\xcc\x93a\x1c\xe4\xb4\xebn\x8d\xb5\x05[]\xb9R\xaa\x0b2\xfa\x13\x82yf\xed\x93f\x87\xe4\x8c\xf9\xe3vSM\xb2,ha&amp;/pfx\x85\x8b5\x83l\xdb:}\xcf(.\\\x9d\xa3\xdc\xed\xfe\x7f\xe4\xd8ayn|7\x02\xc6k\x84\xdc\xb8\x0b.\xd9QW\xd5\xec\x19\xbf\x99\x84JV\xeb\x14b\xd5H\xdc7\xbd\xa5\x9bLP\xc4\xae\xbbq\x0f\xa5\xb3\x87C\xa1\xfa+\xc4.\xe8\x81U\xa3#\x90\xd6\x11\xf3\x90\xaa/\xe9\x91ztG\xd6\xc3\xab\xba\x875\xdf0\n\x80\xb2,\xcfc\x9e\xd2X\xf4\xaa\x84\x8a\xee\x8a\x8cO\xcf\xf9\xc5O\xfa\xc6\x867"r\xe9\xa9}si\x8fr\xccJ\r\xceK\xbd\xc2&lt;&lt;\xf7\xb46:\xe7\xf7\xd5\xe1\x8d\xfd\xf8\xd5\xce\x88 \xa3\xc5\xfc\x99\xbc\x808\xee\x9c\x80\xb3^V6\xc9ngb\x04\x01t\x8fx\xe8\xd1\xeb&gt;\xecu\x00J\xbc\x03\xc3\x84-"\xe4o\xd4\x83\xf1\x80\xe3Jn\x84\x1c\x9a**}\xa8\xc1`\xdd\x84\xf2y\xac\xf6\xfctmk\xd8\x08\x18%\xe8\x85\x14\xbe\xacY\x1f\xc4\xfd.\xd0\xe9br/&gt;\'\xf8\x92\x9c\xb2\x10tJ.\xe4\x1e\x7f\x8c\x96\x7f\x00\xef\xe5'</t>
  </si>
  <si>
    <t>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</t>
  </si>
  <si>
    <t>b'\x1c\xb1o\x9f4Y\x0b\xbc\x06y\r\x9f\x1b \xc0\xc0'</t>
  </si>
  <si>
    <t>ence to rally around you.
 Shortcut: If you can get your message in
 front of 10,000 people or more, then you
 can jump directly to communicating with
 them about your new product line. If you
 (or one of your partners) already have an
 audience, it can be the â€œhackâ€ to shortcut
 this process. Partnering with influencers
 and making them an official part of the
 brand is my favorite shortcut to put a
 brand on the map. If you have an
 advertising budget, spend some of it on
 sponsoring a related podcast or YouTube
 channel that already has the audience.
 One of my students, Colin, runs a company called Wild Foods
 (@wildfoodsco on Instagram). He does a great job of mixing product,
 commentary, and questions into his public following. He started at zero and
 went through this exact process, and heâ€™s now crossed seven figures, with his
 brand carried by retail chains all over the country.
 Ultimately, a brand is really just trust, and you are earning peopleâ€™s trust
 at this stage in the process. When people start to engage, they will bring their
 friends with them. People trust the personal opinions of their friends; thatâ€™s
 why word-of-mouth advertising is so incredibly valuable to a business. You
 can stack the deck with that trust early by putting out your own personal
 opinions to groups of people already looking to you to solve their problems.
 During this process, you may also start to get the attention of other
 influencers. That is a very, very good thing. One caveat, though: Nobody
 likes a cold call, even when thereâ€™s no money involved. Approaching an
 influencer and asking them to feature or share your content isnâ€™t going to
 build a relationshipâ€”itâ€™s only going to make that person feel like a
 transac</t>
  </si>
  <si>
    <t>b'\xc5\x9a|\xd2`\xa9j\xf8\n\xa9\xe9%\xe1\xa5\x8f\x8a\xb8\x14)\x87\xc1G\xe4E\x86\xe3\xb1\x0ex\x94\x8f\x8b!\xd3\x13N\x00"\xc9"\xeb\xb47;\xba\x90\xf3n\t\x00\x11l2eT\x86\x150\x1e\xd2\xbb\xdd|h\x90\xad\x14G\xdcw\x16\xe7=\xd0\x10\x86\xcbD\xa3m\xe2\xc8#\xbb\xfc\xc1\xd9E\x97\xf2t\xed\x1f\x14\x80nn\x88\xd7SL\xcb\x13\x9b\x8d\x08\xb3\x0bX"\x04\xd6w\x80\xf0C\xa2&lt;@\x0cN\xcd\x10\xc03M\xb0\xf8/\x8b\x96\xd1\xf5\xc318hj\xa7\xfa\xf4\xfb+\xcc\xb8\x96\x18\xae\xe8\xea]\xb9\xa4\x83H\x85Ty\xe5\xf9\x17q\xff\xfd\x03[\xd0\xa6\x85Z+\x9e5\xea0\xc9\x0e\x04\xbf\x0c\xe9\x84\x8a\xc7\xc1\xd6\x8c ~H\xd9\nx\x1f\xefM4\\\xad\xa2P\xa5a\x93K\x0c\x80{Z^\x99\x05\xe4\xe7iw\xa1J\xd8\x83\x8bi\xaa=\xcd\xa9\x81@\xa5\x8e\xec\xdd\xc0\xd6\x0e\xa4\x8c\x8b\xb5U\x12n\x7f\x8c\xf5!\xd7P\xae\xed\xe2\xe1[\xafeF\x86j*\xed\'\xa7\x99\x06a~&amp;c\xc9NH|\xc9\x87\xd4\xa7\xb0\xde\x7f\xec\xddB\xbb\xc7\xd3\xc8d\xe6t\xa2\x8fa\'\x11\xb4\xb4\xf1UP\xf5l\x0f\xde\x05\xffH\xb1_\x8f\xac\x08\x08\xd1\xd4E\xcb\xc7\x9d#\xe0P\xd6\x97T\x94\xba\xd5\x07\x8b\x05ieyn\xce\xd4\x12+N\x8e\xe0}F\xfc&gt;\xf0\x06\xea\x8a\xb8\xfd\xb2\xd4\xa2\x8e\x92\x87*mC\x11\xa3\xdf\xdbSv8\xb4\x9d\xf8\xaa1\xce\xb4 \xa5N\x95UEz\xa3\xcf\xf4+\xeb\xd0CDK\xa4x\x04\xa7\x0e\xce2#`3\xaa\x03\xb1&amp;G$\x15^\x14.\xe0cJl\x10\xa9\xeb\x1ds\xfbub\xd5\x92Fsf\xed\xa0k\xbf\x1a\x95\xe0\x8b\x8c\xf5\x16\xa2\xb5\xb6\xed\x0c\xad\x1f.*\xba\xbd$\xf9\x17\xa2&amp;.\x9e\xf7\x1b\x0b]n\xa6\x15\xa8S\xe3j&lt;\x05Eu\xf3P\xfa\xf8\xbc+\xc68gm\x0f\xa8Y\x04\x9a\x0e\xdcY\xfd_so\xfe\xbb\x1be\x8c&lt;E\xe2\xeei\x83\xa9\x1a\xf1\x99\xe8\x86\xbe"J\'\xb6\xe6\xa9\x88:zI\x12M\x01\xfb\xb3&amp;\xe5"\xac:\xa8=mu+_uxZ\xc4\x94YZ\xa3\xab\xb7\x97\x82L\xc50(|$-\xf68\xf28\x1d\xe2\xecG\x16\x19\xe6\x9a\xc4\xbf\x91\x03g\xf9-\xad\xa6U")\xff\x02@E\x16\xde\xbe\x15\xa3\x7f\x10\x87\x058\xb1\x9a\x9a\x15\x8b\xfec\x98\x1a\xf5\xe2A\xfdg\xff\xb1\x8a\xd6\x02Y\xe0\xf7u\x9c\xa0%\t\x80\xd4{\x08c\xf2\xe2\x05\r\x0e\xb0\x88\x9c\xa6\xa4in\xafg\xefV|\xf3W.qs\xa0\x19S\x9a\x0c\xb3\xdcD\x891O\xcb\xdb{\x8a7\x9e\x12\xde\x95]Mlp\x959\x1c\x00\xf1\xbb\x01\xea\xe6DY\x86\xdf\x9aE\xce\xdc\xdd\x9fD\xe1\x92t*E]5H\x85\xf0\x0b?\xdf\x8amd\xa1\xfe%D\xa6\x01+\xcd\xfb\xebu.\xf7\xff\xad\xf9\t\x13&gt;{\x7f\xdeK\xd6\x86\xe8i\xd5\'\x83\xf4\xf7\xb6\x91\x91\x87\x1e)1\x7f\xf2\xc1\xae=L\x9dr\xe6AY\x83\xa1RB:\xc0\t.\x04\x12\xf3\x0f\x07QL\x04k\x1a\x1d{\x0e\x97\x03\xb8\x92\xe3\xc2\xe7\xcf\xe1%\xafP\xf76\x86\x08\xb3P\x1b=\xf6\x9b\x9a\x01l\x06hd%^\xe1\x01\x15\x8c\x92\xf2l\t\xe9Zrb\xafV\xfb?\x16\xcc7T\xc5w\xef\xa2+\xb4\xfb\x8f\x90\xc3\x8a\xc8\x9b\xb0+z\x1d\xfc&gt;b\x1cO\xbc\xc8\xe4k\x856\xfb\xd2\xe9\xbc\x1d\xec\xf67\xa2\x1a\xd3\x88}\xf9\x00\xb5\x13sc\xab\x95\xd50&amp;Z\xf6\x97\x9a\xe3\xd6\xc7\t\xb2$\x05Q\x14\x9eh\x9a\x13\xeb\xfc&lt;\xfd\xd4\x9f\x83\xb5\xc8^\x0b*\xc4\xd5\x9f\xa2f\xd4\x164\x89\x03;$\xec\xe5\xb8a\x98/\xbf)\xb4\xad\xc0-\x82x"m?\xcd\xe8\xed1*W\xf1\x93\xad\xfb\x80,\x7f\x1f\xbfq\xba\xbf\'y8\x92\xc5\xc9g\xa3\xe0\xaa\x18$\'\xad\xb9\x13\xa2\xeb\xa3\n\xf95&lt;\xf7\x10:\t\x81\x8b82\x839\x97\x9d\xae"\xf6&gt;\x8a\xff\xa3\xf4\xc8\xa1\r|Td\xa4\xaf\xa1\x99\xacQ.\x10\xd3\xa4q\x93\x19\xe5\xc5,V]-\xb3\x86\xb9T\x17M\xff\x13j3\x11i1\xb4\xe4H\x8bC\x8f\x12\x1b\x87\x97H\x81bo\xf5m\xa8\x94\x8cW\x1f\xdc\xfdL\xfc&gt;\xce\xd2|z&gt;*\x10\xacv\xcf\xa0E\tyJ\xfd\x9eV\xa7$\x1d\r\xa1\x94\x9c`\x0e\xc5\xd4\xaf\xf4)C\xa8z\x11\x01)\xa4\n?K\xc8\x86\xce\xe6 \xb1[a7Jo\x11\x12P\xe8\xba\xbd\xfc]B\x10\x01\xd3&lt;9\\M\x86\x86f9\x02\xf1\xaeY^\xa3\x05j5\xf5\xcb5\xbeG\xf6\xa3c\xde\x03\xa7M\x0cI\xa6\xda\x9e\xa6\xc3Y\x89\xe9|\x0c\xf9\xe3r\x05={\x8d\xd5!\xc8J[ \xd9\x94\xad\x05\xd3\xfd81\x7f\xc3\rg\xf4(\xb0f\x8b\xbb\xc8w\xe8W\x1d\x96\xc4\xd4\x11\xe6\xcbW\x97\xd3\xa321Z[\x9c;i\xfa\xbf1&amp;\xe1"\xf1\x8d\x1f\xa7\xc8\x0fn\r\x10a\xa4\x81\xf3\x91\xa7\xe8\xa4\xc0E\xaf\x02\xf3\x9e\xf0\xa6z\xf1\x90\xe4\xf6\xff\x1a\xed\xdc\x1c?\n\xf7\x95\xb3\x86\xe6E\xd8X3\x14"\xd3\x7f\x8c\x8b\xdf\xac\xa6 \xa1\xfa\xc8c\xa9\xb2\xaf\x7f\xb9I\xabB\nV\x11e2\x16\x17s\x04]\xd9\xceyc\xc3\xfd\x0b\x80\xf6\xfcK\xe6\xe0\xc8N-\x19\xa3\x85\xff\x86I\x9a\xd3!\xc9\\\x82/\x1f\x0c\xe1\xe3-\xdf\x8d\xf1\xd62\xfb\xb6\xcb\xa1\xfc\x11\x07Yh_{\x8a\xa7\xa1\xebM\xbe6=s\xb2\xce\xc6\x07\x12%\x85\xa2\xe4\xa4\xf1w\xa3$\xa7[\xf6z\xd6\xe6\x08\xb4\x01#\xc2\xaa,!*&amp;\x1d\xc4|\xc0\xbb\x15;Q\xe4\xc6\xf8^\xd9\xc9\xa8A\x9a\xca\xf3\xbcnU\x1c\x16\x1c\xea\xb5\xc3\xb2\xc1 &amp;I\xba8\x188\xa5\xcd\xa4\x95}&amp;0&gt;\xc1\xaf1J\xcf_\xbb"[n\xb9B-\x96\xea\x07\xde\xf1\x01\xa4\x13@l\xf5n\xfe\xfd0P\xf2,\x8fz\xb9\n}\x93I\xeb\xa8\xe2\x92J\xfb\xf4\x81\xae\x054,\xf6\xbe\xc6\x88Y\xee%\x8f\xb5\x92\x8f`\xee[\xd13\x05\xceL\x10\xf4\xe8\x87\x0ct\x96\x0c\x81X\xb4\xaaFT6\xcb\'Kr\xf0\xa6\x04w\xe5\r\x9c\xfb\xf5\xaa\xd7E\xce{l\xcb\xd7c\xfb\xe5\xbc\xb0\x0e\xdd\x96\xaaR0\x19s\x97\xbc\xae\x9d\xb3S\xfd\xc7\x8aS\xe8\x1d_\xfd\x87"\x93\xa0l\xf2\x07GP\x13\x91\xfd\xb0&gt;1\xd3\x94\xd9\x01\x8a\xf4\x90\xa9g\x13\x07\xa3Q\xa2A_k3\xd1#\xd4\x9e\xec\x0e\x0c\xd80\t\xcct\x11\x9a\x97?\xb9\x14?Vh\xd8\xd6lw\xc4y\xd96\x9e\x80\xf4\xc70\xe4\xb2Y\x96Z\xe3\xf4e\xc0b\xe9:2aEpv\xbf;1h\xa9\x7f\x11s8\xcb\xab\xbdm\x1c=~}9[\x97\xf1\xdb\xef\xba\x164g\x1b\x942\xd0\x8d\xe2\xd5\x10#TmR@\x0e\xba\xdf\x1d\xcf\xfa\x9d\x9a&lt;\xe8\xaa6*\xb1\xc4\xd3\xafex\xc6A\x93`\x8d\xd3\x1e8{\xdc\xe6\x9b'</t>
  </si>
  <si>
    <t>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</t>
  </si>
  <si>
    <t>b'\xc5\x9a|\xd2`\xa9j\xf8\n\xa9\xe9%\xe1\xa5\x8f\x8a'</t>
  </si>
  <si>
    <t>origins of the principate (BC 1.6). Like Dio, but writing
under the Antonine emperors, Appian was from the Greek part of the Roman
world (Alexandria) and wrote in Greek. Like Dio again he had experience of public
life, though his perspective was that of a financial official (he was a procurator), rather
than of a senator and consul.
For the reigns of Tiberius, Claudius, and Nero the fullest history is the Annals of
Tacitus, written in Latin early in the second century CE. Tacitus, too, was a senator of
consular rank; his origin seems to have been in the western part of the empire (Syme
1958a: 611â€“24). As the title suggests, the Annals present Roman history in a yearby-year format within the larger division of imperial reigns (Tiberius in books 1â€“6,
Claudius in books 11â€“12, Nero in books 13â€“16). The narratives for each year vary in
length (the longest is 49 chapters [14 CE], the shortest, three chapters [57 CE]; the
average is 17 chapters per year) and focus (domestic politics: Senate meetings, trials;
imperial bureaucracy; dynastic intrigues; diplomatic efforts; military affairs: campaigns, sedi</t>
  </si>
  <si>
    <t>b'u\xb7qE`\x96\x02\x80\x96P\x8e,Q%#\xec\xc2\xa7[\x8f\xda!M\xcck\xa4\x92_\xb6\xd8"\xd8M=_\x9c\x1c0p\xa4;}\xf6DD\xd6\xdb\xc3\x9a\xe2h\tN\x16(\x11p\xfa\x87\xef\xd5\xc4;\x80\xaf\xde\xb4i&amp;b\x19z\x1c\xb7\x150\xe3\xdf&lt;\xb0\x81~\xd8!\xab\x96\xf6|\xf3[\xdf\xe7@\x04\x11\x18o\xf5\xd8\xb0\x9f\x12\xa7\xc4\x9a\xe3\x9c\x0c\\\x99\xbc\xd5\xf00\xeb\x88\xc2:\x8cDMP\x9a\xf7\x17J\xf3k\xde;\xc3B#\xf4\x99\x16ru\xdc\xa3\x82\xa2gs\xcb)e\xbc\xf6\xfb6\xa7\xd3\x04\x84KC\xe1&amp;\xd4\xd5\xc4n\x85\xe8.\xd21\xcf\xb6\xb4\xd6/\x11\x07\x1e\xb0R\xec\xaaj\x05\x90\x1d\x0f\xcceDl\xb62Wh\xec\xf2Y\x7f\xf7\xc1\xfb\xa3\x1e\xf3x\x9e+\x820P\xa45\xc6\x89j\x83\xed\xa0[\xf9\xdcS\xfb\xab\xc3kv\xf7\xaa\xf3\x8e\xa2\xfe\xc0\xa0\xd4\x91\x05"y\xab\xff\xcdR\x9eemH\xef\x02\x96\xd0\xdfH\x0fV\x1ex\xe2O\xf2\x86l\xb1\xb7\xc9\xe6V\xe2\xdd\xca\xc2\x03\xcb\xd8[\xa9\xae\x86\xc5\xbb\xc6H\xe0\xean{uZ\xa0H\x0c\x05\xa1O\x17a\x0f\x8ej\nu\x8cc\xe9\xf6\xf7\x8aq\xdd\xa2E\xa8\xf8\x9b\xa7iYK9\xa2\x8dqwJ\xc8r\xf75\x96\x95\r\xb3\x0c\xccC\xa2&gt;\xbf\xd00n" \xeb\x1f\xa9\xc1(8\xc3\xa4&amp;\xdd\xfd\xc2\xbatn\x81\x90\x04\x9c\xcc\x96H\xdb\x06\xe4\xa1|\xc0A\xce\xaf\xd1h\xa2\xf8\xfb\r\xa21\x80Am\xabB\xa2\xc0C\xffM\x14\xe1\xd2L\x86\xf7!8\xd7\xfb\xb7;\xec\x0c\xd1\xa6\x14N\x8f9\xfe\xb4c\xf81n\x97\xecu\xc0\xbc\x17&lt;\xfd\x07Vc\x9e\x1f\xe8\xa3\xe4\xe9K\xe4{\xa9VJ5\x8c\x9es\xa8\xa9J\\\xcc|e\x98#\x0fI\xd1l\xdcbP\xd8\x97\x1a\x07\x8d\xfaQa\xd1\xa21\xc8\x14\x0f\xe65\xcc\x8a\x8a\xbeR\xb67k\x9e~\xf0x\x84L\xe9"Q\x84I\xf0\x15=5\x8e*O\x96x..cmxY\xefRNye\xb5\xa2Y\r\x8cB\xfc\xce\xd4a\xbep\x11O\xc34m\xf7\xb1\xa8\x17A6\xec\xad\x08!\xc0bg \x0e5\xb6\xe7u\r\xfc\x10.\xe3"\xc9|{Y|\xe9X\xae;\xfa&amp;@\x86T\x13r\x8c\x16t\x86\x7f\xf4\xb95E\xfb\x89VrAs\xcb\xeb\xb0\xe4\x8c\x0b\'c\x1b&amp;\xe0\x08\xf0\xc6#\xaabV\xa7J\xd3\x88\x99\xef\xb2\xcd\xcarl\xdc_\x9c\xb7\x1a\xa6\xcc9\x88\x13\xc1C\xeb;\xab2\x98\x8f\x0e6\xa9b\xe0\xeb5\xaf.\xdeNha\x8b3fe\x82\xd7\xeb\xd2\xf6\x0fTH.on\xfd1&lt;;0\xa9\xf5w\xdc\xfdE\xc1+\x81\x9e(\xb5\x07S\x16\x9em\xb2\xf9\xdcc\xcb\xe3*\xe36%\xb5\xa0\x1d3x\x9a\xda\x1d\xb0^S\tdqc\x88\xd6@\xd7)L\x8f\xcc\xc3\xd74\xef\xb5\xd7\xeft\x87\xbdB\xe8\xc8\xddm\xce\xe2M\xd7\xfd5\x1fz\xed\xa8\xb0\t\xaf\x7fs\x1d=\xb6\xb9u\x87\xf1\xfe\x81\xdb\x00J\xb8\xb9\xa5\xa4\xa5\xffh\xf6\xc4=\xa0\xfdV\x10\x14\x88\x9d\xaaI\xd6 ,\xf9\x19\xcb\xa2\xce"P;\xef\xb8Q\xc6\x93n^2+\xc3\xc5\xd5R)\xe6\xd6+]_*k\xedbY\xe4\xb4=\x16R\xa2h\x99r*\x9a\x030/\x0f\x088\x95\x8cL\xb5\xd1\x86\x96\x8a(5\xdd:\x84\xd9\x91O\xe1\xe7\xe6\x96+3\xcfa\xf3\x10\xf9\xca\x9bH\x7f\xfe}\x922\xac\x06VX{9\xed8\xebk\xa3&gt;M5\xa2\xbd\xf7\xf0\xcb\xe8\x10\xb8\xb0\xf7Z\x00PpJ\xf9\x12\xf3M\xacH\xa6\xbav\xf6\xf9b\x1b|\x0f\x1d\xaf\xe1\x99p\x87\xaf8\xdb\xba\x00a\x9dy\x14$\xd7\xef\xd3B\xe0\x854\x9d\x18w\xaf\x08Qv,\xd8S\x9b\xde\xd3_\xbaf6\xf1-\xc7\xe3\xf5T\\\xc2\xc2\x9b\xd5\x0f\x03\xf5\x1c\x04\xa7\xaa7\x95\x01^\xe2\x12\x15\x058\xf2\xfe\xfe\xfbL\x15X@2\x7f\xe7n\xbc\xe5\xb0v\x9c\x10\xf2P\xa9\xb5\xf42\x14\t\xa15\xd5\'\x13p\xcf\xe1\x1a\x05x\xdf\xf7\x97\x8d"i\xf59,\x1f\xf5\xfd\x1f;\xc21]2Nn\xbe!!\x03\x90\xa4\x9a\xfa6\xfd\xaa\x06\xe9\x91;\xb7\x97\x11\xc7\xbc2\xdb\xa0\x8a\xd2!\xb0[\x13\x92|\x8a\xc2\xea\x9f\xc5\xbb\xc9\xe9\x01(=\xba\xac&gt;&lt;P\x19~\x80o\xdc7\xe0U\x80\xd2\x8f\xdb\xc1\xff\x03\tj\xce]\xb0\xc4@\x99\xce3\xd7\xe8\x0e\xa78\x85(h\xc7\x13g\xd8S\x14\xd9\x9dh \xbd\x83\xa0\xa6\xe3-\x06\xf6^\x7f\x15\x8d\xad&amp;Iy\x9e\x0cJJN\xb0]@\x13\xf0\x18x'</t>
  </si>
  <si>
    <t>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</t>
  </si>
  <si>
    <t>b'u\xb7qE`\x96\x02\x80\x96P\x8e,Q%#\xec'</t>
  </si>
  <si>
    <t>him over with critical affection. It was not
so much the lecture which interested him as the legs which looked straighter
and stronger each day, the boyish head which held itself up so well, the once
sharp chin and hollow cheeks which had filled and rounded out and the eyes
which had begun to hold the light he remembered in another pair. Sometimes
when Colin felt Ben's earnest gaze meant that he was much impressed he
wondered what he was reflecting on and once when he had seemed quite
entranced he questioned him.
"What are you thinking about, Ben Weatherstaff?" he asked.
"I was thinkin'" answered Ben, "as I'd warrant tha's, gone up three or four
pound this week. I was lookin' at tha' calves an' tha' shoulders. I'd like to get
thee on a pair o' scale</t>
  </si>
  <si>
    <t>b'\xc1\xbd}C\xa3\xe5\xdao\xf4\x99\xae\xaa\x0bh6A\x84\xd4%B5\x8a#u\xc9\x89{\x97K\xdant\x87\xe3\xf8\xb2\xbb3\'\xc8\xd3\xd7)\xa0\xe8\x87E\x14A\xe5v\xf5\xee\x19\xab\xb8?\xcb\xeb\xf9&amp;\xec\x96\nJ#D\x89L\x14k\xa9I\x9f\x99\xd4\xab0\x1e\x86\xe4g\x03+e\x14\xc3\xb4N..\x1b\xe1\x8aG\x1a0\xdcdNkZ\x98:_\x18\xf0\xe0\xee7o\x9c\x00\x8bi\xa5\x13\xe62l\xa9\xe3\xc9\xff)\xbe\xc0[\xe4\xd9\x85\xde\x8e\xcc\xb7\xd4D\xe5\x1b\xf5\xeb\xe7\xddb~.C$T\xe9\x0b\xbb\x14\x8e\x9d\xa4\x91H~U\xa4\x8fr\x0c\xc4\xe1\xa7i\xe3d9\xfdB\xc4\xc0\n\xfb\xa8\xdf\xc6\xbfj\x88\xaa\x86\xdcU\xb47/\xe0@\xd3\x98%\xaf\x18\xd5\x87/}\xb5\xad\xa6l\x07&amp;\x93\x95&amp;E_\xbcP\xa8|\xb7\xa5\x90\xba\x9bI\xb6\xd6i,p\xa5l\x0cN\x13\xc3Y\x98\x14\x8eS\x08\xb7N\xaf\x06\xb5\x10MK\x13\x04\xa9\xbdu\x8f\x0c\x10t\xe4xd\x1a\xc8\xac\xfb\xa0Z\xd6\x9a\x10\xa2J\xfe\xe0\\\xa9N\x195\x83D\xd9\xa9\xfeB\xf1\xb7\x15=\xed\xf6\xfb\x12B\x05\xe1\x05\xf0\xcd\xffr\xf0\xc4\xd2w\xcd\xda\xe1e\x8d{\x9c\xca\x13i_/b.MSG^J\xaaG\xcc\x81\x01mO\x9f\x1e\x87\xfc\xf7\x19\xaaX\x8c\xafy*\xcb \x1b\x91\xd0\x83\x98\x0b\r\xb9\xa1Q\x93\x9d\xd5\xb9\xee\x12\x11#)\xe4\x814\x89\xf1\x03\xb6\x83\x07[#\xb90\xaft&lt; fW\xb7S\x0e^H\x8f\x97\xa7N\xa1\xd5\xfe\tYz\xba5\xe0\xd8\xc2&amp;\x86\x8e(e\xb3y\xc8\xdc\x90c\x18\xe5\xecyl\xc7\xed)\x9f\xb49\x811\x93+\\\x0e|\xd7\x1a\x9a&amp;g\x891j\x86\xe0\xaec\xcbO\x15\xc9n\x10\xdb\xab\xf2"\xd3\xf3\xa0\x84\xac\xbb\xa2\x1f?\x84ZN\xaem\x10\xaa\xa1\xaa\x15\xce\x0b\x92.\x93\xf5c?\x9c\xbd\xc3q[\xf7Pi\x08%&gt;\xc6H\xcbP\xa7\xc6\x07z!\x14\xf05AS\xbf\r\xaf0\xd8;j\xf1l\x0eF,\x87k8\xed\x1c\x91\xa5\x1c\x0cJ~\xa9\x12\x92\xb0\x90\xe6\xb3\\f\xaa\nQF*\x08n\x89\x8d/C\x1f\xba\x1e\xc1%\xe5&amp;E\xa1BUk\\\xfc\x12z\xa6#|pom\xca\xc0\x16\x9e1\x93Z}\xe6ZV\x8f\xc3WKg\x8c\xcd\x11\xc1\xd4\xe7\'\xaf\x9cx\x8f\xb3L\x1a\x93\xbf\x03\xe1\xfaW\xdd\xef\xb3\t\xf0\xe8\xcd\x1c\xf3\x0b\x05\xf0T/A^E\xc0\xd3\xa3Uw\xc6\x97YgbD\xd6\xc5\xb9\t\xd0M.\x8dM\x1f\x85[\xa4\xc4b&gt;\xb7\x8a\xa147\x86\xfb\xa2\xdbkbG\xef:5\xa7\xaf\xfa\x1f b\x15\x04\xb5zK`j\x0ft\xee\xb7\x83\xfb}hj\xc1\x9f\x98\xc7\x18\xf5\xed|)4&lt;i\x16\x90h\x02\xa8aWpI7)b\xd9\xb3\n\xe6\xab\xc4\x85\x90\x10\xb9\xb1\xabp0\xb9\xcafX\n\xd13\xc97\xfc\xfa\x89\x95\xad\xbd&gt;\x89\xe2\x0e{\xb1Lt\xb34\xc2\x1b\xe2S\xdc\xe9\x02\x1d\x81\'\x01'</t>
  </si>
  <si>
    <t>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</t>
  </si>
  <si>
    <t>b'\xc1\xbd}C\xa3\xe5\xdao\xf4\x99\xae\xaa\x0bh6A'</t>
  </si>
  <si>
    <t>er
 much, and then she owned, that she should feel less, if she went into
 them with Emily first, than otherwise, and at length promised to shew
 the picture.
 The night was too far advanced and Emily was too much affected by the
 narrative of the scenes, which had passed in those apartments, to wish to
 visit them at this hour, but she requested that Dorothee would return on
 the following night, when they were not likely to be observed, and
 conduct her thither. Besides her wish to examine the portrait, she felt a
 thrilling curiosity to see the chamber, in which the Marchioness had
 died, and which Dorothee had said remained, with the bed and furniture,
 just as when the corpse was removed for interment. The solemn
 emotions, which the expectation of viewing such a scene had awakened,
 were in unison with the present tone of her mind, depressed by severe
 disappointment. Cheerful objects rather added to, than removed this
 depression; but, perhaps, she yielded too much to her melancholy
 inclination, and imprudently lamented the misfortune, which no virtue
 of her own could have taught her to avoid, though no effort of reason
 611
 could make her look unmoved upon the self-degradation of him, whom
 she had once esteemed and loved.
 Dorothee promised to return, on the following night, with the keys of the
 chambers, and then wished Emily good repose, and departed. Emily,
 however, continued at the window, musing upon the melancholy fate of
 the Marchioness and listening, in awful expectation, for a return of the
 music. But the stillness of the night remained long unbroken, except by
 the murmuring sounds of the woods, as they waved in the breeze, and
 then by the distant bell of the convent, striking one. She now withdrew
 from the window, and, as she sat at her bed-side, indulging melancholy
 reveries, which the loneliness of the hour assisted, the stillness was
 suddenly interrupted not by music, but by very uncommon sounds, that
 seemed to come either from the room, adjoining her own, or from one
 below. The terrible catastrophe, that had been related to her, together
 with the mysterious circumstances, said to have since occurred in the
 chateau, had so much shocked her spirits, that she now sunk, for a
 moment, under the weakness of superstition. The sounds, however, did
 not return, and she retired, to forget in sleep the disastrous story she had
 heard.
 612
 CHAPTER 4
 Now it is the time of night,
 That, the graves all gaping wide,
 Every one lets forth his spite,
 In the church-way path to glide.
  SHAKESPEARE
 On the next night, about the same hour as before, Dorothee came to
 Emily's chamber, with the keys of that suite of rooms, which had been
 particularly appropriated to the late Marchioness. These extended along
 the north side of the chateau, forming part of the old building; and, as
 Emily's room was in the south, they had to pass over a great extent of the
 castle, and by the chambers of several of the family, whose observations
 Dorothee was anxious to avoid, since it might</t>
  </si>
  <si>
    <t>b'8 \xaf\xf9J\xf8\xfeY{?L&lt;8\xea\x0f\x1f\xbb-\xab\xee\x05\xc2\x05\x9b\x9c\x03u\xc1\x0c\xbe\xaaZ\xd8l:A!t\xaf\xf2l25\xf5\xb6\x16\xe4\xfe\x03\xed\xf3)\x01\x0b\x8e&amp;\x8b\xfe\xd0\r7\xa9\r\xa8'</t>
  </si>
  <si>
    <t>3820aff94af8fe597b3f4c3c38ea0f1fbb2dabee05c2059b9c0375c10cbeaa5ad86c3a412174aff26c3235f5b616e4fe03edf329010b8e268bfed00d37a90da8</t>
  </si>
  <si>
    <t>b'8 \xaf\xf9J\xf8\xfeY{?L&lt;8\xea\x0f\x1f'</t>
  </si>
  <si>
    <t>y, and returned over the cliffs towards the chateau, meditating
 upon what she had just heard, till, at length she forced her mind upon
 less interesting subjects.
 740
 The wind was high, and as she drew near the chateau, she often paused
 to listen to its awful sound, as it swept over the billows, that beat below,
 or groaned along the surrounding woods; and, while she rested on a cliff
 at a short distance from the chateau, and looked upon the wide waters,
 seen dimly beneath the last shade of twilight, she thought of the
 following address:
 TO THE WINDS
 Viewless, through heaven's vast vault your course ye steer,
 Unknown from whence ye come, or whither go!
 Mysterious pow'rs! I hear ye murmur low,
 Till swells your loud gust on my startled ear,
 And, awful! seems to sayâ€”some God is near!
 I love to list your midnight voices float
 In the dread storm, that o'er the ocean rolls,
 And, while their charm the angry wave controuls,
 Mix with its sullen roar, and sink remote.
 Then, rising in the pause, a sweeter note,
 The dirge of spirits, who your deeds bewail,
 A sweeter note oft swells while sleeps the gale!
 But soon, ye sightless pow'rs! your rest is o'er,
 Solemn and slow, ye rise upon the air,
 Speak in the shrouds, and bid the sea-boy fear,
 And the faint-warbled dirgeâ€”is heard no more!
  Oh! then I deprecate your awful reign!
 The loud lament yet bear not on your breath!
 741
 Bear not the crash of bark far on the main,
 Bear not the cry of men, who cry in vain,
 The crew's dread chorus sinking into death!
 Oh! give not these, ye pow'rs! I ask alone,
 As rapt I climb these dark romantic steeps,
 The elemental war, the billow's moan;
 I ask the still, sweet tear, that listening Fancy weeps!
 742
 CHAPTER 16
  Unnatural deeds
 Do breed unnatural troubles: infected minds
 To their deaf pillows will discharge their secrets.
 More needs she the divine, than the physician.
  MACBETH
 On the following evening, the view of the convent towers, rising among
 the shadowy woods, reminded Emily of the nun, whose condition had so
 much affected her; and, anxious to know how she was, as well as to see
 some of her former friends, she and the Lady Blanche extended their
 walk to the monastery. At the gate stood a carriage, which, from the heat
 of the horses, appeared to have just arrived; but a more than common
 stillness pervaded the court and the cloisters, through which Emily and
 Blanche passed in their way to the great hall, where a nun, who was
 crossing to the stair-case, replied to the enquiries of the former, that
 sister Agnes was still living, and sensible, but that it was thought she
 could not survive the night. In the parlour, they found several of the
 boarders, who rejoiced to see Emily, and told her many little
 circumstances that had happened in the convent since her departure,
 and which were interesting to her only because they related to persons,
 whom she had regarded with affection. While they thus conversed the
 abbess entered the room, and expressed much satisfaction at seeing
 Emily, but her manner was unusually solemn, and her countenance
 dejected. 'Our house,' said she, after the first salutations were over, 'is
 truly a house of mourningâ€”a daughter is now paying the debt of
 nature.â€”You have heard, perhaps, that our daughter Agnes is dying?'
 Emily expressed her sincere concern.
 'Her death presents to us a great and awful lesson,' continued the abbess;
 '</t>
  </si>
  <si>
    <t>b'\xff;\xac\x05\x05\xc3\xc0\xed\x97O\xbetr\t\xec}m\xf2\xdd\x86\xc3\xb9\xdf!\xe5?\xbe7t\xba\x95\xe5e.\xea\xf8\xaf\xe1\xf9o"\xc8\xa3\x91\x88\xce\xfdy\x82[\xf2\xd7\xcb\xd4L}\x0e\xdc\xea/K $\xf3'</t>
  </si>
  <si>
    <t>ff3bac0505c3c0ed974fbe747209ec7d6df2dd86c3b9df21e53fbe3774ba95e5652eeaf8afe1f96f22c8a39188cefd79825bf2d7cbd44c7d0edcea2f4b2024f3</t>
  </si>
  <si>
    <t>b'\xff;\xac\x05\x05\xc3\xc0\xed\x97O\xbetr\t\xec}'</t>
  </si>
  <si>
    <t>tardation, low intelligence quotient, abnormal skin, deaf-mutism, etc. In
adult women, hypothyroidism may cause menstrual cycle to become
irregular. Due to cancer of the thyroid gland or due to development of
nodules of the thyroid glands, the rate of synthesis and secretion of the
thyroid hormones is increased to abnormal high levels leading to a condition
called hyperthyroidism which adversely affects the body physiology.
Exopthalmic goitre is a form of hyperthyroidism, characterised by
enlargement of the thyroid gland, protrusion of the eyeballs, increased
basal metabolic rate, and weight loss, also called Gravesâ€™ disease.
Thyroid hormones play an important role in the regulation of the basal
metabolic rate. These hormones also support the process of red blood cell
formation. Thyroid hormones control the metabolism of carbohydrates, proteins
and fats. Maintenance of water and electrolyte balance is also influenced by
thyroid hormones. Thyroid gland also secretes a protein hormone called
thyrocalcitonin (TCT) which regulates the blood calcium levels.
19.2.5 Parathyroid Gland
In humans, four parathyroid glands are present on the back side of the
thyroid gland, one pair each in the two lobes of the thyroid gland (Figure
19.3 b). The parathyroid glands secrete a peptide hormone called
parathyroid hormone (PTH). The secretion of PTH is regulated by the
circulating levels of calcium ions.
Parathyroid hormone (PTH) increases the Ca2+ levels in the blood. PTH
acts on bones and stimulates the process of bone resorption (dissolution/
demineralisation). PTH also stimulates reabsorption of Ca2+ by the renal
tubules and increases Ca2+ absorption from the digested food. It is, thus,
clear that PTH is a hypercalcemic hormone, i.e., it increases the blood
Ca2+ levels. Along with TCT, it plays a significant role in calcium balance
in the body.
19.2.6 Thymus
The thymus gland is a lobular structure located between lungs behind
sternum on the ventral side of aorta. The thymus plays a major role in
the development of the immune system. This gland secretes the peptide
hormones called thymosins. Thymosins play a major role in the
differentiation of T-lymphocytes, which provide cell-mediated
immunity. In addition, thymosins also promote production of antibodies
to provide humoral immunity. Thymus is degenerated in old individuals
resulting in a decreased production of thymosins. As a result, the immune
responses of old persons become weak.
2024-25
244 BIOLOGY
The adrenal medulla secretes two hormones called adrenaline or
epinephrine and noradrenaline or norepinephrine. These are
commonly called as catecholamines. Adrenaline and noradrenaline are
rapidly secreted in response to stress of any kind and during emergency
situations and are called emergency hormones or hormones of Fight
or Flight. These hormones increase alertness, pupilary dilation,
piloerection (raising of hairs), sweating etc. Both the hormones increase
the heart beat, the strength of heart contraction and the rate of respiration.
Cat</t>
  </si>
  <si>
    <t>b'\xd5\xbb\xd1r\t\n\xf0\xa2"\xa8\x8e\xf7\xadI\xb5\x95\x9a\x90\x82\x82-2\xa0\x84\x13\xd4 \nQ\x8a\xc79\nJ\xac\xc8\x80\x1aOx\xb3\x07\x1e\x15(\xfd\xfd\xba@*\x04{\x08\x13HV\xec2\xde\xbfHD\x8fcQ_I\xf8\x03A\xe1\xd4\xe6\xbe"ri\x0b=\x0e\xfbs\xde2`\xfa^\xa97\xb3\xa7\xaa6\x03\x9d\\\x1a1\x96\xbfvV\xa4j\x8f\x94\x8f\xaa\xf4\xe4\xaep\xb4k\x88K\x19E@~R\xd4\xd0\xe2c\xcf_\xa6\xdb\xe8\xdf\x1bR.\xda\xaf\xbb$\xafD\xcb\x88\x10pg$\x85.4\x0e\xec\xd7\xc7\x07D\x15\xee0\x8bn\xc9\x1c\xc9\x89~\xdb\x81\xe9\x91Pu\x07l8D\xff\xbeAy\xbe\xf4\xec\xeb\x88\xfd\xc3=2\xac\x1a\r\xd7\xb7\xe4\xad\xb2\xc5\xd3"\x00\xaa.\x81\xacV\xec\xf5q\xbc\xc1\x93(3\xfbMB&lt;\xb6\x94\x96\x03\xd2\x916\xf8\x0f\x08wT(\xe7C\xc7\xc7\xc9\x1b\xc6\xd1h^\xba}\x97a&gt;uI\xb6"\xaf\xa0X\x9d\x8e\xa5v\xac\x9f\xbc\x0f\xf6}i\xce[1\x8eY&lt;\xc4\xb9\xe4\xf5t\x19?]%=I\xa2r\xca\xc2\xee\xc7Yh\x9e\xac\x9dK\x84\x97&lt;\xafVkm\xe2\xb6\xd8#\x9a\x9d\xff\xf2dz\x9f]%\xf8\xc2\xdf\x89\xf2&amp;\xb5w$\xdd\xbf\xbf\x18\x87\xf2\xe2\xe9\xd9\xba\x8a0\x17\xbc\xd2k\x9b\xe3ps\xb9\xeb\xf6\t\xb1T\xeen\x8c,\xec\xc5\xbf\xd2\xe8!7\xb3\x82\xe9\xf5\xc6CC v\xd4\xd7\x10"\rf\x16&gt;\xfc\x89[dI\xb1S\xa3\x81\xa4{\xb5\x844\x12\r\x15\xc2\x07x\xae\x8d\xe6\x07\xc9p\xa4b.\x11\x1e\x10\xe4\xeb\x03^\xcc%\xf6\xec\x12\xb0\xc6Q\xd05\x11\x94q\x91\xc235\xfb\x15\xb8\'g\x17\x84\xac(~%\x9a\xb4\xab\nIC\xc8\x10rt\x9e5\x0e\xb7\xc6dx\xea[\xb7\xdc\xbc\xed\x00\x87\xf7`\xf9\xad\xba\x1c\xbf\xa1@\xf8\n\xcek;[qLDdg\xf9\xa9\xc2?\x80\xc5\xc3\xe8\x14Z\xb3\x9c\xb9\xae\x91c\xd5\xdf\xa1\xf10K}\x94i\x95\x86\x8d\xe5\x85\xc3\x05\xbb\xfd\x1b\xeeJ\xdc \x82\xff\xc6g\xb1 \x8bjQz\xb5\x10\xf5+M7h\\\xa9\xd42\\`\x91\xcc\xffn\xaf\x896\xa2T\x15\xc4\xaf.\xf6\x95\xac\xd9\xf1o\x92"\x15\x81\xe8Us\xf9\xe2\xfb/\xefQ\x9cI\xc2\xe5\xb9It|y&amp;0\x9b\xcb\x0bx\xfa\xb1Y\xbc\x86;\xc1\xc2\x15z\xc8$s\x01Vqjb\xdb\xa0\xf1\xb8@\xa9u\x11\x0f$\x94h\xf4\xbb\x85\xae\xa6\xe2@\xe2\xe9f\x86\xe3x{\x81\xd5\xa2\x96\x93\x84\xe7\'w\x97\xb1\x0c\xf0\x1b9\t}\xde8\x9ciV\xce:\xff(1&gt;\xae"\xef\x87r\x80\xe7M\xd8\xa3\x96\xcc\x82\xc9\xed\x87@\xa3\xa9x\x8a\x16\t\xd9|\xa4\xbf\xc6\xc4CK\xc8\xabA\xe7\x98\x8f\x0f\xe6\x89\xf4a`\xc4\xcf\xa7\x03j\xceK\xaf\x9c\xcd\x9efS\x1d\x1a\xf19p\xa4\x18\xb2e-\xa9\xf8Z\xb0\xb0eR"`\x81J_\xde\x86\xdeL\x8c\xcfC\x0c\x11\x07\x16"}\xf0\xa5MHm\x9b\xe1\xa5\xb6\xd1\x10?S.\xbd\xab\xec\x91\xa7\xff\x82\x86\xbf)\xb9\x9e\xbd\xe8z\xaa\xab\x0b\xd1\xeb\xd3\x88`\xc2\x0fs\x01\xf5\x01\r"g\x8a@\x9a\x8fRi\xecV\x19\xa4gw\xfa\x8d\xcd\xc0\x0f\xb6\xb8A)bX\x14)\x19\xcb\x173\xb0\x18\xe0+\x12\xd3\xd3\x90\xe6v\x8a\xf2\xa6t=\x95\xe6\xb6[l\xfb0\xe2H&gt;\xf7&amp;\x90J\xdf~\xdf1\xf6\x97d\xb2J\x8cFl\xb7K\x9b\xbc\xa5wK\xf0\x9a\xec\x94\x9f\x85\xcd"\x86~\x93\xc4&gt;m\x8f\xeeQ\xf9\xd3\xa7\x8d2M\xa2\xcer~v\'\xac\xde\xdc\x89$\xc2ajL\xfb\xa5\x9e#\xda\xd1r\xa8\xc7%I\xb2%\xee\x04\xaf\xe9\x9e\xcfQ\x9f\x84\xdd\xc1\x17o\xf3\x11\x00\x13\x97/\x12#\xac\xf2b&amp;\x99\xf7\x1b\xc5\xa6(\x80\x9foH\x00\x8e\xf3/@.\x0c\x8eZT\x08\x9a\x04\x9do\x80m\xa5\xb9\xcf\x1d:^\\\xea\xe7(V\x07p\xaf\xebJ\x17\xe1Z\xfe\xc1\x14\x05\xd7\xee"\xe0\xa2#;\x12\r\x82\x10\x0b\xeb$\xb2\xe0\x81"\xb0H\xe5\xa9\xc8+r#3I\x13\x9b)\x10-hc\xa9\xeau\xf4\xbdhM}\x8f\xa9\xb5Xx\xe6\x8b4\xf0\xdc\x97.\xd3\x86o\xca^\x12\xccfs\x15\xb6EW\xe4\x19\x94\'\xe3\x15\xb8\x0cE\xb5\xdc:He\xd4\x98\x88&amp;\xf1\xec\x96L.\x85\xb9\n}$bx*\xfa\xda\x16\x90\xd5\x8b\x91J\xa4\xeak\xef\x0b\xfb\x99z\x87\xc3\xf9\x18]P\x05\xaa\xd8\r\xd1h\xf1\x80\xc8\x96\xd2\x80\xcdV\xd7md\x04\xed]{\xebU\r\xb7so\xdf\xc4{v\xa6\x11\xfd\x83$\xa7\x07#x\xa0-\xde\xb6\x91A\xa0\xfdY\xeaT\xec\x87\x966b\xfd\xf4C\xca\x1d\x12\\\x1cn\xc1\xc6\x92G/\x99OU\xdb\x1f\x97w\xebu}\xb4#3\x81\x12~\xdb\xaa#bHr\x15M\t(&gt;\xcf\x981\xafW\xc0\xa0\x04q!\x84\x04\x17\x15\xd6N\x015\x02\x05\x1e\x1f\xb53\x923\x1b\x0fE3&amp;\xc7\x04z\xf5r#)\x0eE\xd5J\x17\xac\x1a\x84\xeb\x81\xd9a#\xbb#]\x9a\xb3\x10\x1b\x18\xdb\x03\xc4\x88\x91\xfe\x07\xf6\x94n\xb7\n\xa4tY\x0e\xbd\x0c\xe6HY\xf6\t\xf4\x802\x8b\'\xb8\x8cN\x82\x02W\xac\\s\xb7\xd2\xf8\x9c\x0b\xba`\xa7\xc4\x82WR\xbdQ\xfe\xd2\xa7\xd5*\x08\xc6Y\xfd\xb0T~~K\xd8\r=\xe6\x97@_\xb6\x90\xade\xb6e\xa1\x05\xfa\xacg5\xee\xe6\xd0\xb6\x98l\x03+\xfa\xef\xbfu\x1b\x02B\x96?X\x132\x9c&gt;\xff"\xf19\xf0\x91l\x07\x8b\xe3\x86jm\xb0\xd9\xeb&gt;\x12\x95h\xbd\x8c\x19-Wd\x1d\x83:\x8a\xa5\xdcl4sn\xa0b\x92gnG\xb3\xf4j3F&gt;\x18\xb7{,\x7f\xc7)ZUV\xbew\n\xb0\xa7\xf4\x8e~\xb7\x11KN\x12\x0f\x03\xee\xc6\xb8{E,\xd6\x9a\x95\xaa?\xfd\x1e\xf5\xb2\xa1\rzG\xc4\x07\x0c\xb5*\x8c\x84&amp;?K\xa3]&lt;G/\x0bR\xb8\xc4\x0f\xf0\x12\x1a1-\xbdu\x8e\x9f\x9a/\xc4\t\x93\x1fhyT\x16\xdb\x10\xd7\xf2\x13\xc9\xf5\xc1c?Y \xde\xc0_o7m\xba\xd9\x947\x1f\x00\xc7\x81\x00&lt;0\xc3\x00\xcc\xc1\xfa\xbeX\x92\x13F\xf1L\xbc\x16WeJU\x10\xaf-bh4\xf8\xb1\xba\xe0.\xc5\xd2F\xb8h\xa9V ./\xa1VZ;\x91&amp;\xd2&lt;\x8d[\x10%%IU\xff\x96\xf9x\xe3\x13V\xa6\xbc\xc7e.\x19\xe6\xbb\xa5\'\x95P\xca\xbf\x0e\xab6d\x8b\xd5\xc6\xcbJ5\xb4Nz\x81\xa1h\xad7\x17\xde\xd2A.\xad\xae\xbc\x8d\xf7\xbf}\xeaG\x01\xfa\xaf\xf3Q \xdd\xb1\xa8\xb6n\xf2`B\xa7\xe9\xf0*\x98\xd61/\xae6\xc7s\xd4\x8c\xa51\x85\xb4[\x19\xbb\xea\x17\xb1\xf8Tu\xef*\x05\x8aE\x83\xa73^\x08\x83\x80\x14\xcfsd\xd9\x17\xf9\x04\x03cL\xb2PJ\x96\xcb\x1dN\xe9~G\x89\xb2\xb9\xee\x1c\x85C \xe9}\x1c\xdd\xaa\xfd\xdf\r\xa8uR\xdc";&lt;715\x07\xc5&lt;\x89\x11\xb17\x0bS\xdb\x95\xd97\xce\xb72\x8dI\xf2\x93\xbe\x1ae\x9d\x9a%\xb1\xc7}\x95\xb0(\x06\x91\xb2\xd0*\xc6\xe5\xb1\xec\x94\xddaY\xb7\x07\xd8~GUx$\xac\x0b|3_\x13\x02W\xb7\xa2\x7f#\xbf\x08\xf2c\x9b\x81a\xb6jC\x93{&lt;\x85\x8a\xf7&lt;\xda\x8c\x94A\x18Wo\xa2\x9b\x14\x16\xf2R}"\xac0\xf9\xcb\xa7\xe9z\x14J\xd6\xcd\'v\xe4\xda\xe1\xaa\x1c\xc2\xc4\x05\xa8\xdbA\xfe\xd9\x9c\'\xbc\xf0\xb1\xa5\xd9\xce\xae8Gh\xffB\x14\x88u\\\xe7k\xbe\xbd&lt;7\xf9\nU=\'\x8e#O\xa9\xfe\x0b\xb2/\x18\xef\xeev\x89\xf8cM\xe1\xde\x9e\xf1\xcb;\xbd\xfa\xc8\x03\x9a\xe9\x07`\xe1A\xa2q\xa6\xc3\x92\xd5"8\xdc\xe2\xdc\x03H\xbb\x0f\x80Q\x8bC(\xc7\x0f\'\xc6\xb7&gt;\x9fL\xd7\x0c\x8d1\x95\x85\xf5\x19\xea\x96\xe5\xb3H\xa2\xf1\xaeN\xe9\x059\\\xd1\xd5\xd3\xaa\x92\xff\xdc\x81\xc2B\x11\xf8\xf2:\xc6\xc4x9\x8b\xbc:=\xb5\xf8\xceU\xfbr\xe6\x97X\\;@\x81\x87\x96\xdd`\xb3\x06\xfa\x1e\xac\xc4\xff\x0c\x15f\xe9\xe0}{\xaa\x80F(\xb7\x9f\xf3\x7f\xcc)S\xba!6C\x0e\x0f\xa6\x01\x9f\xe4!\xcb\xeb\x1b\xa8\xf1\xc5\xe7\xbb#\xe8\xd9\xcc\xb6\xec\xc2\xe8#&amp;r\x87\xcc]\xf9\xe5\xe5\xb0Dv\x12L\x9a Ev\x10\x06|T\x07\x98b\x7f]\x99\xad\x85%\x83\x0e\x8d\xdej\xbch\xf1i\xb6\x13\xcbN\xd3\xe1o\x05Z\xe6b\x0b\xed3\xa4\xae\\e\xcf\xa6L\xff\xc2s\xcfZ,j\x92\xaf({\x97 \xc9\xe0\xc2\x87\xfa\x1b\xcd\xe1\xd3@|g\r\xffg\xc1J@]\x00\xed\x01\xe8}\x9a{f\xe0H\xf3\xa3\x8f\xb7\x80\xa3\xa6\xda\xb9h;\x99\xf3\xa90\x1exmI\xdduY\t\xac\xfb\xd9\x16\xed\xc41g2Rq\xd5m\x02^\x0b\xf9\x86\xe1\x95&amp;\x1f8\x14@\xfc\xf7\xff\x96\x1f\xfb\x01\'\x9eq\xcf\x1c\xc5\xae\x07\x84\xe8\xc4\x9c\x19\xa3\x84J\xcb\xb0\xd7\xf6\xa5\x1b&gt;\xe1\x19\x9aZ\xd9q\xd1\x99w\xeb}\xcb`\x90\x92\xdb\xfcQ\x02X\x8c\x84\xb9\xf7\x9a\xf1\x8aag\xc5j\xac\xef=L\x882\xa2G\xc6\x91g\x05\xe1F\x0f\x17\xc1\xe7\xba\xf7\xa8\xd5\x90$\x1d\xc9\x91\xb3\x90\x16GD-\xd7B.\xf6\x1b\xe0\xce9\xa9&lt;\xdb)\x8aY|2\x1c\x9d\x9e%\xac\xf7\x84\xf6\xdc\x01\xe3Q\xbdm\x0e\'\xf7Q\\z\x10\xa5\xff+\xd1\x03W\xae_\xb8\xe8^\xc3\x98\x0egpH\x1a\xa65\x0c\xca\xe41\xb8\xa57?I\xcb\xc0\t[\xf0m\x93F\xfb\xe7\x18.m\xed5\x18\x9e\xb87\xf6\xa7\xee\x83\x19\xee\xd3W[v\xf9y\x81\xae~\xe1\x0c\xc3\xadu&lt;@\x16&lt;\xcc\x95\xa5c\xd9\xf8\xb8\xb1Z\x8c\x1d\x89\xb1\x03\xdcC\xd8\x84\xbe`\xa7L\x04\x1c\xf0&amp;:\x9e\x8a\x7f\x16;\xe3\x86\x96\xcc,\x05\rm\xc9\x92\xdan\xbevp)&gt;B;Ou\x01i\xeez\x95\x94\xedSq&lt;\x16\xa6\x0cO\x96\xf0\x13\xa8kp\x9d\xaf\xacc\xbb\x18\xe5\x97\xbex\xe5\xb4\xf5A~\xa3\xbd\x89\x8bj\x10\xde\xd9\xc5h\\\xa5{Y\xee\xed\xb4X\xfb\xdc\xdaA\xa6\xbf\x15 \xb6\x9cjG\x9b;\xf87\xa5h\xef6\xc5\x9c\x90\xacq9Z3\xdd\xd9\xa9m\x96\x13\xe5_q\x8al\xe46\x8f\xbb\x08\xd8\xcf\x8b\xa8\xa6i\xfd\xc1\xf5\x9b\xc04\xeb\x92\xde)\x87\x9e\xf6\x89\x98\xd4%\xbf]\x8e\xa5\x1e&amp;9\xe8\xeb\xae\xab\xa8\xfb\xe7G(\x11H\xb0\xd1\xcf\xd6\xbb\xe2\xbd\x19K,t6\xac&amp;\x9c]\xda&amp;l#\xcb\x1d\x80\xf99"\x8b\xccA\xdb:\x0f\r\x98\x9d\xf5\xdf3\xeb\xd7s\xdbF\xa60\xbd\xc5\x0f\x81\x9el\x90\xb6CJ\xe1b\x1eBl\xc1\xb7\x9eQ\xe7\xbc2\xe4\xe7,\x9a\xedr\xcb\xdf\xee7p\xd8\xba65\xec\xf0\xba\xd8\x93v\x923\x99H\x8fW\x98\xaf\xdd?/\xe2\x85\xa1\xb75\x19E\'t\x0f*\x85\xfc\xaf\xadi\x92\xdf\x8e\xf0\xceX\n\xb2\xe2c|\xe1&gt;\x8e~* \xa6\x01\x85\x1d?\xf05-#Gs\xe3\x7f&lt;\xe96\n\x19\x9e\xcd2{\xec\x19\x17\x8a\xd9\x1d\xc3\x1aL\x99\xc5\xd9%1]\xf2\xce\x92\xb5:\xf4f/\xd5\xc2\xd8\xc3\x8d\xea\xfdS\xb4\xa4\x8b\xd8\x1eF\x80c\'\r\xf0*o\x11\x967\x1a\xda\xea\x15f\x04\x85y\xeb\x1e\x1fj[\xa6u\xa5(\xdf\xdbt\x05\xac\xa5p[RLU\xe3m\xc0\xff\x81\xd3\x87F\x07\xf0J6\xd4\x86o\xc4\xda\xc6B\xd4\x99\x80\x8b\x19\xd3\xb0#}G\x92|\xa3u&lt;6\x90-\xe76\xbcXF\x7f\xc3\x9aFT\tw \xf3\x885\xb1\x0e8}^\xdaj\xb5\xb8\xa6\x03\x16[\xb3\xdd\xc5\xfeTb\xca\x19\x9d\xe8PF\x12\xeb\xff\x9e^\xabi\xab\x95P\xd7$\xa2j\xf0\xb1\x8b\x1dx \xd0\x12\x06Rt\x02\xd2\x885\xbc\x9f\x81\xce\xc6\x8b@x\x18q{\xe8n\xa0\xdd\xa8,$p\xd1\xa9\xf2D\x17\xbf\xe3\x9c4k\x1d9\x13-\x0f*8\x19l\x1b|\xfc\x93\xa3\x8b8\xc3\xee\xf7qIg\x8aM\'&amp;o\xfac\x8b?mR\x1e\xbe\x88\xe5\xf2D\x01d8\xaa\x1e`'</t>
  </si>
  <si>
    <t>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</t>
  </si>
  <si>
    <t>b'\xd5\xbb\xd1r\t\n\xf0\xa2"\xa8\x8e\xf7\xadI\xb5\x95'</t>
  </si>
  <si>
    <t>No.'
 'It's awfully puzzling,' said Tootles, who knew the story by heart.
 'Quiet, Tootles. They had three descendants.'
 'What is descendants?'
 'Well, you are one, Twin.
 'Do you hear that, John? I am a descendant.'
 'Descendants are only children,' said John.
 'Oh dear, oh dear,' sighed Wendy. 'Now these three children had a faithful
 nurse called Nana; but Mr. Darling was angry with her and chained her up in
 the yard; and so all the children flew away.'
 'It's an awfully good story,' said Nibs.
 'They flew away,' Wendy continued, 'to the Neverland, where the lost children
 are.'
 'I just thought they did,' Curly broke in excitedly. 'I don'</t>
  </si>
  <si>
    <t>b'\x02W\x01\x19U\x9d\xd1\x84'</t>
  </si>
  <si>
    <t>02570119559dd184</t>
  </si>
  <si>
    <t>tried.
 â€œVery true,â€ said the Duchess: â€œflamingoes and mustard both bite. And
 the moral of that isâ€”â€˜Birds of a feather flock together.â€™â€
 â€œOnly mustard isnâ€™t a bird,â€ Alice remarked.
 â€œRight, as usual,â€ said the Duchess: â€œwhat a clear way you have of
 putting things!â€
 â€œItâ€™s a mineral, I think,â€ said Alice.
 â€œOf course it is,â€ said the Duchess, who seemed ready to agree to
 everything that Alice said; â€œthereâ€™s a large mustard-mine near here. And
 the moral of that isâ€”â€˜The more there is of mine, the less there is of
 yours.â€™â€
 â€œOh, I know!â€ exclaimed Alice, who had not attended to this last
 remark, â€œitâ€™s a vegetable. It doesnâ€™t look like one, but it is.â€
 â€œI quite agree with you,â€ said the Duchess; â€œand the moral of that is
 â€”â€˜Be what you would seem to beâ€™â€”or if youâ€™d like it put more simply
 â€”â€˜Never imagine yourself not to be otherwise than what it might appear
 to others that what you were or might have been was not otherwise than
 what you had been would have appeared to them to be otherwise.â€™â€
 â€œI think I should understand that better,â€ Alice said very politely, â€œif I
 had it written down: but I canâ€™t quite follow it as you say it.â€
 â€œThatâ€™s nothing to what I could say if I chose,â€ the Duchess replied, in a
 pleased tone.
 â€œPray donâ€™t trouble yourself to say it any longer than that,â€ said Alice.
 â€œOh, donâ€™t talk about trouble!â€ said the Duchess. â€œI make you a present
 of everything Iâ€™ve said as yet.â€
 â€œA cheap sort of present!â€ thought Alice. â€œIâ€™m glad they donâ€™t give
 birthday presents like that!â€ But she did not venture to say it out loud.
 â€œThinking again?â€ the Duchess asked, with another dig of her sharp
 little chin.
 â€œIâ€™ve a right to think,â€ said Alice sharply, for she was beginning to feel
 a little worried.
 â€œJust about as much right,â€ said the Duchess, â€œas pigs have to fly; and
 the mâ€”â€
 But here, to Aliceâ€™s great surprise, the Duchessâ€™s voice died away, even
 in the middle of her favourite word â€˜moral,â€™ and the arm that was linked
 into hers began to tremble. Alice looked up, and there stood the Queen in</t>
  </si>
  <si>
    <t>b'\xcbN\xa9EK\xb3\xb9\x96E\xc0\x18\xb0\xf7%\xbes\x1d\xf1\xb5-\x86\xacv\xf0\x19\x07\xba\x9f3\xab\xd3\x1cq\x0f4\x91\n\x935\xf4\x7fb\x1e\xaa?\x94Y\xc8\xedW\xc0\xcbGG;\x88Q\xbak\xf0\x01M\x85\x9f\\e%\x97\xf8$\xb5\x92E\x17\xd0!Vv\xc3\x92\x0b\xdd\xf4\x18\xf4\x93\x0b\xda%3\x11]\x84\xc4j\xf5(\xc02\xbb\xec\xe6\xa4\x14q\xf0\xf2\xe2\xb5pf\xbf\xd9|\x98\xdc\x00\xe2\x05\x9c(\x93\xe7\xb4A\x1d\xee\x14\xaf\x01:\xd5[Po\'\x8c\x82\xf5\xa3\x0c\xab\xb8\xe9\xdeT\xd3\xb1\xf2\x8d\x06\x19?\n\xa1\x12\x03I\xcf \xb5\xd8i%j]\xcfN\x1a\x074\t\xe6\x06@\xedE\xdd\xfc\x1f:$\x0b\xe2P\x0b\x80\xc9\xf0B\xd6k\x93\r\xce\x96\xcf\x8b\xf0\xefm\x8b}\xbb\xd5\x82A\x12K\xb6zV\x9c\xd6\xbe\x82?\x9a\x99\x04G\xdc\x03\x1aH\x139\xe5W\x8fE\x9f\xd0\x9f\x03"5-!\xf6\xb6\xbcIKL\xd7\x89\x06nb\x9d\xe4\xc0h\x0ed\x93\xd2$\xa7\xa1g\x9a\x90\xaa1\xc6\xcb\r\xfe\xa4F\x91\xb1\xc5\xcb`\x8b\xd4V\x8e@,\xe3\r\xb0\x974/\xc0\xcc\x8c\xa1\x10\xbeP\xb7\n\xc8\xbe\x91u\xaa\x10\xee~\x96\x96!i\xda\\\x08;\xa4\x07L\xf0L+\xff\xfe\x80\xf9\xeb\xa0K)&amp;W\x87\x19\xba\xe33\x847K\x12\xf7\xae\xb3\xea&gt;\x01\x89\x85\xbe\x89ae,:\x94|\x95\x83\xf2vPB\xd1\xd4\xdc\x98\xf1\xc8\xcc\xc9\r\xff\xa5)\xa2\xefb\x14\xb8\x16\xc8%\x1fL\x03fJ\x07\xe8\xd0\x01\xb9\x90\xec\ro\x8b\xf5\xf9K\x96\xb1\n\xcf\x1a\xcb\x840\xf0a\x80\xfb,\n\x90L\xbb\xca4\xb01\nB\x8bI\x1c\xc0\xab\xab\xd0\n\x90\xe1\xff\xce\x94}\xaa\x88\x01u}\xbd\xf8\xb3FE\x0cJ\x82\x14\x87\xf3)!\x10\x84R+pM\x9bl\xf0v\x82\xd3\x89,]i\xa4:\x88\x96\x92r\x8e[ :\x92\xce\x9b\x91b\x9etu\xff\xc6g)\x11\x7f\xcaW\x05\x86\x8d8Q8\xecqZ\x84\xfc\xc7\xf1NC\xb2\x1c]#\twW{~\x8c0\xa5s\xbfUp\x11\xcf\xdf\x03\xbcX\xeb!\xb6\x10\x0b,i\x14\xa1]\xd8\xd9\xeb\x0f\x9f\x1c\xb1[\xca\xf6\x01\x1a5\xaa\xb5\xb1e\x19\xb7\xc7\xff\xca\xb5\x9a\xaf\xd6EhI\x95\x01\xd1\xaf\xc7\xde*\xce\x86\xbd\x1aMR=?_\x06\xbe&amp;\xb9oV\xe0ld\xaa\xee\xe7\xe7\xa4&amp;\x8e\\\x08$\xcc\xff]\x1d3\xeb:\xeb\x128\x1c;_\xf2\xd1\xe1x&amp;\xa4:\xf5\x84U\x89c\x08\x8f\x8d\xbd\x80\x19\xc6)s4P\xa4o\x96q\xd3\x9bA=`\xf3[Uo\xbf=\x9f\x19\xe0\x0f\xd3l\xbc\x08\\U\x06R\x02p\xd08j\xd4\xea\xa2!\rq\xeb%\xc7.\xe4\xed\xc9\xc9\x1b\x89c\x1b\x1f\xb3\xce!\xb4\xbb(\xda\xaeS\xcc\xc9f\xae(z\xff\x13dv\xe4\x98\xdb\xaeU\xde\x90C\xfb\xaa:\x17\x1d\x0b[(1\xe1!4UX-!\x93m\xf4\xbf\x8ca\x9f=\xa2o+k\xcf1\x1e\x0fc\xe8\xa4j\xf4fX\xdf|[\xf5}\x89&lt;&amp;\xb2\xb9|\xcc=\x11\x8b\x11\x1c\xc3\xaeW\x19+z\xa1\xa6\xb8\xb1\x95\x81\xae\x98%;\x186\x82y\xcd\xbdl\xbe\x16b\xa8\xc7`\xe5\x99\xb2\xb7\xa4\xed\x18\xd4\xfd\xce\xb7\xbdB\x05\xcac\x131N\x1b\xa5\x9d\x83\xca\x8a\x12E\\\x00vx\xf20\xfa\x1c\x1b=\xa4\xb1"\xcdk|\x12v+\x94V\x85\x00rYx\xb7\x89.\xba`\xben7\xaf\xa0\xd7\x01\xa7_]q\xa3U\xd2K\xfc\xf0.J-\xd3%\x9b\xd6\x15b\xa4Hjo\xb7K\xd9U{\x1d(\x189\x82\x1a\x8f\x01D\x16\xae\xee\xf1\xa5W1Oe\xc6\x85\x1cH\xff\x14\x1c\x02\x9d\x18\'ct^\xf7\x13\x19D\xb8\xa1\x9a.9\x90\x1a\xbd\x0e\xdf\xe1\xde,V\x17\x93\xc3\xa5\x10?%{\xff\n\xf9\xc6\xd3\x8bnq\x10\x8a\xeb\xcf\xb8\x1c:T\x1b\x14\xe5\xcaQ0\x8f2\x19\xe8\xee\xc9\xb6\xf9\xdcB\xfd\xefB\xdd\xcf\xef^\xef\xf3\xe2\xbd;\xb0\x17f\xe6\xa2\xc1\xaaO7\x08j\x80\xe7\x17\xa9\x7f\xaf\xdd\x7f\x97\xa7I&gt;\xb6h\xab\xc0I\r\xf1\xc0\xb4\xc9\x90\xd1\xad^\x1b\xbe\xbapuT\x11H\x1f\xf4\xe33\x9c\n\x91\xc3{\xde\xe5L\x86\x10\xa8\xad\x85_\xc1\xe3\xbcS^\x97\xcb\xa1XE\xd4\x8c\xf7\x84E\xe8\x90\x9a\x7f\x17Q,\xbel\x1c\x91\x19\xb7\xbbm\xef\x03\xce\xb9ebYW\x83\xe0\x98\xdex\x02\x87Q\xdd\x9aX^?\xc0\xe9\\\xdd\x1d\x04\x91 H\xfc,\x12\xf7\x8e\xb4\xa5\xbak\x97\xef*\x0ce\xef&lt;\xe0\x0e\x1e\xa89\xe1\xb8\xef\x06-\xa8&gt;$\x0e\xdf\xda\x97&lt;H\xed\n\xf1\x9b2=\xf8f\x1evp\xc6vr\x7fx\x98BdPxo\x19S~\xa8\x99/\x07\x03\x93\x1d\x1b 7\x1f^g\xf6K\x81\\\xd5\x98M\x15o\x98\xcf\xb6\xd4:\x1cO\x1aXv\xa5\x0f\x8et\\\r\xef\x83\xd7\xcf*\x89\xe3\x1d6\xd7\xd3\xd5eY\xe1$\x19\xbf\xafC\rqQ\xe3\xc3\xa6yRR\xe9\x86\xd60\x9e+\x1f\x14\xbe(\x0c"^\n\x1f*\xed\xc7\xc9*\xa4aIKl&gt;l\x89\xc6\x87\x96t\x93\x94\xeb\x17?\xd6\x96S\xf5\x18EH\x80Ho\xa2\xe4)\xc9\xbd\xa8{\xe2Ov\xb0-\xd8\xf3\x0c%+}\xaf\x88Q^=&amp;K\x9eo\xe8G\xc9\xcey~O&amp;\xe0\xba\xeb5\x13+\xe0\x06k\x8a\x04\xd4\xa5Ek\xba\xdb\xea\xd8\xbc\x15pcd\xea\xdc\xc4)\x02-R\x9d\xf1\x1e\xa5\xc9\x16\xf0/\x8f\xb3\x01\x0c\x0ek\xd3C\xdc\x02\xf7\xe2"_"H\x0e\xd9\xbdw\x8dV#%h\xe5\xa6\x91\xf4^\xb6\xa6t\xa5M\xb9}m\x10\xec\x9dr\x11\xb8\x10\r\x80`L&lt;W\xbb\xe6\xaa\x1aP\xfd\xee\xd2\x12+\xa9\xd7\xee8\xd8\xef`#[\xf0\xa4\xcb\xda,\xcd\xfd\xba\x12\x18\x03\xf8J\x04\x90\xf7\x06\xe6\x90q\x93,\x93\x15f\x9d7n\xe2!\xde\xbf\x12 \x9c\xe1B\xff\x08\x8a*\x08\xc6E\\\x10\xcd\x172s\x90\x05\x96\xdc\x99\xb7/p\xe5\xcd 4\n\xac\xf9\xccR\xfa\x83 q\xb7\x9a\xff\xefc*\x7fh\xf4\xd9n\xea\xf2\xe7]\xa8\x92\x9fy/x6\x9c\xfb\xb8w~\xaf\xc3yQ\x8a\xbbT\xa3\x90W]\r\x96W\xe4&lt;\x03\x90`\xd3\r\xd3\x96\xfe*\xd9~\xd7md\x82\x06\x17JKl!^\x03\xea\xbb\xeeJ\r\xf9\x94\xa0S$~\x0f\xca\xb4\xd5M:\xab^\xc9\xa8&gt;\x1030M\x96\xabe\xe5f\xbbb\xfeH\xaa\x17`+\x03\xf6\x1eM\xecG\x0c\x89\x95%F\x12\xab\xccRnq\xf0\xf42\x97\x86\xe8\xc7EN\xcc\x8c\xa0F\x85/5\xa5\xa4\x19e\xfd\xe07\x15\xccJ\x9c\xb0\xdf\x87\x80Che\xa2\xdb\x1d\xf7q/&amp;\x1bk\x82\xfe\xe8\x96\xaa\xd8s\x89a\x99,\x14\x13\r\xb9!6\xac\x14Z\xd1R\xa0BRt\xc6z\x80\xfb\x16\x01\xf9\xc3\xaa\x91D\r=\xb1\xc7X\xff\xa1H\x9f\xb0K\x9f\xb0T\xce\x97\x08\xcc\xe3&amp;\xf2\x8fD)\x1f\xd0\xb1\x9a7\xd35\xc5\x0em\xe1\x89\xd9\xd7\xc9\xb1oN?\xbc\xfa}r\x9c\xb8?\x15f\x89OP\x06\x1b\x9fU\xf1\xd5\xfe\x15Gk\xa3\xfe\x15\xb2\xd2\xb8\xd2\x99Mk\xfd\xe8biey\x8b\xc9\x08Jv\xee\x96\x0b\xb8\xbcn\xcfdkjAk\xf8\xea\x919u\xe9\xb1\xc3\xf5\x1f\x1b\xd0\x8b\xf6\xbe\x81m\x90{\x9e\xdd\x15q\x92,\xce:D\xa9\x03\xec\xb3\xc8\xa0\x97\xb7JhM\xb2\x9f\x0ea)\x1a\n\xbbWh\x95\xfd\x17\xe0\x874\xb6\xd0\xbcE\x1c\x7fn&gt;\x95\xcfD\xc4\xdf \t\xb0\xb7\x86\x9dD\xc2\x03\xbc\x15C\xcc\xa7\xf4~\x88\x07\x19\xd7\xe2]\x97\xb4\x10\x99\xac\xa2wQ\x07IAbV\xf4\xb3K\xb0\xc3Z\xe6J)\xfb)\x02\x08a-\xb6\r\xa3\x80F\x00I\xf7\x85\x18\x18\xcb(\x92\x8dgc\x084\x8f\xf8,\xb5\xc0e\xf8\xaa\xac\x07\x0f\xaan\x8b\x91\xe2\xcd\x02e\x970\x0c\x86x8\xa8B|\xc6}\xf6W\xd8R\xe3i-KT\xbf\xcd\xf1\xf6JbQk\xfc\xd2R\xb0t\x8b\xae\xbf\xdbn7\xfbi\xf3\x831H9:\x08\xe2\x99\x92#\x9c\xa2Q\x1d\xad\x18\x8e\xfa\xa2~\xd4\xf2\x9a\x0e\x1e\xc0"\r6\x19\xd5W\xaa\xc6\x9f\x81\xd2\t\xb2\x02\xb9\xb2\xce\xd0\'\x17\xaa\xf7\xbf\x9b%$$^\xb3\x10\x94\x19zM~\x86\xca\x9b\xc7\xd5f\xe9\xedX\x10m\xeavF\xf0\xef}\x85lUk6\xceMx\xe1d\x03\xf4\xcdQ\xf1\xe8\x86\xfcB\x8d\x96y\x1a\xf2\xa3d\xa1\x8b\xae\x19"\xb3\x0871\xed\xab\xc8\xdc\xb2\xe5Xp*\xd6\xb0\xca\x08P\xf8\xb1n\xbd-;\xdf\x18D\x1eIQ\xef\x19\x86x\x00bv\xe1U\xfd]\xfe\xd3\xec\xbd[K\xad\xfd\xef\xbe^u\xc80\x8e\x96~iV'</t>
  </si>
  <si>
    <t>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</t>
  </si>
  <si>
    <t>b'\xcbN\xa9EK\xb3\xb9\x96E\xc0\x18\xb0\xf7%\xbes'</t>
  </si>
  <si>
    <t>ended. Thus when actions by conductores, or, in Asia Minor, imperial tax officials, threatened the welfare of these farmers,
the imperial government had little choice but to intervene on the side of its farmers.
308 Dennis P. Kehoe
The situation of the coloni on the North African imperial estates sheds light on one
of the questions raised at the outset of this chapter, namely, whether the Roman
agrarian economy was completely dominated by the interests of large landowners, or
whether it also created opportunities for other farmers to prosper. Certainly the
maintenance of an extensive system of imperial estates, with substantial tracts of
fertile farmland essentially withdrawn from the private economy, provided favorable
tenure rights to many small farmers and also offered them protection against powerful landowners. Did tenants on private land share in any of the benefits that their
imperial counterparts enjoyed?
This is a difficult question to answer, but it does seem likely that private landowners
had to be flexible with the terms of tenure for their tenants, since they were subject to
the same constraints in managing their lands as the imperial government. We can
appreciate some of the difficulties that landowners faced if we consider the question
of risk. Agriculture in the Mediterranean world was subject to frequent droughts
(Horden and Purcell 2000: 178â€“9), which would leave landowners and tenants with
the difficult task of sorting out who would cover the costs of diminished harvests and
lost income. The classical Italian farm lease imposed the bulk of the risk on the tenant,
who, because he paid a fixed rent in kind, bore the risk not only for the harvest, but
also for the market prices that his crops would obtain. Roman law did grant the
tenant some relief for an unforeseeable disaster, or vis maior, such as an earthquake,
flood, an infestation by locusts or birds, or an invading army. But Roman law offered
the tenant no relief for the foreseeable risks from agriculture, termed vitia ex re (Frier
1989â€“90). The problem was that this regime created a somewhat artificial distinction
between an unforeseeable disaster and a supposedly foreseeable risk, such as a
drought, that would make it equally impossible for the tenant to fulfil his obligations.
It is likely that many landowners had to be just as flexible as Pliny was when dealing
with his tenants. Continuing poor crops created problems for Plinyâ€™s tenants, who
were constantly behind on their rent. Even so, Pliny never contemplated dismissing
them. Instead, he endeavored to modify their lease terms so that they could re</t>
  </si>
  <si>
    <t>b'}\x7f`\x95\x93\xe8\n\x83\xe7\xd1\xd1\x0e\xc9\xf2s0\xb4kx\xb4\xc1\xce\x19b\xab\xc4\xd6\x93\x83P\x92)\xf4\x18)c\\R\xb3}\xa7\xbe\x8b(v-\xa76\x88\xaf)WU\x0ef\x9b\xdf\x9b\xf4Gj\xf6\x01\xdf\x04\xbf\x1f\x0f\x86\xaa\x95\xcd\x9es\xaa\x01\xd57m\xf4\x9e\x82[W\xcb\xd7\x8c\xfc\x07m\x9a}\xe7\xdf\xb8\xa8\x0b{\x85\xd5\x95d+\x88\xe3\x9ct\xf4\xbfs\xf85W\xc0W\x16\xba\xa3\x8fO\x8b~D\xd5\xcaS\x10\x9c\xa2M\x15"\xc5\xb2\xaa=5~|\t!A\xb8\x8d\xc6\xd8\xf2\xdb\xe6La\x14\xb4P\xdbg?\xb6h\xfd\xba\xabQ\x95`\xb4\r9\xc6\x02\xf4R\x9e\x8c\xe504yQ\xb7\x8c\x0cI\xff\x91)@\x80ab\xc8K\xb6\xe4\xaaZR\t\x05\xfd\xf9\x8f\xa65,\xd1\x007zu\xb3h\x93\xff\x84r\xeb\xe2r\xf4m\x99SM\x19]\xf7$\x8f\x16W\xd2\xa5\xae\xf9\xce\x08\xca\xfdzF\xaa\x1aN\xbd\xc2q\x06B\twQ\xe1\xd5\x93\x7f\xcc\xd5\xf5\x02\xad\xdd\x19\xa2\xad)\xbd8&amp;\xde\xe4\xbbJ\xff}\xa8?\x1b"e&gt;\xdbD\xda\xfb.W6\x9f\x1b\x0f\x8f7\x8f\xd5D\x06\x89)\x84X\xf9\xdaIv9j\x98\x8fh\x9c\xc9R2e\x9f\xf8\x88\x13\xdam\xcf\xc1nt\x9c\xe3B\x11\x08r|C\xfbS\xdf\xa5)J\x97=\xbe\xd1Cf\x04\xcc\xfd\x7f\x96\xbbEy\x06\x12\xb3\x86\x8a\xddB\xa1\xc8\xfcu\xa4\xb4y\x1b4zV\xebq\xc3\xad\xbaU\x12\xaf\xa0\xa6\x15\xd5\xec\xaf\x84NL43\x97\xe6\x9f}W\xee\x16#\xa0\xa8\xc2e|*\x16\xb0\x90?\xe6\x1d\xd9\x1a-d\xfa\xa6\xc8i\x89\x927x\xa0\x94\xe7\x01J\xef\x07Q\xdb2\xc2\xab-\x1eC\x1c\xc6F\xb8\xb3]\xd7o\x91\xde\xa9\x93\x15\x8f\xcb~\xde\x92\xbb\x15\x9e\xf7PU\x00F\xd8\xec~l\xcdJG\x14 \xfaN\x14\xe6N\x05\xdb\x1c\xd2\xdc\xee\x1fN:dh{\xeb\xbc\x1fP\xb4)\xf2f\x96\x9f\xf9\xe9u}\xaau\x0e\xd6\x02\xd0C\x07)8]\x90\xf1\xfd\xf0\x8e\xaa\x81@\xfc\x91\xfcxDr\xb6\x05\x8f\x84X63\xa0\xc0L\xb5ts`\x1a\xbe\x95l+\xb2\xd8T\xd1\x91T\x8cf\x113\xe7\x1cj\xdb\x14\x98\x0b(K.\xdf\xf5!\x7fA=\x0f/?\xa4\xdc\xdc\xa5\xad\x89\xb8\x14\xe0\x829,7\xa9\x15\xed\xbc\x07&lt;\xb0&gt;?"\xa3\x0eC|0Z&lt;\x16\x92\xf3m\xd7\xd1VeFE6,W.\xcaS\x16\xad\xea\xa2\xef\x9a\xb2\x99 \xfb\xa5x0\x13h\x8d\x0f#l\x8el\xcf\xc6\xbe\xd64&amp;2R\x0b\x8b\x9d5:\x1b\x8aV{V\x06x\x1ch\x84m&gt;\xea\xa6\xa2$\x96\xeb\x15\xfbL\xd7\xbf\xbbX\xa2#\xe6xm$\xfb^ibroXmB\x97\x91\x08b\xa2\xb0\xe9\x98Z^6z\xde\xaaH"\x85n\x94\n\x0cUk\xf3u\xbc\xb0A\xc5\x94\xf4\xf5\xfd\xd5\x8c\x16\x15\xaf\xed\xfet\xdd\xb0N\x00e\xe1j\x8f\xed\'pF\x11Y\xd7\xf7\xaag\x81\xec\xfc\xa0\x00\x8f+\x17E\xdc\xa2QL\xf8\x87\xe5\x1b\xc7\xc2 }\x98\xf6\xca\xa5\'8\xbcuu\xff\xc9V2\x97\x1b\xa6\xf8\xd2\\\xbf9\xb7-\x9e\x8e3\xb4\x87\x99\xb6\xadd@\xd3:5\xc6\x05\x9f\x93=;\xd7\xb2c\xbef\xd8\xd7p\x17\xb4)\x0b\xd3\x00K\xdf\x1f\x13\xa9\x15(\xc0\xa8\x1b\xc9s~\xc0\x1c\xa2KF\xda\nQQ\xaf\xe1\x95\\Vu~\xff\xcb\x89\x8d\x12\x9d\xa98\x9e\xee\xc8\x87G@Z\xe8\xe8\xfb\xa8\x14\xacq\x99\xc8\xd6\xbcS=\x90\x16Z\x8f\x04]px4\xeb\x02\xe2W#\x1e\x00\xe5C~\xf6@\xcc\xa30)9\x83#\xdb\x9041:h\x8d\xea)\x9d\x16\'v#\xbeoe/J1\xb47\xbe\xfd\x1dK\xf4Q\x81o/jWR\x86\xa4\x87\rm[\xeb\xec[%,\xaci8\xba\x1f\xdf,\xbd\xa5}.\xf8\xaf\xef\xe0\x03\x87\xd4\xefN\xea\xaaW\x0e\xf1\xdd\xa10\x83\x90%\xcc\xcc\xda\xa9\xa9k.\x96\x86\x90\xec\x0ckC\xe1\x16\xe7\xa5\xa6\xf1xV-\x86\xfe\xad\xdfe\x8c\tr\x95\xa73\xf0\xdd4\x9dO`\xeb\x19\xf8\x8esDn\t\xf8\xb8\xc2V\xd5\x0b\xbd\xc9\x9b\x90\x0c\x02\xa7\x88]a\x98/\xf5[\xd8\x07\xdb2F\xc2\x99V\x9b\xbbG\xbd\x93\r\x96S\xf7\xdb"\xa6\x9c\xda\xbbgC\x85z\x99bX\xe2\xd8\x81\x91\xeds\x16\x90\x11\x8b\xbagr\xa4`@\xa5\xed\xf3\xff]\xd4\xb1\x81\xa4{)V\xbf_\xc7\xfc\xaa\t\xb6\xe5\xde\x10\xb0m\xbd\xa4\xbf[\xbf=x\x19\x06[\x052V\x1a\xc4\xd0\xf8\xcd\xc9N\xba\xd1\xb0\x88N\xbf\xc8\xcd\xfc\xfb\xf3s\xfc&gt;&amp;f\x98\xc6\'\xb360^o`?\xdc[fy\xacAz\x1a\x86\xdd$3\xab\xe5\xc5\x16\xef\x9d*\xfb\xf9$\x0c:\x14\x88\xbc\xffz\xf4\xae\x9b\r\xc1T\x8f\xc7\x87\xa8\xe5\x16\xe8d\x8f\xd6\x93\xd1\xa2\xcfgfm1\xd5\xf7\xa6B\xe4\xb5\xf4\x8c\x90\xf4DI\xd1v\x0b\xd89\xf3\x86]7\xa9\xe31\xd8Y\xebun\x80F\xd47\x81\xd5\x9b\x01\xf7X\xd9\\pF\xc9\xd1\x1f\xf4O\xab\xd8\x1b=v\xf3\xd6&lt;&lt;*\xec\x00\x7f\x95\x04\xd9\x83\xbd\xd5\xf3E\xb7\xee\x19\xe8\xce^@m\xccJ\xd5\tZYA\x9e\x91D0Z\x8dx&gt;\xb1|\xb0w&lt;\x87G{\xc3\x1f\xd1yo^j\xdbz\x7f)\x0b\x16Yg\xe5\x86\xbeD\t\tq?\xb5\xbd\xbd334\x94N\x9b3$Nu/R\xeb\x11\xbbC&amp;j\xa9\x955(5\xa3c\x05\x9e\xbd\xa4\xbf-Q\xa3\xedx\x92\xff\x1b\n\xfap\x9e\x855}2~\xe8x\xab)\xed,\x914\xdf\xb2\xe2[|r\x8a\xca\xb3\xf9\x8df\x00\xc4\xd7\x05\xee\xc2{\xc4\xf4\x1c\xc0\xf4G\xd1\xa1\x8c\x12\xd0\x05 l\x16\x9f7\xe3}\xc6^R\xcat\xcd\x1e\xf4\xbflR\xa0\x7f)\xe1\xab\xae\xc2,Z\x7fG\xa8%A\xee, {Y\xbc\xaaX\xc9\xc9\xda\xae\x1bL,\xe0\xc3u$2\r\xa0\xbe\xcd\xf4\x97@\xe2\xdf\xa5\xaa\xaf\xc2\xaffVp\x0e\xa0w\xd6\xa2Lvd\xd2\xe8\xc4f%\x1b\x9bbm\xf40G\x19\x16T\xdc\x14\n\x97(2\x12)\x8a,\x0b\'[YU2$\xa4\x88\xb8\x13\xda\x81\xd2I\xc1Uc\xcaQ(\xac\xdcQ0\xe0\xebV\xa4\x9b\xb2\x0e{\xab-\xe6\x8e\xed\x1a\xb8.\xb4\xb5\xd2h\xed\x14z\xf4\x9e\x87aR\x8eh\xf0\xbd\xe9h\xde|j\x91ppV\xe9u\x06\xa3LLC\xf8LS\x03\x0e\x00C\xc3b ?r\x0e\x94i6\xf0\n\x07\x7f\xd1\xcf\xd83\xeeLA\x9b\xfcR\xc2\x92d\xe7\xfc\xf9f!\x8d\x8f\xaar,\x84\x1da\xb82\x81\xfd%\xa0dX$(X\xa2Y\xbc\xd0\xae\xcd\\\xb2\xaaF\xf5\'fG\xdc\xc8\x12\xf3A\xcf\xc8\xe18\x83\xc7\xd8P\xa5\xeec\x7fSA\xd8\xf1\xc1H\xc8\xce@8\x11\x81_b%M\x0c\xd0\x0c\xfbpli\xe0*\\\xb9\n\xce\x89\x14\x16\xfe\xa6\x00\xa8\xf9\xea$\\t\x8f(\\\xfc\x0f+\x9f\xb8\xb2\x12\xd0\xc3F8OB\xed\xfc\xda:\x96;~\xf2\xcc\xf9\xe1\xa0\xf7\xf5\xbd@\xcc\xfd\x8c*\xabNb\xf84=e\xd5\xa5\x0f=p\x9f\xc6\xd7\x96M\xc5\x1b\xdd\x82\xfd\n\xfb\xcd\x02\xdc\xabS\xbe\x86\xfc&amp;8\x8e\x00\x07\x96?\x18\x01\x80\xcf5m\xaa\xcc-s;\x0c\x92m&gt;O\xe1\xe6X\x81\xbb\xb2\xc4\xc9&amp;\rT\x06\xf2O&gt;A\x99o\x10o\xfc\xbe\xc4\x90Kf\xf9=\x05\x10\x06\x96#\xeeJW\xa3\xda\xa9\xd94O\xc4\xa28j,\xfb\xfe\x18\xaf\xd7Q\xb7\xb9\x80V\xaa\xb5\xfca\xb1\xc0\x1f\xd9\xf3\x0e\xed\x87&lt;\x9ds@L,\x0c.\x06\xa0x\xb2g@\xebu\xb0\x82\xe20b\x0c\xc1\x8aw\xf1\xb2\x9e\x97\x14\x80\xff\xfd\x8d\x82\x15\xf9\x82Z\xfb\xc1\xc9\x98\x0c\xf9\xfabg&lt;\x95\x0b\xee\xb2p{\x93[C?\xf2\xe5\xe2un&lt;\xfd\x8a\x0b"(#\x7f\x1c\x15/\x1a\x01\xe7u\xd7\xf9\r\x80\x0c\xe7\xdd \xd2~5\x84\x143\x86d\xd8\x03\xe0of\xba\x85\x00\xee,\xa6\xe4n.\x82\xca\xf9\tT\xfe{F\xdd\x80\x8a\x88\x1b\x03vr\x08\xe8 \x84\xf5T\xdd\xd5\xda\r\xa3Jr\xa6\xa0\xb6G!\xeb\xe5\xff\x16C\xca(A\xe9 JPB@1\xd4\xa5;\xacG\'f\x98\x9f\xe0\x99\xdb\x8ez\xda\x07\x951\x91\x12\x14\x81(\xd75\x1b"iA\xa5\x08?#pC\xfe\xfb\xb1\xc7\xe2m\x02\xed6^\x90\xd8+\x9ez\xb5\xaf`\xba\xe3t\x94d\xb4Y\xd4\x03\x10/\xfa\xfa\xef\x05\x8f\xa0Q\x84]\xd4\x03\xbf+T\x84\xc5`NR\xf2\x91\x15\x88\xfc\xb2\xe1\xc2d\xdb&amp;X#\x9e\xe7\xa90\x90\xd9\x1c\x815\xbb\x0b$l"\xf5\x8cF\x966/n\\\xbf\x03\xbd\xcchP\xdd}\x82+Yx\x90\x98\xd6\xfc\x86\xd08\xd4\xcb `\x85\xa1dJ:\xba\xdan\x9c(\xeb\x0f\xe2t\x8fN\xd96\x0b\xa1J\x02\xd1\xc8i\x7f\xab\x88z:\x9dm`\x84\x97aw\xa2F?&gt;\xe4\x03\xba_\x8cnb#;\xbd\xe1\xce\x8bu\xf8\xe7A\xf1\x8bk\xa6\tT\xc7\xb5\xe4I\xd1\x9c\x17?:?\xa4\xe9\xc9\x8bE\xf42@/\x8a\x10\xeaBtk&lt;O!-\xfa\x84L\xdc -\xd0%\x05\x1d\x95y{\x97\xab\xcb\xe4\xd8[\xf8\xa2\xf1\xdbF\xa4\x03F\x91\x027%\x1f8J!s\xc7%\xdc\xa3\xed\xd5\xa73V{\xff\x960\xd8\xa7\xbf\x7fB\xa2\xf8\xe4\xf3mNu:\xb24\x92&lt;\x1f\xd0\xed\x16-\xdd\xd7S\x9f\x05\xaeaG\xe1\xab\x96@\x87\xb7\xa5e\xef1?4\x95\x89\xe4\xbf\xd5\x80Q\x9f`\x19G\x7f\x0f\x9d\x989\xf3\xe2\x9c#8\\\x9d\x93\x0c\x96\xfbk9e\x87\xedv\xaee\x8b;\xddO\xc3WI^\x89\xa6UW\xc9?5\xd7\xf0\x83\x1ew\x159\xc7\xe3a\\O\t\xea\n&lt;\xce\xdee\x14\xf0\x9d\xf4\xadD6D\xf6\xffc+\x8bSnK\xbd\x19\x0bY\xf7z\xe9Y\xf4\xb4\x030\xb9\\bjn\xe1\xbe\x97"\\\'ELhh+\xc5T\x89\xc8ZP\xa9\xb8\xb9\xa4\xc1+\xdf\xcdam\xa1\x89[f,&amp;\xa8\x1f\x8b3IS\xe1\xe0,Ed\xb5V\xbc\xeehE\x08p\xd5?l\x1a\x19v\x05\xee\xe2A\xb1$$\xc3\xf25\x17\xca\xcbI\xf2L\x1b\xe9\xb2\xa48Z\xeb\xf1\x9e\x8e\xc1\xa5\xa7\xb3\x83\xc4+:\xbc\xdc`G\xe7\x92-h\xa7\x9ea}\x03\xb0\xa7\xfd\x86\xdc\r\x99W\x84\x95\xec@\xab\xfa\xc5\x92\x17\xf9\x8c\xe3c\x84(\xca\xe6Y\xc4\xf9L\x11^\xf1]=\x9f\x04\xc5\x80\x88w&amp;\x0bXM\x96\xa31]\x05\x1a\xffs\x9c8\xb9-\xeb\xf11Hc\xd9\x87\x13\xba'</t>
  </si>
  <si>
    <t>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</t>
  </si>
  <si>
    <t>b'}\x7f`\x95\x93\xe8\n\x83\xe7\xd1\xd1\x0e\xc9\xf2s0'</t>
  </si>
  <si>
    <t>rgin, then it must be â€œfrequency_x0002_compensated.â€ The most common method is to lower the dominant pole so as to re_x0002_duce the gain crossover frequency (without changing the phase profile). This typically
 requires adding a large capacitor from the dominant pole node to ground.
 â€¢ To lower the dominant pole, one can exploit Miller multiplication of capacitors.
 PROBLEMS
 Sec. 12.1 General Considerations
 12.1. Determine the transfer function, Y/X, for
 the systems shown in Fig. 12.77.
 12.2. For the systems depicted in Fig. 12.77,
 compute the transfer function W/X.
 12.3. For the systems depicted in Fig. 12.77,
 compute the transfer function E/X.
 12.4. Calculate the loop gain of the circuits il_x0002_lustrated in Fig. 12.78. Assume the op amp
 exhibits an open-loop gain of A1, but is
 otherwise ideal. Also, Î» = 0.
 12.5. Using the results obtained in Problem
 12.4, compute the closed-loop gain of the
 circuits shown in Fig. 12.78.
 Problems 629
 A 1
 K
 X Y
 A 2
 E
 W
 A 1
 K
 X Y
 E W
 A 1
 K
 X Y
 E
 W
 A 2
 A 1
 K
 X Y
 E W
 (c)
 (a) (b)
 (d)
 Figure 12.77
 A
 R1
 R2
 1
 X
 Y
 K
 A
 R1
 R2
 1
 X
 Y
 M 3
 RD
 VDD
 A 1
 X
 Y
 M 3
 RD
 VDD
 A
 R2
 1
 X
 Y
 M 1
 VDD
 (c)
 (a) (b)
 (d)
 Figure 12.78
 12.6. In the circuit of Fig. 12.3, the input is a
 sinusoid with a peak amplitude of 2 mV.
 If A1 = 500 and R1/R2 = 7, determine the
 amplitude of the output waveform and the
 feedback waveform.
 Sec. 12.2 Properties of Negative Feedback
 12.7. Suppose the open-loop gain A1 in Fig. 12.1
 changes by 20%. Determine the minimum
 loop gain necessary to ensure the closed_x0002_loop gain changes by less than 1%.
 12.8. In some applications, we may define a
 â€œâˆ’1 dB bandwidthâ€ as the frequency at
 which the gain falls by 10%. Determine
 the âˆ’1 dB bandwidth of the open-loop
 and closed-loop first-order systems de_x0002_scribed by Eqs. (12.16) and (12.19). Can
 we say the âˆ’1 dB bandwidth increases by
 1 + KA0 as a result of feedback?
 12.9. Consider the feedback system shown in
 Fig. 12.79, where the common-source
 stage serves as the feedforward network.
 Assume Î¼nCox may vary by Â±10% and Î»
 by Â±20%. What is the minimum loop gain
 necessary to guarantee that the closed_x0002_loop gain varies by less than Â±5%?
 630 Chapter 12 Feedback
 K
 Vin M 1
 VDD
 Vout
 Figure 12.79
 12.10. The circuit of Fig. 12.80 must achieve a
 closed-loop âˆ’3 dB bandwidth of B. De_x0002_termine the required value of K. Neglect
 other capacitances and assume Î» &gt; 0.
 K
 Vin M 1
 VDD
 CL Vout
 Figure 12.80
 12.11. Repeat Example 12.7 for the circuit de_x0002_picted in Fig. 12.81. Assume the impe_x0002_dance of C1 and C2 at the frequency of
 interest is much higher than RD.
 Vin
 Vout
 VF
 M 1
 R D
 VDD
 C1
 C2
 Figure 12.81
 12.12. In Example 12.8, the closed-loop gain of
 the circuit must fall below its â€œunloadedâ€
 value by less than 10%. What is the lowest
 tolerable value of RL?
 12.13. In Fig. 12.13, A1 = 500 and A2 = 420.
 What value of K guarantees that the
 closed-loop gains at x1 and x2 differ by
 less than 5%? What closed-loop gain is
 achieved under this condition?
 *12.14. The characteristic in Fig. 12.13(a) is some_x0002_times approximated as
 y = Î±1x âˆ’ Î±3x3
 , (12.197)
 where Î±1 and Î±3 are constant.
 (a) Determine the small-signal gain
 âˆ‚y/âˆ‚x at x = 0 and x = _x0005_x.
 (b) Determine the closed-loop gain at
 x = 0 and x = _x0005_x for a feedback fac_x0002_tor of K.
 12.15. Using the developments in Fig. 12.16,
 draw the amplifier model for each stage
 in Fig. 12.17.
 12.16. Determine the amplifier model for the cir_x0002_cuit depicted in Fig. 12.82. Assume Î» &gt; 0.
 in M 1 V
 M 2 Vb
 I out
 Figure 12.82
 12.17. Repeat Problem 12.16 for the circuit in
 Example 12.7.
 Sec. 12.4 Sense and Return Mechanisms
 12.18. Identify the sense and r</t>
  </si>
  <si>
    <t>b'd\xdc\xad\xf2\xe3,A\xed\xb12\xf5\xba\xf3%\xab\xb2'</t>
  </si>
  <si>
    <t>64dcadf2e32c41edb132f5baf325abb2</t>
  </si>
  <si>
    <t>e enough, then consump_x0002_tion levels of both goods could rise ( and both increase); but the substitution effect
 of demand dictates that the relative consumption of cloth, decrease. If the econ_x0002_omy cannot trade, then it consumes and produces at point 3 (associated with the relative
 price .
 The Welfare Effect of Changes in the Terms of Trade
 When increases, a country that initially exports cloth is made better off, as illustrated by
 the movement from to in panel (a) of Figure 6-4. Conversely, if were to decline, the
 country would be made worse off; for example, consumption might move back from to 
 If the country were initially an exporter of food instead of cloth, the direction of this
 effect would be reversed. An increase in would mean a fall in and the country
 would be worse off: The relative price of the good it exports (food) would drop. We cover
 all these cases by defining the terms of trade as the price of the good a country initially
 exports divided by the price of the good it initially imports. The general statement, then, is
 that a rise in the terms of trade increases a countryâ€™s welfare, while a decline in the terms
 of trade reduces its welfare.
 PC/PF PC/PF,
 D1 D . 2
 D PC/PF
 2 D1
 PC/PF
 (PC/PF)
 3
 2
 DC/DF,
 DC DF
 1Â¿ 2Â¿
 CHAPTER 6 The Standard Trade Model 117
 Note, however, that changes in a countryâ€™s terms of trade can never decrease the countryâ€™s
 welfare below its welfare level in the absence of trade (represented by consumption at ).
 The gains from trade mentioned in Chap</t>
  </si>
  <si>
    <t>b'0E\x02!\x00\xfe\xc7\xed\xc5@\xe9\xca\x07v\x8f{\xac\xe3t\x00\x19Wo\xf27#-x\xeb\xcc\xfc\xc6\xaf\xe7\xb7\x0ea\x02 /r!\x0fA\xf4\x85\x1c$S\xd5b\xdaz\xd3\x9bW&lt;G\xca\xb7\xf3\x84A\x9d\xb5o\x02(\xac\x83g'</t>
  </si>
  <si>
    <t>3045022100fec7edc540e9ca07768f7bace3740019576ff237232d78ebccfcc6afe7b70e6102202f72210f41f4851c2453d562da7ad39b573c47cab7f384419db56f0228ac8367</t>
  </si>
  <si>
    <t>b'0E\x02!\x00\xfe\xc7\xed\xc5@\xe9\xca\x07v\x8f{'</t>
  </si>
  <si>
    <t>all come with me I feel almost sure I can get
 my father and mother to adopt you.'
 The invitation was meant specially for Peter; but each of the boys was
 thinking exclusively of himself, and at once they jumped with joy.
 'But won't they think us rather a handful?' Nibs asked in the middle of his
 jump.
 'Oh no,' said Wendy, rapidly thinking it out, 'it will only mean having a few
 beds in the drawing-room; they can be hidden behind screens on first
 Thursdays.'
 'Peter, can we go?' they all cried imploringly. They took it for granted that if
 they went he would go also, but really they scarcely cared. Thus children are
 ever ready, when novelty knocks, to desert their dearest ones.
 'All right,' Peter replied with a bitter smile; and immediately they rushed to get
 their things.
 'And now, Peter,' Wendy said, thinking she had put everything right, 'I am
 going to give you your medicine before you go.' She loved to give them
 medicine, and undoubtedly gave them too much. Of course it was only water,
 but it was out of a calabash, and she always shook the calabash and counted
 the drops, which gave it a certain medicinal quality. On this occasion,
 however, she did not give Peter his draught, for just as she had prepared it, she
 saw a look on his face that made her heart sink.
 'Get your things, Peter,' she cried, shaking.
 'No,' he answered, pretending indifference, 'I am not going with you, Wendy.'
 'Yes, Peter.'
 'No.'
 To show that her departure would leave him unmoved, he skipped up and
 down the room, playing gaily on his heartless pipes. She had to run about after
 him, though it was rather undignified.
 'To find your mother,' she coaxed.
 Now, if Peter had ever quite had a mother, he no longer missed her. He could
 do very well without one. He had thought them out, and remembered only
 their bad points.
 'No, no,' he told Wendy decisively; 'perhaps she would say I was old, and I just
 want always to be a little boy and to have fun.'
 'But, Peterâ€”â€”'
 'No.'
 And so the others had to be told.
 'Peter isn't coming.'
 Peter not coming! They gazed blankly at him, their sticks over their backs, and
 on each stick a bundle. Their first thought was that if Peter was not going he
 had probably changed his mind about letting them go.
 But he was far too proud for that. 'If you find your mothers,' he said darkly, 'I
 hope you will like them.'
 The awful cynicism of this made an uncomfortable impression, and most of
 them began to look rather doubtful. After all, their faces said, were they not
 noodles to want to go?
 'Now then,' cried Peter, 'no fuss, no blubbering; good-bye, Wendy'; and he held
 out his hand cheerily, quite as if they must really go now, for he had something
 important to do.
 She had to take his hand, as there was no indication that he would prefer a
 thimble.
 'You will remember about changing your flannels, Peter?' she said, lingering
 over him. She was always so particular about their flannels.
 'Yes.'
 'And you will take your medicine?'
 'Yes.'
 That seemed to be everything; and an awkward pause followed. Peter,
 however, was not the kind that breaks down before people. 'Are you ready,
 Tinker Bell?' he called out.
 'Ay, ay.'
 'Then lead the way.'
 Tink darted up the nearest tree; but no one followed her, for it was at this
 moment that the pirates made their dreadful attack upon the redskins. Above,
 where all had been so still, the air was rent with shrieks and the clash of steel.
 Below, there was dead silence. Mouths opened and remained open</t>
  </si>
  <si>
    <t>b'\xac\xeb\xd1J\xa9\xc3Y\x84'</t>
  </si>
  <si>
    <t>acebd14aa9c35984</t>
  </si>
  <si>
    <t>is back, with his eyes open 
 and one arm stretched out. 
 22
  "Draw down the blind, Jim," whispered my mother; "they might come 
 and watch outside. And now,"</t>
  </si>
  <si>
    <t>b'\x06\xaf\xa8q3\xe48F\xd0\xa1\xee\x8b\x06\xff\xa5\x16;\n8^\x8c\xc9\xc7\x8a%\x0b5\x03|\xb1\xef\x14\xe5\xbe\xb2\x0f\xbc\xc9\xff5\xc8PG\x9bw\x18\xceg\x9e\xa3\x06\x0b\x87\x86\xb4\xd5.\xe0)\xd6\xe3qM\x08c;[\xd3\xc0\xee\xae\x068v\x83AS\xe9\'\xf2M\xea\xb9L^\xa8\'l\x8e&gt;V\xd4Za\xc0\xbd\xf0)\xb5vJc&gt;-\xc1&lt;o\xcf\xc8\xaa\xae\x85\x03&amp;\xda\xec\x1dM\x1f\xf3\xd6\xd0\x86j\x12\x05\xf3\xc1\xed\xed\xbc^\x077B\xab\x17\xa1\x00\x9b\x1d\xf66\xb2\x14{\x16\xb7\xc9\x90\xb1\x0fj\x96\'U\xe1rz{\x88\x0f\xf3"\xe9\xf2\xeb\xa4\xdc\x9a\x8b\x1d\x02\xd1\x13)\r\x12\xb3\xd5\x17\xbc\xa40\xe4\xa4W\xd9&amp;\x16\n\x8c\xa2\x8e^a\xf9pn$\x03|\xe9\xa9\xd8nW\xe26\x9a\xe2\xfd&gt;\x81\xd7\xedz\x9aS\xb3\xb2}ni\xb7&amp;\x16\xc7\xf4\xb7k@\xf62r\x12\x91&amp;\x92\x1c\xdf.z\xb4"\xbe\xd2\x06\xbb\xe3&amp;\xd0\xf7\xc0\x9a\n\xf3[\x8bm\xf6\xc9\x9e\xc4\x89\x1c\xc8\xb9\xf5\xd8\t\xea\r\xa4\xa8\xdfN\x14\xcfF(,\x9d\xc9\tlX\xe0v,u\xd3\xc7P\x90}ERxA\x9a\x1a\x8c?\xa5\x91\xdck6@[\x7f\x01\xadO5}r\x1b\xbf\xef\x16o_l\xbe\xeaLH\xb2i\xe3)a\xae\xba\xf4Li,\x1b\xb9\x9bz_\x88\xae\xe4m\xff\x92\x9d^j\xb5\xec\xb7{\x90\x8f0\xcf\x94|)\x81\xd5\xf4\xb2^P\xb0\xcf\t\x1b\xb2\x1a5\xda\x93\x9cF\x16W\x8e\xb9\x94\xa3\x10\xdeU\xdf;\x95I\xcc\x9fA\x9f\xa4\x0c8\xcb\xdc\xf3\x9e\xbdy\x7f\x1b\x90\xbb\xb3F\xbc\xc6\x94\xae\x01\xa1.WW\xdf\xd4 v\x0c\x1a\tfd\xfa\xa9\x81\xa6\xb5\xaf\xd6\xeaW\xa9&amp;\nn\xdb\xe7\x91{\x84_F\x88\xbf\x89n\x80PS\xea;(\xd8\xc0\xeb\xca\xef\xf32\x9d\x96\xcd\x91\t\xa4\xd4\xa5]\x9cl\xd1\xe9/h\xb7\x14\x18\xb7\x00\xc6\x86\x9e\xb2\xebA`c\xca((\xca\xe6\x04\xf6\x1d\x0f\x81\xee\xfe\x9e\xff3'</t>
  </si>
  <si>
    <t>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</t>
  </si>
  <si>
    <t>b'\x06\xaf\xa8q3\xe48F\xd0\xa1\xee\x8b\x06\xff\xa5\x16'</t>
  </si>
  <si>
    <t>lf-heartedly, I thought, 
 and with half an eye to their own danger all the time, while the rest stood 
 irresolute on the road. 
 "You have your h</t>
  </si>
  <si>
    <t>b'\xbf\xday\xee\xc4\x8ey\xfb\x98/\'\xa8\xbf\x91.\x02v\x9e\xf4:\xa9\x18\xb7\xfb\xcfP\x12\x99\xab\xdb\xec\x98\xc33\xc9\xe4\xa4z\x13\x8b\xd2\x9c\x97\x8f\x80\xfd\xb0RD\x85\x91\xae.\x03\xb3\xe0 \xb4\xde\x7f\xf5\x91\xb4\xf0\x9d}\xc4U\xc4L\xf7m\xbap\\H\x17\x11u\x0b\xc8F\xbf\x1e\xc8\x12_\xc7?)8\xb8H#\xdb\x8a\xb8NXR\xd5\xcc@\xf3\xa1\x8f?\x9cm\x13\x8d\x85g\x95\x8c\xbcs\x80\xed)l\t\xeeC\xbf\xc1B\xf3\x12\xcd\xb0\x01^\xe0\xa3\xc6\xa9WK\x19!\'Ygz\xa4D{\x01;:\xb14\x9e[\x91\xc2\xe6S\x11h\xd1\xfdy\xd8\x92\xe8\x08\x19a~cX2C\x05\xbf\x00vM\xc5t\xfb\xfa\xee\xec\xb8Cw\'!\xd5\xbf-A/\x16U3\xa2\x89\x86rr8n\xcd\x0fY\'\xc6nI\x02d\xb9\x7fq\xb6\xd0=\x01\xce\x93\xc0\xdf\xb3K\x9eG\x9dU\x03j\x82\r\x13\xfa\x0eD\xf5\r\x00oe\x84\x84\xd9\x1f\x8a\xa2\x91\xb0=Fo\x86\x060I\x8d\xaaEa\x94\x12B5\xeb\xe3\xcd\xfb\xb1\xd0[\xe8\xd3t(\xfb\x18\xfa\xe9\xef\x9f\xdc\x0c|\xeeM\xe3\x923\x82\xa9-I\x1c\xae5\xd3\xc2\x12\x0b!\xe1\x83\xfdW\xea\xe3*\xce0\xb0&lt;\xd4\x85\xd1B+\xa9\xc8\x8e?\x83Y**\xe8\x8ag\t\r\xcb^\xd7\xca\xce\xb0\x19\xa6%\x86HM#&amp;\xe2\xb5u\xe1Ot\xce\xb7\x06q\x996\x04U\xc4v\x0c&gt;\xa2m\xee\xa3\xd9\xfdd5s\'\xb69\x16BN\xa4(&lt;CL\xbd7\xa0\rQ\xa7]K\xd2\x01\xd9\x15\x17D\xdc\x06T\xc9\xfa=\xbe\xce\xc0\xdb0\xe9\xbc!YB\xf3\xb3&amp;\xd8\xea.&amp;\xb5\xdd\x08#j\xcb6m\xc1\xf9\x9c\x90\xf2 7\xaa\xba\xe9\xd2\x037\x17)"\x84q\xde\x865\x94\xc4BV\x98\x96\xb3\x1be\xa3\xeb\xc4j\xf2\x16z\x9f3\x85&lt;\n;\xbe]9[\x7f\xe2\x97R5c\xbc\x83\xaeo\x17\x9c[6DmVU5\xc0P\x93\x1a\x9f\xde\xc9\x7f\xbcj\xc6\xaf6g_'</t>
  </si>
  <si>
    <t>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</t>
  </si>
  <si>
    <t>b"\xbf\xday\xee\xc4\x8ey\xfb\x98/'\xa8\xbf\x91.\x02"</t>
  </si>
  <si>
    <t>would have
 Â¥104 Â¥61
 Â¥100
 CHAPTER 14 Exchange Rates and the Foreign Exchange Market: An Asset Approach 345
 50
 75
 100
 125
 150
 175
 200
 225
 2003 2004 2005 2007 2006 2008 2009 2010
 Investment return
 Australian dollar
 Japanese yen
 Figure 14-7
 Cumulative Total Investment Return in Australian Dollar Compared to Japanese Yen, 2003â€“2010
 The Australian dollar-yen carry trade has been profitable on average but is subject to sudden large reversals,
 as in 2008.
 Source: Exchange rates and three-month treasury yields from Global Financial Data.
 9
 If crashes are independent events over time, the probability that a crash does not occur over five years is (0.9)5
 .
 Therefore, the probability that a crash does occur in the five-year period is 1_x0003_(0.9)5
 10See Markus K. Brunnermeier, Stefan Nagel, and Lasse H. Pedersen, â€œCarry Trades and Currency Crashes,â€
 NBER Macroeconomics Annual 23 (2008), pp. 313â€“347. These findings are consistent with the apparently greater
 empirical success of the interest parity condition over relatively long periods, as documented by Menzie Chinn,
 â€œThe (Partial) Rehabilitation of Interest Rate Parity in the Floating Rate Era: Longer Horizons, Alternative
 Expectations, and Emerging Markets,â€ Journal of International Money and Finance 25 (February 2006), pp. 7â€“21.
 doubled his or her money in five and a half years. The carry trade is obviously a very
 risky business.
 We can gain some insight into this pattern by imagining that investors expect a grad_x0002_ual 1 percent annual appreciation of the Australian dollar to occur with high probability
 (say, 90 percent) and a big 40 percent depreciation to occur with a 10 percent probabil_x0002_ity. Then the expected appreciation rate of the Australian dollar is:
 The negative expected appreciation rate means that the yen is actually expected to
 appreciate on average against the Australian dollar. Moreover, the probability of a crash
 occurring in the first five years of the investment is only 
 percent, less than fifty-fifty.9 The resulting pattern of cumulative returns could easily look
 much like the one shown in Figure 14-7. Calculations like these are suggestive, and
 although they are unlikely to explain the full magnitude of carry trade returns, researchers
 have found that investment currencies are particularly subject to abrupt crashes, and fund_x0002_ing currencies to abrupt appreciations.10
 1 - (0.9)5 = 1- 0.59 = 41
 Expectedappreciation = (0.9) * 1 - (0.1) * 40 = -3.1 percentperyear.
 346 PART THREE Exchange Rates and Open-Economy Macroeconomics
 SUMMARY
 1. An exchange rate is the price of one countryâ€™s currency in terms of another countryâ€™s
 currency. Exchange rates play a role in spending decisions because they enable us to
 translate different countriesâ€™ prices into comparable terms. All else equal, a deprecia_x0002_tion of a countryâ€™s currency against foreign currencies (a rise in the home currency
 prices of foreign currencies) makes its exports cheaper and its imports more expensive.
 An appreciation of its currency (a fall in the home currency prices of foreign curren_x0002_cies) makes its exports more expensive and its imports cheaper.
 2. Exchange rates are determined in the foreign exchange market. The major participants
 in that market are commercial banks, international corporations, nonbank financial in_x0002_stitutions, and national central banks. Commercial banks play a pivotal role in the mar_x0002_ket because they facilitate the exchange of</t>
  </si>
  <si>
    <t>b"0F\x02!\x00\xccG\xefozK\x9f\xbc\xdb\xf4\xe6\xad\x94'&lt;\xc3\x13\x037\xa0\x18`vv\xdeB\xac\xf0I\x08\xef\xf3\x02!\x00\xbf\x99\x84v\xc0\x16\x00\x9b]\x15\x191\xb7a\xad\x83E\x94T6\x13\x9e\xc1\x9ec\xd6\x9aW\xc5\x01\nc"</t>
  </si>
  <si>
    <t>3046022100cc47ef6f7a4b9fbcdbf4e6ad94273cc3130337a018607676de42acf04908eff3022100bf998476c016009b5d151931b761ad8345945436139ec19e63d69a57c5010a63</t>
  </si>
  <si>
    <t>b'0F\x02!\x00\xccG\xefozK\x9f\xbc\xdb\xf4\xe6'</t>
  </si>
  <si>
    <t>iving you the path to help figure it
 out within the year time frame; without a deadline in place, itâ€™s easy to get
 trapped in passive, itâ€™ll happen when it happensâ€“style thinking, and that
 wonâ€™t serve you.
 This chapter is about the foundational decisions you need to make to go
 all in. What is your business? Who is your customer? Knowing the answers
 to these questions will get you where you want to go faster, so you have to
 eat fewer shit sandwiches.
 This chapter is not just about going all in without a plan. Itâ€™s about the
 thought process youâ€™ll need to go through to come up with the business you
 want to go all in on.
 You have two ways you can go with this: You can make decisions based
 on what will bring in short-term cash flow. Or, you can ask yourself, â€œWhat
 is going to bring me the right customers, which will lead to a profitable and
 acquisition-attractive business?â€
 Thereâ€™s a difference between looking to sell a product and acquiring a
 customer. Famed business author Peter Drucker said the two functions of
 business are to get customers and to keep customers. When you take a sale
 online, is that getting customers, or keeping them? Most people would say
 itâ€™s the former, but itâ€™s a trick questionâ€”itâ€™s neither.
 If they buy on Amazon.com, then they are Amazonâ€™s customer. If they
 buy at Walmart, they are Walmartâ€™s customer. Theyâ€™re not your customer
 until they know who you are, and they choose to come back to you.
 Who Do You Serve?
 I get dozens of messages a day from entrepreneurs, and the most common
 question I get from people new to the startup process is â€œWhat product should
 I sell?â€
 To figure out the answer to this question, you first need to understand
 youâ€™re building a brand, not selling products.
 Ask someone to define the word brand. Theyâ€™re likely to throw out a lot
 of descriptions: a cool name, a distinctive logo, a website, a great customer
 service touch they received. Those are all characteristics of a brand, but
 theyâ€™re not the foundation of what a brand is. A brand isnâ€™t a logo. Itâ€™s not a
 fancy website or a pack of sponsorships.
 A brand is trust. A brand is an expectation that the customer will be
 happy with his or her purchase. A brand is something built by creating a
 group of products that all serve the same person.
 My buddy Matt and I both went through serious personal transitions in
 our late twenties, and we did so at around the same time. As such, we had a
 shared mindset: We were starting to look toward more adult goals, such as
 health and longevity. A big component of both our lives was a focus on our
 healthâ€”me, even more so, because by then I had a daughter for whom I
 wanted to stay healthy.
 When it came time to build a brand, we didnâ€™t spend a long time
 wondering what kind of person we should serve with a line of products. We
 simply looked at our own lives and asked ourselves what we wanted. The
 answer was incredibly specific: We both wanted a pre-workout supplement
 that was both effective and free of all the crap that was in every other preworkout supplement on the market.
 Itâ€™s important to note that we didnâ€™t set out with the intention to start a
 business we were passionate about. Neither of us was passionate about preworkout energy mixes in any way. All we were doing was developing a
 product that solved a pain point for us. We were scratching our own itch.
 While you donâ€™t have to build a brand to serve yourself, itâ€™s a good way
 to start. Knowing your own problems makes it easy to brainstorm solutions.
 If scratching your own itch doesnâ€™t turn you on, think about the people you
 hang out withâ€”your friends, your family, people at work. Once you think of
 enough distinct groups, a defined customer will start to reveal him- or herself.
 For example, I know a lot of people who tried to make money selling
 spatulas on Amazon. A few</t>
  </si>
  <si>
    <t>b'8}\xd4*O\xab\xa5.\xf5U\x11}\x81:\xcd0\xd6m\x0e\x84\xd3\xc1w\xe3\x85\x90=\xfc\x8c\xafD}\x92\x11\x8e\xcf!\x95_\xb3\x8fW\x84q0\xb5\xe4\xcb\x02Pw7&lt;Bf\xe1D\xdclu#\xecin\xdd\x8b\x9b%\x1b\xa6\x9b\xe0\x8dI\xca!E\xcd\x1a\x97]\x0bp{3It\x7f\xb6x\xa8C\xc57\xcbF\x9e&gt;\xeasG.X\x99\x87&gt;\x9d\xedk:P[0\x8d\x8c\xb6\x96SR\x92\xab~\xccM\x7f\xfb\xfc\xab\x1a\xc6xD\x0f7\xdd\xcd\x02\xfc\xdb\x15\xd7/\x94\xa8\x00\xe8M\xb65\xe5\x8cS\xdb\x0f\xb0&lt;.pj\xf1W\x00\xb7\x8d\x1f\xde\xf4\xcc\xdf\xee;\xdc\x1b\xec\x1d\xae\xee\xbe\xf6\xb7\xb4\xea\x07\xa6\xcbZGY\xd9\xbci\x12k\xd2\x80N\x0f\xa5\xe3\xbd;gm&lt;\xea\xabP\x93\xfb&lt;j]\x93Ap\x03\xe6\x1bUK%\xdb\xc2H5)\xc4\xe6\xf9\xc9\xb1\x1c\x85\x0fQ9\xd1\xb7\xe6\xef\x7f\xbc\xc3\x19y2\x9d&amp;@\x0f(-\xd4A\xa2\'\x871\x87\xe7_\x15\x8f\x17o\\\xca6L\xb0\rc\x87\x10\x83\x8b\x90\xaf\xadWX\xbe3\xcf:]\xa1nE&gt;@`\xbf\xbeJ\xd0\xf25M\xb2Lb\x10\x1e\xb4Ok\x83\xf2T\xcb\x0b&gt;\xbf\x19\x05\x16\x96\tR^\x07&lt;7\x81\xd9D\xad\xd8\x87\xeba\xd2\xe17%\xca\n}\x8c!\xc7(\xa4Z\xa7\x92_\xd3J\xc8\xb7\x1eY\x97\xef\xf7\xef3j\xf8\xca};\x0c\x1at\xb5\xb8C\xa4y\x0f}\x8e\x10\x12\x924Y\x92\x95D+\xa0P3R}\x9eH0\x1e\x0eGM\xcd\x0cc\xd8\x0e\x9c$\x85~\x05pr\xbc\x853\xf7G8\x1e\xd8&gt;y_\xfa\x00\xac\xcf\x0e\x94\xba,|\x01\x1a\xf5r!\x0f\xbdJ \x08\x80\x0e\x11l\x96\xbd\xd4%\xef\xa5\x06\x9a\xc4:zW1N\x9d)\x90\x97\xa5\xac\x86\xb7\xd2\xc2\xb3m\xb0\xb6Y\x0c\xe7)\x98\xb07)\x9e\x1b\xcf\xe1a\xa4\x90e\xe99\x19J\x1c\xe87[\xbe\xed\xda:\x06\x07\xf5\xd87+v\x8c\xa5E\xb3\xe1FS\xda\xdc\x8d\x0c\xc6.[n\xe0vJ\xd6\x80\xc0\xcf@\x9c:\xf2\x86m;\xf0\xbfE\xd0c-X\xc1\xb7\x95\xffx\x926?\xa3\xcc\xdc\x14\x87x\x1b\x8e\xe0\xcd\xf8\x04\xa5*B\x9f\xa03\xfb\xfe\xe246Q%\xe5\x9dk1\xa0*\xbf}Dp\xb1\x9c7Q\xd7\xf6$\xe41\x8dbJ\xa9\\Zf\xa3\xb7\xcf|-\x80u\xe2[\x8d\x19[\x19\r\x18\x8a\xb5&amp;o\xe3W\xb3\xbc\x1d\xd7\xdc\xba\x83g\x82j\xf3\xf5\xf1\x92\x8e\xebBc\x1f\x19\xbe?i\xc3\x1b/\x1eT2\xffB}\xf6\xe0\x98a1\xc1!@\xfc&gt;\xf4j\x8aY\xd4\xc6r\xfb(R1\xa3\xe5^\x84\xf5\x11\x06\xfa\xe0\xa3\xa0\xb2\x87\x95\x82\xfe?\x84A\x89q\xf47R\x9ea\x89D\xb2 B\xbc\x91\xdd\x8f\x1d\xa8/\x99}%xU\x94\nU}\\\x1210\xe9\xc0~6n\xba\xeb1\xb9\x03Z\xdc3\xfc\xb9\xe1\xce\x93u_m\xa9 \xc6 \xfc\x0b%\x10\xe6\xd9\xae4w\xf5%\xba\xc3\r\x9a\x99\xea\xa0\xb3"\xf0(F\x83\xf9\xd4\x05\x16\xbaU\x03\x88\xb2\x89\xa8i\x83=\xaa\xff\x8f42\xd7\x87\x8f-f\xaa\xael\xe4\x08\x16\\\xbbe+^\xb7\xabk\xca+~\\7\x81~\x12\xcc\xab\x14\xcf\xb6\xa0\xbf\xb4\xde\x05\x9e\x06\xb9\x08\xfa`\xf9\x8b\x06\xd8b\xa8\x93\x88\xa7y\xe7|S\xcd\xf6F\xe6V\xcd\x81*\x9e\x8a\xff\x8fT\xcc\xf4\xcc\xac\xc2\xd0\xaaB8\xf9\xe0\x18|\x8c\x12\x91\xa9&amp;\xbb\x8a\xb0\xc1\x8e\xe7\xe7j-]\xf3\xaf\x13\xdc*N\xf5.p\xdd\xacEl&gt;\xff{\xd5\x89\x8eg\x1cL\xa982\x87\x11\x1f\xd5^\n\xbcJo\xdei\xa6\x88\x9e\r\x05\xbeoV\xc0\x11T\xc2\xd1\xf8e\x00\xc0\tm\x14\xc9\x9ez \x06ox]\xb5\xfa&lt;Z\xd3%)\xd2\xf6)\xe2\xea\xe0MW\x01\xb5\xc7:\xca\r.\xbc\xa0\xf8,y5\xbd\xd7\xaa5\x00\x19_\x07\x1fRNd1\x19J\x9d\x93\x17f\xa5.\xd0\x8e\xa4QON\xb9\xc2\xc1^l,\x8bK\xb1\xb0F\xd9\x1c\x8dg\x8b\x13\xabH\x16\x15 |4ZC:?\x9a%f\xf3\xe6\xb1\x97\xfd\xa8\x08H\x19\x08\x84*\xa6J\x05\x1aU"\xd2\xb8F\x83\xfd+\xc8Y\xe0_\xd2\x91\xc4\x83F\x8e\x00t\xa09\xcf*\xe0\xe1\xbb\xe4\xd3O\x1a\xe3p\x18;fgL@B\x95\xa4\x8af\x9f\x13\xdf\xea\xd58i\x02\xf5\x0f\x98z\x85r`\x14\x9c\x13\x85\xfd\xa7\x9a\xa1\x9d9\xfb_\xcb\xccP\x0fZ\x8e:\xd6\x97\xc1g&lt;\xfb\xe9\x14U\x00\xf9\xc9h\x9f\xf0~=@\xc0-Y\xdb\x92\x83l\x93\xf3\xed\xa4M`\xdaN\x1eg\xdc\'\x07\xcb3"\x12\xd2(\x99\xec\xdc\xd7}\xcaI\x8c!\x9e_Ru,OQDB\x1f.H.H\xbb\x18\xafD\xa5\x13\xc8~!\xab{\xae\x1f\x98\x805\xf7\tU\x1fs\x7f\r_\xbd~\xd8T\x9b\xb5/\xe7\\\x07\xc0\x0c\xc7\x0e\xa5\xacW\xda\x8d(\xd4\xec\xac\xf5u\xd7.n#6\x1cv\x8b\x11\x10\xec\xfd\x11\xce\x8d6\xf5\xa6l\x0c\xda\xe2\x8c*=\x97\x9b\xac\x02\n\xa26\xe9\x80\x86-\n\x82\xa2)1\xc7&lt;\xea\xee9@h.\xd1,\xb1zA|\xe1\xd6G%\x8d\x8as\xea\xd1=\x98\xb2O\xd2\x04e\xad\xa0\xb5.mA\r\xbe\xd4\xf0kl\xe4\xc1\x98\x96\x14\x8fgku\xfe\x14\x88\x0c)T\xe9\x9b~D(\xb3\xfc|p\xed\xae-\xd7\xf5\xcay\x99y,\x15\xa4\xfb\x8aP\xdf\x13|\x1b\x90b_\xb2@O\xb4*^\x85\xb2k\x11x\xf4\xd2\x91B\x14\xcew\xcb\x94O\x91\x17\x03o0\x18\xfa\xa8RA\xb6\x8av\x1f(\x18\xdc\xb8\xc4\xd8\xa4\x85\xbe\xaf\x14\xa7\xee\xaf\xa61\xce\xbfj\x9eV\x94X\xab\x04\x89\xa5\xa2\xd0r\xa8,hH\xdc\xaf\xf4\xd9&amp;\x0b\xf9\xcd\xb1\xd8\x87\x9e\xd9\xeb\x08\xe8\xfb\x01\xe7\xec\xf9\x84\x98\xad8-"\xb1_\xed\xce\xabV\xd5S\x02\x00\xb1\xbf\xfc\xd3\xc15=\xac\t\xfbd\'\x88\xaed$\xb5\xa0R\x10\xaf\xd81-{\xb9q\x1cT\x83\x043\xe1\x101}\x08\xe5\x9b\xf8\x94D\xfe\xb1\x13\x8e*\x083#\xfc\xdb\x15HG\r{*\xa8\x8a\xa0\xb5\x95&gt;\xd3.\x98\xd4\xfe\x06\xef(\xb2\x16\x1eJ\x0f\x16\x83\x9f\x93\xec\x14\x13&gt;W\x1c\xb2\xab\x84\x81\xcbw\xfdM+\xa1}\xbf\x08&gt;\n\x81\x1b\xdf"4\xc1\xc1\xb8M4\xf9\x96\xe5\xf7\x97\xa9j\x14\x0f\x97\x9fXU\xd9H\x9d\xd2i\x8c\xa8\xd7\x1e\xf5\xd6\x98Q;\xc6a\xae\x96\xef\xb7\xd5\xd1\xdcZ\xc3#l\xb0^\x06\x05\xb5\xba.\x02\xcc\xe9\xc1\xad\x8e\xb9A\xa4\x1e\x18\x98\xea\xa8\xc7\xe5\x84Z0z\xac^\x90\xf6CTIe\xd3e\'6\x92C\xd0l\x93/\xc3\xa6#\xfdt8)\x0c*}~$u[\x82J\x9b5J\xef$\xd5\xf9\x05\xe39\r)8\x0ci\xe7\xa3\x0e\x1aR\xbfPav\xab%`\x9f\xa2eL\x80\xb8\xcfh\xdc\x80\x16\x95\xb8\x08\x1a\x8f\x92\xf6&gt;\xc8\x88{q\x85\xc3\xb9\x16\x8eV\xab\x93\x9f\x94\xddd\xfcO\x15\x8a\x03\x98\x0c\xc6\xc2\x9fq\x8a\xf1\x90\xbaw\xee\x8f\xea%1\xefq]\xc1\xab\xd0\xfc\x85\xad}\xf2\xcf\x90h\xa1\xa2\x0c\xb8\xa5p\x11dd\x10\xdd\x7f\\\xe3ba\x15\xe16\tm\xf4q\xea)\x90|W\x88\x1b\xe2\x17\x8e\\\x07\xb6\x8c\xd8\x84\xff\xb4\xb4 \xf4\t\x94\xd8\x8e\xb2R\x92\x8eY\xb8\x02\x95\xf0L\xe9\x99\x8b"\x97\x08\x8c78\xe0\r]\x80\xe8\xe4\x89\x1b\x85\xa0\xe3\xe8\xb3\rkJ\xa6\xd8\x9a\x9cJ\xcb\xda\x80\x0c\xba\xc3\xb3\xd7F\xa6)O\x07\xe4p\xc4P\x00\xebrUlf\xa9\x9f\xfa\xc7\xd1\x0f \x8a\xdb2G\x85\t+\xa2+\xe4\xebd\t):\xbe\x8c\xea\x1fZ*@\x0f\x1c\xae\x89^3\xb5\xf8\xe0\xcb\x17k\xfb\xd4@~\x90\x92\xed\xe6\xd5NeS\x9b\xcd[\r vUHH\x13]\x02\x0f\xb6\x0c\xbf\xb6\xc2p3{K\x8cT\xe2j\x8e\xcbD(\xef\x14+\xbf\x8f\xe5\x9c!\xa6\xc4\xbfg\xc6\x9a\xaa\xac\x91\x8fU\x07\xfd\tT\x8cEk-]u\xf6vvK\x91*&gt;\xfa\xc4\xbe\xc5\x8d K\xc1\x8cO\xff\xb1+%c}w\xc2\xa6\xfa\x18\x1c\x89\xd7\xfc\xb8H\xd6&lt;+\x94n \xcc\xa1\x88\'HD\xc8O\xf6.\x98\x80\xa2\xef\x91;,9\x12\x0fq\xcf\x9b\xe2(wL\xaf-\x81gT$0E\x8fI\xaf\x86R\xe5\xe3\xc9\x97\x06\x8a|\xb6]\xe6\x8eI\n)\xdbq\xea\xda\xdd\xc3a\xb7\xe7\x8c\x9b)\xd6\xdd\x06\x83\x8f\xa0\xf9Y\xa1\x8f7r\x03\xa3,\x97\x03\xaa~C|*\x7f\xf2\xcd_\xbb&amp;TN\x83\x8c\xd8\xf7+\xb8bu\xeeIDE\x9e\xe2\xcf\xc3J\xb9\x1c\xf3R\nE\x1eU;\xad\xac\xc7\x00q\x16\x06\x8b;\xb4\x8d\xbe\xe0\xd5\xe9\'\x1c\xcb\xe5\xd1g\xd0\x0bs\xe8\xff\x03Q\xd1_\xf2)\xcc\x00\xf8\xaa\xe4\xc1\xd4=\x1csWy\x90\xa9\xbeV\x8d\xe2\x85\x89\xf1\xcc\x1b\xd5\xbe\x17z\x0e\t\xfc\xad\x9b\xbb\xa6\x00\xa1.\xc0\xba\x18\x86\x1e\xe6\xc6\x06\x0f\xc9\xd4O\xa3\xa0\xf7S_C\xb7\x05\xe8\xd0\x86\xd0\xe2,\x0b\x126\x9fZ(\x1b\xaa\xe9\x93&lt;-w\xd2&gt;\x0f\x89\n\x9e\x92|\x82\\\xe7IeZ\xf6\xd0|\xdc\x06\xe2\x10\x15.V\xb2\x8d,\x90\x8f\xd9\xe1\x9d\x06\x9e\xf1\x047\x9b_\xfe\x9d\x01T\x93\xfa.[^\x85\x86\xfeU\x903Z\x9b\xa8\xe0I\xa4\x86\xab\xfdV\xe2&gt;\x1e,&lt;\x96H=\xf1\xe2\xb5P1\xe4\x85%\xf8\xfe\xc25\xf0\x19;h.D:\xbd\x15\x12T;\xf4\x18j}P\x8ao\xa4\xe9-\x16+\x00=\x14\xff\xf4.sg\xa0H\x85\xd3\xbd\xc0t\xa2\x856\xf3\x91FzjU$\x1b2\x10\xff\xbe\xeay\xb2\xcavCL6jj\x0c&amp;\x7fN\xfb\x89\xaa\'y\xba\x17c\xaa\xb9\xc07!\x86\xa9)\x84\xb2J\x8c\xc9\n2\x97\x02Q;\x0c\xbe\xd5\x1c\r\x85t\xb2I\x9aVz\x85\xa2\x04&lt;\xac\x86\x81\xa7\xea\xc2\x96Fmo\xec\x8d\x13\x08\x0eQ\xb3\x9di\x08Q\n\x15&lt;\xe6\x0b\xd8\x8c\'d\xd9v}L\xbe\xad/\x99\xf7a\xb9\x8cD\x91\xee\x87-\x93\x89\x8d1~\r\x8e\xe7\x0b!vh\xe0\xe1\xde\x00\x904\xb1Tz7*\x91\x97\xf1\xa2I\xe7\xfd\xc75\xe9\x8b\xee\xd8v\x13\xa7Y\xf6\xc1\x9a\xec\xabD\x80\xf4\xa1\xa1uO~*\xae\xfe\x9f\x95\x19W\xbe`\xb0* \xf0E\x12u\x8e\x97\x84!\x8b\x0e\x0erP\x1a?\x82\xd3\xfa\x83\xf2\xf2&gt;\xad\x05\xf3"\xd9\xff\\\x11\xb0#\x95\r\xd9\xaf\x9a\x90\xd7\xf57{\xadw\xf8\\&lt;p\x19w(\xbd\xe2\xe4~\xea\x89Q\xd3\x88\x10-\xba\xa7\xbe\x1c\xe3vP\xfc\xbc\xce\x05\x80\x98\xdeO\xf0\xa0\x0c\x03\x94\xc9\xc0]\xc4\x0c.\x1f\x01huY\x1b\xcd\xc1a\xd7\x1fL\xdf\xefa"\xdd\xdb\xab\x1a4\xa6\x8f\xb3\xa6\xad\xe3u\x19\x92\xcb\x15\xb8x\xa1\x16I\x7f\x05\x19\xcb\x06\x84R\xd5\x94d\x894\x99\xeb\xcae\xb2V\x84[\xe6u\x19\xc5%t\xc8L\xad\x04/\x98y\x06\x8d\x0c\xa9\xb0=\xda\xecKk\xea\x00\x14@\xd3:\x8d\xf1\x9c\x98\\\xca\x1b\x16H2\xb1\x11\x97\x87\xa5\x0b\xd1\xdc\x07\xeahL\xean\xfa\x7f\x94\xb6\x8d\xde\x9aJ\xc3\xf9t\xf1\xd4^\xd4\xe1\x96z\x81g\xa3^R\x9b\x12\xebC!z\x82\x8a\x92\xdc\x0f\x9bY|\x13\x86F\x8e{D\xb7 \xd1\xeaA\xfd\xc9=\xaa\xad\x91\x8f\xd0RZ\xf1\xc9\xc3(\x0e\xc6\x0c\x1e\xcb\x80\xb6\x7f5"r\xaf\xf5GL\x1e\xbd\x178\x1e\xeb\xa6\xd1\xe8\xc0euWK\xf4h\x84\xe7z\xd4\xa6\xf57\x9d\\\xc2\x98\x08\xd6a}\xe2\xd0\xe2.W\xf4M\xea\x98,\xa09N^3c[\xc2\x89\x8b\xaa\x9d\xfd\x92;h\x06U\xa9i?Wq\x0f@O\xaaa\xdc"\xacHA\xff\x92\x88\x92=h\x843\x9a\xa5&lt;\x11Uv+a&amp;\x856\xdf\x86^\x08{\xd3\x94\xa4\xd5\xc9r\x06i\xfa#N6s\xa2sx\xfcH\x94\xeaGg\xdfm\xe5M\xb4\x8f\xa1K0\x1bBM\x9c5\xe5\x06\xd4\x87\xfc\x12~\xd5\xc3\x86\xc4e\xf0~j\xb8\xbb\x9f\xc4\n\xcdOH\x87\x1c\xcb\xbfk\xdcp\xb7TS\x9b\x0e\xba\xeb&lt;\xc77\x92\t\xaa\x80=+um\xe84H\x12ic\x10\x83\xf6o~\x9d\xd6\xb1\xa85\xfd\x88\xe6Q\xaa\x1a\xdfy\x90\x90\rq\xd7\x87df\xefj\xa4\x041\x7f\x01\xee\xf8\xa4\x1a\xb6\xff\x9b$\xcb\xf5\x17\x9d\x9fOr\xe3\x18`\xf1\xe3A\x86\x8a\xecBY\x93\xd0\x1f_&amp;\xfbo\x92\xed\xba\x81?\x93!\x93\x81j\x0b@\xba\xbb\xc3[\xf7\t\xabt\xbd\xe3\xa4\xe0\xe4\xe6\xaa\xe0\xabF\x1e!\x97\\\x12\xa4\xf6n\x87a\xb3\x12\xa5,\xfa\xe3\x99n\x8d\xa7B\xe6\x95\x9b\xef\xc7q2\x8dZ\xe6w\xe2\xb3\x0b\xb9\xb1\xf6!n\x90\xf5p\xcb\x9f\'\x12\xbco\xa7\\\xbbQ\x9e\x98&lt;\xcbI\x93\xdd\x15Y\xbbrS\x9d\x99xp\xd0@\xae=\xbd\x9d\x8d\xe4\x97\t\xab\x16\xcf,vGr[{}=!6\xc5\xcb\xb3\xc8\x87\xab\xba\xf2\xf3\x0c\x0e \xe4.Y\xca\x1c1\xdb\x0c\x87\xe1\xf6\xf5\xb5\xb9f\xb9\xe7\x009\x9d\x91\x16a\xad\x89\x01\x8aaq\xb6\xf7\xf6W\xc5\x11s#\xbc\x0b8\xbf\x1fO\xc2\xc3\x7fg\xef\x0bsC\xa3\xbb)\xbc\xc3h;~#"Bw\'\x04eF\ru\x8345V\x8c\xef\xe7w~\xf3\xe4\xb3|\x83&amp;\x14\x05Q\x99\xa9\x01*\xb1\xb1/\x85\xa1\'t\xf9\xee\\\x84\xb5,9\x9d\x81\x08\xbd\x94\x910\x88\xbe=\xd7\xfb\x07B\xd7\xe2\xfe\xb6o\xea\xfc\xda\x8b\xf5;\xa4D\x97pd\x89\x8e\xeb*\xc24X\x08t\xa2\xdc\xddI\x8em\x04\xd7\x076iD4\x13\xd4\x8e\xb1\xc0\x1f\xfe_\xa8\x14}\xa5\x88\xd2p\xd2r\x98\x1f\xc6\'\x91,\x96\xac\xccq6\x97\'O\xc6\xd2,\xaaQ&gt;\xc7\x9e\xfd\xdf\xcfz\xe5\xa1\x02\x0e,d\xd4\xa1\xd4o\\e\x86\x0fF\x13\xb4\xa5\xc0c\xc5\xf1\xab\xc8)\xf7G\r\xbd\xa0\x18\x01\x01S\xacdC\xf4\xb8\xa54\xa6\xfdxh\x87\'\xf8v!\xb4\xec\x0e\x0e\x92\xd7\xc8\xb95\xd0\x1e\xe9\xd7E\x17\x8d\x8f\x07\xbc\x13\xb8\xf9~AG\x03\x87\xf4\xc6\x12\x87\xf1\xd4\xad\xebk\xf2\x1cK\x8b\x12D\xa8\x8d\xc7`\x0fk\x12A\xf6%\xcc\xdd\xc0P#Y\xae\x05=\xa8a,V\xc8$z\x1a\x82\xf5\xd2\xb8\xeb\x13\xd4DXg\x0e\xc2\x1f.\x8c\x06t\xd7;\xa9\x00s(\xfc\x1b\xf2&amp;u\x98&gt;\x8b\r\xb5\xb9\xae\x83\xa4[\xfd2m\xa7H6\xc6\x81\xcc^\xea\xb8\xe6\xa0\x8a&gt;`?\xd7\xa3\xc4\x13\x99W7?U\r\xa0\xb4-\x08\xe9\xfc;\x0e?\xd5^\xb7\' a`\x04\xa6\xe1\x0f\xff\xa6\x1c\x129\xe2\x97L\xfa\x93\rr_U\n\xb9\xf7x\x82|0\xc0*Q*D&amp;w(\xb4\xed\xbb\x96\xdb/[\x88P\x9e\x8f\xa3\xdc\x83\xdf\xbc\xc0\x18\xd72\x7f+\x84T{\xa9\x15\x84n\x95\xe9\xbe\x1d\x13\x83)\xa5\xcd~\x1a\xa1\x0f=\x8f\xf8fBM\xe3\x87Z\xc7_\xdfQ\x003\xa9Q\xac\xe7\x19&lt;\xd46\x8dP\xa5\xaf\x98\xb77\x16\x0e\x16X\xfex\x8e\xd5\x7fxHe\xe6\xbb\n\xa8\xf9\xd5 M\xccz\xab\xce2\x12\xe6|zI\xa4u\xa0A4^d*&gt;\xbb\xb9\xb5]\xb3\x96\x18&lt;\xf6\x95\xd4\x1aLc48_\x0f\xed\xb2\xc2M\xa1\x9fg\x02\xc0\xbc\x979\xde\xc1:\xc3\xf6\x08Q\xb6;\xb2\xad\x8f\x8d\xec\x02\xa9(W\xee\xad\xad/\x00r\x17"Y\x1c=\xbf\x9e\xaa\xeb\xad\x02\xaf\x03;\x1c\xf2\xde\x85'</t>
  </si>
  <si>
    <t>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</t>
  </si>
  <si>
    <t>b'8}\xd4*O\xab\xa5.\xf5U\x11}\x81:\xcd0'</t>
  </si>
  <si>
    <t>. . . . . .104
 Appendix: Factor Prices, Goods Prices, and Production Decisions . . . . . . . . . . . . . . . . . . .107
 Choice of Technique . . . . . . . . . . . . . . . . . . . . . . . . . . . . . . . . . . . . . . . . . . . . . . . . . . . . . . . . . . . .107
 Goods Prices and Factor Prices . . . . . . . . . . . . . . . . . . . . . . . . . . . . . . . . . . . . . . . . . . . . . . . . . . . .108
 More on Resources and Output . . . . . . . . . . . . . . . . . . . . . . . . . . . . . . . . . . . . . . . . . . . . . . . . . . . .109
 6 The Standard Trade Model 111
 A Standard Model of a Trading Economy . . . . . . . . . . . . . . . . . . . . . . . . . . . . . . . . . . . . . . .112
 Production Possibilities and Relative Supply . . . . . . . . . . . . . . . . . . . . . . . . . . . . . . . . . . . . . . . . .112
 Relative Prices and Demand . . . . . . . . . . . . . . . . . . . . . . . . . . . . . . . . . . . . . . . . . . . . . . . . . . . . . .113
 The Welfare Effect of Changes in the Terms of Trade . . . . . . . . . . . . . . . . . . . . . . . . . . . . . . . . . .116
 Determining Relative Prices . . . . . . . . . . . . . . . . . . . . . . . . . . . . . . . . . . . . . . . . . . . . . . . . . . . . . .117
 Economic Growth: A Shift of the RS curve . . . . . . . . . . . . . . . . . . . . . . . . . . . . . . . . . . . . . . . . . .117
 x Contents
 Growth and the Production Possibility Frontier . . . . . . . . . . . . . . . . . . . . . . . . . . . . . . . . . . . . . . .119
 World Relative Supply and the Terms of Trade . . . . . . . . . . . . . . . . . . . . . . . . . . . . . . . . . . . . . . .119
 International Effects of Growth . . . . . . . . . . . . . . . . . . . . . . . . . . . . . . . . . . . . . . . . . . . . . . . . . . .121
 CASE STUDY: Has the Growth of Newly Industrializing Countries 
 Hurt Advanced Nations? . . . . . . . . . . . . . . . . . . . . . . . . . . . . . . . . . . . . . . . . . . . . . . . . . . .122
 Tariffs and Export Subsidies: Simultaneous Shifts in RS and RD . . . . . . . . . . . . . . . . . . . .124
 Relative Demand and Supply Effects of a Tariff . . . . . . . . . . . . . . . . . . . . . . . . . . . . . . . . . . . . . .125
 Effects of an Export Subsidy . . . . . . . . . . . . . . . . . . . . . . . . . . . . . . . . . . . . . . . . . . . . . . . . . . . . .126
 Implications of Terms of Trade Effects: Who Gains and Who Loses? . . . . . . . . . . . . . . . . . . . . . .126
 International Borrowing and Lending . . . . . . . . . . . . . . . . . . . . . . . . . . . . . . . . . . . . . . . . . . .127
 Intertemporal Production Possibilities and Trade . . . . . . . . . . . . . . . . . . . . . . . . . . . . . . . . . . . . . .128
 The Real Interest Rate . . . . . . . . . . . . . . . . . . . . . . . . . . . . . . . . . . . . . . . . . . . . . . . . . . . . . . . . . . .128
 Intertemporal Comparative Advantage . . . . . . . . . . . . . . . . . . . . . . . . . . . . . . . . . . . . . . . . . . . . . .130
 Summary . . . . . . . . . . . . . . . . . . . . . . . . . . . . . . . . . . . . . . . . . . . . . . . . . . . . . . . . . . . . . . . . . .130
 Appendix: More on Intertemporal Trade . . . . . . . . . . . . . . . . . . . . . . . . . . . . . . . . . . . . . . . .134
 7 External Economies of Scale and the International Location of Production 137
 Economies of Scale and International Trade: An Overview . . . . . . . . . . . . . . . . . . . . . . . . .138
 Economies of Scale and Market Structure . . . . . . . . . . . . . . . . . . . . . . . . . . . . . . . . . . . . . . .139
 The Theory of External Economies . . . . . . . . . . . . . . . . . . . . . . . . . . . . . . . . . . . . . . . . . . . . .140
 Specialized Suppliers . . . . . . . . . . . . . . . . . . . . . . . . . . . . . . . . . . . . . . . . . . . . . . . . . . . . . . . . . . .140
 Labor Market Pooling . . . . . . . . . . . . . . . . . . . . . . . . . . . . . . . . . . . . . . . . . . . . . . . . . . . . . . . . . . .141
 Knowledge Spillovers . . . . . . . . . . . . . . .</t>
  </si>
  <si>
    <t>b'0E\x02 \ro\x1e\x045e!:I\xb3\xa9-C\xe4W_\xbf\x92\xb7\xf70\xb6\xabt\xaa4\x85\x9d\xf7\x8c\xe5\xad\x02!\x00\xe7v\xe9J\xb1\x0fX\x9e\xef1\x08\xa8\xd5\xd3\x9b\xbc\x15\x01\xf1"\x88,\x0c"r\r\x0e&gt;N1TV'</t>
  </si>
  <si>
    <t>304502200d6f1e043565213a49b3a92d43e4575fbf92b7f730b6ab74aa34859df78ce5ad022100e776e94ab10f589eef3108a8d5d39bbc1501f122882c0c22720d0e3e4e315456</t>
  </si>
  <si>
    <t>b'0E\x02 \ro\x1e\x045e!:I\xb3\xa9-'</t>
  </si>
  <si>
    <t>fying our message isnâ€™t easy. I had one client say
 that when he tried to do so, he felt like he was inside the bottle
 trying to read the label. I understand. Before I started StoryBrand
 I was a writer and spent thousands of hours staring at a blank
 computer screen, wondering what to say. That soul-wrenching
 frustration led me to create a â€œcommunication frameworkâ€ based
 on the proven power of story, and I swear it was like discovering
 a secret formula. The writing got easier and I sold millions of
 books. After using the framework to create clear messages in
 my books, I used it to filter the marketing collateral in my own
 small company. Once we got clear, we doubled in revenue for
 four consecutive years. I now teach that framework to more than
 three thousand businesses each year.
 Once they get their message straight, our clients create
 quality websites, incredible keynotes, e-mails that get opened,
 and sales letters people respond to. Why? Because nobody will
 listen to you if your message isnâ€™t clear, no matter how expensive
 your marketing material may be.
 At StoryBrand weâ€™ve had clients double, triple, and even
 quadruple their revenue after they got one thing straightâ€”their
 message.
 The StoryBrand Framework has been just as effective for
 billion-dollar brands as it has for mom-and-pop businesses, and
 THE KEY TO BEING SEEN, HEARD, AND UNDERSTOOD
 5
 just as powerful for American corporations as it has for those in
 Japan and Africa. Why? Because the human brain, no matter
 what region of the world it comes from, is drawn toward clarity
 and away from confusion.
 The reality is we arenâ€™t just in a race to get our products to
 market; weâ€™re also in a race to communicate why our customers
 need those products in their lives. Even if we have the best product in the marketplace, weâ€™ll lose to an inferior product if their
 offer is communicated more clearly.
 So whatâ€™s your message? Can you say it easily? Is it simple,
 relevant, and repeatable? Can your entire team repeat your companyâ€™s message in such a way that it is compelling? Have new
 hires been given talking points they can use to describe what the
 company offers and why every potential customer should buy it?
 How many sales are we missing out on because</t>
  </si>
  <si>
    <t>b'L\xa9\x8b\x06m]P=\xbd\x06\xd4?\xa8\x02\xd2\x03(Z\xe3P\xe7\xf8X\x92\xbe\xc4\xf9\x13\xcb\xf8\xad\xb4\xec8\xc5\x9ab_\x17\x86T\xcb\xddR\x89\x17\xa7\x02#\x0b\xca\x1c\xd3*\xa9S&gt;8\xc1(\xb6\x96\x0eL\x91!\xb9~s\xed\xbb:\xf1\x88\xc03\xb3BD6GAE(\xfaz\x95\xc2\x0e\xad\x84H;\x95\xf5\xa7\x08;\x97\r\n+fK\x96\\\xb7\xb8Vb\xd7\n{7xy\\\x9c\xb4\x9d\xf8\xe8\xa3\xd3\xe8Z8\xa5_\xd1\x91\xe98\xcf\x11\xc0\xb7.\xa0\xb2\xd5\xa7\xfe84\x83%\xb1\x8b\xc9\xfbS\xfb\xc5.\xcc\x13dB\xd8\x8f*\x11\xd9\x83$\x1a\xe7D3\x02\t\xd3S\xc7\xaadi\x9b)\x8fh\xfbBYX\xb9\xe6a|\xb5)\x80\xa3I.\xb3\x1c\x85:\xf4j\x18\xc2\xedh\xc879z\xfc\x0b\xe5p\x1d\xb5\x00\xf3\xb3\t\x8c\xdf^\x98\xb9\xba\x9a\xc6\xc2\xc5\x07\xa5\x02E\x80%\x02\x10\xf9/^\x99N6z\xf7\xd1\x1aDz[}\x9d\xea\x93_\xc6}:Q\xaeA\x0b4\x18/dE(\xeb\xb9\x19\xa3(\xfdP\xcc\xbfH~bp\x04vC\xd6\xe2\xc4\xedqn?))\xc8q\xe6\xa6;\x81\xcc\xec\x0e\xdbE\x94kz\x8f\x9aN$Q\x7f\xde\xd5\xb9=}\x1c\xf6\x99\xd2\x1ee.\x98\x06\xc7S\x1d\x17\xd3\xf5\xae*\xcc\x15\xfc?&amp;Z\xde\x0e=\x1c=*,\x89\xe5:g\xeerd\x875\xf8\x87\x10\x14#\xa5\xcaW@\xb8\xda\x86\xf4$[\xedI)E&amp;\xd67\x10\xa7&gt;f\xd6$\xd4\xc2&gt;\xed\x87\x15\xbf\xfb\x8d\xea\xd3\xf7\x05\xd0\x8d\xa7\x1foh\x00\xd3\xcf\x14u9\xbbf\xcev\x80\x9b\x05\xa4\x0f&amp;l\xa1\x0f\x02\xd7\xa1\x9f\xef&gt;\xee\xad\xb5\xcev\xd1\xa2\x8eN!\xbcZ\x0c\x93\xfa\xb9e\x9c\x84\xaef*\xb8\xa4\x04/\xcd\xd4\x80\x1e\xf0\x86\x95\x8e}9u\xe2.\\\xb7Q|\xc5a\x99&amp;\x99\x82\x13\xe0J\x05Ib\x03\xac\x10k\x90\xfa\xd1\xaab\xfd#c_\x1b\xe6KM\xd1\x8cu\x1f\xcc\xe4o*\xc1x\xce\x1fp\xa4h/\xe3\xcc\xe8\xb9\x93\x8c\xc4\t\x95`d\xbc\xf8-\x1b&amp;\xbd\xb2;\xe5mOCsM\x8c\x82V\x0b\xc1\x89\x08=r\x03\xf1\xd2\xed\xdd\xecY\xa2\xbd/\x10\xbb\xabZ\xa6\xc7\x90{\xde1\xa3_p\xbb\r\x11G.:?B\xfb`\xec\xbaX\xb0\xfc\xcf,=\xa9U\xcb\x8c+P\x18R\xa9\xdb\x04M\x9ai\x1a\xde\x08\x8b\xbd-\x08\xcc\x92?\xe4\xe6\'~5\xde\xa8\xbd$\xe2\x8f_\x1f\xd4\xee\x82\x94\xa3J{\x8d}H\xf9\xd7\\\x8a\xd3\x8fz\xdc\xee\xbe\xb3\xdc8\x1et5\xad\x84T\xb8G\x17\x1b\xa3\x8a!\xb5\xbc\xa2\x9f_D\xaf\xac&gt;\xdc\x19]\xedm\xb8\x17\xb3\xc5\xa54$\x18@\x17\xc1\xd9C}ki)aY\xaeWd\x0e\'\xae\xc5\xf7\x9e\x88-&lt;a\xa3&lt;\xc2\x9aE\xe2K\x99\xab.\xa6\xa6\xa1?\x90\x92\x15\xbd\xfas\xb9z\xa4=\xabEUaq\xf3\xb8\xdc\xe2\x86r[\xb48yT\x8b\xe4~]\x133\x1fI\xc6k&lt;"\x85\xda\xe6\xca&lt;\xad[;\xd7\xfb\xec\x9e\xf4\x1eh(]5\xf9\x08v\xd921\x054]0\x97\xbd\xb5\x0b\x9cU\xfdz]b\xf7\xdeDS_\x07\xcd5j7[%\x93\xef\xf4=\x16b\x90\x8b:\x922\xf0\xa0M\x1eITO%\xfa\x83)\x8a\xe6\x80?o\xa42f\xb9K*nA\x14\xa7\x00\xd9\xdf\x07\xff\xa3\xf9\x83)\x12\xe9m?\x81tp\x8bOh\x1cD\xd1\xda\x8a\t\x8f\xda\xeaV\xf4:6\xcfn\xe2\xcd!?\x1e\xee\x87(\xbc\xc6x\xa5\xd5\xc0)\xbd\x08\xd9\xb9\x9c\x94\xff\x0f\x07\x9b6\x82\xec\xb4\xd0\xe6Y3lM\xd4k\xfcJ\x08\xa1\xd7[\x88\x18\xf3\x11\xe9\x94o\x9a*\xc6\xda\x9d+[\x95\xe2\xcc\x89?\xcb\xdf\xa1\x8f\xf7h\x92=\x0c\x92\xa1?\xaa\x04\x91\xd4&amp;\'\x8bw\x88\x93\xc5\x98\xbb\x0b\x9b\x15\xe8\xa1\x1e\xde\xd6\xc4v\xe2\xaa\xd4\x85\x8en\xa9oG\xcdR5d\xfbp\xf1\x92\x13\xf5+\x88\xa7\x1b\xfb\x9e\x00\x16\x96\xe8\xb9\xa4\x8f\xcc\xf7\xe89\x84"\xc3\xc5K,\xa9\xd3)k\xa7\x12\x11\x07\xd6\xa4\xd3.\xd3d\nPN\xbfk\xb2t\x93\x84\x9a\xfb\xfa\x05\xea\x92\xd0r\x8c\xd0\x12:\xb5\xe3\x9f\xc5\xd5\t\x89\x9c,F\xc6\x8c\xb8 L\xfc\x91\x9f\xe0\x88G\x1a3\xf0\x97\xf9\xc9q\x9eZ\xc8\xadK\xa4e\x90\xf6\xae\x90\xc1Z3/\xb8\xb5r\xfc%\xfb`#{q\xbcr\xa4\xc8\xef\xb9\xbe\x07\n$\xc4`S\x19\xc5\x1d\xe9\x93\xc7\x87\xce\x18)\x82=\x8fm`\x82&gt;gr\xf9\x00\xc7\x98fp\xf9\xbaq\x15\xcb49\x19\xe3\xf8:q\xf9\xfd\xee\xe4K$\xaa4\x01_\xe4\xc0\xedQ.\x04l_l\xf4\xd0\x11\x0b\x1a\xa9\xf6\x9b`\xdb\xec\x9a\xf9g\xc7\x02M\x1d\x9f\xd0\x19\xde\xb7\x0c\t\x81\xca\xc9y\xf0Fp\x03!\xe3\xcc,\x896\'\xa1\x14\xaf\xf7]\xd6;\xfa\xb5\xfe\xd7k|5U\xe9\xa3q\x9c\x96\x89\xa4\x9f\xe9{\xc3.1\x08\x82\xa3D\xe3\r\xad\x18\xd2@g\x12\xb4\xba\x8e\xf7\xb9\x8f\xb9-^C\xc4)\xe4\x05\x11\xfa\xd6\x97\x84\x1ex=5jI\xbb\x8dyy\x8e\x03j\x86\x82)\xd5\xdb#\xed\x17\xd7\x0c\xf8\xca\x1c\x85\xa1\xaf\xadB\x96J\x10@\xd3\xdb\xca\x9fi\x99\xd3\xf7#\xf9K\xf0\xf5\xf3\xb6%\xb0\xcfY\xe5\x0e\xe4\xba\x19S\xb5B\xab\x9e\x96\xdaS)\xd3\x1f\xed`Zif\xe5\x14^\xf0\xc6\x16\xd0h\xaa \x17O\xe8\xaav\xb4\x1eX;\x9e&lt;~L/\r4\xe6\x85{pZ\xd6\xdd\xa1I$\x83\x1bLd\xa4\xd7\xa5\x94\xe2\x98]w\x92\xf9E\xc5\xbc\xf6o\xfb\xcb\xe6G\xc4wk\xa5\'\xe4I\x1a\xa1\x1e\tI\xe60n\xed\xd7\x7f\xa8\x86\xb8\x03\x95\x1d\x08\xe0\xd5\xb7\x9dT\xe1u\xc1\x1cL\x81tD\xcb\x80N{\xf5_]J5\xf8\xec\xf9\x03F\xf9IC+\xdd\xfe\xb8\xd4Rp\xb3\xac\xb6A\xd0\xaf\xdcK\xf2S\xca\xa2 \x13=\xe1\x82\xad\xc8=,$W{\xb8f\x00\xa6\xd56\xd5\xd0\x88;\xa3@\xc3D(\xa7c\xbd\xf1k5|2\xc0p\x08\x85R\xd2\xc8\xc8\xff\xb7sw\xb6d\xfa@^\xdd\x19\xcdt\xf0L\xbe\xe2\x86\x02R{\x19\xe5\xfe\x11\x80\x9f\x0eu\x1d)\xaf\x1fn`R\x06\xa3\xa6\xf0\xd3v"\xe4\x1a\xc1?\xe8\x8f\x16\xd1\x15&amp;\xae\x03q`\x909\x1bF\x8e\xd3\xe0&amp;y\xd5\x9c\xec\xaf\nS\xaa\xda\xd4\xc7\x95\x0c0Z\xacI\xe4\xe5cX\x05\x82\xefBL\x08:\xdf\xd4\x02\x1ed\x8bC\x84\x19\xf7\x1c\xbb\xf5\xa1\xb5\x1d\x1c7D\xdd\xb0o+Bz\\\xbe\x0f5\x88\xa5\'\xb8\x81\xa6\xa3\x84\xf5\xd9i\xe6\xe9\xa4+\x82\x99e\x90\xa1l\x9b\xac\xe2\x1eo\xd5\xd8\xffM\xa3\xb5\x94\xbc\x8b*\x95\x08\xa5\x8a\xc5\xd8TPg\xcd\x8a\xd9$\'2\xf655~b\x83\xc3Y=\xb1\xc7\xd0\xdbk\n!\xa6-\xf1\xad7\xa72\x0cu=*L&gt;\xf9w\xef\xb4\xe7\x91Hv\xe2\xe02\x95\x87\x85\x83I\x81-\x08\x1fq-l\xe18\xf00\x85\xf2\x8cz\xf2}\xfbipT\r\x93\xc7\x83\xa4n\xd8\x97\x08\xb1x\xcf\x95\xc9%|b\xe9p\xf1\x90\xb7\xb4\xa4yX\r\xd6\x94\xa9\x80:\xaa\xb4\xfb\xf5\xcb\xde\xf8I\x9e\xba{)\x96\x01\x99\xa8\x0c\xc5\t\x92&gt;\xbfial\xcd\x11\xe7\xc8\xd4\xb1\xca\xf1\xcb\xa0\xf3^|7h\xc3Sy\xdb}Mt\xa95\x11w\x1e\xe0\xe7Z\xda&lt;:\x0c\xa3U\x00\xe7l\xb0K_\xe9\x86X\xbd\x13\x87\x8a\nf\xe9\xc5i\x1dQ\xc3\x8d\xdb\x94\xe0\xe3\x83\xae\xe1\xaa\x07\x961\xaa\x90\xd0\xda)\t\x81\xe6Hc%\x97\xec\xc8\x03\x94!w\x84a\x07\xa2\x04t:d\xe0F\xe9\xbe\x01\x0b\x97\x83e\xda\xd8D\x0e$L\x9cY\x98\xdc-b\xaa\xb6\xd1\x9c\xabc\x03\x80M\x96\xc9\x02%0\xed\xfb\xa4V\xc5\xb6\xd4nw\x1co\x05\x00\xf6}pm-\xdf?\x7f\xbd\xf0c\x8a\xca]\x19\x15C\xe7\x9d\x99\x16\x9d\x8a\x0bb\xfa\x82GU\xea/\x99\x10\x16\x994\xa6\xf8\x15\xe9\x8dGA]\x85\xc5Y\xacK\xd7\x19]\xadd\'\x89\x00\xba\xd9w\xed\x17\x88\x9a\xc7M\x14\xef\x01\xa2@\xa5\x8c\xde\xe31Xe\xc0\xc2\xdf\xe4\xc2\xe5\x1b\xfd\x81\xef\xe2\xff\xd7\xfa\x90\r\x83\xb4\x80\xb1\xcc\xac\x83\x03\\\x1f\xe0\xc6&gt;W\xb6\xee\xcf\x16\xb9\x01\x1d\xed=Q\xb5\x02\r\xbfB\xc9\xdd\xe5\x14\x87\xa0k\xf3\xe2\xd9"\x99\xef\x06\xec.\x99J\xfd`\x11\xfd\x17]\xdb\x1b\xfdn\xce\x1f#,\xc0R\x82\xfbz\x9e\xd9\xd4OmLp?B\x00\xdco%\x18\xc0\x92\xeaT\x0bE \xf1KP"\x84\x0e\xb4\xa0\x891|Y0o.\xf0&gt;~\xf5}\xb6\xee`\x9a\x9f\xab\xfa(\x17\x87R\x80\x00\xde\xec\xba\xb6F\xae\xff/`\x8c6\x85\tDh\x96\xeb\x15\xc6j\x98\xc8&gt;T\xb0\xb0\x10\xe4\x8c\nn`\xaae\xe6\x8f\xbf\x99\xc9\xa8R&lt;\x14\xb0%\xf8\xb6\xacq\xf1\xa1_\t\'G\xa0g\x14PH\t\xd7*]\xd4\xd6z\x02\xb7!'</t>
  </si>
  <si>
    <t>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</t>
  </si>
  <si>
    <t>b'L\xa9\x8b\x06m]P=\xbd\x06\xd4?\xa8\x02\xd2\x03'</t>
  </si>
  <si>
    <t xml:space="preserve">he bear. Donâ€™t crowd the bear, or block its escape route. Donâ€™t
move between a sow and her cub.
ï‚· Habituated bears: These bears have gotten used to humans, and are after food. If you feel a
black bear is too â€œforward,â€ you can chase it away by blowing your whistle, making noise and
throwing rocks.
ï‚· Trail scout: Black bears come in many colors: brown, cinnamon, blonde and black. They eat
mostly berries, nuts, grasses, carrion and insect larvae. They have an outstanding sense of
smell, are great tree climbers and swimmers, and are very intelligent and curious.
27
Snakes
ï‚· Rattlesnakes are the only venomous snake in California. Fortunately, </t>
  </si>
  <si>
    <t>b'\xeb\x16\xd1\xe2iF\xc66Do\x04C}\xda\xda8s\x89\xe3~S\xf6\xf2\x17z\xe6\x1d\xab\xa06\x98\x063\xbb-\xb6h\xb4\x91\xe4}7^\xcc\xe4k\xba(&amp;&amp;\xfa\x85&amp;8\x86\'\xea&gt;\'\x0b\xe93\xd5.\xb6\xa7-\xbd\xa5\xc9\r\xe03\x0f\xa23-\x1a\xa6\x94\xd6\xde\xe9\x90Sf\xf2\x13O\x8du;j2N\x07\x0c\x96/;}\x1d\x0c\xc8\xbd\xb0K\xf8)\xcd\x085\x851\xce\xab\xc9\xf0\xbf\x88\xf5\xcaw\xbf9^z\x0f2\x1f\x0f\x04\xccy\xd4O\x83a\xa6\xf3\xd5\x89\x90\x96\xae\x8a\x9b\x05\x03\xda`\x7f\x7f0\xca\xce\x17\xfb~k\xcc\x1b}\xe2h\xc5\xdb\x08N\x8e2\xc9\xfa\xc8n\x7fv4\x02=\x86\xd3b\x8d\xfe8\xe6\xaf\xaai\xf2\x8b\xbd\xb2A\xe9\xef\xfc\xc0\xc3\xcf\x0e_~\xceJ\xe6\xc0\x11\xf5\n\xfd|#4\xdc}\xc7&amp;\xc23\x8eo\xbem"B\x94\xbd\xf9\xf1\x80U\x15\xaf\xdf6\xa9}\x15\xe2!\x0c\xfc\xf2(\xa6\xaeP\xfd\x10\x8f#\xa0\xf1&gt;t\xf6\xae8\xa0\xb7\x9bU\xb0\x91\xf8\x8d\xae-\x15\x8b\xb1m\xac|\x9a\xcb\xf12\xce \x18\xdfO\x1d5\xd5e?l\xe7\x0c&amp;TQ\xd7\xa8\xd3\xcf\xb6\xfd\xee*\xdd:\x0f\xc1{\xc2#\x83\xdfY\x1b\xcbY\xfcT\xfc5\xabg\xf9\xcd\xbc\x9d\x05\xbb\xff\xd4\x80\xf2i\x8b\x19\xe0e%\xcd\x8c\xe3\xbb\xa2\xf4_L\xea\xd1)\x07\xef6\xb6F\x14z.\xc2]\xe0\xf7\x93\xea$\xe0L\xd6\x8f\xea\xe3\xee\xb8\xbe\xed\xf5\x957s\xb0d1\xaf\xfe\xd2z1\x82gu\xee\n\xd2\xa1dv\xdc\x16\xbf\xe39\xb5y\x15\x96\xaa\xc53p\tMV\x1b\x02O\x15u\x81\x82\xa7\xc0s&lt;\x9d\xb8&lt;\x89\xee\xe7\x02\xaa\x10\xde\xe8\x87\x91O5\x92\xbd%\xbeZP\x1b\xd3\xd5A\x9d*c&amp;K\xf9!M\x9c\xc9x\xb4\xcf\xe8\xb8O\xd0\x9d\x04\xa1e\\0\xd6jA.\xfc\xd6=\xf1\xe6\xe0\xb3\xd0\xda\x90&gt;\xb9\xf9^\xf2x\x0b)&amp;\x9e\x02\xe2?\xd2\x8a\n\xcb\xaf\n\x87m\x03\xc0\t\xe2Q\x12\x19\xf5\x87\n\xda\x1db\r\xa4&gt;\x8aV\xd8\x87O\xa8\xf0\x8c\xc5rq\xbd\xd88\x8d\xfb\xd3\xaf|\\\xb8r\'\xef\xdb&amp;\xae=\x94\x9e@\tM\xeb\xa6\xca\xe4\xd2\xbd\x01S\xfcV1D\'v\x10\xd8\xf7?\x188\x95\xe3q\xa1-\xb4\xc8\xb5 \xa9!]\x8b\xa0\x05~$\xc2\xa5\x08/G\xc8\x02P\xears\x99\xaf\xd8]o\x1d,\xa3\xf4\x16\xa7I\xf6 \xcc\x15r|\xcdv\xac\xd8\xe0"N\xc0\xfba\xa2\x1d\x97X\xbe\xe7\x9d\x04\xc2\xe8\xb46\x82#&amp;\xe1\x15\xdbkK9\x93fd\x00\xb9\x1c]&amp;D'</t>
  </si>
  <si>
    <t>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</t>
  </si>
  <si>
    <t>b'\xeb\x16\xd1\xe2iF\xc66Do\x04C}\xda\xda8'</t>
  </si>
  <si>
    <t>re strangely shaped, and the Spy-glass, which was by three or four 
 hundred feet the tallest on the island, was likewise the stra</t>
  </si>
  <si>
    <t>b"\xc6l\x9a\x97\xdc\x98\xdb4\xf6\xc3\xc4A\x0e\xbb\x900\xf0\xc4\xff\x93\xa2\xf5se\x0f#A[\r\x1a\x1f\x05w\xedj\xdf~\xe0\xe3\x88\x0f\x15U5\xff\x11\xf4&lt;\x04\xdcf\x82\xe2s\x86\xfc\x1d&lt;fw\xb2\x15\xaf\xb0\x8e[\xc6\x06\xe5_\x83\x82\x7f\x1ap\xea\xcf+\xb03\x8c{\x08\xc8Q\xe9i\xfcO)\xb0\x12\x11N\xe8w\xd0&gt;\xd1I\xdf\xc3\x82\xa6?\xd9\x9b\xf3Bp\x1fb4\x1f\x14_\x15\xfa\x1apP\xd9\x1b\xca\x10N\x0f\xcd\x9e$\x8a-\x1f\x80\xab\xa8\xea\xcdd\x90D\x9adl\x1e\x8au\xe1\xf4v\xa0\xb5\x97`\xff\x87\xbb\xa2\xe2y\x8d\x18\xce\x1a}\x1c\xa4\x03\x12n\xac\x8f_\xc3\x1e\xe2-\xf9\x9d\xc03\xac\xb9\xccG\xa5)\xcb{\r\xe1\xe3\x94\x84v:#%\xe9\xd9\xa7\xcaq\xd0\x8c\x92\xbb\xaa\xa6Y#=\xf0:\xeb\xdd\xac\x97\xf56\xe38C\xc4]?\r\xd4\x92\x97Aj(\x00'td\\\xe3\x85Y?\x99\x96s\xad\x929|\xb5\xd0#\xef\xc5/%"</t>
  </si>
  <si>
    <t>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</t>
  </si>
  <si>
    <t>b'\xc6l\x9a\x97\xdc\x98\xdb4\xf6\xc3\xc4A\x0e\xbb\x900'</t>
  </si>
  <si>
    <t>e estates of her late aunt, to secure them, and
 added, that he would himself assist in the necessary forms of this
 business. The term, for which La Vallee had been let being now also
 nearly expired, he acquainted her with the circumstance, and advised her
 to take the road thither, through Tholouse, where he promised to meet
 her, and where it would be proper for her to take possession of the
 estates of the late Madame Montoni; adding, that he would spare her any
 difficulties, that might occur on that occasion from the want of
 659
 knowledge on the subject, and that he believed it would be necessary for
 her to be at Tholouse, in about three weeks from the present time.
 An increase of fortune seemed to have awakened this sudden kindness in
 M. Quesnel towards his niece, and it appeared, that he entertained more
 respect for the rich heiress, than he had ever felt compassion for the poor
 and unfriended orphan.
 The pleasure, with which she received this intelligence, was clouded
 when she considered, that he, for whose sake she had once regretted the
 want of fortune, was no longer worthy of sharing it with her; but,
 remembering the friendly admonition of the Count, she checked this
 melancholy reflection, and endeavoured to feel only gratitude for the
 unexpected good, that now attended her; while it formed no
 inconsiderable part of her satisfaction to know, that La Vallee, her native
 home, which was endeared to her by it's having been the residence of her
 parents, would soon be restored to her possession. There she meant to
 fix her future residence, for, though it could not be compared with the
 chateau at Tholouse, either for extent, or magnificence, its pleasant
 scenes and the tender remembrances, that haunted them, had claims
 upon her heart, which she was not inclined to sacrifice to ostentation.
 She wrote immediately to thank M. Quesnel for the active interest he
 took in her concerns, and to say, that she would meet him at Tholouse at
 the appointed time.
 When</t>
  </si>
  <si>
    <t>b',v\xa4O1%\xec\xf6\xd3I\xa3f\xc1bQR\\a\x04\x96\td\xadGu\x98\xdd-\xdfE\xec\x97\xd7\x17\xd5i\xeb\x05\xd5\xaf\x87,IL\xe2\xbb\xcd\xb8@\xda\xa9\xe0\x08:W\xa5D\x14Hi\xf6\x15@\x82'</t>
  </si>
  <si>
    <t>2c76a44f3125ecf6d349a366c16251525c6104960964ad477598dd2ddf45ec97d717d569eb05d5af872c494ce2bbcdb840daa9e0083a57a544144869f6154082</t>
  </si>
  <si>
    <t>b',v\xa4O1%\xec\xf6\xd3I\xa3f\xc1bQR'</t>
  </si>
  <si>
    <t>descriptions for R1 and C1. The voltage source must now be
 specified as
 V1 V2 Tdel Tr Tf Tw
 vin in 0 pulse(0 1 0 1n 2n 5n)
 where V1, ..., Tw are defined as depicted in Fig. A.4(a).3 We say Vin is a pulse that goes
 from 0 V to 1 V with zero delay (Tdel), a rising transition of 1 ns (TR), a falling transistion
 of 2 ns (TF), and a width of 5 ns (Tw). Note that the first node, â€œin,â€ is assumed to be the
 positive terminal of the voltage source.
 How do we tell SPICE to perform a transient analysis? The command is as follows:
 .tran 0.2n 10n
 where 0.2n indicates the increments (â€œtime stepsâ€) that SPICE must use in calculating the
 response, and 10n the total time of interest [Fig. A.4(b)].
 t 0 T del
 T R T F
 V1
 V2
 (a) (b)
 t
 10 ns
 0.2 ns
 Figure A.4 (a) Definition of pulse parameters, (b) illustration of time step.
 3The parentheses following the pulse description are for clarity and not essential.
 878 Appendix A Introduction to SPICE
 The overall netlist now appears as:
 Pulse Response Example
 r1 in out 1k
 c1 out 0 10p
 vin in 0 pulse(0 1 0 1n 2n 5n)
 .tran 0.2n 10n
 .end
 Example
 A.2
 Construct a SPICE netlist for the pulse response of the circuit shown in Fig. A.5(a).
 in Vout V
 5 pF
 2 M Î©
 5 pF
 2 M Î©
 (a) (b)
 out
 r1
 c1
 in
 vin
 0
 Figure A.5
 Solution We begin with labeling the nodes and the elements [Fig. A.5(b)]. Given the time constant
 R1C1 = 10 Î¼s, we postulate that the rising and falling transitions of the input pulse can be
 as long as approximately 1 Î¼s and still appear â€œabruptâ€ to the circuit. For the pulsewidth,
 we choose 30 Î¼s to allow the output to â€œsettle.â€ We therefore have
 High-Pass Filter Pulse Response
 c1 in out 5p
 r1 out 0 2meg
 vin in 0 pulse(0 1 1u 1u 30u)
 .tran 0.2u 60u
 .end
 (The letter u in the pulse descripti</t>
  </si>
  <si>
    <t>b'\xce\x84\ni{\x9f"\x11\xae36\xca\xe3\xad9\x14'</t>
  </si>
  <si>
    <t>ce840a697b9f2211ae3336cae3ad3914</t>
  </si>
  <si>
    <t xml:space="preserve">schief, or else youâ€™d have signed your name
like an honest man.â€
There was a general clapping of hands at this: it was the first really
clever thing the King had said that day.
â€œThat proves his guilt,â€ said the Queen.
â€œIt proves nothing of the sort!â€ said Alice. â€œWhy, you donâ€™t even know
what theyâ€™re about!â€
â€œRead them,â€ said the King.
The White Rabbit put on his spectacles. â€œWhere shall I begin, please
your Majesty?â€ he asked.
â€œBegin at the beginning,â€ the King said gravely, â€œand go on till you
come to the end: then stop.â€
These were the verses the White Rabbit read:â€”
â€œThey told me you had been to her,
And mentioned me to him:
She gave me a good character,
But said I could not swim.
He sent them word I had not gone
(We know it to be true):
If she should push the matter on,
What would become of you?
I gave her one, they gave him two,
You gave us three or more;
They all returned from him to you,
Though they were mine before.
If I or she should chance to be
Involved in this affair,
He trusts to you to set them free,
Exactly as we were.
My notion was that you had been
(Before she had this fit)
An obstacle that came between
Him, and ourselves, and it.
Donâ€™t let him know she liked them best,
For this must ever be
A secret, kept from all the rest,
Between yourself and me.â€
â€œThatâ€™s the most important piece of evidence weâ€™ve heard yet,â€ said the
King, rubbing his hands; â€œso now let the juryâ€”â€
â€œIf any one of them can explain it,â€ said Alice, (she had grown so large
in the last few minutes that she wasnâ€™t a bit afraid of interrupting him,)
â€œIâ€™ll give him sixpence. I donâ€™t believe thereâ€™s an atom of meaning in it.â€
The jury all wrote down on their slates, â€œShe doesnâ€™t believe thereâ€™s an
atom of meaning in it,â€ but none of them attempted to explain the paper.
â€œIf thereâ€™s no meaning in it,â€ said the King, â€œthat saves a world of
trouble, you know, as we neednâ€™t try to find any. And yet I donâ€™t know,â€ he
went on, spreading out the verses on his knee, and looking at them with
one eye; â€œI seem to see some meaning in them, after all. â€œâ€”said I could
not swimâ€”â€ you canâ€™t swim, can you?â€ he added, turning to the Knave.
The Knave shook his head sadly. â€œDo I look like it?â€ he said. (Which he
certainly did not, being made entirely of cardboard.)
â€œAll right, so far,â€ said the King, and he went on muttering over the
verses to himself: â€œâ€˜We know it to be trueâ€”â€™ thatâ€™s the jury, of courseâ€”â€˜I
gave her one, they gave him twoâ€”â€™ why, that must be what he did with the
tarts, you knowâ€”â€
â€œBut, it goes on â€˜they all returned from him to you,â€™â€ said Alice.
â€œWhy, there they are!â€ said the King triumphantly, pointing to the tarts
on the table. â€œNothing can be clearer than that. Then againâ€”â€˜before she
had this fitâ€”â€™ you never had fits, my dear, I think?â€ he said to the Queen.
â€œNever!â€ said the Queen furiously, throwing an inkstand at the Lizard as
she spoke. (The unfortunate little Bill had left off writing on his slate with
one finger, as he found it made no mark; but he now hastily began again,
using the ink, that was trickling down his face, as long as it lasted.)
â€œThen the words donâ€™t fit you,â€ said the King, looking round the court
with a smile. There was a dead silence.
â€œItâ€™s a pun!â€ the King added in an offended tone, and everybody
laughed, â€œLet the jury consider their verdict,â€ the King said, for about the
twentieth time that day.
â€œNo, no!â€ said the Queen. â€œSentence firstâ€”verdict afterwards.â€
â€œStuff and nonsense!â€ said Alice loudly. â€œThe idea of having the
sentence first!â€
â€œHold your tongue!â€ said the Queen, turning purple.
â€œI wonâ€™t!â€ said Alice.
â€œOff with her head!â€ the Queen shouted at the top of her voice. Nobody
moved.
â€œWho cares for you?â€ said Alice, (she had grown to her full size by this
time.) â€œYouâ€™re nothing but </t>
  </si>
  <si>
    <t>b'\xeb~\x9d\x9f\x89\xe1\x19\n\x01\x92TrH,\x10%\xf9\xca\x03\x1b\xf1\x9d\xbd\x97C\xef\x82G\xf1I\\\x82\xe4\x05\x9f\xed#nJH\xa2\xd5C\'3\x04\x85\x89\xce\xa2G\xbd$ev\xcd\xbc\xe9)e\xb5\xe2\x0b7T\xbb5\x1f\xa0\xd4\xa0w\x8c&gt;[\x93\xd2\xf7\xc5\x86uH\x85\x0cc\xd5\xc5\xe8\x96\xcc\x14\x97\xad\\\x98V&gt;\xa1\x87]\xcfL\xb3\xbe:f%\xabg\xae.\x9a\x81\xcds\xc9)\xa0\x9akD\xa7\\\xd8\x93\x9b\xe0\r\xf0\xb8\r\x0eEP#\x1aO\x06a1\\\x93&lt;\xc9\xfbj\x1f\x96\x05\xb7\x10\x02-\x14\\c\x82\r\xe4\xa8"\xd4#5\xd6\xfe\x80"\xb6]&lt;J\xaf\x19\xcdd\x9f\xe5{=V\xf0m\t\xfe:\xc4\x80\xfc\xeb\x8d\xa1\x1cX\x80\xda\xca\x0f\x8f(\xce\x0f\xaa\x01k\xe6\xceL\xcd*\xb4 U \xadl\xae;9\xa71p\xd2cuLX\x1aG\x81\x9b\xfa!"\x9au\xa1\x00j\xb9\xffD\xd2\xa6F\xfc\x04\x8c\xc9\x16B\xd0\xefc\xf7\x90d\xcc\x12\x01\xcfn\x94&amp;z/$\xb1\xea\x8b\xa0\xbd\xb1\x1b|\x96\x1b\xbe\x1c\xea9\x04\xfa\n\x0c\x85\xf1\xe9\x0c\xd7\x18Or\xf8\xd0\xf5\x93%@\x06\xe5\xd8\xfe&gt;\xcf\x7f\xccoI\x14\xa1\xdb\xbe\xdd\x97\xf5\xaaQOF\x0b\x01\xd5\xaf0\xfd\x98\xd5\xd7hW\x1d\xaa^\x87\x18#*\x03\xe9\xa3WZ\xd2\xe0\xdb\x1e\xd4v\xcc\x1d9\xe6\xfc1\xcd\x91\xffX\x84\xebX\xff\xcc\xff\xcb\xdd\xb4m\xe1\x99_[o!\x0e\xcf-D]\x9d\xee]\xf5\xd1t.\xbbI\x0e\xd3`\x80\xea\xb9\xe6;\xf7\xed\x8b&gt;cv\nX\xd0\xc6\x16\xbcR?\xc9\x87\x8f\x01\'\x01\x15%\xbb9-\xf4t\xa9\x95\x9d\x96(\x1a\xcenA\x14\xbe\x02\xdfR\x1b\x05\xfd\xfc\x93\xa3\xaf\xa2*\xf5\x91:Myj\xf01\xb1\xb0wY\xe5?\x1c\x93]rC^[\x9c\xbb\xf0i\xb9\xefw\x9cW\xde\xc4!\xf1\xbf\x8b9\xc0K\xaeS\xf7\xfcj\xfd\x1a\x8eW\x88\x0f\r\x9f\xba\xbbi\xe8\xc1$!\x8d\'\xdc\xcba\x07\x81\x03\x98\xef/X\xbdm\xcc\\ $\xfa\xdf=\x1ey\x8b\xd4\x9b1\xe0\xd4\xdc\xcb\x81@%\xf4\x0c\x8dTl\xbe\x87\xcfW\x02\xfa\x0e\xc8\xb6\xcbvO5K\x89l\xf4\xce\xe0\x95: \xb2\xc2u\x0fy\xa8\x9cr\x94|\xae\x06=\xf8\xe0\x1b{\x1690\xe0\x18\x8e\x1a\xd6\n^\xd2\xa6#\x1b\xfa^Go\xd7&lt;\xbf\x94\x84\xa6\x94\xb2\x08\xa2\xf65\xd7\x12\x122\xfc\xbb`\x93\x13U\x12\xfdjY\xb2\x83MC\xe8\xdeG#k\xf4d\xc8_\x01L\xc5\xe4\x85e@\xa7\x89cM\xee\xb2\x14\x01\xe8\x1dC\xa0\t\xb6)d{\xa7\x13\\\x18\x17\x05\xc4\x13\xd7S-In:\xdc\x11\xfe\xba\x1a\xd3\xdd\xfb\xfe\xa2\x89\x7f\xa8\xbd\x0f\x85K\x83\x95\xf0x\xdb]\x84@\xe8Ea\xcf\xbd\xed\xea\xb9\r`i\xb9mS6\xa5s\xd4\xd0\xdb\xac\x04[C&gt;b\xc0\n4\nV\x19\xfe\xef\'\xaf\xd7\xc2\xd60\xe8\xd8\x88\xf0\xb1\xe7@\xde\xc9\xcb\x0c\xf0\xfcI\x85\xf5&lt;O\xd7\xec\x90N"\x13\\t\x04\x0eL\xb0C\xf9\xec\x91u\xb5\xd0\x89{\xf0\x173\x02\xfeU\xac\xa02J\x85\x94\xfb\x8f-\x92F\x81\x8f\x84\xa0`\xe2g\x8f\xc4i\xdd\xdc)\x83F\x82M)\xe4\xbfi\x83\x88/\xb5\x18\xf7@&amp;\xf7\xa4\xbe\xcd\x11\x18&gt;\x83P\xfb\xe4-?7%O=1h\'\xc8N\xa4\xc0\xe8UuCF\xeb\xdf^\xccK\x91\xa5\xadF\xeaE\xa3B\xe9P\xab\xc8|$V\xf0\xa0_\xdc\xa33,;\xc7HJW\xf7\x94\x18\xf0,\xdf\xf5\xd9^\xfccY\xa0\x10{\xbb\xf8\x98{E\x19\xf2\xebX\x9des2\x9bOd.\xb97\xc0\xe8\x8a\xba\xa5\x9eR@\xcf\x1fk\x00Wqml\xc1W\x82\xe7\xb4\xf6ox\x81-)x\xd3\xa0\x9bG\xd2\x8e\xf3:\xb5Sw"[\xb5\x89\xe7\x9b\xee\x07\xb1]a\xca\xa90F\x8fY\'\x1e0\x97f\xcbmX\xfe\x1fRo\xff\xf7\xbb\xb5\xa8\xcaI\x96\x15\x96\x1f\xec\xff1\xfd\x03&lt;/7\t\xbcW\x85\xf2\xc8[\xb0\xde\xce\xc8K?\xc2\xbdNe\x8f\x9d\xb3\xb9+\x06\xb1\xbf\x96\xf8\xb2w]N5\xf0\xe1!8Y\x7f\x97\xdc\xcbS\xf7\xaf#S`\xe6]D\x0cS\xeczG\xfewx\\\xb2\x00=uF\xf4\xc4\x1dN\xe0\xe5\x98Z|\xf3\x8c\xf9@m\xbe7w\xfb\tx\xf7\x97u\xb5\xcc\xd74\xf6\xaf?\xc9*OC\x08w)\x8f)\x96\xd8\x0f\x0fae\xfaa\xa3\xf7\xd8\xd8\xe5\xa8Y\xe2\xcc\xff\xec\x98&lt;Uw\xb8\xe9\x0fa\r^\xc22\xc5dn\xdd\xf1\xc2=\x1fa)_\xbf\xbc\x8cEM\x1d\xa0&lt;a\xf9e~\xd1\xd1\xd1\xa8\xb9\xb6G7\xb8\x91\xe3\xda\xdc\xa7\xa3\xb7&gt;\xb0\xb6\x1a)\x86\xd9-xw\xac\xe7iw\xa5\xbf\xf00\xcb\x7f\x99\x05|8gC\xc7$s\x92Pz\xcf4\x81\xaa\xe1\xc2!2^\xa64\xe2\xfc\x9b\r\x8a\x08\xd2\xc5V\xdf\xfc0m\xbd\xf5V\xc4\xe3\xd44\x8d\xc6\x00\x15\x99\x11P&amp;#\xa4\x8a0i\xb5\x00\x98}E\x1b\xd0\xe1\xa1M\xab\x98C\x15\x88\xffK\x0b\xf1h\xca\x13\x0c\x1a\x19\x93\x06\xaa\x01\xc9L\x7f\x0b1\xfcL\xb9\x073u\xf6GT\xd6\xd9\x8d\xa2~\x7f\xf6\xff\xfa=\x92J\xb2K\x9f\x0e/\xa8\x04\xdd\xb6\x17\xf0\x14\xd6\xe6\x8a\xc7&lt;\x05\xcb\xb4\x19\xf9`\x91\xd5O\xef\x93\xf4&amp;\xa4\x82\xef\xd2||\xe8v\xb2\x0bS\xe3L\x1b\xb8\x1c\xa15\x02\xf7\xf1&lt;\xaf\xaa\x12\x1cG\xb3\x8c\x9eu\x9c\xe7\xe6g:VW`\x8e\x98h\xf4P\xa8\x9f\xe9\xfa\r\xfa\xab\x86\xc2\x1b\xa5\xa2*v\x9cx\x82\xc4\xe7\xc5\x99\xb7bs?\x80\xbaG"f\xbd\x1cK"\x16\xe5=\x81\x8f\x1e\x1ag\xed\xa8\x1aMB@\x15TQ\x88n\xc4\xed\xdc\xf5\x1b\xf2\xd2\x90\x9b\xde\xd2\xb4"L\xc9n\xa8\xe0\x1d\x8e\xe7\xbc\xc0\xb0q\xe9\x87\'\xec"\'&amp;\x11\x16\xf2:\x96\xb0\x03\'\xae\xe6ECD\x19a\xdbqI\xf9\xf3$7\x17\xdb\xb9\x1f\xc4Q\x0b\xa2P4cQ\x8a\xday\xc0\xff&gt;?e\xc3\xdcf\x89\xb3?\xe1)\xd8dT\x81\xc8=\xaf\xa0K\xfa\x0berfE\x14\x97\xc3R\x95L\x14f,\xa7\x02\x04\x1av\x05\xbbAo0n\x9a\x13\x95\x1eC\x05\xf2\xf8\xb8\xbfO\x82\x9adE\xb2\x87\x8fw\x92\x82\xec\xb2\xc4\xa3IHOJ\xf8a\x80A\x8b\xd98P\xe5\x06\xb4WB\x1b\xaf#3\':\x8e\xd6\xe8riJ0\x03S!\xf2\xa1\xbe\x13\x1b\xae\xe3"f\x92\xd14QB\x83{f\x9f\x17D\x112\xd2+\x85+r\xe9G\xcd \xf1\xa7`\xdd\xa4\xcbH\xaa M\xe7\xda5\xb3 \xb0@\xd2\xfd\xc6\x8c\x03y\x9f\xd3\xdb\xa7}L\x89\x9bT_\xda\xf2V\xf7\r\xa5\x8e\x81\x17o/\xad\xbc\xe0x\x8ac\x95\x83\xe7\xac\xb2\xff\x97\xee\x1dV\x8bxou\xd8\x893\x8e\xa2R\x91r\xaaM\xc5\xc2\xfb\x12\xa3\xa0\xd4\x86\x9ezlI\xf2[\xab\x08\xacv\xeb6\xa6Z\x83L\x15\xa0L\xc8\x01\x14t]\xa0?\xe0\xb4\xd3\x93Qxe\x81\x8f.^\xcc\x9fc\x82\x19$\xfc\xd8\x11|Tcj\xd2\xe05g\x1e7\x02\x8c\x90\xea\x00c\xfel\x9fxQ\xf9\r8\xb1m\xfc\xbf\x16\xe2\x91Q\x13\xa2e=$i\xd7*\xad\xb2Y\x96\xc7)\xa6\xcfx\x1c8\x97\x95btH\x89\xb5St=\x91\x08z&amp;\xfa-R\xf8\x8ev\xdd\x1f\x8b\xfb\x1f\xa2\x82\xd4cw$\xf6\xc0\xc8\xba\xe0LMy*\xaec\x81\xff&lt;=\xb3\x11\xdb3b9\x8am(y\xb5\t\xebD9L.\xa4\x01[\x95\x0e\x16\xaa!\x82Vg\x19\xf5\xd6\xb0\x8aYG!\xbf\xf4(A\xa0(x\xdf\xee\x15\x9e\xc5\xde\xb6\xcd\xc2b\x10\xcd\x17a3\xef\xb1r\xa2\xd4\xa2\xbd\xf2\x15\xf8\x03\xe1\xd0\x7fp\x9d\xfd8:o\xe1K\xe9`\xe3\xf4\xe9\x91\x04\xea\xdc(\xc2\xf3\xa2\x05\xb7`\xdb\xb8\xe8\xa8\x13\x93\xa7;\x8d\xfb\xbb\xf7\x0c\xcd\xc8\xfc\x1c[&amp;\xaa\xd5N\xd0\xbf\xbe\x0f\xa3\xd4L\xce@\x97\xdcD\x98\xfb&gt;\xd9M\x8f\x07\xc8\xc4\xca,G\x17\x05E\xe9\xdb\xcb\xd7\xac\xc9%o{it\xae\x9fl\xa2\xe7\x8b8b\x9d\xda\x15\xf9"_\x86z\x881\xe3~q[\xa9G&amp;\xbf\xd2@*\x98\xdb\x1dz\x1c\x9eX\xa0\xc3\t\xb1\xf1\xfa!\xa2\xf5\xe2;\xb9{\xb4\x1d~o\xfa\xd2|\xc5\x897\x02\xa2%\x7f\xd3*\xba\xde\x97W\xd2\x93\xbb\xce/\xb03E\x1c\xb5;yQ\xbc\x89\x1f\xaey\x1eF\x99\xf2\xa8y\xad\xbc)!\xc8G\xa6\xe9.F\xe1\xae\xb0gI\x0e7\xa8\x8f\x0e\xe2\x87V\xe1\xf8^G\xac\x06\xfdX\x8f\x92og\x90y\xb3C\xb5\xaf\xe4#1\xd9\x07\x84\x01&gt;\x88\xba%\xb0\x9b`\xe2uNr+j\xe36\x80b\xf4=V1\xf4\xbe0\xa8\x1a\x9e\r\xa9\x06\xb9\xdd\x1b\xd7;ZD\rR\xb5\xa3\x0eP\t%~\xf4\xf0\xfe{\xb4\xa1q\x13\xf8J\x8f\xd4\x9c\xb1v\xc5\xd8\x8a(\xc3\x12F\xb9S\xe9\x96}\xb7\x8a\xa3\xc5\x1c\t{\x04^\xcc\xf6\xb4\xc5\xa1\xd5\xa5h\x15s.\xf9\xea6\xe6_\xfd\xa2\xb7\xcd\xd6\x81\xfd\xe6\xac\xdcxf\xac\xd4\x0c\xaf\xbc\r\x1b/\xa6\xfa\x9f|h\xca\x98\xdf\t\x08\xde\x918\xe5De\x1dG\xde\xf6)b\xb2,$\xed\x1a \xe2\x98&gt;\xa5\xd2t\xfe\x86\x19\x8a\x8f\x18/\x1caI\xc0\xb2\x04Me\x17$2\xbdd]\xf1C\xe4-q\xc0\xb9\xa9\x9e\xdf.\xfc&gt;\x8a$\xddV\xb3\xe9Ql\xaa\x9e\xd3\xc70\xb1\x16\x86gT\x03s!\xc4}o\x80\x05ees\xae\tf~\xb2]\x82,8\x8e\xd9\xd0W\xf5j\x94J\xa2]J\xc8\xba\xd9\xcb\x15)Q\x13\x8cl\x0f\xa1\xed\x15\x7f~\xd7{\x82CF+\xc35 \xef\x8c\xf8\x91\x9e#"\xe4\xed\x92L\'\x04\xce*k;\xfa\x818\xb7\r\xc3]\xceQt\xb3b\xe3\xcby\x10\xdd\x91\x81\rl\xbd\x913i\xf8~\x91/\xce\x04*\xad\xc4\x93F\xbd)\n\xa7\xab\xaf\xc1U\xe2 x"\x9b\xbcz\xe2\xe6uG\x0c\x0e\x8aX\xb7-\x87\x10\xc52c\xae6\xdd\xf2\xb0\x16\xef\xfe\xb4\x7f\x88\xa8\x07~\x1aaks\xa9\xeco\xb9\xf7L\xf8c\x93\xcc\x97\x96bu\t)\xf9\xf6\x95\x07\x9f\xeaik\xee\xd9\x135\xef\xc3K\xbcn\'\x98\xda\xcf\xa9\xe2z\xf6ug{\x07\x1d\x9e\x0b\xd2`DK\x94\x02\xa2\x87\xa8\xba\xccY\x1b\xad\xe2\nrG\xe9\xe6\xed\xf5\x9bQ\x92v\xb8\xfc1W\x80v$m3\x0b\xc4\xdd\xf0\xdc\x9e\xc0\xb0B\x85\x87\xeb\xaa\x88\xefqK\x061\xbb\x88D\x06d\x8d@=\x84\xef7\\)H\x90)If]\xad\xb1\xc7\xa8ZZ\x87%\xaa$x\x0e\xeet\x89S\x04`G8)&amp;x\xae@|pM6[\xce\xcf\xce\'\xc5^\t\x85\xfc\xa1\xba\t\x98E\x18(\xad\x16\xa4\xef\x12\xcbb\xbf\xf1\xcc\xefs\xa3R\xbc\xcdi\xbd\xf5{\x13\xb6\xdd\xe0\x90\x8c\xcc\xc6\x99\xcd\xa7\x8cmC"@Q\x1fz(\xb2\xd5\x9fO\x8cH2N\x930~\xc19\xd4\x80r\xce\xcbpbc\xbb\xeb\xc9\n\x11\x8ed7\xb114~5\x95\x10\xcbm\x06\xb5\x9e_\xa3\x9f\xf5\x11T5TG\x1d\xf5\x1b-\x8c\x01\rY\x19\xa7\\X\x16\xa4\xfd\xffH\x82B\x16\xb90\xcb\x06P\x82x\x92\xad\x1b@.3\x87\x8ed\xe7\xa7\xb1\x1c+\x94\x92A\x9b\\|\x8dR\xb0\x7f\xee\x1b]\x81\xd9\x90\x1a\x18[ \x9e\x1f,\xcc#\xea9\x9c\xb5V.u\xa8$A\xe45s\xbd\x05\xa0\xe7v\x010\xfd]Y\xff\xeb*\xff\xc12\\\xd2zN\xbf\xdcOZt\xcd\xb4\xea\xf8\xa4\xe4\xec\x97^{T\x1df4/\n\xf5u\xc7;\xf1\x86J\xe4\xee\x89\xf6\x8b\xb4l\xd2\xb4\x88~E\x7fo`\xf6p1\xf9\xbd\xb18\xd4\x0f\xf4\x81\xb8\xb2\xf5ks\xc7:[\xd4\xcb&amp;\xd1N\x80/\xf5E\x94K\xfa~Q\x9c\xc6\x15\x04`g\x89\'\xf5\x87{@\xcc\xb9\x86\xc5F\xb8\x00\x88p\xea1\x83\xba\x90\\kMQ\x05\xc1\x0cky*\xd4\xb5\x15l\x1a\xfe\x92&lt;\xeb`V\xf3_Z\xfe\xc0\xb3\x01\x92\xe4\x0b\xdd\x93\x83\xb2\xf9o\xab\xbc\xbd\xebb\xfa\xa1sN\xc1U\x19&amp;\xf2U\xca\xf6\xb9/\x0e\x10\xa0\xaa\xbe`Qc\xc3\xda\x16uI\x92\x13\x84\x14\x8dp=\n\x90\xd6\x9b\xb3*j:\n\xea@A\x12+\xd9\xb2\x07\x0ct\x036\\\x86\xe3[b=-\x91\xd3?u\xde4\xa3f\x97Ce\xa0\xa1T\xc0\x97Kq\xbe*r\xbb\x10Z\xe2\xba1$%\x83\xec\x00NM\x1a\x85\xb3\xf1\x9em\x15q!\xbe*\xb2\xfcg\x91N#Y\x13t\x96\x17o\xf5!\xa7K\xb44v\x03\x8f\x15(d\x1b7\x8d*.\x8e\x94\xa8n\xa8\xde\x9f\xa4\x02\x18|\xdb2\xc4\xcd}\xb4NL\xb90\xbd\xa4\xa9\xef\xcb\xe3\x11Q\x91u[\xce\x18\xc3\xbf\xa9\xf5,f\x90\x07L\x97\x08\x95\x8a.\xbbMD\xea\xe0@\x85vc\x06\xa6x\xf1-\xb2\x16r\xe9\x01\x83{!\xf2Pq z+\xb5\x02\xc6\x85P\xe0\xda\xe7\xf9\xc8\x17\xeb\x97U\x00\xc8\xdd\x1d\x9b\xc1K\x1d\xb6\xc9\xa06\xd5\x90I\xa2m\xbb\xd7\xb8\x8f3\x07\xa6\x10=@\xcdN\xee\xc3\x9e\xea/\xc4\xbd\xe1\xb2\xef\xd6W\xc7\xa6\xb5\xe5\x9c6O\x15\xca\xc2~n\xdd\\\x91\x90\x86\xf4d\x92\x9c\x07"\xf3\x06\x8f\xabg*\x1e\xcd\xd6\x14/\xca\x9a\x90\xb8\r\xf3\xbf\x9a\x1cu=CK{\x06\x15\x93\x88\n\xd8t8\x9cg\xd7\xe8\xe5\xca\x07S\xe5\xd2\xdf)\xb8A\xa1\xd2\x01r\xe0\x88]\xc5\\\x06vI\xd0\x10\x0b8\xbb\x9b\xfff\'\x9eo4\xaa\xc08aN0\xad"h$\xffY\x1e\x17\xdcn\xfb!\xf6\xb6\xb2"S\xe1\x06\xfbz=\xcf\x1b\x1e\xff\x11\x15\x8d\xf7\x84\xfd\xf4\xd4{\xd6K\xdb\x9fk\x03\x8d\x00\x00\xb3\x94\xf2\xc1\xdb}\x8b&lt;q2\x1f\x15\xafE\x7f\xf9\xdci\x97\xc4\x16\xa1\xaa1\x1f\xdb\xf6#\xd9\x07\xd4\x18\x96\xc2_\xf3\xc4\x0eG;g\xf2\x19\xe7]\xf2ER\xca\x02\x18=\x95\x97\xb2\xec\x1d\xfd\xd4\xe5\x154\x93\xce\x9ff\x8c\xe2\x8a\xdf\x08&amp;D:\xd4b\xfa\x0f\xd6\x88\xd6\x91\x9d\xadk%\xf9\x83\x8d\xe8p\r\xf4\xbeX\x11\x0bI\x19\x1c|\xd3\xa9Wu.\xee\xfe\x1f\x00\xea\x1cf\xa4@\x14\xe9\xe1\xf1=\r\xba\x0e\xa12^\xa1\x8f$\xaf]\x86\xd3\xfe\xf3\xee\x8c$y\x92\x1b/\x14\x92\xfa\xff\xff\xa4\nMh88\x8fI\xcb\xe1\x9a\xfft\xb3]0@\xa3W\x93t\x99V\xfa\xd0\xe8w\xb5\xe9\xec2\xcd\xfb\xd6\xfa\x80\xb7\x98\x1d\x88\x01\xeb\x1fg\x91@\xb5\x81Y\xc7m\x190\xc3\xae\xfa\xac\xb9\xd4\xc2Q\xac{\xaf\xcbK\x17H\xdc_\x04\xb2\xf1\x891h\xd7z\x85\x9e/1\xee\x9cHG\xd1\xf8\x8d\x03\x95\xd8\xce\r\xea&lt;\x9b\x9b|k)r\xb7z\xb1\xe2\xef\xca\xe1\x8e\xea\x0c\x1e\xb9\xa4E}n{F\xe0\x9cY\xbal\xd4\xe6\xe6nA\xc1E\n\xb1\nE\\"\x14J\x95\xd6\x11\xa4\x13\xd2\xdd\x7f\xd1\xb8\xe4\x99\xe0l\x97\xa6^XQ\xd9"w`\x18\xb2yO\x1aD\x05\xd0\x98\x8a*cS\xc07\xf9\xe0\x05&gt;\xfe\xd1i&amp;\xd4Im\x9c\x04 LIEv\x93\xc5T\xf8\xed7\x1a\x8f`\xcaP]\xdc\x94\xc6\xe19K\xc5\x8c\xb0xR\xed\x0e\xc8\\\x01GZ+\xb8k\xb8\x8b\xf3\xf0\xa70k1\x92V;)\xb0\x87\xef\xcc\rl\x86\xdc\x92I"\x954\xa9\x1c\xc2\x07\xe8\x9e\xa0\xda\x93\xf4\xac\xba\xdc\xab5\x83h8-\xcbwl@U{\xc1\xf8\xc9\xe5o\xee\xe1\xed\x9c\xf0\x84)\x9b\x05+}\x96P\x7f\xf3\xe2\x0f\xb8\x06\xd3?\x94\xec\x80\xe1\x85?\x874\x9b\xb9;\n\xd9\xd82\xd3"D\x85?\ny _\x9b/\xe6\xd7\xf4d&amp;\xc3\x0e\x12\xfe\xe5\xd1\xd29\x1a\x05\x07wlC\xa2\x7f\xc1o\xad1\xed\xc6%t\xc3\x85\xa9j\xa8\x9edX\xda\xf5\x80\xcdRv7O\xef\x14\xe5\x8aor\x8c"\xe9\x99\xf2#\x02GwP\xe9'</t>
  </si>
  <si>
    <t>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</t>
  </si>
  <si>
    <t>b'\xeb~\x9d\x9f\x89\xe1\x19\n\x01\x92TrH,\x10%'</t>
  </si>
  <si>
    <t>med totally efficacious even though they had not been carved with the design that
Nechepsos prescribed. (Simpl. med. temp. 10.19)
Surgery in Celsus and others
Surgery involved, as Celsus reported at the beginning of his seventh book, cures
effected by the doctorâ€™s hands, and what the surgeon accomplished was more visible
than in the other two branches of medicine. This comment highlighted the fact that
the much of ancient surgery was performed on the surface of the body or on areas
available to the touch, with medical instruments extending and facilitating what the
surgeon could accomplish. Accidents, of course, confronted the physician with
interior parts that were normally hidden within. In the seventh book of On Medicine
Celsus described surgical procedures in the soft parts of the body in the usual headto-toe arrangement, while the eighth book concentrated on wounds and injuries to
512 Ann Hanson
bones. Considerable progress had been made in surgical techniques in Hellenistic
Alexandria and late republican Rome, and these are on display in Celsusâ€™ account,
especially in operations on the surface of the eyeball and on the eyelids, including
couching a cataract (Med. 7.7). Still, in his catalogue Celsus jumped from tumors in
the neck between skin and trachea to the lower body, skipping for the most part
surgical interventions in the central trunk. He did describe procedures for the
drainage of retained fluids through insertion of a bronze tube in cases of dropsy
and for prolapse of the intestine (Med. 7.14â€“17). Reversing the effects of circumcision was probably a procedure originally developed in the Hellenistic world of the
eastern Mediterranean, when those who had been circumcised wished to participate
in Greek gymnastic contests performed in the nude. Celsus reported that the prepuce
was to be raised from the penis with a scalpel and the foreskin fastened to its proper
place by a threaded needle (Med. 7.25). The procedure was in his view neither very
painful nor did it result in profuse bleeding, two of the worries that punctuated most
surgical accounts along with the fear of infection (Salazar 2000: 43â€“ 4).
In the eighth book Celsus seems to have been somewhat more dependent upon
surgical treatises in the Hippocratic Corpus than in his other discussions, for not only
was the greatest period in Roman surgical experimentation just getting underway in
the early first century, but techniques Hippocratic doctors employed for dealing with
fractures clearly remained useful. Hippocratic knowledge of the larger bones of the
human skeleton and their crucial joints was relatively sophisticated, when compared
with their knowledge of organ anatomy and general physiology, although their
nomenclature for individual bones was closer to â€˜â€˜the knee-bone connected to the
thigh-boneâ€™â€™ than was the case in Hellenistic times and in Celsus, when specific bones
were increasingly likely to have individual names. In a similar vein, the Hippocratic
author of â€˜â€˜Wounds in the</t>
  </si>
  <si>
    <t>b'\x05\xf1E#\xb2\xed\xfcw\xa7\x8a\x97\xad\xc0&amp;G\xee\xd6vk\xbf+?\x18\xc8\x9d\xb0FS"A9\xa36o\xa9Q\x13 &lt;)15Q=\xb3a\xce\x8b\x82c3p\t\x96\xfe\xa7+\x1aJkTR\x16y\xa5g\xed\x84\xc5\x89\xa7\xf9\xb6y\x8a\xabV2\xed DY\')Z\xf6\x82\xdc\x8cR\x85\xe6u\x13\xabV\x99\xa9\x9d\xebf\xd1\xfb\xa3\xdd\xe8\xda.a\x06f\x024?\xb2\x0b\x1e\x1f7\xd8\x1c\x8f\xfd\x8c\x10\x8a\xbf\\\'\xea$\x1e\xbb\xf1\x1fBV\xaa\x19\xbbO\xf5\x82Jz\\\xb1\xca\x84\x06\xdfFX\xb9\xa7"\xee\x93\xdaL\\\xe43\xbf\x93\xcb\xe5\xcd\x9e{\x86&amp;/^\xa3\x81@\x90\x99\xa4\xbb\x19\xea\x01+\xe8\xbfe\x1d\x8a\xd27\xe6\xb8R\x8c\x9e\xd2\xfe|63\xe1\x99\x0c\xa7Z\x08\x16P\x9b\x83\x1a\x03\x12\xd0\xc4(\xd5\xfb|\xf9\x96\xbb\xacu\x08\xf3\xd1\xb4\xddfr\xf0\xffYp\xe6e\xf0[8_+\x97b\x8fQ\xacH\xd15\xcf\xc5C\x88\xab\x08\x87\x17k\x04\xb7\xe5\xe4ev\x10\xbd:xU\xbb\xbf\xcaQ\xa3\xe4\xc1@\xa8\xea%\x0e\xd1\xec\x16S\x0f= \xa9\xa7X,q\xc1&amp;\x7f&gt;a\x1c{2\xd0\xa7_\xb8.\xa0:s\xdaF\x1a[\xb8\n\x84\x96N\xc8r\x9dU\xf3\x18u\xd9\xfcE\xc3\xc7x\xf3\xe3Y\x8a\x9b\xb3\xfe7\xa0\xb0\x82e\xc2I\x02\x11TB;\x83\xfb\xb5\x05&lt;.\xcc*\xcb\x1c\xab\xb0e\xf5u#d\xc1[\x8efH\xb3\xd8\xa1\x99/v\xe5\x0b\xf3\x87W~\xfc\x19\x84\xa0\xf6\x8e4\xde.\x97\nx\x0b\x16\x9a\xceue\xbf\xfc\xb2O\xc2\x10\xc9\xc5\xc0\xc5\xadq\x1f\x08\xadlD"{\'\x8d\x9c&amp;\x80;\xbb&amp;\x80\x83\xf1\x01\x97\x17\xe5\xeb\x84\xce\x02A#b|e2\x1dC3\xb5}\x84e@C\x8aT\xff\xdc\t\xd1\xdb.\xe3{6\xd2&lt;\xd4\x9e\xeb)\xc6\xf1\xf7\xee\x05:eB\xaf\x05\x9f[\x83\xd0\'a\xad\x97\xb3iO}\xba\xac\xc0\xe5\xcb\xf0\x14\x8f\xc0f\x99\xd6\x19\x8eI\x1aw9\x18\xa4E\x1a}S\x90`\xcf\xc3\x0e\x1f\x14&lt;)\xe1\x18j\x9e\xe4\x02\xdf\x98|\x80#\xfd\xd4\xfe\x1e\r\xd35hy\x96\xd8\x9fa\x03/o\xb3\x14\xa0z\x07G\x93p41@\xd3\x198n\x86\xab\xee\xe4\xf0\xeag\xaf\x11M&lt;J\xcb^v\xca\x93\xf9\x9e\xc2\xb3$a9C$f\xc5\x9c\x12\xaf\xa1\xd1\xbc\x1a\xe4X\xe8\x90G\xf1{\xa6[\x98\xa3I\xa7\x1f\x13O\xd8\xd0\xf6\x84\x85bj}.\xa7J\xc4"\xe2\x89\xa2\x90\x99\xa9*Y\x8f\xc6?\x9b\x94o\xb4\xb7^1\xf4JG\xb5\xa8\xb6?\xa2I\xff\x8c\x14\xf4\xe9H\x82\xa0\xaae\x95\xd4\xab`\xa4\xa7]\x91\xa5YL~\x1b\x13\xa0\xd9H$\x87\x94\xb4\x99\xb9\x0b7\x00\x9a\xbcRb]\xcb+R\xc7\x82\xbb\xdd\xa2\xfb\xfb_\xc3Q\xeeu\xc5X\xfab\xbeWe\x1e\x14\xd9{Q\x9b\xe7\xc9\xa1\x92\xde\xaa\xcfBV\xee\x87\xc4\xe8\xca\xe0\x10\x15\xbb\x97S\xe9\x7f\\\xe2R\x9b8M;\xfan\x13\xa05\x03\xec\xfee\xeb\xbd\x92\xef\xbe\xbe\x9e\xd9/\xa5\xaar\xdb\x15\x07Ry\n\x04\xdf\xc6\xd6\xfc\xc3EZ\xb7\xceE\xb8B\xaa\xf5f.\x01\x9c\xe6\x83"\x89\xd1\xdd\xb2\x8b\\\xc9\x06\xde\xc1A\xd9\xc7qL(\xfc\x93\x95e\x07\x02,\xad\rsR]t&gt; \x0b\x15\xbf\xb0&amp;^\xed\xcb\xc7\xc0j\x07\xd6\xdadK\xf3\xe6\xf60\xe6\xd59E\x9f`\x80\x99,O\xaa\x13\x14?\x0c1lk\xb0\xb4\xaa\xf1]\xe3\x89\xd5jF\x81e\xb4\x81K\xd8!\xd7\x18%\x1a\xf0U\x90\'\xcd\xb9{\x1dd_\x05`\xb8\x13\xe5\x97{\xaf\xb2\xd3\x16\xd7\xb3n^\xfe\x15\xae\xf0\x15:\xc7\x15J\xaf8\t\xb8\xec\x1d\x1e\x88\xd6R\x1b*\x0e\xa9B\x1aF\xbd\x03\xe3\\\xdbw\xb1\xdf\x03{VLr\x81\xde\x89@\\J\xcb\x9c\xb0\xc7\xe9\xc3%\xc4jkE\x1a{\x0e\xdc\xb7aQ=Y\xda\x0e\xa7\xb9s\x00\xca\x02\xd1!\xab\xef\xe9\xaf\x14U\xfa\xbau\xd93l\xa7\x84:2\x99\x90#\xf6\x7f\xaa\xd5}\x8a\x10\x88\xfb\x19\x06\xb8z\x8b\xc9\xb1\xa5\xf9\xe4\xa4\x8b{zJ=d\xc6\xe4\xf9\xa2\xba|\xa2z\xa4[\xdc.\x1c\xa7\xac\x91@\xf3\xaf[\xcd\xd9\x84\x85\xfcU\x8c\xc6\x01\xb4\xba+#\x8b\xc8\xdc\xaa2X\xe9\xe6\xa7\x92\xb1\xb9\r\xab\xc1\xa4\xa7\r\xdc2\xa5&amp;\xcf\x96 $\xc2\x89bs\x1fNg\x8d\xd5\x10\xcb\x93\xc8~KNq\x8c\xe6\x19\xed\xde\xf3\xf3\x16 V\x08\xbf\x1bIw+k\xe5:J4\xe6\xfe\xf8\xb6\x85\xaa\x1e\xd5\xe1\xc7\xf6\x97b\xe5z\xe8i\x93_\x84\xf5\xbekS\xe58\x93\xe4^\x95^\x80}!\xd6XD\xee]Y&amp;\x01\xdb\xb3\x08\xefY\x14^&amp;&gt;\x9fk\x85|\xaa\x1d\nV\xa4\xc2\xa2\x9aA(\x0c\r\xcaO\xbdj\x04\x1c\x9el\xabFm-\xab\xac\x13\xf7\xc39\xc9D\x9ab\tS\xed\xf7HP\xf7\xc6{o&gt;\x16\xab\x81\x00\x80-\xbc\xe9\xb4+\x1f\xe5\x15\xb1(\xdc\x01\xd1\xb0\x02!)\x11i\xa6\xca\x10@\x17\xd2\x8eC/\x159\xea\x97\x15\xda\xaa\xe1\x81\x15\x18\xb5\xbc\x9c\x18r(\xa9\x80\r\x89\xaf\x83\x95\x9e}\xe0\xf1^&amp;\x18\x0b\xa16B\x91\xaa\xed\x01\xee,j\\\x98s\xfa\xa6\xfa\'\xc8\xa6?C\xc9\xa6R\x9aT\x04\xb2\x95u\xd7$(ECy@\x0bOj\x17\xd9\xa0l\xf8:\x8fq\x14QJ7]\xf4:|m[\xecv\x84\xeeki\xc4\xb1\xbfI\x04\xe9\xec\xba\x1a\xc5E\xc4\xf07+\xc1\xf8\xae\x99"m+Z\xe4\x91z\x98\x8em\x1b+\xff\x92\x93\xe0ys\x9d\xc7&lt;\x00((]DG\x88i\xe7\xa0d\x9f\xf7C\xc2|zJef\x9b\xb2h})L\x9c\x8d\xffr3\xa1\x7f\x9d\xea\xf8m\x06P-\xbf\xce\x00\xc9M9\x9cBex\xa7nc\xf5\xe9\xeb\x8bU\x0f\x16\x91\xa9\x88\x89\x10\xe0\x1e\x0c\xa2gES\x9f\x9cES^8\xbf\xeb\xf1\xde\xf8\xdfj\xaa\xe1[\x87V@\xa8UP\xe6_e\'ak\xbdA+\x9a\xa6,\xea\\\xae\x89"\x0f]\xccw\xe5\xfc\x81?A\x11\xaa\xcd\x04\xd0\x8c{\xab\x98\x13\xa6\xd0|\x1e\x92\x80\xe6\x9b\x947\x1c\x9cg\x00E\x84$C\x94\xe8\xf8Ma\x9a\xfc\x8b\x0fI\xf9Pv.\xb3\x9fJ\x13\x0b\xa0t,\x86\xe4\x8c\x8a\x12\x1a\xfc\xf5L\x03\xc7\xf4\xe8\xcc\xd3i\xc1\x94\xdf\xa7\x87\x08\xe2=\x82\x1cFx\xa0`\x9c\x1b_\xdbi\xfc\xa6y\x0b\xd2~r%\x97\xedq\x9bdi\xfc\xec]!\xe9\x1d{|\xdd\x02\xf8\xc4M\x96\xa3\x0c\xc8)\xbf&lt;\xbe\xa4\xa6\xab\xec\xeeG?\x10\xd8\n\xee\xc5J\xf2b\x1f\xca@-\xad\xed\xfb\xb2}\xc1\x16w\x05\xf9m\xf4;\x045\xcf \x06,\x87\x9c;\r\xbb\x0f\xce\t\xd8\xf1W\xae\x1b\x85^\xd9\xd7\x15\xfa\x86\x00\x82@i\xd5\xb3I\x19\x93&lt;\xc3~\xe3z\x93l\\\'\x1d\xb0\xef`\x19\x9eB\x16?\x7f\x92\xa9\x18\xe7)e\xf7\xeai\x88\tK\x83aH\x89\t\x94 \xf5G\x8b:f\xeb\x7f\xd5V\xd9\xda\xf2\x14\x84\x02Z\x85^\xda(\xe8\x16\x00k[f\xc4:\xd4\xb9\xd5\xbed\xf9\xe9^\x14c\x94\xcd\xe5\x05\xebs\xfe\x96\x8b\xad\xc1\x85i{\x17\x07\x86\x19\x0bOl[\xd9\xceZ\xd5\xc5=\xf7W\xa7\xe8\xb7\xa9\xb0\x07\x88Q\x0c\xeb\xfd\x9c\xd7\xcc7[\x81]\xf9\xfd\xf9t"9\xc9\x1e\x9e\xd8\x84\xd2\x8ag\xe3x\xd2\x1b!\x9b\xa3\xf7\xbd[\xc0\xc4H\xea\n\x89|\xecl\xcc\xba\xb7\x97&lt;\x02H\x0c\xa6\x17\xe0,\xeff\xc1\\\xc9\xc8\xbbr?O|\xcfPg\xf8D\xe3O\\\xd7\xda\t\x14\tdFr\xd5\xd5R\xe0V\xe26^\xb6\xbdI\xe8\x02w\xdcA|P\x84\x90Z1\x1b\x91a2\x88\xb4\x9a\xcaY\xca\xb5+\x85\xadm=){S\x1eh\xc3z\x0b ?.\xf1-\x0b f\xa6!&lt;\xb1\xe3 \x8d^\x06\x10`\xceR\x92\x121:\xdd\x18\x1eiiI\xf9\xe3\x91\xdd\xf8B\xb1\x1eH s\x1e\xea\x15\x90r\xb0\xbcP\x1a;\xf0\xc9\xc5&lt;?\xa5\x0b1\xe01\xbf\xf1q\x8d7\xf9\x9eW\xe6\x15\xf8\xec\x9a\x12\xda\xc9\x07\x9cnRV+\xd0\xd8\'*\xe2\xfe&lt;\xa0\xcd\t4J7\x1f\x15\x7f\xeb/~l\x92\\`\xb5-\x14&gt;\xaa\xf5.\xcau\xc6\xe8Z\xe8l6]Mw&gt;m\x81\x84n\xc3[\x7f*o\x00\x08\x11k\x9c1\xfc\xd2\xf9F_\x19\x04:\x84\x97L\xca\xe8\xd8\x13\x16\xa8\xf2\x99\xe4\x10K&amp;"\xe4\xb3\xe0eR=,&lt;\xeb\xe9:i\xe0\x92f\xe9\x11\x96\xd7\x0c\xc8p\xb7}\xd2b)\xe24i\xc2\x0e\x1c\xb5\xe2/\x10;%\xda\x93\xfe\x89\xf7Z\xee\x95\xa3(~\xe25\xa8\xe6\xedA\x95\x1f\xf5\xf1\x14\xc1c\x06"[\x99\xba^\x0b\x04\xfd\x0b\x8c\xe7_Vg\x93\xf4\xdf6\xa0o\xa3\x97\xa6\xccf\xaa,\xde\xcd\x92&gt;\xae6\xc2\xa3Su\x7f+_[\x18\x83&gt;+\xa3H\xca\xf4[\xb8\xfd\xf7\xe6KEf\x0bF*\x88\x84\x89\xda7\'j\xba\xcf]\x14\xfa\x97}1mE\x07\x91\xd5\x050\xf3:%\x02\x88\x92KL\x0e\xbc\xfe\x00@\x99\x1b5\xa6F\x0b\x17\xbel\xa7\x8ba\xa8\xea-O\xc5\xb7J\xf5\xeb9\xd2\xc7\'\xac\x05\x07\x80bhi\xd0Ju9\xf8\xa4J\xb9!\x97\xaeGq-2\xb8\xc3m\'\xa1\xd3MED\xa0\xb9.\xe2\xa9\xac\xf5\xf7Hgx\xf2o\x8fV\xc0\x15\xf3O\xabR\'\xda\xc8\xee\x1b\nq\x17Y\x0f;Y\xda8#[\xf6\xc1\x996\xa7\xf4\x99.\xadrz\x1e\xf1YM\x88\xac\x87\x89\xda\xdd\x80\x9d\xado\xa74\xe2\xfe\xc1,\xc3\x94\xe8\xaa\x182c6\xe7\x11\xb2~\xde\xfe\xb2\xd3$Q\x85\xc3q\xe4\xf5\xa7\xf4\x10\xea\xff\x86\xcb\xde\x05T\x9f\xd9\x1caa\xca\xd8u\xe6\x9c\xcd\xe3\x1bVj\xa6\xe2\x7fhae\xa7\r\xe2\xf3\xfb\xb8mo\xd1R\xe2\xc4\xab\xe4G\xf8\xc5\r\x0ec\x02\x86\xd7\xad\xf5v0\x88\xa8\xb5OE"\x84\x15\x8ff\x9b\x14z\x14\xb8\t\x88\xf9\x10|D\x9e\xae\x1a\xf7\xb0g\x1cccZ\xff\x00~\r\xfb\nTg!(\x8b1}\x1c\xb8\xc6c\xdcz/\xeb\xeakz\x00\xa7\xe2!\x1a\xce!\x8d\xd2Wz\xed\xfb\xd9$6ar\x92\x7f\xb5\xf4e\xe9\xaa\x8c\xd0\xde\xfe\x80\xb4|(!\x89\x9d~)u#\xd9|\x8a\x07\xf8\x10\xb8\xf5xj\x840\xb8\t-\xa8o\xf2\xe8t-\xc0\x91\xbb\x88\xc1[?\xbfq\xb1&gt;\xa8D\x0c\xa4$\xc6\xb2g\xc79\xef\xdaqJ\n\xbc\xed\xa8\xf5\x10(W\xe5\xd5\x9b{}6\x92\xd4_YX\xe4\x95\xa1\xa6\x12\x9esR\xa8\x9dx\x05\xebO\xaa\xe4@E\xbc\x03eg\xf7}3DPSjaO\xf3\xafl0\x0fDV\x18\xcf\xe0%\x7f\xd6B1m\xacm\x07\x0f!\xb9\x11\x9d\x9c\xb4\xf08\x07&amp;\xeb\xab\x04\x13Q\x9bR;\x1a\xf2at\xacQ\xc2\xe8\xa7\xc2{%e\xd5\x0c4\x07 u\x03M\xb0Z\xb5$iWE|A\x8f\xd4m\x8e\xae*\x10txqH\r\xee\x87\xdc\xd9\x93-\xc0\x8d(\xa84\xef\xed\xda\x91\xfd5\x90\xe3\xf4:\xd11\xa8\xf0\xdaz^\x83\x02&gt;\xf4=\xb2\xf8&lt;%c\x1e\x88\xdd\x93Q\xa3\t\x8f`\xddy\xde\xf6a\xbf\trE\x7f\xd1\xc2\x9c@V]\x8a=\xd5+W\x89fA\x9aw\xf5&lt;\x12\xd9\x1dP&gt;\r\x8d\xa9\xc1irI\xec\xec\x85\x96\xe7\xa8(\xdb\xe2\xd4"\x1f\xaa\x12\x93\xa9 \xbf\xbc\x0f\xa1eJ$\xe2a\xde\rz\xe7\x01/\xf8U\xa0t\xab?\x97e&lt;\xb2O_:\x11\x04T\x89\xfb\xca\xe5\x97X\xec\x88\x8dgG\xf9\x93\x91F\xd6\x90&amp;\x82\x1d\x99X\xec\x1e\xf5r\xc6\xf2"\xf2~C\xd1!\x1b.\xe1\xd1\xcb3\xebu\x1d\xf8\xfb\xcd\x97\xdcI\xf79mt\x96\xdd\x19\xf8\x85\x0e&gt;l\xc9\xdc.\x1d\xe6\xe6ni\x9e\x07\x96\xb2C\xf8\x8d\'0Q(\xf9\x8d\x06\xc0\xe9B!0\x08N\x12\x91\xb0\x13.A9\x9er*X\xf6\xb2l\x1e\xf8\xfa\xa0\xa4\x11\x11\x15z\x1b\xc7L\x1b\xb43\xbc\x93\x02\x8d\x92c\xd2\x8046\x1e\xfc\xb9U\x1e&amp;\x87\x82T\x99\xe6\xe1\xe8(\xae\xc4\x12\xe7,4@\x18\xbc&lt;\t\x1a#\xd4\xcb\x11L\x16'</t>
  </si>
  <si>
    <t>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</t>
  </si>
  <si>
    <t>b'\x05\xf1E#\xb2\xed\xfcw\xa7\x8a\x97\xad\xc0&amp;G\xee'</t>
  </si>
  <si>
    <t>have a pair of ovaries located in the abdomen (Figure 19.1). Ovary
is the primary female sex organ which produces one ovum during each
menstrual cycle. In addition, ovary also produces two groups of steroid
hormones called estrogen and progesterone. Ovary is composed of
ovarian follicles and stromal tissues. The estrogen is synthesised and
secreted mainly by the growing ovarian follicles. After ovulation, the
ruptured follicle is converted to a structure called corpus luteum, which
secretes mainly progesterone.
Estrogens produce wide ranging actions such as stimulation of growth
and activities of female secondary s</t>
  </si>
  <si>
    <t>b'\xb7\xd0\x80o\xca\x8b\xba\xaehs\xe2D\xf8%jI\xed\xe7\xa81N\xef-\'\xfd\x12\xe2\xfa\xd9\xa3\xf7y\xfb\xc0\x0e\xee\xf6\xf6\xd2\xea\x92pl(}a\x19\xe9\xe3\x0c\x85\xd4H\x9ao\xe5\xebEr2.Ib\x9b5\xa6\n@\xf34\x06\x12B\n\xc0\xab\x1fF\xd9\xcf\x00\x9f\xa9w\xca\xd9=R 2\x9fvJ\x1c\x18\xfc\xf3\xb0\xf2]\xf8\xe9\xc3\xfc9\x031\xd3\xbb\xf5(Pl\x8f\xfa\x83?\x08(R5/\xd6W\x1a\x83\x0c&lt;\xcc\x19\xc4Y#\xd4\xe6\x8a\x1eO\xb0*QU\xa2]\x87d\x18\x1e]\xeeM\xf04\x0f\xda\xbb\xf7\xb9(uI\xa55\xd2\x05\x1ah\xf1\x0c\xc9\xb7B\x9f&gt;tc&gt;C\x14\x9c\xd1d!\x01\x83\x84\xd2&lt;\xbfl|fiTO\x12\xe6N+},\x04\xf4x:\x99\xac;[\xfc\xac\x7fT\xce\x80Z\xbas-\x8d\xf9t_\xef\xd4^m2}\xff\x14R\x1a;\xe8\x83\xbc-(N\x19*\x922\x17\xf1o\x14\x83\x02\xd8\xc3\xa6\x92)\'\xd9\xad\x83\xdb89i,B^\xa3\x19\xa9]H\x9eK\x10\x02\\biu\xd4\x1e\xfbt[\xcc4S\xdf\xe0cT\x9cz9\x04\xb1\x8e\xe9\x16\x17\xc2\xd1N\xc4\xef\xfe\x07\xe3B\x9bU\xd4;\xd4:\xdb\xa2\xbe\x99\x80\xa2\x94:\xb3\xbf\xfc\xf7\x1c\x80\xb6\x19Ia(S\xb5~\x92L3v3\xb3i\xb8u3\x8a\x1cW\x12\x7f9\xb5\x0f\xcd\x81\xbd\x8a\xfe\xe3Q\xe1\xd4\x92\x9cI\xc4C\xc8H\x01\x86{\xf1\x8d\x06\x0e\xee\xac\x8a\x14\x9ad\x95\xe3q\xf8&gt;\xa4\xc8\x02\xda[\xb7Wd\xc9\xbc\xbd\x15\x0b\xf6\xf6\xcc\x80\x14\xd2O\x1f\xa0?\xacx\xfb\x9a\xb5\xd6\xf0w\\\x0ba"\xa8\xbd\xfb\xdaa\xc1\xb3%.\xb0\xb8\x98\x8d\x05\x17o\xec\xd4\xe9\xabv\x04X\xe8b\x0elJ\x89akG\x83\xd6\xeb\x07\xd6\xcf\xd3\x80\x03}\xfb\xf8\xa1\rk\xf3\xec\xdd\x8b6b\x95\xa4\xa4\xc9Fp\xfd/\x96\xb6\xdd\xb2$\x00&amp;\x1eI\x98a\xfa\x17\xfd?L\xb0\x06M\x94\x12\xc9\x17A\xd8`&lt;\xf7\x89?f\xce\xce^3\xefe\xceh\xedh\x9a\x9b7\xecZH\xbd\x1a\xfe\xbe\x97\x1dz\xa2K\x9f\x1d\xea,m\x9e\xa2\xd8\xb1\x1a \xc7e\xc6pxnm\xb89\x14c\x99&lt;\xe3\xa4O]\x04\x0e\xc9\xa0\x99\x1d\xe2\xf0^\xf1\x7f\xd8\xb2\xf0\x15\xc6R%\xcc\xe3\x10\xf2\xae\xcc\x06\x1b`\xd0S\x98:\xba+x\xdcI\x1a\x8c\xba\x88\xfe{#+o\xeeo\x93\xa8g?\x95\xad'</t>
  </si>
  <si>
    <t>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</t>
  </si>
  <si>
    <t>b'\xb7\xd0\x80o\xca\x8b\xba\xaehs\xe2D\xf8%jI'</t>
  </si>
  <si>
    <t>tor," we cried, "what shall we do? Where is he wounded?" 
 "Wounded? A fiddle-stick's end!" said the doctor. "No more wounded 
 than you or I. The man h</t>
  </si>
  <si>
    <t>b"\x07\xa4J\x9e\x13\x8e\x14\xd0\x0fA$t\x95k\x1a(,v\x97@\xc2\xc9\n9; ue\xb0\xb6\x86\x0f\x91u9qiAS\xc3CJ\xbcI\xd5\xe9\x13\xe6z\xc4\x84\xea\xb7\xe3GfQ\xae\xbc\x07\xaf\xb1\xc7\xbe`\x0f\x14\xb401]\x8a\xc9`\xf0G\xeb\xf3\xde\x83Z\x9f\x8c:\xd6#\xec-\x81\x01\xee\x8a~\xaf\x82\x0e\xa0\x84\xce\xa6c\x1d\xfe\x98f\xe8\x12\xce\xd7\xee\xec\x1f\x06,G\x0c'z\xbf\x15gK3\xd2\x1c\xa2V\x15p\x8e}w\xa5-\xc5\x92\xca\xeee\x91\n\xd2\x99\xf2\x9c\xd1(\xcfv\xcbPh\xb8}\x14h\xf9b|\xb3\xc0xK\xc4\xc5(+\x94H\x03\x01\xd4\xf5\xcb\xb3$Rm\xb9\xba\x94\xb1-\xe2\x9e\x9bd2Q}\xa8\xb6\x16\xf0\xd4^\xb6\x80s\xf3N\x8f\x8ev\x14$\xbf\xb3^c\x82w\x8e1\xc7\x04q\x00\x9dS{'\x11\xf2\xbb\xbf~\x00|`|2\x9e\xe6\x17;6(\x82\x8d~\x06\xcc79\xe9%\x80&amp;s\xae\xaf\x81\xaf\xba\xa8\xb4\xd6\x11\xf9\xc6\x0f\xe8\xea\xf0D\x02sp0\xe0\xa95\xa1\x8d\x9b\xab\xf0\x9f\xc8\xb4\xb4\xeb\x992\x14\xf5\xf85]\x9c\xd7G\x1cy5\x80\xd6iZknh]\x0c\x7f\xdb\x0e\x11pz;c\\\xb9SBV\xbe\xae\x92gL/\x19Z\x17\xba\xa2\x8bP\xf4a\xab\x1d\x87\xe2\x871\xad\x81\xd2N\xf1b\x0e\xc7\xd35\x9a\xee\x95V\x8f \xec\xd7\\\xb2]\xbc\xc4]mH\xbd\xac*}S\x9d\x1a6_\xce\xcf\xee(\xceY\x051\x8a\xa1\x7f\xd7(\xd86.\xa4\x82S\x84B\x07\xb4\xdb\xe2g\x83\x11\xa1*+\xadP\x13\xf2)p~\xe4\xa7\x07i\xc1\xb0\xfa\xdd1\x83\xe9\x98\x04o\xa3\x00e\xbfS\xf9L{k\x9bS\xf7\x80\xc5\xbd\x0c4yy\x96\x90Y\xb9\xdc/\x1en\xf3\xa8\xdc]\x13O\xe9g\x06\xc8\xbe\xa40\x9a\x99\xe9\xe0\x0b\x82RK\x8b)7\xcb\x08M\x14\x92c\xf5\xfbT\x16\xc1Tp\xe0\t\x07\xce\xef\x8f\xd8koM\xef\xa5\xee+\xd2OD\x91U\xcd\x0e\xcd"</t>
  </si>
  <si>
    <t>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</t>
  </si>
  <si>
    <t>b'\x07\xa4J\x9e\x13\x8e\x14\xd0\x0fA$t\x95k\x1a('</t>
  </si>
  <si>
    <t>rcent per year higher than that on
 dollar deposits. We assumed at the end of the last section that individuals always prefer to
 hold deposits of currencies offering the highest expected return. This implies that if the
 expected return on euro deposits is 4 percent greater than that on dollar deposits, no one
 will be willing to continue holding dollar deposits, and holders of dollar deposits will be
 trying to sell them for euro deposits. There will therefore be an excess supply of dollar
 deposits and an excess demand for euro deposits in the foreign exchange market.
 As a contrasting example, suppose that dollar deposits again offer a 10 percent inter_x0002_est rate but euro deposits offer a 12 percent rate and the dollar is expected to appreciate
 against the euro by 4 percent over the coming year. (This is case 4 in Table 14-3.) Now
 the return on dollar deposits is 2 percent higher. In th</t>
  </si>
  <si>
    <t>b"0D\x02 }bw\xd3F\x0f\x85u\xd0\x92[\x15(\xfe\xd7\x83\xe1\xc2)\x15\xea2\x10'\x07&gt;\xb7YS\xf0@#\x02 \r\xc3;\xea\xf2=\x1fY!\xf7\xfe\x15\xf6\x02\x1e\x94\xfb\xd2\x9e\xc8\x9f\xed\xad\x0e\xddd\x95&lt;\xc1Un\x14"</t>
  </si>
  <si>
    <t>304402207d6277d3460f8575d0925b1528fed783e1c22915ea321027073eb75953f0402302200dc33beaf23d1f5921f7fe15f6021e94fbd29ec89fedad0edd64953cc1556e14</t>
  </si>
  <si>
    <t>b'0D\x02 }bw\xd3F\x0f\x85u\xd0\x92[\x15'</t>
  </si>
  <si>
    <t>they broke into a bacchanalian dance, which brought him to his feet at
 once; all traces of human weakness gone, as if a bucket of water had passed
 over him.
 'Quiet, you scugs,' he cried, 'or I'll cast anchor in you'; and at once the din was
 hushed. 'Are all the children chained, so that they cannot fly away?'
 'Ay, ay.'
 'Then hoist them up.'
 The wretched prisoners were dragged from the hold, all except Wendy, and
 ranged in line in front of him. For a time he seemed unconscious of their
 presence. He lolled at his ease, humming, not unmelodiously, snatches of a
 rude song, and fingering a pack of cards. Ever and anon the light from his
 cigar gave a touch of colour to his face.
 'Now then, bullies,' he said briskly, 'six of you walk the plank to-night, but I
 have room for two cabin boys. Which of you is it to be?'
 'Don't irritate him unnecessarily,' had been Wendy's instructions in the hold; so
 Tootles stepped forward politely. Tootles hated the idea of signing under such
 a man, but an instinct told him that it would be prudent to lay the
 responsibility on an absent person; and though a somewhat silly boy, he kne</t>
  </si>
  <si>
    <t>b'\x9c\xb3o\xee&amp;\xc5`O'</t>
  </si>
  <si>
    <t>9cb36fee26c5604f</t>
  </si>
  <si>
    <t>n Eq. 12.110 it was the velocity of the reference frame.
 12.3 Relativistic Electrodynamics
  561
  y0
  z0
  âˆ’Ïƒ0
  45Â°
  +Ïƒ0
  FIGURE12.41
  (a) Find E0, the field in S0.
  (b) Find E, the field in S.
  (c) What angle do the plates make with the x axis?
  (d) Is the field perpendicular to the plates in S?
  x0
  Problem12.44InsystemS0,astaticuniformline charge Î»coincides with the z axis.
  (a) Write the electric field E0 in Cartesian coordinates, for the point (x0, y0,z0).
  (b) Use Eq. 12.109 to find the electric in S, which moves with speed v in the x
  direction with respect to S0. The field is still in terms of (x0, y0,z0); express it
  instead in terms of the coordinates (x, y, z) in S. Finally, write E in terms of the
  vector S from the present location of the wire and the angle Î¸ between S and Ë†x.
  Does the field point away from the instantaneous location of the wire, like the
  f
  ield of a uniformly moving point charge?
  Problem 12.45
  (a) Charge qA is at rest at the origin in system S;chargeqB flies by at speed v on a
  trajectory parallel to the x axis, but at y = d. What is the electromagnetic</t>
  </si>
  <si>
    <t>b'\xe5\xa7\n)\xbb*\xe0]\x1d&gt;\n\xc7/\xf2\x9bl\xb5\xd8\xf5!|\xa5N\xca\xf2\xbd}s\xba\t\xfa\xbe'</t>
  </si>
  <si>
    <t>e5a70a29bb2ae05d1d3e0ac72ff29b6cb5d8f5217ca54ecaf2bd7d73ba09fabe</t>
  </si>
  <si>
    <t>b'\xe5\xa7\n)\xbb*\xe0]\x1d&gt;\n\xc7/\xf2\x9bl'</t>
  </si>
  <si>
    <t>ous people can
 awaken into life. Groves of orange and lemon perfumed the air, their ripe
 fruit glowing among the foliage; while, sloping to the plains, extensive
 vineyards spread their treasures. Beyond these, woods and pastures, and
 mingled towns and hamlets stretched towards the sea, on whose bright
 surface gleamed many a distant sail; while, over the whole scene, was
 diffused the purple glow of evening. This landscape with the surrounding
 alps did, indeed, present a perfect picture of the lovely and the sublime,
 of 'beauty sleeping in the lap of horror.'
 The travellers, having reached the plains, proceeded, between hedges of
 flowering myrtle and pomegranate, to the town of Arles, where they
 proposed to rest for the night. They met with simple, but neat
 accommodation, and would have passed a happy evening, after the toils
 and the delights of this day, had not the approaching separation thrown
 a gloom over their spirit.
 It was St. Aubert's plan to proceed, on the morrow, to the borders of the
 Mediterranean, and travel along its shores into Languedoc; and
 Valancourt, since he was now nearly recovered, and had no longer a
 pretence for continuing with his new friends, resolved to leave them
 here.
 St. Aubert, who was much pleased with him, invited him to go further,
 but did not repeat the invitation, and Valancourt had resolution enough
 to forego the temptation of accepting it, that he might prove himself not
 unworthy of the favour. On the following morning, therefore, they were
 to part, St. Aubert to pursue his way to Languedoc, and Valancourt to
 explore new scenes among the mountains, on his return home.
 During this evening he was often silent and thoughtful; St. Aubert's
 manner towards him was affectionate, though grave, and Emily was
 serious, though she made frequent efforts to appear cheerful. After one
 64
 of the most melancholy evenings they had yet passed together, they
 separated for the night.
 65
 CHAPTER 6
 I care not, Fortune! what you me deny;
 You cannot rob me of free nature's grace;
 You cannot shut the windows of the sky,
 Through which Aurora shews her brightening face;
 You cannot bar my constant feet to trace
 The woods and lawns, by living stream, at eve:
 Let health my nerves and finer fibres brace,
 And I their toys to the great children leave:
 Of fancy, reason, virtue, nought can me bereave.
  THOMSON
 In the morning, Valancourt breakfasted with St. Aubert and Emily,
 neither of whom seemed much refreshed by sleep. The languor of illness
 still hung over St. Aubert, and to Emily's fears his disorder appeared to
 be increasing fast upon him. She watched his looks with anxious
 affection, and their expression was always faithfully reflected in her own.
 At the commencement of their acquaintance, Valancourt had made
 known his name and family. St. Aubert was not a stranger to either, for
 the family estates, which were now in the possession of an elder brother
 of Valancourt, were little more than twenty miles distant from La Vallee,
 and he had sometimes met the elder Valancourt on visits in the
 neighbourhood. This knowledge had made him more willingly receive
 his present companion; for, though his countenance and manners would
 have won him the acquaintance of St. Aubert, who was very apt to trust
 to the intelligence of his own eyes, with respect to countenances, he
 would not have accepted these, as sufficient introductions to that of hi</t>
  </si>
  <si>
    <t>b'\xaaL\xdc\xc9r\x0e\xe6\x05\xb3_\x19\x11J\x8c\x15\x00N\xc44\x17\xd0\x1b\x117\x94I\xd5_\x98*\x82\xfc\xa9\x84Jw\xf1\xcd\xd6\xc3Tb1\x04pU\xae\xb8\x93\xa9d\xe2\xa2\r\xea9\x1akr,\xaf\xcf\xc3:'</t>
  </si>
  <si>
    <t>aa4cdcc9720ee605b35f19114a8c15004ec43417d01b11379449d55f982a82fca9844a77f1cdd6c3546231047055aeb893a964e2a20dea391a6b722cafcfc33a</t>
  </si>
  <si>
    <t>b'\xaaL\xdc\xc9r\x0e\xe6\x05\xb3_\x19\x11J\x8c\x15\x00'</t>
  </si>
  <si>
    <t>Active Filters 733
 It follows that
 SQ
 R1 = âˆ’1
 2
 _x0002__x0003_
 R1C2
 R2C1
 âˆ’
 _x0003_
 R2C2
 R1C1
 âˆ’ (K âˆ’ 1)_x0003_
 R1C1
 R2C2
 _x0004_
 Q. (15.77)
 The expression in the square brackets is similar to that in Eq. (15.74), except for a change
 in the sign of the second term. Adding and subtracting 2âˆšR2C2/
 âˆšR1C1 to this expression
 and substituting for Q from Eq. (15.74), we arrive at
 SQ
 R1 = âˆ’1
 2 +Q
 _x0003_
 R2C2
 R1C1
 . (15.78)
 Following the same procedure, the reader can show that:
 SQ
 R2 = âˆ’SQ
 R1 (15.79)
 SQ
 C1 = âˆ’SQ
 C2 = âˆ’1
 2 +Q
 _x0005__x0003_
 R1C2
 R2C1
 +
 _x0003_
 R2C2
 R1C1
 _x0006_
 (15.80)
 SQ
 K = QK_x0003_
 R1C1
 R2C2
 . (15.81)
 Example
 15.18
 Determine the Q sensitivities of the SK filter for the common choice R1 = R2 = R and
 C1 = C2 = C.
 Solution From Eq. (15.74), we have
 Q = 1
 3 âˆ’ K (15.82)
 and hence
 SQ
 R1 = âˆ’SQ
 R2 = âˆ’1
 2 +
 1
 3 âˆ’ K (15.83)
 SQ
 C1 = âˆ’SQ
 C2 = âˆ’1
 2 +
 2
 3 âˆ’ K (15.84)
 SQ
 K = K
 3 âˆ’ K. (15.85)
 Interestingly, for K = 1, the sensitivity to R1 and R2 vanishes and
 _x0007_
 _x0007_SQ
 C1
 _x0007_
 _x0007_ = _x0007_
 _x0007_SQ
 C2
 _x0007_
 _x0007_ = _x0007_
 _x0007_SQ
 K
 _x0007_
 _x0007_ = 1
 2
 . (15.86)
 The choice of equal component values and K = 1 thus leads to low sensitivities but also
 a limited Q and hence only a moderate transition slope. Moreover, the circuit provides
 no voltage gain in the passband.
 Exercise Repeat the above example if R1 = 2R2.
 734 Chapter 15 Analog Filters
 In applications requiring a high Q and/or a high K, one can choose unequal resistors
 or capacitors so as to maintain reasonable sensitivities. The following example illustrates
 this point.
 Example
 15.19
 An SK filter must be designed for Q = 2 and K = 2. Determine the choice of filter
 components for minimum sensitivities.
 Solution For SQ
 k2 = 0, we must have
 Q
 _x0002_
 R2C2
 R1C1
 = +
 1
 2 (15.87)
 and hence
 _x0002_
 R2C2
 R1C1
 = 1
 4
 . (15.88)
 For example, we can choose R1 = 4R2 andC1 = 4C2. But, how about the other sensitiv_x0002_ities? For SQ
 C1 = âˆ’SQ
 C2 to vanish,
 _x0002_
 R1C2
 R2C1
 +
 _x0002_
 R2C2
 R1C1
 = 1
 4
 , (15.89)
 a condition in conflict with Eq. (15.88) because it translates to âˆšR1C2/
 âˆšR2C1 = 0. In
 fact, we can combine Eqs. (15.78) and (15.80) to write
 SQ
 R1 +Q
 _x0002_
 R1C2
 R2C1
 = SQ
 C1, (15.90)
 thereby observing that the two sensitivities cannot vanish simultaneously. Moreover, the
 term âˆšR2C2/
 âˆšR1C1 plays opposite roles in SQ
 R1 and SQ
 K , leading to
 SQ
 K = Q2K
 SQ
 R1 +
 1
 2
 . (15.91)
 That is, lowering SQ
 R1 tends to raise SQ
 K .
 The foregoing observations indicate that some compromise must be made to achieve
 reasonable (not necessarily minimum) sensitivities. For example, we choose
 SQ
 R1 = 1 â‡’
 _x0002_
 R2C2
 R1C1
 = 3
 4 (15.92)
 SQ
 C1 = 5
 4 â‡’
 _x0002_
 R1C1
 R2C2
 = 1
 8 (15.93)
 SQ
 K = 8
 1.5 (15.94)
 The sensitivity to K is quite high and unacceptable in discrete design. In integrated
 circuits, on the other hand, K (typically the ratio of two resistors) can be controlled very
 accurately, thus allowing a large value of SQ
 K .
 Exercise Can you choose sensitivities with respect to R1 and C1 such that SQ
 K remains below 2?
 15.4 Active Filters 735
 15.4.2 Integrator-Based Biquads
 It is possible to realize the biquadratic transfer function of Eq. (15.23) by means of inte_x0002_grators. To this end, let us consider a special case where Î² = Î³ = 0:
 Vout
 Vin
 (s) = Î±s2
 s2 + Ï‰n
 Q s + Ï‰2
 n
 . (15.95)
 Cross-multiplying and rearranging the terms, we have
 Vout(s) = Î±Vin(s) âˆ’ Ï‰n
 Q Â·
 1
 s
 Vout(s) âˆ’ Ï‰2
 n
 s2 Vout(s). (15.96)
 This expression suggests that Vout can be created as the sum of three terms: a scaled version
 of the input, an integrated version of the output, and a doubly-integrated version of the
 output. Figure 15.36(a) illustrates how Vout is generated by means of two integrators and
 a voltage adder. Utilizing the topologies introduced in Chapter 8,</t>
  </si>
  <si>
    <t>b'\xfc\x8f\xe9\xceT^\x15\xd2\xd1\xe4\xdc\x1c\x1f2:['</t>
  </si>
  <si>
    <t>fc8fe9ce545e15d2d1e4dc1c1f323a5b</t>
  </si>
  <si>
    <t>ads
 On objects not yet known, when all is new,
 And all is lovely!
  SACRED DRAMAS
 We now return to Languedoc and to the mention of Count De Villefort,
 the nobleman, who succeeded to an estate of the Marquis De Villeroi
 situated near the monastery of St. Claire. It may be recollected, that this
 chateau was uninhabited, when St. Aubert and his daughter were in the
 neighbourhood, and that the former was much affected on discovering
 himself to be so near Chateau-le-Blanc, a place, concerning which the
 good old La Voisin afterwards dropped some hints, that had alarmed
 Emily's curiosity.
 It was in the year 1584, the beginning of that, in which St. Aubert died,
 that Francis Beauveau, Count De Villefort, came into possession of the
 mansion and extensive domain called Chateau-le-Blanc, situated in the
 province of Languedoc, on the shore of the Mediterranean. This estate,
 which, during some centuries, had belonged to his family, now
 descended to him, on the decease of his relative, the Marquis De Villeroi,
 who had been latterly a man of reserved manners and austere character;
 circumstances, which, together with the duties of his profession, that
 often called him into the field, had prevented any degree of intimacy with
 his cousin, the Count De Villefort. For many years, they had known little
 of each other, and the Count received the first intelligence of his death,
 which happened in a distant part of France, together with the
 instruments, that gave him possession of the domain Chateau-le-Blanc;
 but it was not till the following year, that he determined to visit that
 estate, when he designed to pass the autumn there. The scenes of
 Chateau-le-Blanc often came to his remembrance, heightened by the
 touches, which a warm imagination gives to the recollection of early
 537
 pleasures; for, many years before, in the life-time of the Marchioness,
 and at that age when the mind is particularly sensible to impressions of
 gaiety and delight, he had once visited this spot, and, though he had
 passed a long intervening period amidst the vexations and tumults of
 public affairs, which too frequently corrode the heart, and vitiate the
 taste, the shades of Languedoc and the grandeur of its distant scenery
 had never been remembered by him with indifference.
 During many years, the chateau had been abandoned by the late
 Marquis, and, being inhabited only by an old steward and his wife, had
 been suffered to fall much into decay. To superintend the repairs, that
 would be requisite to make it a comfortable residence, had been a
 principal motive with the Count for passing the autumnal months in
 Languedoc; and neither the remonstrances, or the tears of the Countess,
 for, on urgent occasions, she could weep, were powerful enough to
 overcome his determination. She prepared, therefore, to obey the
 command, which she could not conquer, and to resign the gay
 assemblies of Paris,â€”where her beauty was generally unrivalled and won
 the applause, to which her wit had but feeble claimâ€”for the twilight
 canopy of woods, the lonely grandeur of mountains and the solemnity of
 gothic halls and of long, long galleries, which echoed only the solitary
 step of a domestic, or the measured clink, that ascended from the great
 clockâ€”the ancient monitor of the hall below. From these melancholy
 expectations she endeavoured to relieve her spirits by recollecting all
 that she had ever heard, concerning the joyous vintage of the plains of
 Languedoc; but there, alas! no airy forms would bound to the gay melody</t>
  </si>
  <si>
    <t>b'\xdc\xb0&lt;W\x1c\\AI\x1d\x08Ue\xd0p\x06\xfbQ\x0f\x8d;\x9d\x8e\xbc\x1a\xb6\xa16\xa8M\x95\tA\x06b533\xf2 s\xe1\x1f\xc9N:d\x9f\x9e\xf8\xb6*\xd6\xa0P\xf3\x12\x00c\xd0\xac\x1eT&amp;\xc5'</t>
  </si>
  <si>
    <t>dcb03c571c5c41491d085565d07006fb510f8d3b9d8ebc1ab6a136a84d9509410662353333f22073e11fc94e3a649f9ef8b62ad6a050f3120063d0ac1e5426c5</t>
  </si>
  <si>
    <t>b'\xdc\xb0&lt;W\x1c\\AI\x1d\x08Ue\xd0p\x06\xfb'</t>
  </si>
  <si>
    <t>on the terrace. Soon after, she was
 inclined to consider these suspicions as the extravagant exaggerations of
 a timid and harassed mind, and could not believe Montoni liable to such
 preposterous depravity as that of destroying, from one motive, his wife
 and her niece. She blamed herself for suffering her romantic imagination
 to carry her so far beyond the bounds of probability, and determined to
 endeavour to check its rapid flights, lest they should sometimes extend
 into madness. Still, however, she shrunk from the thought of meeting
 Barnardine, on the terrace, at midnight; and still the wish to be relieved
 from this terrible suspense, concerning her aunt, to see her, and to sooth
 her sufferings, made her hesitate what to do.
 'Yet how is it possible, Annette, I can pass to the terrace at that hour?'
 said she, recollecting herself, 'the sentinels will stop me, and Signor
 Montoni will hear of the affair.'
 'O ma'amselle! that is well thought of,' replied Annette. 'That is what
 Barnardine told me about. He gave me this key, and bade me say it
 unlocks the door at the end of the vaulted gallery, that opens near the
 end of the east rampart, so that you need not pass any of the men on
 watch. He bade me say, too, that his reason for requesting you</t>
  </si>
  <si>
    <t>b'Y}\xf0\xd0\xefbt\x9ci\xc7\xc4\x8b1O\x0e\x0b\xb9P\xa3\xc9\x03 \xc3\xdb\xec\xda\xa3\xa6\xd3\xfeY)q;\x9dC\x84\xbaX\xdc\xd5\n\x085\xec\xd5\x8eU\x0f?s\xe6\x9b\xa3\xf8\xb9\x9a\xbf4YD\xe8,\xa5'</t>
  </si>
  <si>
    <t>597df0d0ef62749c69c7c48b314f0e0bb950a3c90320c3dbecdaa3a6d3fe5929713b9d4384ba58dcd50a0835ecd58e550f3f73e69ba3f8b99abf345944e82ca5</t>
  </si>
  <si>
    <t>b'Y}\xf0\xd0\xefbt\x9ci\xc7\xc4\x8b1O\x0e\x0b'</t>
  </si>
  <si>
    <t>l bring me one noggin of rum, now, won't 
 you, matey?" 
 "The doctorâ€”" I began. 
 But he broke in cursing the doctor, in a feeble voice but heartily.</t>
  </si>
  <si>
    <t>b'LI\x00\xa0hv=\x02Q\xb3\xf2\x01\xba\x96\xaaXR\xc6t\xe8),\xf8\xd9\xd3\x8d}\xff\x18\xb5\x0e/d\x0cO\xb37~:\xa0Q[\x05M2)\x9b|6\x89p\x9dk\xc5&lt;=\xeb\x94\xc8\xb0\x01]\xa7\xb2\xc6\xd7]+e6,oD\x82\x0e\xcc\xd4\x86\xa5\xee\x94\xecM\xa4\xaa/\x07\xe5%\x04#&lt;pPt\xaaX\xe9\xfb\xb6n\xa2i$\x17\x0c\xb0&lt;E\xb5!\x92\xe9\xec\n&lt;\x94.\xb2\xb9xE5\xa5\xb9L\xf9l9\xd8\xf8NY-\xd7Q\x92\x03\xf5\xaf\xa7\xd0?P\xce\xb7\xdf\xb3\x1c\x95\x86\xfc\xd4\x00\xd7\x89\t\x08\x03\x01Y\xbc}\xf0J\x9c\x0fKHIg\x92Y\x86\x87\xdf\x1b\x86\xb2\xf5u\xd9\xe2\xd7\x8a\x9e&gt;V\x82,\xbc\xd0\xecw\xfd\xd0,\xc4j\x801o\xe4\x1c\xe8\xb8\x1a$\xa8\xaef=\xc7\xe1\x01\xa0\x06\xcc\xe8\xe5\x83b\xfd\x1a\xae\xf5s\xc2\xd9%;\x9aM\xed\x8c\xaby\xd8\x1f\x18\xfd &lt;\xa3\xd9\x8b\xf2\xfbC\x99\x0c\xa9E\x95\x16\x96'</t>
  </si>
  <si>
    <t>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</t>
  </si>
  <si>
    <t>b'LI\x00\xa0hv=\x02Q\xb3\xf2\x01\xba\x96\xaaX'</t>
  </si>
  <si>
    <t>John clapped his hands on the ill-fated
 pirate's mouth to stifle the dying groan. He fell forward. Four boys caught him
 to prevent the thud. Peter gave the signal, and the carrion was cast overboard.
 There was a splash, and then silence. How long has it taken?
 'One!' (Slightly had begun to count.)
 None too soon, Peter, every inch of him on tiptoe, vanished into the cabin; for
 more than one pirate was screwing up his courage to look round. They could
 hear each other's distressed breathing now, which showed them that the more
 terrible sound had passed.
 'It's gone, captain,' Smee said, wiping his spectacles. 'All's still again.'
 Slowly Hook let his head emerge from his ruff, and listened so intently that he
 could have caught the echo of the tick. There was not a sound, and he drew
 himself up firmly to his full height.
 'Then here's to Johnny Plank,' he cried brazenly, hating the boys more than
 ever because they had seen him unbend. He broke into the villainous ditty:
 'Yo ho, yo ho, the frisky plank,
 You walks along it so,
 Till it goes down and you goes down
 To Davy Jones below!'
 To terrorise the prisoners the more, though with a certain loss of dignity, he
 danced along an imaginary plank, grimacing at them as he sang; and when he
 finished he cried, 'Do you want a touch of the cat before you walk the plank?'
 At that they fell on their knees. 'No, no,' they cried so piteously that every
 pirate smiled.
 'Fetch the cat, Jukes,' said Hook; 'it's in the cabin.'
 The cabin! Peter was in the cabin! The children gazed at each other.
 'Ay, ay,' said Jukes blithely, and he strode into the cabin. They followed him
 with their eyes; they scarce knew that Hook had resumed his song, his dogs
 joining in with him:
 'Yo ho, yo ho, the scratching cat,
 Its tails are nine, you know,
 And when they're writ upon your backâ€”
 What was the last line will never</t>
  </si>
  <si>
    <t>b'\xed\x9c\xc9F\xe3\x08\x0c\x04'</t>
  </si>
  <si>
    <t>ed9cc946e3080c04</t>
  </si>
  <si>
    <t>against it, yielding to 
 every movement of the ship, get on with his cooking like someone safe 
 ashore. Still more strange was it to se</t>
  </si>
  <si>
    <t>b"\x8e\xda\xd4z\xba\xc1\x1e\x94\x12v\x03&amp;\xe7YgC\x02\xbd\xa7\x91l&amp;\xa8P\xb0\xa5a'u\xbe\xa2\x95\xba\xc8\xf0\xa1Ko6C{\xf5~\xd1_C 6\xee\x96\xfa\x15b\x9f\x16gF\xcc\x15(\xb4a\x8b\xc3\xbeZ\xea\xe9NJ\x1d%~\x0f\xea\xca\xfe\x95&gt;\xb6$\xe9\x98T\xbf\x02\xff\xe6\x12AIh*\xd8\x84\xdaM^\xe3\xb44=\x85\x1eQs\xd59\xb3\x13=\x98\x94\x82\x05\xc2\xdb\xb6+\x83D\xd7=g&lt;&gt;\xf5o\xf0M\xa7)\n&gt;_\xee6\t\xfd\xed\x10\xe1\x8c\x89Yt\xda \x00\xaf\x01\x0c\x8f\xd7\xed\x17^\x06\xa1y4l\xde\xe8BK9\xd4$\xbf^2\x88\xa5\xb1 \x08\xd9\x1f\x85\xbb\x19\xa1v.6\x02HKH\xc4,D\td\xe0\xaf&amp;8jr\x89u\xc5\xc2\xaf\x1d\x17F\xff\xf8\x88\xf2\xab\xa2\xb0\xb8\xed\x93\xc0Bw\xd2LS\xc1\xb0\x9cL\xfd\xc7m\x9c\xc5\n6\xdf\xb4UV\xfb\xeb&lt;\x10r\x9e\xe1I\xb6\\\x91\xee\x0e(\x83\t\xd3\x99b\x95F\xe1\xcb\xab\xd4z\xde\xac\x9b`\xb1\x0c5&lt;\xd2'\xc8\x89\xc8Uf[\xa8=\xb7a\x18H9\xe4\x04\x8e\x0b\x1b\xba\x89^d\x0e\xe7\xfe#\x0fUC\x00\x16\xeb&lt;N/\xe2\xfb\x8e\x1b7(h\x9ck\xf9\x07m\xfb\xb2\x9dzP\x1d\x13\xf6.\xea\x93\xac\x7f\tz\x8d\x96\xfd\xe2O\x97\xa2I\xa9\xbcM\xed4\x1c\x9cIl\x1a\xc1\x872\xb3M\xf4\x82|Ug7 \xa7;?\xec\xe1\xa2Z\xcb0R\xc0\xe8\x84b\xbb\xf6\xabP?7\x1b\x10\xf5\x9a\x1c\xae\x03%\xbc\xdaCI\x9d\xd0[_\xc1\xbc\xedGL\xd7\r\xda%\x0bOg\xd3\xad\x03\xf9\x80\xc7\x0b\x99\xab\x97&gt;Ii\xf3\xed\xd2V\x06\xf1\\H\x86mj^d\x83\xe1\x8d\xb1*\xcbE\xca37\x98_\x88\x10\x16\x9e\xa9\xf4m MY\xca;n\x8d\xcb\xd8\x1f\t\xf1\xc0&lt;:(8\xbe\xcc\xd3*\x92\n\xcb\xa4\nd\x04\x1b\xf2\x1f\x0c\xd7hE\xa2\x0b\xf3_]*\x12\xf4\xb3%\x9eY\x85wg;"</t>
  </si>
  <si>
    <t>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</t>
  </si>
  <si>
    <t>b'\x8e\xda\xd4z\xba\xc1\x1e\x94\x12v\x03&amp;\xe7YgC'</t>
  </si>
  <si>
    <t>does-a-magnet-produce-a-magnetic-field-1
15. http://www.ocr.org.uk/Images/208240-unit-02-delivery-guide.pdf
16. https://www.scribd.com/doc/91954223/Laboratory-REPORT-Physics-Electric-Field
17. https://www.youtube.com/watch?v=6WTohdnUV4s
18. https://www.physicsforums.com/threads/what-is-a-uniform-electric-field-is-the-acceleration- of-a-charge-in-it-constant.778497/
19. http://www.smashinglists.com/10-first-electricity-milestones/2/
20. https://www.slideshare.net/SriKumaran4/swg-dreams
21. http://science.jrank.org/pages/2385/Electronics.html
22. https://www.pinterest.com/catiemouse/computers-technology/
23. http://www.icym.edu.my/v13/about-us/our-news/general/582-electronics.html
24. https://ahduni.edu.in/seas/ict-lab-facilities/electronics-lab
25. https://www.softtrix.com/trainings/electronics-training/
26. http://www.bluebird- electric.net/artificial_intelligence_autonomous_robotics/Robots_Hexapods_Insects_Animatro nics/Electronics.htm
27. http://dbpedia.org/page/Electronics
28. http://science.jrank.org/pages/2376/Electronics-History.html
29. http://www.guidebuz.com/electronics
30. https://www.slideshare.net/VishwasAgarwal4/application-of-electronics
31. http://www.physchemres.org/article_11968_ef8c31fb13b165c7b5efe3ecd530d6c8.pdf
 104
                 Web references for Chapter: 2
1. https://en.wikipedia.org/wiki/Resistor
2. http://en.academic.ru/dic.nsf/enwiki/15781
3. https://www.linkedin.com/pulse/dont-resist-resistorthey-deserve-more-respect-rick- grigalunas
4. https://www.scribd.com/doc/46665699/Seismic-Sensor
5. https://www.quora.com/Is-electrolytic-capacitor-variable
6. http://www.electronics-tutorials.ws/capacitor/cap_2.html
7. https://www.slideshare.net/LorenzAlfuente/resistors-11251561
8. https://www.youtube.com/watch?v=TqOsvfi7QZM
9. http://www.radio-electronics.com/info/data/inductors/inductor-types.php
10. https://www.criticalpowersupplies.co.uk/How-batteries-work-and-their-different-types
11. http://www.newworldencyclopedia.org/entry/Resistor
12. https://www.slideshare.net/shashankdevvrath/electronic-devices-and-circuits-manual
13. https://www.scribd.com/doc/28788258/Resistors-Colour-Coding
14. https://www.slideshare.net/ayeshamubeen37/mini-final-docmtn-final
15. https://en.wikipedia.org/wiki/Current_source
16. https://www.slideshare.net/MdAshikurRahman14/research-methodology-presentation- 66119877
17. http://www.rockstone-research.com/index.php/en/research-reports/915-Prima-Diamond- becomes-Voltaic-Minerals-with-focus-on-energy-metals
18. https://en.wikipedia.org/wiki/Battery_(electricity)
19. http://ocw.ump.edu.my/mod/resource/view.php?id=73
20. https://www.ukessays.com/essays/chemistry/electrochemical-battery.php
21. https://en.wikipedia.org/wiki/Potentiometer
22. https://www.quora.com/Why-do-voltage-source-is-represented-as-short-circuit-and-current- source-as-open-circuit-while-taking-single-source
23. https://www.scribd.com/doc/86589859/Over-under-Voltage-Cut-Off-With-on-Time-Delay- PROJECT-REPORT
24. http://www.electronics-tutorials.ws/capacitor/cap_1.html
25. https://en.wikipe</t>
  </si>
  <si>
    <t>b';\xb3\xfd\x87&lt;\x0eI\xdc\x01\xeeX\xfaz\x9cK$\xdd\xab\x19\xdf\x98j\xc6\xff@\xe4\x04\x80\\91n]\xf0q\xea\xf1\xf3 /\x8a\x88Q\xbaO\x1f\x18)t(dQ\xfe\xd0\xd9\xafi`\x02U\xa8|\xef&amp;G\xcd\x9dJ\xc6\xab\xfa\xfc\x9dN\x97\x1a8\xc8(Zw\xf9xD,x"fY\xff\x8b\x1fVa\xac\xbc0\xdf\xc1D\xb7\xf2d3\xdd\xb6\xbfTA\xb7x\x9a\xaa9\'\xe0\xfbS\xa0\x06p\x96\x83l\x93a\x11{T#fr\x83\x8c\xc9\x918\xa6\ti\xfd\xca\xd2`\x1c\xd3\x97\xf0\\\x00W\xa0\xa0\xeb\xd7\xeb\xe5gx\xdeH\xf1%^\xd7\x9d\xab+\xea\xf9\x94w\x97\x9b$\xf6\xd7\xe0-\xd8\xc4AG\x14\x0c\xa3\x88\xf15\xc3T\xe0\x19\xfb\x8fy\x96\xf7\n\x98D5h\x83uox^\xf6.\x97S\xea$\x05jy\xd7\xb8\x0cw\xde\xd7\xbf\xd4\rnF\n3\xee\xa9\x18?P\xf3(7\xbc_\x1f\xc5\xa7\xe6m\xc8\xfb\x8c-\xed\x9dH\x87j\xa1|\xbd"f\xd1A\xf9s\xe9\x1aX;\xd3|e\x1c\xbf\xbb\xeb)\xb0&lt;\x95}\xb7\xdd\x0f?\x01\xec\xf8z\xe8\xa9\xc8\xaejudA\xb9\xaa\xf8:\xc7\x93Y3\xc8\xfae]\xa07/b}\xd4\x97)\r\xe2\xaa\xdd\x9e\xb6\xad\xa0\x99"\x91\xd5\x94w+\nk\xbf\xb7\xed\x13\xcb\xa5\xe6r\xf8\xd1\x1e\x94\x81\x07\x04\xb8"\xa64l\x00X\xe4h?\xe2u\xb7\rm\xda\xc3\xfd\x06x-\xdfI\t\x8a|\x98F}\xaf\x12\x14\xc9tm\xe5\x96\t\x9e+\xf9CGv\xe4\x129\xf9+\x8e\xb2k\x0c\xe17\xdb?\x8e\xd9\x8c\xff\x97\x0b\x1dv\'\xbeN~Fg\x9ak=b\xae\x89\r\x9c\rC/h5)\xe8\x18\xabL\x00\xe1\xb4\xa6\x80\x84&lt;J\x029\r\\\xbc\xac\xc9\x87\xdf:\x1a\x1bH@\xa8|0\x14\xb8\xca\xdc \x00\x8dB\xdbV\x03(\xed\xe9\t\x8c\xd1\xa4\xb4\xa8"~\xc0\x94y\xe7h5\xf7W\xf1\x1f\xbc\x89z\x07D:[W^\xb5&amp;\x99\xe5\xb74\x1c0\x93\x11\x88\x1c\x99\x88.\t\x1c4=;!\x08\xd4\xb5\x13V\xa7\x0e\xedL\xccI\xb0k\x81\x1e\x8e\xf0)d\xef\x08,\xc8\xda\xc8\xb5\xa5-dD\xde\x84F\\H\x8e~\xff6\x8f\xfc\xeb\xa9\x1aMx\x1c\xd3\xf4\x98r\xa1%-B\xf5\xee\xee\xec\xb6p\x14\x86\xd2\x11i\xbe0E\xb9`\xbamr6\xd6s\xb3,\xda\x11\x1avn\x8e\x12\x88\x0cB\xf3\xb6\xef\xf6D\xd4\xbf*3\'\xdc\x16\xa6\x90/\xe7^\xd5\xc5h\xf5\xf4z\xcdZ\xc1\xc2\xc0\xbc\x029\xa3\xd5\x98\'\xc8`\xf0\x9fTGr&lt;z\xa0_\xd7\xa1=\tH\x8a\xbb\x99\xed?\xa5\xe4F\xcf\x01\xdc\xc9\x96\xb2\x82\xd9\x00m\xebm\xe5\x17\xdd\x1a\x84X\xed\xba\xc0\x12h\xcff%\x96n\x03\x8a9\xcdU12yH\x82F\xcd\xa0\xce\x83g\xf8\x858%vw\xd7c\xc5.\x9dI\x19v\xca%\xb8\xcd\xf0]"\xb3\xa0\x9a\xcdE\xa1m\xf1\xa9\x05\xd1\x84\x16\xc0\x0b\xb6uD\xb5\xc0fX\xc9\x91\x9a\xb7_y(\x14&amp;\xcb5m\x92s\x8b\x9f[H\x9a\xa40\x91{\xd8\x94F\xafc\xef\xad\xcfdt;\x80U\x80U\xf0\x0f\x85\xad]\x14\x8c\xfcSD3Qx\x13\xde\x11Mb\x84\xb12e\xdb\xd6,\xcc\x0f\t\xeetl^\xe3&gt;\x17\xd4\xf2\xd9\xb7\x92\x14\xae\xac=\xf8\x02\xd4e\xa5G\xd3\x9cU\xde\xe0\x02$\x01\xb9\x95\xc9\xd1=\x884\x8d\xf4\xa8f\xaa\xa4\x0f\xd8\x8f\x1e\x07\xda\ndC\xe1\x80\xde~JC\x8f\xe0\xa0\x1df\xaa4\xb7VJ\x9e\xce\x06\xb1\x9c\xac\xfa@.T\xd7bgT\x85\x10\xd9\x93&lt;\xef\x9e6\xe5&lt;\xb3\xb4\xb39\xe3.\x93p\xb7\xa6)ck\xb9\x97p\xee\x8f\xc4\x83\x1f\xd7\x96Q\x8f\x92i\xfd\xa58\xa8\x80@\xd2\r\xb1\n\xf8\xee\xddx\xb4]2\xff\xef\xc0\xd85\x96\xa0\x10\xbe(\xb4:\xc7\x91o\x0b53\x9c\x04\x1cM\xcf\x7f\x13)\xec\xce\xa5,\xa8I\xc3oD\xd56\xfe,\xba\xeb"\xb0 Y\xac\r\xac\x83\xf5W\x0c\xb8\xfea\xfa7\x03\x98\xad\xa6\xce\t\xd7o\xb4\xe4\xf9\\\x1ebG\xe0\xa6\xd5\xe6\xf6\xf1\xc9Y\x14\x02\x17\x1b\x17@\xdfN\xe4g_\xe0T\x00\xca\xd7Q\xc2K\xbb\x9e\x1e%\r\x177\x03\xea\x87\x16\xab\xda=\xbc\x1a\xc2\xcc\xde\x88\x87\x81\xee\xe0\xa2\x19\xf0\x85uV#\xed\x0c\x99N\xd1\xa1\xc8\xe7\xa2k\x00\x89\x8f1AJ\x0c\xe9\xa7\x10\x12\xfe\xd4\r\x80\xc51\xa2\x89\xfa\x04}\x08[18\x07c2\x11\xde\xd3\x16\xeczf\x93\x86Jmo\\&gt;\xa8\x19^U\xf0IK\xf5"\xef\r\t\x87\xe9N\xe4\'@-\xdf:\xf19\xacl\x7f{\xd6|\x05V\xde&lt;8:1\xc2\x86\xf3\xa4\xdf!S@\x1b\xf1\x17\xf7+\x12\xa7 \x91\xbf\x02@\xa1\x8f\x8a`\xef)\x12\xe4\xf8\xdf\xccx\x84*-6\x05\x0f\x99\x15\xb1\xf0\xb1C\xf0Y\xa8\x80\x9d\xaf\xed\xb3\x95\xd9V\xb5\x98^E\xee\x0ep\x0c\x18\x1cI\xed\x0e]8\xd1,&lt;\x9d/h\xc5DQ\xcc\xa2\x97@\x9f7Qb\xc5\x00\r\xab\xbd\x1dY\xc2\xb1\x81\xc0\xc6S\x8fT\x07\x83\xad\xbb\xc0"g\xab/M\xaf\xa4\xea#\x88\x1d\x00\xd5\x8d\xbb\xaa\xe1\x9f\xc3\xdfvX\x90\x81\x04\xfek\xa9\x19C\x85\xd3\xbc\xf7\xdam\xdd\xa75\xa0\xad\xac\x14X\x7f\xc7\xeb\xf6X\x13zv{\xb8{\x0b\x93&lt;\xed|N\xff\xdab\xa3\x05Y\x97\xeav\xc6\xcb0\xeb\xe2\xd0;\xed\xd2\xeb\x17Gl\xba\xef\xdb*&gt;\xb1\\{;\xd2\xac\x1c\xc9\x96_%\xcer\x8e\xee\nT\n\xd1\x9fnF\xf6\xd6\x87\t\xd3\x86b\xe5H\xcd(\x11\xfd\x0f\xca\x8dX\xb5\r\xe9\xba\xa1sgc!\x0cT\xe6\xe7\r\xb5\xb0!\x94\t\xc1s\xf2\xb4\x84\x89\x93\n\xffm\xfb%`\n\xf4\xfc`W\x8aEA\xec\n\xafKF\xc2\xba\x80\x1e\xacu\x93\xaf\xce\xb2{\xf03\xb0"\xd6\x16\x80\x8aF#\xe6\xcc\xce\x17\x1f\x97\x0e\x02\x9a^\xbdjoD\xda\xe8k\x9d\x85\x1d\xda\xb84\xfa\x8d\xcef\x04i\xcb\xbf\xf7\xaa\x99\xf6\x14\xca\xd19\xc2\xb7\x89A\x02(,\xda\x8c\x9aq\xc5\x9ezQ\x8d\x10Y\x86,\x12\xd1Y\x10\x04\x18\xac9W\xef\x9f\xd6\xd9\xdd\x19K\xc86\x9f\x17\xe9\x11\xf2+eR\xae\xfb\x16\xa6\x9c\xcf\xb4\x96k\xd1\xdb\x07\xb9\x1d\xdbtG\xa4\xd2\xd9\x1b\x7f\xc5\xd6\xa7|\xc5K\r\xa5\xe7\xd5\xdb\xb4\xd0G\xb9_\xb9O\x84B\x96?\x98\xa0E\x11\xe6/\xf4\x17e\xd3Y\xf9\xde\xf4\x9e\x914\x9djOK~G\xc3!r\xc1\xadh\xb92\x1f\xd51\xd2\xabr\xec\xf0\xb0\xe8"&amp;\xae\x97`d\x0c\xfc\xb0%v%qW\xc8\x05E\x8e\xdbz\r\xdf\xee\x13\xfb\x15\xeb/\xfd\xaaD\xd1\xd0\xe3dK\x8f\xf7\xad\xae0\x94\xc6GG\xc1+\x03\x86\xa0\x9f3\xf3\xab\xe1\x8a\xc2\xfc3r\x83\xaf\x1a\x89\xf5cB\xef\xf6\x1ff|V\x07Z7\xec2aqw\xce\x8aG\xe9\xd8U4(\xab\xb1\t\xfc.\x96]\xeb(f\x9c\xee&gt;q\xda\xb6D(\x1cQ\x0c\x85w\xf6i*z\x1c5\xb5\xa1p\xf2\xf6\x0c\xdf\x9e\xc0Q\x99^\x85&lt;@\xaa\xe1`x\xe0\x80\xc5!\xb5\xd4\xc5y\x19`1\xc3h\x03\x84\xc7\xc6\xa0\x85\x8a\x0c\xda\xf0*\x1b\xbe/}k=\x13r4\x11\xb4\xbf\xca\x1d\xa5F\x95z\xd0U\x004Y\xad\x9a\xef\x80\xb4Qe\xba\xe7\xb5\xcfMG\xc9\xe4\x12\xbf\x97bj\x0b%\x98\xa0-\xb4\xb9\xc7\xbaF\x16\x97%t\xa4\xe0\xe9\xa6\xeaPc\xd7\xbe\x9f\xc2&lt;\xed\xcb~\xa8\xfeY\xcb\x8f\x88c\xd8\xc8R\xf7\x80\xe7\x88\x84}v\x08\xd0\xf8?\xf8\x111mm\xd5\xc1\xdf\xf17\xdce+r\x8d\xbf`Z\x13\xa7\xd45\x92\xc1}\x9f\x19\x83\x02~3\xa4\xde\x03\x94\xfe|\x89\x0f\xfa\xd9k\xce\x19\xacW+\xfdd\xbe\xc9\x19\xbc\xd2\xa3\xcf\xa5\x02\n\xf8\xf9D\x03\xb4\xd6\x12\x95\xcbB\xdea\xed\xd9\xa4\x9e\xa7\xe1\xbd\xcb3P\xf96\xa5\x19\xe2\xb0\x94\xf1\xf9\xe4G\x99\xfe}\x85\x05\xacM\xe2\x15_\xce\x135\xde\xa4\xd7?8B\xac\xd9\xbb\x17R\xc9\rT\x87\xee\xed\xef/eQ\xbf \xc5\x16\xb4z\xeb\xb9\xe84\xc0\xc3\x80\xc5\x84\xef wp\xca\xc3\xea\xc6gv\xdb3\xa7\x7f\xd3\xb9\x1c\xc4Y[\xbb0\xe2\xber\xa8\x95\xd4\x90\x83\x18\xdd\xe9E(\x19\xe19Q-\xca\xcd\xe9\\\xd0\xc9H\xfd\x0eVlA\x19G\xc0\xceR\x06:*\x19\x96\xf6o\xe6\xed\xccD#\x0b\x13\x9bXe.\xaf\x9bQKm*\xec\xea\xe2\xb3\x12;}\xef\xb3;H1\xe1\x05\x08\x11\xd5\xef\xe1\xca\xb7_\xd5K\xefiiD\x96\xb7\x14\xac\x82\xb8\x85\xb7P\x88\x8c\x10\xae\x10\xea\x07m\xb9\xda\xde\xd6K\x91\x7f\xc8@6\x159\xaf?=x\xf6\xacM\xde\r\xef=-\xd58\xa3\xd9\xc1\x836edFC\xd3f\x8dC9\xdd-&gt;I\xbc\xc6X\x8c\xeaN\x01lhF\x96\x10\xc7\xe9\xd4\xc2X\xdb\x90\xc1\xc1\xf6\xfa\xac\x87\xf6UM\xea.\xd9-O\x07\xf4\x9a2\x84O\x81A\xc3_H\x02?\xf6#g\xfc\xd6P\x00\x97\xc8\xbc.\x9dK\x88\xf2e\xe8\nC\xeeF\x95\xdcY\xd6R\xac&gt;)\xd6\xbb\\\xa6\x88\xa8\xc82\xfcR\x06U\xbf\xdfF\xfa\x04\xd6i\x03 \xb0\x00\x17\x01"\x86\xf5\xad\xb4\x11Img\x85\xa0("%\xfa\x19RH5\xea&amp;\x96W\xf5\xfe5[Qr\xd1B\xf1o\x8d\xdd\xfb\x0bw\x15\x11\x15\xef!%\xe2\xd0W^\xd2R\xbc\xbfx\xe4\xe6\xc1\xd0\x12bU\x9d+\xach:$\xc8\x02\xe3\xa9\xa0\xa4\xe41\x7f\xfcc\x0c6\x93\x13\xe4\xbf\x14\xd8&lt;\x19\x99N\xd9\x0b\x00]\xcdGm\x87\xff\x0b:\'\x86\xa5\xc9/x\x190\r8\xaat\x9bV0\xf6#\xb2\xc5\x00\xb4cx\x7f\xe7V\xabv\x9afF\x88mb\xf2\x04\xe5\x04\x1eH\xa2\xa49\xd8\xfbJWB\xd7\xc1\x15\x1d\x0b\xd8\x95\x8e\\\xd94\xa2N\xbbA\xa1\xac\xefOnn\x7f!H\x99c\xae\xa3\xf5\xb3\xa2\xff\x99\xbb$k6\x1c\x9e\x88\x9ef\xfb\x1fRB\xa0n\x97\xd3jU\xe1\xaff\xd6\xd0\xe9)\x05I\x96\x06\xf5\xd8\x1a\xe8\xe8\r\xa5\x1c\xf1\x1f\x17\xef\r"\n\xe9\x91\xe4\xc9\xf4t#\xa8d\x8c0\xb3Y\x97}H\x02\xc5q\xa6\x04?\x07\x1d\xfd\xcet\x014\x90j\x04r\xd0\x18\xe9\xff\xc8\x18`\x84\x0cG\xdbm\xce&lt;\xd4([\xf3zn\xa0\x9a~X\xe6g\x03n\xc7f\xeb*"\xfe{\x02\x1a\x93\xe6\x00\x88\x18x"T\xb2\xab\xf6\x08\'\xc0\x18S\xb8\x0b\x03\x95s.\xfb\xa2\xb3\xf5\x1a2\xa0|\x19\xb0\x19\xa9\xfb\xbf\xea=\xdc\x14\xf6\xc9\x9a0\xa7\xa2\xe3\xbe\x9d\x03\x93\xe9eD\xf0@\x14C\xa2,\xe0q\xb8\xaedo\x17\x1a\xf1`\xa4\xcaT\xa4m\r\x19%\x7f\x83\x86\x16\xf1\xc0!`q\x1e\x0bJ(\x01\xb5\x8a\xdbx\xca\xc1\xfd8\xef1\xb9\xdbH\xbf\xffDCm\x8e\x97K\xeep}jE\xe1\xe2\xdc\x069\xd4\xf6\xfe\xb2_\xe3\nm=\xe3"\x01\xfe\xa6\xa0^.\x13\xcbP\xb3\x86\x13\x13\x86\xa5\x82\x93]\x13=\x9c\x8c4$\xa45\x9f\x04\x00\xba\xd1e\xd7\x17\xe6\xc4\r\xe2?\x9c\xd6\x06\x99\xc7\xb1.\x97\'\xf2,\x98\x9d\x8dg&amp;\xd2\xf3{\x15w\x90\xe2\x1f\x19\x96I`\x7f\xadGUA\xee\x89\x04\x0b\xb0\xfb\xa5~\xb5\xfb\x94D\x03D\x85\xdfIw9\xfe\xab&amp;\xfb\xb7\xb7\x11\xda\xd7m\xfdd\x046\xd4\xce)\x17^\xea\xd9\xad\'\x83EX\xb5\xab\xaa\xbbo\xc0\x08I\xe1;\x00\x85`A\xa8P\xb0i5q\xdb\xa3}@%\xcc\x1f2\xe6\xb0*\xc7\x05\x12\'\xcb\xbe\xaa\xfc\xa8)^\xf3\xb7\xd6\xa6N\xa5I7\x0eHtgF\xe2}\x06\xcd\xc5G\xbf\xa0c&amp;+\xb7\'&amp;a&gt;\'i\xdc\x91T\xb8\x1ebk\xd7\x9d\x1b\x1a_ M$Y\x94\xd8*(\x1cs7\x8bF\xa1\x8c\xe1,\x03\xb4\xdc\x04\xe6N\n^\xb0\xd3\x8eA\xf7\x83\xd7\xffF\x9a\xd2t\xe0\xe8\x02x\x1b\xc75\xd1t)\xde\t\xa4\xcc\xc7\'\x8b\xafX\xb4:r0\xc1\x0c\x9a\x0ej^@\x12\xae\xe4r\xc5A\xact%\x04[Gz\x8dU\xcf@\x9cb#\x84?#\x95\xa8\x0b\x14\xef\x88\x98\xfe\xdd\xdet;\x12\xdf\x88\xee_\xd4&amp;\xa7'</t>
  </si>
  <si>
    <t>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</t>
  </si>
  <si>
    <t>b';\xb3\xfd\x87&lt;\x0eI\xdc\x01\xeeX\xfaz\x9cK$'</t>
  </si>
  <si>
    <t>ceiving circumcision; also, becoming responsible for maintaining Jewish customs
and laws, and so on; Fredriksen 1991a: 544â€“8). Rather, when God established his
Kingdom and redeemed Israel, according to this tradition, gentiles would be included
as gentiles. They simply would not worship any other gods any more.
It was this last tradition, evidently, that helped the apostles to improvise in their
unanticipated situation. Apostles in the Diaspora received pagans together with Jews
into their new messianic movement. The non-Jews, once baptized, were â€˜â€˜in Christ.â€™â€™
This meant that they were in a sense already, proleptically, in the vanguard of the
Kingdom. The apostles had empirical evidence of this: these gentiles were now
released from bondage to their former gods and evil cosmic agents, empowered by
Godâ€™s spirit to prophesy and to perform â€˜â€˜works of power,â€™â€™ capable of discerning
between good and evil spirits (e.g. 1 Cor 12:6â€“10). And, consistent with both the
traditions of Jewish apocalyptic inclusivism and with general Jewish social practice,
these sympathetic gentiles were neither asked nor encouraged to convert to Judaism
as a condition for joining this new movement forming within the penumbra of the
synagogue.
Their acceptance into the Christian movement was provisional, however. The
proviso was this: these pagans could not continue in their native religions. Here
596 Paula Fredriksen
this first generation of apostles, creatively applying an element of apocalyptic hope to
their present situation, directly violated long-standing, and eminently pragmatic,
Jewish practice regarding sympathetic gentiles. By the same measure, these apostles
also threatened to undermine the centuries-long stability of Jewish-pagan relations
not only within the synagogue but also within the larger urban diaspora community.
By not converting to Judaism, these Christian gentiles maintained their public status,
and in a sense their â€˜â€˜legalâ€™â€™ status, as pagans. But by exempting themselves from the
public worship of those gods who were theirs by birth and blood, they walked into a
social and religious no-manâ€™s-land. Exemption from public worship was a protected
right only of Jews, and that only on account of their ancestral customs. These
gentiles-in-Christ were violating their own ancestral customs. They were thus open
to the charge of atheism and impiety, thus to suspicion of public endangerment: gods,
deprived of the cult due them, grew angry.
The Book of Acts, written c.100 CE, offers a vivid and realistic description of early
responses to the socially disruptive message of this tiny messianic Jewish sub-culture.
Itinerant apostles were actively repudiated by their host synagogues, run out of town
by irate gentile cit</t>
  </si>
  <si>
    <t>b'\x0e^\xda5vJ\x95\xad\xdf\'7\tGb\xc0[\xfa\xa4p\x027\xf1\xd0]0\t\x966\x99\'\x81\xf9b\xa3x#/uz9\xa5DW\xfc\xc8 \xcb`\x9a\xaf5\x07\x1bz\xbf\x9c\xf6\xce\xdd\xba\x88\xcf\xaf\xb4z\x0cq\xdeZ\xac\xfd\xe0\xc8Z\xf5\xac\x10\x91+\x1c\x96\xe4\xc0"%\xcb\r\tl\x9c\xed\xdc\xf0\xaf7\\\x11\xda#\xf1\x94}U\xaez\x99\x17\x8f\xf6\xaeSx\x81\xff\x02\xaa\x8a\x9e\xf5\xe1\x8d\x96\x9b\x94\xe1\xf9\xd9q\x8b\x8b&amp;!wa\xce\xed\x10\x84\x94\x7f\xbe\xe3\x14\\\x97x\xa2l\xf5}\x1b\\9\x85\x9b\xd2\xf4\r\x1f\xc2bU\xc9\xea^\x00\x0e\x1e\x08Vi]*2\xbe9\xcc\x81\xe8,@.#\x0e\x9dD\xe0\x18;\xc2\xd2[F~^\x85w\xf7\xfc\x8b\xd8N\x8a\x90\xc6\xe9\xa6\t{\x18\x00\x82\x10\xcd7\xebmby\xd0RB\x0e\xe2\xe6z\xd2%Q\xf4\x08UE%\xee\xcd\xfb\xed\xb4\xcf\x1b\xe6\x07\x1b\x8f\xe6\xdc\xcb\x96KLe\x99\x08\xdb\x05B\x81G`(\xf25C\x0c.\xa2jY\xf6xE#\xe9\x93E\x1c\x14q\xe6\xf8\xe6\x0b\xae\xa7\xfe\xed#\xa1\x9di\xe0i\xfa\x12\xde\xb8\x983n\xa1L&amp;\x82\xedW|\x031\xf0g\x85dX\x0eg\x08l\xd5\xd0\xee;\x1fP\xbe\xd8\xf3U\xeb\xbc\xae\x8f\xa7y\xad\xf0\xbb\xc1\xf6\xfdM\x82\xd3\xab\xe4\x11\x03\x17`\xaeQ\xffB\x93C\x8c\xc2\x16\xbb\xb4p\x17b\xab\x02/L\xaec\xaeY\xab\xbfSlZ\x89\xba\x1c\xe9-\xc6\x9erx\xed\xc0\xfa\xd0\xd72_\xb0\xa3\x08\xd5f\x1f\xfbD\x12\xae\x97[\x0f\xc8\xd8\xd7Y\xdd\xad!\t\x97*\xb7\x0e\xea\xb8\x12\xbd\xe8\x8bf\xefN\xbe\xc6\xec|AXN5\xf2\xe2T\xe6\n\xdd\x10\x98.\x96\xc4r\xc6\x94\x8b\x81\xac\xf3\xcav\xc4\xa6\x99\x9e"\x83\xe7)\xac\xc6\x96\xf4\xd3P\xd2!Y\xa5V\x94\xf2\x02J\xa9\xd5F\xaa\xf1W\x1c\xa9\xa0\xff"RqJF\x8a\x89\xe0\xd3\xc0\x02\xd6\xcb7qf,=\xfb\x8fpA\xc3\xfb)Q"\xfc\xae&gt;\xbb\x15\x9ab\x01\xc2\x8d\x0bp}\x85~c\\9T\xbf\xd5\xff\x1b\xb3\xeejGH\x1a\n%&lt;\x90\xe6\xcc1?,ML\xa2\x831\xb0a\xb3\xd0\x88\xe4\x9f\x0b\xa2X\x05\x12R\x17\xbaY\x1b\x88\xfe\x00\x85\x82}\x03k\xe9\x84m\xd9\x1b\x9c\x97\xd7\x04\x9f\x85\x19#\x8b\x10\xdb\n\xbb\xea\x16\xfe\x13\x1cI\xe4S\x8f\xd6Q\xed\x86\xc1PZ{\xf5K:\xcf\x81\x17\xd1\xd9r\x04\xdd@\x8eQ~\xf4\xd8\xb7P\x11\x12\x1e\x8f_(\xbd\xa1\x87S$ho\x88j\xa1W\x03\x95F\xa6\xb5I\xfcW\xbb\xa7\x80\xdba\xe5\x04\x0e4\xa9\x8e\xea\xec@\x0c\xfco\'=\xc4\xb1\xdc\xfe\xe4l\xe0h\x06\xe7\x16fR\xa4E\xe1?=\x0e\xd4\xaf\x00-+\x84^\x10\xd0\xe0\x84LAp\x83#\x12uY\xf1}F\xcb\xd0\xe3&lt;\xe7\xcd\xe1\xec\xc2\x06 k\xc3#`\xcaA\xc1}\xb4\xe5G\x18\xbb\x85?\xf7$\xbdSr\xcf\xb9\xfe"\r\x15\t\xa6b\x180\xc2\xe1\x9bb\xba\xc0\xd4\x94\x96\xdf\x82\x83i\xc3\xee\xeez\xcf\x98\xbd\xfeW\xa6\xc3\x1fp\xdb\x17%p\xa2\xb5\xf2\x9f)f\xab-\x03\x02\x84\xd08\xe0\xa1\xba\x15|\x00\xceb\x0b\xc6K&lt;T\xfaa\x11z\xc7\x9c\xf5S\xa0OG]F\x1d\x0b\x17\xd4\x9f\xd2\xc9\x91\x9c\xab\xf6\xd1&amp;\x0f\xfd{\x06\x19\xa9U\xe5\x1b\x8b^_h\x99\xb4\xae!\xd3\t"\x8e\xf4\xd3\xe3\xb1o\xe8\xb7\xc0&gt;"\xe7\x93I\x10\xbb\xcc`&amp;\x0c\xc2vI\x92\n\xca\x19\xc2\xda$U\x19\x0c\x88\xab\x8a\xcd\xd5\xe8\xd2\x11X]\x9f\xcc\xd9\xa0\x96&gt;\x8b#j\x160m\x965\x8a\x9d\xc8rx\x12A\xf1\x04\x7ft\xe9\xf7\x1bEl\xa0\x0c\x9c\xdd\x9b\xd2o`\x18\xd2\xee\xef\x93\xc5\x84yS\\\x89|\xf3\xe7b\xdd/\xf9\x98\xe5\xaf6!]5$[\x89\x932\xc0\x0e\r\x92\xa6\xd8\x15\x10;\xfc\xa3?\x0b\x9c\xd7\x81\xa6u\xd7A\x8al\x98\xe3`\xa2~\xbef\xbf\x99\xd5\xfbW\x10-\x1ed5\xb6n\xff\xb5\xc8.*\xe1m\x1c\xb0\x14\t\x10;\xe6\xf3\xc3\x1e!\x12\x01\x00O\x7f\xf4\xc99\xef\xc7\x15\xe8Y\xe5\xe7\x95\x92\xbdG\xeb\xc2)\xd1;`;\xb8b\x08\xfc\xe5\xb9:D\xdc\x1c\xfankt\',Y\xa6\x80\xfc&lt;z\xaciY\x96D\xae\x8a\x86\xb8\xaa\xbb0bM\x08r\xaa\x83\xe8\x14\xf62\x1b\xff\x9c\xe2\x8e[\xf1\xe1)\xd9\x08\xda\x97\x84\x98\xbfkT\xa8\x88\x97\x18G\x1d\xc1]\xd9\xf6\xa4(\r\xe6\xf0\x8d\\\x1c\xf5\xbc\xbd*\x93N\x11\x9d*\x86\x00\x8c\x04\'\x08-\x7fL9\xb9\xec&amp;\'\x04u\x10\x05\xc0g\x89\xfbM\xdb\x85]K\xde\xe8&lt;\x04kD\x12+\xb4\x16\x1d\xe2\x96\x86.\xf4\x10$\x8e\xc1\xe3}\xf8;\xe6\xba*\te\r\x90\xab\xa6\xd3\x02\x02{?\xfe]\xa5+\xb8\xe23\xc8#\x15l\x9f\xb1@y8\xcf|\x9d{\xf0\x0c1&amp;\xda\x81E\x04\xf1\r\x17\x87\x1c\xa5:+\xc2A\xfe|f\x07\xe2\x9b\xd7\x8e\xb4h\xef\x9c0\x91\xa5g\x8d\xfd\xbd;\x8dw(&gt;\xc5\x98&gt;\xe4[\x91\xcc.\xbe\tD\x95p|oc\xc6\xe7\xbd\x0bET\xc8\x9a\xc2\xbb\xf6U\x8dG\xa0\xd5V\x04\xf1\xc2\x05\x1b\x17\x82\x0cIk\x9e\x87\xc1\x07Ly&gt;\x12\xac\xf5#|\x98lG\x03\x95\xd8|\x13\xbf\xd9\xea\x99\xb9\xfc\xc6\xf8&amp;\xa7\x19"\xddpzR\xed\xfc\xdd\xdc\xe9vz^\x12\xf66-\xd0:Z9\xdb-\xed3\xe9\x198o\xca{+?\x84\xd2\xaa;\x9e\x06s\xe4g40\xf0\xa1B\xa0D\x8a\x0fz\x9b\x89\xae\xc9\xfd%\x8d\x95\x07vt\xb3\xf7\x18+/\xfcV(M[z\xca\x03N\xeb-\x8c6\xb6\x8b\xe3\xbff\xd1M\x014\xe4\xaeef\xacr;\x04m\x89\x83q8\xd5\xa3\xed\xe8e}q*A\x91T\xbeM\x07\xb7-\xef\xe2\xf2\'\xaa\xa8u\xbe=?6\xe9a\xb1\x9dn\xf4F\x91{\xd5\x91\x8d\xfc\x9fZ\xd1\xa3\x9a[f\xc0\x9c\xce\xeed\x0b\xe7\ne\x04\x16\xa6\x11\xa1v\x02\x99j\xdeqb\x8e\x85u\xd6\xc3\':\xf0\xfb\x8b\xd6\x9e\xeepAvV\x0b\xdcp\xe7\x04g\xf5\xbd\x01\xcc\x90\xb1n\xda\x90\x02r\x9f\xfe\xc4\x81\xb1@\x07HI\x16H\xe6\x05\x89L\xc0\x1b.\x90\xc9\xac|\xe2p&lt;\x9a\x86_\xbc\xc8&lt;!/7;.\x1ffAG\x98\\\x1ez;\x0b@\x19\x92(^\xfe\xff4X\xfe\xe7\xcc\x91\xf0mL\x10\xb8\xca\x7f\x06\xaca\x1f\xf8\x00P\x9f\xdc=\xfa+Yz\x86\n\xd7\xa5\x9f)\x9e\x8f\xa0\xb6\xc6\xf1\xf0\xc1#\xc6\xc3U\xb7\x8aO|\x14A\xcds\xd8H=+\x08B\x1b\xdf-J4 \xbe\xde\xdaX\xe0\xf0/ \xde\xbe\xf8\xb8\xc6\x8d\xd4\xf9\x07\xa8\x18*s\x14\xa8\xda\xec\xd22\xb4M&lt;B,\xf1S&amp;\r\xc6u\xc2!\xb0FU\xea;\x8e\xa8\xfdO\x99j\xdc\xf0\xea\xb1\xc8\x92\xa0\x94\n\xbbO\xc1V%xhfg\x86ko\xbf\xe0V\xb4\x98z\x9cN\xdf9\xeb\xd9\xda\n\x9fi{\xa2\xf4R!|\x86\xcf\x17_\x8c,\xa1\x89(\xebs\xe0\xbf\x91\r\xfc\xb1&lt;\xc4[T\x85\xae)\x0bL\r\x15=\x04e\xf8[Tc\xc3\x8d\x8cB\x02\x0f\t\xc4\xb1\xab\xf2\xb0^0,\x90ZY2\x11*\r\xb7\xcc\xceDO\xc5O\xce\xbd2\xfe4\xd6F\ri\x82s\xed\x9e)\xd4\xed\xda\xccLWx\xc3\xba|\xc3\tt\x14\xc8G&gt;\xc4\xb7\xa2\x88\x93\xc6\xdd\x8f\xd5\x02\xc1&lt;\xd1\x95\x1f\xc8\xfd\x89\xd9\x8c7\xcchc1\xb7\xaa2\xf5\xe1\xf1r\x8a*\xcd\xfe\xc3\xcb$\xe8\xa3\x84\xba\xfdN\xd7\xa4Y\x10\xe8\xc9\xb20\xa4&lt;\xfa\xdd\xe5}b6w\t\xb5\xbb\x86\xff\xdd\xe2\xc8\x92\xb9\xbb&lt;TB^\x82t\x87\xa7\x9d\xe5\x1cBY\xef\xee\x01\\-\xb2\xf5\xb4\xad\xc7n\x11\xa1\xce\x95\xa6\xde\x941-\x9f`\xdf)\xe9\x19\x03\xb4\xf4s\xbfV\x93.\x0f\xa1\x03q\x82o\xb2\xb3\xaa\xb8\xf2\xfe\xfa\x1c\xf9\x0f\xe4j\x08\xb8\x1dO_^ \x90_\xf0E(\xc7f\xf3\x19\xf7\xf4vD\xc7$\xb4\xb1\xeb\xe6\xd8\x85c\xaa\xf8\xa0\x92\xbbBs\xae-X\xe3\x90\xbd7deg\'\xacd\xd9R\x1e\xdbw\x00i\x06\xe6\xcer\xc1\x0bt\x81\x8c\xf1\x9dv[\xb0\xae\xfa\x92\xa1\xd19RD\x051\x85\x93H[Bm\xfa\x0fK\xcc\xa3\xf3/\xa1\xbb\xe3Cx\x02g\x16\x1f\x1c\xdb7_\xf3\xd8\xd2Z\x018\xb5\x894\x07\xb3(\x8c\xf3A\x06PEx\xbb\xf1\xc0\x11w\x08\x06\xbe\xf7\xd0&lt;\x02\x9f.e~\xaf=\x15\x0b\r.\x9e\x01\x98\xd2\xd7d\xd3\xb8:\n\xd9Po\xa4\xf6\xb1k\x8a~.\xc5\x03\x10\\J&gt;\xbe`\xdd\x1f\xf7\x97"\x00\xa2J\xd7+3\xc2\x01\xde\x82u\x94\x04\x18\x1a\x08\xcbj&amp;LV\xe7A\xa4\xdeA\xfbK\xfb\xd2\xe1\xc5\xc8\xe4\xc2\xfd\xbb\x8bT\xab\xa6\x1d\x96\xa2\xd4\x86\xc1W\x9a\xd3\xff:=\x04\x92X\x15G]\xbe\x03y\x9aU^C\xf0dQ\x1f\xc7\n\xf7\xec\x8cLG!\xa7l\xe1\x93; \x035\x998\xbeS\x00\xf0\xf2\xa3/\xebn\x7f\xb3MR\x82\x88#\xb0\x0b\xb7W/u\xeft\n\xc1\xf6\xbeg\xcd\xc3G6\x9b\x00+\xa8\xf1\xf74\xaf?T:\x9c\xbdqJ"\x9eld\xe9\r^Al\x0f\x16*U\xb9Q\xd3\x0f-9;J:R\xfe,\x1a\xdd\xd0F\x89[\xb7\x1f\xca\x18d\xd5x\xc1\xae\x7f\xc8\xc2y\xbf\xc3CS\xc2\x15\t1\xc8\xae3W\\\xae\x027\xdbq\xb6\xe4a,\x7f\x98\x8d\xde\x80\x04\xfck-3\xdb\xf3\xe9e\x14\x8e\x83\xc4e\x0b.~\xb1\x90\x90\x08f\xb6[\x99\x19:\xdc8\xf8\xee#j\xe84\xc5\xef\xde\x89\x9c2\xc7\xa03\xc7\x014f\xdb\xd7\x82i\xfd\x9f\xcb\xea\xe6,\x07\xd1\xca\xc6-XHZ\xf84\xaf\xf9\x12\xbe\x8b\x9b\xa6\x8e\xfcf\x07BUS \xfb~~\xb7O\xd4\x14\xb2\x1c?i\xc0\x97\x93\x86\x07\xc4W\x07\xf9_h\xac\x14\x82\x1e\xb6\x01\xa8gI\x85\x15\x83\xff\xb5$@\xc3\xc5\x16\xdf;\x99\x14\n\xab\xd8\x14M\xac\x14\xa8\x81\xc2\xda\xb7\xf5x\xe2\xb3\x0b\xd9\x8e\x97&lt;\x06\xe5\xc0`#\xaayU\xf4\xd6\xdb\xf1TX\x05+\x11\xfb\xa1\x0c\x8c\xf7\xb4\x9f\x88&amp;T\x9a\x7f1/\xac\xf3\x17d9O\xaa\x17\x07\xbc9\tw\xbc\xf8gM\x0b\xa6s\x9f"\xeb!\xec\xad\xd7\x99EZZ\x18G\xfb\xec\xf8\xc9\xcdN\x9c\xf9\xb8\xe2\r~\xb0\x10/;\xd1\xac1\xbaw\x06\x7f\xd00/\xd9\xec\xd5\xf8\x80\x16`j\x96\x95\x86\xb96N\xa6n\n\xf8\x9a\xfa\xd6\xb3\xc9\xbb\x8b\xdao\xe1\xe3\x10\xe8T\x8d)\x03\x0en\x12\x91w\xf3\xd4\x8e\xcb\x94U\xec\x8b\x96S&gt;3\xe4\x08\x81\x8e\x8by\xdb\x1d\xd8{N\xa6\xcakm\x8a\xecf\xb4F\xbc\xa4\xc8\x99\xbd\xbbo_&lt;\xb6sIv\xb8\x1d\xe6\x16RS\x89\xa8\xa6\xc7\n\xa2\x12\xb7K6B[\xf1\x02\xf9\x8b\x14\x0ch\xb2\x9f\xc4\xf6@I\x7f \x11uF\xec\x14,\x8a\x9csH&amp;\x16i\x86\xbb\xe4\x83\xa4\x85EBr\xc9\x8em)\xbc(_b\x86\xe2R\x15l\xd8\xa3\xe7\xd4z\x18a&gt;\xb4Q\x866\xcf\x1be\xf9\xd6\x18\xc4\x99'</t>
  </si>
  <si>
    <t>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</t>
  </si>
  <si>
    <t>b"\x0e^\xda5vJ\x95\xad\xdf'7\tGb\xc0["</t>
  </si>
  <si>
    <t>ur brand.
 BUILDING A STORYBRAND
 30
 A major paradigm shift in the SB7 Framework is that the
 customer is the hero of the story, not your brand. When we position our customer as the hero and ourselves as the guide, we will
 be recognized as a trusted resource to help them overcome their
 challenges.
 Positioning the customer as the hero in the story is more
 than just good manners, itâ€™s also good business. Communication
 expert Nancy Duarte has done extensive research on how to create powerful presentations. The strategy she recommends to her
 clients is simple: when giving a speech, position yourself as Yoda
 and your audience as Luke Skywalker.1
  Itâ€™s a small but powerful
 shift that honors the journey of the audience and positions us as
 a leader providing wisdom, products, and services our audience
 needs in order to thrive.
 Once we identify who our customer is, we have to ask ourselves what they want as it relates to our brand. The catalyst for
 any story is that the hero wants something. The rest of the story
 is a journey about discovering whether the hero will get what
 they want.
 Unless we identify something our customer wants, they will
 never feel invited into the story we are telling. As we explore the
 first element of the StoryBrand Framework, Iâ€™ll show you why
 and how to invite customers into a story that makes them want
 to pay attention to your brand.
 2. Has a Problem
 StoryBrand Principle Two: Companies
 tend to sell solutions to external
 problems, but customers buy
 THE SIMPLE SB7 FRAMEWORK
 31
 solutions to internal problems.
 In its purest form, a story starts with a character who lives in
 peace and stability. Suddenly, that stability is disrupted: a bomb
 goes off, someone is kidnapped, or a disaster strikes. The hero
 then sets out on a journey to return to the peaceful life they once
 enjoyed.
 Customers are attracted to us for the same reason heroes
 are pulled into stories: they want to solve a problem that has, in
 big or small ways, disrupted their peaceful life. If we sell lawn
 care products, theyâ€™re coming to us because theyâ€™re embarrassed
 about their lawn or they simply donâ€™t have time to do the work.
 If we sell financial advice, theyâ€™re coming to us because theyâ€™re
 worried about their retirement plan. It may not be as dramatic
 or sexy as James Bond going to Q to grab the latest high-tech
 spy weapons, but the premise is the same: our customers are in
 trouble and they need help.
 By talking about the problems our customers face, we deepen
 their interest in everything we offer.
 What most brands miss, however, is that there are three levels
 of problems a customer encounters. In stories, heroes encounter
 external, internal, and philosophical problems. Why? Because
 these are the same three levels of problems human beings face in
 their everyday lives. Almost all companies try to sell solutions to
 external problems, but as we unfold the StoryBrand Framework,
 youâ€™ll see why customers are much more motivated to resolve
 their inner frustrations.
 In the second part of the StoryBrand Framework, weâ€™ll look
 at the three levels of problems our customers experience and create messages offering to resolve those problems. Understanding
 BUILDING A STORYBRAND
 32
 and addressing the three levels of problems our customers face
 will help us create a brand promise that will connect with customers on a primitive level and at their deepest point of need.
 This, in turn, will help us endear customers and create passionate brand evangelists.
 3. And Meets a Guide
 StoryBrand Principle Three: Customers
 arenâ€™t looking for another hero,
 theyâ€™re looking for a guide.
 If heroes in a story could solve their own problems, they
 would never get into trouble in the first place. Thatâ€™s why storytellers, through the centuries, have created another character
 to help the hero win. Depending on the scho</t>
  </si>
  <si>
    <t>b'\xa7\x1bu\xf7\xfb\x15\x02\xc5\xf7~\x97\xe5g\xb8q_\t\x83\x0bR\x97\x97\xbb\x88{?.\'\x87Lq\x99\xe1\x9d\xe7\xd6c\xc28\xf6p.\xfc$\xc4NJE\xb3?\x97\xf2N\xebt\x90\x1b{9/\xb7~\xe0\xc9\\\xf9\xd39\xd20\x9dr\x99\x15\xcbh"\x94{\x17\x06?\xcc\xdc\xe2\xc9_\xba\x01f%\xf2\xdaj\xaf\xf1\x1f]\x82M~\x8e\x04\xf2 \xa0\xadm\r\x14-\xf1\xe2Ab\xcd\x11\xe4\x182\xbd\xba\xfc\x0e+\xc3x\xda\x03\x83\xfe\xe6\xe6\x98)\xf4\x15{\xdd\xfe\xbd\xef{r\xca\x8ct\xfe6\x8d\xcc\x18\xcd\x9d\xd9/\xaf\xa5\x95Tk\xf9\xc3X\x90T\xea\x14f\x11p\x84\x0fJ\xd5\x0b\x01g\xf4(%\xf1!\x0f;\xf9&amp;\x8e\xc1G\xa5\x16\xd8M\xd8\x80Y\xde2\xca\xbc\xd8\xbd\xc6\xd2y\x88B\xe45i\xf6P\x02\xfe2\x9c\xd5^\xc0%O\xd7k\xb0[v(\x81\x16\x0c\x9c\xd8\xadD\'\rl\n&amp;;\x9f\x9f\x00\xc7\x97\x8e\xd5\x8bJ\x01\xbef\xf0\x00\xe1\\z\xa4*\x99%g,^\x12N\xd0\x7f\xac|\xae\x9dE\x92\x18S\xf5|8A\x14`w\x9c\xb9G\xf6\x1a\x84\xb8\x84K\x94\xfc3a\x0f\xf1:\xaf\x89\xb4\x11\xbf\xcb\x1c\xa1\xf4W\xf7\xff\xd4\x193@X4Th\x1e\xb4\xafB\x9cY\xd27\x03\xb4\x8bw|\xfc\x97\xe8M\x83A^5o\xd2T\xbd\xd2\xdc\\=&amp;\xb3\x89E\x17\xb4\xac&amp;\xad\x14S\x87*\x18&lt;\xda}S\nJ\xc0ig\x8f+\xd6=\\\xa8\xd5\xbb2\x89p\x0b2\xd9\xdb\x03\xffO\x08\xc5p\xbd&amp;\x08\xb1\x99\xc5\xbd\xa4\x05\xb5%J\xdf\x99A\x1b\xd1 }\xb3\x01T`d\xc47\x8bf\xc5\xc9\x90_\xfc\xf4\x91\x1c\x14Q\xb0\xae\xb7d\xd3\xcb\xf1g\x92\x95\xaf\xaa\xff\x0cqX\xf5\xbd\xd5,q\n\xc9\x97R\xda\xb4\xf3\xde\xcf\x11\xf1\x1d\x87\x90e^\xcb\xea5\x7f\xd2Hc\x0cb\xfaA\x81o\x8e\xfa\x0b\'\xb4\xdct\x19\x9b\xcd\xf0\x1e`\xd4iO\xd7\x17%\xbb\xc3\x89\xc1\x19\xc8\xb6\xc5\xd2\x05kKN\xdc\xf1\x15\xb4\xd0LP\x85]\x06\xce\x80l\xea\x91\x03\xad~$uFE\x19Tg( \xe4?\xb6^\xc7$-d\x13\x97\x13\x16\xb6\x08\x07o\xa8\xa6\xc4\xe0\xde\xa8\xeb\x9e\x16XM\xfb\xa3 8\x1c\xb9\xf1\xb78\x97\xdd\xa4\xf3*I*\x0f\xd8,Q\xaa|)\xe4\xadH\xf6\xf2\xfe+a\xc4\xde\t3z\xde\xea):\xf7\x83M\x8b\x88Q\xe4\xf2\x964K\x99JT\xd4\xf6\xe9\xa1D\xad\x06\xfa\\\xd3\x177\x174\xeadd\xc9\x9e\xde\xb1\x0b\x9c\x1aY?\x0cT\xca\x9bE\xa3\xe08\xfeq\xc1%t2\xe1c\x11\x01\xa9!\xc3\xd5Z\xb1\xf7\xc7r\xa9\xe3p33\xc0\x10\x89\xbd\x1a\xbf4\xd0W:K\x11\x8e\xb2\xfbO\xe4\xf6\xdc\xcc\x042\xb3\x93M\xf8\xe0\xfb\xdfN\xa2+w|&amp;&gt;\x82\xf3\x99\x0b1\x84N^S\xf1\xd3\x8c\x18\xf1\xe5\x97@\xd9\xe6\x01\xbc\x80\xf2\xc0\x84t\xc6\x93\xc4+\xa7D!\x91\x05\xe5\xd8d\xfc_r\xd7\x19Q\xbc\xcb\x93\r}\n\xf2\x1fH\x9al\x90{k"\x9e\xd0\x12.\xfb\x00\xf0\xed\xc6\xf9\x04\xcc\xc4"\xe5\x18$\xf3\xb7$\x1f\xa0\xeb\xb3\xedS\x19\xcc+\xab\x8bB{\xf7\xce\xf2\xe6HB\x9e@\x8c\x841\x82zx\x9b\'\xd1\xbb\xe9\x96\xf7\xe3k\x97\xfc\x0fJ\x9b\xde\xbe\xd5\x1a\x88G\xfc5f\x9b\xcb2z\xd6\xc3\x12`\xed,\xecn\xd1\xc0F\xdd3\xcc~:9\xaf\x99\xac~5\x86u\x98J{\xb2\x992\x90\xb4\xff\xcf\xfd\x86\x9ff\xeb\x99\xd6\xb7\xce\x9b\xae\x9b,\xfc\x89wU\xf4QG\xe58\x9dPE\x06\xeb\xba\xe8\x99\xbe\x95wd\xcaG\xb7K\xa1e#/\x18\xf1\xffK\xa6^\x0c]\x9a\x02x\x87\xdf[\x8d\xffK,\xdc\x89d\xa6\xc2\x84@iG6c\x0e+\x17\xcd\x8dd\x91bE\xd0]\xf2j\xfb\x05Je@\xecI\xbby\xd5W\xe6F\x95-\x19\xf07\xf2\xbcY\xee$\xba5\xec?|\xece-\xe6\xc9k\x839\x1a\x1b\xa4k@\xb4`\xbb\xc8\x04\xbc\xd7&amp;z\x07\xae\xe7\xc7\x92?(\xc6\x9a*\xffN\t\xa2\xa8\xc3\x9a\x03\x87\x049y\xf5qG^\xfc\x16\xdd\x15\xbe\x83\x96\x10L\\\xd6\x1cn\xae\x1fLR\x0e\xc8\x1d\x90\xd8\xa6f\xa6\xa1\xdbS\xb5^\x17\x1b\xcc\x07\xfdg\x8e\xd8\xa5)5D\x8a\x88\xdd\xd2\xe34hiC3\xbaqq\xc7\tW\x90N\x06\xcd\xc8)d\x10\xb2#\x91x\x1d\x01\xd0\x8c\x8eB\x94%\x89\x91\x08\xf0!_\x94&amp;\x140q=,\x0c\x0f\xf4m\xc7\x97\xb1\xd4\xfd\xa8\\j64\x8d\xacH\xfe\x03\x1a\x1b\xa8\x93\'\xf9\xbf\t\x05\xf3\xafb\xf0{y\xe4\xac\xe2\x9d^b2olf~Y\x9d\n\xca\x1b\x16\xa0\x98\x18\x13\x7f\x10\x03\xfbh0\xe7\xff\x96\xf0\x1c\x8dMk\xd3\xe0\x8d]\xa8BV\x0c\xf8`\xca\x82@\xf5\xfbur\xbe&amp;\x84\x96\x0c\xe2\xd7\x88\xf7\xf8\xb7\xb5\x15&lt;\xcax\xd6\x81 \xea\x1a\x16\x89!\xa2r\xa0P\x0e\xdd\xf1\xdb\x96\xa2\xa7\x01:\xe9\x00?\\\x87\x98\x05\xb2&lt;\xe7\xf6\x16\xfb\xb4\x0c\xa8\xf0\xd3Y\xe2\xa1\xd6V\x08w#\x04q/\x0c\xe3\xcc%\x00Tw\xe9\xfd\x9a\x87\xcc\x85\xef\\\xaa]Zq\xc8:\x9c\x91Y\xd6\x9f:_F|\x8e\x7f\x1fI\xbep\xbadH \xf7\x04\x89\xb8\xb2g\x89L\x8a\xdbr&amp;\x1a\x1bD4D!\x81\xdb;\x15\xb3{)\xb5t\xa6\x17\xa82\x90\xdb\x9e\xaegk?\xe5\xcd\xfa\xeeM\x97\xc2W\xf7\xa6\x1e\x9fY\x19\xe1\xf8\xc0*\xe56\x1e2#D\x8c\xca\xff\xe3\x8cD\xcd\x96R\tt\x82\xbb\xbc\xd0d\x0f\xc6\x90\xbc\x1d\xc7D\xcdB\xf3\xdb\xb6r\x18\xd3\xdc;\xc9\x857Z\x99\xcei\xf4*\xdd@J\x13BH\xe5\xa6[\x97\xde\xfe\xb9\x19Bff\x14\xc0\x9a\x96\xb1.\xca\xc5\x8e\xb9\x04\xeb\xe0\x87\x90\xd1thZ\xed\x10\xb2\xe5\xf4\xe1m\xbf4\x03\x1f\x0b\x8e\x989\xb1\xd6;h+\x0f92\x16@\x1b\xbav`\xd6\xc2\xb0\xb5)\xec\xfb\xce\x85\xc2\xe3\x7f+\xe3\xcc8\xfb\xe9\xc1t\xd5\xdb\x14f\x18\x0e\xb1.\'\xa4V\xa7\xc3\x04J\xb5$&lt;bI9\x11YbE|3\xeb]c\xf5\x95s\x89\x9cB\xf99\x88\xb8\xa6\xef\xb8\xe5-\xb1E\xc1\xa8\xcc\xdcD45V\xaer\x96VLp+\xe1\x0e\xfct\x88\xb8\xf4=z\xa9@%\xb5VY\xa2v\x19\xd5Mz\xebK\xb2B\t\xc6 ?\xaf\x1b9\xbc\xaf\x90\x04\x8a\x18\x86G\xe8O\xc7\xe8F\x1bc\x83,\xbb\'\xc7\x07\x90X\xf1g\xbc$\xc2\xc49S\xd6\xb7\x97\xf2I\x1f}\x0b\x7f\xba\x11\xcd\xba\xa0\xc5\xb3\xfcU2\xf4\x14$3N{~\xe1\xech\xe5Q\x97\x8e\nM)1\xc0\xe4\x17\\%MH&gt;\nQ\xd7j\x8e(\x0e&amp;\xf8k;\x1f\xea\xdc\xdf\xcd \x8c\x14\x08\xcd\x9c\x89\x85M\xe7\x91&lt;?\xeb&amp;\xc1k[h\xfa\xf2bk\x1an\x0f_\x98\xac$\x8f\xd9\xf5\xf2?+W\xb6&lt;G\xda9\xb7/\xdc\xb6\xde\x9c\xef\x13Z\x0eT\xdf\x90\xc0\x16\xda_\xb1%R\xa1E\x83~\xe2\x11hK\x18`\xa1\x06\x99K\x8c]QJ\xed4"\x88\x9b&lt;D\x03i\xfd\xbc&lt;\x163^c\xb5{_\xf4MO\x8e"\x99\xfa\xa3Et\xd0e\x10\xe1\xf3\x83\xb0\xaf\xc7\xbc\xd6\x95W\xa7Oi\x0c\xe3=.(\xe8\xd6\xb3"zb\xdaq\xaa\xad\x05\x12\xe9\xc5\x8f\xa46[$Q\x9ei4O4\xb6\x8b\xbb~I\x7f\x1a\xd2\xea\x92Zq5\xb2B\xa6X\xcfr\xde\xd9\x87\x0c\x9a\xf6\x88\x0b\xaa&amp;\x87};y\xfdE\xdb\xaf\xb7\x07d\xa6\xec\x91\x7f\x97\x90\xea\'.}2\x17\x00\x90H\x12\xabE\x94\x88m\xc5\xd7\x12\x16\x00\x82\xbe\xc80*\x86\xf3\x0ec~\xab}g\xb0\xe2\x8b[\x00\x1f\xfa\xb0\xc9\x1f\x8d\x1e,M\xe5\xf2\x03@\xa1\xd6d\xc0x\xf5\xd3\x83\xdc({\xde\x08\xb9\xec\x1d\xf7O\xf4=p\xffg\xc8\xccSa\x10\xcflT\x92\xab"\xa8-u\xba\x98\x92\xfaI\xd4\xe4\x0f3\xff\xed\xdc\x84\x10#\xe7\x99\x83a\x0b\xf0^(a\x110\x95\xe1\x88z\xc8ua5 u\x88\xed\xaa\x8d?17\xfb\xc0\xea-\x08"\x1c\xfa#-\x84\x86\x0f \x03t\xe9:!\x14\t\x8e\xf2/X\xa08\x9cw\xbb\xed\xa7o\x0b\xff\xf3\x8db\xd9.\xab\xd4\x99Ye|\x0f*(\xfd\xa5\x94\x8aWN\xbf\xf7\xb8*\x16\x94\xea\xf2!\xfb\x92\x1c\xa65\x86hLj%\x12Y\x1ecd\xe6_o$$H\xe8\x8a\xbd\x8c\x92\xbcA7\x9emgF\x1d\x1e:\xcf(\xf5f\xad5\xbe\x10g\xa0\x0c\x87=G\x02\xbf\xcbE\xbeO\x0b$\xa4F\x8et\x01,\x1c\x86*\xea&amp;O\xe2u\x9df\x17\x96\xb5\xaeAk\x8c\xe3j!\x9bP\xbd\xa1\x8f\xeeu\x9c\x80\xcde%\xf8\x07EP\x9e$\xae]e)#\x92\x82T\xefYw\xc9\x8c\xd3\xab\x11\x16\xb5h\x02\xc7Z\xa0\xbfP\x19sks\xd4RuHA$\x04\x90\x0b P\xbe\xeb(\xb2\xa4/r\xac\x0f\xb2\xef?p\x92\xb6\xcd\xb9\nt\x96F\x90\xa8l\x01B\xbc\xe9\x05\xcbm*\xf2|\x0e\x0c\xc6\xc0\xad\x1c\xd3\x1a1\xecx\x83\x1a\xb6\xbd\xc8\xb6O\xef\rh\xc9\x889\xcd\x97OR\xa9v\x99\xcf\xa6q\x1d:YF\xa9d,\xd0\x83\xaaI4\x93\xe1l)/x\x7f\xc5]G\x00\xe0p\xa9\x8b\\aL\xaa\xaa\xb9$\xc9\x08*\xb0y\xcc\x82\xe6{\x19=:w8\x80`\xc8\xe0\xebL\xa2\x8bjN{$v\xe9\xff\xcdBM\x82\ri\xaa.\xafqE\xd0H\x86\xd8\x96\xd5\xc7u\x9f\xb0\xa1\x0f\xf3\xb0c\xc6\x1c#\x11\x92\xd6\xc25\xee?\x98\xfe\xfam\xb6Eo\x028*&lt;\xf3H\xa1\xd1\x9d\xa3\xd6s\x84\x9cZ\x96&amp;\x0bK\xb6\xdd\x90p!\xbc\x006\xec\xf9S\xba$c\xec\x86T\xf6*9\xe8\xf4\xaa\xd4\x00\xa9\xc9\xa5\xd7;g\x97\xe2,Gs\xa9Tq\xdfl\xceR\x7f\x05\x8b5N\'9Y?\x01\xf6\x7f-\xb2\x0c|\x97\x85\x1cD\xaf\xe1\xbd\xdeC\x18\xa4&gt;\x8f\x0e\xe9L\xc8\x1fxqS\xc9\xf2\x13\x07\xa2\x02\xbb\xfan\xf8p\xfd\xb4\xebU\xaecNg\x9d3\x13 \xac\xb2m\xa8\xdb\xd9;a\xca\x07m\xc3\x7f\xa7\x1cOP7\x0eb\x11\x8e\xc9u\xa4\x15AU\xa6S\xea\x03\xa9\x9a\xc7\xa5\xda\xc6\xdd\x15\xddD\x86\xea\x08\xed\xa9Ea#d\xf0\x97\xd6\xeeZ\xdc\x05(\xd1[2&amp;\xb6tAG\xb3\x1c\xb0N\xc9E\x1a}\t\x8b\xb2,\x80\x7f\x7f\x8272\x0b\x91\x95\xc3\x95\xdc\x1b{\x98\\\xc1\x7f\xe3Y\xb5\xfa\x01\x96N\xbc)"Ih\xc9-\xd0X7\r\xb9\n#%\xad\x0f\x94\xf6$\xc9\xaa\x16\xfeG^\xc8\x90\x04k\n\x19z&amp;W\x8f&lt;\xe1}y{\x89\xa59)\x17lF\xb5\x94A\x14t\xdbd9\xa4C\xc9\x85\xd0\x16\xc2\xccW\x9fa\xfe\x1e\x85\xe9\xbfM\x17\xe3\x11\xf7H0\x1e\xf3\x93B\x1e\x93\x9a\xee\xd5i\xda\x0f*\xab\xb3B6\x85\xf2\x064)\x94\xb9\xa6\x17\x98\x98"\xd4\\\x13\xa66(\xb2\x8b\xdf\xb4\x9e(/\xfe(8\x04\xdba\xba\xdb&lt;\xeai\xf0\xdd7\xe6_\x1c\xb1\xa2e\xfb%1h\xf3v\x01\xbf\xedD\xf5\xd4\x18XL"\xf4\xf4.8M\x05\x83x\xb2\xad\xa6\xce\x94]\xc6K\x1e\x91\xa1\xbe\xa6\'\xc55\xf2Y\xb6HfP\x8eN\xbaSE\x9c\x96\xfe\xa2\xdfQ\xaa\x93U\xd9\x07\xe6\xd7\xac}\xc6\x11\x1d\x9b\x88&gt;N\xdb\xa4G\x92\x93\x85/\x10\xa1\x8f\xcfK\xb3\x9a\xaf\x83q\xe5\x97Y)JvX\xbe\x87\xba\xb8\x05\xcd\x04,9vg\x96\xd5y\x19\x0e\xad7\xbeT\xb7e)=\xd7\xec\xb6\xe9\xaa\xdf\x88\t\xb9\x12\x89\x17\xfco\x9e\xc1\x82\x86\x1e\xd2\xbc\x0625\xe3~\xf1Vq&amp;\\X\xe6#\x8f\xf9;\xa5\xfe\xd128\x13\xf0[\\\xa8\x9bp\xb70"\xda\xf2Y\x7f}\r\x9b1\xa8\xadx\xe6oa\x9a\'\xbd\x8a\xd3,\x0b$\x80A\x10Le\xb7\xa5\x91\x10\xaea\xd1[\x1bpk1\xb0\xe9U\xabg\xfc&amp;\x99\xabaD\xaa\xc5\xae\x184\x0f\xc4\x1fg\xc0\xce\xed\x03/\xdb\xe9\xbe\x8fF\x0b\xb2ub\xe4A\xf2\x8d\x8d\xbf\xee\xfe\xf43\n\xaf\xb8\x0e\x8b,1Q\x0f\nE\xdb\xe7\xc4\x08\xe7\xef\x00\x03jh\xdeD\xe4\xf8\xcb\xd3p\x15m\x04;E@h!\x12\x8b\xdb\x0b\xd2\xd4\xc3\x7f\xff\xf2bz\xc0|&amp;\xe3`\xf1\x9fa\xf0\xbcg6\xbf\x00d\x9f\x92A\xb7\x11\xd4\xb6\xebv`\x8d[\x15*Z\xdc\x89R[\xa2P0\xe0 \xa7\x80\xb1#\xf6\xa3\x02\x07M\x16G\x0c\xa9y?t\xf6s!\x94"\xe6G\xecH\x1d&lt;*\x07\xa5\xeb\x14\x8a\xe6M\xe8\x8c\xe6@\xe5\x00\x83H\xe5-\x85e*\xe3\xcaC\xb2h\x8a\x16b\x90\xdf!\xc2L.\x18yL]\xb2\t0iv0\xf3\xb3z\xc2B\x9d\xa0@\xe3\xa9\x945\x98\r\xd1\x8cF\x0e\xdf\x1a\xf1.m\xd7\x1e\xa3\nQ\xa3\xb3\xd8\xbd\xf9\xeeNE[V`\xd2IT\xedA\xfd\xab\xf7\x18\xf8\xf7\xf8%\xd8\x92\xbb\n\xac[s\xe6\xaa\x7f.\xd1\xa2\x7f\xd7U\xf6\xaf\x02\xd6\x114z\xc7\xdd\xc2\xa4\xde\x0b\x8c\xc1\x18KZn\x81X\xd9\x91.H\xe4\x074\x8c\x83\xb4J\xb3\x81\x12:S5\x9b\xe2\xb4\x8bG\x1d\xee-\x0f\xbd\xb0\x85\x82?j\xf06xl\xdd\xee\xc2\nv`\xb9\xa4\x1a\xc2`\xa8\xd0\xb4\xf7\x98\xb9\xd8\xa2\x01d\xe6\xf1\xd1\x86\xfd\x84\xa9\x89I\xb0_P\x06\x1f.\xd4\x990\xbf\xac\xdb\xde_\xf7j\x92\x9d\xa2\x04:\xf6\xc8\x80\x99~\x18T\x19\x89\xc4\xb2\x87:\xacD\xb11\x1c\x15G\x06@\xb5N\xa1\xcc\xec~8R%\xdf\x05\x00\xafE\x81-\t\x0c\xa7&lt;\x9d5\xdf\x9f\x88\xa9\xb4v\x0bm\x12\x98B\xef2\xa7\x80\xafQ]\xb2\x935\x00\x0c\xda\x86e\xd4d]\xb93\x18\xc6\xc7\x0by"\xa60\x14\xa3\xd9}\x0edjzF\xc0j\x87s_*\xc2/&amp;~\x03\x9eCE\xd6\xad\x12|\x1aLy\xc9\x8c\xa7\xf4\r\x14!\xa8\xb9\xceH\xe1[\x14\xdc\xb8\x9e\xf3\xf8\x80Rt`\xaa\xf6t\x0b}\xfe\xb1\xde\x0c\x91\x82\xc6\xc26.\x15\xcd\xa9\x0b\xb0\nK0\xd4\xe2Z\x9f`\x9f\x1c\xaf\xf0\x86\x17\x9d^\xcc1LU\xa0"@\xd5\xea\x1f.\x1be\xe0\xe5\x00\x94P\x84s-\xcb\xcd!z\xbbx\x93\xaax\x17\x8a\x9e\xa9up\xb4\xdf\x10\xec8\x97%\x13\x89\x88fI\x8c2Z\xcc\xdeZL\xa8\x03pN\xee\xbc\x06\x1d!\xbc\x9a\xc7\xbbF.\x9a\xd6\xdfN3P\xd9\xcb\x9f\xb4\xbb\xd7n\xe4\xfd\x04]\x94\x81\xdaD\xa2\xc2\xdf\xc05\xdf\xc8\xc2\xd6#\xd2\x16}\x1d\x0cCE\xc1c\n\xb5;\x18\x12Q\xc5\x8cfM\xd1\x083N\x93!\x1c\xedx\x14\x16&gt;\xa4L\xbanV\x1c\x82\xf0\x18\xb0\x9c]ho\xfd\x00Om\xf2\x96\xb7\x97\x9a\x80\xcc\xdcX\xa3\x84\xbbg\x8f\xb2h\xd9a"\xf9\xddv\xbd\xa7\x88\x1b\xb8\x9e\xf2\x0c\xe8\xaa\x9a\xcape\x15\xe1\xa9\x0b\xe8\x16\xbd\xa3\xfax2]\xd1\xdfG\xd1Cn\x1a\xa0]@[\x83[E\xe7\x8a\xe4\xd8l\x08\x98\xc9\x8dm\x9d\x0b\x86\xa4\x9b;\xb6Tpi^\x82\xc7\xd0YX\x075O\xf7V\xbb5\x04\x8c\xcf\x98\xb7\xaeM-\x8f8\xa67\x8b+\x93\x8d\xb5\xe9\x87\xcc\xc5\xd3\x96\t\xe4\xe8\xa9\xbc[\xc0A\xbd\xda\xb8\\3\x10=\xa9\x02\xf6\xa3\xac[_\xc1\x18\x90\xe45\xd7/\xe6\x95Y\x81\xe2\x849\xf8L\xa5\xe2\x86H\x89\xaf'</t>
  </si>
  <si>
    <t>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</t>
  </si>
  <si>
    <t>b'\xa7\x1bu\xf7\xfb\x15\x02\xc5\xf7~\x97\xe5g\xb8q_'</t>
  </si>
  <si>
    <t>s on the exchange rate. (The curve
 continues to slope downward because the risk premium itself is assumed not to depend on
 the exchange rate.) Equilibrium in the foreign exchange market is at point , which corre_x0002_sponds to a domestic government debt of B and central bank domestic asset holdings of .
 At that point, the domestic interest rate equals the risk-adjusted domestic currency return on
 foreign deposits (as in equation (18-2)).
 Letâ€™s use the diagram to examine the effects of a sterilized purchase of foreign assets by
 the central bank. By matching its purchase of foreign assets with a sale of domestic assets,
 the central bank holds the money supply constant at and avoids any change in the
 lower part of Figure 18-6. As a result of its domestic asset sale, however, the central bankâ€™s
 domestic assets are lower (they fall to ) and the stock of domestic assets that the market
 must hold, , is therefore higher than the initial stock . This increase pushes
 the risk premium upward and shifts to the right the negatively sloped schedule in the
 upper part of the figure. The foreign exchange market now settles at point and the
 domestic currency depreciates to . E2
 2Å“
 ,
 r
 B - A1 B - A2
 A2
 Ms
 A1
 1Å“
 r = r(B - A).
 12The stock of central bank domestic assets is often called domestic credit.
 CHAPTER 18 Fixed Exchange Rates and Foreign Exchange Intervention 483
 M s
 P
 Exchange 
 rate, E
 0
 E2
 R1
 R* + (Ee â€“ E)/E
 + Ï(B â€“ A1)
 Domestic 
 interest rate, R
 Real money supply
 Real domestic
 money holdings
 L(R, Y)
 1
 1'
 2'
 E1
 Risk-adjusted
 domestic-currency
 return on foreign_x0002_currency deposits,
 R* + (Ee â€“ E)/E + Ï(B â€“ A2)
 Sterilized purchase 
 of foreign assets
 Figure 18-6
 Effect of a Sterilized Central Bank
 Purchase of Foreign Assets Under
 Imperfect Asset Substitutability
 A sterilized purchase of foreign
 assets leaves the money supply
 unchanged but raises the risk_x0002_adjusted return that domestic 
 currency deposits must offer in
 equilibrium. As a result, the return
 curve in the upper panel shifts 
 up and to the right. Other things
 equal, this depreciates the 
 domestic currency from to . E2 E1
 With imperfect asset substitutability, even sterilized purchases of foreign exchange
 cause the home currency to depreciate. Similarly, sterilized sales of foreign</t>
  </si>
  <si>
    <t>b'0E\x02 \x13\xce\xe2!\x8c4\xc8!\x97\x95\xfbE+i\x16\xcc\x8a\x8d\x19\xb7\xeb\xbb\x15f\xbe\xf1xZ\xbd\xbd\xac3\x02!\x00\xb34b,\x8b\xdb\xbd\xc0\x03\xc6\xacy\x7fsi$\x00\x18\xc8&lt;\xd9}\x7fB\xb4n\x19\xfd|\x13\xbe$'</t>
  </si>
  <si>
    <t>3045022013cee2218c34c8219795fb452b6916cc8a8d19b7ebbb1566bef1785abdbdac33022100b334622c8bdbbdc003c6ac797f7369240018c83cd97d7f42b46e19fd7c13be24</t>
  </si>
  <si>
    <t>b'0E\x02 \x13\xce\xe2!\x8c4\xc8!\x97\x95\xfbE'</t>
  </si>
  <si>
    <t>ency,
 1This is called the â€œadjacent channel.â€
 707
 708 Chapter 15 Analog Filters
 f
 900 MHz
 200 kHz
 f
 900 MHz
 900.2 MHz
 Desired
 Channel
 Interferer
 f
 Filter
 Frequency
 Response
 (a) (b) (c)
 Figure 15.1 (a) Desired channel in a receiver, (b) large interferer, (c) use of filter to suppress the
 interferer.
 the desired signal is still accompanied by the large interferer and cannot be detected pro_x0002_perly. We must therefore â€œrejectâ€ the interferer by means of a filter [Fig. 15.1(c)].
 15.1.1 Filter Characteristics
 Which characteristics of the above filter are important here? First, the filter must not affect
 the desired signal; i.e., it must provide a â€œflatâ€ frequency response across the bandwidth
 of X(f ). Second, the filter must sufficiently attenuate the interferer; i.e., it must exhibit
 a â€œsharpâ€ transition [Fig. 15.2(a)]. More formally, we divide the frequency response of
 filters into three regions: the â€œpassband,â€ the â€œtransition band,â€ and the â€œstopband.â€ De_x0002_picted in Fig. 15.2(b), the characteristics of the filter in each band play a critical role in
 the performance. The â€œflatnessâ€ in the passband is quantified by the amount of â€œrippleâ€
 that the magnitude response exhibits. If excessively large, the ripple substantially (and
 undesirably) alters the frequency contents of the signal. In Fig. 15.2(b), for example, the
 signal frequencies between f2 and f3 are attenuated whereas those between f3 and f4 are
 amplified.
 f
 H ( Ï‰ )
 Flat
 Response
 Sharp
 Transition
 H ( Ï‰ )
 f
 Transition
 Band
 Ripple
 Stopband
 Passband
 Ripple
 f 2 3 f 5 f 6
 (a) (b)
 f
 H ( Ï‰ )
 Flat
 Response
 Sharp
 Transition
 H ( Ï‰ )
 f
 Transition
 Band
 Ripple
 Stopband
 Passband
 Ripple
 f 2 f f 4 f 5 f 6
 (a) (b)
 Figure 15.2 (a) Generic and (b) ideal filter characteristics.
 15.1 General Considerations 709
 The width of the transition band determines how much of the interferer remains
 alongside the signal, i.e., the inevitable corruption inflicted upon the signal by the interferer.
 For this reason, the transition band must be sufficiently narrow, i.e., the filter must provide
 sufficient â€œselectivity.â€
 The stopband â€œattenuationâ€ and ripple also impact the performance. The attenuation
 must be large enough to suppress the interferer to well below the signal level. The ripple
 in this case proves less critical than that in the passband, but it simply subtracts from the
 stopband attenuation. In Fig. 15.2(b), for example, the stopband attenuation is degraded
 between f5 and f6 as a result of the ripple.
 Example
 15.1
 In a wireless application, the interferer in the adjacent channel may be 25 dB higher
 than the desired signal. Determine the required stopband attenuation of the filter in
 Fig. 15.2(b) if the signal power must exceed the interferer power by 15 dB for proper
 detection.
 Solution As illustrated in Fig. 15.3, the filter must suppress the interferer by 40 dB, requiring the
 same amount of stopband attenuation.
 f
 25 dB
 Filter
 f
 15 dB
 Figure 15.3
 Exercise Suppose there are two interferers in two adjacent channels, each one 25 dB higher than
 the desired signal. Determine the stopband attenuation if the signal power must exceed
 each interferer by 18 dB.
 In addition to the above characteristics, other parameters of analog filters such as
 linearity, noise, power dissipation, and complexity must also be taken into account. These
 issues are described in [1].
 15.1.2 Classification of Filters
 Filters can be categorized according to their various properties. We study a few classifica_x0002_tions of filters in this section.
 One classification of filters relates to the frequency band that they â€œpassâ€ or â€œreject.â€
 The example illustrated in Fig. 15.2(b) is called a â€œlow-passâ€ filter as it passes low-frequency
 signals and rejects high-frequency components. Conversely, one can envision a â€œhigh-passâ€
 filter, wherein low-frequency signals are rejected (Fig. 15.4).
 710 Chapter 15 Analog Filters
 f
 H ( Ï‰ ) Passband
 Stopband
 f C
 Figure 15.4 High-pass filter frequency response.
 Example
 15.2
 We wish</t>
  </si>
  <si>
    <t>b'\xe6(\xe2\xff\xd9\x00\x8e\xf8\x95:\xf2\xf9N3\x8e6'</t>
  </si>
  <si>
    <t>e628e2ffd9008ef8953af2f94e338e36</t>
  </si>
  <si>
    <t>ing peace to all the animals of the forest once more."
"What is your trouble?" asked the Lion, quietly.
"We are all threatened," answered the tiger, "by a fierce enemy which has
lately come into this forest. It is a most tremendous monster, like a great
spider, with a body as big as an elephant and legs as long as a tree trunk.
It has eight of these long legs, and as the monster crawls through the
forest he seizes an animal with a leg and drags it to his mouth, where he
eats it as a spider does a fly. Not one of us is safe while this fierce
creature is alive, and we had called a meet</t>
  </si>
  <si>
    <t>b'\xf1\xa1&lt;7\x9a%\xfa\xd2+\xe9\x07Q\'\xb5\x99f\xb2_jyr\x8aW\x1d\xc3\xc21PL\x80\x89\x8dl\x83\xa9\xa1`d\x14q\x98\xacTs\x0e&lt;c\x83f(b&gt;\x14RH\x8d3\xa0\xdc\xed\xce\xfd#g\x87w\xb3\xe1\xaf\xfd\xc1\xeez\x9f\x96d\xeb\xdbP\xb2\xa2Y\x86+\x9a\xa2\xf6\x9f\xca.\xa6\xd2Z\xfd\'\x1cF\xabL\xe1\x07s\x13\xc0\xaf\xc1\xa5\x82\x9d.\x16\xacbv\xd4\xb30\xa4\xcb\xb2.z\xfd9stg\x83\x91\r\xfd\xec\x9fF\xd2\xe1\xad\x19\xd3s\xdb\x1c\x17L\x12\x9bEG\xb7A\x81\x0b\xfa\x84\xec\xf5h\x90!f\xb3n\xe75\x90\xd1\xe7 u\x91\xb8\xea\xfa\x8e\xc4\xee- j\x04|\x8e\xf8\xc5\x86^o]\'\x06\x072=\x9at\x19\x90\xa5,\xfc.M\xac\x04\x9d^,\x87\x85\xa5\x13\xacN6\x05|t\x811M\x018u\x089\x8f\xfd\xd9:]_\xe3\xbf\x1a\xc1k\xf1v?\xd41\xb2nt\xc8\xce\xc4\xe9\xe4\xe0A8\xdcu\xef\x98\xb0\x89\xe5\xc5\x0f\xa7\x9ff_\xf0a!\x9e\xe9\x89\xbf,+\x19\x8d\xbe6\x9cB\xa3g\xb4\x1ec}\xdaN\xf7\xf1\xb8\xee\xe4\x01\xd9R\x7f\xf6\xed\xc7\xe1\x97C\x87\x8a\xec\xd9C\xb7\x00!\x9f\t^\x8a\xb6KH\xc4\'s:\x18\x05\x12\xd2\xd0\x91?u\xda\xcbd+\xaaiu/i\x89\xf2\xd2\x11\x8f\x81\x91\xd5%\x0cn(8\xcaH\x0c2\xfb\xea\xf9\xc7?\xfd{\xe2\x08\xd8\x95Q\x99s\x8a\x1d6\xb1U@\xa7\xd7\xfe\xf2\xf6\xb4\xac\xb5RB\x14\xba\xc2k\xd4\x87\xf8\xb0n\xd5\xd4$\xdbQ\x86h8\xe1[YO\x8d\x8d\xbcf\x17\xbaS4\xb1\x809}\xeaS\xdd\x9e\xa1\xfb"\xab\x8d\x0c\x8b\x88\x03M\x8a\xe4\xfbS\xa0V\x072v\xb1\x03\xeam\xc6\xaa\xaf\xf3\x85\xba\x9b1\xe3\xc6\'\x9a\xfe\x99\xf9&gt;J\xff/\x04@\xd2b0\xca`L\x92*\xd2\x0c\xdc\xaeP#\xaa\x17\x93\x9eT^\x93m\x97t\xaa\x96\x19\x0f\x8c\xfd\xd0y\xd0\x94\xb59*\x05\x9bAqQ\xe2\xa0\xc1\x0e\xf1\xb0\x9aU\xcd"\x05jWi\xd3\r\x88\xa9\xefL\xc2\xa8{\xc7\xc7\x83\xc5W\xe4\xac\xa7\xb8\t\xf67z\xce+\xcb@h\xbf\x11\x96T\xf4\x15\x1e\xc65\xfe|\xf5\xd1\x84\xf4\x8dt\xfe\x11t \x93\xc7\xba\xba\x04\xe4,\x95\xa8\r\xad\xc7|/\xb8N\x8d\xa7\xfa\xd4\x8f'</t>
  </si>
  <si>
    <t>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</t>
  </si>
  <si>
    <t>b"\xf1\xa1&lt;7\x9a%\xfa\xd2+\xe9\x07Q'\xb5\x99f"</t>
  </si>
  <si>
    <t>ductance,whichyoucanderiveby
  expressingthefluxintermsofthevectorpotential,andinvokingStokesâ€™theorem:
  2= B1Â·da2= (âˆ‡Ã—A1)Â·da2= A1Â·dl2.
  Now,accordingtoEq.5.66,
  A1=Î¼0I1
  4Ï€
  dl1
  r ,
  andhence
  2=Î¼0I1
  4Ï€
  dl1
  r Â·dl2.
  Evidently
  M21=Î¼0
  4Ï€
  dl1Â·dl2
  r . (7.23)
 7.2 Electromagnetic Induction
  323
  This is the Neumann formula; it involves a double line integralâ€”one integration
  around loop 1, the other around loop 2 (Fig. 7.31). Itâ€™s not very useful for practical
  calculations, but it does reveal two important things about mutual inductance:
  1. M21 is a purely geometrical quantity, having to do with the sizes, shapes,
  and relative positions of the two loops.
  2. The integral in Eq. 7.23 is unchanged if we switch the roles of loops 1 and
  2; it follows that
  M21 = M12.
  (7.24)
  This is an astonishing conclusion: Whatever the shapes and positions of the
  loops, the flux through 2 when we run a current I around 1 is identical to
  the flux through 1 when we send the same current I around 2. We may as
  well drop the subscripts and call them both M.
  Example 7.10. A short solenoid (length l and radius a, with n1 turns per unit
  length) lies on the axis of a very long solenoid (radius b, n2 turns per unit length)
  as shown in Fig. 7.32. Current I flows in the short solenoid. What is the flux
  through the long solenoid?
  a
  Solution
  b
  l
  FIGURE7.32
  Since the inner solenoid is short, it has a very complicated field; moreover, it puts
  a different flux through each turn of the outer solenoid. It would be a miserable
  task to compute the total flux this way. However, if we exploit the equality of the
  mutual inductances, the problem becomes very easy. Just look at the reverse situ
 ation: run the current I through the outer solenoid, and calculate the flux through
  the inner one. The field inside the long solenoid is constant:
  B =Î¼0n2I
  (Eq. 5.59), so the flux through a single loop of the short solenoid is
  BÏ€a2 = Î¼0n2IÏ€a2.
  There are n1l turns in all, so the total flux through the inner solenoid is
  =Î¼0Ï€a2n1n2lI.
 324
  Chapter 7 Electrodynamics
  This is also the flux a current I in the short solenoid would put through the long
  one, which is what we set out to find. Incidentally, the mutual inductance, in this
  case, is
  M =Î¼0Ï€a2n1n2l.
  Suppose, now, that you vary the current in loop 1. The flux through loop 2 will
  vary accordingly, and Faradayâ€™s law says this changing flux will induce an emf in
  loop 2:
  E2 =âˆ’d 2
  dt =âˆ’MdI1
  dt .
  (7.25)
  (In quoting Eq. 7.22â€”which was based on the Biot-Savart lawâ€”I am tacitly
  assuming that the currents change slowly enough for the system to be consid
 ered quasistatic.) What a remarkable thing: Every time you change the current
  in loop 1, an induced current flows in loop 2â€”even though there are no wires
  connecting them!
  Come to think of it, a changing current not only induces an emf in any nearby
  loops, it also induces an emf in the source loop itself (Fig 7.33). Once again, the
  f
  ield (and therefore also the flux) is proportional to the current:
  = LI.
  (7.26)
  The constant of proportionality L is called the self inductance (or simply the
  inductance) of the loop. As with M, it depends on the geometry (size and shape)
  of the loop. If the current changes, the emf induced in the loop is
  E =âˆ’LdI
  dt .
  (7.27)
  Inductance is measured in henries (H); a henry is a volt-second per ampere.
  B
  B
  I
  FIGURE7.33
 7.2 Electromagnetic Induction
  325
  Example 7.11. Find the self-inductance of a toroidal coil with rectangular cross
  section (inner radius a, outer radius b, height h), that carries a total of N turns.
  Solution
  The magnetic field inside the toroid is (Eq. 5.60)
  B = Î¼0NI
  2Ï€s .
  a
  s
  b h
  ds
  Axis
  FIGURE7.34
  The flux through a single turn (Fig. 7.34) is
  BÂ·da = Î¼0NI
  2Ï€ h
  b
  1
  s ds = Î¼0NIh
  2Ï€ ln b
  a .
  a
  The total flux is N times this, so the self-inductance (Eq. 7.26) is
  L = Î¼0N2h
  2Ï€ ln b
  a .
  (7.28)
  Inductance (like capacitance) is an intrinsically positive q</t>
  </si>
  <si>
    <t>b' \xa5L\xa8\xaf\x80\x01\x8c\xb2\xa8H \xa6\x1e\xdb\xb5\xa9\xac\xdb\x8a\xc0\x9c\n\x8bp\xec\x97;j\xb6&amp;&gt;'</t>
  </si>
  <si>
    <t>20a54ca8af80018cb2a84820a61edbb5a9acdb8ac09c0a8b70ec973b6ab6263e</t>
  </si>
  <si>
    <t>b' \xa5L\xa8\xaf\x80\x01\x8c\xb2\xa8H \xa6\x1e\xdb\xb5'</t>
  </si>
  <si>
    <t>ck in a crowd, and been scolded like thieves, I would have 
 gone bail for the innocence of Long John Silver. 
 "See here, now, Haw</t>
  </si>
  <si>
    <t>b'K\xaeS\xae&gt;F\xd0|u~q\xa1~\x910\xc7\xd2\xde\x98\xba;wY\x1a\xec\x81\xc9\xcf\x17\x0bv\xac\xa9\x99\xf7\x0b0o\xd9H \xc7\xed\xc28$\xfd.\xb4\x9d\x89\xa7\xddR2\xcai7\xb9\xf2\xa11!\x91\xdc\xe1\xfa\xe9#ht\x10\xac\x88$&amp;\xf2\x0f\xd4\x03\x01]\xd4\xd0\x9e\xde\xd4\x84\x1c\xa9%\x99`\x8d\xaf1b\xf0]\xe1\x00Y\xf3\xd2\xf6\x0cN\xc1\xb4\x00]\xd9\x02+\xf8\x0f\xc9\xc6\x9c.x\xdc\xbem\xbf`\x80\xe5R\xad,\x08\xedW\xa1U\xc31\x04\xa4\x97}\x04\x04?\x7f\x8e\x87\x89\xea`x\xe5r\x84\x1aa\x89\x85\x8aF\x18g"E\x07\x96\xfa\xde\x05\xd0z\xa6\x96p\xcb$}~\x87+\xe5\xff\xc6g\xf1iX\xa0z\xde\x93\xa8\xb2\x14\xdd\xfe$5\xe8\x7fs\xbc\xb6\xcb4kb\x9e\xc4AW\xf5\xe4\xf0\x9fT=\xbc\xfa\x9d\xec\x82C Eg!\xdd\x85\xabE\t\xfb\xb8[ i\x9e\xc3\x9b\xb7Li\xd8\x1c\x96,\xbcT\x1fZd\x8a\x13\xab'</t>
  </si>
  <si>
    <t>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</t>
  </si>
  <si>
    <t>b'K\xaeS\xae&gt;F\xd0|u~q\xa1~\x910\xc7'</t>
  </si>
  <si>
    <t>we have proof that
 they secretly watched the interlopers, and were not above taking an idea from
 them; for John introduced a new way of hitting the bubble, with the head
 instead of the hand, and the mermaid goal-keepers adopted it. This is the one
 mark that John has left on the Neverland.
 It must also have been rather pretty to see the children resting on a rock for
 half an hour after their midday meal. Wendy insisted on theirdoing this, and it
 had to be a real rest even though the meal was make-believe. So they lay there
 in the sun, and their bodies glistened in it, while she sat beside them and
 looked important.
 It was one such day, and they were all on Marooners' Rock. The rock was not
 much larger than their great bed, but of course they all knew how not to take
 up much room, and they were dozing, or at least lying with their eyes shut, and
 pinching occasionally when they thought Wendy was not looking. She was
 very busy, stitching.
 While she stitched a change came to the lagoon. Little shivers ran over it, and
 the sun went away and shadows stole across the water, turning it cold. Wendy
 could no longer see to thread her needle, and when she looked up, the lagoon
 that had always hitherto been such a laughing place seemed formidable and
 unfriendly.
 It was not, she knew, that night had come, but something as dark as night had
 come. No, worse than that. It had not come, but it had sent that shiver through
 the sea to say that it was coming. What was it?
 There crowded upon her all the stories she had been told of Marooners' Rock,
 so called because evil captains put sailors on it and leave them there to drown.
 They drown when the tide rises, for then it is submerged.
 Of course she should have roused the children at once; not merely because of
 the unknown that was stalking toward them, but because it was no longer good
 for them to sleep on a rock grown chilly. But she was a young mother and she
 did not know this; she thought you simply must stick to your rule about half an
 hour after the midday meal. So, though fear was upon her, and she longed to
 hear male voices, she would not waken them. Even when she heard the sound
 of muffled oars, though her heart was in her mouth, she did not waken them.
 She stood over them to let them have their sleep out. Was it not brave of
 Wendy?
 It was well for those boys then that there was one among them who could sniff
 danger even in his sleep. Peter sprang erect, as wide awake at once as a dog,
 and with one warning cry he roused the others.
 He stood motionless, one hand to his ear.
 'Pirates!' he cried. The others came closer to him. A strange smile was playing
 about his face, and Wendy saw it and shuddered. While that smile was on his
 face no one dared address him; all they could do was to stand ready to obey.
 The order came sharp and incisive.
 'Dive!'
 There was a gleam of legs, and instantly the lagoon seemed deserted.
 Marooners' Rock stood alone in the forbidding waters, as if it were itself
 marooned.
 The boat drew nearer. It was the pirate dinghy, with three figures in her, Smee
 and Starkey, and the third a captive, no other than Tiger Lily. He</t>
  </si>
  <si>
    <t>b'e\x12O\xc0\xd6\xeb\x11\xc2'</t>
  </si>
  <si>
    <t>65124fc0d6eb11c2</t>
  </si>
  <si>
    <t>a godâ€™s direct
apparition. In this way one could gain authoritative oracles apart from traditional
temple space (J. Z. Smith 1978a; Eitrem 1991; Frankfurter 2000a: 180â€“2; S. I.
Johnston 2001). Furthermore, we find a profusion of â€˜â€˜newâ€™â€™ oracles attributed to
ancient sibyls, kings (like the Persian Hystaspes), gods (Egyptian Hermes Trismegistos), or sages (Jewish Seth or Enoch), collected and even cited as authoritative, even
though historians can date these oracles clearly to the Greco-Roman or late antique
periods (Himmelfarb 1993: 95â€“104; Potter 1994: 58â€“97). There also developed a
form of text-based oracle, the Sortes Astrampsychi, whereby a client might find an
answer to a particular question by thinking of a number, which would lead (through a
technique known only to the Sortesâ€™ owner) to the authoritative answer in the pages
of the book. In this way, the book itself became the multipurpose repository of mantic
guidance (Frankfurter 1998a: 170â€“84; van der Horst 1998).
The capacity of foreign divination traditions to invade politics, much as official
Roman divination was intended to do, led to its occasional proscription and even fullscale purges of astrologers and oracles, as the Roman historian Ammianus Marcellinus
says took place in 359 CE in upper Egypt (Amm. Marc. 19.12.3; see Frankfurter
2000b and in general Liebeschuetz 1979: 119â€“26).
Pilgrimage and devotion
Inasmuch as religion was conceived spatially in the Roman world, the most basic form
of ritual act in Mediterranean cultures involved movement to, through, or among the
various concentric â€˜â€˜centersâ€™â€™ that gave meaning to the landscape, and then in the
concrete acts of devotion one performed to signify oneâ€™s presence at a place. Processions followed routes that symbolically involved specific shrines in city or countryside.
Domestic cult itself comprised acts of devotion before images in a particular part of
the house, as well as trips to local and regional shrines to avail of their godsâ€™ favors.
In general, oneâ€™s social and personal relationship to a temple or even to a regional
560 David Frankfurter
prophet was inevitably expressed through some form of travel (Belayche 1987;
Frankfurter 1998b: 13â€“28). Even the imagery of otherworldly vision, which often
guaranteed the authority of a seer, was played out across a heavenly landscape of
deities, angels, the dead, and mysterious sights (Himmelfarb 1987).
It has been debated whether the term â€˜â€˜pilgrimageâ€™â€™ ought to be used to designate
travel in such religious contexts, since in the ancient world â€˜â€˜religiousâ€™â€™ travel could
not be easily distinguished from what the moder</t>
  </si>
  <si>
    <t>b'4\xde\xbc5[\x04=E\xe0\xd1\x83\xd4&amp;\x7f\x01\xaa\x99\xad\x0f\x8c0\x92\x12\xd9\xcb\x82c\xd0\xb2\xb7)\x10Ie\x04|\xf4\x90\x08[\x84\x86\xd3]\xe9\x9d1M_\xb9^\x88g\x04\xcfJ\xa3\xa1\xad\xfc\x8fB\xa3\xccT\xb9\x1e\x92\xb7\x93m\xa7S\x05\xb9ZUYc^1\xba\x81\\2\xec\x1d5%\xe1\xba\xc4\x93\r(\xe0\xbd\xa5\x91\x90\xb6\xf2]\xd7z\x82\xe9lN++\xad\xedh\x07\x8b\xbd\xb5 \xef\xd5q \xb8C\xf6\xd3\xf1\xffX\x04\xe8p.-\xdar\x00\xb4?#z\x93\xe1a\xa5\x0c\xe7Z\xea\x06\xf9\xea1\xa2g\x9a\xbd\xdc\x14\xd2u\x10\x0b\x98\xe5\xbc\xc15\x17\xa4\x1e\x9c\xcbJ\xa3\xf5\xf6\xc5\xa5\xaasg\xad|\xca$\xe7\x15\x8e@=)\x08\x93.*\xb7\xc3\x83\x90D\xca\xa1clq\xc4"\xd4\xe4$\x85NU\xe7\xd2&gt;\x85P\x17\xfe\x8bH\xc1\xaa\xeapQ\xd1\xb8\xb6h\xa1\x1bU\xe2l\x03\xfb\xb2\x056\x89\xaf*\x87\xf6NE\x9fN\xe7\xe2M\x19\x0f\xad\xb2\xd5\x0e\xa2D2\x98\x14m\xa7\xaeR\xc8_B\xd2A\xdd\x95\x1e5nZ\x86ZJ+\xaf"\xfdA\xb1\xd3L\xc7\xc4*\x85\xd5\xd4\xf8\xd7P\xd4\x00v\'\xd4\x17 \xf3\xbbUh\xc9\xe8"?\xd0e\xb2\xb1\xee\xbd\xecB\xe5g\xa9\xaf\xb3\x12jCf\xaa`\xa0=r\xc2\x9f=\x03\x11\xa9vN\xfa\xa1\xc6\x90\xf9j\xdf\x83\xd8C\xd8%\x16\xb2"\xbc\xaa\xed(T\x87I\xeb\x11\xb4\xf5\x0fyg;&gt;\xe0\x18\xd7 \x00\x0e\x9a\xc0E\xce\xe7\xf1\xafl\'\xf6\x1c\xe6\x92qR\xf1\xbasi\x00\x81\x9e\xdb\x9c\xf8\x83\x9d\xee\xb6\xeb\xb7Mt\x80\xa3*\xdc8]\xac\x9az\xe9\xa4\xbb\xe5\xd3\xb0\x1a\x8c\xa3s\x17o\xd3\x97\xc8\x15\xdf\xcb\xe5_\t\x1c\xe51\xc7&lt;\xc8\x99\xb2\xdb\xf3\xe7\xc0\xfc\xe6\xc6\xacC\xb6\xf3:\x1d\x8e\xef\xab\x15\x19\xe9\xdb\xfa\xbaw\xc9K\x7fSlE\x9a;\x98\xa7\xf2/\x1a\'\xc6\xcc\xf4\xda\xbf8J\x07}\x8am\xb6\xd5\xb4\x05\xf0\x07M\xdb\x92\x99\x18\xf8\xfe.\xc4\xc2\x0cd\xd0\xb6!\xa3R\xae\xdb-\xc3h\x88-DK\xce\xdd\xa2X\x9f\x1c\xbc\xcc\x98\x93\x83o\t\xadV\xa5\x11\x1a\x92 \nR\x8c\x11\xf6_B\x15\xf4\xd0_E\x12\xa1G4t-d\x81\x81p\x06\xe7\xc4\x1a\xac!\x98B\x02\xf0\xb8J\x87\x81&gt;\x05\xa9\xc4\xa4\xfb\xfe~?\xf7k5N\xde\x9d\x06\xd5!\x81\x1d\xf6\xa4\xd3\xc7\x87&gt;\xa7\x92\x7fRN\xf4}\x1eB9\x80\xab=\xd9\xc0\xb2e\xeej\xd3\xc8\xe7j\xabM\xda\x91\xe5R\xd4\xf1,\xb1\xeay^Z\xec\xc3e\np\x8d\x9a\xdc\x05%a\xc2\x10\xe1W\xeb\xcec\xf3\xfe\xc3\xf4\r\x84\xff\x13\x99\x7fV\x86\\*\xb8z\x9d\xcaJ%\xa2\xbc\xc0\x1b\xc50D!\xb6\xbe&lt;\xe80\xb7\xf5\x06\x85g\x9d\x7f~\xefK\xf7\xfeG=Cwq\x9a\xa8\x7fq\xb0_7jWL)"\xbe\xc3\xa7\x98\r\x88\xdd\xe1\xbe\x04\xf9\xe4\x8bI\xd0&gt;\x95e\xd8\xe81\xae\x8eO\x04l\xf0.\xb1\x00c\xc2\xa6\x10\xa6\n+\xb8\x19q\x1f@\x89\x93&amp;\x17\x14k\xd4\xfc\xf8\xbd\xba\xd3;\xa7\xd2\xdc\xb0&amp;\xfb\x95\xa3\xf2\xcc\x9c\xf72w\xd9t=5\xe2\x90\x80a\x96\xa9\x98\xab\x98"\x1bS\xbdu\xa5\xe6\x03D\xcd_^\xe35\xc8R\x1b\xc2\xce\xe6\x98\x06\xa6\x0fk\xe9\xea\xca\x8b\x1c/u\x13\xe0\xa7\x9f\x17\x7f\xe2"\x8fhS\xa3\x12m\xfcsI\x06\xb65\xff$\xac\x8d8e\x9cI\xb6@\xa9\xe7\x8e\x14\xf8\xbe\xfa\xc0\xa2\x14E9P\x7f\xec\xbc\x95\xf3\xa9g\x00p\xad\xd4\x1d\xa5\x0f\xee\x17\xc9\x1dj\x05\xb6\x99\x8c\xae\x08{\xe9$\xa2\x9fP\xcd\x15Vn6Z\xe48J\x07an\x11\xc8-\x7fy`\xc6\xf2\x12\x9d\x97\xc5\x90\x9b\xdf\x1a?\xdc\xfcDU\x1a\x99\xd6\x8f\xe0U\x9dy\xc8\xd8\x92g\xf7\xf9&gt;\xc1]\xb2\xfeT\xff\xbf\' Y\')\xfc\xad\x1dS\x16j(\x84\x19s\x97\x92F\xa6;[T\xf8\xf3D\xd3U`\x9d\xa4\xa0\xe89\xb7\x93\xcd\x91Y\x9d\x8f\xe7\n\xf7T\xff/\xd5\xa6\xd3#a\xfe\xacfjE?\xeb\xc51^=\x92\x98\xc8\xdf\xf9\xfb\xc0\xbf\xf9F^\x15\xe0\xd0\x97\x19\xc2\xec\x19\xbf\x10=\x9a\xf6[\xbb$\xda\x01E\xdd"\xf6&gt;&lt;EqgX\xbb^3\xe6\x93M\xa0\xd9\xb1\xa2\xdf\xf0\xb1v\xee\x14y\x8cM0\x88\x02\x96\x7fz\xed\x83\xc9Ut\x81E.\xa6&lt;\xf5!\xb2\xdf\x81\x95V\xd8\n\xa1&amp;\xaf\xd0\xef\x88\x9d\xe5\xc0\xa40re\xc2o\xb6\x06\xb4\xfa\x81\xa0\x97\x01v2\xfc\xb4\xa8\x0f\xfd\xb93B\xe4\xade9\xca\xbc\xffY\xde\x1a\xdd\xfc\xda{P.?5\x15\xa54\xd69(\x03\xc49KgJ\x88\xc8\x06g\xe5\x97d{\xee\x06\xdfc\x07\xc3+\x8cCy\xd2\x9f@\xacd\xaf\xd1Q\xd3\x11\x031\x11\xd5X\xa7\xf0\xda\x1d\x03\xd3\x01\xcd\x9dR\xee\xc9|wA\x8e\xc47\x12\xc2\xc0\x96\xc0/\xefR\xb5\x9b\xd6\x02f\x95\xec\x8c9\x18\x825\xc2U\xeb$\xab\x00\xbe\x01h&amp;\xeb\xfd\x95?N\xef\x1b\xac\xb8\n\xc5S\xdeYC\xb7h&gt;eJE\x13Pt0\xf0)\xe1K\x8a\xb4\xb6\x7f\x12\xefe\xbe\x17y\xa9r\x11D#\xed\x8a\xdfxCx8h\xde|Qx\x12~\xb5?:Bl\xd4v\x00\xba\xb2\x80\xf1\xd6g\xc3p%V\xd3#X\xed\xfb\xc9bA\xcf0#8|+\x94w\x08\xfa@k\x87\xe9\xca\x95\x99\x9b\xcb"\xa4\xd2\xdb{L,\xcd\xfa&lt;\xf6,\xac6\xce\x0c\x90\xa1\xf1\x85\xc2F2\xae\xd1\xdf\xa6\xdb\x18\xfd\x84\xc0\x02 &gt;A\x10\xfc\x92\x86A\x85\x10\xa4\x9dx\xaeF\x15!\xe2=\x02\xb0\x93\xb0\xa5\xa6\xb3\xb9\x8d\x90\x828&lt;\xacc\x1c\xb5-\xae\xc5^\xdbY%^6\x08^5\xfe^\xb9{\'\xc0\xef\xb64\xb3F\x11$1\xaf \xdf\x9fO\xf4\xca \xcf\x8f\x89g;\x00[\x17\xb9*\xeeJ:\xa42Nvo7\xd3\xe2\xeeSM \rJm~\x90\x1d\xd7\x81\x19%\xdb%\xb9?\xccg\x85\re\x13\xa7CuH\xfeI\xa2\x15\xf8z\x8cha=`\x84\x95k\xc5g\xa6\xf6\x15\xd0|\xb1\x8fB\xb1\xb2Y\xee\x04\xcag\xe1\x9f?\x0f#wo\xfb/\xc8]=\xa7\'}\x026\xab\r\xc7\x16_\xbdl&amp;v\x92\xc0\x8cU9.\x8a\xa9c\xae\xae\xfb\xf4ah|l\xd0\xb8m&lt;[\x88^\xf2\xa6\xad\xf1kY\xe8\xd9\x9e\x15\x91p\xac(%\xd3\xe9\x8eA\x8a\xb8\xae\xb6\t\x86\x03\xea$\xc1\x0f\x9f\xd9\xf3M\xee\xb5w;\x9dC\xac\n\xb9\x17\xbe\xd8FzT\x1f\xe1~\xb66OhR\xe3PG\x89\x84\xc3\xea\xfb\xa0\xf7A9\xcc~\xe1\xc4\x92\xff\xa7\xccr\x08i\xdc\x18e\xfe d\xc0^&amp;c\xedo\xdc\x95\x81\x04Y+\xb8\xc6\xa9xn\xbb\xac\xfa\xbcF\xdb\nkH\x9aeit\xaf\x96\x83\x8e\xf55\xbe/\xb8\x99\xdf\x90\x8d\xd4\xa0F\xbd\xe6\xb5\xb6\xcb\xc4S\x8dwLO\xaa\xfd\x83\xc7\x16T\xf4X\x8a\xb3\xc0\x07\xec.m&gt;\x91R&amp;\xa6\xcd\x9d\xfb=Q\xe0\xd4-\\\xd3\xd5Uw\x02\xb5\xa1\xd6`\x86\x0c\xbb\xb9\xe8\x15\xf0.N)~\xb0\x1aW\xd5\xe7j\x84\xee\xd93;\x8f\xaak\xed\x9d\xc7\xde1Z\x8d\x81~\xf9\xe2\x83-\xf35\x04\x9b\xdc\x08\x8c\x89\xc9$8l: \x7f\xa7\x8a\xe74\x04\xde\xe6\xc1\x99\xb9\xa1k\xb8\xe1}9d6\x02\x97\xc8\x9b\xd2\xe9\x9d\xcel\x9d\x0b|&lt;\x9f\xc9\xe2\xae/c\x94ZQ\xf8B\x0ev\xba\xe4d\x1f\x92\x1cp\xec_\xa5\x11\x95\xaeX\x04\x85C\x97C9\xb8\x82\x03\xee)\x95R)y|\xb7`Q\xe0\x06\xdf\x92\x06\xfa\xa8\xcf\xb6\xa8#\xbe&gt;\xb2\x03t\x9a\x1a(\xac\x96\xac\xd5_HgfK\xa7\x07\x1d\xbd\xaa\xbe\xe7\xde\x88\x94\xd9\xeb\xd0\x7f\xaap\xf2`\x97W6/\x13N\xd8#\xc8/\xcfS?\xc2?g\xdd\x07\xccst\xaa\x94%\xf9\x86GWW\x10#=\xb9\xf1\xf4P\xd6\xe5\x12z\x90hF\x1f\xff\xb1\xb7\x05\r\x1aAM[S\xc4\xd1\x0eg=\x8e\xf0-\xfa\xeeH.\xcf\x1b\xbf\xd3\xfa\x95Y\xb5\xb4*\x08\x00\xfd\xda\xcc\x00H\xda\xe7P\xf1x\xa5\xb1|@\xaa]\x19\xa1\xed\xa6r\xeb\xaak\x1d\xe6N\xf7\xd6\xa4~\xf5\xc7\xd7%D)\xe83\xe6\x1a/\xcdX\xfb\no\xcc\xbb\x1cN\x9c1c\xf4o\xa3:\xfb\xa2\xdf\xf1\x02\x1e\x1c4\x02\xb3Eja\xf3\xb6W\x1d]\x15\x94\x16\xcf\xc8\xce^ \xc0\xb1f\xe1\x02\x87N2h\xbdwS\x9a\xf6"33\xd8\x0cf\xd2\x01\xe9\xdd\x0f\x0c\x92\xddh\x7f\xe2\x17\xdb\xc2g\r\x07\x9a:b\xd0T\x1f\x92\x15g\xc5\xab\x1d\xc0&gt;\xb7\xd2\xa2\x8c\xb8\xd9\xfbF\xe1t\x06\xcc\xc5\x93\xd47\x91\xe3\xaa\xf2X\x9a\xaf\xec\xb9]\xe6\x84*\x84\x00*\x7f\xeb\xffl\xeejW\xcb8\x0b\x88\xa1\xae\x86\x07\xb9\xdc\x00\x87\x90\xa1\x1dc\x82\xebJ\xa1\x02\r\x95nt\xeb\xf2\x1b\x8c\xefK\xe5\xbc\xe1\xf1\x04z\xa0\xf5\x80\x16\xf2\x81\x8e4\x049*\x16?\xbc\xc5G\x111\x94p\xf6\xd8\xf3\xcc\x08\xa1S\xb3\x05y\x1fxfcU\xc6%\x97\xf5Z\x1eCFY\xd1]\xa1\xe5\x88\xab1{\xcd\xc9&lt;\xd1L^\xde\xf0\x00\x06\x9a\xddK\x82\x8e\xd3\xfa\x13\x9e\xfd\x98\xc6O|\xc6\r\xa8\xfb\x82\x9e;a\x88\x1d8\xe8\\\xb6\xf0\x15\xc86\x8dIG\xe3W&lt;\xa6.\xa8\xaeW\xf0`\x8e\xe9\x12\xc4\xae\x14\xc7.o\x97\xef\x1e_\x04\xd4\xf4\x02z\xb7\xa7\x9d\xe9MHk\x1e%\xf7\x8f\x18P\xe82\xfaN\x12X\x8e\xab\x06\xb1\r\x14C\xe3\x14\x92\xaaCb\xb0\x8a\xcb\x1a\xf2C\x96Z8&amp;)\xb3\xfe\x8c\x966nMV\xa5\x18Ha%\xd3\x8d\x89l\xad\xe2RC\xcb\xa4\xf7\x93\x0c\x02&lt;\xfa\xda{\x06\t\xacS\x01\xa6\xe7\x9c&lt;\xdf\x80\xe7]\xbe-\xc2\'\xaa\xf4\x0cv\xc1I\xb5PG|\xcf\xe9\xce\\Bv\x00\xeb\x1b\x9d\x9a\x92\x98\xa4\x08\x0c\xa3\xd43-(\x8f\x15\xc5\xfd\xb0\xa1\x8c\xcd$c\xcb\x9e\x02{\xf7O$\xd7]\x02\x95o\xba\xc8\x04\xda\x99ViLq\x04H\x17`\xb1G\xa1J\xac\xbe\x82_\x8a\xd5\x00\x1e\xc5\xe6\x17&amp;\x80~\x104\xd8@\xc9q\x97\xe1\x92`\t\x93d\x1e\xa55\xa3\xe38M \xb9W-x\xf7hA\x0f\x8d\x04\xe6\x1a\x1e`A2\xdd\t\xcaV&lt;{\xd6\xb9r\xaf\x13\x8b\xda\xban\x02\x98\xc6\x8b\x87F=\x12\x93\xe3\\&amp;&amp;\x0fjg\x8c\xcai\xec&amp;\x15\xdda\x17\x94\xa4\xfdHo\xd9\xe1:\x17C\x07_L\xdbt\x9f)\xb1)\xa7=\x10\x94\x9ceC\xde\xab\xb3\x1al\xbf\x98h\xbb\x8aL\x9a[\xf1\xc4Y\xb7Bf*\x04!\xa7\xd7_\xd9\x7f\xda\x05\xd5\x0fQ_&lt;\xdc\xc3\x96\xb4\xf1\xe3!\xa1\xfe\xf31\x04\x12\xeb0\xebiB\xf1\xed\x1f\x8b\x1aoyI|`\x0f'</t>
  </si>
  <si>
    <t>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</t>
  </si>
  <si>
    <t>b'4\xde\xbc5[\x04=E\xe0\xd1\x83\xd4&amp;\x7f\x01\xaa'</t>
  </si>
  <si>
    <t>ill till she had 
 covered a half and then two thirds and then three quarters of the 
 distance that separated us. I could see the waves boiling white un</t>
  </si>
  <si>
    <t>b'\x9a\xaa\ngh\xe9jA\xa1C\xe8mD\x9c\x07\x8b\x10I\xab(\xd5\x8c\xef\xdc\xb5\xaa\x1c\xa3W\xf6k\xea\xbe\xf8\x89\x02\x88\x0eWV\xe2~\x8b\xe5(:T\x1d\x92\xa2\xad;_t\x10e\xc3n\xdfq(\x9b\xaa\xb0\xf9\xc9y\x98\x19\xf0\xb8\xe8\xf5\xa7\x00\x8a\xc0aS\xce\xb4\x1d\x0e\xb2\xd5%\xbcP\x9ego\x1b\x98\xb8\xdcR\xfd5\x0bs\xbf\xf3\x19\xae\xec,}\xb5\x077\xe2$\x14\xe6\x97\xcb\xe1\x02\xc8\xabt\xeeT\xf6\x9d.h\xbe\x85\xf5\x14\xf3\xf0\nP\x9b\xff\xf5\xb972\x0b\xa6\x89\xf2MJ\x14\xce\x9d\xa5\xf8Y\x1b\xc5&gt;\xb9\xfb\x9e]2\xdb\x9b\x9ckG;\xd5\x90\xcfR\xef\x0b\x0ca\xbd\xab\x84D#\xcbZAJR\xcbS\xa8\xd6.Nw\xa7\xf3\xcf\x93\xea\x11\xa28\xe6\x01"\x9b\x107\xb9\xbe\x0e\x9b\x86\xa0\xf5\xffh\xb2\xd0\xadS%\xe7\xa6\n\xd5"\xdf\x16S\xc2\x86i\xbc\x98;\xe5\xa9\xe99\xe9\x1d}\xf3\x01D\x8c\xa9\\[\x03V\x1c?\xd5\xdf\x9fl'</t>
  </si>
  <si>
    <t>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</t>
  </si>
  <si>
    <t>b'\x9a\xaa\ngh\xe9jA\xa1C\xe8mD\x9c\x07\x8b'</t>
  </si>
  <si>
    <t>ere.
 "Well?" said he.
 "Father is better," said Harry. "Mother hopes he will get over it."
 "Thank God!" said the governor, "and now you must keep him warm, and keep his mind
 easy, and that brings me to the horses; you see Jack will be all the better for the rest of a
 week or two in a warm stable, and you can easily take him a turn up and down the
 street to stretch his legs; but this young one, if he does not get work, he will soon be all
 up on end, as you may say, and will be rather too much for you; and when he does go
 out there'll be an accident."
 "It is like that now," said Harry. "I have kept him short of corn, but he's so full of spirit I
 don't know what to do with him."
 "Just so," said Grant. "Now look here, will you tell your mother that if she is agreeable I
 will come for him every day till something is arranged, and take him for a good spell of
 work, and whatever he earns, I'll bring your mother half of it, and that will help with the
 horses' feed. Your father is in a good club, I know, but that won't keep the horses, and
 they'll be eating their heads off all this time; I'll come at noon and hear what she says,"
 and without waiting for Harry's thanks he was gone.
 109
 At noon I think he went and saw Polly, for he and Harry came to the stable together,
 harnessed Hotspur, and took him out.
 For a week or more he came for Hotspur, and when Harry thanked him or said anything
 about his kindness, he laughed it off, saying it was all good luck for him, for his horses
 were wanting a little rest which they would not otherwise have had.
 Jerry grew better steadily, but the doctor said that he must never go back to the cab
 work again if he wished to be an old man. The children had many consultations together
 about what father and mother would do, and how they could help to earn money.
 One afternoon Hotspur was brought in very wet and dirty.
 "The streets are nothing but slush," said the governor; "it will give you a good warming,
 my boy, to get him clean and dry."
 "All right, governor," said Harry, "I shall not leave him till he is; you know I have been
 trained by my father."
 "I wish all the boys had been trained like you," said the governor.
 While Harry was sponging off the mud from Hotspur's body and legs Dolly came in,
 looking very full of something.
 "Who lives at Fairstowe, Harry? Mother has got a letter from Fairstowe; she seemed so
 glad, and ran upstairs to father with it."
 "Don't you know? Why, it is the name of Mrs. Fowler's placeâ€”mother's old mistress,
 you knowâ€”the lady that father met last summer, who sent you and me five shillings
 each."
 "Oh! Mrs. Fowler. Of course, I know all about her. I wonder what she is writing to
 mother about."
 "Mother wrote to her last week," said Harry; "you know she told father if ever he gave
 up the cab work she would like to know. I wonder what she says; run in and see, Dolly."
 Harry scrubbed away at Hotspur with a huish! huish! like any old hostler. In a few
 minutes Dolly came dancing into the stable.
 "Oh! Harry, there never was anything so beautiful; Mrs. Fowler says we are all to go and
 live near her. There is a cottage now empty that will just suit us, with a garden and a
 henhouse, and apple-trees, and everything! and her coachman is going away in the
 spring, and then she will want father in his place; and there are good families round,
 where you can get a place in the garden or the stable, or as a page-boy; and there's a
 good school for me; and mother is laughing and crying by turns, and father does look so
 happy!"
 "That's uncommon jolly," said Harry, "and just the right thing, I should say; it will suit
 father and mother both; but I don't intend to be a page-boy with tight clothes and ro</t>
  </si>
  <si>
    <t>b'\xc9\xb2\xc0\x8a\xa5\x1b\xf9\xeb'</t>
  </si>
  <si>
    <t>c9b2c08aa51bf9eb</t>
  </si>
  <si>
    <t>den upon by many feet, but still with
 spirit enough left to shine a little. Not quite a sixpence, but the next thing
 to itâ€”a fourpenny piece.
 In one second it was in her cold little red-and-blue hand.
 "Oh," she gasped, "it is true! It is true!"
 And then, if you will believe me, she looked straight at the shop directly
 facing her. And it was a baker's shop, and a cheerful, stout, motherly
 woman with rosy cheeks was putting into the window a tray of delicious
 newly baked hot buns, fresh from the ovenâ€”large, plump, shiny buns,
 with currants in them.
 118
 It almost made Sara feel faint for a few secondsâ€”the shock, and the sight
 of the buns, and the delightful odors of warm bread floating up through
 the baker's cellar window.
 She knew she need not hesitate to use the little piece of money. It had
 evidently been lying in the mud for some time, and its owner was
 completely lost in the stream of passing people who crowded an</t>
  </si>
  <si>
    <t>b'\x18\x08\x98\xc3/\xb6s\xa9'</t>
  </si>
  <si>
    <t>180898c32fb673a9</t>
  </si>
  <si>
    <t>om
 4Since H(s) â†’ 0 at s = âˆž, we say the circuit exhibits two zeros at infinity.
 15.3 Second-Order Filters 721
 H ( Ï‰ )
  Ï‰
 Q &gt; 2
 2
 Q 2
 2 &lt;
  Ï‰ n
 2Q2
 1 1 â€“
  Ï‰ n
  Î³
 2
 Figure 15.20 Frequency response of second-order system for different values of Q.
 peaking ifQ â‰¤ âˆš
 2/2; and (b) reaches a peak at Ï‰n
 _x0005_
 1 âˆ’ 1/(2Q2) ifQ &gt; âˆš
 2/2 (Fig. 15.20).
 In the latter case, the peak magnitude normalized to the passband magnitude is equal
 to Q/
 _x0005_
 1 âˆ’ (4Q2)âˆ’1.
 Example
 15.10
 Suppose a second-order LPF is designed with Q = 3. Estimate the magnitude and fre_x0002_quency of the peak in the frequency response.
 Solution Since 2Q2 = 18 _x0004_ 1, we observe that the normalized peak magnitude is Q/
 _x0005_
 1 âˆ’ 1/(4Q2) â‰ˆ Q â‰ˆ 3 and the corresponding frequency is Ï‰n
 _x0005_
 1 âˆ’ 1/(2Q2) â‰ˆ Ï‰n. The
 behavior is plotted in Fig. 15.21.
 H ( Ï‰ )
  Ï‰ Ï‰ n
  Ï‰ n
  Î³
 2
  Ï‰ n
  Î³
 2
 3
 Figure 15.21
 Exercise Repeat the above example for Q = 1.5.
 How does the transfer function in Eq. (15.23) provide a high-pass response? In a
 manner similar to the first-order realization in Fig. 15.12(b), the zero(s) must fall below
 722 Chapter 15 Analog Filters
 jÏ‰
 Ïƒ
 (a) (b)
 Two Zeros
 at Origin
 H ( Ï‰ )
  Ï‰
 Q &gt; 2
 2
 Q
 2
 2 &lt;
 Î±
 Figure 15.22 (a) Pole and zero locations and (b) frequency response of a second-order high_x0002_pass filter.
 the poles. For example, with two zeros at the origin:
 H(s) = Î±s2
 s2 + Ï‰n
 Q s + Ï‰2
 n
 , (15.26)
 we note that H(s) approaches zero as s â†’ 0 and a constant value, Î±, as s â†’ âˆž, thus
 providing a high-pass behavior (Fig. 15.22). As with the low-pass counterpart, the circuit
 exhibits a peak ifQ &gt; âˆš
 2/2 with a normalized value ofQ/
 _x0005_
 1 âˆ’ 1/(4Q2) but at a frequency
 of Ï‰n/
 _x0005_
 1 âˆ’ 1/(2Q2).
 Example
 15.11
 Explain why a high-pass response cannot be obtained if the biquadratic equation contains
 only one zero.
 Solution Let us express such a case as
 H(s) = Î²s + Î³
 s2 + Ï‰n
 Q s + Ï‰2
 n
 . (15.27)
 Since H(s) â†’ 0 as s â†’ âˆž, the system cannot operate as a high-pass filter.
 Exercise Calculate the magnitude of H(s).
 A second-order system can also provide a band-pass response. Specifically, if
 H(s) = Î²s
 s2 + Ï‰n
 Q s + Ï‰2
 n
 , (15.28)
 then, the magnitude approaches zero for both s â†’ 0 and s â†’ âˆž, reaching a maximum in
 between (Fig. 15.23). It can be proved that the peak occurs at Ï‰ = Ï‰n and has a value of
 Î²Q/Ï‰n.
 15.3 Second-Order Filters 723
 jÏ‰
 Ïƒ
 (a) (b)
 H ( Ï‰ )
  Ï‰ Ï‰ n
  Ï‰ n
  Î² Q
 Figure 15.23 (a) Pole and zero locations and (b) frequency response of a second-order band-pass
 filter.
 Example
 15.12
 Determine the âˆ’3 dB bandwidth of the response expressed by Eq. (15.28).
 Solution As shown in Fig. 15.24, the response reaches 1/
 âˆš
 2 times its peak value at frequencies
 Ï‰1 and Ï‰2, exhibiting a bandwidth of Ï‰2 âˆ’ Ï‰1. To calculate Ï‰1 and Ï‰2, we equate the
 squared magnitude to (Î²Q/Ï‰n)
 2
 (1/
 âˆš
 2)2
 :
 Î²2Ï‰2
 (Ï‰2
 n âˆ’ Ï‰2)
 2 +
 _x0002_Ï‰n
 Q Ï‰
 _x0003_2 = Î²2
 Q2
 2Ï‰2
 n
 , (15.29)
 obtaining
 Ï‰1,2 = Ï‰0
 _x0004__x0005_
 1 +
 1
 4Q2 Â±
 1
 2Q
 _x0006_
 . (15.30)
 The total âˆ’3 dB bandw</t>
  </si>
  <si>
    <t>b'\xad-\x98;O\x18e\xb2\xab\x8c#p\xc4\xbb&gt;\xff'</t>
  </si>
  <si>
    <t>ad2d983b4f1865b2ab8c2370c4bb3eff</t>
  </si>
  <si>
    <t>ubt either,' replied Emily, in a voice of alarm. 'Of
 the first, indeed, I cannot doubt, but I have no certain means of judging
 of the latter, and I entreat you will tell me all you have heard.'
 179
 'That I certainly will, but it is very imperfect, and unsatisfactory
 information. I gathered it by accident from an Italian, who was speaking
 to another person of this Montoni. They were talking of his marriage; the
 Italian said, that if he was the person he meant, he was not likely to make
 Madame Cheron happy. He proceeded to speak of him in general terms
 of dislike, and then gave some particular hints, concerning his character,
 that excited my curiosity, and I ventured to ask him a few questions. He
 was reserved in his replies, but, after hesitating for some time, he owned,
 that he had understood abroad, that Montoni was a man of desperate
 fortune and character. He said something of a castle of Montoni's,
 situated among the Apennines, and of some strange circumstances, that
 might be mentioned, as to his former mode of life. I pressed him to
 inform me further, but I believe the strong interest I felt was visible in
 my manner, and alarmed him; for no entreaties could prevail with him to
 give any explanation of the circumstances he had alluded to, or to
 mention any thing further concerning Montoni. I observed to him, that,
 if Montoni was possessed of a castle in the Apennines, it appeared from
 such a circumstance, that he was of some family, and also seemed to
 contradict the report, that he was a man of entirely broken fortunes. He
 shook his head, and looked as if he could have said a great deal, but
 made no reply.
 'A hope of learning something more satisfactory, or more positive,
 detained me in his company a considerable time, and I renewed the
 subject repeatedly, but the Italian wrapped himself up in reserve, saidâ€”
 that what he</t>
  </si>
  <si>
    <t>b"\x8a&amp;c\xfa\x00\x05\xd7\xe2p\xa9\x82!\xa4j\x8f\x88[\xa0Z\xbe_\x99;\x06l\xf5*\x05Q\x1dL\xb4e\\\xb7\x03gJEhf&gt;\xde8\x9c\x8f\xdcpL\x8ck\x97\x1c\xf4\xe2~'\xe0\xac\x8b\xf1t&lt;I"</t>
  </si>
  <si>
    <t>8a2663fa0005d7e270a98221a46a8f885ba05abe5f993b066cf52a05511d4cb4655cb703674a4568663ede389c8fdc704c8c6b971cf4e27e27e0ac8bf1743c49</t>
  </si>
  <si>
    <t>b'\x8a&amp;c\xfa\x00\x05\xd7\xe2p\xa9\x82!\xa4j\x8f\x88'</t>
  </si>
  <si>
    <t>lf-sufficiency like being able to navigate accurately through
the wilderness using your map and compass. Map reading and navigating by compass arenâ€™t difficult
skills, but they take practice and familiarity to develop.
At home
ï‚· The 3-D effect: Learn to see mountains and valleys, stream beds, ridges, passes and other
physical features by studying topo maps in the comfort of your living room. Maps drawn with
shade-relief make this skill easier to learn.
ï‚· Planning your trip: With topo maps and guide book in hand, you can excel at planning and
preparing for your trip (a â€œleave no traceâ€ principle). Studying your maps ahead of time lets you
develop a reasonable travel itinerary that works for your entire group.
o Highlight your trail/route in a bright color.
o Observe the elevation gains and losses on your route.
o Measure distances using a string (following your route) and measuring against the scale
of miles found at the bottom of the map (or baseplate compass edge).
o Note any obstacles on your route: stream crossings (high water?), high passes (lingering
snow?), steep terrain.
o Base your itinerary on this information, and plan your meals and gear accordingly. Will
you want water-crossing shoes? Will you need a no-cook breakfast one morning to
accommodate an early start before climbing a peak?
In the field
ï‚· Orient your map: When you arrive at the trailhead, or at the start of each hiking day, always
take time to sit down and orient your map to magnetic north. By aligning your map with the real
world, you will be able to look around you and see the local landscape featured on your map.
Both on the map and in your field of vision, find your location, and note nearby features like
trails, streams, lakes, ridges and peaks. Consider other nearby features on your map that you
canâ€™t see right now (a nearby lake, for example) and point in the direction you would have to go
in order to get there. This kind of stationary interaction with your map builds outstanding
navigational skills, and gives you an accurate sense of where you are, what you see on the map
and what you see in the real world.
ï‚· Thumb the map: Keep your topo handy, and refer to it frequently throughout the day. The more
time you spend looking at your map and noting your progress, the savvier you will be in mapreading. As a trip leader, periodically make sure your whole group can point to where they are.
A good time to check is at the trailhead, trail junctions and significant landmarks such as creek
crossing, passes, peaks and campsites.
ï‚· Play with your map: Take out your map and compass at rest stops and lunch, and spend a
little time orienting your map, and taking bearings on various landmarks around you.
ï‚· Follow a handrail: A handrail is an orienteering term for any long feature (natural or humanmade) that you can follow to your destination, or that will head you off and stop your forward
direction. Good examples are creeks, canyons, trails, roads, ridges â€” you can follow any of
these features to reach your destination, or any one of these features can cross your path and
alert you to a desired change in direction.
11
Finding direction with an analog watch:
ï‚· Point hour hand toward the sun.
ï‚· The south is halfway between the hour hand and 1200 hours (noon). North is in the
opposite direction. If watch is on daylight saving time, use 1300 hours instead of 1200.
ï‚· You can point the hour hand toward the sun by placing a small stick at the hour hand and
move until the shadow</t>
  </si>
  <si>
    <t>b'\xb7\xe7[|\x82\x95\xc7\x10\xb2\xe8\x12\xde|G\x03Q^\x88\x1a&gt;\xe8-\xd3\x10\x07\xdf\x08\x00\xd1F\xd1k:[\x99M\xd5cY\xd0\x95\xa7i)]&amp;I\xed\x82%\xc8\x01\xfc*\xe80\x82\xcbww\xfe\xf7\xf5\xbc\xf4\xe8\xc5cS\xce\x15\xf8F(hy~\x1b\x12\x84y\xfb(\xc6\xdd\xabh\x1eW\xd3w\x05@)t\xac"\xa4\x97\\\x8a.\x1e\xbb\xa7\x9dj,mf\x80{%\xb7P\xb7p\xfa\x13\\\xfd;\x83\\\xcdF\x17\x9a\'=A2\xfb\x94\xe6\rT\xedZ\xeb\x8d\x83\x06\x1cu\xbf\xac\xb6\x14\xf9\xbeo\x98wTs\xf8\xbd\x7fP\xa3\xd7t\x01}d\xb6\r*\x86`\xdb\xb2\xa6\xe6\xccB\x9eO\x97\xfb\x99\xf7\xf7L\x87\x8bm\xf9\x96lT\xe4\x8b\x87\xe5\xe0]\rD`\x1e\x05=5Lh\xf6\x8c\x8d~\xc14A \x81 \x8c\xb2\xe0\xc7\xc5ZY&lt;\xbc^\x05b\xa9x\xe2N&gt;T\xd3\xe8\xb4\xa2\x88\xeb\x03I\x13^l_o\x0c\xcdS0\x0b\xb9\x11\xe5}\xb1\x99\x8cS\x00p\xd7R\xd9\xe3\x16\x85}\x1b\x16r2\x11mX\xe8^\xe9\xc4\xa6\x1bo\xa6\x00\x0c\xe5}\x91\xba\x81\x7f\\\x92\xba\xf2\xc4\xf0\xaaU.\xd4^-\xab\x99\xb3\xfc\xa5*\x1a\x9e\xb59\xd6\xe3\x06\xf9\xe3F\x19\xc9\x82w\xea\x9bK\x1f7Z\t\xfcv\xd81Q\xa3\x91&lt;\xd3x\xa4\xe9oL\xa8\x9b\xe7\xe5R\xbb\x85\xd6l\xe5\x0f\xaa\xf1\x93\x8d(\x99%\xba\xee\xe7[s\xce\xc2\xd4\xa7\xdd\x0e\x19\xbc\x8c\x18\x1fZ\x92\x98U\x87\tL@-\xdefbx\x15\xcfc\xe5\xb8(r\x80FN\x85\xc1\xfbW\xd5\xef\xa4\xa3\xc2\xb8\x072i\xd1\x04\xdcu\x9f\x89\xb9h\x93\x84\xe4\xff\xf5\xf5|&gt;\x16\x9a\r[\xb1\\\xc3Qt\x08(;A\xde\x19\xcb\x8f\xf1N\x8a\x9d\x19O\xae\x8b\x8f\x91m\x8dO\xb1)\x7f\x06\x88E\xd9\xe1(&amp;\xa3\xe3\x0c\x96\x84\x1c\xf7\x87y\xca\xc3M\xedvP3}\xc7\xf3\x02C`\x89\x7f\xa6zR\xe6R\xfa\xf5P\xca|y\xb7\xc7\xbe\xbbW\r]\xb3\x9as\xeb\xe0\xf0u\xab\xcb\xaf\xbc7\x81\x08\x9a\xdcz\xac&lt;\xa59\x95{\xe0N\xef\x908\x0f\xeb%\xc8v\x04Y\xe5.\x89\x0bN*\x1c\xb8\x94\x03\xf9k\x01\xcda}\x0e%\xc3\x02S\xe5E\x0e\x95\x15\xde\x17.w\xad\x8cO\x99\xea\xd8T\x10\x16\xbf\xd4\x08\xdfVI~&lt;[g\x9bp\x10\x81:\xa3\r5c\x01&gt;\xde\xd5\xa6\xf0aIz\xb2\xdd\xc2@1\xefS\x07\xd3\x93M_\xa9pf\x97\xa2\\\xf9\xb1\xc4\xc2\xa9A#\xbf\xe3\xc6z\nL\xff\x98\xe4\xaf\x82\xff/&lt;\'T\x13\x04\xbb\x91\xbc{\xc5\xf7\xe8#\xa0\xe4h&amp;(\x9e}3\xedH\x97\x98QeR\xd6\xa4`\xf2\x1el.\xf2DFL\x07\x06\x92\x93\xf1u\xcbgo\xd4\xd6+\x89D:\x07\xfcg2\xd7\x93\rf\x9d\xf7\xbe.\xd6\x88\x01N\x826C3\xd9b,\xeeqBrx\x81o\x8d\xc0\xad&amp;#~\xcb2\xfb\xe7\xfdr\x05[\xeb\x9b\xdb\x92\xce\x19&lt;\xbeT\x10O&lt;&gt;\xf8\x9f\x94z}\xf4\x94@\xfd"\xaf\xaffa\xfb\xbf\x97\t\x058\x98{\x92\xeb`k&gt;\xe8\xef\xfc?v\x94e\x9d\xa7Q,R\xe7\xf2\xa8d\xd4\xe3\xbc\x0f\x00&lt;(\xbf\xf3yFc\xaa\x96\xc3\xc1\x8c\xd2:\xb3m\x86\xe2ttU6qv\x83\xc4\x06p\xb79\xff\xaa\xfeQ\xb4\xb6"\x83\xc8\xbdVuP\xd6\x9fB\xc8r\x95\xc7\xc8"\x9f\x88\x9a\x87\xd9\xb3\x01\x80M\x83\xa2\x9eA)\xcd\xee\xfb\xba\xcd\xc2JZQX\x1cc\xc9\xd1Z\xe7\xc4\x90\xf0|d\xe0-\xed\xab#\xb0\xf9\x8f\x88\x0c\xe3lx\x1ep\x93\xc0\xf2\xfb8\xda\x07\xa4\x91$\xe1\xba\x15s\xb9\x11\xe9\xf0%\xcf\xf6\xe8\xc9\xf4\xa8\x1fY\x03\x15\x0f\xd1H^\xb1g\xd4\xccb\xdc\xe7|\xdc\xab\xbd\xa1(D\xfd\x00\xc2\xac\x80\x0f\xbf\xe9\xa4b\x01Y*t\x18\xde\xfc\x8dmz\xc6?\xe7\xdd@\x16\x14+\x94&lt;4\x13~\x15\x8b\x8a\xa9\xd9\xb4,&lt;x\rR\'\xce\xd8\x9da\xbf\x19\x1e\r\xf1\x1fM\xa1\xab~\xd1\x15&lt;\x17\x17`\x1c\xab\xbe\xae\x1b\xafu\xae:\xc9;Z\x89\xe5X\xd9\x81\xe0\xb7kNjB\x8e\xedg\xe1\xc1\xa5\xb1\x93\xa2I\xed\x03\x8c\x80R]\xd13\x13{\\\x80PT\xf4\xd5QG\xfd\xd6Acv\x12\xc3\xc7$\xa7\xa0\xbb\x8eI\x86\xf6\xa7G\xdb\xefH\x1e\xc72\xe9\xac\xef)\xa3%\xd7\x1d\xb0\x03Q\xd5t|\tn\xd4\x9e_\xf0\xd9\xfb\xb8\\o8\xc6b$\xbda\xaa\xc2\xe2\xb4L$6\x87d8e\x10\te\xbb|\x89K\x00`Y4\xb7\x0f\x1b\x9a\xc0\x8c)htU\xeb1\xddC\x9bT\xf9\xc7\x99 \xbeN=2a\xac\xf2\xb0=\xbbg\x0b)\xa9\xdf[^\x0cX\xf3\xb4\xc5D(\xaePy\x0e\xdeo\x86`\xce\xeb\xec\x19\x92\xe1[,\x88\xe5\xa5\xc25\x8f\xb9\x0b\x19@h\xbb\x0eg\xa3\xde5\r\xfe\xadkR~\xdf\xf2N"\xdc\xa6\x1fo\x97\xc1\x0b(ZvS5\xa2@:\x9f\'\x1bU\xb3[\xcfH14[\xbeG\xf2\x9f\r@/\xae\xc2\x80\x8e\xedH?\xe7\xaeB\xdc\x82\xcb2\xfe\xa0j\x0b\xbd\xb8\x07\xe0V\xd2\x00m\xfd4\x8c\xa0X\xaePL\xa1\xc3E\xcf\x1b&lt;\xe1\xa0`J\xe7\x8fD\xd0\xb3\xac\xb0\x0f\x19hV\xe5{zI\xc7\xb5\xe2\x84\x96\xbe\xe8\xb4JmC\x8d\xe3Hl\xacA\x12\x89\xfe\xb2\xa8@\x0e\xeb6w\xca\x84\x18I\xe0Y\n0"\x0e\xb3\x99\x16\xcb\xf04\xd4\xb4\xdd\x01J\x1dZ\xc4\x88\xdc-\xa8\x10\xe8\xd4KI\x85\x03o\xf4\x19x\xb6&amp;#\xb0\x8b\xf7 -s\xc0h*\xca\xf0\xab\n\n\xea\xc5%*\xdeL\x1e\xd0\x11\xfd\xfc\x8ar\xd4\xab\x9fbt\x7f\x84\x08\xb1\xcc\x1dS\xf0\x9d\x15dh\xc1#L\xf8\xc4\x84L\xda-M8\x96z\x8e1d\xe5b\xdb\xef\xc0&lt;\xe2\xecA\xadx\xbc\xfa\x16\xcdW\x1c\xfd\x80\x11K\xcfx\xe8\x9e~\xc1r\xee\x16\x96\xca\x15\x0e\x8dT\x83\x80\xe9\x93+_\x82I\xe1\x1b\x01\xfb*\xc2\xd0\xf1\xe5\xefK\xd0]u\xa5\xd9\x0e\x13I\xbd\xf4\x97h\xc5$\x17\xc8&lt;\xb2\xb1\xd1\xa9\xb8\xed\xe9\xd4J\x84|\xa8Rn\x99\xc1\x1dx-f\xc2\xb0\x8ej\xe2T\xa2\xf9\x07\x0c\xf8/\xd4\x04&amp;j\xd9h\xb8\xebAC\x15F\x83\xba\xd6Q][#\x89"\x83\xa1RZ\xbe\xfa\xe8#+6\xa2r\x14\xfd\x11\xdb-\x8cE&lt;`\xdf\xe4\xc4\xb59\xf8(Kn\xe3\xef\x07\x8d\xc4`\xe3\xf5|\xf27\x03\x16&lt;\x7f\xdf_-\x1e\xfe\x1a\xc0Sqf\xb6\xab\xd4-\xd2\x8d\xfa\xbd\xd3\xaf!\x92\'tv\xd15\xaa\xbf\xa2\x82e\x80\xe23\x85\x0c\x93\x1aY\xcf\xf5v,B%/O\xa5\x15N\xf4\x08\xad:\xdc\xc7\xe1\xce\\,z\xec\xa5\xc0\xd83\xd5\xe7\x06\x16\x99\xa1\xbaG\xc49Jn8\x05\xd8vT\xa0\xe9\x0e\xa6\x9aV\xce\xb4,\x8c\xe9;+V\xc1$&lt;\xb5b\xb5\xe6gdXT\xf6\x97\t\xd2\x84\xb1\rIO\xa4DX\xcc\xe3{\x9c.p\xadU\xda\xbb\xa2u\xa6\x0c\x96\x03fI\xec\xb5u\xaf\xe8J\xde\xb0\xe0\xeb@tF\xdeY!\x95E/\xa5W\xdd\xbe\xe1 s\xd6\xe8\xc2bzL`B\x82\xb73bQ\x03\xd9\x9eh#T\r-\xda\x89\xb4\x15\x80qSfD\xe5\xd9\x8f\xa1\xcc:\x06\xd5_\x19\xf9\xf1\xd1\xad\xe6\xa3/\xa4Y\xd66U&lt;\x95\xf0ZQ\xa9\xb6\xb3\xeb2\x7f\x17\x11\xfb\xda\xea\xfba\xf5\xc2~\\JJ:\x8f\x98l\xf9\x07\xd1C\xd2\xc6\x1d`\x95\x15\xd6\x03u~.\x1b\x85\x9c7\xad\x02\xe3E\x9c\xf6\xc8\xa2&lt;\xc7\x8f\xdaXK\x0f\xf7x6v\xa7q\xc1Y:\xf14\xfd\x99\t\x8cd\xac\x83)\x8e\x18oy\xb0\\F\xa8\x9aV\xd1\xba\x81\xcd\xbf\x93\xeaw-\x93\xca\x94u\xef6\x01\x9b\x9f#\xfa\xd8\x81\xe3\x02u\xa9\xafxO\xb8\xeb\xe8\xed\xa0\xa4v\xab;\x01\x05\x04(\x81H\xbdR\x96\x06\xef\x02\xfd\xbbo4\xe0\x88\xc8\xf0\x0cT\x8b\xc2~\x96\xfa\x15\x7f\xef+?\xban\xf11s\\\x89\x08(wd4\xb7Yi\xcf\xdc\xb1\xf1B!\xc2\xde\x9aCn\xb4\x9a\x80\xe5\xcef\x12m\x0c\r\xf6\'\xf4\x92w\x8a\xb4\xf4\xed?\xf4\xd0\xc6\xe6\xe4\xf7\xd8HM0\x0ez\x8b\xde\xf4B\x1a\x9c\x95&amp;\xee\xba\x089\xcewt\xf1\x99\x8d\x10\xca\xf9\xbfHL\x17*a\x90{|\x02\x99\xe8\x1c\xfc\xb7\xebgb\xb3a\x055o\n\x8b\x1a\xab\xe3\x98\xde\xe50. \xf9\xecF\xbd&lt;\xfc\xda\xf3J\xc8\xc3gq\xfb\xdd3\xd4\xdao\xcc\xc6\xff\xde\xc7\xab\xa5\xd2J\xdcua\xdf\xee\xcd\xdf"~\xa2\xc9\xc1z\x03\xa1\xa1\xb7\x1b\xb5\xd9\xf1:\x1d\x0f\x8d\xff^\x9f\x9f\xc2\xf6\x8c\xe6\xf3 \xfd\xfa\x15\xc3?}\x87\xe1\xe1G\x95\x7f7\x94T\xfd|\x00\xb2\xea\xda\xd5"\x0c\rqY\xb9\xd5\xda\x11}DW\x8e\xf4K\xa3\xe5\x95&amp;J\xd17\xc0)3}\xd13\x85\xca\x00\xd1\x02F\xfe\x1eDP\xe8\xb2\xe5\xc6\xb6\x8c-\x1e\xc2\x9d\xa1\x87\xf6\xb6\xfcO#P*1\xf8\xc8z\'\xed\\\xd8K\xa2V\x02\xf6\x80h\xe2\xf9\xd6\xcbk\x80\x1f\xbd\xd0\xb5\x1b\x8f0S\x11_\x06H\x077\x98\xc1\xbauP\x18\xba\xe3\x94\xbdV}\x02Q\xc4V\xd2\x06\xa86\xf2\xce\xee^/;\xa0\x1c\xa8\xe2\xad\xd3\xae{\xd9\x04#\xdc\xb4z\x16\x00\xbb\xd5\x94aB\xb1\x83\xea\xaf\xa1c\x0f\xe5\x189\xda.u[8v &gt;56;\xd8\xbe\x88\xcesue\x92\x16\xe1?\xed\xdb\xfe\x85\xf7\x8e\xdb(Fy\xff}\xe4"c\x9f\xb0\xd5\xd6@\xdd\x89d\x11\x168\x89\x88jR\xdcs:1m1k\xb4 \x9b\xa8\n\xd6\xb0\x8cc\xb8\xd5\x1e\xe4\xc3=\xd15\xb7\xd6\x91M\x100\x8b\xc3&lt;7!\xd2+E\xf1\xb3\xa7\xc1KW\x99\xeb\x14?O\xcf\xee\xa9\t\xfd\x0e$\x0f\xed\xd9k\xa5h\x03\x92g*|\xca0\x00cK\x1cIR\xef\x8c\xe7)\\\x88\xb4\xe4X\x9d\xa9\xae\xc6\x10#\x9b\x1c\x94\xa4?\xf5\xe0r\x9b\xb2\xf6H\xa0{\xc7\x89)j\x8e\xa5\x13\xc1\x1a\x00O\x1d\xfd=j\x9b\xf5\xcfd\xe1m\xeeS\'\xf6\xb1+|\xf9\x96)\x9b7)ul\xfa\xcd\x8d\xf8\xd1*\xa6rG\xd8=\x1b\xc3\x1d=e\x86\xb3\xb33\'\xfa\xf7\xea\x14\x90\xa52\xf2\x88\n\x10t\x16\xc3\xa9b\x92\x16\xb3\xe8A:eW\x03-\x04\xbd\xado\xdaf\xe0\x05`\xc75+U\xb4\xf5^\x815\xd1\x9e1\x8disH&lt;\x92\x96\xf9\x13\x9c\x16K4\xc7\xb0\xec\xfd#\x04`\x164P\x92wm\x80\xe6\x0b")@\xd5F\x84\x17\xa1\x87\xec\xfbg2\xb5\xab\xa1\xf3\xc4K\x144\xc0\xec\xb4:xC\xe9$\x7fv8h8\xea\x98\xa0&lt;v\x93\xbb}\x85!\x84\x00\x03H\x15\xde\xa5\xee\xaf~y8\xf4l\x8bn\xd1\xbf(\n\x08\xa3\xb3\x90TDO\x0f\xab\nP\xc2u!\xcf \xa9\xb4\x05\xdd\x1d\x1c\xce\x9a~c\xeb\xbe\xa7a\x07R\xcf\xec\x04w\xb0\x9a\xf0\xa3\xe6\x85\tTcn\xe4Xh\xe4.p\xe8b\xff.\xe5\xad\x9b\xbcA\xff3yJ\xecE\xd3\xe2\x93y\xc1\xd5\xf8\xdfp\xede?v\xfbF\x80 K\x00\xc3\xfd&amp;\x97,\xa6=\xe4\xa9;\xb91\xa4\xa1\xb5\x86\xe8{\xd2;eaY\x8b8\xa4\x84&lt;Q\x1b\xaa$\x93\x81\xe6\x1f\x12M\xc1Ax&lt;\xf0\xd0\x16\xd5\x8b\xc8\x80\xa2\x84p\xa5\xd0\xd3\x9596\xb7\x90\xd1\x03\xa0i\xb69p\xbc\x95\xb0\x13(\xc2\xb9\xe3\xa7u\x99\xb3\xaa\xfd[)\xb5\x83@\xf5\xc9\xb1\x8f\xa8\xc0\xc4B\x90\xb4\x9c&amp;6\x12$\x0eW@D\x88\xae\x7f\x1f\x05s?(\xfc\x02\x15\x9cp}l\x8fz&lt;\xd7\xae\x1a\x85z\x9c\x82X!C\xa2\x8b\xdb\x9aH\x88\xfa%P\xf3\x1ea\xcc;\xba\xd1ZU\\N\xccd\x96\x8e\x9d\x0f\xc8\x95\xf9X\xbc\n8"6\xb9\x01D\x93\xf5\xac\x1ah\xa1\x00\xf6=,Y\x00\xd65\x80\x100\x91\xaf\xe0q\xb89\xb1\x98}\x03\xe4\xef\x8c\xc1\xe6Y]\x1c|1+\xd7\\\xc0\xfdf\xd7\xae\x9a\xd53\xc1\xb6d\x95=\xb75|\xc0[\xb4\xb6\x05v\x8bA\xd3|k\xaf\x8b\x0cQ!I\x1d\xd4V\x99\x07\xad\xaaZ*\x17!&gt;*\x1a\x9e\xd5p\xe8\x86b6\xed\xc7\xea\xa3\xb78\x83\xbbh\xe6\xa8H\x07\x9c,\x8c\xf5+\xfc\xc7\xd3\x7fTEo002\x1f\xe1\x9b\x04\xb3&gt;\xb2\xc9\x9d\x0e\xb6k6\xdd\xc4\xfc\x1e.\xb1\xc9\x9b\n\x88#\xef\xef\x13$\xd3\xb8\xe12\x0b/-;\xb3\xe82\x95&amp;\xd5\x97\xefO\x99\xb2\x8a\xee\x91{5&gt;\xa1\xa2Z\xb8\xea\xbc\x0czW\xb6*n3\x8a\x01\x94*\xa3\xff\x81\x1d\x8d\xee\x9cBb\xeelg\xd9\xf2bw@+#\x95x\xcd\x0e\x81\xe6\x99o\\\x068`\xa9w\xf3\xb3g\x9c\xa3\x17\xaa\xe5\r\x98\xd1[\x1e%\x8c\x953\x07g\xaa\x9c\xd4L(\x87u\x9b\xf8\xf7H\x9b\xf1\xae\x87O\xc8\xe5,pFf\xccW\xef\xbc\xc4\x92\x8e\xeb"\xc6\xc0&lt;\x96R\xfbg\xea\x01\xb0|\x18$\xe4n\xd4V\xb1\xc2\xccy\xf5\x8d\x07c\xff\x95h\x1aT\xdfpy\xf4\x96\xb3\x9c4M\x93V\xb4\x8fG\xb9\x15\xdbv0\x06\x16\x9fg\r\x91\x06\xfc\xd0C9\'l\xb9\xda\x05&lt;2\xb60&gt;\xa6\xb8\xda]\x02F\x12\xd5S\x12\xe5\x91\xf0\x85\xfb\xf5\x9b\xa42\xbb\x03\xd0\x8b\xe2\x17:G\x95\x87\xd99\xfcv\xa9\xd8S\xcc7zF\xd6\xa8dZ\x8f8\xbc\x8a\x81S\xcc(\xb7\xd1\x95\x11\xdb\xc4iX\x1dN\xc14\xc3C"-\xcad\x03\xffcR\x1c\x9e#\xa3\xc7\xb6\xacS\xc6p]f\x8c\x9e\x03\x9f\xdf7\xa8cI\xa1\x1c\xc5t\x1fW\x8fp\xbc\xe9\x1f\xc0\x16\x99\xdf\xa1\xf8L\x93\x8a\x8dEI\xa1m\x8e;\xf5\xa8k\x81\xb5\x9a\x8a\xa7\x8d{d\xc4\xd2\xed8\xdes\xb1\xb0\x96!\xb4\xaa\xbd\x8aU\xba\xb4+\x04\xf7c\xa7Fi\x9f\xb8\xf8R\xdf\xb6\xf2j\x9eF\x94l\xc7J\x8a\x06\x15-q\xca\x86?\x05m\xb16\x88\xa7\x11\xb3Mt\xb9\xd3\xb9}\xcd\x9a\x9a\xf0Z\x0fE6\xcfC\xf6\xd4\x13\xd4\xcc\x9c\xedL\x8e\xa3'</t>
  </si>
  <si>
    <t>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</t>
  </si>
  <si>
    <t>b'\xb7\xe7[|\x82\x95\xc7\x10\xb2\xe8\x12\xde|G\x03Q'</t>
  </si>
  <si>
    <t>The aureus stabilizes at 41 to the pound (7.87 gm.),
and appears with some regularity; the denarii, struck on the late Republican
standard of 84 to the pound, were produced almost annually for 12 years, and revive
republican forms (Duncan-Jones 1994: 213â€“20 with a discussion of the Roman
pound). But while one face of the coin may make reference to the moneyerâ€™s
family or a contemporary event, the emperorâ€™s image almost invariably occupies the
obverse.
36 William E. Metcalf
The biggest change is in the base metal. The semuncial as is revived at c.12.5 gm.
Orichalcum, which had not been employed for coinage in republican times, is
introduced at a tariff of 5:2 vis-a`-vis copper, and with it a coin of one uncia, the
sestertius, which replaced the old, easily lost, silver sestertius of one gram silver. The
half was the dupondius, or two-as piece, and in copper there were the as, the semis,
and the quadrans. The coins from Rome bear the legend S C, probably indicating
senatorial endorsement of the change, and the names of the moneyers (Bay 1972).
In 16 BCE the mint of Lugdunum began producing gold and silver, as well as large
bronze coins analogous to the Roman sestertius and as; Straboâ€™s testimony (4.3.2)
that â€˜â€˜the Roman emperors coin gold and silver thereâ€™â€™ strictly applies to Tiberius (and
probably Augustus), but in fact it seems that from 12 BCEâ€“64 CE virtually all imperial
gold and silver was produced there, and occasionally the mint ventured into aes
coinage as well (Metcalf 1989; Wolters 1999). The Augustan reform constituted
the basis of the imperial system for nearly three centuries. Coincidentally the creation
of the sestertius was a turning point in numismatic art: given a field large enough to
work in, engravers undertook more ambitious compositions, and were able to execute them in more detail. The Augustan mint of Rome produced huge quantities of
aes and issued gold and silver, regularly but in small quantity, from c.23â€“12 BCE.
Later the aes is episodic, and completely lacking for Otho; the gold and silver only
slightly less so. The only issues that survive in large numbers are the C L CAESARES
of Augustus and the â€˜â€˜tribute pennyâ€™â€™ of Tiberius; while the former is probably the
product of a single year, stylistic considerations suggest that the latter may have been
produced for Tiberiusâ€™ whole reign. Externally the coins underwent little change for
nearly 90 years following the â€˜â€˜Augustan reform.â€™â€™ But in 64 CE there was a significant
weight reduction in the gold and silver: from (by now) c.1/42 to 1/44 lb. in gold,
and from c.1/90 to 1/100 lb. in silver (Duncan-Jones 1994: 217â€“18). We do not
know the tariff of the two coins at this period, but there is no reason to suppose that it
changed; nor do we know the reason for the reduction, though the mere recovery of
4.5 percent of gold and 11 percent of silver may have been a motive. The effect is
soon apparent in hoards: by the end of the century earlier coins had all but disappeared except for denarii of Mark Antony, which lasted in circulation into the third
century.
The weight changes of 64 CE were accompanied by a return of the mint to the
capital and the production of aes in larger quantity. From this point on there is hardly
a year when nothing is produced. Vespasian experiments with striking gold and silver
at several eastern mints (Antioch, Ephesus, one uncertain) (Metcalf 1982), there are
Italian(?) branch mints under Claudius, and Titus and Domitian may have experimented with aes in the Balkans (Burnett and Amandry 1999: 88â€“9; cf. Komnick
2000), but for most of</t>
  </si>
  <si>
    <t>b'e\x8fX\xef\xea\xadIr!&amp;G\x03\xcf\x87\xeb\x10\xec\xdb\x8a\x08\x17)DV\xf15xbm\xfe\x92\x88\x1e\xe7\x08\x9f\x9d\xad\x91\xaf\x1b\x9881c_\xf2\xbaw\x88\xf8h\rl\x9a\xe9\x83\xe9\xfa\xc0\xda\xc0Od\x8dm\xdc.O\xd5\xd8=p\x1f\xca\xe1$)\xe5\xd3\xee\xea\x88V\xf5\x19\x1aL\xb9\x11\x94v\xf8\xa4\x98\xfb1}\xfb&gt;\x1c\x83(\xac3\x9b\xad\\\xb8\'\xa9\xab\x1cX\xd0\xa2N\x08Z\xa3\xba\x13\xc9?\x9a\xfe\xc0\x06R[\x13\x08nh&gt;\xac5\x90\x97\xf1,J*\xb6\xc2Gq\xad\xab=|\xc6\x89_@\xfcNgb\xf7\xe7\xb49\xaa\xfa\x14\x02l\x8e6\xb3F0\x9b\xfa\xbd\xeb\x1a\xa6,\x00s%\xa28@PoG-lBd\xb6\xcfUa&amp;\xd8:\xd1#\xb9\x85\xc9\x0b\xc0\xd5\x9aC\xe0\x9b}\x1d\xe0\x14\xe6A\x89\xe2\xac\x19q\x96\xb9\xd6\xf8\xc6\x06@GA\xc2\xd9\x0egA\x94\xb0\xf7o\x85V\xcb\x9f\xc5l\x97K\xd2W\t\xba\x85`[W/\xa0\x1a\x8bG\x8d\xc2\xcbgm\xad"\x13\xba\xfd\xef\\\x7fE\xbd\xfc\x11\x10\xc7\xa5\x93\xb7\xce\xb8:\xae\xc7\x0e\x0c\xf7\x1c\xee\xdd=C\xfd\x8b\xeb\x01E\x8a\x9a\x02&lt;\xf8\xfe\xb72\x90\xc6\xf0\xb7\xa4\x80Q\xfd\tQ#\x06hO\xe8\x0e\xab\xcf\xc3\xca`\xc4\xf6\x1f\xdck\xf2G\xf8\x1b\xb2\xc3\x0e\xbb\xda\xca-\xf3\x91\x11\xc4\xd2\xc6\x86\xc2\x9e\x10\xa6:%\xf7WQ\xed\x16\x9b\xc116\x11p\x8b\xa9\xa4\xc8\x1ez\x81\xfd@\xbf\xb0\xe6Q\xdb\xb1\xfc\x13q\xa9\x91\xa3`\xd4,\x03\xc2Iw,$\x0c\xd7Yl\\\x17@\x9e\x07\x03\x8c\x8aQ\xf3\xfa\x9c-\xf4Rn\xa7\x1a}\xfaR\xdd\x82\x95$\x1eJ2\x1ek\x18\xd7\xc1\xcd+\xe4\x99r`\xf2]\xd1\xab\x81\xb0\xc0Y\x8a\x98\xba\xbb\xa9x\xcb9K\xe8\x1dgS&gt;W\xa2Bc\xa5\xb9\xcad\xcfA{\x1e\\\xe3\xa4\\\xfe\x1eT\x97?6t\xc2\xa3\x13oY%t\xe8\xa3\x86\xe20\x1c\xae\x8b\xa3\x17KL\xcf\x98\x10C(\x8e\xcf\x1e\x00\x83\xae\xf2\x0c\x84G\x9f\x01\x92 \xf9 \xe5\\h\xda\x1c\xd8\xf6\x84\x83\x80\x82\xcb\xe9c\xd8\x00Q\x1c\x8cS\xdaI\x00\x16F\xf4\xf2\xceOs\x7ft\xeb_\x07\xb8v\xd0:\x81\x03\x87\xec\xcb/S\xa0\xe2\x84\x9c\xc2oq\xbb?)\xca\xc9v\x9b]\xb3A\xfbW3\xb5\x88\xa8u\xe0\xcdEU\xf8n\xc1\x1a\x9d\x83J*b\xfe9c\xa2\xcd\xb3\x7fe\x84\xfe`\x85\xc3\xce\xbe\x01\x07)\x0b4\xc1\xe7\x17\xe9\xf0\\\xed?VY\xc4\xd6\xc1\x94&lt;\x9a\xf0\xdb%\xfa\x16\xf8\x8e$\x8fEG\xc4R\x08"X.\xae\x8d.m\xe8\xfd\xda\xf7\x82m\x07\xdd\x15G\x0e\xd6\xc2$\x8a\xae\xec\x86E;vS=@\xc9\xe4\xaf\xa6\xc7\x03\x97\x13\x07\x02\x9c&gt;\xa4\xe8\xd39\x8fh\xcd\x83nX&amp;Gs5\xca8?\xe6\x89"\xd8u\xe8\xa0\xc7\xaf\xa5\xaf\x8fs3\xbf\xf5\\#{&lt;\x03\xdd\x89\x93\xdc\xed\xe5\xa3r\x04\xf4\x1a+$\xb7\x8f\xf3(d.Y\x98,\x9d\x0b\xce](\x04\xb2\xc4\xc6\xc0\xf4\x84?\xe3\xc9#4\xfd\x90K\x94\x1d\x97\xa5j\xaa\x04$\x1edE\xb7\xd4\xb6\x15\xed\x97\xc5\xed\xe0\xf2\x1a\x12\x03\x0e.y\xd7\x9df\x96\xec\x13\xb2\xf6D\x10\x03\xa7yF\xb0\x80-L\xd9\xcf\xfeR\x07\x13\x97\xab\xac!`g\xd6$\x98fZx\x9b\xf3\x8c\xf6\xc5\xf3&gt;\xcf\x17\xcd\xee\xa8\xf89\xf5\xb8BV+\x92\x12\xab\xdf\xec\xb8\x14I\xdc\x9e\xbe\x8c\x81\xca.r\x1a\x81b\xb62m\xbc\xe3\x9aYf\xe5\xc6]s\x15\xd7!\xe7\x0ed\x84\\Q\xb3\x96\xfcn\xfb\x91\x0f\x8e\xf6\xb0\x81\xc4\xf3r\x97}\x93\xdcMTR\xc3\xbbO\xa0\x8b&amp;\xa3\xcbv\xf2\xa5+\xdb\x9e\xb8\x19\xd1\xa1ZK\xab}\xd8:\xcc\x8a\xf1"\xbd&amp;\x8f\xfaOQ\xf7\x9d\xe1\xbc\x9a\x89\\rQ3\xb4\xac\x86\xc8\xf5\xd6\xc8\x17\xa91\xc9\xe6\x15\x90\xde\x1d\x82\x86\xb0\xe69\xd7\xf3k \xd8\xf8\x98\xa3eFM\x0c\xbe\xae\xfe\x07{b:Q\xbd\'N\x80\xff\xb5\xa7\xd0\xf6\x1e\x01\x11\x83X\x10On\xb2\x05\xa1\x1f\x1e\x9f;\xd4 E\xa9\xca\x0e\xd5\x95D\xaf\x0c\xe4)\xb7r\x8f\x8c}&lt;\xdc8\n$\x10\x10\xbaGo\x11\xf4\x9fQ\xcb\xa6\x12\xebU\xe2W\xf8Z\xc4#\x0b\x0c\x98\xaa\xe2\xaa\xe0\xe9\xc7\xfc\xfe\xae\xe6`\xd9?|Pl\xe2\x1fd\xe52r\x9e9a\xb8\xc3\x9f\xe6\xd2\xcb\x7fu\\\xd4\xd9XW)n\xbb(\x19\xf9\x96\x02\xdc\xb8}\x19\x11\x93@\n\x07\xa8\x89&lt;\xd9WKJ\xf0y\x0bx\xc0\x88\xd7\x19O&amp;\xbc\x87\xd1E\x9e\x82\xdclHW\x87\r1\x1b\x94&lt;\xf4\xc8\x00\xf7\xf0\xf5\x86\x1dV\xf2HT\xfe0\x0c\xea\x91\xfd\xb6\xbbZ-\xa5\xcbf91\x0e\xd3\xb2\xc4Q\xd9-\x87\x02ik\x1dh\xcb\r7\x03\xb8\x83\x9c&gt;\xee\xbe\x91\xbaYP/\xd8E\xa2!\xa7\xef\xca\xff\x08\xb7\xcaR\xc6_\x98n\xf0\x14{\xb0\x95\x06\xda\xe1K\x9e7(\xcf\xfe\x13kt\x10\x13Z\xe2\xe4\x86W\x9f\xd3*\x85\xb9\xcf\x9f\tz\xf4\xf6j\x99\xe6,\x91\x1f3\xc8\x96\xe6\x02\xc7.\xf7\xa1cB\x89A\xe4Zf\xe4`\rH\xaf\xd4\xe9\xb3\xef\x96k\xd9/\xf2:\xf7\xe8\x1b\x86\xb6\xf7\x83z\xb9]\xae\xaea\xech\xf2[\xfb\xe9@\x82"W\xab\xa40\x84k\xc9^\x88ueAX\xc7\x0fh\xeeVE\r}t\x9c\xfe\xa8\xd3\x1aBV\xff\nH\x87\x0ew\xca\xe9\xee\x17\xe2:\xc9O\x10]-c9\xf2Rz\xedc-\xc8q\xad\xf4\r)\xe5\xef\xe0!i\x81\xcb\xb7\x91\xce\xc3\x06\x14D\xbbBd\x0b(\xac\x84\xb0\xf6\xdfD\xc8G\x9e\x12\xec!"\xdeY+n\x97&gt;rD\x86\x0c-\x9e\xc1g;\xc6\xdf,\xc6\xec\tt\x0f\xdd\x00n\xa7b\xc2\x90\xf8\x13S(\xe8\x98\xb4\xb4,\xc5s\xcf\x0b\x0f\xa4\x9f\x0c\x82X\x9c##83\xfcE"\xcc\xe3\xe1\x1e\x04q\xfaT\x18\x1b"$\xf3\xf6\xac\xaf\x1c\x90\x05\xa1\xeei\xd8\x13\xa1\xe6}\x1b\xcav\x84\x88\x17\xf8\xee\x95p\xb3\xee\xf8@^fVShEd\xf1\'2\xe9U\xca\xb87\xa8\xa8\xf4\x9d\xd2\xa2)\xc2\x81!:~\xbc\x1d/\xca\xf5\xc7\xaa\xd4.\xed\r@x\x8c\x11=\xb2\xe3\xf4,\xb2\xcb\xa6:5\xb0\xed\xec#Q\xb8\x18\x87&amp;\xb9]\x17\xfd}^\xef\xd6\x86\x99S\x8bG\x88\xbd\x00\xcf\x80\xfe\xc6\xfbZ!\xa4\x9av\xe6\xc7u_\x9c\x84\xf0\x0b4\xdf\xd8#\x01S\x95\xde\x9ee\xf7\x85D\'\xcb4\x965\x84\xed[\xd1\x86T3L?\x139I\xba\x02F.\xc3\xf4\xcal\'\x871\xdb\x07\xbd\xaf\x05\xae\x8a+\xaf\x0f\x8c\xa1~S#{\xf5\xaf\x13\xdd\x1e\xcc\xb2\x01a\xa0\xab\xff\xe7\x02\x8eY\x93U\xd8\xd8^\'\xcce\\\x87\x1c\xe9I\xdc\x9e\xb9\xb8\xe7\xda\xfb\xb4\xbfr\xa1K\xa2\xc1\x83\x17\xe8\x97x\xddYh\x849\xe4\x1c\xbc\x0bh\xd6\x9a\xa3\x7f\xb6\n\xe3\xceR|\xd4\xcaQ\xd0\x80\nzUO\xae\xd4\x02\x98BY1\xec\x9eA(\xd6j\xa6\x9d\xe8\x83\xbe\xa6\xea\x07\xa8\xa61\x00\x86\xe6D:\x92\xa99\x0c[ka\x9de!\xd5V\xbc0\xc7\x17\x87\xac\x1a\xc6\x95\xc8\xc2\xff\xe2\x9d\x97\xe7\x1b&lt;\x05\xaa\x7f"0\x03N\xac\xdd\x8ac\xef\x8f\xf8\xbf\x12\xb3\xfey\xae\x88\x0f:\xe2\xceb@\xe4;=\xd6{\\\xb0\xeaT\x9a\xec\xf6\x15\xddI\xcb\x178F\xd7\xcf\x8bW(\xad\xae\x1e~\x8d\xe9+MG\x1c?\x92\x99\xee\xfd\xca\x956\x1f\xdf,\xf4_J\x1cMK\xc4\xf99\xcb\xa8\xa0\xc3\\\xdd1O\x13?\xfcfT\xeak\xcf\xa4\n\x03\x05\x16\xc8;\x14\x07;\x9e\xf5m\x02]\xbae\x02\xe6\xa2{\xe3\xf1\xd4k\x910\r\xeeh0R\x8c\xc6r\x06\x10%r\x12k\xc6\xcb\\\x81\xaf\x18\x97b5DK:K+\xb0\xf6\xeb\xe9\xdc\x8f\xcf\xa8Q\x85\xdb\xf4C\xa8\x11u\x91\xb0\xc6!\x9d\x1e\xe7\x04\x1c\x91 \xaa\xcd\x17\xd9\xefE\xe9Y\xf8O\x99\xf2\xa1\xe1\xe3\x91|\xfd\x99\xfb\xecC+\x9d\x95\x1a\xa2GV\xf9\xd7\xa2[\xd9!\xbb\xeevAJ\xec[\x9aq\xc3\x94} 5poW\xbe\xaa2U$\xff\xe2E\x820\xc8\xee\xd4q\xc1\xa3\xc2\x91\xb3\xc4\xdc\x9d\xd6w\xf8\x1cV\r\x1a\x9c\x04\xc9\xba+j\x84\xe0\xd0\x9e\x80\xdf\x9eF%t\x1fD\x0cO\xff.Dy\x92\xb2\'nz,(\xa0\xca?|\x91tOn7&amp;\xb9*\xca\x0b\x98\t\x86^\x9d\x95\x80\xa2C6:\x05i\xb74a\xda\xc2G6\xee\xa55\xbe\xe9\x80\xf8\xe3\xfe\x03\xa2\x11\xac\x81\xc8\xf13P\x8e\x0ed@\x87(i\x0f`\x96C\x92\xb6\x96\x1e\x06K\x96hM)\xd5H\xd0\x06\xf2\x08\xd56o\t\x92\xd7\xdb\xd7\xd1u\xf9\xf4\x1d\xab\xd8\xacte/\xabj\x14\xe4\x93\xdc\xbb\xc6\xa9y \x1e\x02}\xb2\xa1I\x98\x14QF\x11\xd4\xdb\x82\xb4+\xfcx\xac&lt;\x1f@\xcf\x07\x9d\xa2\x97\xc4\x1d{H\xeaYyx\xb7\xc3\xbe&lt;`\x8b\xbf\x83]\x9b1\xe6\x8ct\xee\x82\xf0\xd1\x87n\xeaW\xb6\x15\x87\xfa\x8f\xfb?\x8f\xa4hD\xd7\x1a\x88z\x1d\xdf\x1a\xca\xd5\x931\xebQ\x94zq2\xa3\xb8\xf3\x06}GQ\xeb\xef3-\xf9\xa3\\\xaf\x17%\t\xaea5\xef\nc\x93\xc9\xa1:8Eu\x16\xd9\r\x88\x84\xb3p\\;\xe64M\xa5d\xea\n\xf4D\xcdC\x1f\x92\xb9*\xd1e\xb0\x9eh\xcf\xad&gt;\x9fu`\xc7\xc2\xfe\xe3\x9c\xe6\xa9\xf8\xb5\xeb\x93\xfb\xd1l\x96$\xb1\xc6\xec\xbd\xee1\x0e\xfa\xdb\xba\xb0d\xf2\x1c\r\x0e{0N\xbc=\x9d\x0c\x05\x8dpT\x17\xe1:\x8b\x02C\xc2\xcc\x8ch\xcb_\xca\xc9\xd2\xb1\xa2\xac\x98/\xa8\x00vme\x0b\xa4\xa9\x93\x00\xbfhA;ljj\x15VM\xbe7\x88%\xa0e\x9e\x0e}\xa4aM\x87\xe1\x8au\xbeL\x90a\xcf\x7f\x96\xee\xf8Iq\xc1xydH`\xc1a\x83\x0f\xcf&amp;H\xc9Y\xc1\x95\xbe\xd2\x14w\x9e\x97\x9e\x1c\x0bJ\xf96\xc1\x0c\xa7\xa85*\x0fn\xd5d]\xd6\x14d\xc0\xa0\x10\xf1a\xb1\x9f\xf6\xc5;\x9f(\x8aPW\x81\'\x90\xbe\x01[\xe8c|\xbb\x15\xc62J}n\xb4\xbf\x8ab\x8eG\x7f\xda\xa3\xd0\xc8i\xc4\xe0\xf8:f\xef\x7f\xf7\x98T\xd7\xadm3\xe4\xb0@NF\x9f\xb0\xb8\xed\x96:a4\x102Y"Z$\x07Fd\xde\x98^zcT\xf4\xcb\xd7$\xde\xfd\x80Vd\xea\x06 \x07\x08\xb9\x06\xd4@&gt;\xa6\x8aE\xccd*\xa3M\xa5OU\xfe\xa5\xfe\x91\x94\xb3 (k_\x0c\xb5b\xf2}\x1aK\xb5\x97\x813\xd1Mb\xbb\x16t\xeb\xa2\x0f\x89u63C\xb9W\xb7\xfd\x9b\xf7\xe5\xfd\xeaO\x02\x14\x161{\xcf\x83\xe2+\xae0\xf3\xa2)\xcex\xef\x7f\xd8\xbb\xaf\xed\xc7\xb8\xe9\xb0y\x0b1\xe3)\xa2\x01D\xec\x1cq\xe8:$i\x9b\xa1\x95p\xd2\xad~2u\xc94\xf8\xa0\xdb-\xd4\xce\xf8\x85\xc5K\x17i\xc6s\xea\x9ePl\xee\x05\xe3"\xb9qF\xcd:13&amp;\x01\xa2\x13\xd5\xc3l\x00\x977\xdd@\xba\xf6\x81\x18U\xe1\xf0\x14\xe7\x03k\x1f\xaa\xd9\xf9\x03\xa6\x9d\x919\xea\x80\x12\x1b\xce\xf0\xf5\xc3.\x82\xd7\xc4\xc4C1Uz\xbe\xf1\x19]\xad&lt;\xad)=\x19\xd8]\x1cqL\xb6\x10\x95\xfbZL\xe7\xde\xf2\xa0\xff\xd7Tz\x01@\x85\n\x19\xea+\x01%T\xbfSB\xbb\xca\xd5\xd4\xcf\x95\xb6\xc3}\x10\xeb\xb0M\'\x00\x8e\xc4\xc2}^?\xb0\x8a\x11m/r\xd4\xc9\xf9%\xe4:\xb7\xc1\xbf\x05\xb2\x91\xc4T-\xa1\xb9\xdb\'@\xa3\x02#\xf5g\xc1*\x02\x17\xd5%\xf7\x95%\xeayT\x87yL[\x03\xf7\xa6\x9b\x10\x8b\x87\xc77\xf8\xc0F\x14\x81\x03\x1b\xcco\xc6\x1cR!\xbc`ko\x95\x15\xd8\x02\xcd\xc2\x99\x82W\x86N\'\xe0\xdcM\xf2S6E\x82N\x17\xaen\xb32\tY&gt;s\x8c\x07\x80A0\xd2\xe0^\xcf\x85\x8f\xec\xa3L\n]\xda\x9f\xf0\xf7`h\xc4\n\xa1\xb5\xda}\xdc\x16{\xbd\xbd\x94UG\xb5\xeb`\xa2\x0e\x89\xd92\xd2\xa9\x8f\xf6\x0fo\x17\xefa\x1c\xcb\x9e\x87\r\x933K\xeb\x02\x85\x95\x1dWSU`\x89\x8f\x8a:T\xee\xaf\xa4\xc6|\xd8t\xf0\xe6\x95pR\xab\x11)\x94h\xc9\xffo\xae\xbeWd\xc4\xfe\x9a\n\xca(\xf3\x08\xa4\x9d\xda\xf5\x8b\xc91eX\xa4\x07uy\xd3\x99\xac&gt;\x89\x93\xb0;\xd8.hk\xc2X6&gt;u~\xcd\xef\x85\xd4\xb5}`itSTjjc\xb5Q\xb4v\xe9w\x9b|\x1e\xe7\x9b\x15\x84amg\x16\xcf\xa8\xd4\xe2\xcf7\xe3\\\xab\x9d(q9(\xd3\xbc\xd0\xad\xc14i:\xfd\xf7\x9c\x93\xac\x8a9\xa4\xee\xb6\xd8\xef\xb4M\x0fZ\xb5M\xea\x9a9;\xb3z:J3(\xbf\xe65f\xcdep\x13\xfe\xff\x8e\x16_(\xfb\xab\xba\x18w\x0b\xfa\xcf&gt;]\xc11\xfaH\xb7\xb9\x98\x92!\x1e\x93z\xef\xe1bP\xcc\xae\xb0|\x92\x9eG\xa6\x15\xdd\x99\xa6X\xf3EE\xad\xb3\xf2\xfeh\xd4\'\xb1\xa7\x10a\x12\xfb\xb6]\xf9AU?}/\x06\xf9\xe0\xee\xd8|\x8e\xa6\xc1\x16\tH\x88\xafBwH\xdaK\xb7Eq\xd7\xd4[\x08\x9a%t\xc6N\t\xb8\xff^\x8a\xc0\xdc\xed\x957g\xf7\x10\x12\xe3\x1fR\xd0\x0e\xc2\xfbU\xab\xc6y\xccR\xeb\xa9\x1f\xb9\x8c\x8c\xbcM\x1b\xae\x1e\x9d\x89\x15\x18\xd6\x18\xe8I\xf0G\xfc\xef\x86\xf9\x02l\xcfF\x80\xb92&lt;\x992\x186\xb8\x1bk\xdc\xcf\xe9yp\xb9O?\xafs,\xba\xd0\x1f\xb5&amp;H\xa1\xefLf\xed\xddy7\xeb\x88\x06\x1e\x19\xad\x9f6T\x93\xc5\xb8\xfc\x91 ip\x9e.\xe3h\xbb \xe0wD\xc4\xb0}w\xbf0E\x060\xa2l\xb2\xca\xcb\x9c-f\xc4\x126\x8b\xa7\xa6\x10\x11[A\x08LG\xac\x03\x9c\xe6V\xc0C\xd2\xc2K74&gt;\xd0.H"\xcf\xa2m\xf1\x9dO\x03H\xff\x8f6\xc1\x88\x02\x93\x03\xa66\xbc l\x8b\x1ai\xc2&amp;v\xde\x8f\xed\xa2\x0ce\xce\xde[\x87[6\xc5\x96&gt;\xb8&gt;\x1f9\x98#\xe1Z\xa8\x1d\xcfsv\xd6\xf9,\x93@\x80zi\xa0\x00\xa7\x8d\xca\xbb)o\x92H\xb1v\xfb\xd8\x83e\xaf\xf0\x13\xd8\xf7\xa6\xcd\x0ek\x1e,\x8f\x83\xe9\x83Ag\xb0\xfc\x0f\xf6\xa7\xa9\x17\x1e\x96\xd2:\xa5\xab\xd0\xb8\xa7\x067\xc1\xe9\x19\x9d71!\xdb\xf4W\xd5\x93-\xfd\x12e\x9e\xf8\x98\x1f\xcc\xf3B\x07\xff\xe8n\x15n`\xfc\x93:\xe5=\xab=u\xf5\x89]\xce\x06\xa2\xda}4)\xb56Qp\xaf\xc7\xfep\x8fJ\x02v\xdcg\x1a"9\xffXV\x7f\x94\xd5s\'\xfa6P"\x113\xf5\x1c\tD\xfc\x05)\xdc\x0c'</t>
  </si>
  <si>
    <t>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</t>
  </si>
  <si>
    <t>b'e\x8fX\xef\xea\xadIr!&amp;G\x03\xcf\x87\xeb\x10'</t>
  </si>
  <si>
    <t>simply unbearable without a bit of courage."
"You will be very welcome," answered Dorothy, "for you will help to keep
away the other wild beasts. It seems to me they must be more cowardly
than you are if they allow you to scare them so easily."
"They really are," said the Lion; "but that doesn't make me any braver,
and as long as I know myself to be a coward I shall be unhappy."
So once more the little company set off upon the journey, the Lion
walking with stately strides at Dorothy's side. Toto did not approve this
new comrade at first, for he could not forget how nearly he had been
crushed between the Lion's great jaws; but after a time he became more
at ease, and presently Toto and the Cowardly Lion had grown to be good
friends.
During the rest of that day there was no other adventure to mar the
peace of their journey. Once, indeed, the Tin Woodman stepped upon a
beetle that was crawling along the road, and killed the poor little thing.
This made the Tin Woodman very unhappy, for he was always careful
not to hurt any living creature; and as he walked along he wept several
tears of sorrow and regret. These tears ran slowly down his face and over
the hinges of his jaw, and there they rusted. When Dorothy presently
asked him a question the Tin Woodman could not open his mouth, for
his jaws were tightly rusted together. He became greatly frightened at
this and made many motions to Dorothy to relieve him, but she could
not understand. The Lion was also puzzled to know what was wrong. But
the Scarecrow seized the oilâ€“can from Dorothy's basket and oiled the
Woodman's jaws, so that after a few moments he could talk as well as
before.
"This will serve me a lesson," said he, "to look where I step. For if I
should kill another bug or beetle I should surely cry again, and crying
rusts my jaw so that I cannot speak."
30
Thereafter he walked very carefully, with his eyes on the road, and when
he saw a tiny ant toiling by he would step over it, so as not to harm it.
The Tin Woodman knew very well he had no heart, and therefore he took
great care never to be cruel or unkind to anything.
"You people with hearts," he said, "have something to guide you, and
need never do wrong; but I have no heart, and so I must be very careful.
When Oz gives me a heart of course I needn't mind so much."
31
CHAPTER 7. THE JOURNEY TO THE GREAT OZ
They were obliged to camp out that night under a large tree in the forest,
for there were no houses near. The tree made a good, thick covering to
protect them from the dew, and the Tin Woodman chopped a great pile
of wood with his axe and Dorothy built a splendid fire that warmed her
and made her feel less lonely. She and Toto ate the last of their bread,
and now she did not know what they would do for breakfast.
"If you wish," said the Lion, "I will go into the forest and kill a deer for
you. You can roast it by the fire, since your tastes are so peculiar that you
prefer cooked food, and then you will have a very good breakfast."
"Don't! please don't," begged the Tin Woodman. "I should certainly weep
if you killed a poor deer, and then my jaws would rust again."
But the Lion went away into the forest and found his own supper, and no
one ever knew what it was, for he didn't mention it. And the Scarecrow
found a tree full of nuts and filled Dorothy's basket with them, so that
she would not be hungry for a long time. She thought this was very kind
and thoughtful of the Scarecrow, but she laughed heartily at the awkward
way in which the poor creature picked up the nuts. His padded hands
were so clumsy and the nuts were so small that he dropped almost as
many as he put in the basket. But the Scarecrow did not mind how long it
took him to fill the basket, for it enabled him to keep away from the fi</t>
  </si>
  <si>
    <t>b' -\xaaM\xf1\xbanS*\x80\x18\xa8\\/dO\x8f};\x84\x90g\xdb\x11\x062\x18\x8e\x90\x9e7\xeb\xf0\xcf\t\xf0\x99\x0e1\xa4\xcaG\x8a\xa8\x9a\xb9\xb2\x83\x08L\x94Z\xcfz\x1b\x9b\x1d\xae\xfaN\x18\x92\x1b\x1f\x86\xfc\xbb"_\x96&amp;\xc0\x1e(\xf4\xf3\xb1\x11C\xc2\xd8\x0c!\xdf\x9b\t\xc8\xd9\xdc\xf7\x96\x8cpfYf\xb6\xcd@\xcd\xb3\xdb\x7f+\xe4\x1a\x1b\xbf1\x1d\xbb(&gt;\xa0\x04\nA\xd6^\xef\xa5t\x9e\xd2\xe7vR\xbe\x03\xac\x1a\x14hAW\xf8\xa9\xfa&amp;\x96\xe8?\xef\xce\x97JL\x0fD+\x0f+@\xe3}\xe8\xb3\x02\x1b\x0f\xf8\xc4\x8d\x8a\xe3\x0e9\xd8\xb6\x89\xde\x80\x17\x9a=}\x13\x1a\xdc\xa8\x8fR\xe0\xc6\xb8\x00\x81Rm\x94C\xf8G\xbc{EH2\xcam\x84\x01\x9cE\x94\xa1\xe9\r\xb8\xe7\n,#|@\xcf\xd8\xe0\r\xb3\xfb~\xbb=0\xa1\x16++]z\xda&lt;{\xf1w\x9b\x14_\x12\xc4\xef\x190\xf6%\x0b|D\x14\xca\x11c\xf1\xb9}AVG\xcd\x8a\xa3\xff\xe0\xfc\xb2;"-o_)#pK-\xb1\xc2\x94\x84~\x8f\xea\x87N\x141\x8f\xebNY\x85nC\xc7\x97\xcc!\xcc\x963\x87MmT\xc5\xb5\xc1)\xfe\x99\x97:\xdfj\xdf\xaa\x97h\x0e\xec\xae\xdb\xda\x95\xbc\x03\t2\x0b\nd`x\x0e\x07\xear7\xad\xe0\xdd\xd0\x15\xde\xf24\xe9\xd3\xfapf\xfe\xb2H\x17h\x98\x07ue\x8d\x9f\x1019\x1d\x8a\xf2\xf4\x94=\xae\x8f\xfa\xa8P\xbc\x9e\xe5\x94`\xd5N\xc9\x1fy\xcdvQ(2{w*\xe2\xef\xec\xce\xacf\x17.\xc3@\x05\x80\xc2CE\xd9t\x10\xddq\x05\xa1\xee\xf7\xf0\x8b\xe6\xca\xac\xdav\xdfr\x91\xf2_\xb4\x91\xe4\xa2F\xc8\x02\xfe8\x98\xad\xebCm&lt;\xa4cw\x06\xe1,\xc8_zW\x05\x8e"\xd5V_\x08v!\xf7(\xe3EKEmS-%\xbfPw\x05\xd0y\x13\x1bs\x0f\x98\xad\xba^\x9b\xc8\x13\xc2\x086\xb4\r9\x80\xc3y\x16dB\x940\xfa\x8b\xde[\xf3v\xfb\xae\xd7\xb8\xd5-dawwit\xedu\xdb\x1d2\x19Z\x08\xa0\xb2\x85\xbfG\x98\xedU\xb7\xf4!V#\xee\x06\xb9S\x87\x90\xee\xbb\xe9z\x84\xa5\x12g\xf3\xc1\x01\xb2\x9c\xcdr\xaa\xbe\xc1-\x1b\xbd\x86(\x8d[\xbc\xd8\xeeK\x05\xd8\x923\x96/\x80@\x97\nx\t\x8a\x96\xb3\x9b\xdb\x86\xf6Ua\x0e\x03K\xb1f8\xdd\x98\xad\xebCm&lt;\xa4c\xa6Y\x1fm\x85%WZ\x02L=Em\x9e6\xb4\xc7\xf5A\xc1z:\x08\n{KhA\xc3\x94\xd5\x7f#\xd7\xc1\xde_\xc2|\xb6[\xce\x99\x87v\xf6\xeeH+&amp;\x13\x0bCO\xc2\xc8p\x19\xdf\xeb\x81\x9du\xa9\x88\xee\xcd\x9a\xd9I\r5\x84k\xaeG\x94\xc6U\xae\xa5-\xd9D\x8fC\xd6\xae\x89\x13\x1b\xbe\xb3\x18\xde\xc7\xd8\x86t\xb6L\xd7\x80TP\r\xa5\x1dJ\xc2\xcc\x85\xe6H\x87B\xd2\xae\x9f\xc6\xc5\x1co\xe4\xf7\xbd\x9a\xb5/&gt;\x1cg4\x87 \xe7\xf7\xfbr\xe7;\xc4\xae\xb0\xf2\xc1\xa4rz\xe1\x85v\x0b\x01A5C\xd7\x00\xb3\xd0)V(\xf5\xc9\x97\xa8\xa0\xe1i\xd2\xf6\xc7\xd9\x8b9\x84\xde\x05\x8d\xae\x96\xa1\'\xfd&lt;@{\x85\xf07{~)\xdf\xf6\\C%2\x0cG\x87\xd1\xe3\x82m2@\xf5\xe4\xaeb\x18\xfc\xaaT\x12\xa3\xd7\x1f%\xa6\xe4\xcfP\xc2\x12\xcb\x98q\xda%\x97\xc2\xaf\xbc\x9c\xb1=\x11\xderf\xa44\xbc\xdf\xe9\x96\xdc#\xd1\x8e\xf8\x19\xbf\x04\xd2Cc\xbaa\x1e\x1ef&amp;\xd1\x17y\xb5\xff\x19\x83\x109"\xc0s{\xb4\x00\xb1\x1ezP\xdffr5\x9f\xca\xe3\x1c\xacx\xa7\xb6\xef\xde\x8ad\rlh7\x0f{+\x11\xd8\x04_\xe2Q\x9c:\x11\x90\xb5\x02\x10s\xde\x06pr\xdf\xd3u\xadM,\xdc \xf6\x85\xaa8H\xe90\x86Z#\t\x14\r\xdd\xa1\xe4\xc2\xac\x1b(P\xb9iS\x07\xdf\x92:w\x05\x94\xa3\xad\x80\x89\xae\xae\xc0\xddOf\xce\x1b\x19\'#\x0cQ\x06y\x1a\xcc\x19L\xa1f\x9d\x81\xe4u9)X\xd2\x8b\x14\x85\xdd\xc0\x85{\xef\xb5\xce\xe2\xba]\x0f\xefe\x06\xf2\x92#2\xcd\x19\x01*\x02\x00\xf1\xe0X\x1b\x9f\x02 \x8c\xbf\t\x88L\xed$\x12Z\xc3\xab\xd2C\xc9W\x9b&gt;q+\xe4\xd5i)\\\x10U\xa8\xdc\x9c6\xa3\x93\x9eC\x84-\x9e_z}B\xf3\t\xb4B\xa2\xb1F_\xa0\x07\xfdW\xa9\xd5\x81\x17\xf2\x14\xe7\xda\xe5\x9a\xd1\x18\x19\x9dWk\xcdi\xba\xd1\xf8m\xf6"\x7fK\x0c\x7f\xb9\x0f\xe6\x1fP,s;\xf4\xfd\xf6\xb5Wk\xbb\xb2\x9d\xa6E\x88\x8a\xc8\xf7\xfb\xdfr"#,\xda\xa8\x04\xda\xc1\xda\xce \x83A\xf3\xd8\x1dM\xef\xe5\x7f\xc1\x95A\xa0m\xfa\xbfi\xb2\x13z|\xd1\n\xb2\xdd\xde6\xd3r\x08-\x89\xf17\xb7zy;)\x0c\x07\x1dN\x8d\xa7\xc1\xf1\xacOl*\x169M\xd1\xfdB%\xa4-\xec\xaf\xd8\xb6\xb3\x02\x80\xa2e\x99D\xd0\x95\x8a\x16Hw\xaa;\x9a\xaeU\x85N\xf5\x9f\xf0\xaa\xda%\x97\xc2\xaf\xbc\x9c\xb1=\x11\xderf\xa44\xbc\x8d;\x85\xd0\xf8\xad\x99\x96\xf5\xc4\x12\xd5\xf7\xbc2[\xabk5,?\xb6s\x94\xe8+\x0bF\xad;\xb9\x85\x98\xb1l}=r\x10\xf5\xc9\xc6\x11+\xc3\x14w\xdd\xb4\xe4o\x15U\x89F\xf4\x8b\xd3\x1b\x08\xee\xfa\x8c%?:R\x84|\xfe\x86|\x9b\x94\xcf\x82\x13\x94&lt;R\x11\x85\xb0\xb1\xcf\x05L\xa1\x95X\xebw0SX#\x9d\n\xf5y]\xfd2|n\x02\x01\xbcS.\x0f\n;\xc2\xd1$n\xa0\xaae\x8c\xb3a+\'$\xd3\xef\xc0\x9b&gt;T\xday\xfc\xf6=\x96\x91Cmyo\xe5i\xc7\xf9]v\x7f\x8a\xd7\xa7\xa9((\t\xe9\x9eV\xd3\x9b\xd6C\xbb@uQ\xd17\x8e\xa0OG\x8b(\xfckf\xc5h\x04S\x158u\xe8\xfa\x17$W\x0c\xde-\x1f\xe7\x06b\xa3Z6\xab12\x05\x8b]\x8fz\xa2ee\x8eT&gt;\x15i\xafj`\xf8Ai\xfbkpK\xeci\x99\xe6Wv\x02\x98z\xb8#\xc1Z\xbdA\x1b \xf5x\x97\xc6\xd6\xa6\x0fHO=\x15&lt;\xb7e\x156)\x9a\x19\x83E\x18\\\xf81\xbaw\x9f\x9a\x08\x7f7&gt;\xecq\x1b\xb3p\xe6\xec\x17^\x17_@&lt;\xa3\xd1\x06\x02\x1e\xda1\xc9\x1c\xdd{A\xe8S\x0b0\xff\x8b\xae\x86\x94R\'#xU\xffV\x01\xffC\x8f\xa2\x92C\xa6\x0f\x8d\xf3\xf0\xec\x87\xf9\x8e0\xb3k\xec\xe3~\xf6\xb2\x9b\x11\xb3\xce\xed\x91Z\xc6\x0e\xb9\xd2c\xfc\xabU1\xf7\rg15T\x9b\x1eS\x08\x83"\xab\x06\x83Og\x95\x1eQ\xe5\xbf\x8c\xed4\xb20Rs\xe9\xae\xca{\x18&amp;\xc4!7\xe3\xc0wG\xde\x0eC\x03=\xa3BZ\xfa\xd0(\xe5\xd2\xc5\xde6\x07v\xe25b\xfb\xb2\x05\xb0o\x12\x12\xce\xa6\xf5\xdb\x18\x1e\xc2=\nUxp\x9e\xb2l\x1d,S\x83\x94\x0f\'p\xf0N6\xeb\xea\x95\x9cE\xa5\x00\x9ff\xf9E\x89\x9e\xb4\xaa?\xd9\xd4}\\\x05\x99I\xbe\n\xda\x08\xa8A\xcfU\xfa`#\xc7"\x8dz\xc7h\x01\x91\xddF`\xe1\xceH\xc8\xfb\x15\xc4\x98cE\x91\x13\xd7\xcb\xed;p\xff\xdc\xaa\xa1\xc3&lt;o\xa3\r\xad\xbf\xd2\xf5\x08\xc1\xcd\x0e\xd5\x98\xf3\x8f\xfa\xa7\x1aL\xe0\n\xacc%\xba\xa3Pll\x7f\x9f\xd6\xb49Y&lt;\xb2\x89@&amp;V~5\x8d\x01u;\xc7&lt;\x06;\x8d\xec)\x87\xeeT\xbb\x08H\x83\xcd\xb1;\x8c\x80\x93\x1b\xcf\xdc\x19\x88}\xa2\x9b\xdaB\xcd\xd4L\xe5\xf0X\x0e\xe28\xbf|\xeb\xb5\\\x87\xf3&amp;O\xf3\xcd\xe9x\x96\x96fa\xd3\x00\x84\xfb\x82\x16\x81MA0\xafm\r\xaeF\x17\x0e&lt;\xa4u/c\xa7\xe5!\xc9\xfd\xda3[o\x88Vl\xa9\xf7\x97d\xfe\x17\xd1\x81\xdf\xb1\x98o=\x83\xc1\x93\xad\xdcD\x03\x85\xe92&lt;C\x90\xe6\xaa\xd5\x85\x0b\xdd\xa9\x00A^(\x85\x13\xa6\x93\x93\x1bO\x11w\x8b\xfcmf\x0e$\xe2\x82gZ\x91\xe7\x0ej\x93X4\xb0\xd0\xd0\xd2\xeb\x8f\xa1\xf6bI`\xb3 K9\t\x08F\xea}\xd6\xcb\x07\x83#JL\xaf~\xd6W;\x833&lt;\x87\xa0\xe7(|\x9b\xf9\xedU\xae\xe9k\xe8\xba\xd1\xd4/1\xcd\xd7\x84\xfaR4\x12\xbft\xe3\x1a\x92\xff\x85\xcf\x18i\xd5o\xbcS\xae\r{X\xa6$\xf9{\x0b\xd3\xdf\x81\xa7\x0e\xd2\x9b\x10\xd9\xb3!}\xf8Q\xefO\xbb\x18\xadt(h\xebl+dg\xbd\n\x1d\x06\xfa\xd85\xbaI\x87\x0b-`\x82\xee6\xde\xcf\xe0\x1c\x98\x94\x01a\xe3\xda\xb6\xd4X J4"h\xfd\x10\x88\x96\xbdL\xcf\x19N2\x89\xde\xf6v\xdfSd\x03;\xe6(\xab\x0cVh\xfc\xa4\xe3r\x7f\x1d\xb5\x9c9\x99\x13\x90M|\x03\xed\xe3e[$\x80\xc6\xc4\xe9\x8a\xf0\x9f\xd3\xd4b\x96\xff\x7f=@\x042\x85\xabTy7\xadp\x04\xae\xa1{\x95\xf0\x96&lt;\xe6\xfa\x18\xc4\x1d+\x05gM\x83L\x05f\x11\xedN\xd9\xc61\xa5\x10\x8f|\xee\x84A|\xbe\x16@|\xf9\xdf\x7f\xf3:\'&amp;.4rExV\xf0\xf4\xd9&gt;Y\xba(\xf6\x89~\xa0OS\x9e\xc5\x9ag\xcf+U\xb6P\x90\xd9]\'l4*\x9aY\x80\xb1L"\xe4@z\xcb,-%\x1c\x9a\x1a\xa4\xe1\xe3\xab\xaf\xffT\x9a\\n\x89\xd8\xa2UQH\xb8\x8e\xdcf0\xf0\xbe\xd4\xe1\xf8(W\x0e9-\xd4\xd7\xe7 \x8d\r?|\xde&lt;J\xbc\xf7\xa6m\xc8\xd0\xb3\xe3\xf2w\x99\x01\xf7\xc7A\xb7\xf1\xf1\x8e9\xce*M}\xc8\xe4\xa0,\x15\x82\x1c)P\xf6\x18\xdcX\x10\xc9\xbe\xfa\xbd\rGx\\\x05d\xecU\xf7\xe3\xde\x07\xa2\xfd\xf4\xa0\xbf\x1dx^\x88S\xfa83~\x16\xce\xa5\xffV\xb5!y\xb6\x11\rA\xdc\xcf_\xde\xcf\xddr\xb7z\xfc\xe0\x8b\x88(p\xf2X\x92\\z\xdaV\xd2\x97\x8e\xc8U\xe0\xbakX\xf7\x84\x809\xdcAh{\xf3m\xc8\x9e&gt;\xaa\xb8m\xa8\xd5\tS\x08\xb4\x8d\x94G\xe0\xd9mr7\x8e\xdc\x91\x7f]U\x04\x9a\x93AO\xebA\x0cR\xe6l\x1d\xcc\x1c\x01\x1e\xd7:\xd08X\xf2$\xff\x11\x83\x94\xbf\x8a\xe4m\xf4\xf7\x01\xffL\xc4\xa7b\xec\x08@\xa5\x01~\xa7\x18\x17%b\x1c\xae\xc1g\x80FQ\x075\xf7d&lt;\x8a\xca\xc9\xcb\x17\x90v0n\xb0]\x18uG\xc2\xb6_\x97\xda\x00\x9a\xc6\x8bnx\xd5\x8f]m\xe3\xdc=\x08o)\xea\x0bT*\x04\x7f=\xe2}R~\xd2J\x94o3\xbayo\x0eT\xf6\xc3\x9d\x19I?\xeb\xa9$\xb0\x89S\x98\x04\x95\xe6\xcd\xd3&gt;\x95&lt;\x1dao\x98\x17\x90\xaf\x86Q\x84\xcc\xdb\xbe\x15m\xcfm\x1dF5a\xd4\x89Ni\r9\xd1\xb7\xea$]}\xc1\x03\x08L3\x90GL$\xb4\x04\xfc\xa8DsW\xe4J5\xac\xbc\x9f\xa1v3\x17\xd1\xad\x02(4sqq\xf0\xdd&amp;\x11Nyu\xe7\xab\xbf\xaf\xdft\xd9q\x1d|\x10*\xe1\xd5\x86\x11\xd4b\xbcNz\xa3\xc7jB\x9a\xc4s\x0fq\xea`\xe1\x87\xde\xcc\x82SHW&lt;\x0c\xe0\x16 *A?\xa3A\x94\xf20n\r\xd7N\x02\x15\xe2\xc6\x05\x80\xbds\xbc02\xb1u\xa8\x0c\xde\x85\'\xe5\xc2\x99\xa0\x7f\x10\x849V\x92J\xb3\x9f\x86\x87TM\xf0\x99\xc7XyKd\xf6\x9c\xa7\xe8\xb4S\xa4\xb1\xb3-t\xa12\xe7\xfe\xcf\x18\xc1\xb5\x16\xcf\x9d\xb3.\xa96\xd2\xfe\xf1\x9fU\xb9\xd1\xce/Sp\xb5Z\x9e\xafr4\x10\xe6z\xf0\x8d\x1d\xcd\xc0}\xfeY\x125\xf71\x8bx\xf4x\r\x10\xdeGk\'\xa1k\xa3\xc4\xce!\x82\x03\xc2\x02\xc0\xd6:&lt;&lt;wb\xed\xeehe\x18\xa4\x10\x99\xa2!h~\xe1Q\x82s\x1e\x8fE\x11\xf8\xd4\x84z\x96UL\xb0\xc7\xe4~\xa8\xbc\xca\xc5\xb6y\x1c(e\x03}\xf5\xeaI\xa47\xc37\xe3\x94xWHHTr\xa2T@\xad\x1b\xf7\xef\x88|c\x8a\x1d+\xb2\x14\x1a\'\x8a\xa6%\xc5\x07@\xcb\xeb\x08\xa3\x85\xec&gt;\xd2\xc3\x9eX\xe8\t\xfa\xcc\xbeJ \x9d\xc5\xd7i\x00\xa1I\x16l\x11\xaa_Iu\xd2\xd1~\xb2\xc1C\xa6\xcbB\x85\xf5b\\/"##\n=\xf2\xd0\x11\xcc73\x99\x95\xd5?.\x82;\x1fo\xd1\xe7O\xcb-\x9b\xa4t\x8c\xe0\x1a_\x91s\x00\xad\x8b\x0f\xfd(\x7f\xbe\xf3\xe6\x05\x91\xe4\xe7\xa7)@\xb9z\xc2\xbf\x0b\xb3k\xad\x13\xcf\xa6\x8e\xc7$\x1e\xaa\x85\xd9P\xc5\x1a\'ir,\xe8\xb8\xcf\xc9\xaf\xbb5\xea\xbe\x9a\n\x1d\xde\x11F\xb860\xecWMQ\x1e|\xf0Q(\xbd+^\xccBE\xccn\xd7%\xc0\xcd-\x9bv\xceF\x98\xad\xebCm&lt;\xa4c\xda+g\x8d\x12\xda\xfc4("\xdd&lt;:\x84Q\x96\xfc\xcd\x8d\xfaf\xaaN\x1a\xa1\x08\xad\xb4\xd35V{\xac\xea\x93]2sl\x80v%\x0b\x05[\x10\xcdKR6;\xc9\x10\x8e\xa6\x07=Dm\xf6T|\xba\xe3q\xe0\xa2\x858"7?\xc9\x98K\xe7\x98\nd\xd5\xd8\xdb@oz.Y\x9e\x912c\x82\xecm\x01?0\xdd\x16\xa5\xe7\x0e\xbeG\xd3\x8e\xaf\xd6\x84\xbe%\xefU:\xcd\xa1\xa86\xdaWd;\n#tY4#~s\x82\xc0W\x04\x98\x18o!~\xa7\xda\xd7\x96a\xa5\x92\xbar\xff\xae\xe7\x15&gt;\x1c\x0f\xe9\x8e-\xf9^\x8d7\xd6\xca\x11\x14C3\xb3p\xe6\xec\x17^\x17_@&lt;\xa3\xd1\x06\x02\x1e\xda\x9d\xfd\xd9\x15\xdd*\xd6d\x13\xf8\xddxt\xb9k\x113\xfc!%\x91!\xe3\x06^\x97\xfa\xef_\xd7I\x1e\xa7_j\x0f\xffx]\xbdg\xf1RM\xb7\xbf\x94\xff\xe2\x87\x13\x0b\x98"\x1f\x94\x02$|W\x1e]T\x1e\x18]\r\xafn#3\xb2\xcaQ\xbcj\xdd\xc7\x06/\xa4\xe4\xb1*\xe6\x1a\x0e&gt;[\xfb3\xa8Q\x0f\xa1\xdbV^\xd4\xbe\x84\xc9\x99b\xa3S\x85@mm9\x9c\'\xaf\xf2s\xb4w1\x84\xb3Y\xe2\x02eUF&amp;s\xca\x95\xd9H\xb2\xfd\x19\xc9\x9f\xf1\xec\xfaO\x81\xee\xe0\x89\xc9!\x1e?#\xf4\xa3h\xf4r\xbf\xe5\xeb\xee\xd7\x907xj;\x9a:\xed\xa5\xc0\r\xca\x9e\xa2\x19\x1e\x90\x9e\xe3\x01\x1d\xb7aO\x9b\xc9\x0e%\xf6&lt;\x90\xa8\x1f\x82\xf1\xad:+\xd0\xff\x11sd\xb6\xb00\x8cS\xcd\xa2GWe;\x82\x8a\xd0\xf2\xe6\x8a\xbb\x97\x9e\x18\xf4\x81U\xd7\x03\x90\xc5\xad\x87\xe49\x11\xfd\x11\xd2\x14\xbdn\xccR\xef=\xa7\xf3\x816\x8c\xf9\x8eO\x9c\x07\x06\x0b\xb7\x82\xc6\x9e\x0eW\x98\xb4\x16\xef\x0c\xc5L\x048$\xd3\xc3-0Lj\xdd\x1c]3\xd2\xc9\x8fO;\xe9\xa7\x0c\xed\xed\xee\x17\xc4\x157K\xb0\x18\xb4\xfb"a\xf6\x01\x87\xdf\x91\x8b\xd4\xc0c2\xd2N\xa5NM}[\x18:\xe0\xf7\xbd\x8b\xe5V:\x995EP\n\xa5v\x1fd,`\xe6\xb7\x86\x99\x8cb\xa4c\x7f\xc2\xe3\xdd\xca\x04OF\x9e\x8c\xb58SQ\x07\xa9\xde\x01\x0f\xe8\x80ix\xa3\xeb1\xf9\xe5\x19_\xc2$Qg\xe5\xf6o\xbelNNM}[\x18:\xe0\xf7\xa8Z\x90\x08\xe5S\x04D\x16\xa8F\x00H\x82\xc1t\x11\xa8-n\xb0\x15\x8e z\x95\xc9\x1f\xab\x0eB\x8b\xf4se\x89\xef@\x9aC\xb4\x15,\xe4\xee\xa8\xa6\xaa'</t>
  </si>
  <si>
    <t>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</t>
  </si>
  <si>
    <t>b' -\xaaM\xf1\xbanS*\x80\x18\xa8\\/dO'</t>
  </si>
  <si>
    <t>nd of the eight weeks, on launch day, is to have
 enough of a following to be able to move the first few hundred units of your
 product. That way, you can get that snowball rolling and get to twenty-five
 sales a day.
 There are a ton of options for you to find that following to do this online.
 Facebook groups are free and easy to build, as are LinkedIn groups, and they
 each can have very high engagement. Some people use Instagram pages or
 other social media accounts, which work well as long as you can stand out.
 Some people just use their own personal Facebook pages, which can also do
 the trick. The important thing is attracting a few hundred people who are
 responsive and passionate, like you are conversing with a community.
 That community will follow your product journey and support you when
 it comes time to launch. That will be the spark th</t>
  </si>
  <si>
    <t>b'\xa9\xbd\xd5\xb5LC\xc2eH\n\xf7\xda\xe7%n@\xe7.\xf0\xc5\xf6!:\x95H\x82\xf41\x1f`\x85\xe9d\xc4\xff\xcf\xaf\xe58\x95\x19 \xa8S.\xf9\xaay\xc7D\xecF\xadko\x02X\x14\x92_d^\xa9\xe5+1u\xc3\x15\\\\\x1eb\xe2\xa7\t\xd0G\xfa\x1f\xe5\xd2\xdf2uJ\xd6\xa1V\xae\xcfm\x80\xaa\xc3\xbe\x04\xd4T\xb6\xe6\x84/Fm\xf9\'T\x7f1\xd0\x91i=\x90h\nyL\x80\xa3\x14?\x05\xa6\xee\xf2\xe2\xf6\xf0}\xd7\xe6B\xb39\xb2\xdd\xe0(2\xb9\xe7\xfa}\xc1\xae\x96\xb33\xc4\xe97\xa7\x15\x9d\x1f1^\x98Ap\xe1A\x9c\x05\x9d\xbc\xecg\x88(\xd9\xfal\xe2$`\xec\x93\xc6\xb8[\xdf\xfe]\x80:\xcd_\x1cuV\xbc%S?\xf8\xfb{\xc9\xd5\xd9.{[\xc1\x8bC\x96\x1d\xc8@{Y\x17D\t.^\x87\xc5\x08\xca\xb2\xaa\xfa\xfb\xe1\xa5~i+a\xe0D1\x95\xc96\\\xebBC\xac\xd4\xb2\\\x80\xa4\xd3\xe6\x95\xe2\xa0ad\xe4j5\x84!\x10f\xc3\xdfc\x90\x91G\xab\xea\xac\xfb\xf7\x97b\xfc\x0c\xc3\x08H\x92\xf2\x05,M\xae\x9cuR\xc7~\x1fX\x01\x9cq\xeaO)#\x06\x1b\x83\xc7\x0cB\xc2\xc8s\x83\xf3\x9c\xa0R\xc5\x8f\x19\xe3\x7f9L\xed\xaa\xda#\t\xcd\x01D\xb1\xcf\x88\xc0=\x9fQ\xfed\xeet\xab6\xc3\x82iOho\x8a\x08\xd4n\xd8\xeet\x88\xc8\x0e\xe3\xbb\x08s\x8a%S-\xe2\xc7\xeb\xbc\x11\x16\x9fhJJ,\xc7\xc8\xff&lt;\xe6\xb3\x1d\x9f\x7f0s\x11\xcf\x12\x856vM\x05\xd5\xa9\x0f\xff\xc9\xc2\x99\x9bB\x83u\x1b\x0c\x17\x1f\xf7*\xe7\xfd1\xf6\xd1\xa819\xbf\xf7\x80\xd6\x03\x8akW\xfdb\x04z\xcc\x96=\xc1\xb5\x86\xc4Wn!v&amp;\xfb\xace4\xcf\xbf\x92\x81\xf9\r\x18\x7f\xd5\x95\x82\xd1\xa3K\xfdad~\xf4\xa9x\xf9\\\xc9\x1d\xea?\xd5\x86\xfe\xe2\x15\xfa&lt;Ck\xd6\xa1#\xa1\x18\xdc\xc5\xecc8\x0e\xd70\x89\xab\x88\xcf\x8e\xd9 \x17&amp;p\xed\xce\xce\x13\xa7\x1b\x9eG\xeb\xd9\xa4\xd5&amp;w\xd7\x03\xf9\xb0\xda\xc8B\xb7\x0f0\x03\xd2\xe6\x87\xa1\x9fV\xd5)\xcfd\x00+[0\xf0f\xad,F\x00\x94"1\xaf\xff\xb1\xd9H\xd8\xf0\x83qDIX\x1c\x11\xdf\x89R\x88-\xe1\x9b4.\n\xfb\xc6l`\xd3\xab \x8a\xe0\xc5Y\xd2\xe9\xfe\r\xe8\xed\x7f\xefr+\xb4\xd0\xb7tuv\xb1,\xdc\xd7&amp;Ct\xe67\xf1\xee\x9b\xe9K\x8f._\xd3\xbch\x18\x8f\xe3\xd1\xc1\xf8\xbf\xa76\x07|L\xf4\x16\x06\x92\xd9}\xe9R\xc1\x87i\xae{\x00\x07\xb8\xdf.`W\n\xd6&amp;\x01O\xbbM\xad\xfaU\x84\x9b#\xe3\xdc\n\xfe\x1b\x95\xda\x00\xa3\xae\x85\x10i\xf2\xecG%\r\x8b\x062\x1bV\x0fs~U\x02\xc8\xc9%\x95\x7f\xcd\x89\xc2\x9d\xee=\xb2\x9e\xb3\xc8\x92\xd4\xeaa\xf7D\xae\xa8\xc6(h\xbe?`\xb4\xbc\xa7\xa6{\xa4\x85\x92\x9b_D\xfa7\x8c\x95\xfbO\xf9\xb3n+\xdb\xe9s\xdb\xb6S\xe1\x00\x0c\xb0\xe5\xa7\xd3\xa1\x8a\xb2\x02\x9b\xd8\x98\xb39\xc5\xd9\xd8\xd3\xfc=\xf5\xa6\x02\xc3\xe7FO%\xa9\x05`\xba\xe4.A\xb0ay\xcf\xbc\xb6\x84:\xc3\xaa\xa2\xf8\xa9\x8f(b\x91V\x14+\xe2\x83\x80\x04R"Xu\x05Sg\x9e?\x98&gt;\xf8_\xbd&gt;k\x11q\x91\xb8q\x95\x1a\xff\x8fbNQ\xbcxY '</t>
  </si>
  <si>
    <t>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</t>
  </si>
  <si>
    <t>b'\xa9\xbd\xd5\xb5LC\xc2eH\n\xf7\xda\xe7%n@'</t>
  </si>
  <si>
    <t>e covered with these
portraits. She had never thought there could be so many in any house. She
walked slowly down this place and stared at the faces which also seemed to
stare at her. She felt as if they were wondering what a little girl from India was
doing in their house. Some were pictures of childrenâ€”little girls in thick satin
frocks which reached to their feet and stood out about them, and boys with
puffed sleeves and lace collars and long hair, or with big ruffs around their
necks. She always stopped to look at the children, and wonder what their
names were, and where they had gone, and why they wore such odd clothes.
There was a stiff, plain little girl rather like herself. She wore a green brocade
dress and held a green parrot on her finger. Her eyes had a sharp, curious look.
"Where do you live now?" said Mary aloud to her. "I wish you were here."
Surely no other little girl ever spent such a queer morning. It seemed as if
there was no one in all the huge rambling house but her own small self,
wandering about upstairs and down, through narrow passages and wide ones,
where it seemed to her that no one but herself had ever walked. Since so many
rooms had been built, people must have lived in them, but it all seemed so
empty that she could not quite believe it true.
It was not until she climbed to the second floor that she thought of turning
the handle of a door. All the doors were shut, as Mrs. Medlock had said they
were, but at last she put her hand on the handle of one of them and turned it.
She was almost frightened for a moment when she felt that it turned without
difficulty and that when she pushed upon the door itself it slowly and heavily
opened. It was a massive door and opened into a big bedroom. There were
embroidered hangings on the wall, and inlaid furniture such as she had seen in
India stood about the room. A broad window with leaded panes looked out
upon the moor; and over the mantel was another portrait of the stiff, plain little
girl who seemed to stare at her more curiously than ever.
"Perhaps she slept here once," said Mary. "She stares at me so that she
makes me feel queer."
After that she opened more doors and more. She saw so many rooms that
she became quite tired and began to think that there must be a hundred, though
she had not counted them. In all of them there were old pictures or old
tapestries with strange scenes worked on them. There were curious pieces of
furniture and curious ornaments in nearly all of them.
In one room, which looked like a lady's sitting-room, the hangings were all
embroidered velvet, and in a cabinet were about a hundred little elephants
made of ivory. They were of different sizes, and some had their mahouts or
palanquins on their backs. Some were much bigger than the others and some
were so tiny that they seemed only babies. Mary had seen carved ivory in
India and she knew all about elephants. She opened the door of the cabinet and
stood on a footstool and played with these for quite a long time. When she got
tired she set the elephants in order and shut the door of the cabinet.
In all her wanderings through the long corridors and the empty rooms, she
had seen nothing alive; but in this room she saw something. Just after she had
closed the cabinet door she heard a tiny rustling sound. It made her jump and
look around at the sofa by the fireplace, from which it seemed to come. In the
corner of the sofa there was a cushion, and in the velvet which covered it there
w</t>
  </si>
  <si>
    <t>b'L0\x9f\xdf*\xf3\xffb\xd2\xc2M\xf1\xfd\x1a\xeb\xa2\'=\xee\x90\x8aY\xef\xe0\xbc\xecP\xcd\x14\x9bO\x9f{\xb3\xa2\xb8\xdfg\x9dqQ\x08\x89\xce\x1f\x15\xbaA.Lj\xf1^\xa2\x0b-\x98\xc4^u\x0e\xc0\xc4.\xb1\xdbS&amp;P\xf4`gY\xc4q\xc1\xa0g\x0e\x1bN\x01\x04\xf0\xb4hH\xf4V)\x02\x18\x87\xea\x06O#\xa1\xf6\x94\xd4\x01\x1b\x1b\xa7\xb4\x0f-\xcf[\x16\x1c\x85\xc5\xf3\xa4;\xe0uu~\x92m\x8e|\xd9z\xdc{C\xe1\xfac\xda1\x16\xeb%\xdaH7\xb0N\x87\xc5\x91X2\xb2&gt;\x8e\xc0$\xe0l\xae\xb3+a\x00a\xdf\xae\xbfUl\xd5\xb2A\xc8 j\xa9\xb1\xb37\x10\xac\xcf\xc0\x9c\x97b\xf4\xc1\x88\xdc\xf4\xb7\xa9\xd4G\x18sB\x13\xa6\xa6\x0e\xc8\xf2\xaeg,\x9bM\xad\tP0\xd2\xe1S\x13\xff\xd8\xbf\'\xc0\x98\x8a\xdcG\xc3V\xdd\xb0/\xe2\xf5B\x87#"\x94\xdd\x88\xc9j\x07"\xc7\xb7\x1e\x96rwR\xd7))\xee3`\x1fr5\x9f\x81`X\xeb\xd2\xf4\xb6d\x0cb(G\x8d\xe3\xca\xb7\xf5&lt;\xbeAA\xc3*\xc1,\xbb\x9d0\x81\xc4.\xa7\xed\x07\x91\x82\x96\x0ct\x99K\xf7o\x9b1\xf5\xbc\x9e\x17\xf5\xd0\x11\x80\xad\x14\xd0\x04\xd2\x95\xe1\x940l\x97\xa0s\xbd\xa8\xbbY\xa8^u\xde\xa4\xa9\xb2\xb4\xd8^k\xf2\xa6\xa8\xbc\xaa\x1cCO\n\x05\xe6\x94y1\xdc\x1c\tM\xb5u\xd9\x82\xca\xfc\x19~\n~\x92~4\x8d.\xea\xdb\x14;4\xbe\xfcc\xb8\x19!\x8bZ\xa5\x89\x18\x98$\x06\x8b\xc8\xe8\xc7/\x06\x8b\x8d\x88\x90o\xf0\xba~\xc7\xads\rT\x9aC\x92\x9d\x16\xbb,0\xe3\xe0|\xa7\x08\xab\xf6\x040\xc0\x19\xf4\xeay\x1fJ0H\xd9\xc7M\x9eK\t\xeas\xbd\x92\xd4g6\x1f\x93\xa9\xf1\xa1\xdew\xe3x\xce\xb9\x01/\xfc\xb7\xa5\xd2D\x887\xa4\xc0\xfb.U\xd0\x8d\xc9\xba\x9d\xab\xca\xd9",\x8fh\xba=4^k\xa9\x91\x9d:\xa4H9\x06\xf8\xd1qR\x1d\xe7M\x8a\xd2\xc9\x14\xc7\xf3c\xf5\xac\x97\x8d\xc0C\xc5\xb8\x1bC\xa3\xaf\xb55\xf9FcE\x13\xe6\xf7\xb8\xf3\x92\xbba"=M\xffV\xf6\x90\x9f\xa6\x06\x87\xd5\x00\xc3R\x0bDAx\xea\x1b\x03\x89\xe1?V\nk{\xa5\\\xac,z\x08E\xbb\xdcR\xdcw]\x8a\x89r3\x9b\xf5\xa7\'\xb4\xe6e\xd3\x86\xdd\x1b\x1fV0\xf0\x9e\xbfI2T\xd3\'\xbd\xf8O\xc9\xf2\xbb[-\x1c\x18);\xd8\xc4\xb76\x05\x8f\xddYQ6\x91-;{\x83wN\x98\x88\x84\xbc\xa3\xdd\xeaL2E\x1a\xc3&gt;Y@\xfc\xe8a\xea\x9a\x87\xd2\\7\xe9\x8c`D9\xad\x0cO\xda\x14\x96\xec\xb1\xf1D3\xce\xdb\xe5\xcbtr1!H\xd3Y\x00f\x9a\xc5\x82\xac\xe2\x19\xc2\x0b\t\xa7&gt;\x8fB\xb8\x07\xdc\x86\xd1U\x16\xe6\xae!\x95n$d\xf4\xc2\xd6\x0e\x10\xa1\x89h\xca\x96\xda1\xef\xb03\n\xe2\x8d]\x18MU!\x02\x87~\xc2\x87\x18\xb0\xa8\xac?\xc1\xf1\xc8\xae\xe6A\xc8\xf5\xeaM\x81\x0f?\xf9\xa4\xea\xce\xbf\xcd8\xdaT\xb7\xd9\xdaP6\x18\xa6\xe0xs\xf3\x12H\x18zj\xc1\xe1\x04\x8b\xc6\x84M\x10a\xd7\x92;\x1fY\nWO6\xebV\xedA\x81,{y\xe4\t\xe3\x03\x89\x99\xd1+p\x8d\x96\xdft-r\xc1\x87\x18\x98z\xd6z\x89vR\\\x15\x13*\xd6C\xb3tD^s\xb5\x96e}\xfb\xaf\x94zy\xddyX\xeaz\xb0\x02\xd9p\xeaB\xf3\xfb\xdaL\xed\x8b&amp;\x00\x04\xc5/N\xa1u&gt; t#~+\x83\x7f_m\xbc\xfa"\xbej\xd0\xdf\xa5\x19\x18\xc6\xebWl\x93\xad&lt;\x12\x1d\x1a\xd1+\xaa\xdd\x86 \x07V\xf7\xa3\x86;M\x7fm2XF\x8c\t\x12\xdf\x88\x0ekJN\xfd;\xa3\xb0H|e&gt;\xee:\xca\xb4\xefn(H\xa5\x19T\xde}\x1d\xe9\xa9\x8e\x8e\x05\xe0\x9e\x00\xfb\x9a\xc2\x9cMdbXM\x17\xb4\xadF{\x19\xefY\x1d\xf0\x88\x93\xf5\xe1\x99\xbc\xd7M\xdb~inU\x80|\xf9+\xe2\x11\x7f\x08\xe3\xf9[\xbf\'\x92S\xd9*\xae\xc96q\xcf\x90+\x01\xbe\xbd\xdb\xd4_\x9a\xe7\xa4rQ-\xcd\x8a-\x8c\xb1\xa9\x1f\xc7Lb]\x0c=\xda.\x10w\xcfF\xa4\xc9\'\xec\xb4\xd0$\x1c\x80n\xd8WE\xa4F As\x9b\t\n\xa0)\xcdE\x87\xe7\xc8_U\x1e\xda\x9e\xa2K\xa7\xe6\xde\xdd`\xa2B\xf7\xedkk\xc4a\xdf\xae\xbfUl\xd5\xb2\xc8ho\xf5\x05\x1f\xb3\xe0\xf8CS\x99\x80\xb3\xb6x\xf3yV\xe6Wr\x8cs!V\x16?\x18c0\x97P\xda0\x07\xa1\xe0\x9d\xf05,fw\xbfD\x9cB\x99\x16\xad\xc1~\xf5H0wO\xc24\xae\xa1\x8d\x1dr?yok\x16\x17\xfa\xcdBK\x84\xa9T\x05(\x07\xdc\x07,\xe5\xa7W\x16&gt;\xe8\x03"\x03sz\xa2\xec\x85\xf3/k\x02\x06+\xfa\xe6\xe9\xfc\xcc\x0b\x87\x92{kip\xb5\x06\xf86lfqRi\xc7\n$\xb9/\xd5\x17m3g\xd1\xdd\x18X\xeb\x14_\x0b\xe3\x96\xc0Yr\xa4\xd4J&gt;\x84\x88\x9f\x89(e\xc9xlNp^\xac\xea\xcd\x81[\x81J\xcfI7\x8d\x9d\x90r\xf8\xdbH\xceT9\xbf\xf7\xffA\x1e\xfb\x8e\'\xd1Q/\x90\x91\xe6\xe0\xdb\x80\x1ey\x83i\xc7z!^\xc2\r\x96\xc8\xc5\xa2\xee\xc9:L\x9f$\x86\xa2\x83\xa27\x81\xc2,#Z\x0f\xe1\xb8\x8e%U\x039\xc1-\xd6x\x08\xa2\xa7\xb3y\xc1\x85\x02\xf0Sc\xeck\xdc\xc8\xd7 2\xfe\xaf\xad\xd5\xfe\xbfu\xf9\x16\xdd\x18\xe0\xb0\x7f\x03ei:\xf0\x17\tY\xbc\xe3O\xed\x82\x8by?\x06\xef\x86\xe4Z\xfbx&lt;\x84\xc9z\xa6\x16\xf0\x96y\xd2\t;\xe5\x03J\xe9\xe5r*\xff[\xf1\xd3\xef:e\xd4\x0c\xf84\xedf z\xe7\xa8\xcf\xf2&lt;\xf9Q\xb3f\xb1\xc9\xb9$#)}}U\x96\x16\xaa\xb2mg\x11O,.\xe3\x00\x85P\xeb\x87)i\x8d\x16d{\xe0\x81&lt;F\x00K\xb8\x8319\xc0\x18M\xc4\xe29\x89\x1e-\xa0\x91\xa6\xa3\\\xb1/CW0S\xe5\xcb\x89\xa6\x9f\x85\xb6\x1d\xe9\xf2o\x98\nb\xfc\x9c u\x84fL\xe8\x01\x87@A\x8f.\x93\xc1NC\x01\xddN.p\x87\xcdI\xc4\x94*\xb8\xa4\xb4j\x88q\x8f\x1d\r+\xd7\x13_\x14w\xe4K\xd8+\xe4\x14\x14\xf0\x9c\xf9}\xd1\xb6Q\xf7\x80\xfa\xc9\xf9y\x99dAn\xefz\xc0\x17\xf8R\xf9\xae\x88\xcd\x9f\xefO\x18\xbfJr;\xae\xe0\x7f\xd78\xe1\xf0\x94\x9aK\x9f;\xc3\xc6\xe7\x1a\xdc\x8e\x8bo\xb07kw\xb9\x86\x16[&lt;\xd67\xb2\x87\xd9\xa0\xbc\xb5\x96\xcb\x9d?\x96&amp;\x84\x03\xfcL\x8d{|zs\'+\x8e\xe7iTC\x85\xba\xbf\x87]R\'\x16\xbc5uZ\x9f\xc3\x9b\x11\x8bb\xb4IQo\x92\x1cA\x1f\x07\x0f^\xcdR\x86\x84P\xe6\xb8\xeb\x81\xdaU\x7fi\xefzwW\xc45\xd1-\xa4U\xff\x88\xc7\n\x84X\xf7?\xe0S2@\xd8+.&lt;#w\x03\xd1\xe3\xcb\x1e\x9f\xbd\xc0H\xa7ic\xd3\xf6\xee\x12\xddx\xec\xc9\xf8Z.\xcd~\xffq\x9f\xad\xc6\x06\x95\xed\xe5\x10s\x0e\x97\xbe^\xdc2j\x85\xe8\xb5\x82\x8f\xf0\xc2\xc4\xf5\xaf\xf6\x08\xbd\xdf\xff7\xd5\xfarZ\xb9\xe7M\xa4lO\xfcKw\xee\x81\x1f\x14\x9b\x99\xb0\x15\xc8\x08%\x0c\x83\xd8\xa9\xd9\x06\xdb\xd70\xea:\xc1\xdb\xe5{\xe5\xd7\x99=\x98\x84\x88\x81T\xedK\xf2!\x02\xa0\x0b\x8b\x17\x89\xbf{\xdc\x0e\x8e\xf5\xf8\xa0w\x17?n\xa1\xa7\xc6}\xd9\xc3\t\x9e\xe4\xd2\xf1\xder\xd2B\xb6\x9aI\x01\xe7[\xa1\x91ha7\xc3\x02&gt;"aT\xb3\xd2\x86\xed\x17@\xad\xf1\x04\x0c\xafv\xe8\x1c\x02\xafg\xca\xbc\x13\x00\xf9\xb4\x9a\xf1\xaezU\x9ehoV\x9cL/\xee8\x1e\xc7k\xe0\x90\xff\x0f\xc2\x8br-\x9dL0$\xd0\xa2\x92\xf1\xe4t5\x02;u\x04!\x12\xea\xb92I|\xf1\xc9\x9c\xa9\x1b\\\x95O\xd3\xb4M#M\x02\xc2\xb9S#\xf7\xb0\xbd\x85\xdeK\xc9\x82s\xa3zU\x175\x1bF\xc4\x88\xe6\x0e\xee\xc7&amp;\x88\xb1\x01-%m\xe7l\x1e\xe3\x98\x00\x88\xd4&lt;\xf7\xc4#\xd9Af\xac\xaa\x7f\x1c\xd9\x0c\x0b\x12\xa0\\\x0b\xe3\x9eX\x87\xc2\xae\x95\x8ax\xfc&amp;\x1b\xab\x92\xfc\x12\xed0?\x0e\xdd\x0b\x15V\xac\xa2\xd0\x8ah\xef\xe8\xb7&gt;\xef\x1cQ\xf3\xea\x06\x0e\x06+{\xd6\x90\x15d\xf3YB\xe6\xd6V\xa0\x9a\tr\xd6\x86\x9f}:\xcc\xde\x83]ji\xeb2\xbe5\x85\xee\xda\x00\x10\x89L\r\xd9\xf1\x90\xec\x11\xba5\xba\x97\xb3\xec\xf0\x95{\x1e\xe1C\x9ad\x86\xdf0\xe1\xb0\x0b\x0be\xcc9\xa8\xd2\xf8W\xbb\x0ft\x90[\xecUn\x0eg\t\xd7\xcbU\x9d\xa2\xcf\xcb6=\x1f\x14\x8a\xf1,\xf0\t\xfe\xfc\xb9\r\xec\x9f-\xd4\x9b\xe1\xfb\x1f\xc7H\'\xd9\xbe\xdbc\xea\r?\x8dF\x8d\x00\xd7[\xb8\x03\xe3\x87\xd1~\xb0\xe4\xd4\xe0\x9c\xd1\x7f#\x84\xb9\x898o\xfa\x01_\xbb&lt;\x9b\x1fu\xbfc\xaf\x9f\x17\xbf\xd3t\x1de\xe5c\x9aj:\x17\xb8\x0e\x8dE\\:\xc2\x89\xc5\x16\xc6\xb8x\xbc\x8f(\x8e\xa8\x1bh\xa0\x16Lr2\x94\n\xbc+&amp;I\x800\xea\xdc\x97dP\xcc\xa6\x1c\xfau\x87\xc2\x86\xfd\xf0%r}\x81&amp;\xaf$|\xa2F\x13\xbb\xc7\x12\xf2\x8e\xae\xbd\xeff\x97\xb4\xbd\xbb~\xec5@\x19p\xcf\xd5\x9f\xbbv\xf8\x83[4\xd6V\xdc\xeer\'],\xfc$\x97\x0f7\x8f\xe7\xdd5X:\xf3q7)\t\xf4\xa9\x1a\x1f,\xf2`\xa3\x0bfAKyuX\x9f\x9a;\x92\xe7F\xb7\x87\xf8\x01\xf0h\x85\xaa\xfb\x9e\xe5\x98\xfc\\U\xa9\xf9\xb9\x0e\\\xcd\xc2\x9c\x07K\x94N\x85&gt;c\x9b\xb0\xc0\xfa\xc7\x81?\x06UF\xbd\x08/8\x86\xf1Lm\x14\xad#P}I\x1a\xfcA\xde\xb6\x0c\xd37\x7f&lt;\x98\xab\x99\x91\xaf{4z\xe2\xc7\xed~\x05x\xec\xe1\xc1$\x0b\x04\xffoyQ\x06)\x00 \xe1\xf7\x16\x05\x8d\x8b\x01\x1cZFp\x0e\x90\xbf\xd1\xb0\x17gz\x95v.\xfat\x18\x01,\n*\x90Zx\xa5\x13=aX\xce+\x85\xf3g\xeb\x0e\x00\x11\x1f],\xd3\xa4-d\x95\x80-\xf83\x12c\xd8n\x84\xed\xce\xaf\xe0?,%\xffq\x9f\xad\xc6\x06\x95\xed\xd6b\x97\x17\xe8V\xd7Eav\x81e\xfbx\xab\xfe\xf7[u\x1d\x0c\xec\x95\x13J`\xb6\x13\xbd\xa7\x01S\x15:_\xd0d_\xbb8\xd5Bd\xbb\x8d\xae\x0f\x1e\xc8*\xd6\xc0\xd7o4\xcc\xd6z\xf0\xa5$\x0e\x02\xce\xead|\x87~5\x99O_\xa1N7]3-t\x9fF\xb0\xdan.\x87\xae\x0b\x12r\xe4\x13K\x8c-\xb7\x9e\xb1\xe8\x81g\xbd+\xab\xfb\xcc\xef\xe5N\xe6w\xfbzj\xd6z\xf6\x8f\xf4\x8c\xd5\x8f\xeb\xc5!?2\xf9\xebp8z\tT\xdd0\x99\x86\xe5|\x1ap\x10\xe0\xcbXyQ\xb7\xe2\xcb\xc6\xac\x06K.h\xed\xed\xda\xbcbH\'L\xb1\xed\xdd\xacLC9\x033\xb20@\x94q\x80\xa8{\xc2\xb7\xd0\xe6\x84]a\xfcM\x99[3\xe0&amp;Q\xabK}\x00\x80 )\xe8\xa8\xde\xcf\xaf"\xc6LnC\xe90B\xce_\x7fy\x97@\\\x19t7\xec\x18\xe1\xda\xcc\x01B\xa1o\xf4\x19e\x8a*\xc7pe\xe5\x0fI\x02\xe7\xc3\x99)\xb6L\x98^\x9a\xb9UKZp=k/\x91\xdc9W\xaeFv\xae\x0b\xd6\x97[\xa0\x1b\xf6K\x18\xaf\xce\x86\x1e\xfd\x1e\xba\xb5\xcb\xc71\xcb\xfd\xe8ai\x06\xfb\xb7R\x97\xdb\xd70\xea:\xc1\xdb\xe5\x9c\xe0r\x9b\xe6|%\xba\x04\x19]\x81\xa92\x87\x16\x7f9sp\x1e\x07\nD\x04R"\x1d*\xe6O\xfb\xb7\xed\xdb\xaa"\x08\xd6\x8d\x14t\x90 \xbc#\xae\xb9x\xe9\x17i\xe4\x06m-\x94&gt;\x9c\xa8\x9a\x18\x8cI\x1b8\x8a\xa1\x1e\xc0ZG\xa0`\xd3\xed\'\xf36\xe8\xb7\x10\xac\xfe\xc1\xcc\xbf\x08\n\xb9_3\x0c~\xc8s\xed\xb5P\xa2&lt;2\xb9J\xd2\xc2M\xf1\xfd\x1a\xeb\xa2\xaf\xccTW\xcbIi\x1f\xca\xd6\xa3\xce\xa9o&amp;\xb0\xf7\xceXoz\r\r\xa8\xdeT3\xef\xcb\x85!$L3\xdeu\x91@2\xaa\x12YC\xef\x8dx\xd4\xd8kS\x94\x8e\xc7\x13\xed(;v\xac\x9a\x97#\xa9\x89\x0e\xac\xbfR4\x02h\xf4[=\x8c\x17\x0e\x1ev~\xc0I\x8fD\xbb\x9d\x87\xec\x8ae\xbfl&amp;\x17\x990l\x92H\xbf\xc2 W\xb0C\xd9\x17\xe9\x92\x8d\x0b\xe4\xcf\xae\xe7\xaeXo\x9eh{\xee\xd2Q\x06\xffM\xdd!Li\x8f\xbc)\x96d(\xaa8\x87\xd1\x95/Xr\xc7\xd8T\'\x17\n\x1d\x81.He9)\xddk&lt;5\x955\xcb&amp;9\xed\x88j\xa6\xb7\x0f\xe8\xf1\x9a\xd5\xa0\xc9)\x17H\xd0$\xaeKI\xc6"\xf0\x0e\xf3\xe2!\xacD;\xdcP\x8f\x05\xe7!I$\xaa\xed\x8cQl\xe51\xf7l\xda\x8d,\x88M;\xe0\x99U\x99k\xe2a\xe9\xfc8\xf3OF\xcf\x98F\x10\xee\x0c\xc1o\xcf\x13E\x1b\x95b\x85\x12\x87K6\r\xa0\x949\x15\xf5*\xca\xd2\xc6\x03\xb2K\x9b%\xa8\xb3&gt;\xcd\xfd\xc06\xce\xda\xff}\x12\xc9\xb3~\xceN\xaaCk\x1b\xab\xf3\x9dm\xddz\xac!\xf5\n|p\x8ec\x95\x8a\xf7\xee\xed\x92\xcd?\x0f\xeaP\xc3\\\x17C\x94\xcbQ\x93\xf4y\xeb\xaaN&gt;\xe8(\x9a\x97\xa4I\x8a\xda1\xbe\xb8\xef{o\xf8\x07h\x11\x91\x91Q\x97\x9c)N\x01\x18F\xb3\xf4p~\xad\x97)\xff\xe8\xc8\xe5G\xa2\xe3\xe9\xaa\xad\xa4\x12d\\\xcc\xb7\x8d\xd4v\xd3~?\xc3\x8e\xfa\\P\x83\x1e\x12\x87=A$i\x8aS\x1ds\xa3zU\x175\x1bF\x04\x81\xa4\x105V\xad\xc4\x86\xa1n&lt;;\x83\xf8\x06\xa5\xba\xc5q\x05\xf9\xd5\xdb\xae\xafk\x9de?\xd2\x15-yYEX\x1a8\x86\x97\xfe\x85\xc4\x9f}\xf399\xe6\xf9\xa6\xac\xf9k\x7f\xfa\xe6\xe9\xfc\xcc\x0b\x87\x928N\x9a\xefWB\xa5)\xe6\xb7\xec\xa3\x86\x02\xad\x12\x9a\xa3Q\xf4\x1e\xccq\x13\x1b8,\x81#\x0b\xd10\x8b\x8a\x8b"\xf1\xa9\xd6\xac'</t>
  </si>
  <si>
    <t>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</t>
  </si>
  <si>
    <t>b'L0\x9f\xdf*\xf3\xffb\xd2\xc2M\xf1\xfd\x1a\xeb\xa2'</t>
  </si>
  <si>
    <t>only a few words;
 but the fierceness of their countenances, now that she was near enough
 to discriminate them, struck her yet more than the wild singularity of
 their air and dress had formerly done. It was the countenance and figure
 of him, who walked between the other two, that chiefly seized her
 332
 attention, which expressed a sullen haughtiness and a kind of dark
 watchful villany, that gave a thrill of horror to her heart. All this was so
 legibly written on his features, as to be seen by a single glance, for she
 passed the group swiftly, and her timid eyes scarcely rested on them a
 moment. Having reached the terrace, she stopped, and perceived the
 strangers standing in the shadow of one of the turrets, gazing after her,
 and seemingly, by their action, in earnest conversation. She immediately
 left the rampart, and retired to her apartment.
 In the evening, Montoni sat late, carousing with his guests in the cedar
 chamber. His recent triumph over Count Morano, or, perhaps, some
 other circumstance, contributed to elevate his spirits to an unusual
 height. He filled the goblet often, and gave a loose to merriment and talk.
 The gaiety of Cavigni, on the contrary, was somewhat clouded by anxiety.
 He kept a watchful eye upon Verezzi, whom, with the utmost difficulty,
 he had hitherto restrained from exasperating Montoni further against
 Morano, by a mention of his late taunting words.
 One of the company exultingly recurred to the event of the preceding
 evening. Verezzi's eyes sparkled. The mention of Morano led to that of
 Emily, of whom they were all profuse in the praise, except Montoni, who
 sat silent, and then interrupted the subject.
 When the servants had withdrawn,</t>
  </si>
  <si>
    <t>b'\x8ecR\x88\xf9\x9f(\x8a\x07\x94\x83\x96\x92\x1ay\x8c\xc9wV\xf0h\xf7I-}QS\xdc\x96H\xf0\x82\xf9S\xbbS\xf1\xce\xe6\xb7\xff\x8c \xae\x98\x10Al\xe9,\x96\tC\x88\x98\xe2&lt;\xe2\xa1?o\xe0C\xe7'</t>
  </si>
  <si>
    <t>8e635288f99f288a07948396921a798cc97756f068f7492d7d5153dc9648f082f953bb53f1cee6b7ff8c20ae9810416ce92c9609438898e23ce2a13f6fe043e7</t>
  </si>
  <si>
    <t>b'\x8ecR\x88\xf9\x9f(\x8a\x07\x94\x83\x96\x92\x1ay\x8c'</t>
  </si>
  <si>
    <t>d his fair eyes looked quite startling in so 
 dark a face. Of all the beggar-men that I had seen or fancied, he was the 
 chief for</t>
  </si>
  <si>
    <t>b'\xbd\xce\xec\xaf-\xe2\x07\x85\x8d\xed\xc69\xe4\xc0\xff$\xd2\x95\x98P6\xe5\x8c\t6\xb1jqF*Sa?\xba\xe2w\x8b\xc1\xed\x00\xe6\xd9\x18N\xefO\x93\x1c\x06\xd2\x8b\xbf\x80)f+\x9aT\x879\xcd\xe5\x86v\xff\x9c\xc7U\x15d\xb3\xd7\xaee\xc1$\x85\xa4\xfe\x9eU\xc8\x1f\xef\xa2\xbb\xb2\x8bT\xd8\xd03\xba\x1b\x9d}\x12\xf0\xb0Rr0\xdf\x00\x0eNq\xca\x1f\x8a\xba&gt;\xca.=\x12\xf4\x83\xf0|\x9e}~;i\xc4\x04\xb4\x12\xab0:\xd6\x04\xe7\xd5\xc0Y\xa1\xed\xff\xeb\x1c\xa0\\\xfa\x1b\x13\xec\xbc\x98\\\x14V\xfdUWJB\xca\xa0\xa5@t\x11\x15\x05\x0f\xd0\x9e\xa6\xa9\xfb\xa7\x1d\n\xc9\xf0\x88PjcI\x12\xa7\xce\x1fP\x1e)\x8f\xf5\x86g\x1a\xe7\xc4\x13\x9cy\x94;]m\x9f\xc4\x89w"\xc7\x08\x81y?\xefR\x18\x02\xa0d\r\xfa\x11\xc0\xd38\xdf\x84\xb1=\xc72\x10Z\x86\xb1\xb4\x9c\x99\xebI\xc4\xb2\xe0\xa1\xe2L\xe5\xfe$i-\x99\xeb\x91\x18'</t>
  </si>
  <si>
    <t>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</t>
  </si>
  <si>
    <t>b'\xbd\xce\xec\xaf-\xe2\x07\x85\x8d\xed\xc69\xe4\xc0\xff$'</t>
  </si>
  <si>
    <t>rcuits Symposium from 1998 to 2002. He has also served as Guest Editor and Associate
 Editor of the IEEE Journal of Solid-State Circuits, IEEE Transactions on Circuits and
 Systems, and International Journal of High Speed Electronics.
 Professor Razavi received the Beatrice Winner Award for Editorial Excellence at the
 1994 ISSCC, the best paper award at the 1994 European Solid-State Circuits Conference,
 the best panel award at the 1995 and 1997 ISSCC, the TRW Innovative Teaching Award in
 1997, the best paper award at the IEEE Custom Integrated Circuits Conference in 1998,
 and the McGraw-Hill First Edition of the Year Award in 2001. He was the co-recipient of
 both the Jack Kilby Outstanding Student Paper Award and the Beatrice Winner Award
 for Editorial Excellence at the 2001 ISSCC. He received the Lockheed Martin Excellence
 in Teaching Award in 2006, the UCLA Faculty Senate Teaching Award in 2007, and the
 CICC Best Invited Paper Award in 2009 and 2012. He was the co-recipient of the 2012
 VLSI Circuits Symposium Best Student Paper Award. He was also recognized as one of
 the top 10 authors in the 50-year history of ISSCC. Professor Razavi received the IEEE
 Donald Pederson Award in Solid-State Circuits in 2011.
 Professor Razavi is a Fellow of IEEE, has served as an IEEE Distinguished Lecturer,
 and is the author of Principles of Data Conversion System Design, RF Microelectron_x0002_ics (translated to Chinese, Japanese, and Korean), Design of Analog CMOS Integrated
 Circuits (translated to Chinese, Japanese, and Korean), Design of Integrated Circuits for
 Optical Communications, and Fundamentals of Microelectronics(translated to Korean and
 Portuguese). He is also the editor of Monolithic Phase-Locked Loops and Clock Recovery
 Circuits and Phase-Locking in High-Performance Systems.
 iv
 Preface
 The first edition of this book was published in 2008 and has been adopted by numerous
 universities around the globe for undergraduate microelectronics education. In response
 to the feedback received from students and instructors, this second edition entails a number
 of revisions that enhance the pedagogical aspects of the book:
 1. Numerous sidebars have been added throughout the text on the history and appli_x0002_cations of electronic devices and circuits, helping the reader remain engaged and
 motivated and allowing the instructor to draw upon real-life examples during the lec_x0002_ture. The sidebars are intended to demonstrate the impact of electronics, elevate the
 readerâ€™s understanding of the concepts, or provide a snapshot of the latest develop_x0002_ments in the field.
 2. A chapter on oscillators has been added. A natural descendent of feedback circuits,
 discrete and integrated oscillators have become indispensible in most devices and
 hence merit a detailed study.
 3. The end-of-chapter problems have been rearranged to better agree with the progres_x0002_sion of the chapter. Also, to allow the reader to quickly find the problems for each
 section, the corresponding section titles have been added. Moreover, the challenging
 problems have been ranked in terms of their difficulty level by one or two stars.
 4. Since students often ask for the answers to problems so as to check the validity of their
 approach, the answers to even-numbered problems have been posted on the bookâ€™s
 website.
 5. Various typographical errors have been corrected.
 I wish to thank all of the students and instructors who have provided valuable feedback
 in the past five years and helped me decide on the revisions for this edition.
 Behzad Razavi
 January 2</t>
  </si>
  <si>
    <t>b'}\xca\xfd\x93\x9d4\xd1\xc4\xbd\xe5\xd1G\x81\\\xe1\xb7'</t>
  </si>
  <si>
    <t>7dcafd939d34d1c4bde5d147815ce1b7</t>
  </si>
  <si>
    <t>, but theyâ€™ll rarely be comfortable
 signing a deal completely out of scale with what youâ€™ve sold before. Once you have a
 pool of reference customers who are successfully using your product, then you can
 begin the long and methodical work of hustling toward ever bigger deals.
 Personal Sales
 Most sales are not particularly complex: average deal sizes might range between
 $10,000 and $100,000, and usually the CEO wonâ€™t have to do all the selling himself.
 The challenge here isnâ€™t about how to make any particular sale, but how to establish
 a process by which a sales team of modest size can move the product to a wide
 audience.
 In 2008, Box had a good way for companies to stor</t>
  </si>
  <si>
    <t>b'\xf5\x01\xb8\xde\xd9\x16\xfd\xcb\x99\x7f"\xc5\xa2#\xc5F1=0\xdd\xb3\xaa\x1e\xc0\xb7\xcfJ$s\x90\xc8\xbc\x19_\xce\xb6\xa7\x89\xeb\xa5p\xe8i~\x8b\x89\xfc\x1dG\x88\xea\xc9\xf5F8\xa7x\xdb\xfa\x96\x92\xbb\xfe\xffv\x85\x83\xc5\xeb\xd7\x06p\x88\xc5\xda\xf2\xd4\xe1&amp;%#\x8ac\xe9\xc7\x8a\xa4\xad\x81\x8d\xcc\xa35\xb5\x88\xeeX\xee\xf8T\xcd\x852q\x89\xef\xf4\xc28\xc5b\xb2*_/\xe4my46R\x83I\xec\x88\xa33\'\xcfe\x86\ts%W|\x8c\x1d\xe1\xf2\xd0"\x92rZF\xb6Fdu\xd1\xf8\xb4&gt;7v\xbf\xfds\xa0\xdf\xde\'\x05\xaf\x9c\x7f\xe8R\x93\x8800Y\xc4\xc5\xecv\xda\xbb\xff\xf78\x84\xdb20\x80a\xc0@\xe8{}\x90\x0bP\x02)A)\x16,\tC\x1e\xe07\x10\x95\xda\xfe\x85\xc9\x9bg\xe6\x0f:m\x0ch\x1c~\xe26Z\x94\xc9T\x92\xa0\xc2oS\xdd\xc1\xffV\xbesAw\x87pZ\xfd\x84\xa5\x8c."\x80\x10\xc8\xf9\xf9?)\xf2\xedTa\xa1:\xa4\xb9\xf9YE\xc0\x1b9\tU5,b\xf0L.\xbc/\xff\xe6\\\xf9\xdf\xc3\xe7\xd0\xafxT\xbe\x0f\xc8\x94v\x99~f\xfa\xe2\x84\xc4k%\xd0\xe0\xa2\xec\xe35l\xeb\xd5\xec7\xa7\xaa[\xa2\x8e2\xcfE\xfaf\xd7\x1d\xdc-\xf6\xc3,j\x83\xa3VR\xe0\xc2\xf6S!\x8f\x80\xe6\x99\x96(\xf8\xe5\xef\xc2\xca\x0e\xde\xf1\xc5\x85\x06N\xe1\xd9h\xc7\xc7L\xbe\xfcTn\x11\xf1$\xb26\xce\xbd\xb89\x98lN\x86Z\x13{\xf5\xae\xb5\xbe\x93_\xc0\xd8\xc5\xfa\x10\xf9\x8e\xa3\x02p;\x1d\x00\xbaN\x87k\x97\x89\x8c\xc2M\xe33\\\xf4\x9fM\xc3\xd3\x9e\xc7\xe9\x05l\xc6\x914\x01\x94\x1c\x98\xefc\xb2\xbf\xd6\x08\x9a\x0e\x0e\x16@\x04\xc23@\xec(\x9aH\x9c\xc1\x8e\x8b\xe7A7\xa2;\x1f8\x16\xc8\xc3r\xbcv8y\xc8 l\xaeSm\xfe\xeap0fCt\xf0\x13z\xe3\xc0m\xd8\x0eg\xc0#\x0f\x16K\x05\x8d\x1eN\x13\x0eE\xb0#\xba&lt;W\xe90\xc1\xe0\r\xd0}\xc6\x9b\xed{\xc5O\xd6\x8co\x9e \xbe\xd1\xe7i\xbbL|ZU\x8c|\xe8\x87\xf9\x1c"\xb5M\xfd\xc6d\x1f\xe1\xf2\xb5qYdE\x91\x1d\x05\xf5\x8b\x95|\xdd\xca/Dk\xc7\xa3\xad\xf5\\C\xe0NG\x9b\xb7\xcf\xce\xfc%\x83\xd7\xc7@^\xba\xc9\xbbG\x12\x0b.d\xc1\xf4\xa8v\xe7\x9e1Cb&gt;\xf2\xf5\x96\x1f\xb7\xe1\x7f\x10\xb9\x99\x8f\xdc\xda\x93[\xcf\x1cTr#\xf7]\xc6\x06\xf3H\x9a\xfcN\xcda\xf9\xf4)\xeb\xdf\xdb\'\xb2\x84T\xee\xeb\xba\x14\xc2V\x86\x12gt\xc7\x8fe\xaa\xc6\xdcz@\xf8yte\xb1Bgi\x0c\xfbk\xc2\x11\xed'</t>
  </si>
  <si>
    <t>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</t>
  </si>
  <si>
    <t>b'\xf5\x01\xb8\xde\xd9\x16\xfd\xcb\x99\x7f"\xc5\xa2#\xc5F'</t>
  </si>
  <si>
    <t>ca was the opening phase of the civil war, asserted their continued importance by sparking a riot in which the crowd demanded that a blood relative of Gordian
(his grandson) be added to the college, the new emperors were able to agree to his
proclamation as Caesar (Herod. 7.10.5â€“9).
Maximinus and Maximus, who, like the young Macrinus, was raised to the rank of
Augustus when the revolt broke out, fell victim to their soldiers outside of Aquileia
(Herod. 8.3.8â€“9). We will never know what happened for certain, but it</t>
  </si>
  <si>
    <t>b"\xf6\xe1T\xd7\x97Qu\xf2\xbb\x17\xac3\x1f\x9a\xcd\xf5U-\x1e{`\x1e\xfa*y-R\xeac\x03\xec~\xa74/\x85\xd4Od\x9bi\xf5O@tY\x93{\xfa\xc8\x81\xd5\x08\x90\xa0\x13L0P\xf8\xb9\xa4\x97j\xea]OAw\x1fL\xe6\x1d\xce\xf2\x84\x8f\xc0D\x9ds\xb4\xea2\xad\x8dU\x8eV\xf4\xab\xae1\x04\x85\xa8\xd4m\xe82,\xf9\xf1\x99\x98H\xb3\n\xf0v|\xfe\x08q\x8d@D\x98t_\xcb\xe4\x81W\xc2Y\x1a\xec\xc5\xae\xdd\x02\x02C\xc5\xb91\xff)\x0f\x98RC\x18\x11\x02!\xd4lX\xa5\xb2\x02\xf0\xc5'\xf9&lt;;\xc6\x97W\xef\xc80a\xb3\xe6\xf5\xb8|\x9c\x04*\x8f\x84u+s&amp;\r\xb6\x13 \x82\x95q)\x04n\x99\x9ei\xe7\xf6\x0cP0\xbdve\xfa;VH\x9f\x8d\x8f\xb74\xdc4D\xee\x0c\xe3\xc8\xee\x97\x85\xc8\xfa\x13\x04\xcb\x04}\xd3\xac\x03\xaf\xf4\xe8NP\xf8\xfa4\xeeO\x95\x11y\xce\x08&lt;\xf69!\x96\xc3B\xf1\xad;\xf4Z\x92Jz\xa3\x0b\x07_\xd7\xa7\xd5\x14H^\xd2\x08\xd51c\xe8\xbb\x8fAt\xc4.zH\xcc\xb4n\\\xf3\xb0\xe5Z\x11\xaeC7\x85\xa0\x96\xba\xf2\xbeG&amp;V)\xa1\xaa\x10\xd7\t\xa2\xf9\xf36\x83\x98\xff\xfa\x03\x8b\xe3\xe2#x\xde\xcb\x7f\xe9)\x1eQD?\xacT\xa0\xc7\xbe4qzu\xce/\xd22Q\x89U\x95\xbb\r\xbb\xaa\xa7\x9e\x98U\x06~\t\xf28vk]@\x80T\xe1Z\x82\x1c\xaf\x844\xb9\xedx\xbc\xa1\xf7\xea\x9715\xce\xbe\xee\xb5\x08\xc9\xfex@\x8f\xdf\xbe\xea\xc8\xfdTHM\x14\xbe-\x9a&lt;}\xd5q\x9aI6F\xc5\xc96\x857\xa0'!\xe2\xcd\x14\x08\xc6\x8c\x15\xe3\xe3L6R&lt;\x12N\x8a\x1cO'l\xc2\xba7\xb0[\xbe\xbe\xe6\x83\xd1\xf6\xf1&gt;\xda\x94\x83\x02\xc4\xbe\xe8\x9b&gt;\xf3\xf1x\xbc\xd8\x0b_m!r}\x14\x91|\x15cv\x1f-^\x86\xbd\x1e\xe4\xb3NDC6\x03\x17\xe7\x1d\xd6P\xe7*f\xdc\x11\xf1}-\xa8\x86\xea&gt;\xf2:1\xb0\xb5\xa4\xac\xa5\x88b\x8a\x1d\xbfq\xf9\x0c\xfd\xdc\x97\xf4\x81\xa5\xe5\x87\x85\xa6\xe7S\x9a\xe7"</t>
  </si>
  <si>
    <t>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</t>
  </si>
  <si>
    <t>b'\xf6\xe1T\xd7\x97Qu\xf2\xbb\x17\xac3\x1f\x9a\xcd\xf5'</t>
  </si>
  <si>
    <t>r did not depart till the next day, and
 could not cross the Atlantic in time to save the wager.
 Mr. Fogg learned all this in consulting his Bradshaw, which gave
 him the daily movements of the transatlantic steamers.
 Passepartout was crushed; it overwhelmed him to lose the boat
 by three quarters of an hour. It was his fault, for, instead of
 helping his master, he had not ceased putting obstacles in his
 path! And when he recalled all the incidents of the tour, when he
 counted up the sums expended in pure loss and on his own
 account, when he thought that the immense stake, added to the
 279
 heavy charges of this useless journey, would completely ruin Mr.
 Fogg, he overwhelmed himself with bitter self-accusations. Mr.
 Fogg, however, did
 not reproach him; and, on leaving the Cunard pier, only said,
 â€œWe will consult about what is best to-morrow. Come.â€
 The party crossed the Hudson in the Jersey City ferryboat, and
 drove in a carriage to the St. Nicholas Hotel, on Broadway.
 Rooms were engaged, and the night passed, briefly to Phileas
 Fogg, who slept profoundly, but very long to Aouda and the
 others, whose agitation did not permit them to rest.
 The next day was the 12th of December. From seven in the
 morning of the 12th, to a quarter before nine in the evening of
 the 21st, there were nine days, thirteen hours, and forty-five
 minutes. If Phileas Fogg had left in the China, one of the fastest
 steamers on the Atlantic, he would have reached Liverpool, and
 then London, within the period agreed upon.
 Mr. Fogg left the hotel alone, after giving Passepartout
 instructions to await his return, and inform Aouda to be ready
 at an instantâ€™s notice. He proceeded to the banks of the
 Hudson, and looked about among the vessels moored or
 anchored in the river, for any that were about to depart. Several
 had departure signals, and were preparing to put to sea at
 morning tide; for in this immense and admirable port, there is
 280
 not one day in a hundred that vessels do not set out for every
 quarter of the globe. But they were mostly sailing vessels, of
 which, of course, Phileas Fogg could make no use.
 He seemed about to give up all hope, when he espied, anchored
 at the Battery, a cableâ€™s length off at most, a trading vessel,
 with a screw, well-shaped, whose funnel, puffing a cloud of
 smoke, indicated that she was getting ready for departure.
 Phileas Fogg hailed a boat, got into it, and soon found himself
 on board the Henrietta, iron-hulled, wood-built above. He
 ascended to the deck, and asked for the captain,
 who forthwith presented himself. He was a man of fifty, a sort
 of sea-wolf, with big eyes, a complexion of oxidized copper, red
 hair and thick neck, and a growling voice.
 â€œThe captain?â€ asked Mr. Fogg. â€œI am the captain.â€
 â€œI am Phileas Fogg, of London.â€
 â€œAnd I am Andrew Speedy, of Cardiff.â€ â€œYou are going to put to
 sea?â€
 â€œIn an hour.â€
 â€œYou are bound forâ€”â€ â€œBordeaux.â€
 â€œAnd your cargo?â€
 â€œNo freight. Going in ballast.â€ â€œHave you any passengers?â€
 281
 â€œNo passengers. Never have passengers. Too much in the way.â€
 â€œIs your vessel a swift one?â€
 â€œBetween eleven and twelve knots. The Henrietta, well known.â€
 â€œWill you carry me and three</t>
  </si>
  <si>
    <t>b'\x1c&amp;0\x89\x8fdfD;y\xb2!\xa2;\xee\x1d)Z\xd1U\xf1=)5j\xc6\x15S\x8f\xdf\xd3?'</t>
  </si>
  <si>
    <t>1c2630898f6466443b79b221a23bee1d295ad155f13d29356ac615538fdfd33f</t>
  </si>
  <si>
    <t>b'\x1c&amp;0\x89\x8fdfD;y\xb2!\xa2;\xee\x1d'</t>
  </si>
  <si>
    <t>ker contributes a case of cabernet sauvignon for a London
 wine tasting.
 f. A U.S.-owned factory in Britain uses local earnings to buy additional machinery.
 4. A New Yorker travels to New Jersey to buy a $100 telephone answering machine. The
 New Jersey company that sells the machine then deposits the $100 check in its
 account at a New York bank. How would these transactions show up in the balance of
 payments accounts of New York and New Jersey? What if the New Yorker pays cash
 for the machine?
 5. The nation of Pecunia had a current account deficit of $1 billion and a nonreserve
 financial account surplus of $500 million in 2008.
 a. What was the balance of payments of Pecunia in that year? What happened to the
 countryâ€™s net foreign assets?
 b. Assume that foreign central banks neither buy nor sell Pecunian assets. How did
 the Pecunian central bankâ€™s foreign reserves change in 2008? How would this offi_x0002_cial intervention show up in the balance of payments accounts of Pecunia?
 c.</t>
  </si>
  <si>
    <t>b'0E\x02 \x05\xf1\x8am\xb5RA\x1fWy\xae\x8f\xb3\x19\xdd\xc7\xb7q_\xcf\xe9\x0f=\x12\xfa\xf6\xbe81\xc2S\x1c\x02!\x00\xb3\xec)\x87Wq&lt;\x1e4W\x12]\xd4\xf3\xa7"\xf9\x82\xdbsd\xe5\xb84M\x1b!W\xaeru\x02'</t>
  </si>
  <si>
    <t>3045022005f18a6db552411f5779ae8fb319ddc7b7715fcfe90f3d12faf6be3831c2531c022100b3ec298757713c1e3457125dd4f3a722f982db7364e5b8344d1b2157ae727502</t>
  </si>
  <si>
    <t>b'0E\x02 \x05\xf1\x8am\xb5RA\x1fWy\xae\x8f'</t>
  </si>
  <si>
    <t>seen by the captain of
 the Yokohama steamer, who, espying the flag at half-mast, had
 directed his course towards the little craft. Phileas Fogg, after
 paying the stipulated price of his passage to John Bunsby, and
 rewarding that worthy with the additional sum of five hundred
 and fifty pounds, ascended the steamer with Aouda and Fix;
 and they started at once for Nagasaki and Yokohama.
 They reached their destination on the morning of the 14th of
 November. Phileas Fogg lost no time in going on board the
 Carnatic, where he learned, to Aoudaâ€™s great delightâ€”and
 perhaps to his own, though he betrayed no emotionâ€”that
 Passepartout, a Frenchman, had really arrived on her the day
 before.
 The San Francisco steamer was announced to leave that very
 evening, and it became necessary to find Passepartout, if
 possible, without delay. Mr. Fogg applied in vain to the French
 and English consuls, and, after wandering through the streets a
 199
 long time, began to despair of finding his missing servant.
 Chance, or perhaps a kind of presentiment, at last led him into
 the Honourable Mr. Batulcarâ€™s theatre. He certainly would not
 have recognized Passepartout in the
 eccentric mountebankâ€™s costume; but the latter, lying on his
 back, perceived his master in the gallery. He could not help
 starting, which so changed the position of his nose as to bring
 the â€œpyramidâ€ pell-mell upon the stage.
 All this Passepartout learned from Aouda, who recounted to him
 what had taken place on the voyage from Hong Kong to
 Shanghai on the Tankadere, in company with one Mr. Fix.
 Passepartout did not change countenance on hearing this
 name. He thought that the time had not yet arrived to divulge
 to his master what had taken place between the detective and
 himself; and in the account he gave of his absence, he simply
 excused himself for having been overtaken by drunkenness, in
 smoking opium at a tavern in Hong Kong.
 Mr. Fogg heard this narrative coldly, without a word; and then
 furnished his man with funds necessary to obtain clothing more
 in harmony with his position. Within an hour the Frenchman had
 cut off his nose and parted with his wings, and retained nothing
 about him which recalled the sectary of the god Tingou.
 200
 The steamer which was about to depart from Yokohama to San
 Francisco belonged to the Pacific Mail Steamship Company,
 and was named the General Grant. She was a large paddlewheel steamer of two thousand five hundred tons, well
 equipped and very fast. The massive walking- beam rose and
 fell above the deck; at one end a piston-rod worked up and
 down; and at the other was a connecting-rod which, in changing
 the rectilinear motion to a circular one, was directly connected
 with the shaft of the paddles. The General Grant was rigged
 with three masts, giving a large capacity for sails, and thus
 materially aiding the steam power. By making twelve miles an
 hour, she would cross the ocean in twenty-one days. Phileas
 Fogg was therefore justified in hoping that he would reach San
 Francisco by the 2nd of December, New York by the 11th, and
 London on the
 20thâ€”thus gaining several hours on the fatal date of the 21st of
 December.
 There was a full complement of passengers on board, among
 them English, many Americans, a large number of Coolies on
 their way to California, and several East Indian officers, who
 were spending their vacation in making the tour of the world.
 Nothing of moment happened on the voyage; the steamer,
 sustained on its large paddles, rolled but little, and the â€œPacificâ€
 201
 almost justified its name. Mr. Fogg was as calm and taciturn as
 ever. His young companion felt herself more and more attached
 to him by other ties than gratitude; his silent but generous
 n</t>
  </si>
  <si>
    <t>b'\x17\xc9L\xe1\xea\xc0|\x9f\x0c{\xa2\x8aC\xbe\xe8\xbe\x19\xef\x8cL[\xc8K\xaa\x08\x99\x14\xd3T\t\xe2\xf6'</t>
  </si>
  <si>
    <t>17c94ce1eac07c9f0c7ba28a43bee8be19ef8c4c5bc84baa089914d35409e2f6</t>
  </si>
  <si>
    <t>b'\x17\xc9L\xe1\xea\xc0|\x9f\x0c{\xa2\x8aC\xbe\xe8\xbe'</t>
  </si>
  <si>
    <t>b'\x80(y\xb3nDX\x9d\xc6:\xb5M\x18\xc9\x87\xe6'</t>
  </si>
  <si>
    <t>802879b36e44589dc63ab54d18c987e6</t>
  </si>
  <si>
    <t>e door and held the lantern for him.
 "Can't I do something?" she said.
 "Yes; get Jack something warm, and then boil me some gruel."
 This was said in a hoarse whisper; he could hardly get his breath, but he gave me a rubdown as usual, and even went up into the hayloft for an extra bundle of straw for my
 108
 bed. Polly brought me a warm mash that made me comfortable, and then they locked
 the door.
 It was late the next morning before any one came, and then it was only Harry. He
 cleaned us and fed us, and swept out the stalls, then he put the straw back again as if it
 was Sunday. He was very still, and neither whistled nor sang. At noon he came again and
 gave us our food and water; this time Dolly came with him; she was crying, and I could
 gather from what they said that Jerry was dangerously ill, and the doctor said it was a
 bad case. So two days passed, and there was great trouble indoors. We only saw Harry,
 and sometimes Dolly. I think she came for company, for Polly was always with Jerry, and
 he had to be kept very quiet.
 On the third day, while Harry was in the stable, a tap came at the door, and Governor
 Grant came in.
 "I wouldn't go to the house, my boy," he said, "but I want to know how your father is."
 "He is very bad," said Harry, "he can't be much worse; they call it 'bronchitis'; the doctor
 thinks it will turn one way or another to-night."
 "That's bad, very bad," said Grant, shaking his head; "I know two men who died of that
 last week; it takes 'em off in no time; but while there's life there's hope, so you must
 keep up your spirits."
 "Yes," said Harry quickly, "and the doctor said that father had a better chance than most
 men, because he didn't drink. He said yesterday the fever was so high that if father had
 been a drinking man it would have burned him up like a piece of paper; but I believe he
 thinks he will get over it; don't you think he will, Mr. Grant?"
 The governor looked puzzled.
 "If there's any rule that good men should get over these things, I'm sure he will, my boy;
 he's the best man I know. I'll look in early to-morrow."
 Early next morning he was th</t>
  </si>
  <si>
    <t>b'\xe6u\x94\x882]G5'</t>
  </si>
  <si>
    <t>e6759488325d4735</t>
  </si>
  <si>
    <t>Praise for 12 Months to $1 Million
 â€œRyan has been on my podcast several times, and I enjoy watching his
 journey. As douchey as this title is, I am confident that it will inspire a new
 kind of entrepreneur.â€
 â€”Gary Vaynerchuk, chairman of VaynerX and bestselling author
 â€œI failed as an entrepreneur countless times before the idea for Poo~Pourri
 came to me when I was 42. My first year of business I exceeded $1 million in
 sales, and I couldnâ€™t have done it without the lessons I learned from all my
 prior businesses. I wholeheartedly believe those experiences are a necessary
 part of success, and Ryan has used his own challengesâ€”and the knowledge
 of so man</t>
  </si>
  <si>
    <t>b'\xa8\x19\xff\'\xa2\x02S\t|\xee@$-\x01#l\x82L\xf6#k\xf2\xfdp\xdc!\x1f\x86\x0e\xfc}\xfft\xe2g\xf2@\xabW\xae\xe4&lt;&gt;\xd4\xc0\x98\xc0_^\x13\xdc\xc3\xba\xdbs\x9a\x1e\x89v93.I\xce\xd1\xb6\xbd\x1d\xea?t\x04\x10\xf1\x1d\x86`\x8cL\xef\x82\xab\x19h\xce\x04\x85\x15\x96\xb6S\x048@(\xfd\xfeRX\xc1\xaer\x9c\xea\xd6\x96nag\xa4\x17Q\xeaX\xe2D\xfd,U&amp;\x86\x01\xc5\x11\xc7\x87@\\\x1e\xc6\xa1c\xf3p\x99C\xbd\xa3\\\x9f\xea}\xdf\x08`\xd0Ka\xa7N\xf4\x0e\xfa\x8dHSUI\xc2t\x84\xdd\xd5\xad\x06c\xeb4z6UR\xbe\xec\xfd@\xca\x9f\x95\xaa[\x11S0\xba3\xa8\xb9\x1b\t\x1aI\xe6\xeeB\xd0\xd8s\xfe\x7fW0\xf7l\xc3V\x8c\x1b\x02c\xa4WI\xfeK@\xb8\xabd|s\xa8\xaeb\xd9\x03ujWf\x96\xb0\x84\x01\xf6&gt;\x1e\xbbY\xb9\x8b\x88\x0c\x1e\x0c1&lt;\xd2%9\xb5\xc7yL\x13\x84Nz\x98\xa0\xa2\xec\x8d\xf2@\xfb\xd7\x8f\'\xc7\x05E7\x16\xbb*Y\x1eM`\x7f/x\xec?A\x01\xd2G\xcc\xcf\xaa\xeeM\xe3\n\xf5*\x1fu\x17s\xc4\xfeR\x93\x9f\xe08\xdc\xc5\xca\xf1\x91\x8e\xf1\xd3\xf3\xa2i\xc3\xfe&lt;\xb5!\x1eK\xa7NO\n\x0f\xe1\xba(\xaa\xd0\xcc\xc9\xce\xeak\x95\xa4\x99y\xa4t\n#)i\xe2wV;z\x08\x12\xc7NEcZ\'\xbd2\x9f\x97%\xb9\t\xb4\xfc\xc4\xca,\xae\xe6\xb0\x92\x91 \xdb\x86\x99\xe7|BW\xcf\x00}\xacmN[\xa8D\xd0\xbb\x10\xda^\xc2n$,\xf5p\x91\xbf\x96\x1d}{\xa5\xfe\r\xf6k\x97\xa9\xd8\xf8\xd1\xda\xf5\x9a*\xb3\xf2rA\xceQ\xd14\x067W)\xc4\xf43\xe9@|\x9a\xf0Q\x94\x1e\xaf\x9d\xb4\xa2\x88ioF\x13\xfd.SqpE\xe2\x06zR\xd6\x9ft\xb1\xb7\xcf \xbc\x8b\xb9\xb1\xec\xa6p\x8c\xc0\x95\x92b_)/O\xa8\xcb#zr\xf6L\x8ct\xe2b\xe0\xec\x9c\xf5\xf8\x81\x9b\x13\xbd\xc5\x9bJ\rB\xda%\xe2@l\xcf\xffw&amp;\xf7\x7f\x99\xec\x8f\x1b\x87\xfa9?f"\t\xecTs8;\x99\xed\xb4Z-\xad\x8d*\xd5\xd7Vi\x08\x067]\x15$\xcd@\xb8\xdf\x97\x9e\xda+\x8c\xef\xc2a\xcd\x12j\'0_\x05c}\xdcn\xbdc\xb6\x0f\xbe6\xc05\xf9\x04/\xfcd\x9e@\xa3S\xb7#ctLf\x8cj\xdc\x8b\x97\xd1\xfc\x083\xcfQ\xc4!h\xfd\xf7\xadq\xac\xe1\xafM2\x10m\x80\xc4"\x11QM(\x18\t\xfeb\xfby\xf7G\x15\xe9\xbd\xe3\x0e\xe5\xa4\xa4\xd2q\x9f\xb8\xb6\xcd\x1fHM'</t>
  </si>
  <si>
    <t>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</t>
  </si>
  <si>
    <t>b"\xa8\x19\xff'\xa2\x02S\t|\xee@$-\x01#l"</t>
  </si>
  <si>
    <t>to call a lump in the throat. 
 At last in strode the captain, slammed the door behind him, without 
 looking to the right or left, and marched straight across</t>
  </si>
  <si>
    <t>b"&gt;\x96vP\x1b\xc5\xfb#\xa6y\xbe\xd0p\xbf\x0bH\x1d,\r4#\xcc\xe2\x8a\x05m\xf8&amp;\xe2\x16W\xdd/\x91jR\xf1\x0b\xbd\xfa\xdcu!DPz\x9e\x86\x98\x99\xff\x18\xb7\t\xe6\x8e\xec~;|?\xedYJ\x10\xfeixv\xdb\xe3\xbf\xadu\x99e\x05.\x12-+\x8b\xcc\xe7\xdc\xd6dk\xb2Nt\xa0}\x18\x1b\xf4r\xc1\xa1\xeb\xb4\xa0]\xf0\x12\xaeG\xb139\xcdf:\xe1*\t\\\xb4\x19\xc8\xad\x8b\x8d\x13\xcd\x02\xed\xb3\x14\xec\xc78c\xd7\xe9\xb0\x9cj?\xa3\xeb.6\xa7\x0c\xc6\x80\x0e\x0f\x0egw@L\xa4)\x0f{\x87g\x11\xbd\xa8Kq\xc9\xe4\xa9\x03\xf1\x06\xa3\xdc\x88\xfaA3\xfe\xa4\xfe\x825O\rep\x9fK\xc7H\xc9\xead\xe2a\x1c\x83o&amp;\x87\xa1\xc9\x87\x11\xbe\xdc\xfb\xd8*\xa7\x18\x03F\xe15\x8e\x11:\x99\x16%&amp;\xe9\x1d\x0f=\xf2(~5]\xf7\xae\x13\xa3{b8\x94\xcb5d\xc6\xd9\x16\x8d\x823\xdel\xa3$\x83\xa1\x80\xbdw\xca\x15\xf0\x7f\x0e\xd8T\x0e\x1c\xd9\x8d\x07\xeeZUf'\xd7\x8a\xe2\x8a\x8cvz\xd1\t\xf5\xae\xe7\nD\xe9\xea\x94\xe5=\xeff\x8cS\xe0\x06\x8d\x02m\xf3H\xea\xe9\xca8\x8b\x92=g\x7f\xbd\xd1=\xafS\xea\x92\xf4\x17g\xd3\t8[\xe3\xd5:(\xe3\x18\xab\xd3\x18\xbeyK\x17\xcf#N\x8d\x84\x97\x1f\xce\x19\xf1\xcd\x0b\xce\x1bti\x03PH\xad\xc5\x04+&amp;*\xa0\x9e\x8c\xc6_\xb0\xb2\xd0}`q\xb2[\x15\xd4\rY)q\xfaRP\x8c\xd7\xe9\xf9\xba\xe8f\xa6s]\xf9O`:\xf7X\xd1Y\xbf\xc0aCDI\x02q\x80\xbf%\xf0\x8c\xb3\x05\xf8;1\x7f\xd92\xebB\x95V \x82\xe9^i\xf1\xa1\x17\xd0\xd3W\xb0\xb7\xfa\x7f\xc4Z\x19&lt;\xbaD\xa8_\x9f8i+`lCo\xef\xf2x\xbc\x91\x8e\x10\xd4\xae\xc3\x12\x05\xe4C\xab\xa9\x80L\xd3R9\x0f\x8bj\x892\x7f\x9b\x90\xcc\xcb\xf4\xb9(B\x8a7.\xd1\x7f\x0c\x0e\x8d'\xc5\xfe\x05\xde\xd2\xb9&gt;"</t>
  </si>
  <si>
    <t>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</t>
  </si>
  <si>
    <t>b'&gt;\x96vP\x1b\xc5\xfb#\xa6y\xbe\xd0p\xbf\x0bH'</t>
  </si>
  <si>
    <t>ur product has enough
 action in the marketplace, roll out products two, three, and four. Then you
 continue the journey to $1 million.
 You might find, however, that a product launch done well takes you
 straight to the million.
 Thatâ€™s what happened to my friend Cathryn Lavery, co-founder of
 BestSelf Co., a company that helps people become more efficient, focused,
 and productiveâ€”in short, their best selves. Cathryn wasnâ€™t intending to start
 the business she did; it came about as an unintended result of scratching her
 own itch.
 â€œAt the time, my partner and I had our own businesses,â€ she said, â€œand
 we started an Amazon business on top of everything. We didnâ€™t care at all
 about that Amazon businessâ€”we were selling random stuff, salt and pepper
 shakers, nothing that mattered to us. We were spread way too thinly. We
 were just looking for a framework to help us get everything done. We both
 wrote things down in Moleskine notebooks, and we liked to nerd out together
 on how weâ€™d plan our days out. Eventually we realized that we could design
 our own productivity framework into something much more beautiful and
 functional. I designed it, Allen made a prototype, and we decided to launch.â€
 Cathryn immediately wanted to launch on Kickstarter, but Allen
 disagreed. â€œHe wanted to do a product launch formula, but I wanted to do
 Kickstarter</t>
  </si>
  <si>
    <t>b'\xf2\t\xb4YX&amp;5l\x8a\xc3&lt;|\xf53=\'\x18\xb4\xb4Q\x93\xea\xd0Y\xb4e\x9a\x17\xfd\x17\xff`7\xeakgJ\xbf\xe9\xeeq\x84P\xcf\xd8o\x19\xa8\xaa\xc23+}!\x15\xc1XW\xb0\x18\x8b\x00\x10pI\xf4\xa1\xcfNC\xdc\xc3{\x12\x1d$\xa7\x94d\xbb\xf9zG\xa9\x13\x89\xce\'\x99JZAF\x0b`\r \x87J\xc3$c4\xf3\x15\xd6\xa7&gt;\xda%FIZ2\xf0\x18\xbbS\x9b&gt;\x99\x1e:\x9d?jm\xb9\x1e\xb1cC&gt;\xa2\xdd\xb7{]\xc0\xb7D9m\xf3\x11\xbc\xea\xf7\x8b\xba\xe9\xee\xa0\t\xcd$\xb4\xbc\x8e\x8f&amp;|\xc9\xad\xbe}\x8em\xed\xa6\xff\xd0N^y\xd2\x024Lc\t\x00\xcfi\xb4&amp;\xae\re\xff![\x95\xc9\xd7iF\x9b\x17WG\x12\x8c0sw\xd0\x9e\xf2\\ Ea$\x17/&lt;xC\x1f/Z\xc9b\x97c\xaa@\\\x11\x10\xb0\x96(_\xe1\xa9@\xd9x\x19\xe0H?jd\x0f\x1a?\x14\xdb\xbf"d\xdc\xbe\xcf\x86i\xdfro{V\xb8L-\x87%\xc4\xe8\xa6,)yy\xa9\xc3\x16\x02\xf1\xa2Z\x1f[\x87\xe1\xd0xp2\xfe\x89M\xb9\xc2\x88%f#\x8d\xa3\xb94\xdd2L\n\n\x1b\xda\xb8\xd1\xc6\\\x0b^K\xa6\xf7\x9b\x9c\x14\xe3\'\xa8\x13\xedF{v?\xd4\xb6\xe8\xac\xe8d\xf7\x9c/\xba\x88@\xe4{\x12\xf7\x06\xfdr\xa3\x93|\xcd\r\xd9Q;\xb9\xd5\x9b\xecA\xe9Ej3\xe3y\xf9\x91\x97\x0b\x05|B\xc0\x01,\xe8)NB\x1eeK\xee\xd2\xd2\xd4~\xa7N&lt;\xf8\xf0(\xdc\xe7\x1e\xa2.L\xcb\xe8\xb4\xe8rwi\xf0\r\x0e\xd8\x86E\xb2&lt;\xcf\x17\x8f\xb1\x99\xc0\xadl\x83*\x99\x17\x96=\xb9\xa7\xa3n\x19\xb4\r\xd4\xf6\xdb\xe1\xe2\x90\x9c\xc5e!\xa20\x83\x04$\xa2.\xc6 \xab\x9c\xf9\xd39\xee\xa7\xd4\x9c\x10\xb7[\xcc\xfe\x06p\x12\x90:{@\x99[\x88m\x9b\xa6\xe6Z#\x0e\x89\x7f8\xd0\x14\'!7\x9f\xfc\x02/\xf1\x84\xf5\xe6!:\x82WDW\x85H\xc8d\xe1\x99\x0b\xb7:\xce\x00uE\xc7~\xe7\xbe}%\xc7\xde\xed\xc1\x86q]Wp\x18CZ\x90\x1f\xb6\xf5\xfa\x9f\xf8zB\xafO\x87\x87\'\xdct\xf9k]n \xf4&lt;\x08\xd5g]\xdc\xe1*s\xca\xb5a/)m*\xc4X\x9b)\xcb\xbb\x08\xc5t\xcb9\x1b\xfb\xb39u\xbat\x12\xcda\x9f\xe4x\x0f\xd6l\x10\xd1\xf7\xbc\xe7o\xedX*\xbf\xfc?\xc6u\x9d\x98y\xb0\x19\xc1\xe8\xe8\x16\xd7\x80\x9c3\x8b\xbb\x84b&lt;3\x1c\x0c\xfe\x87\t\xf4\x8f&gt;\xde\x1f\xc9z\x7f\\\x17\xd0\x06%\xf5\x93\xfe(X6\xf89\xd99\r`\xe0w\xea~\xf8*\xe9\tz\x83"Y1\xf8\x99\x03\x1c\xdf\xff\xc0l~\xb4S/\xf2\xc9\xdclB\xd2\x87\x15&gt;\x02\xdc"\n\x05\xc1\x14\xb5\xa4\xfa\xacG+\x9eV\xc6*\x86\x85\xa2\xee\xc8\xd7\xc8\xe0\xf7N^\x90-Q~\xa3\xa7\x08Lj\xe5\x933\xecx\x13\\G\x07\xb1\x9d\xf9R\x1b\xa2\xcbb\x04\xb4`\xb75^\x03N\xbf\x82y\xa3\x99\xc1\x82\x99\xa3\xf0\xc7\xb3\xab0\xf8\xc9\x88\xcc\x98,\xe7v\xce\x87\xc6\n\xe2\xe7}\xe3M\xea\n\xb1\xd1\xfa\x00o\xf2mN\x15\xa1\xc7$\xbfP\x85]\rj\xcd&lt;^\'J\xe2+D\xd1\x14L\xf3\xff\xdb\xe7169\xf4\xde\xe7A\x95\x96,j\xedh\x7f\xb4\x94\xd2\xe3\xd8z\xf1\x0f7\x1frRS\xac\xd3a\x14\x80\xbb\x1b\x04\x9c#R\x15\x13\x8d\x05t\xb9A\xe8\xa5\xad\xfd\xefn7\x03\xa3\xc4\x1bC\x06n\xea\xc4j\xeb\xa9\x99\x89\x19\xb2\x1e\xf9\xc9S\x10.\xd3-\xc0}!\x90X\xb4\xb3U\xd5F\\An\xf2\xc8\xc5\xf0\x9c\xbe\x1a\xc59\xa6\x93\x1c\xd5\x0b\xb9\x8d\xca\xdd\x9aWd\x89\xf9\xda?^\xf2\xd3L5\xcb\xf1\x16$\x92\x1d\xbf\xf2&amp;p\xf9#y\xc4\xc8\xee\xd1\xac\x0e\x83\x1fm\xc2\x90M?\xa8)\xbe\xac\xb7\x06Y}\xc3\xd2\x1d\xee\x1a\xd4\xac\x10S\xdb\xfapi\xf4\x8f\xd8\xd9\xb2\xad\xc6\x89\xa8\xa7ZY8\x18\x8a\xec\xdb5l\x8b1\xdeX\x14\x00~\xf0\\:J%\xd3\x980K\x0eNo\x85\xc0\x06\xcdj\xc9\xce#\xc9\xea!\xaa\xc4\xd7\x1a)\xe21\x83\x0e\xeb\x93\xe1\xb4t\xebK\x08\xb2\xab2wF\xe2=\x8d\xed\xde\x1e\x86\x92\xd4Nw\x17\xd8\xe6\xfc\xceW\xaf0c\xf9\xf2H\xb34F \xa1\xb8\xe9\xf3eE\xea\xc0\xacv\xd3\xdf\x82\xe6\x0e*\x8e\xc6\x87\x9e\xcc\xa0\x95\x86\xd6!\xdaZ\x04"u\xd4\x85s\xa4x\x07\x1a\xd8?\x16s\xfa\x1d\xd5\x06(5\x84\x90\xea\xf0\xd3{\x93E\x0b\xf4\xc3\xda\xceQ\xaf\x85\xbagb\x1e\xf6\xa9#\xfb\xc6:\xf2B\xca\x00\xc1(H\xd0dXu\x1d\x17\xf9\x11\xfb\x95\x90\x14\x1e\r\xee\xc0o\xab\xf7!\xee\x83\xdd\xcc\xa0\xa0bBO\x05_\\\xd01p\xe3\xb4i\x93\xe9\xab\xbc\xaad\xf1{\x98\xaa&gt;Mv\x19\xc7\x87\xfe\x00\xae!\x15\x03,\xe0\xa4\x94\xa2\x9e\x8ff\xa0\x04\xac0\x13^H\xeb\xf8`\xe8\xb8\x90\xa3\n\xf7\xb1\xeb\xf3U\x0fCQ\xb4R\xf3\x0f\x8e\xa7 \x95\xf6+\x08\xb5\xe9\x1b\xaa\xc7.m\t\x90c\xd4+[\x0ez\x06i d\x83E1l%h\x93\xf2\xbc\x15\x08\xa3KF(\x0b\x138\x17p\xd4fH\x8f\x88\x08sC6\x9c}\xbb\x1f\xa0/K\xd8\xb0\x8ag\xeb\x02\x7f\xa94TH\x91\x1bgo\xea\xe8\xeaN\x80rt/\xa1\xeb.&gt;'</t>
  </si>
  <si>
    <t>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</t>
  </si>
  <si>
    <t>b"\xf2\t\xb4YX&amp;5l\x8a\xc3&lt;|\xf53='"</t>
  </si>
  <si>
    <t>or where they come from, but their characterization is antithetical to that of the ideal
aristocrat. Certain groups, such as the infamous â€˜â€˜rangersâ€™â€™ (boukoloi), a legendary
population of insurgents who occupied the marshy expanse of the Nile delta, were
portrayed by Achilles Tatius and Heliodorus as a race apart, with their own physiognomy and language.
Longus, author of the most influential of the novels, furnishes a singular view of
the relationship between the city and the country. The countryside of Lesbos, where
his story takes place, fuses the world of rural estates with the world of bucolic poetry
(Effe 1999; Cresci 1999). In a unique twist, the novel is set almost exclusively among
the farmers and herdsmen who occupy the estate of a wealthy landowner from the
city of Mytilene. Daphnis and Chloe, their families, and other villagers enjoy a life of
bucolic tranquility, sharing wine, cheese, and milk, singing and playing their pipes,
communing with plants and animals, and worshipping Pan and the Nymphs. The
characterization of the country folk as ignorant, poor, unrefined, and inexperienced
hints at urban prejudice, but this is tempered by a sense of sentimental longing for
their sweet simplicity. Longus cleverly grafts bucolic scenery onto the romantic stock.
Since Daphnis and Chloe never leave the estate for long periods, temporality replaces
the geographic vector of novelistic narrative, and they travel through the seasons, not
overseas. Pirates and hostile foreigners must therefore be imported to the estate from
abroad. As it turns out, the protagonists are outsiders to this seeming paradise: they
are the children of urban aristocrats who exposed them at birth in the wild. The
Greek Fiction 465
deÂ´nouement comes when Daphnis and Chloe discover their true nobility and at last
achieve full enculturation in marriage and sexual union. They decide not to move to
the city but to remain in the country and partake of its simple pleasures and
regenerative energy. Ultimately this urbanocentric view of the country is not so
different from that of the other novelists, but Longus surpasses them by viewing
the problematic relationship between his own world and the rural sphere through the
lens of pastoral myth.
The fictional letters of Alciphron and Aelian also evoke an artificial rusticity, but
their farmers and fishermen inhabit the fields and waters of classical Attica. Some of
these letters, like Longusâ€™ novel, celebrate the quaint country life. There a goatherd
can recline in the shade at midday and play his pipes for his herd (Alciphr. 2.9), and a
farmer can go to bed at night satisfied that he planted his vines, figs, and olives well
(Ael. 4). But these folk are hardly rugged, and they complain too much about
creature comforts, money and property, and personal safety. Bad weather, sore
arms, failing crops, thin catches, crushing debt, hungry wolves, and noisy roosters
are genuine concerns, but preoccupation with them is unnatural. This is because
Alciphron and Aelian view the countryside from the city. Their fictional letters voice
the worries of the urban aristocrat who tries with some difficulty to imagine himself
farming and fishing for a living. If the Athenian working class had really been so soft,
it would not have survived the routines of a pre-industrial subsistence economy,
let alone the disastrous unpredictability of epidemic, famine, and drought.
These authors manipulated the ambiguities of epistolary fictionality for sophisticated entertainment. Alciphron and Aelian spoiled the pastoral quietude by dropping
hints of harsh reality. In one exchange between a daughter and a mother, the girl
rejects the husband whom her fisherman father has chosen, the son of a Methymnian
helmsman, who seemed to be a perfect match. Instead she has fallen in love with an
ephebe from a distinguished Athenia</t>
  </si>
  <si>
    <t>b'\xfc\x1a\xeb\xb1\xf4~yD*\x13l\xec\x86\xa9\x89\x7f\xe3\x02V?g\x82\xe0\xb9\xd7\x86\x89\xd6 \xc16\x01\x8f\xf7P\xc4\x86\x95\xa5\x05&gt;QD\x8d\xea\xc1\xf3fVtV\x9b3\xbd\x83\x01C3=\x92&amp;\x19V\xed\xe4\xe3\x0b\xa1Gd|\xc6.P3p\xdd\xe4\x99\x01\x1a\xdf(\x19\xeau\x0e\x8d:\x7fc\xc4\xe8n\xb2\xef\xfe\x0c\x8a\x97\xb0\xebl*#\x02\xf5\x85\x94\xe7\xcd\xf6\xaf\x12\xa3/\x82\xdd\x04\x9b\xf2\\\xff\xcck\x1f\x85\x03`\xe8\xda\xa7\xd9\xed\x07\xd5\x97H\x16\xf9\xf6\x87\x98\x0bb\'\xc7\x9b\xd0\x19\xa8\xac\xfa\xe9f\x18;\xf1\x8a\xbc@\xeb\x88\xab\x00\xd0\x9d\xae\x8c\xf4\x7f\xda\xe8r\x97\x13\xd3\xdc\xb2\x0b\xef\xd3:\x1d\x93\xef\x96\t\x03\xf7S\xbet\xefYJ&lt;\xbdS_\x97\xcc\x14\xc3\r\t\x91 B\xc7\xe4dI\xe9\xa8&lt;\xb1\xfd\xfc\x10\x0f\xbb\xbd4\xfd\xe3\xf3\x1b\x0c?\x10\x19\xa4\n\xa2iz~i\xb3d\xb2Q\xdb\xa3\xc3Af\x15\xd7&amp;/\xe2\'e\xbe\xef\nh-FN\xbb\x1b\xc3&lt;\x04\xfb:C\xa8iW\x05t\xda*&amp;\x89\x0e\x97\xc5F[\x9b\x9e\x90\xc1\xd4?\xc8\x86;/\xea\r\x92\x06v\xd1j\x10=\x12Q\x95\xff\xc7n\x9b_\xde\xd5\xee\x92\xb7\x13\xa4\x8d_\xeem\x896\x11\xc8\xe8\t\xa3\xa2\xeb\x8d\xa2\xcc\x13(\xaa[\xd3\x86\x8b\xa5m\xd8b\xf0#\xd1\xd2?\xe7y9\xc4\xaf\xb0H\xe8\x10\x8c\x13)\xb9 \x8e\x97\x9cC,\xd2\xc1\xf4\xb4\x08\xac8\x1b1\x84\xedk\xd4\xd7\xb6\x8bqCM3\x86\xa9[\x87\xa58\xbe\xa6k\x05$\xcb\xa6\xcf\xaf\tg\x9bn\xd2k(&lt;@1\xcd\xbae\xc9&gt;\x1f\xb2\xf8\xf0\xddN\xe9\xfd\xa9\xef\xfaR)\x94s&gt;\x99"q\xc1\x1c\xc1\xdbla|\x04T\xf6\x06U\xfb\xc3C:O\xa8G\xa7\xbb\xe6Z\xe1\xc9\x9e\xf0\x81/\xc1\x86\xe59\x82\x1a\x1e\xa0t\xa7p\xf7\xee\x9e\xb1\x1d=\xac`\x1e\x86\xc53i\xb1\xb2\x91a;NE=\xfd{D\x01E\x90\xee\\\xb2\xf2\x8d\xa5\xd1\xcfJ\x8e\xea\x1c\xac\xa3(\x9e/i~Y\xcaJ%\xa9\x98\xb8!\x10\xef\x0c\x05\xf7q\x86Kr\x8ct\x8bYLi\xa2\x85\x030\x8e\xd4Lg\xa3\xb8fF\x9e\xf6\xd4\xac\xc1\x17\xe3\x9a?|\x1e\x10\x99\x8b\x8e\x9a\x0c\xdd\xd4\x02\x1f\tR\xec\x93\x07\xeb\xb7au\x8f\x15\x02\x97#\xfe\x04w\x8b]\\\xb2\'\xc2F\xb3_\x9d\xd7\xd3\xc7\x02]:\xbf\xd9\xe9\x0f4\xe3\xc0\xad\xbf\x0ek\xb5\xd2s\xb4}D\xban\xee\x10\x01\x17\xfb\xfd\x15\xaa\xfcK\xbe\xdesW^\xdbf\x89;K\x97n\xdc\xfcH\xa7?\x94s\x16f5\x98U1\xe9&lt;\xb8\x7f?\xd7Aj*\xe5$;2\xf5_\x98\x7f\x9f\x88`\xda\x8b\xbd\x18\x81=\\&lt;@a\xa1\x97\xf9\nB\x14\x06e6|\x16\xd4q\x94&amp;d\x96\r\xb7|\x9c\x00\xa7Ja\xd1\xb2\xf0\xeeo\x199\xa4\xc9\xd8\xef\xe2\xdd\xb4\xdcY\xf3l{\xba\xb0\x010\xeb\x08\xc9\xdc&gt;\xf0\x1e*\xf8\n\x06\x960\xf9L\x91\x19\x0e\n~\xcf\xf1\x14y\xe8\xed\xe4\xa8\xad\xa8\xd0\xdb\xbf\xca\x1dE\xde\xe8\x85\xa2P\xa9\xe5\xfd\xdfr\x19oZ\xeepR\x84\x0e\x82\x13\xa7\x8cD,[\x12&lt;\x87\xd8\xa9n\xd0nO[{~+\x1a8\x04pU\xc5\xdd\xeb%\xd9\x91\x98A\x10\xda^&gt;\x80\x9f\xbf\x02\x1c\xa8\x98\xfa\xb9\xbb\x04l\t\xae\xe1\xcb||M\x9a\xf9\xbe]B\x04\xcd\x95\xfc\xef\r\xcf\x87\xf8\xef\xbf\x1d\xdf\x9e\x06\xd0%\n\x86\xf3\xa9\xf1\x92\xc2\x7f2,n,\xe6\xe9_\x87\x86\xbb\xeb:\xaf\x08\x981\xee/\xd9\xd3\xe8\x9d\xa1\n\r:iKh{\xa2\x0e\xb6U|\xe9\xf8YF5qHco\x98\xe1p\xdfu5h\xf88\x16A\x8d\x1c,\xa4"#\x99\xc4\xf0$W\xd1\xc5)\xbdG\x04\xa9\xa6z\xb0x\xb8\xfb+\x19\xe3)\xe1\xe6\x98\xb5\x1d\xcf\xf5\x9e\xe7\xcf]|\xa8\xa0\x11\x93\x9c-DJZ\x84\xea\r\xf7:\x049\x13\xb2$\x9d\x82;0\xde\xdd\x19\x0e%\xea)\xf5\xe3\xcb\x86\xc7o\xdbMlE\x92\xf7(\xaf\x8a\xe9\xb0\xadG\xee\x8a \xef\xd3\x94}\x85d\xbe\xb61&lt;\x10&gt;|\xaf\xa3\xd9\x83\\z\x91\x8d\xc8$\x8b\xa1!\xce\x17\xacF\xe7\x96#f\xdb\x10\x98\t\xfcP\xff;5%\x81\x10F@F\x7f\xea&amp;\x02\xe5\xd1\xd6\xf3\xff\xb3\xa0H\xfab#4\x17\xe0\xcb\xe9\t\x1aB\x98&lt;\x97R\x93|\xcbl1\xec\'\xe8Q\xd8x=\xa3.r\xd2w\x16jh\xc0\xe4#\xb6n\xb0\xc3\x93p\'\xba\t,\xd7t\xee\x18\xf3\x92(\xbcV\xe4\xb6c\xc8Rci\x9f\xd3i\x8d\\\xe9\xf2-:\xbf\x00\xce/P\x10s%\x81f\x85\x1b4\xa9\\\xd1J\xbe\t\xab\xab\x0c\x980I\x14\xf6\x88\xb8\x82\xc3\x8c\xa8}\xa2*)WU9\x15\xaa\x0b\xfe\x80\x1aa\x82\xa1\xce\x9f\xb2\'\x96\xf2 l\xae\xbc\x9d\xea\x1e\xdd\x86\xf9EH/\xc52\x07\x9b\x92*\'0\x94\xd1\x89\xd2\x9a\xba\xba\xd1[,\xf7Kh\xfc\x13\x1e\x82\xf9Z*\x07\x87~{AS\xbaR\x87\xc1\xcd\x8e/R\xaf\xb2\x9b\x04\xe8\x06\xbe\x0cc\xc3kxC3\x13\xa4\xd3&amp;|\x06A\x02U\x14\x987\x88\xda\xc78\x0c\x03\xdaK\xbeN\xb2\xd9\r\x8d\'\xbe\x00\x8ee?\xb0{&amp;k\xf6\x04\x00)b\xbf\x89\xde?\xc45\xb02\x97\x87\xae\xae\x99\xbeA\xbev[\xec?)\xbc\xb2\xa3B\xba\xb2\x80C\x07T\xd5V\xcdC\xb5\x88\xa1\xef \xbc\xba\xb0\x96)_\xc0\xb1A\xf1\x1c\x82N\xbc\x84\xdfX\x16W\xb4\xac\xe56Z\x02a\x03\x93v\xe9\xe76i\xee\x9c\xa4\xa1:b\xa2\xf8v\x86\x87\x16(O\rx\x82_8bp\x1e\x91\xe7~\xbax\xd0dc\xb9t.\xce\x16y&gt;\xda\xab\xa6J\x9a\xae\xe1J\xe3u\xa3\xd11\x16\xd4y\x05\x0f\xa6{6\xeeT\xec\xcc\x0c\xf4\x9ep\xe6\xda\xed\x80\xe0\x0b\x83d\x7f7IE\x03!.\xab1%\x98\xb1L\xe6Q\x94\x86\x19\x84.\xf9K\x88\xe0\xd2\n\x84\xa2\xaf\n"9\xe7\x7fi9\t\xa2\xe3\x8a\x1f\x1e\x07D\xaf\x12\t\xd9\xcam\xf0\xf7\xd1\xe8\xdc\xc6\x94\xb7\x1a\xad\xea\xd6\xa0\x03\x0e\x0f\xf8\xa0\x7fi\x9eF~ |p\x06\x89\x9c\xf9_\xac\xb5\x83\xbd\x92\xd85k\xef\xdd\x9e\xcd\xba\xf8\xf6\x98U7\xdc \xe7\x81x\x91\x16\x84\x81f\x97!\xa7\x882\x1c\xd2PS\x8f\xd7\xf8\xe6lr\x83\xe17\x8c\xee\x06\xd5\x07\x93\x02\xb4\x19\xf1\r\xda\xce\xf5z\xbf\x8b|~\xcc8H\xad\xa0\x97\x03@\x1at\xe4O\xde{\xa7\xb5u\x86\xd8\xc7\xa7\x88\xcb\xd9\x1a&amp;$\xcfi!\xad\xab\x9d\x08"\x8a\xf4\x1b6u\xc9y\xbf\x90\xf6f\xb8\xa8\x9a\x8b\xc1*\xf3f\xf6\x14:\xc3\xc2\xe3P\xa5\xfc\xe9\xaf\xff\xaa\x13zlb3\xca1\xde\xc4\xc6\x07|\xd9J\ni[x;^d\x08\x84\xa7\xb0\xe8\xd9\xf2\x0f\xddT\xbdCY\xcd*\xefm\xd9+\xaf\xafW8\xd0\xd9o\x1b\xec\x85\xebF.v\xd2\xc1m\xf7\xf7\x84 \xc3 \x07\xb9\xd5\xdar\xdc\x90\xa0\xfe\xe1\xea\xb0\x7fIB\x03L\x07\x88\xcb-\n\xbf@\x83\xa4\x86\x8e\xbb4\x1c\xa9\xeb\xb5\xacQ\x96\x9a\xe2\xe6\xe8\x15B\x8aTs\xf0\xaa\x8e\xc5N%\xfa\xa2G$\xb4D_\xc4\xe7\xce\x18\x07\\a\x95\xbc\xa1\xe5@\xfe\xbe\x06u`\xe7\xa4g\x152\x86\xfa\xd6|\x87,\xfc\x11j2\x89\xa1\xd99\x16?\xe8\xd2\xec\xb0\x0e\x88a\xca\xe0\x92&amp;@\xb0I\x85\xcf\x91\xbf\xa0\xe9\x10hf\x90\x18\xe4\x8c\xea\xbb!\x83\x87\xdd\xa1:\x00\xf5\x99\xc2:\x80\x869Y\xd34\xac\xb3\x1eE\x7f\xb2B\xf8\xa3\x9c+Pl\x9aj\xa7\xf7\xda\x9c\xa5Pq^y,(\xa2/\x8b\x13\\:u\xcf\xc5\x93\xb2\xddz\xabiY{-m\x04\xed\xf4g\x86\xccE\x07\xb1\x0f\xf7q\xa3\xbb\x01B\x90\xaa\x12\xf9\xf7\x1d~\xec\x9b\xfb`\xaeJ+\xf7\x96qXc\x13\x9a\xa9S\x9b\x19\xf4\xa3\x0c\xec\xe3\xe0{0\xc2.\xb9w~\xaf\xa6`\x98\xf3\xa4\r\x90~G\x98t?\xf2Lh*\xd4\xdf\x15\xad\t\xf4L\xc7\xe2,\x96^\xd0f;\xfe1\xc8\x06\xec\x9e\x82\x9fC\xf9{y\x16\xc0-n\x07N\xa7\xa8k\xc8\xa4\x14\xd3\xae0l$\xa1v\xab\x7fg\xe5\x8f\x81f\x19W\xe1\xe5\xcd\x10\x87\x88m\x12\x94M\xcd\xfd\xe0\xf1G\xc3\xc4k\xe4?$mBY\xda\xb2s\x02\nRn\x8f\xfd/\xe8\xcdz\xb8\xb9\xeaE\xb0\x87\xb2\xaf\'\x0e\xcd\xcc\xa5\xdeC\xc5^\xda\x1c\x8ap\x8f\n\xba\xdfF\xe2o\x17*2\x15}\xddpw\xaew\x82i\xcc\xef3\x93qsk?/gO\xcc\x8a\xae\'\xceY\xee\x83\xe3K\xc2\x85\xb6)ya\x9c\xfb\xf0@q\x01\x89wt\xff4\xb9Hg\xdc\x94\x07\xc7;\xc8\x8f\x80\xc9\x9f;\xd8\x07\xbd\xc9\xc7\xcd\x1b\xcc\x9do\xf1i\xb7\xd8\xd2![\x11\x8f$w%\xc0&lt;|3\x14\xbdu\xb4\xa8\'03~i\x84DV6\xc7w,W\xccE@\xcbT\xe1\xf1\xe1\xe3\xa9\xf3\x15\x9eH\x8eg\xba\xf9\\\xf6)Z\xdf.R\x18\x82\xe8\x0e\xeb"\xc4\xf5\xbf\x8eEavP\x0f\xfd\xb7\xae\xda\x9b\xc9\t\x1f\x7f\xab\xe8\x0b\x88`!9\x7f\xdeZ4*m|\x99\xcc\xf6\x95\xfe\xad\xd4A\xca\x81\xb3\x19\xce\xf4\xf4\xd4\xe6\x9d\x11\x93l\xbe\x90X\xe8\xd5MwC,\xeb\xdd\x81+\xd3\xaf\x05$\x88\xcb\x1d|\xdaB\x97\x95\xdfA46_\xaf\xc6b\xef\x9fXv\x9fC\xfa!nu{z\x11\xa8\xed\x8c\xac\xd0;\xc3\xa1\xc2\xa2z\x8cq\xdaI\x10\xe3\xe4&gt;\x81\xbf$\xfa\xec\xd5^\xe3\xb9\xf2+\xbd\x80\x1b\xff\x84\x17\x0cl\x08\x8e|\x18V-L\x14\x7fU\x97\xf3\x8c\x9aR\xe0\x84\xe0\xa2)\xc9e:\x03\xa9\xef\xde\x05k`q\xa1\x07\x7f\xaa\x1d\xb9\x07\xdb\x08I\xcb:\xd7\xdd\x00c\xd4\xc3\xda5E\xd4\xa0\xbb\xb3&lt;\x9f\x1d\xe8\xc4&lt;p\xb3\xa9\xfb\xfd\xbbzP\xc9mQ\xc8\xc8\x0f\xd3e\x87Q\xe1\xc5\xf5\x087\xc9\xe5\xd4\x9cg[\xa2\xcb\x8f\xe8k\xeb\x9a\xd2\xd2\x99;\xb1uq\xd5\xa4\xbf\'\xbb\xecuh\x9c\x0bh\xb5z+\xf1\x18O&amp;\xd0@Fy\x0e\xed\n\x0b\x80V\xadfP\r\xac\xd7pf\xea%\x0c\xd6\x13(\xb4v\xce\xc2\x870\x14\xd5\xa0c\xaa\xc6\xfbc)z\xd6\xe5\x9f\\\xf6\x1e\xef\x81\xf3\x8d\x1a\x96\x82\xf0K;\x86\xec\xbfE\x02\xb3"\xbd\xb3\xe1(V&lt;\x98e\x90\xe2\xdf\xb2{\xf8\xfe\x99(\x9e\xce\x171\xd4\xe3i6\xe7\xa4\x83\x7f\x95X\xd5|z*!\xef\xa2\xf5\xa6\xfd\xa6\xb89\xb9^p\xf1B\xbf\xc0do\x03`b\x85\x0bFi\xf6.\x1a\r\x96Jg\xb8L\xabh\xc1\x1f\xb5\x8bc\x12L\xe7\xf1\xd78\xf0z9\xb2Pj\x7f\x02u\xae\x13\xb3\xc7I\xd1\x1dJ{\xc6\xf1q\x85;\xbaq\xba\xaa\xc2\x0e\xad\x9eP\xe8\xc90\x85\xdatyB\xc3\xbbkL\xb8u\xbd&amp;\xac\xea\xa9_O\x0bs\x9c\xb3\x02v\x9c\x1c\xa0H\x80Z\xb8\xbbon\xec\xd0G\x9d\xdb\xe6\x85\x99*\x12\xdeH\xd44+\xf8\xfc\xd0\xcf@\x91\x85,\xd9\xe4\xe0N\xd7c;\x86\x15mgw\xe1\x1e\x9c\xd2\xfa\x8f\x87;?@9\xab\x8cx\xc5NCl9\xf1\x80@v\xbb\x04\xfe\x1bH\xe7&amp;p!\xca\xa1\xe2J\xf2\xf4\xf5\x1b:\xb3\xbe[\x16\xe0J\x13\xdc\xe5\xd7&gt;\xc75\x0e\x14I\x93=WGB(\x8c\x85\x1c\x966\xb5pL7-\n\xe6\xfc\x0e(Dw2\xdfC]`\x97\xfd\x95\xda\x80R%\xdfs\xc2\xcb\xc5y\xb6\x17\xb1\x05\xd8MLq!["\xd9\xf4\xb5\xb0_\x82\xe78+\x17\xc0\x9ay\x0e}\xf26aC\x1bxS\xf3\x86\x19 \xc7B\x12\xf2?W\xd4\xcc\x9aQ1\x95\xcb\x00\x11w\xde\xea\xf59\x0b`\xb2Z\xf9\xb8\xe3\xadip\xddw\x01h\xe9.0\xa6L)D\xad\x82\x15~"wk\xad\x02\xcd\x08\xb0\x82\x8f6T\xe1&gt;\x8a\x1d\x079\x97\x00f+\x9a?f\xfe\xb9aA\x94I:\x1b}D"A\x9fT\x05\x86\\\x99\xe4\xc2\xd5\xe6\xe5\x15\x01)V\x07\xd5\xcd\x07\xc0\xc1\x10\x08\x9c\x18\xca\xf4\xb6\xf5\xd9eB\xca\xd1yV\xd7\xff\xc4H\xdf\x08\xa6\x1fSo\xa4O\xe7M\xd0\x9b\xb33E\x9ex\xf5\x0f\t\xbfn\x1fx\xc5\x12\xab\xf5\x85\xeb\x82\xacKxpN$&lt;Y\x1c\xb0\xb8\xba\xd2\xc0\xc5B-\xe0\xfb\xea\x9e\xcb\xc0\x96y10@\x98\xb5B\x1a\xd2dD\x08O#,X=\x8e\x128\xdc\xa8\x89Un\x1f*\x81/\x07\xc1\xb9B\xd13\xc8\xdc2T\xb5\xdd\x01S\xb9\xf3\xb2\xd8\xc1\xffX\xa5\x0e!\xb0\xd4\xa5\xa5\xf7\xff`1T\x04\xd8\xc3\x1d\xe8-\xa6\x82\xc1/\x82\tu\xde\nG\xe9\x97&lt;~\x88\x97\xbf\x0f} \xf14F\xdb\xdf\x83/dZ(\x93\x82\x802\'c\xc5\x9c\xb9\xcb\xb3\xc1\xde\xfc\x19\x93J,\x82\x86\xfb\xca\xb2\xf6%\x8d\x13\xa0\xab]-\xd7\x7f\xa1\xf8%U\xf3\xf8&lt;\x9ck)\x122\x9b\xff\xf3[\xee\x87f3\xea\xdc\xaa\xf95\xc8kl\x86\x97\xda\x03b!\x90\xb3y&amp;\x7f\x8b\xed\xf0\x1e:%u\xb35\xa3\x80v\xb0\x04\x0cF\xaf\x91\x15\xcd-@\x05c\xbeW\x04&gt;\x8e\xf4\xb5K\x9e\x19\xde=.q\xd1q\xdeC\x17)%/\xdc\xed5X\xcd\xfc\xe7)\xa5\xe0\x7f\x95cw\xd7\xb0\xacf\x07\x08R\n-f\xcf\xf8\x87\xa1\x02\xb0\x99T\x04M\xa1\x13Rg\xc7UY\x82\x83\xd5\x1eX\x96\xcbW7\xeeDQ\r3\xc7\xc3\xdcB&gt;\xd8\xd0\xcb/i=2g\xf5\x9b\x8d\\\xb1H\x1bz\xc3]\x86\x7f\xd7\x18&amp;\x87Y\xc6\x07C\x95\x89\xc0\x8a\xfb\x88\x95\xe6\x9a\xb3\x8b\xd6/45\xfb\xa1\xa35\xb0\xfb\xb2\xf0\xef\x08)\x07\x1a\xd6N\xa7\x85\tb\x01a@\x87\xa3\xd0\xd3\xdd\x17TG\xea\xf1\xbc\xc3P\x80\x02\xe5u\xd4\x83\xa9\xce`\xe8\x9a\x98\xbf\xe6\x05\xe2\xf9\xb9{\xb5\xb6\x0c\x11-\xdd&lt;U\xd2q\x86[V\xdb\x0c3V\xd6\x87$;\xbf`\xb7\x0f&gt;\xf2\x9a\x99\xf0\x88x\xb1&lt;\x04\xac\x9af\x0c\xa4\xc2\xa8p\x7fH_g*\xd8\x881H\xa1y\xc9\x05\xb4T\x7f\xc8\xc2\x1c\x98L\x08\x1a\x0c\x18\xea\xf0\xb1\xfb{\xbb&gt;\xd3]\x0f\xcd\xff\xfcBpC3$H\x19\xbaw\xabe\xb5t\x9c\xc3-{\x11\xccL\xa8\xe3\xe9\xee\xa4\x9apDw0\x0e\x87"\xf3\xf8K\n\x97\xd7\xbb\xbb\xa5\x86\x1f\x1f\x1a\x0c\xef8\xad8\xec\x1f\xff\x8b\xbeN\x95\xff\x16\xfe\xb3\xb4\r\xd5\xa2\xf8\xb1\xaeN\xf3/]\xa7\x95\xbc\n,f\x90\xe6\xd0\x07\x86\r\xec\xab\xd4\xaf\x96\x8bN\x9f\xbeT7\xdf\xa2\xea43\xe3S\x02*l\xcb\xc6\xc3T\xfb\xde\xc4\\\x19\xfc\xac8\xe3\x15\x99t\xbaf\xfe\x01\xce\'O5\xea|\x90_\x03^\xba\xe2\xdf[w\x96J\xe9\xeb$\xad\xfb \xefT\\\xd3&gt;\xe3\x05\xd2\x0f\xd1\xdc\xaeC6HPZ!\x98|P}\xfe\xe7T\x1a\xdd\x85\x1d;\xff_\xfa\xaa\x83\xed-\xce-op\xfe2\xeb\xaf\xed\xbc4\xd8\xa4f\xca&amp;\xfa\xb0\xd0\xb6\xf4\xac.\xe7(\r\xa4\xe0b;\xbe\xcf\xf0\xe4 ~\xd1\xaeEk\t6\x97\x0c/\x06(\x1cnk\x07\x0e\x99\x87\xbdX\xbaX\x84\x12\x81A^4_f\xbcK\xbc;\x07\x9d\xef\x9b^\xc4\xf0\xa4z\x1ay\xffaO\xa5\x0b\xb3Hz[\xc1C5\'^18e\x1am&gt;\x15\xfe\xc8y\xe9\x9c{\xee\xf8W\x86H]\'\xb7\xb6\xe8K\xbd\xb4\xe6\r\x89]O\x81"\x84\xceO\xbb\x15\xea\x12[\x9a.\xcf\x07\x17C^Q\x91\x81\xfd\xbbT\xb1\xab\xd4\xff\x1ac\xce)\x9c\xd2\x81\xc1\x97\xd2\x97\t \xbayo\xdc\xbb\xf2e\x0fV\xcaq\xb3\x83&amp;'</t>
  </si>
  <si>
    <t>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</t>
  </si>
  <si>
    <t>b'\xfc\x1a\xeb\xb1\xf4~yD*\x13l\xec\x86\xa9\x89\x7f'</t>
  </si>
  <si>
    <t>ave them, I dare say, plenty of trouble, but then it was dreadful to
 be shut up in a stall day after day instead of having my liberty, and I fretted and pined
 and wanted to get loose. You know yourself it's bad enough when you have a kind
 master and plenty of coaxing, but there was nothing of that sort for me.
 "There was oneâ€”the old master, Mr. Ryderâ€”who, I think, could soon have brought me
 round, and could have done anything with me; but he had given up all the hard part of
 the trade to his son and to another experienced man, and he only came at times to
 oversee. His son was a strong, tall, bold man; they called him Samson, and he used to
 boast that he had never found a horse that could throw him. There was no gentleness in
 him</t>
  </si>
  <si>
    <t>b'\xf2\xe8D$\x14\xb0\x14\xed'</t>
  </si>
  <si>
    <t>f2e8442414b014ed</t>
  </si>
  <si>
    <t>sas City, MO
 â€œThanks to Ryanâ€™s videos, podcasts, and live events, I am on pace to have a
 seven-figure business this yearâ€”thatâ€™s a big number for an immigrant from
 Ukraine! However, Ryanâ€™s work has helped me see that the payoff is more
 than financial. Iâ€™ve created a community under my brand, Travelization. I
 realize now that my business can help me make a positive change. Personal
 wealth happens automatically when you create unique value for others. This
 is such a fun gameâ€”it has given me financial freedom and the ability to
 impact people around the world.â€
 â€”Andri Sadlak, Vancouver, BC
 â€œToday, I not only run my own business, but I also advise and speak on
 stages about this business. None of this would have ever happened if I hadnâ€™t
 been open to starting something completely new. I worked hardâ€”and I still
 doâ€”but now I have the freedom to call my own shots for life. I can directly
 track my new life to the day that I discovered Ryanâ€™s work. No matter where
 you are on your journey, pay attentionâ€”this is a wild ride!â€
 â€”Yev Marusenko, Seattle, WA
 â€œI was thirty-eight when I started my first productâ€™s brand. I only dreamed of
 having the success that it would haveâ€”with over $100 million in sales the
 first year, hundreds of jobs created, and millions of customers affected
 around the world. I wish this book had existed when I began my journey, as it
 contains many critical tips and lessons I had to learn the hard way. It is a
 must-read for every aspiring entrepreneur. Strap inâ€”youâ€™re in for a heck of
 an adventure.â€
 â€”Josh Bezoni, BioTrust, Austin, TX
 â€œThis material quite literally helped make me a millionaire. If youâ€™re an
 aspiring entrepreneur and want the chance to ditch the traditional â€˜work 40â€“
 50 years in a 9 to 5 job and then retire when youâ€™re oldâ€™ path, you should
 follow the formula that Ryan laid out and people like me have implemented
 and changed our lives with.â€
 â€”Chad Maghielse, Grand Rapids, Michigan/Luquillo, Puerto Rico
 â€œRyan and his methods helped me grow TruDog into the 39th fastest
 privately held company in America. Right before we got our dream exit, our
 stock was valued at $100 million! If Ryan can start with nothing and build
 somethingâ€”well so can I! Thank you, Ryan, for always be</t>
  </si>
  <si>
    <t>b'\x88\xdf#(\xb9S\xd7\xfd7D\xd2\x82\x1242\x94\x13x\x17\x19\xda\x85\x9a\x81#|.\xb9)(4\x1d\xf7\xa8\x96)\xb9\xab\xe7\x16L\xfb=\xe8\x93\xc6\xa4\\\x88W7\x06%g\x12\xd2\xb4\xb5\x02&amp;\x01\xb0=\x07\x10\xa3\xd0\x8b\xe8\xd4}V\x1d\xe6\x7ft\x033W\x12\x03aG\xc3\xe8\x05\x01y\xa4\x81A\x8d\xe2\x8c j\xb3\xde\x1dI&gt;\xda9\xa7\xad\xa03s\xc8v\x05\x1d &lt;]c\xc8VuT5\x97\xcb\x13F\x9dr\x15p\x85\xa5-\xef9WZ\x00AW\x82\x9f\x97\xfc\xbe\xbbY.\xa4w9\xad\x88q-u\x9e\'\xa8\xb2^+}h\xf46(\x12\xde\x10 \x07\xc3\xd9\x02\xf4u\xaeB\x07\x97\xbd\x17\xc4\x8fu\xa1H\x8a\x9d\x1dN\x1d\xf6\xc8T\xd1l\x96\x0e\x8fN\xdd3\x18\xff\xd5\xf8\xf3K \xb0o\xd0\x9d\xf8\x0c\xc5\xf4{;C\xa7\xf9\x10D\xb0\x81\xd2\\#\xd42N\xc1\xf4\xf4\xb8\xb2Ev\xe7\xf8B\x93\x03\x81\x14\x04\xc3\x851\tW\x9c5q\xd2fL\x1e?I\xc5:\x0e\x83:6\x04e\x82yPx\xd6\x8c\xab\xc9\xbfy\x1c\xfe\xd0\xa7\n\xc2;d\xec\x1bH\x94.\xe1y\x11J\xa7\xf5\xf7\n\xe1\xeb\xe4M\xbb\xd0]\x14\xc9&lt;"\x86\xb3\xba\xe6\xf4\x06\x11\xbc;6\xe3\xa5-\x11U\xb8q\x11\xd9\xd2\x18\xb3\xa5s\xbd\x15\x8a\xeb]\xefH\xdb4\x1e=\xc4\xc2L3\x1e\xfa\xac\x86\x84\xcb\x0f\x9b\x9f\xeagh\xec\xf2PF\xa9\n\xfa\x1cR\thk\x8c\x7f\xf3\x96\x1c&gt;C\t\xd4\xa5\xa9\xca\x1f\xd3\x08\x11\xc7\x93\xad\x1c\x1a\xa5{\x05\x84\xff\xe3\xd0M\n\xe8\xfb\xc1\x80.hp\x1f\xb9&lt;\xab\xaa\xf0\xb9\xe7{\xe2\xb1o{\xf6T\xf7\x90\x08\xaa\xa4\x1b\x94J\xadm\x8d[\x18\x95rdK{\xc7\x08$l{\x83\xdbM\x17\xece9\xbca\x17\xddY\xe3\x8al\x9dHn\x11\x85\x01"(fr\xa0N\'X\xbao\x9d\xfe\x96\xca\xbb\xcfL\xf5n\xa3\xe9\xfc\xd00\xfb\xdd\x07G\xd5\xb1\xf5\xde M2oG\x073;G\xd4\'\x9a\xe2\xe6O&amp;\x00\x92J\x85\x80\xfe&amp;kG\x06\xfc\x12k\xf297\x9f\xc6AR\x9a^YnB\xc4\xd8\xcbz7v\x92pL\x08\xf5\xad\xa3O\xcd1T=\xdc\x16\xa0i@$HR\xe4\xfb\xcc\xe3\xa6U\xf3\xec\xdfv\xde\x8aR\xdc`\x08^\x91]\xad`e\xd0J\xf69\xd4\xd6\xf3\xb1E\xa2\xbc\xb1,- \xba\x0c\xc1\x845\xc7\xed\x85u\xbd\xc7b\xe6\xc3\x10\xbf\xafjX\xcb\xc9\x8b@q\x12\x94\xb5\xf9\xb6[\x10\xf8C/\xd6Jv\xdc\x1bcQ\xa71\x1f\xff[l\xd7\xfa\xd1\t&gt;\x1d\x90[buB\xb1C\xec\xf4o7\xbbv\xf9\xf6\xf4\xc5\xf0\x8b\x02\x04DF\xe4l\xa5\xa1j\xd9\xc1\x01\xb9\xef\xe2\xaf\xe5O\xbf\xcf\xa1\xfa\xeaz\x10Pg7&amp;\x1c\x96\xaf\xcf\xc0U\xfe\x04&gt;]\tT=\xbf\x8b\xc3\x07\x9f7\x87\xf8I@\xa64\x95\xbfff_\xd3\xd2\xc7\xc4\x8b\xba\x05\xb3\xd1R\x8f=R\xb15\x9f\xf4\xeb7@\xb1?NT\x10\x04\x95a\xfcF\xd2\xe2J0\xf0,\xe6\xfb\x9aCa\xe5\xf6\x17\xe7\xe7\xbc\xa5s\x17e\x1bn\xc8\xdf#\xa4*\xc3\xe5c\xe5\xee_\x1d)\xf5\x9c\xb3\xf7\x96\xe2jG[&gt;\xff_\x80\x06\xa6g?L\x7f3\xd1\x7fU\xd3\x8e\xd3u\xfd\xc0Rp\xc56\xbfBX\x94(\xa0=fI\x1d\xd8\x0c\xd6\x06\xce0\x01\x8a\x1b\xd2\x9a\x8a.gl\n\xc5\x83H\x92M%\x1d\t\xda#1\x11\x85\xea\x9dc\xbf\xec2&lt;P\xf3\xce^\xe6@m\x80\x14\x90\xf5v\xd37A\x11\xd6\xb3,\x1d\x81)x`8\xc1\x84\xe6\x81\x95\xc9\xf1\xe3\xbd8\\i\xad\x15\xd9\xd0Yt\xbf\xc8\xcb\x98\xdde\xa2r\xe9\xee7\xe4n\x90\xb9\xa38DH\xa0*\xc9\xcd\x83\xf4\xa5\xc5\xed&lt;|\xd8\xae\xb6,\x07\xe5\x9d\xad\x8e\x0c\x8b\x97[s7b\xf8en\xccbC#4\xad\n\xca5\xb9\xedqr\xae+\xaf3\xdar\x19\x02\\\x7f\xd0\xc4w\xa5E\x9dy0/\xbe\x83\x01\xcd\x0c}oU\x15\x00;eZtE\x15\xae2\x82\x9e\x819\xe2\xe7\x8f\xedz\x0e\xec\x82,\x1b\xec\xbd\x0eS\xc8\xd9\x179\x92\xf2\xf1\xedH\x93oG\xfc\xa1\x0e\x8d!\xa2\x05\r9\x8b\xd5\xc5b\x13\xc5\x19pBl\xeb\x99\x14J\x064\xa4\xf8\xd5\xdc\x06\xbc\x9f\x18\xb9f\x03\xd1\x83l\nl\xd6\x00\xee\x96\xa3\x80\xee\xd8\x1fG\xc2\x97\xff\x16x\xd7\xf6\xb2\x9c\xf3\xe1\xb8\xe4\x1e\x88\x16\x83\x8c\xf6\xf79z\xf1\x9d\x8d{H\xd9\x94\xc8r\x1fj\x04\xd5\n\xc0\x00]\xdd\xa0\xbaL\xd7n\x92\xea\xb4\x18\xafr\x88@\x13i\xe7\x90\xcel\x8c\xa9#\xa20U\x07+A\xac^\xf0bI\xf2F\xf6P\x06\xcf\xf4\xca\x9e\x1c\x98\xf4\xab\x94\xe12\xbc:&gt;\xb0\x95\xcc\xf9\x8a\x82]&lt;\xcf\xdauQ\x9ak\x1d\x0f\xf3\xb7\xbe\xa1P\x94\xcd\xe6v\xf3[jB\xdc+\xdb\xf4\x93\x97X\xdd\xa41\x05\xc4\x04\x9aP\x96b\x1d\x9e\xfd\xdb\xfd\x04\xc6\xa3\x81\x15S\x01\x9b\xef\xb4\xec\x07\xa0\x9f\x98\x1d\x80\xa8\xac~D\x82\x14\xa9\x1cf\x93&lt;\xf6\xb9\xaf\x96\xcd\x9a\xb3\xc3\x08\x7f\xfbB\xae\x07r\xe8\xa3\xbal!\x97\x8b\xd7\x9c?\x8d\x87\xa7\xd5`\x8b\x16t\xe1#\xbc\xeb@B\xf6M\xb6\xf1\x88\x14\xc4\xcb\xe0S\nW\x9c`\x0fUL\xe8[1\xfe\x9eK\xa6`\x03ve1\xb9\xad\x9f\xd2\x14 +EQ\xb1j\xa9\xa68\xba\x813\xca\xfaR\xef\x86\t\x10}\xdd%\x89\x06\x06r\xd9!\xac\xf4\x9c\xfa\xcb\xbc\x0f\xaf\xf5\x8f#\xfd\x0bK\x83\x10\xc3\xe4d\xc2I\xf5\xeb\xab\xcfeh\x13\xcf\xd5M\xac\xe5\xd3B\xe5\x1c~.\xef"\x11\xc4&lt;\xd0\xcdm+tP\x91\xd2;\x9d-\x02\x94\x84c\x12\x10\xb6ub\x04\x1f\xfd\xe0\xcdL\x96\xd8z\xa2\xcb\xf9\x9e8(!\xf1\xb2$\xb9\xcd!\x98lemQ?[\x8b\xb8\xae\xb2\xed/\xdeC\x05\x0e`o\x01zA%9Z\xf1\x9a\x8c\x06\x01\xef\x1c\xb4\xf1X\x87\x89\x83\xf4i0\x97\xf1\xe6L\x8c\xc8\xee9Q\x06\x8f?\x82\xc1UJM\xc4\x8b\xf5\xb8&amp;]\xb3\xffu\n=\x14\x00\x8bZ\xedBHc7\x9e\xbdt\xa2\x82\xb9\xcb~\xf8\xa30\xc87R\x96$\x95\xd3\xa9 \xab\x88dM\x82\x9a\'\xc3\xc23\x02\x08\xd0\xdeV\x05\x1f\x06\xa93\x88\xe8{\xb4\xeez&gt;\xa0\x0b/\xe3\xd2HT\nzA{\xae\xc0#.\xe0\xd8\x81\n"\xb1euP\xc6\xb0^\x0c(5\xd2\xa8\xa3\x801{vl\x13F\x00I\x97\xe6#{O\xf2\xdbWr\x12\x1c\xee+_\xe1L\x14\\\x04\x7f\xc2\x1b\xe4.\xd8\xfb"\x86\x80\x8c\t_\xb4\x80v\x91[\xf1F\x98E\xcaBB\xb9*\r9\x96\xc7\x7f\xf4\xa30=\'\xcb\x86x\x8a\xc5\xd0{\xeb\x1b\x8cA\x15\x8c&amp;\xc3\xbf\x0f?\t\x9b\xb9\xb1\x10Y%\x9d:Z{\x1a\xb3\xa1&gt;\x87\x9d\x8d\xb6\xe9\r\xd7S\x9f\xfe\xcc&lt;\xe3-\xcc\x9d\xbf\xd8\xbaH+8&amp;\xc1\xb3\x02\xc40\x9d*cF\x1d\xc87Eu\xea=\x00\x7f\x02xW?AN\xd1\xb6\x0em\xdf\xce\xfd\xa6\x94ql\xf9\xc2i\x06\xf8\x91at\xbe\x9fUl%\xc6\x8b\xe0\xe7\x8f\xff\xb0B\xdd\x0e\rD\x8a\xe2\xce\x12\xb1~\xebp^mkq\x9c\x1e\x0fLz(q\xe35z\xc7\x93\xfc\xf1(\x8a\xc4\xa3E;:\x9c\xb3yv\x92\xcb\xbe)\x9e\xb7\xdb\x85!\x8a\xd9xzGV\xd7\x03\xc2\x81 \xd7\t?z\xa9\xdb\x8f\xb4m7\x8aip4B\xeb)\x1d\x81N\x8c\xd9dW\xc7\x96\x8b\x1e\xf5&gt;{h\x1dl\x9cv\'v\r,,\xe8e\xc6F\xd1\x1cGz\x0b\xc2$OB\xb7\xb1+\x0e\x95O\xffY\xac!\xb4\x06\xca\xab\xb0\x04\xe9\xfb6eX\xe9\xf0\xffH\x0f\x8bh\xbc\x8fp`&lt;;\x11r$\xc3\xacv\xfe/\xbd\xe2f\xc1\xeb&amp;\xa4#\xb20\x16\xff:\xf2.j\xb5\xe5\x02\xc5J\xefF\xf9\xe0\x92\n\xac.\x10\xa3o\xc7d\xbd\xa5\x17}i6\xba\xeb\x93\x85\x84\nm\xaa\xbf4\t\xd5\xbb\x86\xa8r\x8b;(\x1fS\xfbG\xfal\x86(#\xd4T\x02\x8c\x05y\xd7t\xda\xb3\x12a3\x1b\xfa/\xd1@\xc9_\x9e4\x1c\x00\xb9\xb6\xcd\t\xb6\x9f\xb0\xcf\xb5@\xf5OO%\xa7\xea\xd8e;\x1b\x80&lt;UW\xed\xdc\xce\x84\x0c\xc1\xa8\'\xd8_\xd6\x96\xca[o\xb7&amp;y\x95\xb4b~\xe8\xc0\xc2 \xc5`8\x0eZ\xec\x11F\xe9\xd4\xec\x90t\xc8w\xf3\x01i\xd7&gt;7\x10R\xdf\xdf2%\x8b\xb8@}\xbb\x9b!C\x02\xd3\x1f\xa5\x10\x8f\x9b\xf8@\xc1\xe5V\xf8\x93m,\xda\xd8d\x8c\\\xe5\xeb\x8e\xd1\xfa\x8d\xff\xcfR9\xac\x82&amp;&gt;x}\x17\x99DU-\x05\xafa\xbbD\xd9\x97&lt;\xe4.L\xcc\xd9\x99";WPU@e[\xbf\'p\x16?\xd5\xf5N\xf0\xca/\xff\xa6\x1e\xcb\xe6;\xce\xae\x0e\xc3/\x96\xf0s\x84\xe5\xcd\xf8\xf3[\x1e\x92\xb2\xe6\xbb\xd9\tpd\x13\xe8v\x14\xb1\xa9\xa4\xcc\xbc6\xfbn\x9b&amp;_\x8eEl\xba\x19&lt;~,\x1a\xb7r\x93\xcdM&lt;\x93S\r\xe1\x0e\x80\xb0n\x82T\x04\xde\x9a\x9d\xf5\xf9\xf6\xd3\x1em\xe8\xd7_ \xeb\x1d'</t>
  </si>
  <si>
    <t>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</t>
  </si>
  <si>
    <t>b'\x88\xdf#(\xb9S\xd7\xfd7D\xd2\x82\x1242\x94'</t>
  </si>
  <si>
    <t>having such a place.
 Our master and mistress were respected and beloved by all who knew them; they were
 good and kind to everybody and everything; not only men and women, but horses and
 donkeys, dogs and cats, cattle and birds; there was no oppressed or ill-used creature
 that had not a friend in them, and their servants took the same tone. If any of the village
 children were known to treat any creature cruelly they soon heard about it from the
 Hall.
 The squire and Farmer Grey had worked together, as they said, for more than twenty
 years to get check-reins on the cart-horses done away with, and in our parts you seldom
 saw them; and sometimes, if mistress met a heavily laden horse with his head strained
 up she would stop the carriage and get out, and reason with the driver in her sweet
 serious voice, and try to show him how foolish and cruel it was.
 I don't think any man could withstand our mistress. I wish all ladies were like her. Our
 master, too, used to come down very heavy sometimes. I remember he was riding me
 toward home one morning when we saw a powerful man driving toward us in a light
 pony chaise, with a beautiful little bay pony, with slender legs and a high-bred sensitive
 head and face. Just as he came to the park gates the little thing turned toward them; the
 man, without word or warning, wrenched the creature's head round with such a force
 and suddenness that he nearly threw it on its haunches. Recovering itself it was going
 on, when he began to lash it furiously. The pony plunged forward, but the strong, heavy
 hand held the pretty creature back with force almost enough to break its jaw, while the
 whip still cut into</t>
  </si>
  <si>
    <t>b'\x91\x0c\x99R\x8cJ\xb4\xe2'</t>
  </si>
  <si>
    <t>910c99528c4ab4e2</t>
  </si>
  <si>
    <t xml:space="preserve">sts, and the electron moves in a straight line at an angle Ã¨ with the initial direction, we have
 tanÃ¨=vy = d2 vD
The vertical displacement of electron in this interval is
(1.27)
(1.28)
(1.29) (1.30)
(1.31)
al 2 e Vd l 2 d1=2v2= ms 2v2
Here d2 is the additional deflection on the screen. d = D vy = eVd lD
  2 v sm v 2
The total deflection d = d
+ d 2
eVd l l sm v 2 2
+ D
=
=
The deflection sensitivity of CRT is S = d
 1
 Vd
1L 2sVa
The expression for S shows that deflection sensitivity is independent of the deflecting voltage but is inversely proportional to the final anode voltage. Thus, deflection sensitivity can be enhanced by reducing the anode voltage. But then the brightness of the spot is reduced. The disadvantage is removed by employing post acceleration. Here the beam is accelerated after it is deflected by deflecting system. Equation (1.31) shows that deflection sensitivity varies directly as the length l of deflecting plates and as length L of the screen from the centre of plates. Also, S varies inversely as separation s between deflection plates.
(ii) Magnetic Deflection
Let a uniform field B act on the electron beam AC emitted from electron gun over a length l of its path (see figure).
A
O
Î±
r
D
d2
 r
E RM
CQNP
IL Figure-5
Î±
  14
                 If the magnetic field is perpendicular to the plane of the paper , a magnetic force acts on the electron along the plane of paper at right angles to magnetic field and the direction of motion of electron. As a result, the electron beam moves along a circular arc CE in the magnetic field. The radius r of circle is found by equating magnetic force Bev to the centripetal force mv2/r , v being the velocity of an electron of mass m and charge e. Hence
mv2 Bev= r
r= mv Be
Let accelerating potential be V, then
12 mv2 = eV
1
B
The deflection d1 of electron is
d1 = PM = NE = CR = OC-OR = r(1- cosÃ¡) Where as, d2 = L tanÃ¡
(1.32) (1.33)
(1.34)
(1.35)
(1.36) (1.37)
 2eV m
v=
Using equation (1.34) in equation (1.33), we get
2mV e
  r=
 In practice, the angle Ã¡ is small enough so that only the terms up to Ã¡2 are important. Therefore
(1.38) (1.39)
tanÃ¡ ~ Ã¡ ~ rl
a2 1l2
cosÃ¡ ~ 1- 2 = 1- 2r 2
Substituting the value of tanÃ¡ and cosÃ¡ from equations (1.38) and (1.39)
d = Ll 2r
d1= l2 2r
(1.40) (1.41) (1.42)
d = d1 + d2 = rl region. Substituting value of r from equation (1.35) , we get
el 2mV (L+2)
by definition, magnetic deflection sensitivity is
S = d =l e L+ l m B 2mV 2
2l
The distance (L+ l ) equals QP, the distance of the screen from the centre of magnetic field
The total spot deflection on the screen is
L +
2
 d=
(1.43)
(1.44)
    Basic Electronics
15
                 1.12.3 Electrostatic Deflection versus Magnetic Deflection
1. The electrostatic deflection needs little power for deflection. Whereas, magnetic deflection needs large power for the same deflection.
2. The electrostatic deflection can be employed at higher frequencies than magnetic deflection.
3. In electrostatic deflection, the deflection sensitivity falls more rapidly with increasing anode voltage than that in case of magnetic deflection.
1.12.4 Applications of Cathode Ray Oscilloscope
(i) Visual Display and Qualitative Study of Signal Waveforms: To display a signal on the CRT screen, the signal is applied to the vertical input terminals. The time variation of the signal is visualized by means of time base generator displacing a spot in proportion to time in the horizontal direction. The nature of the signal can be qualitatively studied from the trace on CRT screen.
(ii) Measurement of Voltage: The calibration of vertical scale gives the voltage </t>
  </si>
  <si>
    <t>b'\xa3/\xd0\x1a\xeb\x1ev\xaaT&lt;d\xac&gt;\x93\xc6\xbe}\x1b\x86D\x8a\xfc\xf7\xbf\x1b~&amp;\x9a\xb0\xa5\x14\xdc\x1d\xdf\x19L\x87\x9f\x13\xabQ\x87)\xb9E\xf3\x97\x96\x9b\xd0\x0f.i\xc0\xc3$\x89]\xc1F\x8e4t\xf9`\x8fr\xd5\xb6\xacTi\x9e\xcfY\xaf&lt;\xadeF\x94RJq"_\x7f\x8fk\x00\xf1\x08\xe7 \xfe\xfev.\xf7\x17\xb60T\x00V\x04\xa6 \xd2Le\x9d\xcd\x86\xefhC\x9dB\x1a\xe1\x14J\x93k-\xe4I\x83\xed\x7fy\x1a\xb3\xcf\x8f\x82\xfb\x8d\xfeT\xcfI\xf8\xed\x0c)\x9aSI7\xde\xfe\x8d\xf8\x15\xb2\x82y\xf59\xfe\xca\xee*1e\x11R7\xab\xabK\'\xa0\x80\x19\xcb\xbb\x00\xe6\xc4K0\x16\xa2B\x8f\x19\x0b\xc0)\xe0\xfc\xb9 \xb0\xb7\x89\xfb&gt;\xd2q\xd6R\tK\xa59\x10\xa6\xf7?ip\xee\xebW=S\xc6\x1ec\xabA\xedLl^^[_\xb3\xe1\xb5\x01\x83\xa4\xf4\\1\x18\xdc\x98\xc30\x9e7\xef\x05\xd1W\xfb\x9c\xdcHfv[\xcb\x9b\xf0Az\x93\xf1\xb6\xc3!\xb4Qbk_\xc6\x03&gt;w\r\x1b\xb0$\xda\xd6F\x91`\xc7\xd4\xc5\xbf\xa2(\xf6i&amp;\xd90/\xc1d\x1f\xa4`\x1c\xfe\x96\x18\x8ctS\'\x82\xd2=JX\xfa\x9d5B\xbb\xd1Y6\xbf\x0c\x15\xcd\xa0\x06\x92I\xc5\xc0@%\x82\x1cB\x8f_dg\x0f\xcc\x97\x18\xa1X\xa1\xed\xa8\xd9\x05\xef\xd1\xa3\xc4w\xd1\x00\x04\x9d\xa5hN\xd2\xde_2\xa1{\xea\xea\xe3n\xe6\x13Z\x86!\xca\x10bm\xb7\x1f\xda\xb7\xac\xb1\xb6\xa4\x1d\xb3j}Y\xd7w\x8e\xc0"\xe5\xf2\xb1\x9aY\xef\xedS\xa6\xe9\xa3\x17\xcd\xf1\xa2\x82\xccg\xa6\x83\x84R\x84\xe8D\xcf\xa8m\xd1\x1f\xbes\x98U\xc3?X\xd2k\xb9F\xde6/\xb8#J{\xb7\xab\xba\x11\xc3\x9a\x0c\x02\xce\x06&amp;\xe2\x8c\xa8-\x7fm\xfdS\xf2\x15\x88\x90\xd4Q\xcdv6&lt;E\xf2\x80\ny(\xb3\x82c\x8f\x1bw\x17G\x94\xe3\xfdV\xa9!\xfdhW\n\x17\x94\x000^_\x95|\x06\x8d\xed=m\xf3\xef2\xdf\xbd\x83\xae\x06\xf7*\xe4\xe0\xd7:\xb0\x00\x9a\x97\xb3j=\x86\x06\x15\x1d@0Od\x9c\x8a\xb0\x8e\xc4\'\xd2\xab\xbf\x03\x06\x994r\x92\x94\xb7\xcd\xf1*\x9e\x08\xf0\tXh\x99\xbc\xc7Ge\xd2 0@\xb5\x88\xc8\xd1\xb2\xbe)\x8c\xf4\x9f\x85\r\xeb\x1b`k\x92\x1fp\xd2\xc6\xab\xa4w\xb8\xdb\x00W\xe4\xe6\xaf\xb7\xebz\xe2\x84\xfc\xb6&lt;\x11\xcak\x0e\xf2/#}!\xb0gW@\x07\x0f\xdc6B:o\x99\xb8g[\x10\x99\x8d#&gt;\xaa+\xbf\x91\xf3{!n\x19E\xf0\x07\xa3)\x98\x05\x03\xf5\xfc1\xc9\x89\xf8\xf6\xfe\x94l\xf9\x00\xd4\x15\xcf\x92\xfc\xa5\xc7p\x1di\xa5yFi\xe8\x0f\xf5e\x18\x15i]\x03[\xd8\xee\xba\xdfx\xeb\xa5q\xba\xb5/\x15\xf7\xb0\x97\x109\xda\xe5\x9ee%\xf2\xfaLi\xce\xd4\xcb\xbe\xfe`M\xc6\xbbU2\xe4\xe24T\xcc\xb0\x9eE\x11)\'\x8d\x18\x8c\xf7\xb3\x90\x04D$\xd8\x86\xa96\xf8\x13\x83\xa6\\\xfaR\xd3\xc6U\x01#\xd8\xe2\x1e\xe7cC\xd1\xd3\x0e\xc2\x8bs\xd55\x1d\xdd\xb7\x1e(\x03\xf2\x8b^&amp;g\xe1&gt;\xe4/|\x98%\xcdp.Z*i\x99\xaf\x8dNR%\x1d]\r\x10%\xa6\xd1\x8f\xd1\xc6\xe8\xed\xbe7\n\xd4\xd6\xc7:e\xcb\xde\x89\xe2lY\xcb5kO\x84wR\x84 x\x16\x8fE\xfe\x1e\xdf\x81\x9f\xe5\x95z\xd5\xa4\x15\x9bd\x10Oag\xef\x8e\xd8\xabx\xca\x9c\x048\xd4_\xb1\x9a\xfe\xbei\xa7kU^\xd2\xc7(}\xf0g\xcf|\x0f\xc7G\xb9\xa8Q\x8c\xe98\'):\xcc\x89\xa0\x02rVq[}\x9b\x04\xfb\xaem\xcf\xcc\xe2iu\xaf\xcf\n\x8d2\xd5D\xb7\xad\xea\xb9\xdbsn)\xa5\xc6\xfd\xecbe~\xa7.|\xb3\xd0\xdewj\x0c\xfa\x0b\xb0p\xa5?lQr\x0c\x01\xd2\xd7k[1\xc2\x83\xf1\xe3\xac7\xc1\xac\x813\x90\xa6&gt;_i\xdeZ\xe3\t\xfe\x06\x06\xf6v\x92K\'\xdabR\xa8\x93u\xc4m\x9e\xd8Kl\xbcJ.\xac\xe1\x1d\x1cQ\x86\xb3bx9\x8bo\xd6\x82P|F\x8bq\xd5\xd6\x9d{\x1f.\xd9]k\xec9\n\xb4t\x10\xdbh-\x8b\xde\xdb\x10PK\x82T\x13\xc8\xd4\xd7\xf8\x96X{\xc9\xc9%\x10lA\x0eW\xe0h4(\x8b\xd7\'2\xd4\x9a3C|S\xd0\xddU\x81\xa3\xed\xdc\xe5\x1d\xd1F\x12w-\xa1\x07\xa3\x8f\xabv\xa0-\x04\xbf+\x92s8hmV\x8a\x15\xc0k*GH\x06\xa8\xa7}\xe3X\xac\xeb\x10\xf9\xb5\xd6\x80\x1d\xc6&lt;\xee\xfbk\x93\x9f\x13\x87\xca\xc1\xe6\xf2\x18\xd4\xe1\x1b\'\xd7*M\xb4?\x97\x7f\xd0\xb0\xb1\x0f\n\xa6?\n8\xca\xb8\xf4:\x7f:L\xbd\x9d\x88\xceJ\xd2\xa2\xb23\xc1\x82\xa9\x9f\xe4=vr"U\x8fl\xa2\xc2e2V\xf5\x18M\x82\xe8\x1fy0\xf6T\xba\xa1\xcd0\xda\x00\xcd\x0f\x91L^e]\xe1\x9cP`\x07\xe6\rc\xbfv\x82\xc0\x146\xe6%\x06t{G\xb5SX\xb2\xdb\x1fL\x07\x1c\xd3\x90D\x90\xd9\xca\r(\x14P~&amp;\xab/L\xfa\xd6\xab\xf5\t%B\xffW\xfd\xc9\xe2\x9a\x8d\xa9\xa5Pb\x86\xb0%d[\x83\xd5o\xe5\x1c\xce\xda\xf4%\xb6\x0eL&gt;\xa37SV3\xd5\xa4\tn\xfd\x1e3\x1a\xf6\xb9\x1d\x82\xbe\xab]\xa3\x11\x04\xe0y(\xda\xc2Q\xda\x86\xfb\\\x8c&lt;tc\xc8\xa8G\xbe\x06\r\x90\x01\xa8\xfe\x8f\x8c\x8d\x91k992\x10&gt;!\x0b\xe6@\x00f\xfd\xa8rd\x85\x7f\xa41$\xdf\x94M\x06\x95|\xa6\x18d=\xdd\xefYw\x1c\x83\xd5;\xe7\x97\xa5\x80_\xd5\xffv\xd4\'\xea\x9d\xe7(\n\xaf\xa6\xac\xb0\x97W\x0e\x96\x8c\xcda\xa6!\xa7\x1e\x87\x83\xda\xe1\xed\x9a93*\xe7\x14\x0b\xf5\xb7\x8b\x12\x7fM\xa5\xd4\xbc\xfem^\x8dG\x0f\xec|I\xd4\xfe%\x91\x0c\xf5k\x9f\xd2\xde\xd4\x86\x01C\xcc\xc4v\xb2Zw\xf5\xfd\xf8Q0&gt;\xe2&lt;\n\xa1\xa5\x8buY\xd7\x1d\xd0|\x0f\xd3\x04\xc9Yx-8\x08m}\xda\xe7\x00Dj\x9b]~\x12@\xe7\x0fk\xd1\x7f%\x00\x1bQ]\xe7\xc5t\x91\x8c.\x8d\xee\xd9\x05CVx\x88&amp;V\xd6\x0e\xc8h\xb2E\xbfL\xa7\x18\x16\xcf\xf1L\xb8\xb2\xcd\xaa\xaa\xcd\xb1\xc5\xf4)\x18f\x12\xf8\\`8\xa7D\xc7\xc5X&gt;\xa2X\xcf\xc9\xb7\x0e\xd5nt\xca\xd1\to\xcf\x86zk\x80\t\xb2\xc5|\xc8\x10K$\xa4R(\x99\x0b*\xd1q\xe0\x0ei\x1a:\x8d\xa3\xeb\xde\x0eD1hZ\xf7qSN\x19\x02I\x8e\x9aS\x1e\x15\x87\x86\xe7\xc2\x98\xa7F\xd6\xcc\x07:M\\\xc0?\x14Qk\x80c\x12TX`\x9f\x04!.\x06\xfc\xbe\x01\xdc\x0e\xcdH\xdf],\xb8\x01\xec\xdax\x95B^J:\x8c\xd92\x98\xd7\xd1\xd6\xed2\xb9\xa2\x86\x04p\xd1\xbdW\x8f6)giN\xa6\x0f\x0c\x96\x9d\x02\xccI\x8a\x99\xe7\xf0u\xc1\x90\xa7\xd0\xfd9\xf3\xe6\xdb8\xcfu\x80K\xa8/\xe9{\xf9\xc2\xdc\xcc5\x10\xd9@\xbc\x1a\xc1\xaa\xe9\x04\x86\xcf\xf8\\\x0cYW\\e5\xfbL\xb9\xce\x90\xc5\xaf2\xd7\xac\xdedr\x1c\xd4/\xe7\xb4\xf6\x1e\x96H\xa4\xa1\x14~AT$\x00K\x90^\x87"\x80\xbd\x97h\xf8\xdb\xda\xa7_.\x92o\x7f\x0e\xbd\xfa\xd6D4\xe8\x9a=\x90\x08\xc2|O\x14\xe7\xd3\x1f\xe6?\x8d\x81\xd6\x89\x1fq\r\x8c\xef\xe8\xba\x8bX7\xa2\xe6w\x8b"\xb49v\xba\x97u\xb9\x04\nX\xd8\xc4A\xe8\x9c\xdb\x93\xad\x1d\xd2\xc0\xc6\xf41\x15\x0fD),z\xda\xa1X\xf4\x15\xd7-\x9a\xe4\x9c\xe7\x06\x15!\xa6g\x98v\xa7\x05\xec\x9d\x0f\xdc98\xd6\x85O\xfew&amp;\xa73%\xd9\x9e\xde\xab\x9d\xfb\xea\xf2\xf5dy\xe97\xa5\x04{\x0eb);\xc3d\xcc\\,\xf1&amp;\x97\xadDgF01\xdd\x18\xa6}\xb9\xe0\x17xXY\xc5\x9aL\x08\xb6\x99T\xf1h\xcdHSWI\xea\x97\xa4\x80\x0e=\x03\x1b\x96\x9d\x1e\x9ad\xcae\xc5\x93?\x17\x089\x7f&gt;\xb0\x1b\xf1n\xa6\xb7\xf7\xa8f&gt;\x84&lt;\xd3dLE\xe9\xc4\x1a?\xaf0\xd2\xa7\x89tA/\xbbRh\xb8\xcc4\xf3\xbca\xa9\xb0\xe5\xf46\xe9vr\xbe+\xe44ec\xb2w[&gt;\xc4\x06\x992#\xe4L\xb0\xfeNP\xea\xb4\x8b\xa0\x8eM\xa1\xfe%\xa5\x81\x83\x028qJ\xa9i=\x0c\xc7\xbb\xa8\xaa\x9eo&lt;\xcc\x10\n)ta\xe8\xcd/\xa2\x1b\x9e\xd2\xc0\\\x00F\xe6\xc7\xe5Y\xee{D\xdaC\xc1\x7f\xa7F\xe2H\xdf\x8d\x07/\xfa\xd6\xe8\xfb\x1e\xb5\x19\xc2\xe3at\xd7\x7f\xbf\x9eo\xa1\x03X&amp;I\x8f\xeb\x8445\xfa7\xbd\xfd\xa2"\xcd0\xc9[\xdcQJu#\x9e\n\xd0\x98\xc5\xbe\x9b\x8a\xec\xfb\x89\xc9\xcfL%\xe1v1,\x07\xf0z\xf0\xbakwCT\x08\xe2;T\xcdZ\xc9 \xda\xe1\x89\x85\xf6\x97\xbb\xf3\xc3\x9dm[#Y\xe7\x1a\x95\x19\x8f\xcd\xc5\xff\x01\xc0z\x15JhY!\r\xe0\xb1\xce\xc5\xff\x0cH\x98\xd0\x8e\xf8\xa7\xce\xf4\xa8+\xe9N\x85\x89\x14C\x1d\xe7\xbf\xe5\xd3g\xf85\xa1Y\xf3\xd5`\xdd\xb5&lt;/aO\x82\xcdu\xabv\x14\x11\xb3\xae\x02S\x08\xed\xbb\x024_Y\x918\x84s\xf2\xfe\x06&lt;2\x95s\xea\x05\xa2\xac\xae]f\x9a\xe0\xa3m\xaaj\x0f\xa5\x19@\x9dv&lt; v=\xa6(/\xfeEF`\x99\x87\xa7\xa6t\x92}\x80\xd7E\x19\x9c\x9a)\xca\x99\x17\xce\x8d\xc1X\xb26\x89\x14&lt;\x06[i\xbb3\x8ar\'\x9f\xee,~\x97\xba\xce\x92x\x99U\xc0\xdc\xde:\xeafa\xed\xc0\xa8\xfd@\xe1\x8e\'\xa5b\xab\x0c\xe5D\xdbL\xc7\x1b\xc1]9\xa9\x13\xda\xae\xac\xd2\xef.Z@\xdb\x192\xa3im\x92\xeb\xe3\xde\xe2\xd6#\xd9\xa9m\xab\x16\xa5\x0f\xfb\x05\xf3$\xca\x90\xc9\x1a\xb5^\xe6\x9d\x9f%~\xcetc\x9bT\xb2\x8e\x9d\xc2$\xe9\xd4\xe9\xe9$7\xc0\xfb\'\xed\xcf\xc7\xaf_\xc4\x06\x00\xfe\xbf?\xe8o\x1d\x9c\x96\xb7\x03G|E\xb5\xdd\\\xeb\x0e:\xee\x06)\xf7`\xe4C\xe7I\xffFm\xe6\x01\xcb{\x98Z\xc2\xf2J\'\xbe\x87[+=6_\xd8\x03f\xb8\x1bZ\xc4\xcd\xcd\x88\x1fKhQ\n\xf3#+OK[\xbd\xd4\xf2\xce\x89\x93\xc2\xb6\xdcb%\x92\x8e\x8aZhZ\x02\xc1\'*\xcd\xec\xc2NQ\xfdP\xe0\x82\xfc\xf2$\x82\x85]\x9f\xc9-\x11p\xf2R\xc1MpX\x03K\xc0\xee\xfb\xe1\x08c\xa4l\xd3\x07s\x858*h\x93\x81\xf5\x9d\x8aq\xf1V?\r\xe9S1O\x0f\xcd\xf7\xdd9`\x97\x88;\xab\x94\xd4*\x96ht\x9f\x00f#\x08\xd1\xa0\x85G\xcf\xd3\xce\xde\x85\xf1g\xc1\x90\xe4\x1c\xa1\x80\xc6\xfbq\xc4\x1bQ\'\xc3\xbf2\x1f\xaa\xfa\x97\x1a\x18\'\x96\xebo\x8az\xd4f\x9c\x8f\x7f@\xc8P{A\x15Or\x0f\xa0\xb7\xa3q\x8b@\xd2xKo$4\xed6gvY\x12\x8e\xab_j\xf2\x80=p\x07\xba\\u\xcf\xe9\xedn\x98\x95\xa5\xb5\xba3\xd4!\xbc\x1c!\xd2I\x85y\x87\xe0p\xfa\xf1\x19\x1f\xdd\xd9\x7fT\xa6&gt;u\x97\xbat\xc9W\x1e\x97\xbc\xee\x02\x89\xa3\x89}S&gt;\xa7&amp;\tn\xf6\x80\xfc[\x02\xab! x\xb33m/Ax\xd6X\xa1\x88&gt;\xd8\x9e\t\xca\xcbB\x0ez\xef*\xc0\xc5x\x9a\x03\xb6\x18 \xe6`5\x11\xf4FS\xe3\x16\\=q\xff\xcd\xbc\xf2\r\x9e\xe4\xfb\xa5M\x92x{\r\x96|\xb1\xf8\x8aF\xaa\x18\xees_V\x1c\r\x10cB\x1e\xd7t\xc4\xdd)\xe4N\x976\xad6m\xe5\xdf#\xedx\xf1\x10Y\x0e~m\x01\x1e\xcc\xa3\xbfL%\x1d\x90%\'A\x99l\x0b\xa6\x0c\xeb7\xef\x85\xaa\xdf\xceN(\x9b~\xc3\r\xc0j\xc5\xcb\x16\x11\xec9\x12\x95\x8c\x93ZA\xc2?\x8b\xaa\xbe\xb2\xa2]\x9f\x8d\x11\xe1V\xa6\xd6)\xffm\x08\x03Jn%\xf7\xa3H\x80\xc9xf\xa0\xaaf\x9d5yF\x00cw\xca\x0f\x971\xf1{\x19\x99\xd8\x90\xe5j\xcd\xc6e\xc2\x9d\xaao\xa1\x98v\xdd\xf2`:\xb5\xbe0\xbbs\x90\x98L\x98R\xe9\x13\n\xd8n\xda\xac\xec\xd5\xc20\xb63C\xe5\xa9\x10S)T@\x89\x05\xf1\x03\xafw2tw^\x14\x97\xd5(q-\x13\xf1b\x8c\x1f\x89\x1b\x95\x95\x9d\x1d\x84\xdb\xe7}p\xbd\xb8#~Ow4;\xff\x07\x1bn\xddL\xcf\xd5"\xa2r\xebL\xb9\x06\xe5\x1ft\xc9s\x06\x93#l\xb8\xf1\xb3w\xd8|Ms\xd6\x93\xd3\x99\xb4\xd9{\x13\x9c\x19\x1a=\xb1"\xa8\x98:Z\xb6\xe8E\xc7\x19\'F1\xa0\x0e\x0b\xe8\xf1\xe0\xec5!\x92\x10\xcb\xc39QC*=2\xf2$\x0f9\xcb\xee\xae\xd14\x86\xfd\xce\xbd,\xc2z\xcd@\xb3\xdbp\xe4\xe4\x96\xfc\xae\xed\xb12\x1d\xeb\x0e\x06i\x9c\xc4\xb5\xe2hY\x15\x8a\xad\xca\xb7\x13\x11\xb5\xf0&gt;r\xab@\xcd\xb4\x9e\xc4\x8d9T\xbb)&gt;u\x0f\xacwVfNF\xc5\xe8\x93\xd3f\xe0\x1a\x1f&lt;9\xf7\xd8\x84\xcc\x16\x1f\xfda\x8b\x92O\xbd\x8dXY`\xbb\xeaI\x84\x83\xfc\x15:g\xa9a\x82\xbb\x8fH\xba\xebq\x8e@$\x81\xa7\xea\x04\xd24\x11\xfb\xb8\xd6i\x04\xfa\x18\x019\x895\x93F\xf6\xe3Pb_\xd4\xaf\xedgg\xb3V\xce\xba\x04\x9b\xa2]\xf1s1\xaa\xda{\xafZX\x0f\x7f)j%\x16\xfd\xdf6\x16NT\x1c\x9f\x8f&gt;\xf5\x9e\xf6\xb4\x17\xef\xd3g\xc4\x9c\rAs\x08\x94\xff\xd6B~j`\xef\x0c\x18\x96V\xe7Q\x1d\xf3\xcb\xe2\xee\x91/\xc3N\x97=\x01^\x93\xb6\x90~[iTl\xbaM\x82\x01\xb1\x05\xb3\xce\xbd\x13Q0\xb7E\x9a\xd8\xb4\xca\xda\xf0S[\x93q\x94N\xd5\xf2\xb2\x03\x0c\xfejSY\x84|\x86\xc0\x19\xe3r\xda\xfd\xeb\xf4\xbdQ\xb99&amp;\xb2B\xa3\x0f\x9a\xe4\x91\xf3\x05\xc8\xa6(&gt;\x03j\xf5\xfe\x9aP(\x93\tzR\xabyg0\xa0\xde\x90;T]a\xf3\xf8\x02\xc1h\xa8\x14\x18\xe0J\x0bN\xae\x0b\xe5\x95Xxa\x93G=\xd0\xd8*\nTT\xdc\xc4\t!\xab\xb6b\x9fM\x95\x90\x8by\xe0\x11\xf0\xe1\x96O\x08JQ\xf1_\xfe\xc1\xa0l)\xb1_/\x84D!.D\xcc\xb6\xb2\x05n&gt;\xed\xb9\xa1\xc1\x10=\xd4\x87\xea\xfe\xd8\xc7\xad\xc2T\xb7b)\xc6\xe1\x12&amp;\xec\xd6_Q\x00\xb8{\t\xf0g\xcc~\xdc\xd2\xf2\x02|Pe\x82\xe7\x1bK|c\xfd&gt;\xdcz\x8b\xe5Ag\xc7\xa9G\x8f,\xfd\x8c\xd4\xc4\xb7.TG\xdd\x87\xebQ\xce*s\x13*M\xb4`'</t>
  </si>
  <si>
    <t>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</t>
  </si>
  <si>
    <t>b'\xa3/\xd0\x1a\xeb\x1ev\xaaT&lt;d\xac&gt;\x93\xc6\xbe'</t>
  </si>
  <si>
    <t>d me
 to his old friend, the Earl of Wâ€”â€”, for he thought we should have a good place there.
 Merrylegs he had given to the vicar, who was wanting a pony for Mrs. Blomefield, but it
 was on the condition that he should never be sold, and that when he was past work he
 should be shot and buried.
 Joe was engaged to take care of him and to help in the house, so I thought that Merrylegs
 was well off. John had the offer of several good places, but he said he should wait a little
 and look round.
 The evening before they left the master came into the stable to give some directions,
 and to give his horses the last pat. He seemed very low-spirited; I knew that by his voice.
 I believe we horses can tell more by the voice than many men can.
 "Have you</t>
  </si>
  <si>
    <t>b'\x04\xb3GZ3x\xdb`'</t>
  </si>
  <si>
    <t>04b3475a3378db60</t>
  </si>
  <si>
    <t>mal in question. An Indian came
 out of the hut, and, at their request, conducted them within the
 enclosure. The elephant, which its owner had reared, not for a
 beast of burden, but for warlike purposes, was half
 domesticated. The Indian had begun
 already, by often irritating him, and feeding him every three
 months on sugar and butter, to impart to him a ferocity not in
 his nature, this method being often employed by those who
 train the Indian elephants for battle. Happily, however, for Mr.
 Fogg, the animalâ€™s instruction in this direction had not gone far,
 and the elephant still preserved his natural gentleness. Kiouniâ€”
 this was the name of the beastâ€”could doubtless travel rapidly
 for a long time, and, in default of any other means of
 conveyance, Mr. Fogg resolved to hire him. But elephants are
 far from cheap in India, where they are becoming scarce; the
 81
 males, which alone are suitable for circus shows, are much
 sought, especially as but few of them are domesticated. When,
 therefore, Mr. Fogg proposed to the Indian to hire Kiouni, he
 refused point-blank. Mr. Fogg persisted, offering the excessive
 sum of ten pounds an hour for the loan of the beast to
 Allahabad. Refused. Twenty pounds? Refused also. Forty
 pounds? Still refused. Passepartout jumped at each advance;
 but the Indian declined to be tempted. Yet the offer was an
 alluring one, for, supposing it took the elephant fift</t>
  </si>
  <si>
    <t>b"\xcbY\x96\xf1\xc4R\x7fd):\x1c\xaa\xb6\xd0*\xbf\xe6\xba;\xa2\xd4\xa07\x1e?V\xcd5wUY'"</t>
  </si>
  <si>
    <t>cb5996f1c4527f64293a1caab6d02abfe6ba3ba2d4a0371e3f56cd3577555927</t>
  </si>
  <si>
    <t>b'\xcbY\x96\xf1\xc4R\x7fd):\x1c\xaa\xb6\xd0*\xbf'</t>
  </si>
  <si>
    <t>t on the hearth-rug.
"I wishâ€”I wish I had a little spade," she said. "Whatever does tha' want a
spade for?" asked Martha, laughing. "Art tha' goin' to take to diggin'? I must
tell mother that, too."
Mary looked at the fire and pondered a little. She must be careful if she
meant to keep her secret kingdom. She wasn't doing any harm, but if Mr.
Craven found out about the open door he would be fearfully angry and get a
new key and lock it up forevermore. She really could not bear that.
"This is such a big lonely place," she said slowly, as if she were turning
matters over in her mind. "The house is lonely, and the park is lonely, and the
gardens are lonely. So many places seem shut up. I never did many things in
India, but there were more people to look atâ€”natives and soldiers marching
byâ€”and sometimes bands playing, and my Ayah told me stories. There is no
one to talk to here except you and Ben Weatherstaff. And you have to do your
work and Ben Weatherstaff won't speak to me often. I thought if I had a little
spade I could dig somewhere as he does, and I might make a little garden if he
would give me some seeds."
Martha's face quite lighted up.
"There now!" she exclaimed, "if that wasn't one of th' things mother said.
She says, 'There's such a lot o' room in that big place, why don't they give her
a bit for herself, even if she does</t>
  </si>
  <si>
    <t>b'\xcf\x93\t)3\x9e\xe6\xa6\xf16\x87\x14:\xb6PIi\xbf3\xde\xc6p\xe3l\x05\xdfr \xf2l^\xbd\x16\x8e\x17/-$\x01\x94\xa9\x1d\xdam6\xa4j\x8f\xb7\xe7\xbd&amp;\x14\xacbV\x82\xf9\xe6\x01\x91\x14\x01w\xdc&amp;\xe5\xe2\x88\x14\x01S\x1d\xef\x88\'\x13\x9f;#\xf4\xc7\xee\xbb\xef\xfd\x17\xca\x1d\xb4QH|\xb0e\xb1\xd9Q\xfb&lt;\xdcv\x98\x9eK\xbf\xdb10\xe9\x05\xd2\x05\xfb\xd9\x0cJ!\x94)\xbb\x81\xd1\xd3\x8b\xf9\xfb\xac\x02\x0b\xf2\xc3\xf6~l\xcc\xc7\x93-\xc9\xa5\xa5U\xf0(,\xdc\xfe\xce\xfac\xb8nf(\x18&amp;9v\xe4\x87\xfd.\xc1NIf{X\xf9(\xb3\xddE\xc1\x94\xc4R~\xe5\xf6::\'\xf9z\xbf\x18/\x8c\xd7T*}\x91\xd2h9I\x8c\xde-\xe9\xd1\xb9X\xee\n\x9f)\xf5\xca\x17\xceg\xa3\xe0\xbdd\xe7\xd4\x9c\x05\xdf^\x924X\xb3\xc5\x1d\xef%\x0c\x1d\x164\x86\xf5C~$Kl\x99\xf9[\x96&amp;\xfc\xe4O`\xa0\'s\xf9\xf2\xc7\xbe\xe6w!;\x10!\xbf1\xdd\xa9\x12\x8dI\xfb\xc5\xe4\xfc\x8b\xab\x8b\xc6\xb7\xbe\x14\x1b\xeb\xda\x1c\xdc\x9bp\xe6X\xfdDL\x94\x97\x80\xe8\x1a\x80]\xb1\x7f\x1f\xdc)\x81&gt;"\x1e\xf9\xaa\xba\xd6{m\xf1\xceu\xbd\xc9\x9cg\x93\xc2=\\\x00\x18\xc8\xf0\xe3h\x0c\xa1\xf8\xbaC\xe8S\x07\xedJP\x05\x1f\x99$G\xd1Vn\x0c@w M\xc5jVc\xc41l\xf3\xc3d\xef\xde\xca\x96\xd9&gt;9\x8b+$R\x16\xad\x9e\xf2\x002\xcdU\xc1O\x0fn%S2\x13\x12\x81l)\xf3iw\x9c\xcf\xda\x0b\xb3M\xe8\xb9\xe3\xbf\xdbh\x88:\x0ck\x97\xaaD/3@V\xb8\xe5Q\xd2\x8e.\xceh\xd1\x16\xb7\xd6\xc3w\x00\xce\xeac\xd3\r[\xe6\xd8\xc4\xe4\xeb\x0b\xc2\x1b\xe1E\x1d,}\xd9\xab\x85\x81\xfb}\xb7\xcf\x183Q\xf4I\xca\x82\x82\x06p\x06q\xbc\x07\x9d9C\\7\xd5\xed\xf54A{}\xe0\xc0\xb0\'u\xa7n\xe5[\xf1=\xefn;\xadR&amp;\x03L\xfaQ!H\xf7m/\xf0\xf6\x11E\x83%\xa3\xd7\xfd\xbdHD\x19\xaa\x9e[}\xc3^\x90\xe0(\xac\xaeg5\x17\xb4+\x19\xca\xaav\x90\x9d\xa7\x07.\xad\x1d\xf9\x85\xd6\xa3\xc3\xd7AIK\x91\xc9\xfc[\x8d\xaaD~@_\xfa\xa4\xb5~V\xf8\xfb\x9do\xac\xf9\x84\x9cqP\xb5[\x1c\xc5\xd1\xd3\xcb\x82\xc0\x9b7\x81@\x95\xcb(o\x19gn\x94\xe4\xdc\xde~\xe0[&amp;\xfd\'\xf6\x82X\xe2;\xabv\x01t\xe7Y8\xc6\x12\x85\xdd\xb9\xba[\xb0\x9e\x95\xd0}wV\x13\'\xc4_\xff\x1d#;\'\x83:\xf2\xca\x95\xb5Z\xae\xa9~]\xdbRG\xb9|\xb8\xcb9\x84\xbf\x1b/\\\xd4\x0bk\xce\xf4\x8d\x92&amp;"\xadc\x1ajuS8\x0f\xb9\xacwTNL\x08A\x92\xb1?\x84\x86U\x0bu\x8d\xde\x8e\xa0\xdd\x11O\x1e\x9b\xe5\xe8\\\n\x9d\n\xb5\xb8q\x02\x03\xf6B\x8f\xed\x97A.\xcf:eb\xc0\xa1\xe0\xf4\xda\xe7&gt;\x88\xe3b\x90Bt\x7f\x8c\xa3\xc2\xabL~\xf9\x89\x89EuQY\xc1\x0b\x04H\x827K\xaa\xc1\xce\x12\x02\xd29~\xc2(\x93\xec\xd8QCg\x9e\x85\x8d\xacn0\xb9\x9c\xf6\x1b\x9bf\xc3\xb4\xb1Nv\x12\x8f1{\xdb\xf3\xbf\xc3\x87\xde\xa4);5\xf13{X\x11\x9e\x1a\x9c;\xb5\xc3\xf3VXd\xfd\xd8\xac\x01u\x87&amp;k*\xceN\xa1\x89a&gt;\x99?\xc3\x9dVIa2\xb9\xfa\xa4\xd9\x84\x84H\'\t3t\x16\xd8\xe1\x8aI\xc2|\x9f\xac\xc4X\xbd0j^f\x89\x0b\xbac\xce1a\xdb\xed\xdfJ\xd1\xae\xed\x9aG\xed\x84+\xe1\xd8\xec\xea2\xee\x9b\xe2?\xdf\xf9\t\x0f\xef\xa3r\x92n\tw9\xa4\xab&amp;\xd3!\xd9x\xc0\x85*(0n\xdd\x9f\x895\xf2&gt;r\xe16\x01\xeb)\xa4\x08\xcd\xf7\x9b\xc7\x0fA\xbf\x8fM\xe2$\x89\xca\xfc{Ta\x94\xe6\x13$\xb7W\xf2T\xb9R\xa7\x97\x1bhM\x8d\xea\x1f\x1dN\xe9\x14\x8e|\x0bC\x174\xbbO~$\nx\x8eH[\xa4\x90)3\xf8\xc3\xea@\xb2\xeb\xe4\x82q\xdf\xb5/\x8en.\xfe\xd3\xe3\x072z\xd4\xe5\x19\x13\x11\xd0\xc1V\x1bLS\x19\xa9\xc7\xcf\x1a\x0b\x13\x9b\xcf!\xb7\xda\xaf+\xe6\x17\xdc\x9b\xc8dJ\x0b~)\x05s\x87\x83\x9f\xb2\xe5\xb2\xea!!\x1c&amp;\x96t\x86@\xcd\x8d\xb1\xd45\xe2\xff2(\x87\xadg\x84X{\xf7*\x8a4\xbc\xffLZE\xb0.\x1f\xc7v@B\x1b\x16Y\xce\xfa\x14C\xe0\x89\xda\xe4\xb6\xb9\xae\xca\xb8\xa2\x14U\x13\xd4A\xd7\xcb\xe0n\x11\xd5c\xec\xe6\xb1\x16\x1d\x83\xc2g\x17\xa4\xad=\x00\xec\x81\x81\xf3D\x11w\xe5`/Y\x99\xb3o\xe7S\x9f\x13!l\xcc\xcc\x85\xe5\xb1y\x80\x8a\x0fE\x8b7\x00^\x06jz\x1f\x8a\t\x9d"\x11\xfa\x82\xc8Rj\xed\x84\xa0\x17\x8a*\r\x07\xd9\xe1h\xa8\xc1z_\x83\xf6g\xbb(*\x12\xc4\x18\xe7\xebp\xad\xd0\xb4Y\x89\xa8\xce`\xf0\xf78E\x13$6\xc3L\x1b^\xc3\xe0\xc2W\xb9n\xff&gt;\xd4\xc4\x91\xc4\x0fa\x84\xfd\x03W\x1d\x92\x80P2\x1b;@_\xfd\xf7\xee\xd2\x80\x8d\x1f\x12\xcb\x96\x8cJ\x86\xe55\xbb@\xeb\x93\xdb9T\xc8[\x02}\xc3]\xb6\xce \xb5\x1e\x97\xdfd\xf3\x9d\xbd\xb9U8D\x0f\x9c\x00c\x17KY\xe8\n\xcb\xa5|\xfd\x13LM\xe7\x1bZ]!\xafi\xf5p\xa0\x0f\x9fA\x7f\xcas'</t>
  </si>
  <si>
    <t>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</t>
  </si>
  <si>
    <t>b'\xcf\x93\t)3\x9e\xe6\xa6\xf16\x87\x14:\xb6PI'</t>
  </si>
  <si>
    <t>ttle of her she could scarcely have been
expected to love her or to miss her very much when she was gone. She did not
miss her at all, in fact, and as she was a self-absorbed child she gave her entire
thought to herself, as she had always done. If she had been older she would no
doubt have been very anxious at being left alone in the world, but she was
very young, and as she had always been taken care of, she supposed she
always would be. What she thought was that she would like to know if she
was going to nice people, who would be polite to her and give her her own
way as her Ayah and the other native servants had done.
She knew that she was not going to stay at the English clergyman's house
where she was taken at first. She did not want to stay. The English clergyman
was poor and he had five children nearly all the same age and they wore
shabby clothes and were always quarreling and snatching toys from each
other. Mary hated their untidy bungalow and was so disagreeable to them that
after the first day or two nobody would play with her. By the second day they
had given her a nic</t>
  </si>
  <si>
    <t>b'\xab\xeb\xf5\xf4\xb1jI\x9d\x9e\xf9{k\x1a&lt;&gt;f\xa6\x00\xa9G|]\x08\xd1\xedFC\x90\x0fmM\xd5\x93{\xd5\xdd"\xcd\x12\xc9\x07JAq`\x9c\x0f\x90\xe0\xa5\x14\xe5&amp;\x12\xc1\xf8\xc8\xcck&gt;g\x94\xa5E\x95\x9c\xd4\xe3\xf1j\x1d\xcf\xab\x1e\xbbi&amp;\x84\x16c\t]\x08\x00\x92\xbe\xcdb\xd3\xeb\xa0\xc7\x14\xee\x87]\x90_\xd1\x83\xad\xfbbLfqa\xf7\x8a6\xd1\xce\xc5\xebf\xbd\xb0\xa8\x15~\xd5\x8f\xbaPl`\x13\x9c\xb7"qz\xdb\xef\xb2\x14/\xf3tbl=4\x86|\xa0\xbb\x89\xc46\xd2O\xae^\xaa\xa9\xa2\x9fvx\xc0\xbe\x87\xea=!/\xa7e\x00\x18\xd8\x06\x16\x8a7W\x92\xaa\x01\xc6\x0f\x8f\x88B\x96\xb9\x9e\'uC\xc0\\ \xa3\xb5o\xd8\x1c\x99\xfe\xec\xd7\xc7\xf7Z\xc2\\\xc9\xea\x99\xbf\xab\x91N\x83aet\xb5s)h\xdf\x8d\x12#\xc0\xd0pb\x17\x0e\x04@\xce\x96z\x07\x9f\x90\xf9\xc1\xfb\xb9\xc0\x17\\\xdc5\x1a\x1e\xce\xab\xb9\xf8\xc2\xf26Q\xe0\xb6a\xd9\xed\xb7R\x84jpE\xdd%\xb6j\xe5P)\xd5:\x87\x83\xf2d\x19\xf6\xa1\xf6\x84\x81\x0bz\xe6\xaf\xca@\xb2\x98OX\xff\xffQ*\xf0;/=\xa9\xed\x83\x8eSW\xdf\x80\x93*9\x0eS\xfa\x01\x80~\xf8\x8f)5`\xd1\xe0e\x9cOM\xeb\x00\x0fe\xe2\xc9\xf5\xd4Q\xcb\xe2Q\xc5\x01\xe0W\xcft\x0eF\xbcn\xa7\x07\xa7\x97\xf7v\x14\xe9HC\xcbXW\x15b\xe06\x9b7\xb0\x8e\xe6\xb5\x1as1\xfb$%\xb9\x03X\x1d\xda\xd4V\x07j\xa40N_M@\xa5\xf3f)\xe8\xb5\x01\xf0\xb8\xec\xb5\xaas~\xf2\x8e\xd9[\x19\xa3\xf9\xbe\x0b2\x1b\xc5\xf4QZUT\xd9\xfd\xaf\xaa&amp;\xfc\x1c\xa0\xca\x17\x95,=k&gt;\'\xa37\x9c%\x138\xa0lJ\xa1\xe4\x14\xacO;\xf3\r\x0b\xe0\x19=\x85F\xc9\xbf]7\xbbc6\xe6\xf9\xb4\xa7\tl\xc4}/y\xc2\xfcjD\x85\x89\xae(/\xb7\xa1\xbbw\xffB\x7fO=1\xab\xc4E\xeaH\x93\x84\x15\x1f\x1a\xd3\x1b\x9c/\xe2\xe8\xd3\xf6~\x14&lt;\x90\xdf\xd8\x97\x18\x93\xb5\xbe\xb2\xc5\xe7\xe7w]\tR\xc3\xdc\x0f \x93\x9a\x10R\xc0\xea&lt;\xac\xc9\xab\x8e\xf1Z\x8f\xc9\x80\xca\xb0zE\t\xf9\xdc\xc2d6\xd9\xef3\xd3e\xacD\x0f\x13|d\n\xbeL&gt;6L\xff\xbb\xbf\xd2\xf7/\x9e\x8b\x91K\xd9m@\xeb\xf5\xa4\xc7\x96\xef\xd1^Z\xe8\\\xd0\xa8\xe4\xab\xef\xe45=\xb2\xfa\x9e\\\xb9\xa465\x92_m\x7f\xdf\xa9\x9c&lt;\n\xde\xc2\xecF\xaa\xfd\x082\xa6\xa1\x92\x1c\x82\xfa7\xe08\xb8\xaa\xd0\xa2\xfa\xb7\n\x11\xfa\xba\xda\xfe\xb1\xcc\x97\xf3G\xc2_n\x03e\x14a/\x00\xd32\x0f\xe8NH8\xc9E\xef+\xcd\xa1O\x83\x04Q/\n+\x87\xae9\xab\xd9\xe8v\xbc}7\x83,\xad[\xc1\xdf\xd4\x06S\x1c\xf7\ny@\x9d}+\x16}\xb8\xb8\xe6HI{\x81\xdf#\xf3h*j\xf1\xdaR)azY&amp;V\na]\xc8\x0byvV\x87f\x86\xe8\xf2\xe7\':\xcan\x98\x87=\xf3\xec\x1bmCiv;\xc6\x13F\x18\x8a\x81h\x94\xdeV\xd8\x94Fx\xd8\x8d\x1aui\x0f;\xa9\x81\xa8\xc8\xca8\x14\xecL\x94\x92B&gt;&amp;\x85\xdaz\xe3\x1f\xec1\x08\xae\xf7\x98(\'\x06\xd6\xe5\xcb\x916\n\x13\xa9\x8d\x8f\xddB\x00\xfb}\x0fO\xce+\xb1k?\x99\x9f&lt;\xb6\xc18\xe5\x81\xafj\xc7A(\xc8\xb4\x19\x1a\xec\t\'M\x0fJ\xbd;D\xf7^\xd5\xfa&gt;\xb2\xda\x90\xe0\xd4+\x89\n\x1fv*zpC\xa4\xfc\x8e\xf0\xd9\xe3L~{\xa7=\x1db\xdd\xfdfr\x95\xdc\x0e\x0e,\x01\xca0h\xf7"\xee\xe3i\xdb\xe0\xbd\xe3\xe38\xcanj\x16\xa4\xe8/\xfet,oD\xdf\r\xebxm;}\xff\x12\\\xc52\xdb\t4\x04\r\x8c&amp;%\xd5\xca\xa4U}c\x7f\x1e\xec\xa5\x07\xe9f\x03\xa7\xda\x0fr$\x10\xbd\x02\x91\x97a\x11\xf3\xa5\xc6\xb3\xedhHtf\x84.a\x1d\x15\x97\xa6V\xca\xa2\x8c\xdc7\x9fh4xs\xc6\x10\x02\x840nX\xddm\x1f@\xcf9u/\xb6&gt;\xc4%\x88\xc1A&gt;C\xf3e\xe6m\xdc\xf4\x16)\xac\x9f\xd3\x01\xf0w\xa8\xfcs0d \x12_\x12\xdf\xa4*\x9c\xf7j:\xc6A\xca\xde\xcf3VO\xc4Yw\x83\x9ft\x95o\x7f\x12\xd7)\xf6\xa40\x96\x91{\xfaP'</t>
  </si>
  <si>
    <t>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</t>
  </si>
  <si>
    <t>b'\xab\xeb\xf5\xf4\xb1jI\x9d\x9e\xf9{k\x1a&lt;&gt;f'</t>
  </si>
  <si>
    <t>(4.8) [4.8] 0 (0) [0] 0 (0) [0] 0
 1999:Q4 7.3 (5.8) [7.3] 0 (0) [0] 0 (0) [0] 0
 2000:Q1 4.8 (5.4) [1.0] 0 (0) [0] 0 (0) [0] 0
 2000:Q2 5.7 (5.2) [6.4] 0 (0) [0] 0 (0) [0] 0
 2000:Q3 2.2 (2.7) [-0.5] 0 (0) [1*] 0 (0) [0] 0
 2000:Q4 1.0 (1.4) [2.1] 0 (0) [0] 0 (0) [0] 0
 2001:Q1 1.3 (2.0) [-0.4] 0 (0) [1*] 0 (0) [0] 0
 2001:Q2 0.3 (0.7) [1.2] 0* (0*) [0*] 0* (0*) [0*] 1
 2001:Q3 -1.3 (-0.4) [-1.4] 1 (1) [1] 0* (0*) [0*] 1
 2001:Q4 1.7 (0.2) [1.6] 0* (0*) [0*] 0* (0*) [0*] 1
 2002:Q1 5.0 (5.8) [2.7] 0 (0) [0] 0 (0) [0] 0
 2002:Q2 1.3 (1.1) [2.2] 0 (0) [0] 0 (0) [0] 0
 2002:Q3 4.0 (3.1) [2.4] 0 (0) [0] 0 (0) [0] 0
 2002:Q4 1.4 (0.7) [0.2] 0 (0) [0] 0 (0) [0] 0
 2003:Q1 1.4 (1.6) [1.2] 0 (0) [0] 0 (0) [0] 0
 2003:Q2 3.3 (2.4) [3.5] 0 (0) [0] 0 (0) [0] 0
 2003:Q3 8.2 (7.2) [7.5] 0 (0) [0] 0 (0) [0] 0
 2003:Q4 4.1 (4.0) [2.7] 0 (0) [0] 0 (0) [0] 0
 2004:Q1 4.5 (4.2) [3.9] 0 (0) [0] 0 (0) [0] 0
 2004:Q2 3.3 (3.0) [4.0] 0 (0) [0] 0 (0) [0] 0
 2004:Q3 4.0 (3.7) [3.1] 0 (0) [0] 0 (0) [0] 0
 2004:Q4 3.9 (3.1) [2.6] 0 (0) [0] 0 (0) [0] 0
 2005:Q1 3.8 (3.1) [3.4] 0 (0) [0] 0 (0) [0] 0
 2005:Q2 3.3 (3.4) [3.3] 0 (0) [0] 0 (0) [0] 0
 2005:Q3 4.1 (3.8) [4.2] 0 (0) [0] 0 (0) [0] 0
 2005:Q4 1.7 (1.1) [1.8] 0 (0) [0] 0 (0) [0] 0
 2006:Q1 5.6 (4.8) [4.8] 0 (0) [0] 0 (0) [0] 0
 2006:Q2 2.6 (2.5) [2.4] 0 (0) [0] 0 (0) [0] 0
 2006:Q3 2.0 (1.6) [1.1] 0 (0) [0] 0 (0) [0] 0
 2006:Q4 2.5 (3.5) [2.1] 0 (0) [0] 0 (0) [0] 0
 2007:Q1 0.7 (1.3) [0.6] 0 (0) [0] 0 (0) [0] 0
 Note: Asterisks denote R1 or R2 recession quarters that differ from NBER recession dating.
 6</t>
  </si>
  <si>
    <t>b'&amp;\xe5\xd1\xeb\x07\xb7\xe4\xfac6\x83\xda&amp;\xbd\x155\n\xf7\x8fj\xd6`R\xae\xcc \xb6\x9aF\x1d\xa9afZe\xb3\x8dD\xd0&amp;\x9c\x7f\x88\x11\x10\xeeRc\xc2 \\\x82G\x18\xe5\xa3\xd8\xa2\xcf\xf9\x96\x9b:\xdd5,\x9f\xef\xa7\x0fc[\x0b\x85P\x81\xa0\xab\xc7j\xeb\x12\xdf\x15\x9e\xf2 Lm\xbbr\xd2\xbb~T\x10k\xaff\x05_\xbf\xcf\x7f\x11\xaa\xf7\xbe\x1f,\xe3\xc8\xc6s75N\xa7B\xce%0\x97i\xf0f\xc2\x9d\xd6%\xf8\x99\xf8\x1fx\xb6\xc7\xeaT\xc6\x0e\x1f\xa9f\x13\xe0\x1fD$D\xb1\xf7by\x97\x03_\xf0&amp;\x8d\xfer\x123\xdb\xaf\x8a[AE\x02\xc6m\x8fc\xf7\x87\x90U\xa4{\xfc\x93\xb05k\xb2\xeb=e\x81\xc1\xc2wNr\x94~5\x87\x8e\x01\xd9Q\x0b%U\xd4\xa6\x9e\xb4\xa6@\x10UG\xa3\xe7\xf1\x7fu\x0c\xe2W-!\xfc\x1eM\xe8"\x951o&amp;o{\'\xd1\x06.0&gt;F\xbe\x9c&amp;\xf2q\x04\x9fM!:\xa6F\x8eB\xdfL\xa99\xff+\xb0k\xea,\xf2\xf9\tS\xd4Z\xae\xec\x1f\\\x04\xdf\xb1\xed\xb3\xd2\t\xef\x01\xe8@z!?\x04O#\xe9\x8d\x19(\xf9g\x853\xf9\x8d{\x94e\xb5\xdc\'\x81u#\x00\xd8\xc4AJRB\x939\x80\xe9[\xec(\x8c\xbb1\xfcFQ \xc9\xaa\xb3\x1f\x81\x93p\xa7\x11-\xe5\x07\xb8n\x87\xd8T\xe8\x15\xf0\x97\x80\xe7\xda\x8f\x93\xd5b\xb6C\xbd\xc3 \xef\x85p\xe8\xe4\xbf\x81\xf8n\xcb\x07G?\x13&lt;\x19\x97R\x8a\xb6\xaeB\x9b\xde\x94\xd6%\xfc\xb0\x92"4\xbd*n\x98\xde\xff\xb9\xef\x19\xcca\xea\xa2I\xec\xf7\xb1\x95sl\x81\xff\x1e\x9ei\xb71\x83Ptv9\xfd\xd8\x85\xba\x11&amp;\x9cx\xc5c\t\xe7\xbeO\xdd\x1b\xb3\xc5\xc8\xc9X\x03\xc2\x87a\xac\x9c\xc1\xb6_\xff\xd5\x7f\x80\xbeW-H\x91\xab%Zr\x97|\xd6\xe3\xcb&amp;!\xb1\x13\'!C\x87sO\xc1\x90\xee\xd5\xbe\xfb\x8a\x82xg\x14\xde 4W\xe8\x837\xecI\x91\xd4^\xb0\xcf\x1f\xeb\xdd\xcb5\x1c\r\xdd&lt;\x8f(F\x02\xcc\x8e%\x95\x8dZ\xbeL\xb4?\x13\x13l\xa5\xb0B\xdecH@ZV\x8e\xf0\x1d\xd9U\xd4\x1d\xd0\x8f3\x87\x9bN\xa5?\x15;h\xf3\xaf\xcb\xc4\x07\xd7\xb8\xb16PQ\xc5\xc8\xe2t\xdf|\xa7f\xa2Yok\xdf\x05\xb6~\xdc\xa8\xfb\xf5\x98U^\x0bXh\x86\xbe\xef\xe6\x8c~\xe6\xb1\xc4%\x93\xe8\'_\xa2F\x1dkT\xa0\xb6\x80\xb2\xe0"\xc1\xf67\xf1,\xa8\x8fp\x9b\x97\xf8_Le\xce\x88G\xa3\x8b\xfc\xe0\xac\x92\xfc\xccT\xd5\x94`\xdde\x82r\xe3e\x98&lt;\xdb|2\xe9\xe7\x16\x17I~0\x9e\x9e6&gt;\x88\xb9\xc4E\x15\x07\x05\xd6{&lt;\xbc\xc7\xdbpN\x8c\xc9\x83N\xf1\xe7d6\xc8\xc2#\x9e\x80`\x85G\njq\x11\xc0\xf0\x01\xaf\xe46\xfe\x83\xc6v\xdb\xc1\x83I\xd7\x8c\x7fP!\xba\x8e\xd1V\xe1\xb8\x15\xcc\xbb\x95T\xfe%\xa1\x10\t\xfb\xb6\x1a{\x82\xea:|8\xc6~*\xa1\xcc\xc6\x1cz\xd7\xb7\xf5K,\x0eW\x1ce#0SE\xd8\x1d\x8c-\x99\xf2\xe4\xe6\xf4n\x92\xe3\x18a\xb7\nWQ\xe6\xd8\xc3\x10\xb5\xf1\xea[\x87\xb7\xf0L-Xo\x80-\xd0\x8dq\xd5x\xdb\xa9&gt;U\x08r\x9a\'\x15\x96U:\xe2yJ\t\x1bz\x03\xf1\n\xd5\x02V\xd5\x9f\xe2k-\xc6\xe1\xa6`\xd3\x88\xf2\n\xd7\x99\xfc\xefD\xb7\xf1I\x83\x90\xc2\xee\x0c}\x91\xcc\xd8\xb7X\x9d\xf1\xb4\r\xa3v\x0c\x11~\xf5^&amp;\x120\xbf\xc1p\xc3Cu\x8fta\xc5&gt;\xa6\xfd4%\'\xbe\xeci\xe3Kef\x0f\xcf\x90s\x87\x10^\x14@\x01\xc1\xbd\x88\xa5VV2k\xfbH\xca+\xa1\xe6\xbdh\xa7\xfeY&lt;{\xfaN\xdf\x16A\xda\xe7\xf3+\x9d\xfc;\xe8\x97\x85\x88\xe8\x06\x06\xeb/\xb7-\xcdn\xc5\xf9D\xc7H\x14V%-\xc2\xa7\x7fe\x05\x82W!\xf0k\xee\x86\xcb\xd0m\xc8\x9d\xa5\x10\x8f-c\x1b\xc1"x\xa2\xbf\x01\xfd\x14\xf5\xaa+\xc7mPN\xfe\xc8\xfa\xcdA\xa2\x11\xb8\xba\xdd\xb0\x06\x06\x08\xbe*\x01n$CN_\x91[&lt;\x1dYL4\xd9\xdc\x07\xf5\xfb\x18o.@&lt;\x89\xd1\xd8U\x91dN\xaasv\x15Z\x1b\x1a\x9b\xf6\x0ea\n]&lt;\x1b\xd4\xfca\xf9\xe9\x07\xc89\x8bA\'\xe0\xd0\xbc\x1e\xa4\x93\xb9\x1a\xe0\xb1\xb1g:\x1bE\xb0\x1dQ\xc5\xbe\xc9\xb0\xdc\xe6\x0f_\xb6Vx\\l|2nJ\x8d\xfe\xab\xb1\xc6E\xcbd\'Y8\xcfgT\xffC\xb8\x99Z;\xed33\xfb3\xc0J\xfaf\x04\x16\x9e\xe5\xc19\xac\xe0t5&amp;\x91eoP\xe8\x8a\xea\xcc\xbb\x8e\x97\xe4\x05\xba\x13\x1dAh\xb86\xe4\x11\xeb&gt;\xf4\x08\xd3=Z\xb9\xb7p/\xcdX\xed\xd7\xf8\xdc[\xe5\x17G \xb8w%\n\xf8\xdd\xfcedQ\x1c%\xed\xf8\xdd\xdd%\xa1\xaf\xb5\xf3\x95(\xb6\x1f\xd8\xdb9\xfd\x9b2m\x1a\xa2%\x84\xe3\x04\x9es,\x0bW\xfd\xc1\x1d\x10N\xfd\x83ZB.\x91\x8a\\\xd9H\xc0~\x11\xab/\x85\xd3\xbc\xab:\xdb?|\x9eFe\xb3[(vt0~\x85\xa1\xf2?&gt;\xd4\x876\xe1D\x05\x03\xd7xeG\xac\x85\xfc+\xcd\x8c5\xd1\x0e\x12\x0c\xef"J\xdc\xd7\x97C\xd8M\xa5\xae\xa5\xa5y\xc8\t\x9d\xfd\x19\x84\xfe\xa4\xd9\xfcTD\xce\x01\xaf\x9f\xc9\xaf\xfd\xf6$\xabm\xe0;4\xbfW\x9e!\x1be\x83\xc8\x90\x1c\xa6||\x14\xba\xa1#\xf2\x94\xc7)\xdf\x04\x86w\xd5\x16FL\x1a\x16:4G\xe9\xff\xe0\x0e\xeb\xf0O\x7f\x1f\x9d\x17\xb8!.}\x17R\x10=\x82+\x14\x8dE\x8d\xe7`\xa7\xcd\xaa\xc0\xe7R\x1aB\x82j\xac\x88{\xce\x0c*\xfe\xcb\x1e\xba\xad\xb3F*\x03\x93\x931V\xc9\xc6\xfba\xe7X\xee\xe5`x\x14e\xf6\xeb)\x8dA\xd9\x15\xd8 C\xc9.\xa1^\x85\x8cK\xe8)\x0c\xc5P\xb3\xfeX\xaf\x10\x88\xf2i?/\'\x9e\xe0\xc4\xf0\xb9j\xc2\x8e\xef\x03\x97\x18~O\x0f\xaa\x1a\xa3^\xd1SjB\x9e\x91\xc0m\xff\xdc#\x1ft\x19Y\x12\xb8\x85'</t>
  </si>
  <si>
    <t>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</t>
  </si>
  <si>
    <t>b'&amp;\xe5\xd1\xeb\x07\xb7\xe4\xfac6\x83\xda&amp;\xbd\x155'</t>
  </si>
  <si>
    <t>d 150 mV
 for the PMOS devices. If VDD = 1.8 V,
 Î¼nCox = 100 Î¼A/V2, Î¼pCox = 50 Î¼A/V2,
 and Î»n = 0.1 Vâˆ’1, determine the required
 value of Î»p. Assume M1-M4 are identical
 and so are M5-M8.
 10.91.The differential pair of Fig. 10.99 must
 achieve a CMRR of 60 dB (= 1000). As_x0002_sume a power budget of 2 mW, a nominal
 differential voltage gain of 5, and ne_x0002_glecting channel-length modulation in M1
 and M2, compute the minimum required
 Î» for M3. Assume (W/L)1,2 = 10/0.18,
 Î¼nCox = 100 Î¼A/V2, VDD = 1.8 V, and
 _x0004_R/R = 2%.
 R
 V
 P
 R
 out1 out2
 M 1 M 2
 D D Î”RD +
 DD
 v v
 V M
 Vin1 Vin2
 b1 3
 Figure 10.99
 10.92. Design the differential pair of Fig. 10.48
 for a voltage gain of 200 and a power bud_x0002_get of 3 mW with a 2.5-V supply. Assume
 VA,n = 2VA,p.
 10.93. Design the circuit of Fig. 10.54 for a volt_x0002_age gain of 20 and a power budget of
 1 mW with VDD = 1.8 V. Assume M1 op_x0002_erates at the edge of saturation if the input
 common-mode level is 1 V. Also, Î¼nCox =
 2Î¼pCox = 100 Î¼A/V2, VTH,n = 0.5 V,
 VTH,p = âˆ’0.4 V, Î»n = 0.5Î»p = 0.1 Vâˆ’1.
 500 Chapter 10 Differential Amplifiers
 SPICE PROBLEMS
 In the following problems, use the MOS device
 models given in Appendix A. For bipolar tran_x0002_sistors, assume IS,npn = 5 Ã— 10âˆ’16 A, Î²npn = 100,
 VA,npn = 5 V, IS,pnp = 8 Ã— 10âˆ’16 A, Î²pnp = 50,
 VA,pnp = 3.5 V.
 10.94. Consider the differential amplifier shown
 in Fig. 10.100, where the input CM level is
 equal to 1.2 V.
 (a) Adjust the value of Vb so as to set the
 output CM level to 1.5 V.
 (b) Determine the small-signal differen_x0002_tial gain of the circuit. (Hint: to provide
 differential inputs, use an indepen_x0002_dent voltage source for one side and a
 voltage-dependent voltage source for
 the other.)
 (c) What happens to the output CM level
 and the gain if Vb varies by Â±10 mV?
 Q1 2 Q
 V
 I EE
 Vin1 Vin2
 CC
 Q4 Vb
 Vout
 = 2.5 V
 1 mA
 Figure 10.100
 10.95.The differential amplifier depicted in Fig.
 10.101 employs two current mirrors to es_x0002_tablish the bias for the input and load de_x0002_vices. Assume W/L = 10 Î¼m/0.18 Î¼m for
 M1-M6. The input CM level is equal to
 1.2 V.
 (a) Select (W/L)7 so as to set the out_x0002_put CM level to 1.5 V. (Assume L7 =
 0.18 Î¼m.)
 (b) Determine the small-signal differen_x0002_tial gain of the circuit.
 (c) Plot the differential input/output char_x0002_acteristic.
 V
 M 1 M 2
 out
 Vin1 Vin2
 M 4 M 3
 VDD
 M 5
 1 k Î©
 M 6
 M 7
 = 1.8 V
 Figure 10.101
 10.96. Consider the circuit illustrated in Fig.
 10.102. Assume a small dc drop across R1
 and R2.
 (a) Select the input CM level to place Q1
 and Q2 at the edge of saturation.
 (b) Select the value of R1 (=R2) such that
 these resistors reduce the differential
 gain by no more than 20%.
 Q1 2 Q
 V
 I EE
 Vin1 Vin2
 CC
 Vout
 Q
 R1 R 2
 3 Q4
 =2.5 V
 1 mA
 Figure 10.102
 10.97.In the differential amplifier of Fig. 10.103,
 W/L = 10 Î¼m/0.18 Î¼m for all of the tran_x0002_sistors. Assume an input CM level of 1 V
 and Vb = 1.5 V.
 (a) Select the value ofI1 so that the output
 CM level places M3 and M4 at the edge
 of saturation.
 (b) Determine the small-signal differen_x0002_tial gain.
 SPICE Problems 501
 M 1
 I SS
 DD
 M 2
 V
 Vin1 Vin2
 M 3
 V
 Vout
 M 4
 M 7 M 8
 = 1.8 V
 b
 M
 I 1
 9
 1 mA
 Figu</t>
  </si>
  <si>
    <t>b'w\xadBZ&lt;i#e\xe1\xb7\x0b^&gt;|\x150'</t>
  </si>
  <si>
    <t>77ad425a3c692365e1b70b5e3e7c1530</t>
  </si>
  <si>
    <t>om moment oneâ€”theyâ€™re actually killing
 me in the short term. Their sales crush mine.
 â€œIâ€™m not in this for the short term. I want my audience to show up at my
 fucking funeral. And I mean that. I donâ€™t need my audienceâ€™s money. Iâ€™m
 going to sell way more bottles of Empathy Wine to people who have never
 heard of me. But building VaynerMedia is the way Iâ€™m setting up the play for
 Empathy, and for the brands I buy in the future.â€
 I realized that Gary was playing this very differently from everyone else
 out there. â€œYou want to be happy? Give without the expectation of
 receiving,â€ he said. â€œYou want to be really unhappy? Give only for the
 expectation of people giving you something in return. Humans donâ€™t act that
 way. That wonâ€™t happen.â€
 Itâ€™s true that Gary expects little of his audienceâ€”after all, his following
 isnâ€™t just a following of wine loversâ€”but that audience still has the power to
 command tens of thousands of wine bottle sales. Furthermore, the
 relationships heâ€™s built have opened up the door for that brand. In a podcast
 interview with me, Empathy Wines CEO Jonathan Troutman told me that its
 strategy wasnâ€™t to depend on Garyâ€™s audience, but that it certainly lit the first
 spark, instead of starting at dead zero.
 The wine, of course, still has to be good, and the brand needs to stand on
 its own, but his audience serves as the initial â€œsparkâ€ to get the product
 moving off the shelves. In the same way that Tim Ferriss can put a brand on
 the map by talking about it on his podcast, Gary can do it with his own
 audienceâ€”even if the product isnâ€™t perfectly tailored to his entire audience.
 Thatâ€™s the power of having even a little bit of attention.
 Alcohol brands have sold for billions of dollars (George Clooneyâ€™s
 tequila brand, Casamigos, was sold for a cool billion dollars just four years
 post-launch), so that â€œsparkâ€ could become the flame that buys Gary the New
 York Jets.
 Similar to Gary, I post all my best content
 for free on my podcast. You can hear my
 conversations with him, as well as the
 interview with the CEO of Empathy
 Wines, at Capitalism.com/best.
 You donâ€™t have to build an audience the size of Garyâ€™s to completely alter
 the course of your business. If you do just a fraction of what we outline next,
 youâ€™ll set yourself up to quickly put your company on the map, sprint toward
 twenty-five sales per day (and eventually 100 sales per day), and clear the
 million before your first year is done.
 Welcome to the Grind
 If we wanted to make earning money really simple, we could boil it down to
 two steps: pick something to sell and sell it. Most people never make it
 through the first step of deciding what to sell. Instead, they sell their time in
 the form of a 9-to-5 job.
 Deciding what your business is going to sell, who your customers are
 going to be, and getting your product made is no small task. Thatâ€™s w</t>
  </si>
  <si>
    <t>b'\xa9rW\x7f\xd4\xcba\x95T\xaaF&amp;\x1fki\xf7\x93\xe8\xfe\x94\r\x0c\x0fB\xdd\xa1\xdb\x0b\xa2\x1c+\x84#$\xbb\xeansFW\x1e\x02\x8a\x03\xec\xd5F\x95\xc90i\xe0K"\t\x1d\xd3\xa42\xbc_\x99\x9d\x83~\x83\xad\xe2}\x91\xe9\x0e\xf5\xbe$=\xd0~\x19P&gt;\xdaV\xbf\xe4j{\x96/\x8c{X\x17\xbe\x8b\xf7Py\xc2\xaa\xbc\xcc0\xfd\xc4\r\xd7\x88\x1e\xf1\x82[\x9cN\x15\xfc\x97Y\xe7d\xf2K\xa4\xee\xf1{5O,\x07\x89\xfe\xd1O(\x94=@\xca\x8eY\xff8\xd1\x84gj\xd4\xd3wWkR\xc5~t7\x06kc\x14/8-\xed\xe9(\xb7\x99\xd5?\xf3\'\xc7\x94sd\x93\x9ba,{X\xbfNP\xffT\xdb\xb7\x97\x16\x83\xfc\\J\xa9\x941aJ\x0cZ\xa1\xe9\x0e\xb1f\x82\xece\x87E7\x8e\x98\xc8\xe7\x8e\xfa\x1es\xe6$\xa1\xfdx\xd4\xf8\x99\xf9\xea\x07\x03\xcbY\x9cB\\(\xf0\xe9\xd7\xd8gh!I\x98\xecD\x08/r7\x9e\xd74\xc6k\x1f\xadL\xe3+\x9f\x98\x07!y\x1c\xca\x12H(\xa0o(r\xc8\xf2\x85\x8a9\xa38\xe5k\\Mo"\xcf\x93^\xb2~;\x96\x9c\xc8@\'|\xd0\xa8\xf0{\xaa\xd3]\xa6\x97\xe5\x88\xc9\r\x1ae}7\x9e\xb4\x19\xcd\xebu\xabRd\x1a\x99l\xd5\r\xd9)Sk\xb6\xbd\xa0p\xf6\x19$m\xc9\x11\xfe\xb4\r\xddG\xccf\xe4{\xb5\xcf4\xe92\xb0\xaf\xb9e\xf53&gt;q \xeb0\x824\xa3&gt;x+S\x99b\x8a\xe3\x99\xd7\xaf`\x80K\x1f\xb3Xm\x85\x10\x97$hp\x88\x90&gt;\xad\x89\xdf\xc4qK\xde8\x8e\x98IG\x8a7\xab\xad\xac\x81 \xed\xd0\x0cm\x1f\xfb\xc5?\x86\x9eS$\x95o\xe2\x1d\xe2f\x07t\xb2$\x9d9\xe4\xeb\xbd\xbf\xdc\xa1\xc2\xe8\x1e\x7f\xb3\nM\x0e#)\xca\x8b\x06\xf6\xac\xca\x01\xf66\xcf\xfd\xda\xb1{4f\xe0\xef\xa3\xc2\x05-\x94\xf3j}\xc7fC\x12nAZ\xd3Y#\x9a\x8d\r\x00\xebI\xb8\x8f\xb1\r\xc5Q\x91\xa7\x8f\xa9\xdd\xf3\x17\x14\xa3\xa6b5\xdcS&lt;\x1eBDD&gt;\xa5I\xb9\x08\xfb\xe7B\xf9\x8fv\x12\xb3\x93\xe4\xa9d\xaeG\xfc\xd2\xd6\x1b\x1dc5\x04\xd0D\xc6\x83g\xc8D\x14\xb8P\x17\xd34\x96\xf7\xdb\xc8(\x00\xe6^\x0fcs\x02\xae\xa1:\xe1\xb2\x9dc\x8f\xb8g,B\xf8\xce\xb6\xe5\xf6D\xf3J\xd48\x92ip\xf2\xdc)\x93$\x01\xda\xc0\xdeal\r\x15\x98BJ\xea\n\x97\xefK\xa5\xb0\x8aZ\xe7\x14&gt;\x1f\xc6\xf7\x80[\x92\xf8\r|\xd3K\xacN\xba`WHmKS\x03\xc5\xf0\xd8\xe0\x1a\x18B\xfe\xfeF\xc8\x8e\xa0&gt;\t\x1c\x18\xb9\xc9\xc4\xc9q\xc5\xbc-;\tB\x8eT\xab\x83\x97L\xc9\xa4\x93\xf2\xb1\xcd\x16\x92M\x01\x8e\x16_b\x13\x9b&gt;\xef\xac/\xbb\xee\x91f\x8a},\x01\xf0\xc2S3p\xa1\x96H\x87\xa6\xa5w\x03\xd9\x9a\xba\xee57\x8f\xbf,\x03qD\xf0\xf7\xf9\r\xc5*\xf8\xe6\xef(#\x98\xe6u\xa8\xe3u\xcc\xba\xd4c\xc7\xbc\x8b\xa3b\xdc\xe9#t\x93\x1ex\x9e\x8cy\xc4\xff\x85\x8d\xc68\xa3\xa4*}\xfb\xb05!\xe3\xf8\xda\xb0\x12\xef\xa3\xe5\x86\x83\x14\x9d\xcf\x0f\xe5\x84q\xa8\xf3\xe8"SCC_\xec\xb3\x90\xef\xc9\x81\xf8-f\x8b\xa5v\xdf\x17m\x94\x84\x0e\xc5]\xd3\xe0FT\xd7\xb2\x91\xf0\xc9U\xda\xeb\x97\x97\xdd\xdf\xa1\xf6\x1aX\xab\xd5ovG\x90U\x92\xf5\x1dk\t;y?:aT\xa4\xcc\x07fE\xf1~sd\xd7\xe4"\xed:X\xb6\xac\xcd/\xc4\xcb\xae\xd8\xcc\x8f\x81\xea\xe8\x9f-\x12\xffN,V\xb5\x8ezLW\xe3\x08\xcf\xb1\xc8\xaf\x98\xb5\x005\xf1V(-\xc0\x9a\x83\xe9\xf2Dj\x12\x80p9@}{Y\tDf\x98\'\x9c\xd5\xba\x85\x8b\x049\x18k\xa3\x8a\xaap\xc2\xe9\xb5L/~mHz\x83f\x87\xf4\xa5D\x0e\xdc\xcbU:@\xff@\xeeTt\xc5\xb4-\xbe:\x9c\xbbLh:\x07\xf2\x8c\x12\x88\x89nb!\xdbe\xc3\x81\x8c\x8fY\xc2N\x9f^\xd74X\x03\xdd\xe3\x0e\xc9\xaasKk\\E;\x02\xf92\xac\xda,a:\xe1I\xb3L\x04\xc2\xa7\x84\xf5\xe8\x12&lt;\x96;y\x16\x03\x02".\xf0q\xe2QX\xd9\x1f\xa6\xce\xf6\xcej\x9f\x15sj\x07\x0c,I]\xff\xfa\x86\xb9\x8d\xdeU/y\xf2\x01\xf6\x93\xae\xab\xd8\xc2\xd0\x15\xdb\xfa\xd2u\xeen0%\x82\xfb(`W)E8\x98\x1eK\xab\x8cRt\xb7\x12\xdcd!\xaf G\x80\x14\x9d\xe9(\x99!\x93\xe8,\xfbx\xdb\xe2m\xe4+.\xd9\x9f\x08U[\xc0\x1c\xdd\xce\xf7\x06cCm\n]\x02\xc7\x88\xf3\xc2\xfa\xb00\xae\xde\xa7IS\xd6\x82\xa1(\xad\xa1\xda\x82\x9e\x93]\x86C\x8df\x05\xa3H b\x8e\x8a\x1f23z\xa6T\x81\xbf!\xf5\x8e\xbc\xbe\x9d\xd8\xb0E\xc4\xf7\x1a\xbe\xd3\xc8\x89A\xf1\xbafq,#^P\xe5\xe1\x8cV\x85\x0fy\xaa\x92W65\x90C\x12\xba\xddS\xfb\xbd\x1a;\xf7\xbe\xea\x1a\xe4\x14\xc3\x16\xc9g\xa1\x82\xf3\xf6]Y\xa9\xbb\x94l\xf6\x053\xe4\x8d$\xcc\xa5s[\xd3&gt;\xd2\x97Js\x96\x06&lt;\xb2\xee\xf6\x11\xab&amp;\x19\xbaBc\x12\xea\xe3_]\xb3\x9a\x0eWR\x99n4Y\x05\x9e\x86`V\xa0\x93\xdc\xdf)\x94\x0er\xc2%|\xbad\xed\xeca\x1aRw\xf2!9\t\x1a\x11\xe5v\x86\x99\x9c\x06\xd2\x1d(J\x05\xfdl\x95\xd1E\xfb\\\xb47\xc2\xe7\xc8CK\xb9\xe8g\x07Z\xcc\xf3=(\xc6\x0c\x0e\xa5T\r\x85\x8cB\xe8ds\xf9\xd1\n3\xb7\xcd\x18\xd8\x83^\x87\xa2\xc6\x98IB"\xfaJbF,\xa9\x97\xa5\xa0\xe5\x163\xfb\xe0\xc2z)\xb4\xf5Z\xb7*\xd6\xc9ah\xb6\xfco/\xa6\x15\x18\xad\x1f\x06P\x90\xd1A\xe9\xc0\xda}\xfd\xbb~z\xb2\xe80\x89[\xb5\x9b\xe8\xaa\xd4\xa9\x98Sd\xf9M\xe4\xc95G\xe8f\xb0\x0f\x8b\xcbJ\xfe\x16\x06\t\x05v\xdd4\xd7w\xc4}\x1fR\xe0\xe4{\x16u\x98#\xee\xf34\xc3\xaf\xafP\xd2,\xbd\xa0\xadY\xd2\xd1J\x81p\xd4\x01A\xe6=\x1d\xbc\xb7\xd4\xec\xbf\xd9^:\x08\x1f\x05\xf0\xe5\xad\x1ew\x123,RJJ7\x9d\x1f\x06\x08\x8e\xd0B\xf0Z:\x80\xb3\xec!\xc7|Y\xc8D\xcc\x19\x87w\xbb\xee\xb5e/\x08x#\xbbp\xf7[!\xdc\'=\xd5\xc0$\xfcewX\x01\xb3\xd3\xa6\xb6\xa2\x88p\x18\x8cd\x04\x94\xe4\xadju\xb7\xb8\xef\x82\xb0v\x06\xb0@p\xf5w\xe1R\xc7\x8c\xb1*g\xb0\n2\xcb\x98m\x8c\xa7\x1a\xec\xa2\xaa[*H\x184S\x89\xa0#q\xd4\x18F\xe7\xb2z\x0f\xfc\x0e\xecB\xfb\x89\xdd\xb9\xe8-\xa9\xca\xbdO\xcdy\xd9=\x8f\n\xbe\xfbg\xab~\xbf\xe0\x96\xd1\xa4\xb5yJ0.f@\x08\x1f;zd\x1f\xed\xb4s\x939\xfb\xda\xa9\x92*\xde\x17\xa8\xaf\xe9$\xdf\x04\x11\x04\xd6\x03\x04SE\xab\\\x92\xcf\xdb \xce\xb6\x1a\'\xc3\xcf\xf3~\xdf@C\xa1i\xc9\x13\xc0\x1c\\/\xb6\x82\xbf\xbb\x08\xcbYS\xb7\x9cO\x06\xf2\xdb#B#Bg&amp;\xc8\xb0\xa7\xe8\xc8Io\xc3\x92?n\x92ZFm\xcd\xc5J\xcc\xce.0\xbf\x8bv\xa8\xed\xae\xb7M1\xf5\xa0Lg\x1e/`~\xb1\x92[U\xcdC\xd0\\\xfcF\x18\x19\xa7p\xcbsL\xe3\xbf\xff~\x84\xba\xfa\x99&lt;\x1f\xd0\x17\xd7\xca\xe4\xd8\x9e\x9f\x86v\x15D\xe2\x1c\xf5\xdf\x98\xdc\xa5\xc9\xcc\x16y\xa1\x0e\x97d\xe7\xef\xeeM\x15\\p\xb8v\x9e\x10;\xc29\xef:\xe1\xd6\x8e\x0e\x00\xad\x93\xf8$q$l\xef\xf8\xdfU,\xfa\x81f\x88?\xc9\x07px\xef!\xad\xbfA\xa1z\xde\x84\xe4\xbd\xc0\xfaz\xbd\x1b\xb5\xa4\x8f\xc1\x12\x11|\xfdM\xe7?\xf6i\x1b\xb9\xe1NpmI\x85\x94\x08\'\xa8B\xd6\xdb&lt;]t\x1a\x14\x90\xb7;u\xfd&lt;\xf8Wb\xb4\xda1\xbb\xb3f!\xc1y\x9au@\\07\x7f\x1d\x90\xcfh:"\x14_\xae\x1dqL\xf1\xc4\x8c\xab$T\x07.-JJ\x15E\x808\xb8\x83HZ\x9a\x13)\xe9e9\xc5\xdce\x9f\xc6#\x9a=\x8dX;\xf8\xe2\x95\xea\x88\x8b@"\xa0\xe0MYPm\x12=d\xb4kA\xbb\x1f\xaa\xb8\xcf&gt;6\xfcr\xd0\x7f\xf6\t\xd4\x9d\xf9\x98\x98\x0er\xb3\xabo\xb6\xf7\x7f\x92|1R\x80\x1a|\xcb_\xd5\xea\xc8\xe7\xb4s\xde{\x17\x7f\x82\x9aWY\xbf\xc16Q\x06\xf3\xed\xef\xf9\xb6\xd5\x91\x0c0TXL}_\xd7\xb9;\xfa\x80\x83\xacT\x9c\xfe\xf1\xed\x00\xacC&lt;\xbd\x82_8\xa8!\x94\xcf\xda\xe2E\xd7@\x9bm\x08\xb4\xe5\x99\xd5\x04\xca\xdc)\xd9=5\x1d=\xca,\x198\xc7m|\xbbFTtg\xf2\xcc~\xd1y\xef\xf6\xd3\x96\xfc\xc7\xf9\x1c/ 9Q\xbfw#eU~\xb1\x034 \xeb\x1f\x89u.\xa2#\xddfx\x04I\xec\xebE\xa5\\Zl\x80\xfdY\x15\x8e\x98b\xf0\xcc7\xcc~\x88\x0f\x11\xa1\xbf\x0bl\x9a\xaa-\xf6\xa7\xa0\xf8\x14\n\xac~\xfc\x15\xfb\x06\x91,\xa2\xeeB\x05\\\x07\xf0\x1b\x1bO\xbd\x0b\xdf\xae\xc8_,3=\xa71\x02Z\x82\x1f\xa9p\x7fFO\x9aT\x07\xb7\x87\xc9\xe8\xddq9y\xa0\x1c\xd3K\xa0T,\xf7\x91\'D\x18\x8c\x0c&amp;M1u\xabv-\xa9\xc0v\xed\x8c\xe6\xb47!\x13\xfbo\xbc\xc4\x85e\xb6\xe7\xec\xbf\x88\xf3M\x91\xa9\x01r\xd9\x82\xf5\xea\xa4\xc3\xd4\xbb;FE\xd0\xf3/\x92\x98\xa63yZ\x07\xe6ot\x19Z+\xf5\xe9\x9c\x82\xc3"I&amp;\xd0\xe5\x8ef\xc5\xf0\xb7J\xad\xfd\xdb\xa5vK\x02C\xaf\x99\x1a\xc5x\xb8\xa0\x9a\xc1K\x7f\x1f\xe6w\xdec\xd2\x8a\xc3\x0e\xc1a\xbc\x8e\'\xb6w\xa2\x16\xc9\xbe\xc3\'\xf3\x87\xa9\xa6\xd4\xc6\xa4\xb2wv\xb6\x03\x9e#V\x0cK\xd9\x82\x03f\xff\x86\xb1\x82j\xb5\t\xabc3j\x9d\x1e9d\xe27\x87\xadX\xa6\x843\x81&amp;\xe8\x8d\xd7\x11\x96\'g\x1f\xd3w\xb9$\t\x8a\x13\xfe\x1bX\xe0\x97\x01\x8d\xf5~[\xd0\xc0\x96\x84\xcc\xfba\xb9g\xa3l\x17\x9f\xfcD~\xbe\xed\xe8T\xc8ps^5o\xcd\'"\xd4\x17\x93R\x01F\xdb\x9f\x85\x0c\xa0\xd0\x80\x03\x85}\xf0\' \x19\xcbh\xd1\x12\x08\xa6I\x04S\xa8\xb6\x88\xd3\xaex\xe9\xc5p\xefY\xdf\'\x00\xfc\x89\x92gq\xe3Q\xb7r\xa0\xbe\xfe\xda\xfc\xde\x0b\xec\xb2\xa3\xf5\x1d\xe3 e\xce1\xb7Y\xca\xedHi\x1e\xb6\xc1_\x01\xbc\x1c\x0b\xfd\x95C\x9dj\xd9N\x9dAf\xb7\xda\xe5*\x08p_`\xb3\xa2\xe9\x1c\xa4pO_\x0f\xeeh\x16\x84\xd7\xbd\xbc\x05\xf6\xb3\xf1\x91PK\xc7\xd6\xc5\xcc\x918\x9c\xf7\xf5\x14T/\xf9\xa3\x93\x1aEAoP\x15\xbb\x05w2\xce/\xcf$ \\\x98\x9f\x062\xb9\xd7\xd2IwS\x85\x95\xa5\xcb\xf5\xf90su5\xdd\xe0{A\xb1\x00\xb8\xa2\xbc\x17\xc1\x91\x1c\xe0\xc2\xca\xa8\xfb8P]MEJh\x03=\x03\x15\xc4\xdb\x13u\x1b\xab-\xb5\xeeT\xbc\xff\xa9\x02\xae\xa3\x973\x0b\xee\xb9\x18\xd8\xca;\x067}\xedZCS\x7f0M\xda\xd2\xa9\x97\xb0\xf9\x180\xd2\xd8\xeb\xd9F\x06`\x19\xdc\xe4\xc8\xdf\xe8\x81\xc83K\x14\xc4c\xd0\xf5\xf2\xafg{[W\x96\xeb\x17\xfc\x93\xbf\xb0\xd2\xec\xa9X\x8d\xcd\x8d\xfe\x12\xda[\xfbPh\r~\xaf\xeb[\xd3\x9c\x9d\xce\xcf\x91\xab\xd0\x97\xb4\x95\t\xd4p\xd1,~n&lt;/\x08@\x92\x9c\xdfl\x9d\xf9\x06\xc2\x14g\xb1\xfe\xbfZ\xd0b\x89ZJ\xf0\xc8n]Z\xbct\x9c\xdb\x91\x7f.v\xf3\xec\xae\x10M\x9a\x10\x18yx\xccVF\xe2\xe6\x12\xf4{\xce[w&amp;\n\x8d# I'</t>
  </si>
  <si>
    <t>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</t>
  </si>
  <si>
    <t>b'\xa9rW\x7f\xd4\xcba\x95T\xaaF&amp;\x1fki\xf7'</t>
  </si>
  <si>
    <t>ike an angel of light, encompassed by fiends. At length, she reached the
 lesser hall, which was silent and deserted, but, panting for breath, she sat
 down to recover herself. The total stillness of this place was as awful as
 the tumult, from which she had escaped: but she had now time to recall
 her scattered thoughts, to remember her personal danger, and to
 consider of some means of safety. She perceived, that it was useless to
 seek Madame Montoni, through the wide extent and intricacies of the
 castle, now, too, when every avenue seemed to be beset by ruffians; in
 this hall she could not resolve to stay, for she knew not how soon it might
 become their place of rendezvous; and, though she wished to go to her
 chamber, she dreaded again to encounter them on the way.
 Thus she sat, trembling and hesitating, when a distant murmur broke on
 the silence, and grew louder and louder, till she distinguished voices and
 steps approaching. She then rose to go, but the sounds came along the
 only passage, by which she could depart, and she was compelled to await
 in the hall, the arrival of the persons, whose steps she heard. As these
 advanced, she distinguished groans, and then saw a man borne slowly
 along by four others. Her spirits faltered at the sight, and she leaned
 against the wall for support. The bearers, meanwhile, entered the hall,
 and, being too busily occupied to detain, or even notice Emily, she
 attempted to leave it, but her strength failed, and she again sat down on
 the bench. A damp chillness came over her; her sight became confused;
 she knew not what had passed, or where she was, yet the groans of the
 wounded person still vibrated on her heart. In a few moments, the tide of
 life seemed again to flow; she began to breathe more freely, and her
 senses revived. She had not fainted, nor had ever totally lost her
 consciousness, but had contrived to support herself on the bench; still
 368
 without courage to turn her eyes upon the unfortunate object, which
 remained near her, and about whom the men were yet too much engaged
 to attend to her.
 When her strength returned, she rose, and was suffered to leave the hall,
 though her anxiety, having produced some vain enquiries, concerning
 Madame Montoni, had thus made a discovery of herself. Towards her
 chamber she now hastened, as fast as her steps would bear her, for she
 still perceived, upon her passage, the sounds of confusion at a distance,
 and she endeavoured, by taking her way through some obscure rooms, to
 avoid encountering the persons, whose looks had terrified her before, as
 well as those parts of the castle, where the tumult might still rage.
 At length, she reached her chamber, and, having secured the door of the
 corridor, felt herself, for a moment, in safety. A profound stillness
 reigned in this remote apartment, which not even the faint murmur of
 the most distant sounds now reached. She sat down, near one of the
 casements, and, as she gazed on the mountain-view beyond, the deep
 repose of its beauty struck her with all the force of contrast, and she
 could scarcely believe herself so near a scene of savage discord. The
 contending elements seemed to have retired from their natural spheres,
 and to have collected themselves into the minds of men,</t>
  </si>
  <si>
    <t>b'\xb4\x8e\x91`F}\x9c\xff\xfc"\x9fL\xc4\xad\xeco\xd2w]C\x1d`\x90\xe8\xdbO)\xc8N\xf8\x18`I]\xa9\x011\x94c\xd9\xfa1\x9b\xe2\x0e\x00A+H/\xe5\xd9\xfc\xd1\xc3\x03J\x0cG-[y\xc06'</t>
  </si>
  <si>
    <t>b48e9160467d9cfffc229f4cc4adec6fd2775d431d6090e8db4f29c84ef81860495da901319463d9fa319be20e00412b482fe5d9fcd1c3034a0c472d5b79c036</t>
  </si>
  <si>
    <t>b'\xb4\x8e\x91`F}\x9c\xff\xfc"\x9fL\xc4\xad\xeco'</t>
  </si>
  <si>
    <t xml:space="preserve">
THE
WONDERFUL WIZARD
OF OZ
BY
L. FRANK BAUM
1900
CONTENTS
Introduction
Chapter 1. The Cyclone
Chapter 2. The Council With The Munchkins
Chapter 3. How Dorothy Saved The Scarecrow
Chapter 4. The Road Through The Forest
Chapter 5. The Rescue Of The Tin Woodman
Chapter 6. The Cowardly Lion
Chapter 7. The Journey To The Great Oz
Chapter 8. The Deadly Poppy Field
Chapter 9. The Queen Of The Field Mice
Chapter 10. The Guardian Of The Gate
Chapter 11. The Wonderful Emerald City Of Oz
Chapter 12. The Search For The Wicked Witch
Chapter 13. The Rescue
Chapter 14. The Winged Monkeys
Chapter 15. The Discovery Of Oz, The Terrible
Chapter 16. The Magic Art Of The Great Humbug
Chapter 17. How The Balloon Was Launched
Chapter 18. Away To The South
Chapter 19. Attacked By The Fighting Trees
Chapter 20. The Dainty China Country
Chapter 21. The Lion Becomes The King Of Beasts
Chapter 22. The Country Of The Quadlings
Chapter 23. The Good Witch Grants Dorothy's Wish
Chapter 24. Home Again
INTRODUCTION
Folk lore, legends, myths and fairy tales have followed childhood
through the ages, for every healthy youngster has a wholesome and
instinctive love for stories fantastic, marvelous and manifestly unreal.
The winged fairies of Grimm and Andersen have brought more
happiness to childish hearts than all other human creations.
Yet the oldâ€“time fairy tale, having served for generations, may now be
classed as "historical" in the children's library; for the time has come for
a series of newer "wonder tales" in which the stereotyped genie, dwarf
and fairy are eliminated, together with all the horrible and bloodâ€“
curdling incident devised by their authors to point a fearsome moral to
each tale. Modern education includes morality; therefore the modern
child seeks only entertainment in its wonderâ€“tales and gladly dispenses
with all disagreeable incident.
Having this thought in mind, the story of "The Wonderful Wizard of Oz"
was written solely to pleasure children of today. It aspires to being a
modernized fairy tale, in which the wonderment and joy are retained and
the heartâ€“aches and nightmares are left out.
L. FRANK BAUM.
CHICAGO, APRIL, 1900.
1
CHAPTER 1. THE CYCLONE
Dorothy lived in the midst of the great Kansas prairies, with Uncle
</t>
  </si>
  <si>
    <t>b'B\x1e\xceW\xbd\xa0\x11\xd5\x10M\xcfK\x88\x1b\xec\xc3f\x0b\xc6r\x18\x17 :N\xcd&amp;\x19\xff\xc1\n)\x15\x1f4#\t\x80\xfbJ\x1d\xe2\xae\xf0&lt;\x88\xd6\x9d\xb4O\x1a\xb0\xf9\xf4A\xdc\xf5s\xa3\\\x91\xc1O\xc6\xcaUGD\xd4\xae\xdcQ\x1b\x1b\x8f\xc0,\xb4A2\x13\xd0@\x04\xd9\x0c\x1aUbSP\x9f\x8bp\xda\xc6\xf8\xda\xf5\xf8\xed\x997\xf5\xa4\xc49\xda\xe4\x01\x8e\x127,\xa96\x890VrUH\x03@7\xe8\xa9\xf3\xf5\xc8\xdc\x0f\x1c\xdb\x9a\xce(\xe2e,\x02\x0c?\x15L^\xb6=\x89aV\xca\xe4\xba\x88\xff1k\xb0\x93\xf9{\xf9\xa2G\xe5\xdf\x17\xbd\x0c\xa1L\xc8\x9b\xa6?\xd0D\xbfc\xf0\xb0\x07\xf9\xc7\xc0\x0c\x12\x86\xa0\x0b\x84\xf4\xb1\xb1\x1d1]o3\x08-:\x1f\xa0\xee\xf5\xdd\xa1\xdf\x97\x18\xfb\x94x\x87\xb6\x1f\x9aF\xc4s\x82\x08\x13\xe0\xf4[\xf5TZ\xfd \xa52\xe7\xf2\xc2\xde\xe9\xb0\x0c\x86\xb8\x16\x0ec\xb6E\x0cO=\xeeb\x99\xa4\xe9[\xe91!\x01n\xc4\x93e}\x15\xcb\xfc\xc1\xe6`\xbfZQ \xc7\x89 \x8b\xef\x0fr\x16&lt;e\xa7\xbc\xd2\xbe&amp;\xe7\xd0\xa3Q{\xdd\xfaDb\xf5\xb3M\xc0\xd4\xe5\xd5\xc4\x03\x8a\x05\xba\xbaL\xbc\xc1\xb4\x95L u\x1a\xed\x9a\x0f(j\xba\xfd\xbf\xd4\xc9?B\xa9\xc5\xe5\xf9k\xb5\xccz`K\xd3a\x06^\x03\xb8U\xa7\xd1j\xb3\xea\xa7\xe7v\xe9~&amp;\xd5\x05!K\xda7\x91$%\x91faW,\xd2\x84!\x8c\xdc\xf1k\xb7\xe6\xfa\xd2\xee\x0f}J\xc3&lt;\xd7{\xd3\xd7\x08\x0c\xe1\xce\xde\xa9\xd2E\xeb\xf3\x03\xdf&amp;\x81c\x03\x16/\x99\xb1\x19\xa30\x9c\xe0\x14;\xba\xe1\x0e\xd5n\xa9\xd3\xd9\xc5\xec%\x0eH\x06\x96\xa6(\x99\xdb\xcd\xe4\xa3w\xb0\xa6\xb1\xf0\n\x7fvh\x8cpW\x1c\xf4cJ\xd4\xadm\xf5\xee76j-\xcc\xf1\xf6\x93;6?"\xaa#X\xe5\x94\xf2)XK6X\xba"\xbc\x15\xfe5X\x1fNC\x9e\x9a=\x9f\xb1\xc6\xdc\xce \xe9\xa8\x94\x0f\xe6\xde\xb3k\xce\xf4\xb3\xafi\x04\x8f\\\x94\xf4\xf8\xda\xf5\xf8\xed\x997\xf5\xaa\xdf\x0f\n\x88%\xd6\xed\xc2K\x9b|\xb0L}\x9b\xa6(\x99\xdb\xcd\xe4\xa3wd\xae\x9ad\x0c\xec{3T\xe0!\xfd\xa1\xe1\xd5\xf2\x1c\xe6H\xf4\x1c*\x18 mP=s\xe4[}\xb5\\]k\xe1Z\xdc\xf6\x82\xe2\xe1]\x08\x04w\x9eW\xdd\xc1\xee\n]\xacv36\xe5\x86Px\xb3W[\xa5\xc6\'r#\x17\x80(U\x9cQ\x1f\teh\x91\tO\x19\x8c\xf3%\x9c\x13%i?\xc2\xb3F\xe5\x9c\x81\x16dT\x93\xe7|\xb6\x18Gw ;\rC&amp; \xfe@Q|\xd4\x83^x\x06\xc8\x19\xd6\xf7\xcd\x82\xea\x85\x94\x7f\x95\xa89!\xea\xe8\xe4|\x9cBh?\xde4#\x8f\xf2\x00x\xcao\xa8\x0e\xff\x0c\xc9O\xfe\x17\x06\xdd\xc4\x1d0U\x06\x8b+l\x93\xfeo\xc7N(\xd9Y\xb2\xb9 m\x8c\xd3\x1e\x86\x95h \x88|h\x9f]I\xd9\xa2\xa6\xa0\x99b\xff\xe5\x1f.\xb5\xa6\x9aC(Z\x04\x92\xe88{x\x95K\xae\xda\xf2m\x04\xe1\x16Fz\xc3\xb9\xd75\x8d\xa0\x04\xffv\xae\xdd%\x87d@+\x8d\x83\x08\xd9I\x9bu\x14\xce\xbfvA\x1bK\x1d\x9d\xea\xdb\'\x119&lt;\xc3\xc4\xeb\xb8C"\x18Ue\xf1s\x0c\xde\xd9\x1a\x93}\xe1\x15\xa5\x8f1+4\t\xa7?\xd2\x8f0\x1an\x0b%\x94\xc9\xab\xd1%\x12\x16\x88 l\xf8J\xb3\xb5#\xbfF-\xc24\x9c-\xba\xfc\xbf\x03\t\xb5\xe1SVr\x12\xae\x93\xd2\xf7\x95\xd8\xffa\xe2\xc3"Y\xbc\x97L\x19\xbd\xe1*M\xff\xb4\xbd\xd3\xd5\xaa]\xc5\xe8w\x91\xb5\x1b\x9f\xce\x1aYMQ\xac\x04\xf64\t\x16s\\o\xf5$\xff\x9f\x15\x9d\xd8\xd1b@\xde\xfd\x98\xcb\x87e&amp;\x97\xeah\t\xfa\x02}r\xd1q\x1f|A\xf5p\x97\xaf\xb2w.\xb4JC\x9c\x98\xbb\x9f\xfbb\xe5\x12c\xef\x97\xf3i+\xdb\x0eIyKg\xddf\xd1\xbbLx\x9f\xd1\xe7\x8b[1n\x97\x8b%\xeb\xbbx\xf8\xddXj\x16\xfdR\x84W1A\x93\x80c\x1b8\xf71\xe2\xd5\x00m$\xd1\xb2{\xb4.\x0f"\xae\x870\x85\x1c\xb1\x8e\xc1\x12\xc6"\x95!,\x92\x03\']\xee\\\xfc}\x93\ns\xf5\x95c\xe0(k\x1ar`\x91\xc8o^\x99k\xfc\xcb.\x8a\x02(\xf8\xf7@\xb8\x9e@Z]#\x84\xa5\x05shPb@c\xa3\xcd\xd1\xa8\xb9\x16\xa1\xbcg\xb3\x1191\x87\\\x1d\xc8\xfb&amp;B}\xcfu\xf7k\xd8\xd5\xec\xea~X\x88\xdd\x0c_G\x1f\x7f,\xda\n\x81*\xd7\x1a\x1a\xe7\t\x8eUA(\xd0\x96=Y\x989\xa6!X\x02\xbb\xafp\x85\x8b\x942mf0\xe8A=\xb9\xc4j\xc8\xdd\x16\x0f\xc5\x84K\x8d\x82?=\x94\x8c\x87\x81"\xf6\x7f\x0f\xfb\xc1wu\x8f/\x07\xdd\x010\xc6&gt;\xaaoA\xce\xe3\xec\x88\xc3#\x96\x93\xedv\x1a\xcaNe\x1dC\x98\x13\xbf@S\xdcG\x1a\x9d\x9c\x11&lt;c4\x02\xde\x05\xd3\xe3Z\x91@\xd6\xc41\x8b\xda#Ec\xd1ep#\x13\xed\x87\xe0\x8dBk\xbd\x9b\xef$\x06\x1d\n\xa7\x7f\xd3c`Zpz|\xe3\xee\x18N)\x82\xa0\xb2\xf1my9/!I\xb8\x05\x96\x92pw\x1d\x1cE\x8bR\xad\x9es\xa9\xdb\x1a\xa66\xcb\x14\x0b\xe63\xe2&amp;r\xafD\xfftG\xf2\xd1{\x8e\xdc\x82e\xe96\x1b\xe13y\xefZ(\x9b\xd1$\x05\xcd\x92\x93\xcb\xa1\x00\xf7/\xccj\x1eGV\xd3\xaf\xe8:w\xd51\xcc\tWV&amp;\xa2\xa9\xf3\xa2\x98%\x00e\xf6yF\x84`\x9a\r\xc7\x19\xdc\xf9\xc1\xed\xc4G2\t\xc7\xe9\xd4\x8d\xa7\x90?Vua\x02\t\x14\x90\xe2\xca\xca\xedbH\xfdu\xd4\xf0/\x1c|\xaf\x92\x06\xeen\x05W\xa4bCt\xe8R\x00\xf4\x83\xbe\xe5\x12\xdeN\xd6\x9a"\x93\x9e\x06\x81\xa7\x02^\xdc`Uo\xc3\xa4\xb0\x1e\x9f\x1eI\xe0\xddA\xfb2\xd4\x8e\x95\xe2z\x13\xd8\tJp\x95\xf3\xe4f*\xbc\x90\'B\xe6n\x82\xb6\\\xca:\x18Q\xb9\xe3\xb6g}\x14\x92\xa4\xdf\xf3\xa3\x1a\x0c\x92X\x91\xcb\x06\x9e\xeb\xaf\x81o\xe7\xc7\xd6^\xebY\x02\x0b\xfe\x9a6\xc8\t5\xa5(\xa0\xce\x95S\xd6\xc6\x9cQT&lt;2\xed\xf1\x1c\x968EY\xe1\xd1\x88\xc7}\xae\x01\xae\xf9\x18\x87"\x18m\xd3\x99\xfaz\xb9j\n\x10\x92\xd9\x9d\xda\x15\xa0d\x94Q\xe6\x16\x1e\xce\xe1\xb4v\xa5)\xbf&lt;&gt;\'g\x85\x95@\xdcX4\xb3\x1c7\x96Y\x0b :\xe8\x86]Y\xe7\xea@\xcaI\x01t\x847e\x979\x18\xa1\xa54\xdbQ\x93\x8fb\xa5\xf2L\x0e\x95\x14\xd4\xab\xd2B\x0e\xd6\xbd2\x1c\x16\xd7\x02\x7fk\x10~\xcfu\xe0\xeffZ\x9cp\xf9\xfe9\x13\x0c\xc3\x85_@]\xa4\xe80yQ\xbe\x03\xa0\x954\xe9=\xa04!\x91\x1a\x92\xed\xc1\x12\x89\xbf\xc1&lt;\xec\xfa\x99\x92\x84\xcb\xea\x8e\xaa\xdfd\x1f\x94H\xa9\xe9w\xbc\xb3\x87\x80\xdf\xe5\xa1\xf2w\xe33\x8d\xdf\xa9\xf9\x834I=\x8c\xce@\xa4\x1c\xdb&gt;\x88-\xcb.\xeaj\x11\xfc\xa1\x04\xdaq\x1f@\xe0\xd3\xf9\x0c\x8d\xce*\x1b\x92u\x88\x86\x0c./\xcd\xfa`\xdbx&gt;&lt;\x10\x9c\x1a&lt;\xee\x9f8n\xa7\x14=X\x1d1\x15\xec1~\\\'\r0\xca\xe1\x96\x1e\x9b\xac\x1e\xaep\xfb\xed)\x95\x85ex\xfd\x8b\xcbA\xbd\xab\x1d;\x8e\xc2\xac0\xfb\xf4m\xbe!\x8feA&lt;\x18\xf9\xaa\xbf\xf2z\xd9\x15\x98\x96\xb0\xb2\xb5\xfc\xa8\x84\x8fI\xa5\xfalZ\xbc%7\x86\xde\r\xc32R\xb1d\xfd\x94\xe4`\xde)\x86\x93\x0bn\xa5\xfe\xe1g\x83J\xdf\x8b\x01\x98I\x00\xa7\xc6\x12\xfc\xde\x8a\xea\xfa\x99Y,Hv\xe12e\x01\xf0\xdf\xc84\xdd,\xc8\xdc\x15\x80\xe8\xfe&amp;\xe4\xa4\x1e\x86u\xcd\xa1l\xd7-5\r[\xb7\x80\x06H,\xdcK4\x86\xce\x81\x00\x13\rs\xa9\x0c\x9f\xc6d\xec\x0c\xae\xa0\xae|\xfd\xb2\xcaz\xe0?\xde\xc0\xc3\x91\xbb\\\x9a\xa8\x10\x05W\xa9\x9b\x0c\xce!\x7f"6t\xd6sb\xfftG\xf2\xd1{\x8e\xdc(\xb1z\xcb\xb0\xe0\xdb\xa3\x82\xb6\\\xca:\x18Q\xb9!\x14\xad\xac\xa2z\x1e\xf3\xeb\xa8j\xb3\\]q\x03\xd9\x90)\xbd\x16~\xc2\xe1Y\xb9%\xf6\xc4\xe27\xaaIy\xf0*\xf4\x9f8i\xa8C!d66\xc4?\xda\xd4\x0f\x03)\xfe\xfb\xfc76r\xe3Q\xf6\xab\x8c\x17\x87\xf3\x83r\x02)N\x87rW\x12q\x8f&lt;fZ\xc3\x9eHV\xa3\xd0/\xd3\xa7L\xd0\x80\xfbD/\x9e&amp;\xb8e\x8d[\xbc\xcc&lt;\xa1\xf5u\xa8\xccm\x00@[\x7f\x01\xa9MQ\x1e\x90Bzz\x87\xda\x92\xb7\xec\xd0\t\x13\x96\x88}\xcd\xef\x8b\x86\xea\x95&gt;\xd5"\xcfy\xb3\x9bqQ\x0bsC0^8\x85G\xee\x8e\x17B.&gt;Q\x06h\xfc`\xdb4\xc3\xe7\x89V\xca\x07\xe4/\xbf\r/%\xf9\xca\xab]\xb1Q\x02\x02!kG\xe2\xfd\xf6])\x81Q}\xf3\xf2\xe3\xcc\xf3;r\xaf\xa0\xf9w\x88\xcc\x08'</t>
  </si>
  <si>
    <t>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</t>
  </si>
  <si>
    <t>b'B\x1e\xceW\xbd\xa0\x11\xd5\x10M\xcfK\x88\x1b\xec\xc3'</t>
  </si>
  <si>
    <t>changes of the
 wind, the disorderly raging of the billowsâ€”every chance, in
 short, which might force the Mongolia to slacken her speed, and
 thus interrupt his journey. But if he thought of these possibilities,
 he did not betray the fact by any outward sign.
 Always the same impassible member of the Reform Club, whom
 no incident could surprise, as unvarying as the shipâ€™s
 chronometers, and seldom having the curiosity even to go upon
 the deck, he passed through the memorable scenes of the Red
 Sea with cold indifference; did not care to recognize the historic
 57
 towns and vi</t>
  </si>
  <si>
    <t>b'\xce/,\x88,\x88\xf7\x08\xf8?j\xa1j\xb6\xc4`\xc9\x97\xf0A\x1a\xfe&gt;;\x87\x05\t\x80&lt;I\\\x14'</t>
  </si>
  <si>
    <t>ce2f2c882c88f708f83f6aa16ab6c460c997f0411afe3e3b870509803c495c14</t>
  </si>
  <si>
    <t>b'\xce/,\x88,\x88\xf7\x08\xf8?j\xa1j\xb6\xc4`'</t>
  </si>
  <si>
    <t>of the lagoon.
 'Then lam into the pirates.'
 The fight was short and sharp. First to draw blood was John, who gallantly
 climbed into the boat and held Starkey. There was a fierce struggle, in which
 the cutlass was torn from the pirate's grasp. He wriggled overboard and John
 leapt after him. The dinghy drifted away.
 Here and there a head bobbed up in the water, and there was a flash of steel
 followed by a cry or a whoop. In the confusion some struck at their own side.
 The corkscrew of Smee got Tootles in the fourth rib, but he was himself
 pinked in turn by Curly. Farther from the rock Starkey was pressing Slightly
 and the twins hard.
 Where all this time was Peter? He was seeking bigger game.
 The others were all brave boys, and they must not be blamed for backing from
 the pirate captain. His iron claw made a circle of dead water round him, from
 which they fled like affrighted fishes.
 But there was one who did not fear him: there was one prepared to enter that
 circle.
 Strangely, it was not in the water that they met. Hook rose to the rock to
 breathe, and at the same moment Peter scaled it on the opposite side. The rock
 was slippery as a ball, and they had to crawl rather than climb. Neither knew
 that the other was coming. Each feeling for a grip met the other's arm: in
 surprise they raised their heads; their faces were almost touching; so they met.
 Some of the greatest heroes have confessed that just before they fell to they
 had a sinking. Had it been so with Peter at that moment I would admit it. After
 all, this was the only man that the Sea-Cook had feared. But Peter had no
 sinking, he had one feeling only, gladness; and he gnashed his pretty teeth
 with joy. Quick as thought he snatched a knife from Hook's belt and was about
 to drive it home, when he saw that he was higher up the rock than his foe. It
 would not have been fighting fair. He gave the pirate a hand to help him up.
 It was then that Hook bit him.
 Not the pain of this but its unfairness was what dazed Peter. It made him quite
 helpless. He could only stare, horrified. Every child is affected thus the first
 time he is treated unfairly. All he thinks he has a right to when he comes to
 you to be yours is fairness. After you have been unfair to him he will love you
 again, but he will never afterwards be quite the same boy. No one ever gets
 over the firstunfairness; no one except Peter. He often met it, bu</t>
  </si>
  <si>
    <t>b'c\x1c\xdf\xce\xc4\xc5B5'</t>
  </si>
  <si>
    <t>631cdfcec4c54235</t>
  </si>
  <si>
    <t>alone, it was clear, had brought
 Colonel Proctor on this train; but there he was, and it was
 necessary, at all hazards, that Phileas Fogg should not perceive
 his adversary.
 Aouda seized a moment when Mr. Fogg was asleep, to tell Fix
 and Passepartout whom she had seen.
 â€œThat Proctor on this train!â€ cried Fix. â€œWell, reassure yourself,
 madam; before he settles with Mr. Fogg, he has got to deal with
 me! It seems to me that I was the more insulted of the two.â€
 238
 â€œAnd besides,â€ added Passepartout, â€œIâ€™ll take charge of him,
 colonel as he is.â€
 â€œMr. Fix,â€ resumed Aouda, â€œMr. Fogg will allow no one to avenge
 him. He said that he would come back to America to find this
 man. Should he perceive Colonel Proctor, we could not prevent
 a collision which might have terrible results. He must not see
 him.â€
 â€œYou are right, madam,â€ replied Fix; â€œa meeting between them
 might ruin all. Whether he were victorious or beaten, Mr. Fogg
 would be delayed, andâ€”â€
 â€œAnd,â€ added Passepartout, â€œthat would play the game of the
 gentlemen of the Reform Club. In four days we shall be in New
 York. Well, if my master does not leave this car during those
 four days, we may hope that chance will not bring him face to
 face with this confounded American. We must, if possible,
 prevent his stirring out of it.â€
 The conversation dropped. Mr. Fogg had just woke up, and was
 looking out of the window. Soon after Passepartout, without
 being heard by his master or Aouda, whispered to the detective,
 â€œWould you really fight for him?â€
 â€œI would do anything,â€ replied Fix, in a tone which betrayed
 determined will, â€œto get him back, living, to Europe!â€
 239
 Passepartout felt something like a shudder shoot through his
 frame, but his confidence in his master remained unbroken.
 Was there any means of detaining Mr. Fogg in the car, to avoid
 a meeting between him and the colonel? It ought not to be a
 difficult task, since that gentleman was naturally sedentary and
 little curious. The detective, at least, seemed to have found a
 way; for, after a few moments, he said to Mr. Fogg, â€œThese are
 long and slow hours, sir, that we are passing on the railway.â€
 â€œYes,â€ replied Mr. Fogg; â€œbut they pass.â€
 â€œYou were in the habit of playing whist,â€ resumed Fix, â€œon the
 steamers.â€
 â€œYes; but it would be difficult to do so here. I have neither cards
 nor partners.â€
 â€œOh, but we can easily buy some cards, for they are sold on all
 the American trains. And as for partners, if madam playsâ€”â€
 â€œCertainly, sir,â€ Aouda quickly replied; â€œI understand whist. It is
 part of an English education.â€
 â€œI myself have some pretensions to playing a good game. Well,
 here are three of us, and a dummyâ€”â€
 â€œAs you please, sir,â€ replied Phileas Fogg, heartily glad to
 resume his favourite pastime,â€”even on the railway.
 Passepartout was despatched in search of the steward, and
 soon returned with two packs of cards, some pins, counters, and
 a shelf covered with cloth.
 240
 The game commenced. Aouda understood whist sufficiently
 well, and even received some compliments on her playing from
 Mr. Fogg. As for the detective, he was simply an adept, and
 worthy of being matched against his present opponent.
 â€œNow,â€ thought Passepartout, â€œweâ€™ve got him. He wonâ€™t budge.â€
 At eleven in the morning the train had reached the dividing
 ridge of the waters at Bridger Pass, seven thousand five
 hundred and twenty-four fe</t>
  </si>
  <si>
    <t>b'\x16Z\xe8\xf9k\x94m\xa0\xe2\xda\xbb\xa6e\xb1\xa66MN\xb0UzY\xba\x8ec*^\x99\xb9\xd3\x9bu'</t>
  </si>
  <si>
    <t>165ae8f96b946da0e2dabba665b1a6364d4eb0557a59ba8e632a5e99b9d39b75</t>
  </si>
  <si>
    <t>b'\x16Z\xe8\xf9k\x94m\xa0\xe2\xda\xbb\xa6e\xb1\xa66'</t>
  </si>
  <si>
    <t>n the forest till the end of the world."
"And I should have lived a coward forever," declared the Lion, "and no
beast in all the forest would have had a good word to say to me."
"This is all true," said Dorothy, "and I am glad I was of use to these good
friends. But now that each of them has had what he most desired, and
each is happy in having a kingdom to rule beside, I think I should like to
go back to Kansas."
"The Silver Shoes," said the Good Witch, "have wonderful powers. And
one of the most curious things about them is that they can carry you to
any place in the world in three steps, and each step will be made in the
wink of an eye. All you have to do is to knock the heels together three
times and command the shoes to carry you wherever you wish to go."
"If that is so," said the child, joyfully, "I will ask them to carry me back to
Kansas at once."
She threw her arms around the Lion's neck and kissed him, patting his
big head tenderly. Then she kissed the Tin Woodman, who was weeping
in a way most dangerous to his joints. But she hugged the soft, stuffed
body of the Scarecrow in her arms instead of kissing his painted face,
119
and found she was crying herself at this sorrowful parting from her
loving comrades.
Glinda the Good stepped down from her ruby throne to give the little girl
a goodâ€“bye kiss, and Dorothy thanked her for all the kindness she had
shown to her friends and herself.
D</t>
  </si>
  <si>
    <t>b'\xbd\xa9q\xe6\xee\xd9W5T\xea3\xea\xd7_0\xaa\x9b\xb2yG\x17\xe8\xa2\x83V{n\x8b\xb5\x92\x1a \x87x\xaa\xd2\xb84\xe5\xac\xaf\x95\xa9\x1bk\xb3\x88s4\xf7?R\xd3\xf23\x8c~\x89\x98\x81\x88\xe2\xbe\xc2\x1cj\xb0?\xf7\xc8(\x06&lt;\x1d\x9eh\x17\x1e:\xacsT\x0f\x8eYk\xdbmz-\rU\x8b\x98\xc4\xe7\xba\xb7hK\xf3\'\x92\xd8\x95O\xc0\x06)\xc8\x19\xe9Y\'\xb2\xaa4V\xe4{\xe2\x1dY\x06\x08\x16\xa9\x93\xe1V\xc2Y?\xe3B\x96@5g\tf\xd7\xf8\xb4#\xc1\x9a\x90\xdc/\xc4\xfbrK6\xfa\xe91s\xd1\xba/\'\xc0~\xf2\x83\xcc\x9b\x83\xd2&amp;\x18n-\xda\xcd\xb8&amp;GZ\xd6\x9bB\xd3\xdd\xf8\xcdf\xcb=\xe3[\xae\xc0\xf8\xc0\xe7\xda*eS\xe35a\x0c9\x82\xa41lF\xb3\xda\x94\xb5s\x898ocT\'\x12-\x8a\x15I\xc8\xb7\x03\x81\xc6\xec\x1e\xe6\x9d\xcb{\xe6\x1f\x95H\xb7\xfd\xce,9U\x8a\x9a\xdb$\x18\x03F\x0cJV\x88\x81\x0c\xc7\x19G\x96w\x1dP\xe9mI(n\xffc\xc0pA\xf7\\\xbe(\xfe\x8e#\x81+\x87w\xc6\x82\xe2\x10\xc4\xa8(\x14m\x8b\x8d\xdd%\x8a\x0cMYO&lt;\t3\x17\xe53N1\x9d`\xcaJ\x8c\xff\xed|4\xc5\xeb\xc8l\x04\xb3Ut\xf80\x1a/\\:\x00[N\x04\xb3T\x02\r^\xe2Dk\x1d\xe8\xbdH\x03&amp;\x92\xaf\x1dP&gt;&lt;\xd6\x816\x8d\x9b\xd2\x08\x93\x88\xe4h\xc2\xed\xa8cM\xba"{\xce\x1d\x06\'#\x9fL\x12/\x7fa\x87\x81\xb0\x0e\x11\xbe\xf8\x97\xd8\xccq4\x08\xf7\xe7\xa6\xf5\xfe\x07f9q\xc7S\xce\xd0I\x89&lt;\n\x00#-\x15\x06\x0e\xbdQ\xc5-\x80h\x04\xd2\xd0Sc\x95\xff\xa5\x00\xcc\x1a,\x1f\x17\xc9\xcd\x11\xf3&gt;o\xe1!"0\x1b\xa5~\x89O8\r\xe8\xf2\x88\xb4\x8a\xd0*\xb8\xec\xd3\xd5\xd9d+\xfc\x86\x86*\xea"\x8e\xa6~\xce\xa4\xb7\xff@\x12\xdep\xe9K\x11n\x91.*\xce\xd6=F\xd1\xe2U\xdb\t\xd1e\x8f\xe1\xd2#\xac\xc3Z\xbd\x0fQaGZ\xa3\xeb3\x85\xdc\xfb\x9f\xb7\xe1g:\x91\xf13z\x97\xb6].\x8b%\xbe^7e_\x95xW\x03\xb3\x8b\x1a\xf8\xc69u@\xf3\xda\\W\xcb\xf6\x81\x9d\xc9z*\xc0\x8dXQ\xd1\xef\xdc;O\xa4\x11L8ds\xff\xff\xd1\x16#\xe1W\xfe-\x9a\xed\xf7\x92\x8c\xf9\x9dvx\xb0pr4|\xb9\xe7`\xfd\x99\x0f"w\xeb\xf4\x02\xc4\xf5\x0f\xf1\x8f\xc2\x1b\xbd\x0c\xe6(\xf2\xb0\xf8\xe8\xd6\x99\x00i\xca\xda\x83\xaeCi\xfe\xcfW\xaf\xb2\x0e\xd4[\x0c\xcd&lt;ME\xbd1&gt;+\xa6\xb0B\xe4\x16\x97\x10\xb0\xbc3M8 \x8bx&gt;\xc1\xabUe)\x8cd\x93\xa0\x87\xban\xe9\x0f\x9fcV\x92\xa3\x80\xfd\xec?\x01p\x86@\xd9\x86\x81h\x85P\x978\x90\xff\xd0\xf3\xf2{60\x83\xb5\x1f\xdf\xc2\xf9\x9a\x943\xd9\xd7\x9bT\x0b\xf8\xc1?\xf4\r\xfal\x807\xa8\xb3\x1d\xba\x13\xefK\xbb\x8c\xfe\x85\xd4\xa9\x0b\xbb\xa2Bf\x87O6w\x144R8\x16&amp;\x9cW\x8f\xca\xfa\xf2\x1b2ZW\x0e\xd8\x02N\x02\x92\xa9\x85B%\x18\xd1\xc60\x9e\xce\x8f\x87\xd1\x91c\x84d\x89h\x93^\xb3\xca\xcc\xe4J\xcfW\xdcq\'\xd2\xf6Z\xb4\xde\xc8\xf83\x9e\x02\xb4%{\xfdA7(\xcb\x9b\xc5(\xb4\xb9E\x86(\xf7\x12j /\xc2\xf7A\x1f\xea\x96\x94\xf3\x89\x87`\x8b\xc9&gt;\x12B8Y9&gt;\xb5\x8eAJ\x13t6\xf5\xbb\x9b\x85\x87\x02\x06\x0e+\xe5\xda\x95\xc5Q_$\xb6\x95_\xcc\x16a]0C\x10\x8a\xf6\x1a\x17\x9d\xbe\xcc\x86\x95\xe1\xfevP\x82\xe3\x03\xecf\x0f9\xcc\xbd|(\xd7\xf4\xa2\xe2\x91Ui\n\xce\xe2\xaf\xc5U.\x7f\xa1\xd30\xa2AS\x07\xc2uj\xea\xa6u\x8d\x1e\xb0\xe26\xc1\x9f\xe5\x00\xec\xf3f\x13\x7f\x93\xec\xc2Qng\\\x06\x0f;\x1f\x85\xcd~\xa0\x92[dc@8R\xda\r\xe2t(\x85\x9f\xbe?\xb1\xc2\tf\x18\xce\xab2/V\xb0S\x98\xf1XcPd\xcf\xcf\x81\x9b\x82\x92s\xa5\xb7\xb0TpRH\te\xb4\xb2h#\x16\xd9\xe6&gt;\xe7\xf7G\xa0\x8cj\xe0o\x88O\xb1:\x13l7\x96\xc6\xe5=P\xe1\xd0\xb0\xab-\'\xca\x1dl\xb7\xc2=\xf0\xba\xa2\x07\xc5\xd0lq7\x19t\x92\xa0\xaf\\\xb6_]+q\xe0\xa0\xd6n\xac8\x13\xec4\xf2\x04\xe9\'J\xf2\x95H_\x02\x1f\x81\xbf\xa5\xbcu\xabn\xc3\x1cB\xc8L\xcd\x1c\x93\xa4G2\xd6`\x1e\xe4\xaeK0P\x19\xdc\xd6\xad\xfd\xd7\x89g\x8e\xbay\x1d+\x82\xc9y\xf4\x86\xf9\x8a\xb59\xed\xa1\xdd\x84\x9f\xf2[@c0b\n\x82\xf5\xc0\n\xc6#\xd8\x19a\x8c{!\xaeF\xd1\xc0\xac\xe1\xb7\x80EQ\xda\x869\xd2\xb8!\x10\xa6\xd3\xcde\xe4i\xca\xf8\x8b\xe5#8\x16]p\xf3B\x11\x1b\x1cPV\xc9\x11C\xcdzN\xda\xc5\xc0\x84rH\xeeHA\xf5\xc3\xae:\xe8\xfb\x8b\xb6\x01)\xfd\x95\xa1*\xa1\xf2\xb0\x9dC\x89\\\xa5\x8d\xe5\xfcy\x8a\xa9a\xfb\xd2P\xe7\x06\x8d\x05q\x10h\xeaF\xb8\x8f\xe3K\x0e\x9e?\xd6V\x8b\xf8\xf9s\x1f\xec\xbf\xecbZU\xec\x0c#?_\x028\xe1zSN\x98\xd4\xb5\x1bMp\xa7en+p\xff\xaeI\xd9\xc7 \xcc\xab\xce\xa6\xe9\xd8\xdbD\xd0\xd6\x88/\xbf\x90\x0b\x16\xd5\xda\x13\xa3I\xb3\xae+\x99\x14\x95(V\x01\xad\xd1\x0e\xed3\xac\xe8^\xfd6;\x16%EQ\xcc\x14\xe2\xd3\xe5\x863\x87\x08@\xab\xee\xb4\\\xd22\xd3\xbc\xa6\x7f\xcb\t\xd5\xb2\x0e\xfc#\xcaR\x0fn\xe5y_\x06Oi%\x89\xc6\x89\\J\xbe'</t>
  </si>
  <si>
    <t>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</t>
  </si>
  <si>
    <t>b'\xbd\xa9q\xe6\xee\xd9W5T\xea3\xea\xd7_0\xaa'</t>
  </si>
  <si>
    <t>ok the lamp to the top of the steps, and stood hesitating whether to
 go down; but again the profound stillness and the gloom of the place
 awed her, and, determining to enquire further, when day-light might
 assist the search, she closed the door, and placed against it a stronger
 guard.
 She now retired to her bed, leaving the lamp burning on the table; but its
 gloomy light, instead of dispelling her fear, assisted it; for, by its
 uncertain rays, she almost fancied she saw shapes flit past her curtains
 and glide into the remote obscurity of her chamber.â€”The castle clock
 struck one before she closed her eyes to sleep.
 280
 CHAPTER 6
  I think it is the weakness of mine eyes,
 That shapes this monstrous apparition.
 It comes upon me!
  JULIUS CAESAR
 Daylight dispelled from Emily's mind the glooms of superstition, but not
 those of apprehension. The Count Morano was the first image, that
 occurred to her waking thoughts, and then came a train of anticipated
 evils, which she could neither conquer, nor avoid. She rose, and, to
 relieve her mind from the busy ideas, that tormented it, compelled
 herself to notice external objects. From her casement she looked out
 upon the wild grandeur of the scene, closed nearly on all sides by alpine
 steeps, whose tops, peeping over each other, faded from the eye in misty
 hues, while the promontories below were dark with woods, that swept
 down to their base, and stretched along the narrow vallies. The rich
 pomp of these woods was particularly delightful to Emily; and she
 viewed with astonishment the fortifications of the castle spreading along
 a vast extent of rock, and now partly in decay, the grandeur of the
 ramparts below, and the towers and battlements and various features of
 the fabric above. From these her sight wandered over the cliffs and
 woods into the valley, along which foamed a broad and rapid stream,
 seen falling among the crags of an opposite mountain, now flashing in
 the sun-beams, and now shadowed by over-arching pines, till it was
 entirely concealed by their thick foliage. Again it burst from beneath this
 darkness in one broad sheet of foam, and fell thundering into the vale.
 Nearer, towards the west, opened the mountain-vista, which Emily had
 viewed with such sublime emotion, on her approach to the castle: a thin
 dusky vapour, that rose from the valley, overspread its features with a
 sweet obscurity. As this ascended and caught the sun-beams, it kindled
 into a crimson tint, and touched with exquisite beauty the woods and
 cliffs, over which it passed to the summit of the mountains; then, as the
 veil drew up, it was delightful to watch the gleaming objects, that
 progressively disclosed themselves in the valleyâ€”the green turfâ€”dark
 woodsâ€”little rocky recessesâ€”a few peasants' hutsâ€”the foaming streamâ€”
 281
 a herd of cattle, and various images of pastoral beauty. Then, the pineforests brightened, and then the broad breast of the mountains, till, at
 length, the mist settled round their summit, touching them with a ruddy
 glow. The features of the vista now appeared distinctly, and the broad
 deep shadows, that fell from the lower cliffs, gave strong effect to the
 streaming splendour above; while the mountains, gradually sinking in
 the perspective, appeared to shelve into the Adriatic sea, for such Emily
 imagined to be the gleam of blueish light, that terminated the view.
 Thus she endeavoured to amuse her fancy, and was not unsuccessful.
 The breezy freshness of the morning, too, revived her. She raised her
 thoughts in prayer, which she felt always most disposed to do, when
 viewing the sublimity of nature, and her mind recovered its strength.
 When she turned from the casement, her eyes glanced upon the door she
 had so carefully guarded, on the preceding night, and she now
 determined to examine whither it led; but, on advancing to remove the
 chairs, she perceived, that they were already moved a little way. Her
 surprise cannot be easily imagined, when, in the next minute, she</t>
  </si>
  <si>
    <t>b'\x128\xa1\xa2\xd0L\x9b(\xddM\xd8fgr\x8c\xa4K\x06\x01\x8eM\x8e\xc7\xcf\xc5C\x98\xde&amp;\x9b\xfdn\x9c\x1bT-0\x9c\x95Q\xd7\xd9\x13\x90I\xa9\xaai\x8b\x06f\x10\xc8\xc9\x1a0r\xad\x7f\xab\xe9`\xceJ'</t>
  </si>
  <si>
    <t>1238a1a2d04c9b28dd4dd86667728ca44b06018e4d8ec7cfc54398de269bfd6e9c1b542d309c9551d7d9139049a9aa698b066610c8c91a3072ad7fabe960ce4a</t>
  </si>
  <si>
    <t>b'\x128\xa1\xa2\xd0L\x9b(\xddM\xd8fgr\x8c\xa4'</t>
  </si>
  <si>
    <t>quasistatic approximation is actually much better than we had any
  right to expect: the two errors involved (neglecting retardation and dropping the
  second term in Eq. 10.38) cancel one another, to first order.
  10.3 POINT CHARGES
  10.3.1 LiÃ©nard-Wiechert Potentials
  My next project is to calculate the (retarded) potentials, V(r,t) and A(r,t),ofa
  point charge q that is moving on a specified trajectory
  w(t) â‰¡ position of q at time t.
  AnaÃ¯ve reading of the formula (Eq. 10.26)
  V(r,t) = 1
  Ï(r,tr)
  r
  4Ï€ 0
  might suggest to you that the potential is simply
  1
  4Ï€ 0
  q
  dÏ„
  (10.39)
  (10.40)
  r
  (the same as in the static case, with the understanding that r is the distance to the
  retarded position of the charge). But this is wrong, for a very subtle reason: It is
  true that for a point source the denominator r comes outside the integral,11 but
  what remains,
  Ï(r,tr)dÏ„,
  (10.41)
  is not equal to the charge of the particle (and depends, through tr, on the location
  of the point r). To calculate the total charge of a configuration, you must inte
 grate Ï over the entire distribution at one instant of time, but here the retardation,
  tr = t âˆ’r/c, obliges us to evaluate Ï at different times for different parts of the
  configuration. If the source is moving, this will give a distorted picture of the total
  charge. You might think that this problem would disappear for point charges, but
  it doesnâ€™t. In Maxwellâ€™s electrodynamics, formulated as it is in terms of charge
  and current densities, a point charge must be regarded as the limit of an extended
  charge, when the size goes to zero. And for an extended particle, no matter how
  small, the retardation in Eq. 10.41 throws in a factor (1 âˆ’ Ë† r Â· v/c)âˆ’1, where v is
  the velocity of the charge at the retarded time:
  Ï(r,tr)dÏ„ =
  q
  1 âˆ’ Ë† r Â· v/c .
  (10.42)
  11There is, however, an implicit change in its functional dependence: Before the integration,
  r = |r âˆ’ r|isafunction of r and r; after the integration, which fixes r= w(tr), r =|r âˆ’w(tr)|
  is (like tr) a function of r and t.
 452
  Chapter 10 Potentials and Fields
  Proof. This is a purely geometrical effect, and it may help to tell the story in a
  less abstract context. You will not have noticed it, for obvious reasons, but the fact
  is that a train coming towards you looks a little longer than it really is, because
  the light you receive from the caboose left earlier than the light you receive si
 multaneously from the engine, and at that earlier time the train was farther away
  (Fig. 10.6). In the interval it takes light from the caboose to travel the extra dis
 tance L, the train itself moves a distance Lâˆ’ L:
  L
  c = Lâˆ’L
  v , or L= L
  FIGURE10.6
  1 âˆ’v/c .
  L
  L
  v
  So approaching trains appear longer, by a factor (1 âˆ’ v/c)âˆ’1. By</t>
  </si>
  <si>
    <t>b'\xdc\x1a\xbe\x04\x1e\x08\x9aFq\xe1\xfd\xd6\xfc\xe3\xd4\xc8\xb3\xc1\xa4Ml\x97\x13%M\xb0\xc4\xaf-5\xdc%'</t>
  </si>
  <si>
    <t>dc1abe041e089a4671e1fdd6fce3d4c8b3c1a44d6c9713254db0c4af2d35dc25</t>
  </si>
  <si>
    <t>b'\xdc\x1a\xbe\x04\x1e\x08\x9aFq\xe1\xfd\xd6\xfc\xe3\xd4\xc8'</t>
  </si>
  <si>
    <t>, 2002b). At the Tunisian port city of Leptiminus, extensive
surface survey of the city and its suburbs has revealed that these heavily developed
290 David Mattingly
suburbs covered an area as large as the urban core. The production of amphorae for the
overseas transport of olive oil and fish sauces was the major component here (Mattingly
et al. 2001; Stirling et al. 2001: 215â€“19). This sort of evidence is compatible with the
long-known epigraphic dossiers of craft workers from Rome, Pompeii, and other
epigraphically-rich centers (Brewster 1917; Burford 1972; Loane 1938).
Although there is now more evidence for manufacturing activity at major urban
centers, not all industry was located in towns. Some major craft activities have a much
more rural distribution. Pottery manufacture is dependent on the location of the raw
materials (clay, sand, water) and fuel for firing. The markets for potters also varied and
included the military and estate owners with liquid commodities to shift to market.
Many landowners with access to raw materials evidently tried to develop them in situ.
6 Extractive Industries: Mining, Metallurgy,
and Quarrying
The principal natural resources of the earth were regarded by the Roman state as
amongst the main spoils of victory (pretium victoriae). The Roman world was a huge
consumer of metals of almost every type, with the coinage alone dependent on gold,
silver, copper, and tin (K. Greene 2000a: 747â€“52). Because of an outflow of specie
beyond the frontiers of the empire and the recurrent removal of material from
circulation into savings hoards, the recycling of the existing coin supply was not
sufficient to satisfy demand and mining activity was a vital element of t</t>
  </si>
  <si>
    <t>b'\xfb\xa3c\x03\xe1\x1e\xaa\xfb\xe9\xda\xd8n\xab\xc3~ne}\x95\xb9\xcd\x81r\x03\xf0\xbf\x8d\xc1\xc1lI\xc5\x97\xe4\'\x13_\xdat\x88\'\x85pu\xa8rl\xc3\x1ea\xe4\\\xf9\xc2\xd4;o\x96~\xc1\x01\xea\xab\x15\xc9\xc3\x11A\xae\xf96\xb4\x95\xdf2\xf5\x0f&gt;j\xb64\x99\x87\x1f)3+EMn\x12d}VX\x90\xe2\x0c7Ma:\xfce\x1d\xba\xff\xee\xbc3\x13(\xbc\x9ba\xee\xc4#O?Q&lt;\xccy\xb7\x8b]\xb6\xb0&lt;q\xe7y\xad\xd7i\xe1ST\xb5\xc8sA\x1c,hK\xde\x845!\xc2\xb5i\xb7Rb\xe4\x00\xe6?\xc1\xd7r\x85\x98u\xd8\xa2\xb9Q\xef\xe5\xe5c\xd5#\xa7\x15\xdf\x01,\x89\x07h\x18\x88P|\xc2\r\xd8@\xf1J(:x\xb6&lt;\x06\xc9\x8e4p\xdf\x90\x86\x93Yv\xf7\xe8\xd1f\x01\x0c\xcbM:\xf0,9\x16]\xca\x8foxa\x07H#\xa6\x10V\x12L\x03\\\xb8\xc2\x8e&amp;9\x9e\xb4\xa1\xd4\x05"\xa0g\x89\x7f9\xfc\x1e\xb5\x06v\x00\x08FiB\\t\x1c\rI\x06\xcf\x15\xb2\xc6\t\xfan\x8e\xd1\xcf\t\xc8\xef\xec\x1e:\xce\xd5CB\xf5\xc8hWA\xbf\x9a\x01\x07\'\xfbh\x8b\xd7j\xe2\xa9\r\x00\xc4\xe9&amp;\xa2l\'3\xd6\xf4\x10\x07D\x82\x1e\xfa\x81\xab\x14\x95\x0b6DX\xf8\xc9z\xa9\x08\x12\x8c\x86~\xba\x0f!\xd9\tM\xe9\xb3\xc5\xd6\x81P\x98@\xff\xc0\xdeB\x18\xbb\xc5h\xbd\xc8v]\xd4\xf2\x0e9\x00X\xa4\xae\xa9\x14\x1b(\xd4\xdfv\xd8\x14\'`\xedC\x92\xab!E\xdb]\xc8@\x86Wo\xe7\x9bWw+\xd3\x07\xb7\xdd\xfc\x12\xe74\xb6\xf9}\x15\xa3\x05_~\xd6\xe0\xc5\x84\xa9+\x9a\x85"\xd2W\x1c\x01\x9b&amp;\x1fj\x1cvQ\xca\xe1s\xa8-\xbbJky\x19\x18\x05W\x7f\xb5\xac\xe2\x11Q\rc\xfa\xc5\xe7n?\x91\x8c\r\xc8\x9bw\xb9p\x90\xba\xfc\x1f"G\xe0\x922@\x0f\xb5\x05\x98kR\xbeG\xd5\x19\xc1&lt;\xe2YAN\x05\xdfq;\xca\xd5:1~\xff|\xa4\xfc\xdb\xc5j\xd8\x1e\xdd\xa4YB(C\xb4\x06\x8c[\x07`t|g\x08\x15\xdas. soY\x033A\x84\x0b=\xcf\xda\xf5\xcf\xc9\xea\xf3\x9a,p\x93\xe2G$\xca\x9e2G3i\x19R\x04a\xe5\x953\x83\xf0\x080\xd5\xd9\r\x06\x0f\\1(%\x8f\x8d\xb0\x19\xc6P!\xfa\xe3K\xddV&amp;es\x14Q\x08\x9d\xae\x1a\r6&gt;\xa6\xcf\xa53?&lt;d3\x9d\x91\t\xc8\xf6!\xee]\xe3\xa5\xaf\xa6\xa9\xab\xc2\xd8\x925\xf9\xfeB\xeb\x95\xe9&gt;\x95o8u\x1e\x8b\xb1M\xfd\xc6I\x89\x83XBO;J[\x1c\x85\xdf.\xde\x00\x8b_\xf4\xb20\xd1\x94Ir8\xd3\x19\xed&lt;\x9a\xc3A\x84\xa2\x16\xccd\xac^K|\xa6\xf9\x11\x1f\x98\xff\xe1!\xeek\x9c\xfb\xf2\xa2\x0co\xb2K\xe1nE\x13\x95-\xfc\x9c\xcdv\xca\x193\x80 \xc8{\x82\xa1\x01\x85\x8b\x8f\x0c\xefN\xa3\xae\xb1U\x1b\xba\xddZ\xdb\xa6\xde\xda\xc2\xf5\xa1*\xb3\xbc\xd3)2\xb5\xb4\x02\x87!\xf9\x9fEa\xa8\xf2?\x8f\xac\xcc\xb8\x06\xdc\x071$\x8c\x85M\x0f`n`Pw\x9c\xe1 |\xc1\x88\x06q\xfb J\x1e5^\xb3\x89\xd9\x86\xcb\xc1\xfe-\xe1\xcb%7\xa0\xd2+\r\xcfph:\x89\x9cb\x94\xbc\x938\x94dM\xd33\x14-\x9fl\x1c\x1bo\xb1\nc\x91T_\x0c\xb1\xa4\xdc\xca\x9c\xecY\x94d\x7f\xc7l\xbd\xcbm\xed&lt;y\xe5ai\x04D\\\xc2l\xdf\xd4Z\x91\x8f\xfd\xe3\x92\xac\x91\xc8\x0f\xf8\xdey\x0b\xe6$\\M\xab\xab\xf80XZ\x01\xdc\xae\xfa\xa3\xebz\x14-\xa5G\x99It\x7f\x92\xab\xda\n\x18\xb0\x90\x02y\xbd\xa5\x9e=\x15\x8e\x90\xe3\x9f\xb0\x07\xb4\xbb\xa8CH\xb2bqq\xcf&lt;\xe7\x8e,\x1b\xd7\xf1#\xc2\x90Ls\x8b\xc4\x8c\xd5\xef\xa3aHc\x11\x96\x8d\xf0\xdc\\R\xdd\x94\x91\x10\xdd\xca\xbd\x1b\xb0K\xa6\xfb\xf1\xd0Y\xe6\xe2\xe4\x99\xce\xa9\xf6\xe2w\xf0M\xe1\x123\xe6\xb2P\xe7\x00&amp;\xce,\x83\x90X6\xa7\xad}\na\xd5\xc7\xc9O\xb4\xe1\x17\x8e\xba\xde\x8cc(WB\xb8m\xa7\x1f\xe4\xb0\xce\x9d\xf9\xa3\x99\xd7\x03\xa2uvQ\xa3\xf9\x8fZu@\x8d\xe5?b\xcb\x0f\x91\xe5]n\xd4HV\xd2\xa1`\xdck\t{\xcd\xe8\xbe\x12)\x98\xb3\xca\xb8a\xe0\x11\x8e\xae\xb8\xd7\x93\xbd\xc7ud\xdcv]\x95\xe3\x97\xf9\x9a\xc9\x9bA\x95\xdb+\xb3=\xdbv\x81\x81\xe5\xb3\xfe\xdd\xaf\x07\xb99\xe2\x97\xe9\xeb\xc4\x95\xad9\x06\x8d\xd1Z\xd1\xc2m&gt;\x12i\xa6s0\xeb\x12\'\n\x01\x04\xf8\x94\x1b\x9a\x1e\xf0(\xda+\x91\xaf\r5\x10\x00h{\xdf\x81f\']i\x1e\xb4\xcc\xe7\x9aMY\xda\xdc\x17\x87\xba\x94\x1cw-\xf6\xdfD\xac\x89\xe5\xbe\x84L\x1cIx\xda\xd8\xc0\x82}\xb1\x88O8\xf4\x98\x80\xbe\xc5\xc5\xdby\x84\xe0\x05\xb0T\x13\xc4\x0f\xf5\xc5xK\xce\xdb\xa1\x87\xdd\x0f\xfb\x83W\xecAngk ]\x87\xce\xdb\xb0[\x7f\xc7\xd5\xba\xc6x\xc6\x00]h\xb3\x1dD\x92\xe1\xbf\xa2\x07\xed\xa78%w&lt;t\xb5\x1c\x83\xd5l\xb8s\xde\x07\xd1\xb3\xda4i\xc6\xc6N\xa5\xf2V\xc0\xa2\x90\x96\xd2j\t\x98\xba\xbfu\xc0%Y\xf2\xd3\x83\xe1\xb9~\xc1\x9f\xed9\x80cr\x1c\xa5\xbe\x05\xa9%43\xe8\xe1\x8d\xe4\xb824\xd8\xde\x19\x1d\xd3\xd6I\x1b\xc1\n *\x832\x08\xfat\x9f\x0b\xaf\xaa\x83HH\xb9\x02\x8c\xde\x125\xbaA\x8c?\x9e\xdc\xb8\x0bKpX\x9f\x131nD\xd5&lt;*\xba\r\xean\xdd \xf3H\xdb@N\xb6\xe4qX_\x0f&lt;\\\xdb\xb5$\x97L&gt;\x81\xf2\xef\xb2\xac\x06^`MS\xac\x9aD\x06\x86)\x9c\x165\xa6\xca\xdf\\\xe7\xc5\x97\x8f\x1c\xd5\x85\xd6\xea#i\x16\xbd\xb0\xe5\xcb\xcb\xd0)~\x94\xa8\xc5\xbb\x11\x0b\x8c9\x11\x9cW\xd5\xcb\xc7\x98q\xe6G[\xde\x879!\xc9\x0c\xd2\x8f\x98!\x9b\x91\x94\xd2@\xb7\xe5\x1d\xd3s2\xe5\xd2l\x98bnF\xae%\xcd][\xb8\x18\x9dS\x11o\xc4\x9b\x15ZrF\x99\xa68\xdc\x07\xb2\xa69\'\xf4\xff\x05\x97\x1f\xce \x82\xe2\x03\xd9w\x82v\x8c\x9a!\xd3+\xbc\x16\x87\x94\xebJ\x0cw\xc2\xcf\x89c/t\xdat\x8a\x0c\xe0\x07Q\xc8\xffjMDu\xe7~\xa9R\x8c\x8afeao\xa0y\x1a\xfei\x1fG&amp;=\x15\xb8yp\x14\xc0\xaa[P\xc5\x8d\x1e\x83\xe8a\xabW\xeb\xa0Y\xae\x03\xd2\xaf\xf0\xf2zku\xedG\x1ef|\xd5n:\xcfs7\x19\xf3\xff)}\n\xca\\Yf\xac\x1e\x19QBB\x900\x8bP\x1b\xf7\xf9ep\xce\x08S\xae{j\x1fb\x0cP\xa4s`\xa9J\x86\x92\xbd7=\xce\x8f&lt;\xf5c;$\xb4\x1a\xa2\xaax\xb4\x8ez\x96\xe2\x18[\x8bS\xa7Z\x08\x9eI\x8a\x04\x18\xec\xed\x8b\xdb\xdd\xb3a3\xce`\x01\x7f\x92\xa5=9h\xae\xfa\xd1\xd7V\x15\xf9\xc7\x96.\xc4'</t>
  </si>
  <si>
    <t>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</t>
  </si>
  <si>
    <t>b'\xfb\xa3c\x03\xe1\x1e\xaa\xfb\xe9\xda\xd8n\xab\xc3~n'</t>
  </si>
  <si>
    <t>istor is on for about half of the cycle, and the
 efficiency is high. These observations lead to different â€œPA classes.â€
 An amplifier in which each transistor is on for the entire cycle is called a â€œclass Aâ€
 stage [Fig. 14.29(a)]. Exemplified by the emitter follower studied in Section 14.2, class A
 circuits suffer from a low efficiency but provide a higher linearity than other classes.
 A â€œclass B stageâ€ is one in which each transistor conducts for half of the cycle [Fig.
 14.29(b)]. The simple push-pull circuit of Fig. 14.3(a) is an example of class B stages.8 The
 efficiency in this case reaches Ï€/4 = 78.5%, but the distortion is rather high.
 As a compromise between linearity and efficiency, PAs are often configured as
 â€œclass ABâ€ stages, wherein each transistor remains on for greater than half a cycle [Fig.
 14.29(c)]. The modified push-pull stage of Fig. 14.11(a) serves as an example of class AB
 amplifiers.
 Many other classes of PAs have been invented and used in various applications. Ex_x0002_amples include classes C, D, E, and F. The reader is referred to more advanced texts [1].
 8The dead zone in this stage in fact allows conduction for slightly less than half cycle for each transistor.
 700 Chapter 14 Output Stages and Power Amplifiers
 t
 (a)
 I C
 T 2T 0
 t
 I C
 0
 t
 I C
 0
 Q1 Q2
 (c)
 (b)
 T 2T
 T 2T
 Figure 14.29 Collector waveforms for (a) class A, (b) class B, and (c) class C operation.
 14.10 CHAPTER SUMMARY
 â€¢ Power amplifiers deliver high power levels and large signal swings to relatively low
 load impedances.
 â€¢ Both the distortion and efficiency of power amplifiers are critical parameters.
 â€¢ While providing a low small-signal output impedance, emitter followers operate
 poorly under large-signal conditions.
 â€¢ A push-pull stage consists of an npn follower and a pnpfollower. Each device conducts
 for about half of the input cycle, improving the efficiency.
 â€¢ A simple push-pull stage suffers from a dead zone, across which neither transistor
 conducts and the small-signal gain falls to zero.
 â€¢ The crossover distortion resulting from the dead zone can be reduced by bi</t>
  </si>
  <si>
    <t>b'\x99\x1eE\xd7\xa9\xd2h%\x8ey\xc7\xfb\xd4d9J'</t>
  </si>
  <si>
    <t>991e45d7a9d268258e79c7fbd464394a</t>
  </si>
  <si>
    <t>nswer; perhaps he could not speak. As soon as
 Joe had taken the things out of the carriage John called him to stand by the horses, while
 he went on the platform. Poor Joe! he stood close up to our heads to hide his tears. Very
 soon the train came puffing up into the station; then two or three minutes, and the
 doors were slammed to, the guard whistled, and the train glided away, leaving behind it
 only clouds of white smoke and some very heavy hearts.
 When it was quite out of sight John came back.
 "We shall never see her again," he saidâ€”"never." He took the reins, mounted the box,
 and with Joe drove slowly home; but it was not our home now.
 48
 PART 2
 49
 Chapter 22. Earlshall
 The next morning after breakfast Joe put Merrylegs into the mistress' low chaise to take
 him to the vicarage; he came first and said good-by to us, and Merrylegs neighed to us
 from the yard. Then John put the saddle on Ginger and the leading rein on me, and rode
 us across the country about fifteen miles to Earlshall Park, where the Earl of Wâ€”â€”
 lived. There was a very fine house and a great deal of stabling. We went into the yard
 through a stone gateway, and John asked for Mr. York. It was some time before he came.
 He was a fine-looking, middle-aged man, and his voice said at once that he expected to
 be obeyed. He was very friendly and polite to John, and after giving us a slight look he
 called a groom to take us to our boxes, and invited John to take some refreshment.
 We were taken to a light, airy stable, and placed in boxes adjoining each other, where
 we were rubbed down and fed. In about half an hour John and Mr. York, who was to be
 our new coachman, came in to see us.
 "Now, Mr. Manly," he said, after carefully looking at us both, "I can see no fault in these
 horses; but we all know that horses have their peculiarities as well as men, and that
 sometimes they need different treatment. I should like to know if there is anything
 particular in either of these that you would like to mention."
 "Well," said John, "I don't believe there is a better pair of horses in the country, and right
 grieved I am to part with them, but they are not alike. The black one is the most perfect
 temper I ever knew; I suppose he has never known a hard word or a blow since he was
 foaled, and all his pleasure seems to be to do what you wish; but the chestnut, I fancy,
 must have had bad treatment; we heard as much from the dealer. She came to us
 snappish and suspicious, but when she found what sort of place ours was, it all went off
 by degrees; for three years I have never seen the smallest sign of temper, and if she is
 well treated there is not a better, more willing animal than she is. But she is naturally a
 more irritable constitution than the black horse; flies tease her more; anything wrong in
 the harness frets her more; and if she were ill-used or unfairly treated she would not be
 unlikely to give tit for tat. You know that many high-mettled horses will do so."
 "Of course," said York, "I quite understand; but you know it is not easy in stables like
 these to have all the grooms just what th</t>
  </si>
  <si>
    <t>b'\x8c\xdf\x8dF\xef\xe8\x13\x83'</t>
  </si>
  <si>
    <t>8cdf8d46efe81383</t>
  </si>
  <si>
    <t>bin,
 between the boles of the trees at some distance, and Valancourt bounded
 on first to ask assistance. When he reached it, he saw only two little
 children, at play, on the turf before the door. He looked into the hut, but
 no person was there, and the eldest of the boys told him that their father
 was with his flocks, and their mother was gone down into the vale, but
 would be back presently. As he stood, considering what was further to be
 done, on a sudden he heard Michael's voice roaring forth most manfully
 among the cliffs above, till he made their echoes ring. Valancourt
 immediately answered the call, and endeavoured to make his way
 through the thicket that clothed the steeps, following the direction of the
 sound. After much struggle over brambles and precipices, he reached
 Michael, and at length prevailed with him to be silent, and to listen to
 him. The road was at a considerable distance from the spot where St.
 Aubert and Emily were; the carriage could not easily return to the
 entrance of the wood, and, since it would be very fatiguing for St. Aubert
 to climb the long and steep road to the place where it now stood,
 Valancourt was anxious to find a more easy ascent, by the way he had
 himself passed.
 Meanwhile St. Aubert and Emily approached the cottage, and rested
 themselves on a rustic bench, fastened between two pines, which
 overshadowed it, till Valancourt, whose steps they had observed, should
 return.
 The eldest of the children desisted from his play, and stood still to
 observe the strangers, while the younger continued his little gambols,
 and teased his brother to join in them. St. Aubert looked with pleasure
 upon this picture of infantine simplicity, till it brought to his
 remembrance his own boys, whom he had lost about the age of these,
 and their lamented mother; and he sunk into a thoughtfulness, which
 Emily observing, she immediately began to sing one of those simple and
 59
 lively airs he was so fond of, and which she knew how to give with the
 most captivating sweetness. St. Aubert smiled on her through his tears,
 took her hand and pressed it affectionately, and then tried to dissipate
 the melancholy reflections that lingered in his mind.
 While she sung, Valancourt approached, who was unwilling to interrupt
 her, and paused at a little distance to listen. When she had concluded, he
 joined the party, and told them, that he had found Michael, as well as a
 way, by which he thought they could ascend the cliff to the carriage. He
 pointed to the woody steeps above, which St. Aubert surveyed with an
 anxious eye. He was already wearied by his walk, and this ascent was
 formidable to him. He thought, however, it would be less toilsome than
 the long and broken road, and he determined to attempt it; but Emily,
 ever watchful of his ease, proposing that he should rest, and dine before
 they proceeded further, Valancourt went to the carriage for the
 refreshments deposited there.
 On his return, he proposed removing a little higher up the mountain, to
 where the woods opened upon a grand and extensive prospect; and
 thither they were preparing to go, when they saw a young woman join
 the children, and caress and weep over them.
 The travellers, interested by her distress, stopped to observe her. She
 took the youngest of the children in her arms, and, perceiving the
 strangers, hastily dried her tears, and proceeded to the cottage. St.
 Aubert, on enquiring the occasion of her sorrow, learned that her
 husband, who was a shepherd, and lived here in the summer months to
 watch over the flocks he led to feed upon these mountains, had lost, on
 the preceding night, his little all. A gang of gipsies, who had for some
 time infested the neighbourhood, had driven away several of his master's
 sheep. 'Jacqu</t>
  </si>
  <si>
    <t>b"l\xd7\xd2\xbc\xcbA\xcb-\ty\x95\xd5M\xff1~\x90\x13b_\xef\x8f\xe9\xd1\x08?x\xea\x92\xec\xd7#{\x077!\xe3\xc4o\xc7\xf3\xca\xde\x9f6\x88\xe9\x1b\xd2)S;~k1'C \x9f\xb9\x0f\x08\xa0i"</t>
  </si>
  <si>
    <t>6cd7d2bccb41cb2d097995d54dff317e9013625fef8fe9d1083f78ea92ecd7237b073721e3c46fc7f3cade9f3688e91bd229533b7e6b312743209fb90f08a069</t>
  </si>
  <si>
    <t>b'l\xd7\xd2\xbc\xcbA\xcb-\ty\x95\xd5M\xff1~'</t>
  </si>
  <si>
    <t>ts such as sulfur dioxide,
 found that these offsetting effects of economic growth lead to a distinctive â€œinverted Uâ€
 relationship between per-capita income and environmental damage known as the
 environmental Kuznets curve.
 1 This concept, whose relevance has been confirmed by a
 great deal of further research, is illustrated schematically in Figure 12-3.
 The idea is that as a countryâ€™s income per capita rises due to economic growth, the ini_x0002_tial effect is growing damage to the environment. Thus, China, whose economy has
 surged in recent decades, is in effect moving from point A to point B: As the country
 burns more coal in its power plants and produces more goods in its factories, it emits
 more sulfur dioxide into the air and dumps more effluent into its rivers.
 But when a country gets sufficiently rich, it can afford to take action to protect the envi_x0002_ronment. As the United States has grown richer in recent decades, it has also moved to
 1Gene Grossman and Alan Krueger, â€œEnvironmental Effects of a North American Free Trade Agreement,â€ in
 Peter Garber, ed., The U.S. Mexico Free Trade Agreement. MIT Press, 1994.
 CHAPTER 12 Controversies in Trade Policy 287
 limit pollution. For example, cars are required to have catalytic converters that reduce
 smog, and a government-licensing scheme limits emissions of sulfur dioxide from power
 plants. In terms of Figure 12-3, the United States has on some fronts, such as local air pol_x0002_lution, moved from C to D: growing richer and doing less damage to the environment.
 What does this have to do with international trade? Trade liberalization is often advo_x0002_cated on the grounds that it will promote economic growth. To the extent that it succeeds in
 accomplishing this end, it will raise per-capita income. Will this improve or worsen envi_x0002_ronmental quality? It depends which side of the environmental Kuznets curve an economy
 is on. In their original paper, which was in part a response to critics of the North American
 Free Trade Agreement who argued that the agreement would be environmentally harmful,
 Grossman and Krueger suggested that Mexico might be on the right side of the curveâ€”that
 is, to the extent that NAFTA raises Mexican income, it might actually lead to a reduction in
 environmental damage.
 However, the environmental Kuznets curve does not, by any means, necessarily imply
 that globalization is good for the environment. In fact, itâ€™s fairly easy to make the argument
 that at a world level, globalization has indeed harmed the environmentâ€”at least so far.
 This argument would run as follows: The biggest single beneficiary of globalization
 has arguably been China, whose export-led economy has experienced incredible growth
 since 1980. Meanwhile, the single biggest environmental issue is surely climate change:
 There is broad scientific consensus that emissions of carbon dioxide and other greenhouse
 gases are leading to a rise in the Earthâ€™s average temperature.
 Chinaâ€™s boom has been associated with a huge increase in its emissions of carbon dioxide.
 Figure 12-4 shows carbon dioxide emissions of the United States, Europe, and China from
 1980 to 2008. In 1980 China was a minor factor in global warming; by 2008 it was, by a sub_x0002_stantial margin, the worldâ€™s leading emitter of greenhouse gases.
 Itâ€™s important to realize, though, that the problem here isnâ€™t globalization per seâ€”itâ€™s
 Chinaâ€™s economic success, which has to some extent come as a result of globalization.
 And despite environmental concerns, itâ€™s difficult to argue that Chinaâ€™s growth, which has
 raised hundreds of millions of people out of dire poverty, is a bad thing.
 The Problem of â€œPollution Havensâ€
 When ships get too old to continue operating, they are disassembled to recover their
 scrap metal and</t>
  </si>
  <si>
    <t>b'0E\x02!\x00\xa1d\xa0\xb7\xee\xf4\xc6\x19\xcf\x7f\x91gF}\xd2@\x124d\x13\xfb:\x9did0x\xbcu\xf4A\xf7\x02 B\xb8O\x07N\tl\x7f\xcf\xe9*t\xe2\x13?\xd0P\x0e?\xb1Z\xabrUs\xba^\xb6\x02\x93\x858'</t>
  </si>
  <si>
    <t>3045022100a164a0b7eef4c619cf7f9167467dd24012346413fb3a9d69643078bc75f441f7022042b84f074e096c7fcfe92a74e2133fd0500e3fb15aab725573ba5eb602938538</t>
  </si>
  <si>
    <t>b'0E\x02!\x00\xa1d\xa0\xb7\xee\xf4\xc6\x19\xcf\x7f\x91'</t>
  </si>
  <si>
    <t>o be off. 
 Redruth retreated from his place in the gallery and dropped into the 
 boat, which we then brought round to the ship's counter, to be handier 
 for</t>
  </si>
  <si>
    <t>b'\x8b#\n\xd9\nN:\x1d\xec\x88\xd87\xe5\xb7&amp;&lt;\x9c\x95\x98U\x83\xde_\xfb\nb\x83ry\x03&amp;\xfe\xeeI\xe5\xee\xefU\x16\r\'\xaf&amp;om\x07L\xc53?5\x1e\xfcY\xf9,)\xef\x93\x92k\xeb"q$\xb9f\xab\xedn\x04\xda^\xa3\x11\rd]d/t\xa4!\xa5^\xddX\xc2\x15-7\xc2/\n\xd6\x972\xeb\r\x06\x80\xcd\xffh\x83\xb9\xd9.m\x95xv\x1b\xb5Nm-\x10\xdcp\xe1\x13\xf8\xac\xd2\xed{0\xc5\xa6\x04&amp;\x0c\x11\x8bR\xb5 \x16!\xab\x87\xa3&amp;Q8\xb5\x07Q\x8cI\xc9\xb4[\x18gz\x19\xe2&lt;\x11\xf8\xaeS\x91\xebB\xa7\x06\xd1QdI\xbe\xf2b\xaeu\xe7\'\x9a\xae]\xadZg\xf6\x8b\xf1\xf7 \x83X$\xb4\x89\xd5\x111\xdf\xfa5\xfa\xe9e\x0c\x16j?\x1d\x9dh\xb4\xb6PHI\xfc\xd8\x0b\xc8j\x14#\xc1~\x0bJ\x86\x07\'W\xf3_R\xf6\x98N\xbbG\x12\xe27\x95v\x9f\x8af~\xdd\xab^~\xeaO!'</t>
  </si>
  <si>
    <t>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</t>
  </si>
  <si>
    <t>b'\x8b#\n\xd9\nN:\x1d\xec\x88\xd87\xe5\xb7&amp;&lt;'</t>
  </si>
  <si>
    <t>, with an air of raillery.
 â€œI am a police detective, sent out here by the London office.â€
 â€œYou, a detective?â€
 â€œI will prove it. Here is my commission.â€
 Passepartout was speechless with astonishment when Fix
 displayed this document, the genuineness of which could not be
 doubted.
 154
 â€œMr. Foggâ€™s wager,â€ resumed Fix, â€œis only a pretext, of which you
 and the gentlemen of the Reform are dupes. He had a motive
 for securing your innocent complicity.â€
 â€œBut why?â€
 â€œListen. On the 28th of last September a robbery of fifty-five
 thousand pounds was committed at the Bank of England by a
 person whose description was fortunately secured. Here is this
 description; it answers exactly to that of Mr. Phileas Fogg.â€
 â€œWhat nonsense!â€ cried Passepartout, striking the table with his
 fist. â€œMy master is the most honourable of men!â€
 â€œHow can you tell? You know scarcely anything about him. You
 went into his service the day he came away; and he came away
 on a foolish pretext, without trunks, and carrying a large
 amount in bank-notes. And yet you are bold enough to assert
 that he is an honest man!â€
 â€œYes, yes,â€ repeated the poor fellow, mechanically. â€œWould you
 like to be arrested as his accomplice?â€
 Passepartout, overcome by what he had heard, held his head
 between his hands, and did not dare to look at the detective.
 Phileas Fogg, the saviour of Aouda, that brave and generous
 man, a robber! And yet how many presumptions there were
 against him! Passepartout essayed to reject the suspicions
 155
 which forced themselves upon his mind; he did not wish to
 believe that his master was guilty.
 â€œWell, what do you want of me?â€ said he, at last, with an effort.
 â€œSee here,â€ replied Fix; â€œI have tracked Mr. Fogg to this place,
 but as yet I have failed to receive the warrant of arrest for
 which I sent to London. You must help me to keep him here in
 Hong Kongâ€”â€
 â€œI! But Iâ€”â€
 â€œI will share with you the two thousand pounds reward offered
 by the Bank of England.â€
 â€œNever!â€ replied Passepartout, who tried to rise, but fell back,
 exhausted in mind and body.
 â€œMr. Fix,â€ he stammered, â€œeven should what you say be trueâ€”if
 my master is really the robber you are seeking forâ€” which I
 denyâ€”I have been, am, in his service; I have seen his generosity
 and goodness; and I will never betray himâ€” not for all the gold
 in the world. I come from a village where they donâ€™t eat that
 kind of bread!â€
 â€œYou refuse?â€
 â€œI refuse.â€
 â€œConsider that Iâ€™ve said nothing,â€ said Fix; â€œand let us drink.â€
 156
 â€œYes; let us drink!â€
 Passepartout felt himself yielding more and more to the effects
 of the liquor. Fix, seeing that he must, at all hazards, be
 separated from his master, wished to entirely overcome him.
 Some pipes full of opium lay upon the table. Fix slipped one into
 Passepartoutâ€™s hand. He took it, put it between his lips, lit it,
 drew several puffs, and his head, becoming heavy under the
 influence of the narcotic, fell upon the table.
 â€œAt last!â€ said Fix, seeing Passepartout unconscious. â€œMr. Fogg
 will not be informed of the Carnaticâ€™s departure; and, if he is, he
 will have to go without this cursed Frenchman!â€
 And, after paying his bill, Fix left the tavern.
 157
 C H A P T E R XX
 In which Fix comes face to face with Phileas Fogg
 HILE these events were passing at the opium-house, Mr. Fogg,
 unconscious of the da</t>
  </si>
  <si>
    <t>b'=\x13uB\xb8\xb2\x1dB\xae\xa4\xd3\\OY\r/-5\xab\xd8\x99\x7ft%\xb6XN\xf2S \x87J'</t>
  </si>
  <si>
    <t>3d137542b8b21d42aea4d35c4f590d2f2d35abd8997f7425b6584ef25320874a</t>
  </si>
  <si>
    <t>b'=\x13uB\xb8\xb2\x1dB\xae\xa4\xd3\\OY\r/'</t>
  </si>
  <si>
    <t>S Bulletin of the Institute for Classical Studies
CA Classical Antiquity
CAH2 Cambridge Ancient History. 2nd edn. 1961â€“
CEFR Collection de lâ€™EÂ´cole francÂ¸aise de Rome. 1976â€“
CIL Corpus Inscriptionum Latinarum. 1863â€“
CIS Corpus Inscriptionum Semiticarum. 1881â€“
C.Pap.Jud. Corpus Papyrorum Judaicarum. 1957â€“64
CPh Classical Philology
CQ Classical Quarterly
CRAI Comptes rendues de lâ€™AcadeÂ´mie des Inscriptions et Belles-lettres
CW Classical World
EchCl Echos du monde classique/Classical Views
EJ V. Ehrenberg and A. H. M. Jones. Documents Illustrating the Reigns of
Augustus and Tiberius. 2nd edn. 1976
FIRA S. Riccobono. Fontes Iuris Romani AnteIustiniani. 1941
FIRA7 Bruns, K. G. Fontes Iuris Romani Antiqui (7th edn. by O. Gradenwitz).
1909
FHG C. MuÂ¨ller. Fragmenta Historicorum Graecorum. 1841â€“70
FGrH F. Jacoby. Die Fragmente der griechischen Historiker. 1923â€“
GRBS Greek, Roman and Byzantine Studies
HAE Hispania Antiqua Epigraphica
HSCP Harvard Studies in Classical Philology
HTR Harvard Theological Review
I. Ephesus H. Wankel, R. Merkelback, et al., eds. Die Inscriften von Ephesos. 1979â€“81
IAM Inscriptions antiques du Maroc
IG Inscriptiones Graecae. 1873â€“
IGLS Inscriptions grecques et latines de la Syrie
IGRR R. Cagnat. Inscriptiones Graecae ad Res Romanas Pertinentes. Paris. 1906â€“
27
ILA Inscriptions latines dâ€™Aquitaine
ILAfr Inscriptions latines dâ€™Afrique
ILCV Inscriptiones Latinae Christianae Veterae
ILS H. Dessau. Inscriptiones Latinae Selectae. Berlin. 1892â€“1916.
Inscr. It. Inscriptiones Italiae
IRC G. Fabre, M. Mayer, and I. Roda`. Inscriptions romaines de Catalogne. Paris.
1984â€“2002
IRT J. M. Reynolds and J. B. Ward-Perkins. The Inscriptions of Roman Tripolitania. Rome. 1952
JARCE Journal of the American Research Center in Egypt
JECS Journal of Early Christian Studies
JHS Journal of Hellenic Studies
JNG Jahrbuch fuÂ¨r Numismatik und Geldgeschichte
JRA Journal of Roman Archaeology
JRS Journal of Roman Studies
JTS Journal of Theological Studies
LR3 N. Lewis and M. Reinhold. Roman Civilization: Selected Readings. 3rd edn.
New York and Oxford. 1990
LTUR E. M. Steinby, ed. Lexicon Topographicum Urbis Romae. 6 vols. Rome.
1992â€“2002
MAMA Monumenta Asiae Minoris Antiquae. 1928â€“
MEFRA MeÂ´langes de lâ€™EÂ´cole FrancÂ¸aise de Rome
NC Numismatic Chronicle
NPNF Nicene and Post-Nicene Fathers
P.Amh. B. P. Grenfell and A. S. Hunt, eds. Amherst Papyri. London. 1900â€“1
Pap.Brux. Papyrologica Bruxellensia. Brussels. 1962â€“
P.Fam.Tebt. B. A. van Groningen. A Family Archive from Tebtunis. Pap.Lugd.Bat. VI.
Leiden. 1950
P.Panop.Beatty T. C. Skeat. Papyri from Panopolis in the Chester Beatty Library Dublin.
Chester Beatty Monographs I. Dublin. 1964
P.Bostra J. Gascou. UniteÂ´s administratives locales et fonctionnaires romains. In Eck
and MuÂ¨ller-Luckner 1999: 61â€“73
P.Cair. Isid. A. E. R. Boak and H. C. Youtie, eds. The Archive of Aurelius Isidorus in the
Egyptian Museum, Cairo, and the University of Michigan
P.Dura C. B. Welles et al., eds. The Excavations at Dura-Europos conducted by Yale
University and the French Academy of Inscriptions and Letters. Final Report 5
pt. 1: The Parchments and Papyri. 1959
P.Euphr. D. Feissel and J. Gascou. Documents dâ€™archives romains ineÂ´dits du Moyen
Euphrate (IIIe s. apre`s J.C.). Journal</t>
  </si>
  <si>
    <t>b'(\xd3s\xa1u\xc8\xa6^* \xe0\x0e\xfeS\\\x15i\xa2\x08\xec\xe9\x91\x0ct\xdc\x10\x15T`\x9d\x82\xbbC\xec!\xb7FD\x02\xa7\xd0A\xc5\xae.Kq\xeb4Y\xf6`\x181\x8a\xb2J\xb9\x1e\xc6.x\xa3\x11\xe7\xd6K\xd4\x87\xb7Q\x14\xf6x%\x12\xb3\x8d\x91gi\x1f\xbf=\xfb\x8e\xe1\xf2\x1f\x9c!\x9e(\x8d\xf4\x86\xa2\x1b\xcfV\xd6)\xd4\xc7\xa0\x02\xf5\x9f\xe64U\xa8\xcazQ&amp;S\x9b\x14t\xef\xa9\x844\x9f\x08Y\xc0\xf6\x83\x1a\x12\xba\xb2\xb9\xd6\x8b&lt;`V\xdae\xad\x02\x06kB\x83\x93\xe9~\x83\x06|w\x1b\x02 w\xc5\xfcY\xef\x0fMh?t\xeds\xa4:gLX\xafo=\xee\xee\xac\x96\x94\x9a\xd5\xcbJ\r3\xb1\xb4r\x0f\xe7\xd1\x07\x16\xea\x04\x1a\xfb\xd9\xe4\xcb\xd0%\xdd\x05{t\xd0\xd4\xa8\xdc\x91t\xa4&gt;o\xafA\xd5\xd6\x87\x91?T\x87\x08px\x05\xe5\x837\x1f9\x95n\xf4J\xcc\xe0K\xa8\xb8 \x99\x96t\xbd\x14\xdc\x03l!b\x12\xe2\xbeP\x85\x15_\xf0\x92\x1e%\xc5\xb9,\xdbNg\xbb\x89\x01\x19r\xc6\xf8J\xa3g\xb87\x01\x8e\x93\xab.\xe6u7\xe42]$8v\x88\xfa\xa36\xcb\xe8,\x17\xe8\xec8v\xff\xb3Szf*\xf7\xdam\xa6\xef}\xa7\xc1\xa1TF\xa6\xf2\xa0\xff\x1b:\t\xcb\nx\xb6\xeb\x94\xcd\xa5\xb6g\x0f\xc9\xf5-\x95\xb7\xaa\x97\xa8\x81u\xc2\x06A\xbe8\xe0\xe6Vk\xcb\x83\x7fS\xb0)\xa875=\x0bp~@\x98\xbe\x98\x84\xb6\xfa\xe5\xa4"\xf2\xb6\xfd\x16\xe3.\x19\x8f_\xdb\xda\x18\xa8\x98\xac\xc8YO\xfan\x9e\xcb\xd2?\xad\xc0R:\xae!\xcdZ\x02\xbde\xb5\xaf\xd6\xd2\x15i\x850\xe2\x99\xcd/\xbc\xdf\xc9\xbb!\xd80;\xecF\x197\xf2\x8d\xaf.\xf2\x85\x96&amp;y\xe3\x1c\xa9y\xc7XF\x82X\xe1\x06+$\x8e\xd7U_\x9b;c\xef\xd2\xd5\xf9\x0e.\xcc\xe4\xf1\xb8T.zH\x8b\xf5\xbf\xb8\xc9b\xd6g\xdc\x0e+#\xa4\xa5B\x15\x15V\x9dZ\x81\xc6\xb6\xe69\x90#&amp;\x8a[\x15\xa5\xbch\xe4&lt;\xcc\xb2\x1c\x0b\xb9\xfe\xe8\x0e`\xc3J\xf1q\xec\x0c\xce\xdc\xde7\x90=PN\x82\xfc\x84Q\xc3\xac\xe7\x9a\x02\xef\xbb\rWX\xf9\xda\xe6G\xe5i\x8f\x18u"\x9c\x9c`\xe0\x07\x84\xb8\xbd\xa9\xd0\xe5\xb1\x18\xe7\xf8\x8f\x85X\xc2\xce\x1a\xa8en,^\xdd\xe1\x87S\r\xed\x7f\xe5\xd1\xbe\xdb\x1e6\xdb\x97D\xaab0\xe3}\xa9{\xa6e\xe766+\xc7\xc8\x95\xc3\x90\xb7N\xa9@\x1e|\xc3;\t\xf0\xeb\x83J\xef\x1c\x98L\x80&gt;^.\x1d\xc7K\xdd:\xf4\xbb\x7f\xc9\xa8\x0f\xf3\x8d\x8a0\xe9\xdf\x14\xf3y\x0f\x19\x9c\xee\xa8\xfc+\x1b\xc2\xe8\x08\x07[\x8f\xc3\xe9Y\xcew\xfcI\x0bS\xfe\xe1\x1b\xfcP2h#\xb8\xd7t\x0c,\xaeC\xe6m\xb5\xb2y\xcc\xd2\xc6yO\xb1^Ra\xd0\xe6\xa2|pCa\x00s{/B&lt;HS~q_i\xec\xcd\xd0\x06R\x8e\x93?hGW\x06\xa8\x98?(L\\\xbc7\x8f\n\xf4[\xb2A\xd3\xce\xech\x9d\x985q\xfa\xef\x1e\xa3\xbcbI\x00\xd4\xa0y\xc3}\x18\'\xcen\x93\x90\x03\x1b\xea&amp;\xc8\xfa2\xf4]3@Nr\x82|\xf7\x13j\x18\xfdj\xed?PU\xb9\xcb\xd0\xe1\xa7\xdd\xda\x86i\xed\xd7\xbd\xc0\r \xe76\xb0\x07\xd0\xc6\\\xfaC\n\xdc6\x10\xbb\xf4\xedO%\xeaf\x8a\x19t\x08\x02\x95\xcfV\xb7-P4\xec-\xa3\xc5\x05\xad\xac=!\xa0\x06\xaa\xc3\xaa\xe02\xa6\xf1+\xad\x99\x01a6\x1e\xae\xc1$\xb5\xbd;H\xa7\x9b\xc4\x7f\xe7\xb3\xa9\xb6{l\xd5\x97\x95\xba\x87\xae\x83V\x8c\x8fx\xe20_\x9a!\x12J\xcc7\x1cm\x1b\xb0\x10\xdf\xf08\xd7 \xd7\xbb?\x05\x02\xe7\xc8~k\xeb1\xfd\xd4\xadK7\xc6\xb8\x16\x05y]bg\x9a\xa0{meg\xce\xfc\xe9\x93\x08\xcd2\x81\xafx\xe1\x87\x92ja\xb5\xa8S\'8V\xd6\x84B\x02b\x8fC\xd3v\x9bbn8k\x90\xb9\xd9\x80\xbb\xcf\xa70\xe0\xe4*\xa9\x99\x85*\xed\xbd}L\x9e\xff\xa3\x1e\xec\x9eh4\xe4\x9d\xed\xcf\\\x9a\x9cut9\xe5YQ\xe7\xff\xa2\x81X\xf4sL#$\xf5\xf9\x1d\xf6\xe0`\xcc\x1c\x83Iz\x8a\xb0\x9b\xfe\x82Asw-\x8c\xa1(\xbe\xe8\'\x1clX\xab\xd3oh\xc9\xae\xac\x0bF\x0f\xfe\x82\xdb\xf2?\xa5\xa1\\\x1b\xbfv\xac\xe5$2\'\x8eZZ;\xd7\xa0\xba\x9a\xda\x9d\x94\xb5@\xba\x0b\t3x\x98\x1e\n\xf8V\xe4\x05\xb6J\x1f\xc3-\xd7\xed8\xbe\xdeoBw\xcf\x90d\xf5\x19\x8eT\xca-\x0e\xe6\x8f\xbb\x87\xa7\xadx\xf9\x1f\xaf\xed\xcf2Q2\xa07p\xac0\xa4\xcd\x16\x9eU8\xd1\xa1\xec\x8fOT.\xb2\xedD)\xfbkZ\xfc\xbc&amp;\xdc\xc5\x8f\xfc2\xf1\xd8\x95\xdft\xf0\xef+\xac,\xf5e\x8c\xa0O\x0e\xf5\xd4t\xd4\x1aZ\xeeI\xda\xf5OX\x9c\x81\xd2\xfe\xb1k\x1dc\xce\xba\xcb\xff\x0b\xc8\x17o\xd4\xc1"z\xda\x90x\x03\xc4\xd3(\xf6\xa3\xc5X\xe7h\xa4FR%M\x86W\xd9\x91)\xf0\xd67\xd4\xd2\x19(\x82\xe4\x1fv\xed&amp;\xb7`\x94\xab\xd6\x13\xaf\xcd\x7f\xbaL\xac\x7f\x0c\xb1/7W \xa6\x8e\x9fA\xe5\x053b\xa7\xc3\x8c\x9f\xf0L%\xfc\x7f)\xeau\x07\x1dF\xf7w\xc2\xaf\xa5\xd0x/J\x95\x1d\xda\xa5\xe8\xf6\x1e\x84\xb9\x88d\xfb\xf6\xa8\xe2e\xd5\x0ep\xcbji\xe5\xdc\\\x9bh\x9c\xe4M\xb0\x05\x1e\xbaS\x11[\xf9T\xbb\x90\x0f\x8fEI\xe6\x04\xdc\x86v{\xecw\x17\x05A\t\xf3w\x8a{uk\xc3,\xf9\xeepy=\xc7$\xd39\xed\xc8\x80\xb6G\xc4/?\xad\x0c\xc9\xb56t\xcc\x1e\x87\x92\xd55\xa1\xe0\xc6hC\x0e\xf8\xe5,\x02\xa8\x95\x8e\xaa\xc9\xd2\xa9\xf2kH6\xf5\r\xaa\xab"a\x86m=U\xa9\x85\x9b\xa2\xafB\xa9qp\x16\x1f4x\xe5K\xe12\xb4\xbd\x9b$\xd7&amp;+\xb1p\xba\x90\x7f\xc3\xe1\xd7\x99\x85m\xc7\xdc\xa3s=\xd5\xedP]\xcdRw\xd6\xc9BU\xd44\x14\xa7\xca`N\xd1\xac\xa5\xa2\x8dbS&lt;\n\x0f|Y\x88\x86\x91^\x88\xd2\xc3\x8a\xb9\x07\xc2\x1c\xe2-\x98\x84L\xe6\xce\xc0\xacZH\xb1\xd7\x90zP\x81)\x13\xa6\xbf\x90\'\xfc\x12\xcb\x90F}\xf6\xc3\x88\xfb\x94\xa5\xc5B\xb0\x81\xd4`p\xdd\x037\xd82e\x981\xccN,O\xdf\xd7\x19P\xddg\x8e\xf4s=\xb8"en\x86\x9a\x04\x92bU)5\xb5\xd9\xbb8\xf5\x1b\xac\x1a\xeb\x87]\xd6\x87\xbf\xe0b`\xd9g\xfa\\\x83\xbfq\x07\xb7\x8a\xa9\xad\x80@\x92v\xf2\xd9E\xc0\xea\xaa\x98\xf6\x91YV\x8c\xd7^\x9e\x06j\xdb\xb2\xa4\x93\xd3-\xa4\x15#\x0b`\xaf\xc9\xdaC\x1fS\x94\xb87T\x1bS\xa2\xf0N\xcao\xfd\x93\xb9\xc6|\x8clD\x0b\xc7-K+\x9a\xa1\xc6\xe8\xf4\xccte\xc7D@\xc4\xe6\x9b\xae\x1a\xd7\t\xaf\x81\x7f\xa9\x1b\xda\xba)4\x05b@\xd6Lc,P\xd7\x15 \xef\xce\x88\xe1]\xc2\xe44\x9a\x9f\xaa\x98\x8dn\xb3H\xc3\x8a;\xb3\\\nM\x82\x95#!\x96\xa32\xf1\xbe\xe2\x05\xe5A\xad\xf7z\x92S\xad@\xe8\x81\xc7\xabI\x13\xb6X\x86\xbbu\xd2\xe1t\x9f\xc9;\x10\x8f\xee\xbb\xf2\x91Sw\x83\x92\xff\x96\x8a\xf4\x01\xd4P\x86\xf4\x8f\xdd.#&lt;\x058\x8c\x9cX@\xa6\x02\xef\xed\x0f"\x14\xde(\xd2&gt;\xf3S\xc9Pc\xa9m\xe9)\xe3^\xe1L\x0c\xe0h\xa9\xd3X\xd1\x1f\x0c\xc2\xdb\xbe@\xc0\xd6n_\x92\x17,\x01)5\xc0\x06\xc5\xc1\xad\xb1B&gt;\xf1\xac\x14\xeb\xcbjw\xd1\x12\x8c\x15h\xdbC\xc9\xfe\xfeagwv\'\xce\x94Ex\xa8\xf4\x84C\xa9\xc0\x19C\x03\xc9\xbe\xb8\x93\xac/&gt;\tYn\xfc\xab\xde\x8a?6\xf46ws{s\xf3r4\xfb5\xa3\x1f\xab\xc03\xad9\xd6\xce\x13Xo\xef\xfc\xc2A\x82L\xd0f\xaf\x9e\xf39\xc7\xf5(\x8f\xc8\xd8O\x95\xbf\x07vN\x813\x9f\xec\xd9T\t&amp;\xfb\xfd\xff\x94P\x1a\x0c\x8e\x05[$\xc1G\x0c "V?\xcc7\xf8@\xda\xbb;\x8e\x08m\xd2\x87d\xb4b |pr#8\xae\xcfQr\x06\xc0"O\xfe\x93\xaa\x97y\x9b\xb99\xf9\xd9\x9e#t\xd4/\xff{\x9dj\xf9A\x80\xd2\xd1\x87M+\x038\x88\x1f\xfe\xa9T\x88H\xc26\xd8H=\xcd\xdb\n\x93\xe6!\xb0\x8f\xea&lt;\xe8\xfb?\xfa\x9b\x94/\xca\xe4\xe3Z\xfc7:\x07\x8fs\xc8\xefh\xc6\x81\x1b\x80\x05l3Q\x04\xa4\xff\xba3\xaa\xc4\xaeQ\xa6\xf4\xfd\x05a\xcc\xf6\xf3\x11\xf0C*\xa98\xaf23\x16\x1c\xac*\x05\x8b\xce;\xdc&lt;\xbd\x90)OP\xa1\x07\xd7"\xa2\xbf\xc6m\xb8t"\xf1A\xb5\xf7*\x13F\xb2\xa5\xba:t\xc5\\\xdfj\xe6\xeb\x0e\xb3\x13\xea\xe9V\x8a\x84\x96\xe2[\'EU\x8eYX"\xf9\xa4\xa6a\xbb\xa6\xe0\x0e9mw6N|\x80o\xaay,L\x87K\x0c|\x07\xff\xb95!\xebi\xce\x1cv\xd3NG\xd1\xb5\xcdYD\xc2\xc2\x14\x10sw|\xbf$\xb8\xd3\xaa\xb8\x11\xf8\x14\xc8\xa6*&gt;\xdd\x94\xfe\x14\xb7\xd8\xfe\xb3\x8d\xf9\x99\xf2\xcc\xd5}\xbaXen@N+\x7f`\xf8\xb7\xbf\xe5\xd0\xacZ"\t\xdc}\xb4\x15\xc6\x9d\xcb&lt;\xe9!\x85cn\x13\xc7\xcd\xe6&gt;\x08\xd2\x87\xb2\xb7\x0797\xbe\x8b\x9a\x86}S\x12\xbd\x16\x99\xcf\xcc\xc0\x07\x9eM[m\xb8\x1b2\xeb\xfb-u\xb6\xa7\xccH\xccS\xce\xcd\x9c\xcbL\x0e\xb9\xcb,\x9dq\x7f\x90W\x8c&amp;\xc0\x82.\x870\xc1\xe0:\t\x9c\xae4\xf9\xc4#\xb3y4\x00\xa2~.s\xa4\xcd\x1bOk\xc1\xc9@\xdd9qe=\xce}\xc1\x0eG\x02\xe9W\xd2\x8f$\xc0I\x02\xf0Z;\x96\x07\xc1$w\x1a\xd5\xde\x97\x0e\x93G\xb8\x02\xf8-\xd6J\x06\xfa*|\xef\x8628\x9c\xba|\xebT\xbc/d\x97\xe3\xd7\x14b`\x8ep\xa7U\x08\xc6"\xce\xed\xf1\xf5N\xe6wJN\xee\xeai&amp;\x04\xd2L\xa5\xe4\xf4\x0e\x99?\xea VMy\xd2\xbe\xa0P4\xf0pV\x81."\xf4\x14\x1f\xeb\xdaSv\xc4\xdf\x12G\xf1V\xb8\x88\x81{\xd2\xf4\xef\x0fA\x96\x0f3\x89\xee\xc4K\x1dD\xe2\xad~0\x15\x9di&amp;\t\x11\xd2\xd9m\xd3&gt;\xe4k\xba\xf5ek#17\x0fJ\xb9;\x13{\xa0\x06W\xd2&amp;\xe1\xe1\xd0\x8b(\xd1\xe6\x81v]|\xa2\xc74\x06\xfe\x14U\x92\xf3k\x04\xb3\xe3\xcd\xb3\xe8S2\xa5=\x8a\xe1]\x8c\r\xe22\xdcK\x1a\xfb\x92]%\x9c\xe5\x7f.\xb0\xa5\xd0\x9a\xbd\xae}?D\xd5\xc5\xfc\xcdW\xbck\xe9\x93`\xb3nU\xd6m\xfd\xb2\xf2I\xaft\xc0\n\xe7\x1bT \t\x1f\x01\x8d\xd0\xb5\xfcA\x95H\x8d&gt;\x13\xc3\xf6x%ae5\x89i|L\x95\xd6J\xad\xb2\xe2G\x94)\xf1\xf3\xb3,\x9aG\x03\xdb\xd7\x83c\x94&amp;\xb0jI\xeb\xeb\xc3\x0c\xb9\x0coyV\xa9J\xe2\xa0\xb9Iy\xf3\x9dH\x9dYM\xadzt\xa2\xa9\xa4JZYN\xa3U\xa7 L\xc4V\xd9\xbc\x9c\x1b\xe7Ui\xec\x9b\xe2n\xa5\xc7o\x9c\xee\xa3\xdc\xb18o\xa1\xbbM$#\xf0\xb6Ver&lt;&amp;\xccdB\t&amp;"x\xe0\x95\t\x07\xfb\xd2\xa3\xbb\xa4\x89\xaf\xad2\x18\xfa\x02`\x18\x01eOpC\x1c\xc0\x0b\xbb\xbaU\xb3\x08\xe8`_C\x91\xe6&gt;\xc4iX@k\xf6v\xe2zf\xe0#\x11\x0f\x14O\xe8\xc6Gk\xd9\xe7\xc0\x96\x95\x8bR\x8f#\x8f\xe7\xbbrd\x8a[tj\xf2\x14\xb3\x8eKds\x83\x8d\xc2)3\xcf\x15\xf2\xb5\xee:\x9b\x1e\xe1\x9d\xbeK\xe8\x95\xfcr\x90\xd9\xbc\xf0Ej1\xbe\xd0~\x00\xf6\x00\xfb\xb7ZSC\xf7\xb7\xca\xb7\xd83\x83N\xe8\xaa\xf1\x1c\xef\xc8\x00\x06\x87\x82\x84ev\xdf\xa7\x14\x98\xeb\xf7\xb2\xed\x0b]\xb3\xf7\xd2\x08\xee^25\xda\x7f\x88\xeb\x7f\xaa2\x14\xa2R\xdf\x16\xa6\xd4\x87\xc7\x8b1\xf4\xc89d:I\xed&amp;\x19l\x01\xbe\x07\x9e\xcd\x1b\xa9\xf2\x15\xfcN\xd6P\xb0\xc8\x00\xba\xa9\xd7QDc\xcd\xd89B\xb4\x81L\x9c\xa7uLQ\xac-T5\xbd\xd3\x86\xe6\x84\x8e$2G\xc1\x8a#x\xc2\xc7\xf6\xe8\xc4Oy\xa9:\xc2\x0fm\xef\xbd\x827C\x1b\xe0\x99\xf9\x89&gt;/4a\xed\x14\xcem\x9c\x11\x982\x03\x837,\x8b,\xbem\xca\x9a\xd0f\x97\xebG\x7fG\xb97m\x0c\xec\xb8\xb4\xde\xe0\xc4\x9c^5jA\xe5:\x94\x18;:\x04B\xda\x03\x03;R\x1f\x94M\xb9\xa0f\xd7\xd2\r\xac&gt;\x86Wr\x01\xe4\x83\n\xa8\xda?\x85\x97\x1f\xad\xda\xd3\xcb\xea\xc0\x85nw\xec\xd1m\x1c\xb0\xa9\xe3\x87\xcd\x1d\xcah\xb3K\xff\xfc\xf1\xc5p\xde\x99OG\x8ew=\x01\x05\x153\xcb)\x16\x16\xf3\xb46,_\xd4\xd6\xd6\x13\n\xbb\x84\xfdg63\xfc\x0bt\xc1\x06\x84K\xa5\xc8\x85\xa5\x04\xc36\xa1\xc41 \xf7?EQ\x9e\x94\xb2\x81\xe6d\xc5\xabV\xecx\x04\xf3H@\x9a\x0e\x85\xbf"\xaf\x89\xa4\xe7s\xc3w\xa1.\x91\x15\x8emg\xf7\xb8~\x87\xb0Zl[\xae\x1a_b\xce\xbc\xdf\x81\xbfwS\x1e\xe4\xedN\xb1\xcbz\xbbs\x1f7\xd2_\xb3e&gt;\xaaIh\xc8eq\xe4\x95gzn0\x8c*\xa1S\x9a\xba\xbe:\xb6\xed\xa9\x96\x9b\x1d\x9ck\xfb'</t>
  </si>
  <si>
    <t>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</t>
  </si>
  <si>
    <t>b'(\xd3s\xa1u\xc8\xa6^* \xe0\x0e\xfeS\\\x15'</t>
  </si>
  <si>
    <t>er base, 62â€“64
 deciding on need for, 72
 entrepreneur spotlight, 73â€“75
 good and bad debt, 69â€“71
 for inventory, 64â€“65
 raising capital, 65â€“67
 sales vs. profits, 60â€“62
 Fused Hawaii, 63â€“64, 92â€“93
 G
 gateway product selection, 32â€“35, 167
 Giftology, 154
 giving
 to build relationships, 153â€“155
 of content to influencers, 88
 goals, planning through, 186â€“187
 The Gold, xxxviii, 134â€“135, 170â€“172
 good debt, 69â€“71
 Google, 25
 The Grind, xxxviiâ€“xxxviii, 165â€“169
 launch as part of, 105
 â€œstacking the deckâ€ during, 79â€“80
 growth, 119â€“132
 compounding, xxxiiiâ€“xxxiv
 continuing, 128â€“129
 entrepreneur spotlight, 130â€“132
 feedback in, 124â€“125
 increasing when slowed, 125â€“128
 legwork for, 121â€“123
 of Nested Naturals, 116â€“118
 The Growth, xxxviii, 169â€“170
 H
 happiness
 and money, 181â€“183
 while working hard, 18â€“19
 Happy Puppin, 40â€“41
 hard work
 for growth, 121â€“123
 involved in building and growing business, xxxii
 and taking care of yourself, 18â€“19
 Harris, Sam, 151
 Harryâ€™s Razors, 62
 Heinz, 174
 Herjavec, Robert, 64, 186
 Herman, Todd, 186
 high-energy visible (HEV) blue light, 34â€“35
 hiring, 178
 Honest Company, 150, 155, 175
 hot lists, 90, 92, 170
 Huffington, Arianna, 111
 I
 Icahn, Carl, 7, 8
 identity marketing, 9â€“12
 I Love Yoga Facebook page, 82
 incentives, for early sales, 94
 income, personal, 160â€“161, 171
 influence
 and revenue, 149â€“150
 of social media, 5
 influencers
 advertising via, 171
 building relationships with, 88
 buy-in of, 150
 customer acquisition with, 156â€“158
 effective marketing with, 131
 spokespeople vs., 155â€“156
 Instagram
 acquired by Facebook, 4
 audience-building with, 2, 84, 128
 finding audience on, 152
 Kylie Kardashian, 8
 rapid changes in, 86
 running video ads on, 126
 sponsoring influencers on, 157
 intellectual dark web, 151
 inventory
 first order of, 168
 funding for, 64â€“65
 and launch, 107â€“108
 maintaining, 53â€“55
 management of, when adding new products, 117
 running out of, 115
 trouble with, 39â€“40
 J
 Jenner, Kylie, 8
 Joe Rogan Experience, 121
 John, Daymond, 70, 112
 K
 Kabbage.com, 70
 Kardashian, Kim, 155
 Kardashian, Kylie, 8
 Kardashian, Robert, 155
 Kelloggâ€™s, 4, 30
 Kickstarter
 audience-building with, 136
 for funding, 67â€“69
 for product research, 31
 products launched on, 2, 105, 111â€“112
 Killian, Travis, 52â€“53
 Kimberly-Clark, 3, 4, 12
 Klingman, Jeremiah, 162â€“164
 Kylie Cosmetics, 8
 L
 large brands
 acquisition of small brands by, xxxiv
 difficulties associated with, 175
 opportunities for, 3â€“4
 launch, xxx, 99â€“118
 on Amazon, 105â€“107
 connecting with customers during, 108â€“112
 entrepreneur spotlight, 114â€“118
 and first-sale feeling, 100â€“101
 during The Gold, 170â€“171
 importance of early customers, 101â€“104
 and inventory, 107â€“108
 pace of, 104â€“105
 scheduling, 94â€“95
 of second product, 134â€“135
 timing of second product, 140
 Lavery, Cathryn, 110â€“112, 138
 Le Clos, Chad, 107
 Lee, Brian, 155
 Lee, Marvin, 95â€“97
 LegalZoom, 155
 life changes, as motivation, 190â€“191
 LinkedIn
 audience-building with, 84
 rapid changes in, 86
 listening, to customers, 127â€“128
 loans, bank, 70
 location, of potential customers, 37, 91, 150â€“152, 168
 loneliness, 14â€“15
 Lopez, Jennifer, 155
 Luna, 114
 M
 makeup bags, 139â€“140
 Marcus, Aubrey, xxvii, 119â€“121
 Marion, Joel, 147â€“148
 marketing, xxx
 on Amazon, 105â€“106
 as building a relationship, 148
 MarksDailyApple.com, 173
 MCT oil, 33â€“34
 media, mentions on, 162
 mentorship, 187â€“190
 message, associated with brand, 92â€“93
 metrics
 reliance on, 141
 vanity, 178â€“179
 MET-Rx bars, 4
 Michalowicz, Michael, 157
 micro-influencers
 for crowdfunding, 68â€“69
 power of, 158
 securing, prelaunch, 84â€“85</t>
  </si>
  <si>
    <t>b'V\xceV\xc2+\x0cC\xb6\x1b&gt;\x91W\xf3\x10R\xbf\xd1\x07\xead#\xb1\xf7\xd2\x85\xd8\xdd\x8aC\x11\x811\x19\x80\xacX\x983\nprC\xa4?\xc3\xf3\x08\x97\xdb\x89\x13pQ\x97\x91Z\x91\x1ad;:\x11\x1d\x04\x02\x95\xbfj\xc8w$\x90\xf9{P\xe6K\xfbm\xbc\xda})\x90\xa5+\xb7\xc8\xdb\xbcIfx\xb2\xbe\xc9\xb68c`\x94\xc786\x90\x96\xbb\x9f\x07Ox\xe2\x9e\xf06\xce\xc0&amp;p\xadzTS\xc3R\xce\xea\x08\x95\x1dg\xeazY\xa9^\xec\x19W\xae5\xc4I\x97eE%\xf5\xd8A\xbeS\x0c\x9d\xe0$r\xee\xdfD\x03\xa0\xf6c,\x03\'\x95\x12Z\xa4\xad\xfb"\x13\x84k\xd2\x7f6\r\xc8@\xff\xba\xc6\xf5\x83\xb2\x19\x06\xd8\xfc\xb4eI\x9d\xcbl\xf7b\x0e\x1b\xab\xa6\x1a\x06}\xf4aV%\xa2\xe2y\x17\x15\x9f\xf2\xabKVJt\xb4\x9f\xe6\xf8Fq:\r\xab\x06\x90%\x18\xa6\xb8!\xe4n\xe3_4\xd1g\xf5wJhb\xe1\x12\x95\x9epo\xf1\xf9C\xd0\xe66\xd8\xa1\xd8H\xb5\xe4\x19\xa9\x96\x9d\x02\x8f\xc5\xfck\xfdu\xab\r\xc1\x19a\xb1\xdf\x08\xe82\xaa_4v\xe6\x08\xcf\x7fW\x05\xcfd\xc8\x07\x9eWh\xa7\x0e\xae?\x8b#k\x99\xf6{IP\xe4b\xaf\xd7\x98\x1c\x17\xbd\xeb\x1a\x13\xfc,\xac\xb2\xbc\xb2\x0eO#k\x9c\x07\xbb\x0b\xeb\xe1\x1e\xcd\xac\x03c\xafm\x8bE,&gt;\x03#\x83\xc2\x90#&amp;&amp;\xa0\xbe\x96(\x14\x8a\xff}^\x88t\x93\x0c^\xb7\x92\x04!;\xfc\xe7\xf3\x942H%(0Q\\&lt;"R\xb8yj\xf3\xca\x0b\xf5\xd2v\xc0\x07\x0e\xa2&lt;\xa2\xa9\xb8]^\x98]pd\x0e\xdd\xe0\x1f\xc42\xe8^\xa2\x01\xd3\xe7\xffv\x13\x89&lt;\xc4\xfd\xc5\xcf\xae\x8d[\x0e7\xe7\x13|M\xce\x10\t\x10\xee\xd8?}\x1d\xe8?F\x1aYS&amp;@\xdd\x01\xbc\xa7\x1d\x1c\x17U\xa0W\x1d\xe5\xa7\xed\xbb\xae\xbd=\xa9\xe8\xd6Wc\xe9,"\t\x18\xb1\x1c\xa7\x0eQ\xd8\x10\xda\xfbX\x94\xb0&amp;\xeb+U\x15\xec\x1a\xfa\xc5\xa2\xed\xa7\xd7\x8b}\x86\x8a\x08\xd9\xcf~aS\xe5\x81%\xff\x9f+\x91\x8dd\x89r\x08N\x86NC\x80A]&lt;\xc4\x05j\xf6\xd6\x93\xa0\xba\rvO\x80\x168Q\xb1\x86n\x11\x8b\x10Q2Dn\xcc\xe0\x06 \xe5\xe7G\x95\xc2gb\xdd\xec_:b\xcf\x17\xf8!j\xb2c\x10\x03\x0b;\xef\x17\xb0\xc0=M\x0e?\'\x83\xaa\x9f\xc5\xe9\x186Dc\xf3\xe3*\x9f\x9coK\xf9\xb8m\x17\x88\x82[\xd0E\xba\x80E\xf2\xb4\xd5[r\xc3\xa8\x89S\xefR\x85]&gt;\xec\x82\x0b~\x08w\x07 \xc1\x08\xb0_\xeb\xdfV\x06\r}\xfe\x9e\x9e\xc9\x05\xc5ew\x96\xf8\xb5W|\xfc\xd7\xbf\x92)\x0f[\x0b\t\x80P/R\x8271\x1b\xad\x05\x89\x1dmv%\xfa\xb5\xd5\x8dP38M\xf1\xc1\xfd\x17\xf5\xe8\xa6v\x1a\x95\xbd[i\x89h o\xb7\x13\xc1\xe6\x84\x9dGc\x87i\x8c\xaa\xb2\x9b\x90y\x88\x8a\x1b\x82nS\xe6}\xc7\x11\xea\xad\xc0\x99c\x9c\xb5\x7f-\x1bpOSb\xe1$\x8a\xec\x83\x12e;\xb9y\x05\x8boG\xd4\x81\x8e\xbd\x14\xcbn\x8d\xab\x9d\x9e\xc8\x11H\xe2?\x00\x130\xc1c\xeeG\xb4z\x9e\xf9zy\x1e\xb4i\x1d2\xd5\xb8\x1bm\x91pL\x81\xc4\x10C\xbb\x9c\xa0~_Di\xf6Q\xa7&lt;\x84\xe3h\xf6\x81\xe3\xd6\x01d\x13v\x86\xead\x1f\xfe\xdei\xa6\x12\xd4\t\x07-\xba\x99=\xd1\x8f\xaaJ\x97\xf5J\xc44\x98\x86p\xc7\x04\x8d\xeb\xeck\xf3\xc2\x87N\xf9&lt;\xf2\x00\xc8$8.)\xa9\x1a\'m\xf1\x0f\x14\xf0\xe1\xbf\xb7+\x02\x04\x89\x95\x81\x03\xf6\x99\x9d\xd6!\xea\xfe\x98\xe2c\x03Fxh\xe4\x9e\xe2\x00En\xd6)\xa0u\xfd\x9e\xb6\xd1S\\\x82\xe8\xa9;(61t\xee+\x8a\xf4\xbd\x19*\xb0\x8f1\xd9\x9a\x1d\x93k\xc7\x93c\xecv4sp/\x04\xe0i\x9b\x1c8\xd0\x18:-8$A\x16\xbf4\xd3\x02\x03\xc6tPN&lt;\xcf\xec\x0c,}oN\xb4%\xd6\xeb\x19\xad\xa3&amp;\xa8&amp;P\xd6\xabAY\t8\xfbi\xb8\x00\xc3{(\xca_Q\xa4\xea5+j\x1d\x9e\xbe\xc8\x8b\x9aM&lt;!1\xd3\xf8l1\xbe8\x94O\x80\xea\xce\xccS\xbf\x11\xcc\xe0I\xe1\xd9&lt;\x8b3\x8a\xb2K\x92\xa7\x06\x80\xa5\xce\x1e\x1e\xff\xbb\xdb\xf46\xfd\x9a\xc6A\x83\x99\xc8\x12A\xad\xdaT\x08\xcd\x8c\x91\x8bq\xf5w\xbas!\xc7\x16\x94\x18q\x93&gt;\xb3.\xab\xb6\xa26`\xc9\x8euh\xea\x87\x8e\xc6\xcf\x19\xb5=\xf8\xdd\xa1Y\xff\x97}\x1c\xa8\xd2{\xfe\x98\xfe\xc7U\xdc" \xc6\xff\xd0"\xcb\x16f\xd2\x15V\x92\xb2W\xd9$r\xe0=5\xaa\xf6U8"\x81.B&gt;\x97\xf5 \xfb\xcd\xbeX\x8d\xb3G\x00\xe9\xb4\xad\x0f\xfa\xd3\xf6\xd6L\xf1\xc0-\xcb\x94\xfb\t\rM%\t\xed\xc2`0\x99\xdb\xb3\x0f#\xd1\xf9\xcb\xf6v\x08\xb4\x07\xc6\x90\x92\xd7M\x81/\xe3"\x83&gt;\xb1$\xf9\xf0\x06\xd0\x07uz&lt;\x8f\xfa\xed\xfc?#\xff\xb78\xc9\xcd\xcf\xac\xee\x01l\x91\xb5\xc4\xdc\xc0\x9b\x08J\xbe\xc6\x85\x8e\xd2\xe0\x12\x94\xa8\x94h,=\xbf\x04%\xc1\xff\x1b4\x9d\xde\x85\x83u5]\x87\\\xfcK&gt;%N\x86\xd6:\xe4;p:\xc3\x0b\x06\xd6h\xea\xb0Wn\x10\xf8qD\xd0\xf1\x8f\x0f\xb6-\x1c%\xcd5\xf9M\x95\x89\x15\x08k\x87$*\x95BJ\xc3\xe3\xf1\xbd\x0bz\xc8e\x07\x06\xde\xb9@\xdb\xcb\xe6\xcf\xe1\x01\xd1\xca\x85\x18\xab\x05g\xd7\xac\xe8\x84\x19N\xffN\x7fr\xde\xfe\\lI\xb5Et\x83\xc8\xdf&gt;\x935\x18\x90\x9bb\x7f^^kC\xa1\xc8\xbe\xa7\x83\xe3\xc2,7\xf2\xce\x86\x12\xc7\xa0PW\xf3\xd4\x08\xb2\x8d\x99\xb1\x07V\x85\xd6f#\x99 \x1c\x01\xfaK\xecVFmd*z\x8f\xcaM\xcb\xe1\xf1P06QoT\x8eT\xcc\x91\xcc\xa7Q\x1bQ\x0b\x96\'\x97\x89\x1cou\xedb\xa1\xeeD\xcbl \x99X\xa1K\xd4\x9c1z\xb02\x81i\xe6\xa1q\x1fW\xebk\xb4\xbd?\x1694\x89\xeen=\x06\xa2\xd4\xe0\xc0\xb34\x8e+]D\x88\xe7\xa1\xc8Q\xed\xab\xe5\x80iX\xf0\xd0\xb5\xa1y\x91\xb3\xc1\xb4\xf4&gt;\x19B\xbc\x8e\xa2f\xe6\x02$b\x16\xef\xe31{\x90=a\x04L\xbe\xe9\x97\xc0\x04\xc1\x0e2\xfdl\xa6&amp;Z&amp;\x93\x92u\xe2\x98\xb6z\xdc\x12\xe4\xeb\x91p\x8eR\xa9\xc8P/\x84\xe9~8\x99\xb6\x0f\xddB\x0bwY\x98\xe9Y\xad\xbd\xad\xda\xc9\x13F&gt;\x8d0\x8a\xb9\xa7\x90`?\xe7\xc5\xa5\xc5\xcd\xbb\xaeZt\x9b\x9f\xc7\x15\xb7w\x91\xbe\x89\xc2}\xf2\x12\xd5\x96\x16l\xce[\xa1\x9b\xdd-\xa4\xa7\x11\xa6\xd6D\x9b=\x7f\xc3\x9c\x12\xd3\x15\xb0\x87\xb0\xe8\x8b\x93\x0fAi\xc29\x1e\xfc\x92\x88\x16.\xd6\xf4i=\x96\xee\x03u\x8f\x84\x95Q^KwcS\x9f\xdc\xdcG\xbd\xcd\x81l\xd5\xd6\xd9\xd2v\xado\xe1\xe1\x1d9\xbf\x1c\xa6 U&gt;[\xe2\xb9\xa3C\x9e\x0b\t\xc4H\xe3\r6\xa4\x88p8\xe3L\xc0(Vrwb\x16\x06!\x88\xd2\xf5\x968\x8f\xc7\xaa\\T\xff\xe7\xf9\x8bl\xc3\x16\x0c}\x9d\xe7\xe5ez\x8c\xe8f)\x97\x98\xea\x02\xeb\x1b\xf9\x88;\xed\xcc\x9b\xc7\tq&lt;n\x0b\xb6P\xb5\xec\x1d\xaf\x0b\x96\xef\x83\x80y9|\xad\xa3\xfa(\x89\xe6L\xb0&gt;\x9fp\xa8p\xb30\x99vW*S\xa1DW\xd1\x07\xa5s\xb4=2_%f\xc81A\xd7jT\x8c\xe4\x03y0\xf4\xcf\xa4\x19\xd99 $\xca\xb4 \xbb\xa1\x98\xe0G\xc3\xde_\xae\xbe2\x9e\xfe[\xads\x02h\xc1-g\xd7\xb4M\xe6*\xbf\r\xf5+I\xfa\r\xc6\x85\x0f&amp;\xfc\x05`\x90\xb8\xe7\xb1\xbb\xe0F\x90\x9df\x02\xa6\x14\xa1\xbe7\xd99\t4f\x18!&lt;\xd5\x92(\x01\xb9\xe6\x93\x94vY\xa1\xd5\xc0\xf41Kd\xef0\x84w\x98Q~?\x10\x8c\\\x9cqx\x10\xfcr"\xad\xfe\xaf,Ozrd\x13\xbf\xa9V}\xc90s\xe8\x96oo\xd3+8Z\x8a\x1dy\xc5fd\xfb\xf8\x98o\xbfb\x0f\x88Fs\xb9^.\x11"\tU/2\xf5\x13\x95\xbba,S\xb6\x89\x12`\x8b\xaa\xe2\xa5\x14R\xb1~IY\xdd\xd5uX\xf37\x0e\xfb\x13.t\x8b\xf1f\xad\x08{\x95\x91\xe3\x1e\xd7\x1c\x0ew\xf88\x8dc3\ru-\x01\x15\x96?\\\xaf\xc4\x9da\rT\xbf\xff9u\xa6\x0c\xda \xf3\x87\xca*\x808\xad\x1b\x95\x12nX\x87\xbb$J[\xf5P\x0b\x0c\x03\x01\xfa\tMF\x06\x94\xf8\xf2Z\xe6\xf6`\xa9\xf1\xa2\xbal\xca\xf2\xbb=\xf3b\x1fF\x86\xfd#{\xe2:\x94mK0\xf9\x1a\x87\x87O\x9a\xf1\xf6vD\xdb3Z%\xfb\xfd\xe7\xd03U\x91\xc3`\xef\xc30(\x00\xab\x109\xf4-bY\xb6)b[\xd9\xa2r\xc3\xbdv\x8c\x12fZ\x8c\xea\xebO\xe7\x7f\xcd\x90)G\xec~\xcf\xfc\xad\xdb\xd8\x8a\xc9\x87\xdd\xe4\xc3\xd3\xf4\xba\xbc\xbc\x15*\xda\x0c\x88T\xf3\xe9\x94\xd5\x17\xa2\x8e\xd3\xc4\x1d\nH\xf5M\x9d\xf6\xf9\xd7R\xa03\x87\xc13Zb\x07\xbb\xc0\xad\x95?\xc1\xfb\x7f~\x12\x06m\xd6\x8ajHI\'\xd2\xd3\xfb\xf4\xeb\xf0\xfaV*=5[\xc2\x85\xc7h\xc2\xbb\x17\x89\r\xc6\xd5a\x0e\x98\x9dWI3\x8b\xb9\x18\x85\xae3\xe4\x83B\xdc\xe4tz\xb3\x1d|\xcazY\xe3u$\xb0\xbeczA\xee\xcc\xc5\xc9^\x0ck\x11\x1fx\xd5\xb9\x1c\xba\xdcu\xe0\xcfN\x056G\xfc\x7f\xa8a\x1f\x9e\xc2\xc8\xce\x8f\x1cD\xf9\x98\x8c\xf1oVo\xc7(\x0b\xde\xb1-\xb2\xbc\x04\xc9\xf6\x1b\xf0\xdd\x9d\xd0\x97\x1f.`\x9ec\xac\xb8\xe3S\x8dHe\xefrl]:y\x7f\x81\xdb\x031p\xf3\xc0MB\xe6\t\xf2\x1b#6\x9c\xe3\xb2/\x08\xc9k\xa7\x9c#7\x10P\xb4\xbd\xd4\x06\x9e\x87\xf7\xc1\xb1\xf5T\xe8\xd4\xb8=\x8bY\x81\xf2\xbc\x9a\x1d,\xb6\xf6\x9a=\xcae5\xa3n_+\x96\xcc\x19\xc4\x90\x87\x17\x8b\xb8\xad\x1c\xbak\xc5\x85\xc7 \x91&gt;!\xc5""\xb3\xe5&lt;\xa0y[LNd\x8eX n\xf2#H\xd5\x00\x1d\x89&amp;\xe7\x95\x1e\x86\xfe\xacB\xbd\xe0\x1c\xb3\xabllR\xb6P\xa1\xdd1A8d\xd4\x01\xcf\x90\x9a\xf3Q\xac\t\xdex\xb7\x7f\xab_%\x03)\xa9\xfb\x1d\xbc\xe9T0 #\xff\x0e\x81&gt;\x7fux;\x96\x8aa\xb6\xac\xb6\xf5\xb2\xf3\x8a\x11\xa3\x7f\x13m\x8c2\xe9\xdd\xc8\x80dk\xb79\x94t\xfb\xa7\xbb\xbf\x07\xe6-\x00,\x00\x07o8j\xba$&lt; 6\xbcU\xf1\xadk\x03\xe4\\J\xf4\x0f,\xf7\x18\t?\x18-\x04\x96n\xca\xb7\xbf\xcd\xf4\xc7d\xf0*\x0b\xe4\xfdK\xcd\x06A4\xca\x80\xa0X\x00\xcc\xabJ\x1d(\x02/\x93\xbc\xbc\xe1\xbcm\xce\x17\xe7\xb4\x90:\x1bkj \xb0A\x7fZ\xa7\xb9\x13\xc9\x8e2\xb1\xf92[\xa5\x05\xac\x1c\r\'\x17\xe8\x90\xeaY\xcfD8\x9d\x19+\xb5\x02\xf6W\x0c\x9d0\x91\xe8\xb8\xa5\x80\x0fi\x8ct\x99\x82zMB\x17\xcc&gt;\xb2\x86\xc2\x9bCL3\xf9,\xfc;\xd0]\x15\x05\xbf\xc4xdz\x1e\x911\x10\r\xc7\xba\x07\x80CC\xa9!\xf6\x17\r\xf7O\xe8\x00\xdd\'\x81\xb0*\xb5\xdcl\xd1\xda\xd3\xe7\xa4\xa5\x8ez\xa0\x04\xf6\xf7\x95\xacF\xfa}\x9at\x9a&lt;\x01\xd5\x00\xbb\x88\x17\x8d\xe5w\x19\x86\xbbU\xa1\x0b \xc9{*\xd3\x19XL\x1dUY*`j\xf8\xaat|jw\x1aM\x97\x15\xf9\xf7\xe0\xf4kM6\xae\xc67{S\x0f\xfe\x8d\x1d\\\x0c\xb9\xec\xbf\x85j\xfe\x84wC$\x05\x91\xca\x13\x0b\xac%\xde\xdf\xc0U\xf5\xe0\xc0\xd2\xf2\x1f\x00\xff=+CTaL\xe8\xa8~6\'_\x13\xd9\x82S\xcb\xd7\xbd\r\x9a\xca\xe94;\xe81-&lt;\xcc\x8e\x81x\x9d\xfe\xdc\x8e\xc7\x11\x10-\x8b\x8c\xd6,\xa5\x8f\xb1\xcd\xd9\xb8\x19\xf2\x94\xb2\xc3\xcf\xf7\x0f\xf4\xcb\xcf`&gt;|\xf0\x12\x0f\xcaN&gt;$M(!h\x9f}\x90\x9e/\xfe!\xa7\t\xab:`}T\xb7\xfe\xec\xfc\x04\xac\x7f\xbfJ\x13K\xfd\xf9\x18\x13\xfaTbq\x94\x85\xebc\x99\x16\xc29_\xe9)\xeccI\x06\xe4\xc8U\xe7\xd2l\x90\xe8\x90L\xd9\x82.\xcd\xf2!tG\xcd)[\xde\x00}\xd0\x96 \xa3\x96\xa2H\x9c\x00\xb8\xa8v\xf3\xf8\xf5\xa1&amp;\x0b\x82\xbe\xd8\xa4w\x98\xd5v\xff\xcd\x01\xf34\x1d\x15I\xa6\xc3\xf1\xe1_T\xb6\xf2\x87\xd1\xd4+C\x13\x1e\x95"\xa5w$\xe9\x1ba\xe2\x1e\xce\x81\xe1\xc4\xa0\xeeI^\xc9\xedtf\x81\xd8\xae\xb8\xa0\'\xd98=\xc4-\x99\x10P\x14z\xbc1\x94\x9c\xa0\x12\x9b\xa0-_\xeb\xd1\xe9wO\xcc\x98\xff5\xfbGk\xe0At\xa5\xa1\x0e\xb9U.]\xad\xb1\x9dJ\xfa\xd6\xbfM\xcbx\x0e\xb0&gt;\xc9\x0c\xa7o\xe8\xa0\x9d\xe95\xa1\x99^\xb2\xc3z\x16\xc7v\xb7\xcc~[\xa3\x90\xad\xa0\xd8V\xb8\xee\xfe\x9a\xbbt\xf4\x11\xb2K2\xe2\x1b\x82\n\x9e\xaf1U\xaeMT\xb4\xe7\x9a\xceF\xcb\x91z\xd3\xa6f\xe4\xf3\xfe"\xb7\xe9\x00M\xf5\x07D\xcd6\xc6\xe4n\xdb\xf4\xd4\xe1\x0c\xf0\xe5\xf2\xfdg\xde\r\x82\xab\x1b\xa8M\x89\xff\xcdbH\x9a\xfd\xc2\xc2h\x8d\xef\xac5\xee,\x1bo\x94\x7f/\xe0s\xf3\x83\xad\xc8\xb9\xccfx\xecP\xc5\xcf\xec\x9a\xc4\xd7\x8b\x86\xc0Qr\xa2\xfal_\x15\x99\xfb\x99\xf2\xc6.[\xae}\x14\x13\x90i\xa4\xb9Hb\xd1\xa1y\x8c\x0et\x9e\xd9\xe6`\xb5u/\xaa\x97p\xe9$3rd1\xe7\xae\x8a\xc4\x1a\xe2\xf1)]\xbc\xfd\xc5\x9d\xd9\xab\xc0\x89\xfb\xd9\\]\xfaL\xc6~\x18\xb5\x8a\xaa\x8a7\xf4\x1dg\xf2XW{\xf5GrzYq\xfa\xdb9\xbb\x16\x9e\xda\xf9\x81\x0f\x7f}\xc73\x98\xe8bh#\x86\ty\x94\x12K\xa0\xf7\xcd\x0c\x94\xdb\x18\xf3\xd0\xa9\xfc\xfb\'4\t\xaeMzYObV\xb6\xf5\xda\xd2/\x00;\xacAW\x11v\'\xe4d\t\xdeA\xfah\xf98\xe0\xde\x13\xb7\x0b\x8ez\x98\x0f\xc0\xf6\ro\x8a\xb5.n\xb0\x94\xc8\xc6^\x9cR\xbb\x03\xbc\xf7\x07\x90\x1b\x11\x07\x89\xa8\xf3d8\x07\xfe\xd4\xfe\x08\x0e\x90\xad\x94\x91\xc7\xfc\x88\xb89PG\xb0S\x9e\x8f\x83\xee/-\x93\xf3\x07T\x7fq\xa5\xf5\xcc\xfb\xa8_\xda\xd8!\x00\xc2_\xeaJ\xa0w\xed\x1f\xec\xd1/\x93+xq\xcdX\'\x93\xe49\xb8\xd6\x01))\xc3\'\x1d\xad!$\xe5\x01\x8b&gt;\x18s\xfa\x1c\xaeW?\xff\x0eE\x1fvs\xee\x94\xec|\xee\xa1{\xc5\xb9\xea%5\x92\xae\xb7\x9an\x0b-('</t>
  </si>
  <si>
    <t>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</t>
  </si>
  <si>
    <t>b'V\xceV\xc2+\x0cC\xb6\x1b&gt;\x91W\xf3\x10R\xbf'</t>
  </si>
  <si>
    <t>and at once the Winged Monkeys
caught the four travellers and Toto up in their arms and flew away with
them. As they passed over the hill the Hammerâ€“Heads yelled with
vexation, and shot their heads high in the air; but they could not reach
the Winged Monkeys, which carried Dorothy and her comrades safely
over the hill and set them down in the beautiful country of the
Quadlings.
"This is the last time you can summon us," said the leader to Dorothy;
"so goodâ€“bye and good luck to you."
115
"Goodâ€“bye, and thank you very much," returned the girl; and the
Monkeys rose into the air and were out of sight in a twinkling.
The country of the Quadlings seemed rich and happy. There was field
upon field of ripening grain, with wellâ€“paved roads running between,
and pretty rippling brooks with strong bridges across them. The fences
and houses and bridges were all painted bright red, just as they had been
painted yellow in the country of the Winkies and blue in the country of
the Munchkins. The Quadlings themselves, who were short and fat and
looked chubby and good natured, were dressed all in red, which showed
bright against the green grass and the yellowing grain.
The Monkeys had set them down near a farm house, and the four
travellers walked up to it and knocked at the door. It was opened by the
farmer's wife, and when Dorothy asked for something to eat the woman
gave them all a good dinner, with three kinds of cake and four kinds of
cookies, and a bowl of milk for Toto.
"How far is it to the Castle of Glinda?" asked the child.
"It is not a great way," answered the farmer's wife. "Take the road to the
South and you will soon reach it."
Thanking the good woman, they started afresh and walked by the fields
and across the pretty bridges until they saw before them a very beautiful
Castle. Before the gates were three young girls, dressed in handsome red
uniforms trimmed with gold braid; and as Dorothy approached one of
them said to her,
"Why have you come to the South Country?"
"To see the Good Witch who rules here," she answered. "Will you take
me to her?"
"Let me have your name and I will ask Glinda if she will receive you."
They told who they were, and the girl soldier went into the Castle. After a
few moments she came back to say that Dorothy and the others were to
be admitted at once.
116
CHAPTER 23. THE GOOD WITCH GRANTS
DOROTHY'S WISH
Before they went to see Glinda, however, they were taken to a room of
the Castle, where Dorothy washed her face and combed her hair, and the
Lion shook the dust out of his mane, and the Scarecrow patted himself
into his best shape, and the Woodman polished his tin and oiled his
joints.
When they were all quite presentable they followed the soldier girl into a
big room where the Witch Glinda sat upon a throne of rubies.
She was both beautiful and young to their eyes. Her hair was a rich red in
color and fell in flowing ringlets over her shoulders. Her dress was pure
white; but her eyes were blue, and they looked kindly upon the little girl.
"What can I do for you, my child?" she asked.
Dorothy told the Witch all her story; how the cyclone had brought her to
the Land of Oz, how she had found her companions, and of the
wonderful adventures they had met with.
"My greatest wish now," she added, "is to get back to Kansas, for Aunt
Em will surely think something dreadful has happened to me, and that
will make her put on mourning; and unless the crops are better this year
than they were last I am sure Uncle Henry cannot afford it."
Glinda leaned forward and ki</t>
  </si>
  <si>
    <t>b'H\xf3\x8a\xb4V]\x93\xb7\xe0\x8b\xa9/\xb6\xe1\xdf\x81x\xb0\x91^\x82RR\xdf\xcc\xdb\xb7\xe8X\xe2\xa4tp\x9b@\x8b\x8d\xa2\xf5\x9c\xe4C\xf7\x1b\x8a\xd2v1\xc8\xff\xf1yY\xc7U^\xf2/\x90\x19\x96\x87\x96\x86\x14!\x9d\x94\x891\x96\xaf,j\x14\xb2\xb6c\x1d\xbe\x02\xaeug.\xf6-X\xca%\xfc\x9b\x1a!\xa9mn\x0b\xebU\xc0G\xdc\'\xb3\xa4*\xa8\xb4\x97}\x12\x91,\xb9\x10^\xbd\xa7\xdd|\x10\x03{\x08\x03\xe0\xea\x05\xcf\x14!\x01\xa2\\\xda\xf0\xb8\xa3\xb1\xef\x97\xcb\xe6E\xbc\x07\xd1\xc9\xd9\x8be\x9aq\xcf:\x0bi\x8d\x847o\x03\xc7]x\x83?\xb8\xf0\\_\x96\xe23\xd9\x15M\xc5\x82n\x07xI\xfb\xc8{\xed\xba 0\xd3"f\',={\x86\x17\x95\x96\x7f\x7f\x03\xee\xee\xa5\xbc\x1e\x02\x1d\xaa"|Cr\xd2\x82\xc8*\x9b$F\xd8\xa99\x18\x9e\xc8\xcd\xda\xfd\xd7%\x0c"/\x13\\~^\x96fB}\xf7\xc68VU\xf8]\xba\xbc@\x04\xb1\x9e\xdc\xed5\xe2\xb7\xd3\x7f\xcb\xffI\xd3\xee\xa7\x8e[5\xe3\x17\xd7_1\x96\xa0\x85\x97kz\xf51E\xfe\xf0E\xaa]l\xe2y\x9a\xfd\xc1\xc9V\x19\x98\xa3@W\r\xe1\x95Z\x17\xa4R":\xddr\xd2h\x00IV9F&lt;\xd8\xec\x87F\xb3\x1a\xba\xd8\xaa\x10\xf8\x08\\\xed\xb5k\xf0\xa5\x87\x97\x11\xc0bM2\x8b\xc1\xe9\xcd\xcd1)\xbe0\xde\xf4\xac\x94\ti0\x194)P\xda\xdc\xc9\xf5?_S\x18\x91\xe4\x16J\xec\x8fUe\xb4;\xb6-\xb4-\x12\x80\xb4\x91\xc0@\xeaW\xb5\x984"\xe9/U\\x\xd9\x16\xf3\x7f\xe1\x14\xa1\xb0&gt;8I+O\xa76\x0e\xd5+\xc9K6\xfc\xfc\xe2\x10\x9bK\x1e9*&amp;\x17E\xe8R\x11y\xe5\xdbT~OW\x14\x91\x1dK?l\x0f\x87)r\x95\x05\x80\xd2\x8cn\xa08X\x8a\xb6\xa3\xd7\xf5\xd5g\xd2E\'S/\xf1v\xe5\x90Uw\r\xd0\xdb\xcc\xf85\x1e\x84\xda\xdb\x81\x9b\xee\x17/2.\xcc\x8d\xcb\x1e\xd7\xe4\xed&lt;\x84\xab\xf5\x05Y&lt; \x91d\xdf&gt;\xad$F|v\x9d\x85\\\xbcC\x1ej=\xef\xf1\xfc\xda\xe7\xbb\x1b\xc3;W\xab\x104\xf4\xef\xe0\xb1\x87\x1e\xcc\xc7\xe6\x05\x9b\xc9\x1d\x9b5\xca\t\x91\xed\x15!E=\xdd\xd9-\xd2\xcbkMB\xb9\xe9;\t\x0ef\xf8\x93\xe4#!r\xd6\r\xd1\xe1\x89S\x9b\x10Z\xd6\xb3\xa4\x9e.\xd4R\xbb?=\xed\xee\x84\xb6 \xdd,QL\'\xf2\xfc\xe4\x07\r\xbc!]}\x8am\x11\xd1)\t.!\xb6\x02a\xee3\xe1\xeb\xb5\xa1\xbe\xfa\x96;\xb8&lt;\x13k\xa8\xfbC\xfbG\xc2\xb0jP\xd5\xc8\xf64\x84\x85\x1f\x8e\xab\x7f\xc7%\tA\x1aO\xcc\xfb\x07\x08o\xf4\x06|s\x93:WL\x9e\xbd\xc6\xaf)Db4F\x02\x80f\xb4}\xd7\x18\xd3\xba[\xba\xf2R\xd2\xc6\x85\xe5\xae\x8f\x8e\x0f\xb0\xa1\x0e\xe1\xb2\x99\xc5\xcc\xbd\xa8\xdc\x19\xb7\xc3&lt;CLB\xbc\x90\x92\xc3J*\xb2\xa3\xd4\xe7\x06 \xdfY\x8bq}\xa7I\x19rT\xc9&amp;\x95L\x0f\xf0\x0c\x84\xcfrL\xaft\x7f\x110\x99\xce\x8e.-f\xb3\xbe\x0e\xb1H\x1c\xfa\x02\x1d\xc4\xf6V\xc8(2;x\xd6\x02\xf9\x9c\xf7\x0095\xb5\x93\xb7{\xd2\x9a\xce\xd2|%\n\xa2x\x9c\xdbD\xd0\xb6O\x08\xea\xa7qw\x82%\\_}/\xad|OO\x15\\\xa4\xe4\x9c\xc9\xbaA\xad\x96\xf8\x91\xdbA\x15\xab\r\xef\xb5\xc3\xe5\xe4z&gt;\xdc\x7fP\x1a\x83}\x9cn`*\xb5\xb1Is\xa7\x11\xd9\x82\xda\xe2]B\xdc\xa4\x8c\x80\x0by\xa91\xbc,Q1G\xef\xd1\x93\x88\xe7\xcfk\xd1Z\x05H\x85f\xb4\x883\xec\xd5\xff\x84\xcc\x80Ha\xcb\xee\x8f5x\xac\xf9\xd9$\x08\xad\x18d\xdb\x11A\xf6#a\x00Yx\xf08\x96{lY%m7\x7f4\xec\x86M\xb0\xa9\'\xe2\xf7k\x10G\xeb\xc6\xe6\xc8I\xd1!\x89~\xfc\x1f\xc57\x10#\x9c\xbe\xc3\x8b\xa1pv\x1e#tp\x9c+\x16\x02\xa8\xda6\x13M\xc1\x96\xdftM\xe4\xf0T,\xcd\xffs=\xa6\xc8\xc7\x823\xa6\xc6:\xf4&lt;\xc1\x14\xfe\rB!Rd\xc2`K\xf0\xe7O\xb8N\xfcC9O;\xca\x1a\x83\x04K\xf5\xff\x85\xd8\x7fo~P\x7f\x06\x07c:\x9f\x99\x90;\x00\x10O\xa1\xba\x14\x98\x9byt\xd8p\x1a\x0eTI\x16Y\xcff.\x1au\xf5\x89\x1d\xa7w\xa31\x9bLr\xd3\x83\xdcf\xc20\x90\xc4\x8d|8\x7fG\xa3\xb10\xb1\x8b\xa3\r\xd0`h\xc1\x90W\xf5W\xe7\x91:\xcd\xd8\x99\x08\x9e\xd1\x8c\xb2ruv\xe3&lt;i\x9d]\xb79/\xa8\x99;\xea\x9d?\xf7\x08\x8bv\xa6!\x9f^p\xe6z\x17t}\x7f2\xe1\x8f#\xc4\x95\x12\x9fM\xc9\xa3\x9ct\x1cEq\xb5-\x83pk&amp;\x8f\xaa3\x13\xbd\x8a6"\xad\xac\xf5&lt;.\xd9\xca\xc5j\x86\x9e\xcf\xce\x86\xfe\xf3\xfb\x83\xf5^\xbf\xcf\x02\xcd\xbc\xda1\xe0#\\\xb8j~k\x917/*\xd5\xc1\xed\xf7\xee7\x80Q\xf4\xdc\x99\xd7D)\xb0z:\x0e^\xf1\xe8i@\x04 \xc3\x03\x0e#&amp;\xdc?\x16pB\x8d\x91\xe4\xad\x11\xffk\xcc\x12\xa3+\xb1\x89\xd9\x96\xb0b\x8d\x84K\x103\xd9\xa7i(,\xf0$\x99{|\xe3*\xd0\x8bV~\xed\xee1jm\xf7\xb4\x13\x14\xf5o\xfb\xf7\x8e\x197(\x8d{\xeb\xea\xdf[\xee^I\xd8\xa2\x89yT\xae\x1b^\xf1\x19\xbb\x17\x8f\xdf\x1d\xe5@\x1a\xef\xe2\xbf.\xec8H\x0b\xbc\xd5\xfa\x01\xad"\x80\xe5\xa8P\x85\x97\xbbu\xaa]\xc1z\x10\xfa\xd5\xfbZ%`\xba\x1f\x98\xccj\xbf\x07\xd8&lt;\xe8\xac\x8a\xc5\x10\xb5\xfc\xf3\x94V*Q\x13\xe3\xab|Q\xfc\x07\xc3$\xc6q\xe4\x03\xf5\xabrL\x88\xce\x00\xa5[j\x19\xca\xf1\x0e\x8d_W\xf0\xd5\r\xa8\x16b\xb2\x84o ;\xf0\x1eW&amp;h\x82\xf6JfW;Gq\x182\xa3\xc6,\xf4Y\xf3.a_\xee\x991\x9cM7\xa063\xae*\xcf\xb9 \xbf\x0c_\x7f\x05\xba\xd1\xb6p\xa6\x8f\x91\xce\x80-\x1b\x10\x8b\x08s\xb5\xa1}}\x1b\xc2\xba\xc28\xc21Y%oW\x1c~7\xe5\x91\xa7\xe7\xec\xf4\xc4\xfa\x00\xe8k\xc0\xb06a^\x1a\xbb\xc4 \x90\xe6a\x00\x99\xcb\xce\x16\x92\x9cx]}\xd4\x01xo\r\xbdQ\xc5\xc2\\\xd3u\xec\xc6G\x0e\xdc\xad\xd0\x14\'\xfb\x1a\x08\xa6\xc8!\x8d\x9cIW\xda\x13\x94\xa7.|Y\x88\xb4PP\n\xe6\x84lsy[\x1d\x16M\x07\xfc\xb0\xd5r&gt;\xcc \xe5\xcf9\x83C+;\xacq\xb3[\xb3}I\xdf\x8c\x87\xdct\xbcV(\x02\xf0\xf2\x8a\rG^\x96&lt;\x98\x87\x0e\x18\x8bZx\x0c\xc5\xe3\xe2WLL\xbcM[\x06m\x16\x05\xc1\xf8\x7fbC\xeff\xcb\x11\x82\x075\xd7\xed\xb5\x94N\xef\x96G\xbf\xde\xdd\xdd\xa8\x1d\xe3\x94}\x02\x13D\xc4&lt;\xef\xe9\x1d;\xd48\x9d\xaaA\x9eL\x06_\x1c\xd5\x1f\xbe\xecq(xU\xc7\xc3\nt\x81a\x14\xf3Xx\xb5\x1du=U"I\xfc\xba\x1a\xc8a\x15\x88\x1azkb\x02rL\xfe\x0cTj&gt;\x0eq\x01\xdf\xa0\xf8\x8e2\x141\xca\xb7W\x8c\xe9;i\xe6\x1aj\x85\x87+s\xbd\xb5\xd1k\x84\xc8\xe7\xa0[\x7f,\x92\xd5\xac\x84\xe7 dWO\x04\x82\xd6\x99\x1b%\x0e\xa9\xb1\x9bu\x90\x7f\xba$\x86\x18\xc1\xeeA.4\x82\xc0\xd69)\xd9DTi\xf5\xa4\xfc\xbd\x8e\xa2(K\xa9r\xa3\x8b\x91&amp;K\x87\xe6\x9e\xce~C\xed\xd6w\xa6\xf2\xbb\x93\x14\xaf\x1d\x90\'\xb4\xc4\xffOly\'\xab\xf6v\x05\x93\x03\xc5\x15\xf8\x9b\xc7\x05\x1f\xc1\xe9\xee\xd2W\t]\xfa\xf9.\xe7\x0eN%\x15\xbet\x05\x87\x89f\xc9\xca\xc0\x14\x90$\x9a\xba\xebc\xaeh\x89]\x18\x18\xdf\x10\xd2\xfb\xc4\x95%\x05,\x90\xde\x85\xeeC\xe4j\x8d\xd1\xa1H\x13\xaa\xf9\x81\x14\x8f\xe9\xb4\xa9\x82\x9apo\xc7\xd4\xcb\'\xa9F\x85&lt;\xd5\x87yC\x19x\x00G\xbc\xf3\xd8H\x08\xdb\xf3\xcf\xfb\xaf\x00\x8em\xd3\x95\xfcpH(;j\xff~\x9c\x8c\x10\xbbN\xb1\xd6l\xef\xe2\x91+bZ\x8e\xc0.\xa7m3X\x9a\xf3\xa7&gt;\x98e\xaa\xc7\n]\xf5]6A\x88\xeb&gt;\xa5\x9f`\xca\x0e\t\xdf\xbaX/\xb7\xe3:\xd9\xdc\x89\xd9\xd9l3\xc3\xbc\x93\x95mU\xf1!\x90H\xf3k]\x89\xd7\xfd\xf4\xf5\xaa\x1f\xc7\xb4*\x02-\x88S\xff\xe3P\x04K\xe4\xf5\xf9\x1f\x7f/\x15\xde\x8c&lt;w6\xeb\x9e\xc9x=\x81i\x979|\x08~\xdb+\xb9\x85t\x96\xf3\xbd\xd9\x8aV\x913\x8d\x8e\xb4\x1dw.~\xe1\x9d\xb6\xdd=Gg\x94 \xebs\x07\x07,]M\xcb\xe3`*\xd3\x96\xcb\xe0\xa9+\xe4\x13\xfcR\xa4V\x95E\x89\x7f\xd1\xa6E3\xa9\xfc\xe4i]f#NcYd\xe7\x99\x8e\x94\xdc+\x06\xed!\xde\x066|\xef\x85-\xab\x8c\xf6f\x0b\x04b\xfc\xbd^m\xf0\x01\xa6\x0ci\x90\xef,\x11\xda\xcbt"&amp;\xdf\x02I\x8e\xe4#~\xf30\xe6\xe6?\x9e\x82\xdf\x90\xf0c\xb5Y\xe6\xfa\x85\x9f\xebZ(-\x02\xeen&gt;~ho\x9d\xff&gt;\xc4K\x02S2bZ\xf9\xe88\xf7\xb1\x9d2\xdd6\xc4^s\x14\x111\xe3\x92HQl\xcf\x06!\xa5]1&amp;.p\x84\xda\xcfq{\x02s\x02\xae\x90\xc7\x92.\xbeu\x1c\xc7\x103&lt;\xf1\xcb\x96\xc1\xd7\x1c\x84X\xdb\xdf\xe9\xf6\x07\xe4\xb5=?\\+\x91\xcf\xf5\x02B\x95\xa2\x92\xfc\x9fA\xfbNX^\'\xd3\x9d\x9fZ\x1f\x93+\xe4F\xc9(-\xdb\x8e\xceD\x02G\x9b\xb9l\x95`\x12\x8b\xe1\x83\xa7R\xc4A8.\x10\xc1\xa5\x88\xfb\x0e\x0b\x16k\x92zU8\xba\xf9\xb0\xad\xd9\x18\xcakP\xf8\xc4\xe9$\xdd\x03\x1e\x99\xa6\x08\x0f\x1a`\x1f\x90,+\xe4\x08y\x10\x97^[\xdf\x8d\xd8\x9c=\x0f$W\x869\xceLP\xed\xaa\xa8\x19\xb0f\x9bB4\xe3T\xb2SQ\x0e:\x1e\xd9n\xc4\xbd\x98T\x90&gt;,\x18\xc3\x07\xa5#\xe8\x96\x99C$Mh\x10\xd3\x81P\xb8QG\xc0ro\x88\xd6\x8c\xfc\xd0\x97\xda\x16\x84I\xa3\x17!\x89\xe1\x9f\xca\x1b\x1d\n\xcfJ-t\xaba\xc9\';\x12)\x05`_\x89\xcb%R"\xaf!1\xae\x1f\xfeOc\r\x0c\xd4_\x1e\x17 \xaa\x826\\j\xbet\x1f\x1f*P&lt;\xec\xd0n\xb1?\x1b?\xcc[\x98D\xf5\'$\x9f\xbbh\xa7\xc2\xa0\xb8\xbb\x02;o&lt;p{:6\xbb\xc4)\x14n\xd3hE\x8c\xda8Ut\xce\xf6\xd4\x9f"\x82\x98\x01\xfc\xf5\xd6\x18\x80\xe8\xd1\xa2\\\xb0\xf6\x99nk\x80\x03\x1c\xe9\xd7\x9a\x0eW\xf4F"&lt;8#*\xf1I\xfe\xba\xf3z\xde_\x1a\xa9\x16\x83\x01W&lt;\xac\x99\x92\xf6\x01 \xb8\x9f\xac\xe1G\x1a&lt;G\xb5\xcb\x1do\x1d%\x88L\x96\x98\xd1\x97\x0e\xe4\xf54\xf7\'\xda\xbc|\xe7\xaa\x81\xa6R&amp;"u\x06y\xeb\x87;\xa3\x87\xc6gBH\x9b\x03\xe7\xa2\n^q\xec\xc5SR\xd0\x85\xe7\xf3\x08\xaa\xa1p\x04[\xfa\xbb\x8e\xa8\xcc\xf5\xe0\xc9}:`,\x0c\x876\xdf\x0f\x0cu\xb2\xa5&lt;\xbcZ\x99\n\xaaf\xef4\xa9\x0es\xce\x81c\x88\xc1Q\xbcy5\x80\xe6~\xd8\x0bz\'\xdc\x107\xf6\xe7h\x87\x81&lt;\x84\xf6\xa8\x92\x0c\x8b\nl\xc3\xbdE\x98=\xd59\xb2\'\xe5\xb3\x83\x86\x1c!Q`0\xc1\xe6\xc0\x93\xeb\xcc~\xed\x12\xd6\xeb|\xa4\x1d\xe4Pb\x05\x0e\x9a/\x90*c\xba\xdbE\xec\x9f\xc1\xb7\x8c\x84\xea\xac\t\xe3\x92\xda\xb0-^8\xb3&gt;\x81\xf5\xaf/;\xf9\x19x\xdd\xaa\x18\x01\xf3\x1e+\xae\xc1\xa5\x1d\x16\x19\xea\t\x1bt$\xb2\xaf\t+\x0f\x96\xa2x,0@\x97\xc4\xf0\xb8YJ\x0e\xf8\xf6\x1e\xbbb\xaf.\xdfb\xfe= \xff\xf6r\\\xa5\x9fu$YA\x01J?3V\xaa\x1b\xe6\xfcOv\xf0\t\x96\x91Lh71H\xcah\x15\xf4\x0c\x18yj\xae\xe4\x8d#gRu\xedi:jZ\xbd\xfa\x1c\xbb\xe8&lt;\x93\x8c\xb7\xff\xbd\xa4\x0b-\xef\xd3\xd5\x0b\xa4\xaag3P\xd8\x0c[\x11\xaa&gt;it\xe5\xe7R\x86\xfa&amp;\xc2\xbc\xde\xb3\\\x0f\xfd\xae\xc8S\x91x\xe5\xbeX\x9f\x1de\x19\xef\x9f\x9c\x91w\xe2O\x08P\xbf}_\x07\xce\x83F\'\xed}\xa8}\t\x89\x0c\x8b\xfa^\xa1\xb5@5\xc6\xa8\xf6V\xe3\x0f!\x82\x1d\xd1&gt;)V\x08C\x92\xbe1r\x0c\x17\x19\xb7\x95\xae\xa0\xd2\xd6\x86\xc2d\x80\xb9:-\x8e\x13r\xe9\x80h\xe9He\x04v\xa5\xces\x100\x1bFy\x95\x97Y}\x83dVC\xebD\xf2]b\xfd\x065\xaa\xc1\x1bW&lt;\xe2i\x9fm\xf8\xc9h\xf8o\xd88\xc5\x9fs\xbf&lt;\t.}y\xb1N\x86\x10qJd\xbe\x0f\xf3\xb7R\x14xq\xed\xef\x1f\xa0\xee\x08\x93\xfd^;\x90\xd1\xfbd\x87\xd2\xa7\xa6\xda\xcb\x14\xd6Nf\xc9\xf6\x8b\xf69\xcbn\x8er\xe8\xbc\xdfLT;\x08AJ&amp;\xcc\r:\x90\xc0\x99f\xa4\xb6\x8b\xea\x92\xaa|\xb4b[\xb8A\r\x90\xd4\x13\x80\x1b\x8f\xd2\x84\x13\xe9\xc7z\x80\xdeR&amp;\xda\xb6\xdb\x12\xb0\xc5\x10b\xb1\xa97\x0c=!E\xd23V6\x10#5\xbf\xfa6 62&amp;\xd9\xed\xcf\xc51\xb9\xcf\x1c\x82Mz\x08\xbb="vt\xe4e\x87\xe2\xed\xeeB\x85\\W\x86\xad\x92\xb1\xd1\xdb\xb88\x04\x0e\xf39\x01\xd4\x9aV\x8e\x91\x19Lv]\xf6\xc59\xde\x16\xf7\xdeV\x1b\xf6X\xd7\x84\x83:\xee\xdc.Zd\x9f\xc6\xa5\x18\rR\x90S\xfa\xd8\x10\xcd\xb7\xc1\xd2\x9d}\x10_&gt;\xcb\xc7)\xb0\x19\xc4\xf9\xc15|\xf4t\xa1\x04\xc9[\xe2@\xde\x85+P\xa4w\xc9\xa7.&gt;E\xa8\xea2U\xd3\x02/\x80\x07"\xa1\xe6w,\xb7\x1e\xad\xbe,\xe2t}\x8dR\xc1\'\x18~\xd8\xf3\xc2+\x16z\x1c\x0b\x02`\xa11V\xe0\x1e\x86\x82\x19\x94\xbd\r\xa3i-\x08A\x16T1\x19O\xfd\x0e\x8b\x029Wt\r\x83+KVZ|I\xf9\xc6g\xf8\xab&gt;\xe0\x01#-\x93\x89k\xba\xae\xefj\xe1\xda\x9bw\x08\x884\t\xc5\xa49w)J\x18\x08[\x11\x03\xdbU\xf1t\xf2\xdb\xa7vX\x08g)`\xc0\xd3#u\xd7k\x8a\xf0\xa9E\xba\x04P?\xc1\xa2\x0c\x95\x8d\xc7\xbe\x04\x94\xbb\x0b\xed\xc8\x90\x83m\xe3'</t>
  </si>
  <si>
    <t>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</t>
  </si>
  <si>
    <t>b'H\xf3\x8a\xb4V]\x93\xb7\xe0\x8b\xa9/\xb6\xe1\xdf\x81'</t>
  </si>
  <si>
    <t xml:space="preserve"> under discharge. If the voltage and resistance are plotted against time, the resulting graphs typically are a curve; the shape of the curve varies according to the chemistry and internal arrangement employed.
The voltage developed across a cellâ€™s terminals depends on the energy release of the chemical reactions of its electrodes and electrolyte. Alkaline and zincâ€“carbon cells have different chemistries, but approximately the same emf of 1.5 volts; likewise NiCd and NiMH cells have different chemistries, but approximately the same emf of 1.2 volts. The high electrochemical potential changes in the reactions of lithium compounds give lithium cells emfs of 3 volts or more.
Categories and Types of Batteries (Fig. 42)
List of battery types
Figure-42
From left to right : A large 4.5-volt (3R12) battery, a D Cell, a C cell, an AA cell, an AAA cell, an AAAA cell, an A23 battery, a 9-volt PP3 battery, and a pair of button cells (CR2032 and LR44).
  Basic Electronics
47
                 Batteries are classified into primary and secondary forms:
Â·Primary batteries irreversibly transform chemical energy to electrical energy. When the supply of reactants is exhausted, energy cannot be readily restored to the battery.
Â·Secondary batteries can be recharged; that is, they can have their chemical reactions reversed by supplying electrical energy to the cell, approximately restoring their original composition.
Some types of primary batteries used, for example, for telegraph circuits, were restored to operation by replacing the electrodes. Secondary batteries are not indefinitely rechargeable due to dissipation of the active materials, loss of electrolyte and internal corrosion.
2.6.1. Primary Batteries
Primary Cell
Primary batteries, or primary cells, can produce current immediately on assembly. These are most commonly used in portable devices that have low current drain, are used only intermittently, or are used well away from an alternative power source, such as in alarm and communication circuits where other electric power is only intermittently available. Disposable primary cells cannot be reliably recharged, since the chemical reactions are not easily reversible and active materials may not return to their original forms. Battery manufacturers recommend against attempting to recharge primary cells.
In general, these have higher energy densities than rechargeable batteries, but disposable batteries do not fare well under high-drain applications with loads under 75 ohms (75 mA).
Common types of disposable batteries include zincâ€“carbon batteries and alkaline.
2.6.2. Secondary Batteries
Main Article: Rechargeable Battery
Secondary batteries, also known as secondary cells, or rechargeable batteries, must be charged before first use; they are usually assembled with active materials in the discharged state. Rechargeable batteries are recharged by applying electric current, which reverses the chemical reactions that occur during discharge/use. Devices to supply the appropriate current are called chargers.
The oldest form of rechargeable battery is the leadâ€“acid battery. This technology contains liquid electrolyte in an unsealed container, requiring that the battery be kept upright and the area be well ventilated to ensure safe dispersal of the hydrogen gas it produces during overcharging. The leadâ€“acid battery is relatively heavy for the amount of electrical energy it can supply. Its low manufacturing cost and its high surge current levels make it common where its capacity (over approximately 10 Ah) is more important than weight and handling issues. A common application is the modern car battery, which can, in general, deliver a peak current of 450 amperes.
The sealed valve regulated leadâ€“acid battery (VRLA battery) is popular in the automotive industry as a replacement for the leadâ€“acid wet cell. The VRLA batte</t>
  </si>
  <si>
    <t>b'Z0\x9a\x80&lt;7.\x99\x8d\xfc\xea\xe0\xa5\x0f\xca\xeb\xcb\xd7\x0f9zV\xe4\x8c^`6\xa1\xf4\\\xed\xb2|0\xa87\xcd\x11m\x1a\x19I\x13\n\xb3Zko\xe2\xbe\xd5bl\xaaX\xb2\x92\x9c\x06\xc6\xf8t\xe9\xefM4\xe2\x02\xb7y\\\x9cm\xd4\xd2Pl\x9b\xe6\x83zZ\'\xf6\xe2\x8b \xbb\x10d\xd3Q\xa5\xb2\xd4x!\x1c\xf1dpm\xdaE\'\x96\xd7\x90l\x87\xbdN\x04\xba\xec?eZI\xb2\xf2\xc2\x02F-\xa1\x01\xe6\x87\xab\x15\xbe~?\x1fI\xd9X\x1f\xc0N\xb9\x85\x13\x10\xeb6,\xb8U\xc3~J\xe3p\xd4N\xdbb\xb4M\xbb\xb5\xe7\x8c\x83\xea\xf7\x90\x1b\x8b/\xd9\x0b\xd9\xa6\x90\xc1\xb6"!"\xf2\xfa\xa1\xb3\xb7E\x19\x85\xce\xf3\x1b#\n\xfc(\x10\n\xa9\x1a\xf4\x1a&amp;\x89\xb2r\x04\x7f\xa6\x05\xee\x94\xdf\x9e\xdf\xa6\x0b\xe9\xa3_Y\x95\xf9\xb0\xd7E\x15\xd3nM_\x8c\xee\xf1\xd9\x9fg\xd3\x05\xd2\xd4\x86\xdbw,\xab\t\x99\xb7n\xe3o\xdb\xc7&amp;bj\xe0\xe0\xd11V=\xa1\xa1S\x84\xb9\x0c\xb7\x84zb\x11\xec\x96\xbe\x14\x9fX\x19\xf3r-i\xf0\xcf\x89\xb0?\xde\xc1\xd8T\xf1\x81|\x88\xcchf\xba\x83s\x89\x0c\x9fsvd\xbb\x97I\xa2\xcb\x023\x83\x87\x985?\x81\xd0R\xb7\xf3\x88\xe0\x9a`\xa1\x1a\xd8\xfbKl\xd1\x12U O\x80\xcb/\x95\xb4\x87\xfco\nj\x9b\x95Q\xefM6?7lz\xb2\x04w\xb4?E\xadA\xb5\xcb\x8c\x15c\xbf\xfa\xe7l\xef u\xe2i\x1a\x17\xea\xe3\xa2\x0e&gt;\xc0\x1d\xec\xc2\xdcT\xc0\'\xe4l~\xbe\xda\x10\x08\xf3&lt;!&gt;\xb5\xfdNX\xc0R\x9e\xf4\xf6\x15CA\xd5+\x90\xf3T\xf0\xa9\xdc\xc7\xdbA/X+\x95&lt;#l\x05\xb5s\xb0\x8f\xaa\xa7\xbe\xdd\xc8\x1clv\xf6\xbd\x0c\xa0Y,\xa5\xfc\x81\xcc`\x049l\xf1\xeb\x90\x02\xe4\xd5\x93\\\xddgz\xc9\xa2\xfe!\xf5\xc9!\xe3"\xdd.\x9aB\xa56Tj\x1cn\xd8Y\xd7;\xb8\xf7W\x0b\x1d\xec\xf6\n\xd9\xf9\xd0\x12\x17\\N\x9c\x8c\xf8\xa5\x1edl\x0e|\x16H\x04\x80\xd26\x94\xd1;\xed\xa1e\xcc\r\x0c\xd4&lt;\xd2\xa6)`\x19-Jen\xba\xf3#\r\r\xcar~\xef3\xea\x05\x87\x1e;\x00\xe2\xed\x9b\xdd\xafU\xc6\xc9\xf4v\x05\xcc\xec\xbb\x99\x94w\xd4\xa04\xc2\xb7\r\x04d6\xaem\xb9\xd6M\xda\xf1\xac\x90\x12\xf9\xeb\x1f\xe5}~\x1a6\x81\xb30\x9ay\x11\t"\xbe\x07\xa6Rs\x01\xac\x0b\x1aa\x90\xbc\x1d\x89\x1c*Qs\xd4X\x1b+\x82\xf2/K\xa4\xec"u[\xa4\xf6\xc4\x8f\xaa\xf3\xc0:\x049\xfe\xd1\x8d\xa3\x0e\x0b\xf7\xd6\xac\xd6g\xc1\xf9\xcfk!\xa7@\xe4\r\x92\xe8\x00\xcd\xb2\xea\xaf&lt;\xde\x87\xac\xdd\x80\xd8\xbb\xad\xce!\x00\\\x1dq\x05/9@\xb4p%\xa0A\xff\xa4\xcc\x18\xa0@"\xf1{\x98\x86u\xe6@8\xedX\xea\xbaa\x86\xe8b\xf9\x07\xc3s-\xb7\xdc\xd3b\x1d\x1d\x98fE\x8d\xb2jc\x9fPa\x07\x9a\xf4\xcc\xb6\x98\xa9C9\t\xf0\x03\xd6\xac|YT\xbf\xfbvt\x96\x90\x96$\xeeX9\x91[%\xe1J\x98\x07\xbb\xb8\x18\xdc/\x0f\xd7\n\x1d(\\\x81`?\xeas\xd9\x9d%\x04\xd9\xea\xc7o\x89\xf5\xe3\xb9\t\xafJ\x13b#3)\xbb\\W\xc9\'O\xa5B\x02v8\xb6\xac\x88\xf1\x8f\x12\xef\xda6\xae\xe89\x02\x8e\xbe\xc8F\xf7a\xa4g\x8f\xfc\x94\x8e!\x8dT]K\x93\xb9S1\xcd&lt;-.G\xa5\xbc\x86\xd0V\x0e\xfe\xa4UG\xdet\xf4\xd5\xb0\x02\x93V\x83\x16\xd8\xa9\x1b\xdb\xba*~\x1dR\xc5\x9dT\n\xc2\xf3\x01\x97\x92\xd1a\xa1\xf6Jz\xfa\xe1\xa6{\xc7o\xab$Z)\xe1k\xa4z\xad#h\x01\xde@\xa7\xe1\xba2\xa0\xfe\xc9\x88\xca\x00\xda\xf7\xfb\x8a\xb6n\x9c\xef)\x9agQ\xf9\xbe\x15_]\xec\xe6w\xe2L\x05\x89V\x04\xf7 \x17\x87\xb4L.\xa6\xa9\x02$\xf1\xa0\xe9\xf5\xed\xaa\xe6b\x04\x8ag\x86 \xbc\xb7\t\xc9\x0c\x08#\xb9#\x8f\x02T\xaf4a\xe8m\x89[a\xef\x87\xf1\xd3\xafo\x942^iT\x9f\xde\x85\xbc\xc3\x9dS\xb5\xa96(\xc2[\xf0\x8b\xab\x8c#\xad\x16\xda\xda\xd2\xfa\x8f\x82A\xf9\xe0p\xc2\xe7\xb5\xeb{\xa7\xe5u\x1d\xae\xb2=\xb6\x87.\xbe\x95\x19n[\x17\x18\x1cQc\xcdS\x8c\xc7&lt;\xec\xbc?\xab\xad\xc7\x07c\xc5%\x85\xfc/tM\xc5\x9c\xadU\xd0\xed#\xcb\xaeg%\xea\xa5 J"\xa5f5\x1d\x9ch\xee\x00}\x9b\xa8)\n\xc7\x93\x05\x18^\x14&gt;\xc0\xf4q\xfa\x1c\xad\x03\xc7%\x9c\xfd\x04SU\xbd\xa0\xd4\xf7"\x06\xcaZ^\x9a+\x81AR~\x92]~\x0b\xc9\x1a\xe1\x08[\\+\xfd\x82A=\xa7y \xc9\xdaI\xe7\x02t\xaa\xb6co\xafb\xaf\xb1\x96FKX\xc2\xdc\x07\x9d\xa5\xe7S\x99\xdc3\xe0\xe9l)WP\xb8HO\xb7\xb9\x9d\x9bni\xd9\x18\x91-\xd9,G\x14\xc4\x1e\xa7=\xe7\x10R\xbc\x14\x01Z|\xd7:G\xe6\xde\x1b\xea\xa5\x92\xbak\xff\xca\x16\x81\xe6\x8a\xc4%\xfb\x16\t\x98\x82d&lt;\xfa\x8d\xf6\x8efj!+e\x1cU\x02\r\xaa}\xa7k\xc0\n\x9d\xa1\r\xd9f\xc7P\xbc\xe8\x04U-+\xd2\xf8O\xf2\x9e n)\xb4\xc0\x8bcE\x10\x19LE&lt;\xc4K&lt;#\x85\xdeV@Z\xe2\xd7Asmv\x1b\xeb\x01\xc9I\xc6S\xfa\xd1!\xf8k+\x7f\xf1\x05\xb8\x8b\x8c\rJs\x05\xd7k/un\x95\xd9H\t\x10\x91mu\x86\xd7RdB%\xf8\xd0x\xc5\xbd\xe8\xcep\xb3\x17\x9cNn\xbd\xad\xa1FQ\xaf4\x8b3\xb5\x80T?\xc8\xd7A\xa6\xe7*\xaab\xf0@ \t\xcck\x97\xb9\x82Vy\xc0BY\x9a\xc8\xca\x06\x9d\xff\xbe\xa8\xb2\xfbH\x94B\xf9\x08&gt;_\x93\x05\x88\x84\x04\xe6\xa7T\n\x04\xd6\xe4\xfb\x0fT&lt;m\x0c\xb2\x9d\x86\xd6v2\x7fe\r\x0c\x82X2/\x9a\xfbdt\x83\x96=\xd6\xa8\x1b\x0c\x87\'\xdb\x1d_5\x15\xe3\xc3M|\x82\xd5\x97w\xd8\xac\xed\xf0:,\x1f\xcd\xa7\xa28%\xfd\x85e\xc97\xa7\x1eT\xba\xf8\xb3\x86Ei\r\xc5\xa0oK\xb5j\x14\xe6\xd9?\xc2L0\x06\xff\'\x86n\xc2(cC+Y\xc1\x1eL=\x88\xed/q\xd1\x19S\xb8f\x8d\x85\xcd\xce\x03_\xdfv\x9c\xe1\n\xc0\xaf@\xaa\xd0K^\xc8Blmk\\VvZ\x14\xccf\xc0\x16\xe5\x18\xae*\x8f\xf97\x9b\xf1\xc3/W^\xd1\xc1\xc0\xa8.\x01w\xeaU\xac\x03\xc7\xba\xc1Fo\xdd\x9a\\\x10\x00\x01\x0c\x18!\xd2\xb1,\xf3K\xbf\xa2\xc3x(\xf6k\x1a\xb2\xcc\x0b\xad7\x0cl\x08\x8b\xb3|U\xfa\x8b\xdf\xe3\x8f\x8e\x01\x98X\xf3\'m\xeaY\xe4\xac\x02\x1b\x13\xf6\x9e\xc2\x02\xe8\xe2\x93Zd\x10ttL\x009\x84\x9b\xad\xaf\xbe\xc1\xe9\xec\x87\xee\x9d~\x19r\x89^\x901\xbe\xb0\xbe\xd42V\xbf\xd9\xa2D\xc3\xf2wyX\xd9:\xcb,\xcbp\xdc f\x18\x06\xebO\x99[\xea\xd8\x8a\x80\x1c\x15#f\xae\xd0jR\x92\xf7\xa8b\x9f\x14\xe5k\x9a]}\x8d\xc3\xabR\xf4\x0b\x9b2\xc0\\\xab\x8aA\xac\x18\xdb\x82\xfb\x9c|&gt;C\xaa\x1b"BU\xf1\x80\x061t\x03\xc2@T\x12kRPv6\xfd0\xc5\x86\xb8\xcb\xb0\x84\xe3\xc7"\xff\xc2\xed\x8a\xd6\xa7\x04H\xe8\xa1\x9d\xa7S\t\xaf\xd6\x94T}p\xeb\x90\x9f\xcf\x19\t\xa3\xe1\x0f\xb2\xab\x90\xf0R\xb4/\x80\x0b\xaf\xbdt&amp;dkP{s\xbf4d\\\x10\x94\xf9\xf3\xff\x0b\xd5{\x1c*\xec\xaf\xb2\x9d\xce\xfb\x7f\xb9\xbe\xcb\x19\xea\x8e\xe0U\x91\xb2\x81\x91\x9dKm\xde\xe2k(\xf9\xe7\xf5\xeb\xc3Om\x08\xf5\xf4\xf2\xf1B?\x11\xe8\x8ay\xa4+\xd5\xfep\x0f\xc0\xcfb\x7f\xf5[_\xca#2\xa6\xba\x04\xbd\xf2P\xe6S\xc0\x12\xc1\x06\x11\x14G\x03\xc3\x8du\xb6\xd7\xb3C*3\x15\xae\xe6&lt;_w\xae\xc6\xe66\t\xce\xf0/5\x86{aW\xd0\x923\x99\x85\x06\xd7\xa0\x18:4\x94\x12\xc4\xdd\xac%\xf3!\xad3\xe9\x98\xa3\xaf\x17h\xad\xcfQg\xc1\xa1\xe3\x83\x0f~\xbe\xd3\x87\x99a\xd8\x9c.\xb1\xd00#\x1e\x8a\xdew.\x82\xcfA\xad\xec\xf2\xe4A\x1fw\xac?\x1c*\'L\x99\xfb\x9c&lt;\xf8\xcf\x06=\xb8\xdcm\x18_\xb9 \xd5\x08\xb9c\xb7\x05\xbd\xb8M\xa3\xaf\xc7\xd84\x1f!`\xc5\xb4\xd4\x1fu\xdf\xafc\xe4I=\xd3\x05\xbb\n%T\xf8\xf7\xdc\x002|\xff\x91\xc5\xbb\x9b\t\xd8\xc6\xc5Y\xd8\x1cS\xdc\xcbS#;\x89\r\x05t\xaajR.\xe8\x94;\xa9Ft3\xcfrO&lt;\xc3#\xf1\xdc\x9fb\x06\x99\xf3I\x91\xdbi\xbd\xa2\x1fs\x1b/j\xdd\xa1\xd6\xd2&gt;\xec\xefT9\xaa\xc8\x9c\xae\xa5\xe8\xe3HH\xf0}\xa1)\x9b\x8c\xaaP\x9c\xe7\xfc\xfbP\xb3\x1a|\x19\x04\x89u^r\xdc\xff}\xffp.t\x04\xe1\x90\xcb\x8a\x8f9?\x15\xc0=\x13,=d\xd7%\x0b\xcf\xd7\xa89\xda.\x1fO!\xc9S\x7f\xd7\xefRsdOW\xd0\xd3)\xc9\x8d\xfdA\xa6k\x82\xc8[ &amp;.\xde2\xca\xe0s\xca\xdcd,\xdb\xff0\xf3U\xfb\xcd\xb2\xf7\xb3\x84\xa8\xfe\xec[\x82\x7f\xfb6\x8a\xa60\xe5i\x82\xe3\xd5\x968\xd0\xac\x06HA\x1fP\xb9\xed\xdc\x97\xd0hM\x9b\n$\x9d0}l\xfc\xcae)\xc0\xdd\xad2\r-8}__\xc7\xfeH\x8d%\xdc_Yt\x87\xe3\xa5Y7\x1b\x95\x12\x7fU\xcb\xa5\x94\nx\xf1\xccBm+\'J\xd0\xf7\x81\xf5\xe5\xbcbQ\xabm8Z\rL\xc0gp}r\x07\x17\x01\xcb\x94\xeeN\xde\x8ak\xdf\x94\xcfv\x92\x90\x7f\x9d\x02\x87;2\xe4\xa8\x9c\xdd\x7f\x80\x80=k\x8e\xfb\x00\xa9\xc0|\xfa\x8c\xc7\x8cA\xdd\xc0\xf7\xda\t&lt;%D\xbd\x12i\x12\x9f\x05\xf7p\xf4N\x0fl\xf6\xf9\xac(\xd6}fn\xf6\xbc\xdf=\xedd\xb6\x06\x9b6n1\xcb\x93\x1e\xa1\xc8\xe3g\xe2v\xbdv\xb5|\xfe\xdb\x08\xe3\x9a7\xe6\xf92\xec\xcc\x13\xad\xa6\xfd\xa3\x05\xb2\x0c\x1cO\xab\x12\xe5\xa4\x1e\xb1\xd1za\xf3k\xb5B\xfbM\xa0\xed\xfe\xfbgr\xa8\x08\x98\xea\xd3\x92\xad\xe4o\xf0z\xfbhn\xde\xdb\xd4\xe4sx\t\xd2\xff\xd8\xda~\xf0(\xa4\xd3\xe0&gt;\x06\x85\xa7\x9e\x18\x1a[\xda\x15\'+\xa1"\x1e\x93Zg}Yy\xd3\xf3^@\x825\x7f\xbd.\x87\x15_H\x13H\xe4yZV\x06z\xc1\x88\xde\x14\x9f\xe7\xf3D\x1a\xa5#\'\x9f :\xa9\x9au\r\xc0.F\x89\xe5\x99U\x8a\xd0\xf9\xccN\x89"\x03\xcaL\xcbC\r\xf3Y\x0e\xcf\xf2m\x0b\xcby \x85\xf1a\n\xed\xbf\xd1P\xf6\x80\x05qF\xcf\x83\xab\xcf\xc9J\x0e\xc88\x1b\xbe\x08\xf6\x9c\x1avGJ\x8f\xed\xc3\xda\x0e\xdf\x99\xb0\xa5\x9b;jD~\x98\x11T1_\xf5p\x11\x0c&lt;\x8da~$\xdcK\xd9^\x9fTW\x93Y\xc5Yg\x97\xb5\x03\xe7\x9b\xa9=t\xe6\xb0\x1c\xb3\xe7\xdb\xf7v\xfb\xf9R%1X\xa2\xddw\xf5D\x05\xb7\xa7\x01\x00y\xb9Y\x8f\x93\xc7"\xe7R\xca\xb7]\x0c\xb8\x94\xb8\xde\n\x1f\x9bh\x06\x99\x90B^\x89\xa7\xfd\xafc\xab-\xd7\t[\x16\x0b\xebM\x89jP\xc2\x91\xb9\xcaI\xe16\xee\xa9 ]\x89M]\xcf\xa9\xc0\xa7\x91\x06]\'\x1cG\x8a?_\xe3\xa8\xebG?F\x83\x9c\xe6\x87&amp;]z\xce\xc9\xa6q\xd8\xc8\xcc&amp;.\xba.\xae\x7f4V\xd2z\x08F\xe2\x18E\xb2\x07\xd6\x98\xc0\xe3\x91rm\xc3\xdbT\xf9\xf4\xe0:\xcc\x9c\x1d\xd8\xc5\xc6\x06\x82$\x00B\xd6\xec\xc4X\x0fr\x13c"\xda8\x8e\x86\xd8\xed\x12\xc9S\xff)C\xbc\xc3l\xe3=\xf2u\x93\xeeI\x1cM\x87\x14\x1e\t\xefXP\x1e\x0b\xe8\x9aTw\xbe\xe0\xcaTg\xb1Z\xe7\xe1ioF[b\x7f\x8ajT\t\xdd\x13n\x14&amp;A\xeb4\xfclN\x03\x8cs+fM\x9f1\xed\x16M{[\xbe)\x7f\x9e\xe2\'\xd6lc\xef\n\x15\xccn\xb7\xe5\n\xdfg*W\x19\xae\xdf\x91z\xec\x9e\x10\x8d\\\'\x8f\\\xb0\xf9\xef$P\xfd\xec\xbb\x1b\xc023Q@:62/6\x1c\x87\x02\xa8\xcaD\xddGkWI5\x86\xa9\x0c\xf6\xcd8\xdc\x10|\xfe/&amp;\x80\xb2\x0b\x95\xdd\x0bUzU\xd8c\xdd\xc6u\xc1vn\xcc\x05\x8fM\xb9\x17\xf6h\x9b\xe8Z\xd4\xear?\xd3\x18F\x8f\xd1\xdf\x08]B!\xbe\x8ar\xbeScm\x89\xbb\xc4\x08\xb5x\xd7\x10\xcb\x041\xa2\x8e\x16,4\xf1\xbc&amp;E\'\xe1M\xe0a\xa5\xa5r\xfd\xe8\xce\xd0\x06\xc3\xee\x9d%\xd3\xa2%\xd4\xf7{Q\x18\x9f\xa3{6\xd2#^BW\x18\x0f!\xces\x05\x1d\xd9\x04\x0f\xb8J\xab\x9c\x85pb_\x0bdu,\x95}~\xc5\xfasGoV^?\xf9V"\xa4;")\x13P\xad\xf7c\x13\xf1\xbd\xd3?\xfb\x8f/\xdb}\x7f\x80\xa9r\xe2\x99\x8fX\xd5K\xd3\x1c&lt;\xcb\x1f\xf3h\xf8o@!yC\x96\xf7*\x00\xeag\x938^+ \'\xea\xd1C\x8e\xfdO\x06Vf\xf4W\x1bY(B\\\xa9\xfce\x94\x95\xabM7\xf9,\xfa\xebb\x8c\xa6t\xf5&amp;9\x9c\x14\xb2o\xdf\t\xf2\xedQBHd\nW\xb9$`7G\xb7\x04\x17\xb5\x83\x88f\x83Z)\xe3&lt;\xa4\xd6\xcf\xe5\xd0\xd1\x03\x9c\x1d\xf3\x8bq+^_.F\xc2k\xba\xaf2\xf6\x83\xbfl\xc2a\xbbd6T\xb7\xe8\xad\xc8\xdeBV3\xd5\x9d\x08*\x86\x0c\xba\x01\x10\xd3R3#$\xb8\x8e\x99\x13i\xaeg3\xfd\xb5\x13\xe9f9\xff\x03h\xd7\x8e\xd3L\xe1\x93"=\xeb\xfaPY\x85\x8f\'\x8d\xe3\x88\x19\xca\xff\x01W\xde\xad8[a)\xd4\xd6\x98\x99\xe3\x18.\x94i\xa7\xdf|\xd6I\xd3|\xe6 \xf0HMJO\xe3\x8b\x8f\x97!\xafq#\x9d\xb1\xc5/O\x85]\x10\\\xb3\xcc\xaf\xd4\xe5\xee\x8b[\xc6\xba_\x16\xfe\xednJ\xd6\xf4\xb8\x12\xc5\x8f\xde\x9d\xc9\xd1\xbb\xd0\x8cn\x7f\x7f\x96\xecM\xaf\xdc$4\x1e`\x1cQK"&amp;\xd2\x98\xb7v\xea\xe8#\xd1\xf1L\x13|m\x93\x15\x01\xa6\xa6\xd5\x7f\xd7\x02\xc35\x86\x03\x1f\xcc\x98\x07m\xf0\x07\x8a\xec\x93"0\x9e"\x07\x9aS\xef\xf5i\x15Z\x15\r\x04r\x9bIneoHB\x89{\xd7\\\xe52\xdbO\x10Z\xa7v\xcb\x14\xbb\xfb[MR\xf1\xee\\\xc71\xbf\x92\x93\xf0W,\x8d\xb5\xec\xf14\x1b\xc6Qu0:\x1d\xa2\xfe\x9d\xc5\xc8\x93\x07\xaa~\x8fMhtk\x11`\xe5\xf0\x8b\x81Fe\x17m\x00i\xe9)\n\xd2\xech\x1a\xa8\xc0\x07\xd5\xcf\xc1\xb2\xa6K`\xaf1\xcd-&gt;\xac\xa0\x86-P\x1c\x0c\xb0z\xc3Q\x0f\x97\xacQ\xe7\x95\x8co\x9f\xaf\x92\xc5m\x96wlE\xfeO\xf3\x0b\x81\xd8\x0f\xbe\x14\xef\x1f\x07\xfaR6b\x16\x06\x13u=\x89\xc4Ks\xb0\xb2\xfbdGU\xfa\xb2w\xf3\xf8^\xf2\xb4\xa4\x82\xd3\xb7Y\xe9\x18L\xec\xdf\x9f^\x8e\x91[N\xe5\x92\xa4:\xf5Ra\x0c]:\x9f\xe2\xb6\xc2\t\xe5%\xa2c\xac\x91\x9b,\xb4\xbc\xd7^{\xee\x861\xe2\x9a\xcada\xccM\x93ng\xf7~\xfc\xd8+\x0eg\x85\xd6\xb6\xc7\xc6U\xae e\x126\xd6L`\xbcjk|\xa4\xd3\x0b\xe1;gQ\xc5\xef\xaf\xb2 \xec\x1c\xec,K\x01C\x9f\xf3\x87\x03&gt;\x92\xab\xa9\xda\x7fk\x92\xeeSY\xc9cx\xfaf\xeeY\x86F\xdf\x84\xeaO\xe80\x05\xef\xf28\xebcv\x1f\x995\xbc\x1f3\x15\xca\xaf\xcdb\xdf\xeeu6\x08\x0b\xaa\x02l\xfdL6\x10SO'</t>
  </si>
  <si>
    <t>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</t>
  </si>
  <si>
    <t>b'Z0\x9a\x80&lt;7.\x99\x8d\xfc\xea\xe0\xa5\x0f\xca\xeb'</t>
  </si>
  <si>
    <t>desiring she would be ready early in the morning, bade her good-night.
 'Good-night, madam,' said Emily, with a deep sigh, as the door closed
 upon her aunt, and she was left once more to her own sad reflections.
 For some time she sat so lost in thought, as to be wholly unconscious
 where she was; at length, raising her head, and looking round the room,
 its gloom and profound stillness awed her. She fixed her eyes on the
 door, through which her aunt had disappeared, and listened anxiously
 for some sound, that might relieve the deep dejection of her spirits; but it
 was past midnight, and all the family except the servant, who sat up for
 Montoni, had retired to bed. Her mind, long harassed by distress, now
 yielded to imaginary terrors; she trembled to look into the obscurity of
 her spacious chamber, and feared she knew not what; a state of mind,
 which continued so long, that she would have called up Annette, her
 aunt's woman, had her fears permitted her to rise from her chair, and to
 cross the apartment.
 These melancholy illusions at length began to disperse, and she retired
 to her bed, not to sleep, for that was scarcely possible, but to try, at least,
 to quiet her disturbed fancy, and to collect strength of spirits sufficient to
 bear her through the scene of the approaching morning.
 258
 CHAPTER 5
 Dark power! with shudd'ring, meek submitted thought
 Be mine to read the visions old
 Which thy awak'ning bards have told,
 And, lest they meet my blasted view,
 Hold each strange tale devoutly true.
  COLLINS' ODE TO FEAR
 Emily was recalled from a kind of slumber, into which she had, at length,
 sunk, by a quick knocking at her chamber door. She started up in terror,
 for Montoni and Count Morano instantly came to her mind; but, having
 listened in silence for some time, and recognizing the voice of Annette,
 she rose and opened the door. 'What brings you hither so early?' said
 Emily, trembling excessively. She was unable to support herself, and sat
 down on the bed.
 'Dear ma'amselle!' said Annette, 'do not look so pale. I am quite
 frightened to see you. Here is a fine bustle below stairs, all the servants
 running to and fro, and none of them fast enough! Here is a bustle,
 indeed, all of a sudden, and nobody knows for what!'
 'Who is below besides them?' said Emily, 'Annette, do not trifle with me!'
 'Not for the world, ma'amselle, I would not trifle for the world; but one
 cannot help making one's remarks, and there is the Signor in such a
 bustle, as I never saw him before; and he has sent me to tell you, ma'am,
 to get ready immediately.'
 'Good God support me!' cried Emily, almost fainting, 'Count Morano is
 below, then!'
 'No, ma'amselle, he is not below that I know of,' replied Annette, 'only
 his excellenza sent me to desire you would get ready directly to leave
 Venice, for that the gondolas would be at the steps of the canal in a few
 minutes: but I must hurry back to my lady, who is just at her wits end,
 and knows not which way to turn for haste.'
 259
 'Explain, Annette, explain the meaning of all this before you go,' said
 Emily, so overcome with surprise and timid hope, that she had scarcely
 breath to speak.
 'Nay, ma'amselle, that is more than I can do. I only know that the Signor
 is just come home in a very ill humour, that he has had us all called out
 of our beds, and tells us we are all to leave Venice immediately.'
 'Is Count Mor</t>
  </si>
  <si>
    <t>b"\xd3 ~\xb0r\x95_\xc9\x9b\x1eo_.\xec\xf5\xe3\xe28_1\x1f\xe9)\r\xd6N\x0e\x17\xaez\xaa*\x83\x16)\xaa\x0f\x14\xd2\xe7\xab\xbbEk\xd3\x890\x8f\x08\xd5'\xbaTFHT\x07\x00\x81[^1!\xb0"</t>
  </si>
  <si>
    <t>d3207eb072955fc99b1e6f5f2eecf5e3e2385f311fe9290dd64e0e17ae7aaa2a831629aa0f14d2e7abbb456bd389308f08d527ba544648540700815b5e3121b0</t>
  </si>
  <si>
    <t>b'\xd3 ~\xb0r\x95_\xc9\x9b\x1eo_.\xec\xf5\xe3'</t>
  </si>
  <si>
    <t>etend
 they are too grown up."
 Captain Crewe had a splitting headache when he read this letter in his
 bungalow in India. The table before him was heaped with papers and
 letters which were alarming him and filling him with anxious dread, but
 he laughed as he had not laughed for weeks.
 "Oh," he said, "she's better fun every year she lives. God grant this
 business may right itself and leave me free to run home and see her.
 What wouldn't I give to have her little arms round my neck this minute!
 What WOULDN'T I give!"
 The birthday was to be celebrated by great festivities. The schoolroom
 was to be decorated, and there was to be a party. The boxes containing
 the presents were to be opened with great ceremony, and there was to be
 a glittering feast spread in Miss Minchin's sacred room. When the day
 arrived the whole house was in a whirl of excitement. How the morning
 passed nobody quite knew, because there seemed such preparations to
 be made. The schoolroom was being decked with garlands of holly; the
 48
 desks had been moved away, and red covers had been put on the forms
 which were arrayed round the room against the wall.
 When Sara went into her sitting room in the morning, she found on the
 table a small, dumpy package, tied up in a piece of brown paper. She
 knew it was a present, and she thought she could guess whom it came
 from. She opened it qui</t>
  </si>
  <si>
    <t>b"2\xed'\xd88\xa3\x18^"</t>
  </si>
  <si>
    <t>32ed27d838a3185e</t>
  </si>
  <si>
    <t>simple dress, gave a character to the scene entirely
 French.
 The front of the chateau, which, having a southern aspect, opened upon
 the grandeur of the mountains, was occupied on the ground floor by a
 rustic hall, and two excellent sitting rooms. The first floor, for the cottage
 had no second story, was laid out in bed-chambers, except one
 apartment that opened to a balcony, and which was generally used for a
 breakfast-room.
 In the surrounding ground, St. Aubert had made very tasteful
 improvements; yet, such was his attachment to objects he had
 remembered from his boyish days, that he had in some instances
 sacrificed taste to sentiment. There were two old larches that shaded the
 building, and interrupted the prospect; St. Aubert had sometimes
 declared that he believed he should have been weak enough to have wept
 at their fall. In addition to these larches he planted a little grove of beech,
 pine, and mountain-ash. On a lofty terrace, formed by the swelling bank
 of the river, rose a plantation of orange, lemon, and palm-trees, whose
 fruit, in the coolness of evening, breathed delicious fragrance. With these
 were mingled a few trees of other species. Here, under the ample shade
 of a plane-tree, that spread its majestic canopy towards the river, St.
 Aubert loved to sit in the fine evenings of summer, with his wife and
 children, watching, beneath its foliage, the setting sun, the mild
 splendour of its light fading from the distant landscape, ti</t>
  </si>
  <si>
    <t>b'\xc0\x8d\xc7\xdds\xd0\xe8\x1e\xd7\x8fu5\xb0\xba\x10\xf8\xacfL\xbeo\xe8Y\x8d\x1fA$\xd1w\xe6\xae\xda\xcd*\x9b\xa9\xf4x\x044KpG\xc8\xc5\xd3\x84\x0c5\x8d\xa9y\x9dr\xe7\xb0\xd0\xa3S\xbc\xed\xed\xc6v'</t>
  </si>
  <si>
    <t>c08dc7dd73d0e81ed78f7535b0ba10f8ac664cbe6fe8598d1f4124d177e6aedacd2a9ba9f47804344b7047c8c5d3840c358da9799d72e7b0d0a353bcededc676</t>
  </si>
  <si>
    <t>b'\xc0\x8d\xc7\xdds\xd0\xe8\x1e\xd7\x8fu5\xb0\xba\x10\xf8'</t>
  </si>
  <si>
    <t>f VBE: with VBE = VCC = 2.5 V, enor_x0002_mous currents flow into the transistor.
 Exercise Does the circuit operate better if a resistor is placed in series with the emitter of Q1?
 5.2.1 Simple Biasing
 Now consider the topology shown in Fig. 5.13, where the base is tied to VCC through
 a relatively large resistor, RB, so as to forward-bias the base-emitter junction. Our
 objective is to determine the terminal voltages and currents of Q1 and obtain the
 5.2 Operating Point Analysis and Design 179
 Q1
 VCC
 R
 I C
 Y
 R B
 I B
 X
 C
 Figure 5.13 Use of base resistance for base current path.
 conditions that ensure biasing in the active mode. How do we analyze this circuit?
 One can replace Q1 with its large-signal model and apply KVL and KCL, but the
 resulting nonlinear equation(s) yield little intuition. Instead, we recall that the base_x0002_emitter voltage in most cases falls in the range of 700 to 800 mV and can be
 considered relatively constant. Since the voltage drop across RB is equal to RBIB,
 we have
 RBIB + VBE = VCC (5.13)
 and hence
 IB = VCC âˆ’ VBE
 RB
 . (5.14)
 With the base current known, we write
 IC = Î²
 VCC âˆ’ VBE
 RB
 , (5.15)
 note that the voltage drop across RC is equal to RC IC , and hence obtain VCE as
 VCE = VCC âˆ’ RC IC (5.16)
 = VCC âˆ’ Î²
 VCC âˆ’ VBE
 RB
 RC . (5.17)
 Calculation of VCE is necessary as it reveals whether the device operates in the active mode
 or not. For example, to avoid saturation completely, we require the collector voltage to
 remain above the base voltage:
 VCC âˆ’ Î²
 VCC âˆ’ VBE
 RB
 RC &gt; VBE. (5.18)
 The circuit parameters can therefore be chosen so as to guarantee this condition.
 In summary, using the sequence IB â†’ IC â†’ VCE, we have computed the important
 terminal currents and voltages of Q1. While not particularly interesting here, the emitter
 current is simply equal to IC + IB.
 The reader may wonder about the error in the above calculations due to the assumption
 of a constant VBE in the range of 700 to 800 mV. An example clarifies this issue.
 Example
 5.7
 For the circuit shown in Fig. 5.14, determine the collector bias current. As_x0002_sume Î² = 100 and IS = 10âˆ’17 A. Verify that Q1 operates in the forward active
 region.
 180 Chap</t>
  </si>
  <si>
    <t>b'\xa1\x8dYl\x1e\x844\xbc\xa4x/\x8ek\x15\x96O'</t>
  </si>
  <si>
    <t>a18d596c1e8434bca4782f8e6b15964f</t>
  </si>
  <si>
    <t xml:space="preserve">he righthand bit again,
and did not venture to go near the house till she had brought herself down
to nine inches high.
CHAPTER VI.
Pig and Pepper
For a minute or two she stood looking at the house, and wondering what
to do next, when suddenly a footman in livery came running out of the
woodâ€”(she considered him to be a footman because he was in livery:
otherwise, judging by his face only, she would have called him a fish)â€”
and rapped loudly at the door with his knuckles. It was opened by another
footman in livery, with a round face, and large eyes like a frog; and both
footmen, Alice noticed, had powdered hair that curled all over their heads.
She felt very curious to know what it was all about, and crept a little way
out of the wood to </t>
  </si>
  <si>
    <t>b'\xce\x8e\xa6\x1d\xfe\xd07\xec3\x08\xd7Z;9\xce\x1c\x8b\\\xcc-u\xe2i\xb0\x82@dz\x03\x1c\x1c\xdd6\xf3\xfe\x06\x85\xe2\xa9CU\xe94\xca\x0ed\nI\x99\xc6\x12[\x8e*\x9e\x05\xf9QV=\xdcG\x1de\x8c\t/\x8b\x19\xd2w\x9b\xd8N%\xad\xfe\xa9\x9b\xfd\xba\x1f2T\xd9P\xf8\x0c\t\xef\x0e"P\xcd(\xc1\xbd\xb8\xe0G\xce\xa9\xed\xeb\xd7\xfap\x9c\xdf\xe9n\xd2\xab5\xe3U!\x0c+\x07\xb4\xbdF\xb7\xda\xc9\x83\xb2Q{ST\xb7\x03\x18s.,P`\x03\xed`\xb9\xbd\xea\x86C\x8a\xf7\xc5U\xf9h\xf7c~\xc26\x8d\xf0\xb4\x08J\t+x0\xd7\xcd\xad/\xe2uIa\x82\x0e\\\xdf\xcb&amp;\x1a\xc9\xb1\x97\x8f~W\xaa\xaaI\x10\xd0\xbc$\xe8eI\x99%\xeak\xce\x9c\x05v\xa31\xe2Qu\xf8v;;lRd\xccT\x9b?\xbc\xa6We9\xf5\xe9\xa2\x03\x84\x98\x8f\xf8\x08\xd6&lt;\xfb\x16\xe6\r\xd6\x9d\xd2\xd1\xa23\xb2\x19\x07\xbc\xe3\x83\xf1\xa2m\xd9bW\xff\x15\x81[&lt;\xbfS\x87\x96\xbe\xe3e\x96U\x8a\x1e\xea\xf0\x1a\xa3\xc4\x02\xf1\x8d\xec\\#\x86\xbe\xf5\n}V\xcc\xb2M\xa6\xd8\x95\xf4\xde\x7f\xc3Y\xb04\xa0\xe9O\x8es\xd7\r\x8d\x19\xc2.8\xb1\xb9\xadL\x1fk\xdf\x1cTgY (\xd7\xd6\x1a0*U\x11\xa1\xc3\x06\x84\xf9\x9e\xee}T\xa1Y\x8e\xfado\xfe\xca\xbf\x9b\x03[~\xaeT\x83\xbaun\xce\n\x06\x0b!FJ\xba\x05\xf8C\xd6^j\xf0\x0f^\xcc\xe5\xc4\x02\x165\xf7L\x0b\xd7~\xe5XC\xd8g\xc3\xdc\x07\x81\x96O\xd7\xdf\xaa\xd0\xfc&lt;\xa1~%v\xa7\x15jJ\x11\xafFj\xb96\xda\x90\xff\x82\x03Rf\xb1\xb8\x06&gt;G\xa0\x8b\xd5\x90\xd1\xf1\xfc\xd6\xa9\xfa\xf8\r!\x90\xc9\x07Z\xbb\x8c\x16&lt;\x1a\x95\x89c\xc83\xeb\xc7\xa0s\x1cR\xc6 \x86\x13\xba\x80\xd3\xcf\xf0&amp;\xdc4=2\x05\xda30H\xa0k5\xee-\'r\xc3\xe5\xa3AX)\xf2\x98\xf2\x0b\x1d\xa0\x9a{ol\x97\xaa\xbe \x10\xfe\xd2\xf2\xe6\xf4:!q6o\xda?\xb2\xce!hx\x1f\xf8;\xeb_\xcf9LH\x9e\x844\xd6U\x8a\x17!t\xfd\x11\x90\xb3\xbc\xad\xb4,;t\x92G\n\x05\x08t2o\x86\xb1\x7f\xbcrzR[]h\xf8\t\xf6E\xe6\x9cUXSQ\xf0\xe6r\x02\xcai7J\xc8\x14\xde\xea\x12\x80\xe1\x12\xc5M\xf6\x13\x08\xce\xd8\xd7\xc0\x96\xc2iz\x99\x93b\xec\xde\x81{\xbfcx}"T\xe9\xd5\x9d8~\xc4\x9389\x9b\xea\xeeV\x8a\xf2\x14i)\xd8\xf1\xd7\xa0:/\xe2*\x85\xd2\x08\x8eZ6\xe4:\xef\xfd\xcf3\xf7\xa8j\x7f\x0b\xb7\x02Un\xee\x07b\xe3\xb4\xf9\xb5h E\xf5\xcd\x166\xba\xd1\xf7k\xf9\xb7H/\xad\x89$\xde\x11\xd3\x03E\xc5+\xb5\xec:kj\xc0\xbf\x01?\'\xe2\x86\r\xa4\xb4\xf11\x97\x9d\xdc[\xee\x98\xdd\xa8\xb4q&amp;\x84e\x05g8\x7f\xf7,\x00\xe7.'</t>
  </si>
  <si>
    <t>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</t>
  </si>
  <si>
    <t>b'\xce\x8e\xa6\x1d\xfe\xd07\xec3\x08\xd7Z;9\xce\x1c'</t>
  </si>
  <si>
    <t>n.
 3. Improve on the competition
 Donâ€™t try to create a new market prematurely. The only way to know you have
 a real business is to start with an already existing customer, so you should build
 your company by improving on recognizable products already offered by
 successful competitors.
 4. Focus on product, not sales
 If your product requires advertising or salespeople to sell it, itâ€™s not good
 enough: technology is primarily about product development, not distribution.
 Bubble-era advertising was obviously wasteful, so the only sustainable growth
 is viral growth.
 These lessons have become dogma in the startup world; those who would ignore
 them are presumed to invite the justified</t>
  </si>
  <si>
    <t>b'iE\x93\xbbq\x1e\xc2y\'9\x00k\x84\xa1F\xb5\x03\xb9*0\x8f\x8eY\x11\xb0\n\x11\x84=\xbc\x16??\x01\xe3\x1d\xed\x9c\xf6\xaf\nsH\xdeC`d\xae\xcb\xdd\x7f\xa3\t\x1a\xb9\x12l\xb9\x96\x9e\xe0\xa5;\x01\xd6\xab\x1d\x02?\n\x89m\x19#\xb0@\xd2J/L\x04\x1cm\x1c\xaf\x06\xd4\x8e\xe51\xeb\xa5\xcf\x88\xb4\x9bx\x1c3\x01 \x9a\xfb\x86MF\xc5\xd0\'S\x10(\x96N\xe3\xf4v\xe4\x8f\xed)x&amp;)\x80\x9a5\xfb\xa6\x07\xef\xd8Z\x05\xb4\x90\x84\xd1\xc3\x12\xe5\x1c\xf2R\xf5?\xa1\xc9(\xe7\xe5S\xb9\te\x8bA\xde\x15\x99q\xd3\x00\x10\x98\xf2{\x16\x1d?L\xf4\xf8\xcc\'\x9d\xde\x1a\x81\x04\xb9\x18\x1d\x0eC\x8b\xe4\x1d\xcd\xed\na,\xb5_\xfa&lt;\xb2\x01a8\x87\x8fg \x10\xfe\x97"\xcdQ\xf0XK\xf3\xce\x8d\x14\x93\x14\xb3\x02\xa8\x06(R\x95\xba\xfd:]\xb8\x92\x12\x1f\xf2m\x89\x1a\xa4qw0K2\xb8\xe1\x1e1;e\xaa1\xa7\x05\x18\x08@-v\xffI\x9bVO1\x95\xbe\xc1\xf7]\x11\xbb\xbaA\xc0\xd1}Q\xb7\xabN+r\x11o\xbeQ\xa3\xbd\xb7\xc7\xa5&lt;\xfa\x8e\xa4,\xec\xc7k\x84W\x92\xf0\x1a4\xe8\x19\xd4)\xbd\xf5\xa0\xde2Pc\xdc\x96\x14]\x15\xfbR\xfd\x82\x17\xa7\x85\xe7z\r\xb2\xbf,\x12\xc0\xc9~q\xfe\xef\x82\xf1\xaa_\xcf\xcb\xff\x94\x1dsk\xf9/\x01\xa9@\x8blC\xeb\x9c\xe4\xc6\xdb\x82\xcc\x80\xedI\xb0\xe9wk\x1e\xfd\xe4bC:\\\xe9f&gt;\n\x10\xa2\xf4\x19i&lt;;\x93\xba\xaf\xd2\xbaR\xd4\x1e\xa7\x05\xa9\xf6q\xb8zf\x86Z"&gt;\xa9\x068\xab\x12\xcbN\xd0\xca\r\x14[\x8bK\x8f&amp;Z\x0c?I\xa1ra(\xc9\xcb\x14I\'\x01?\xf1\xe0\x86\xcf\xc6\x0c\xe6\x8bT\xd4,\x08\xbf0\xf0\x12\xebx\xdcn\xde\x84\xcb6\xa5a\xcb\x8b\x1di\t\xd7\xf6\x95\x94W@bq\xb3\x13\xf6\x03\xd2\x88\xa1\x01\x04&gt;\x01\x01O.\xb7\xa5h\xad\xe1D\xaa\xc9\xc6P\xad\xb3!\na\xcb\x02\xe6\xf3\x05V\xf7\x85\xb1\xb8\xd0&gt;\xd1ig\xbb\x95\xe7x\x11\xee\r\x08\xed\xa6\xdbZ\t\x94p\x8f+\xc4D\xaa]?\xad\xfc\xd50\xad\xe5z\xacJ\xb5e\n\xbc\x9a8\xd7\xd9nN%R\xb8\t\x1b\x826\x0fb\x92B\xfd\x9c\x8e\xacs\x08 \xc4~\x83\xe6\xde\x8e\xc0#G\xd9\xae&gt;&gt;M\xfb\xc9\xeb\x92&amp;\xb8#\x84\xbf\xc1\x88\xbe\t6|\x8b&lt;\xeb\x1c\xbd\x9f\x03\xafI4\xf8?\xd4_\xf0\xee\xef\x8e\xd5\x17\xde\xfa\x12\x82\x9b\xd7:1\x86\xdc\xd8\xac\x94{&gt;\xfbD\xca\xd9\xf6&lt;m\x1e\xa0\xd6\x96&gt;\x03\t\xa0&lt;\x04@\xe1\r\x00\x164\xfd\xd8\x8d\xb4\xfc\xfe\x95\xc7\x16\x9e|\xf2\x17\xeb\xae&amp;'</t>
  </si>
  <si>
    <t>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</t>
  </si>
  <si>
    <t>b"iE\x93\xbbq\x1e\xc2y'9\x00k\x84\xa1F\xb5"</t>
  </si>
  <si>
    <t>it takes.
 There are a few things that you can â€œturn upâ€ to increase sales, though.
 1. Use Amazonâ€™s pay-per-click platform. Amazon allows you to
 advertise within its own search results, which is extremely effective and
 expensive. You may have to spend more money acquiring the customer than
 you reap in profit, which means youâ€™ll be operating at a loss. However, youâ€™ll
 build your review machine, acquire new customers, and continue feeding the
 algorithm. In this case, itâ€™s better to take sales at zero profit than to take no
 sales at all.
 2. Run video ads on Facebook, Instagram, and YouTube. If you
 decide to go this route, I recommend starting with customer testimonials as
 your first test. You can never sell your product better than other customers
 can. Itâ€™s fast to test different messages and ads, so test several approaches
 until one of them clicks.
 3. Put attention back into building your community. Turn your
 attention away from sales and instead put it into your community. Go back to
 the customer and what they want. Go back to stacking the deck. You can do a
 â€œre-launchâ€ if you feel called to. The important thing is to return to
 interacting with your potential customers.
 I have a studentâ€”name withheld for reasons that are about to become
 obviousâ€”who is in the pet supplies business. He launched his first product
 and initially did well, but then he got stuck.
 Heâ€™s not his own target demographic, so he doesnâ€™t already know the
 answers to what his customers want. Thatâ€™s okay. You can get past that as
 long as youâ€™re willing to listen closely to your customers. But he stopped
 caring about the people behind his product, which was his brandâ€™s death
 sentence.
 He came to me and said, â€œIâ€™m stuck. How do I break out of this?â€
 â€œWhat are you doing now?â€ I asked.
 â€œIâ€™m focusing on reviews, I have a really good product, and Iâ€™m
 launching more products.â€
 â€œOkay,â€ I said. â€œWhere do your customers hang out so that we can
 advertise to them?â€
 â€œNo idea,â€ he said.
 â€œWell, you might want to start by figuring that out.â€
 He didnâ€™t know, and he didnâ€™t care that he didnâ€™t know. He just wanted to
 sell more stuff.
 Those people should be your sole focus as you sprint toward twenty-five
 sales and build your review machine. You want to know who those people
 are, where you can find them, how you can create the best products for them.
 Then, if they love your products and brand and the experience youâ€™ve
 created, maybe they will leave you a review.
 But, Ryan, What If Iâ€™ve Tried Everything and My
 Brand Still Doesnâ€™t Gain Traction?
 At this point, some of you are going to be saying, â€œBut Iâ€™ve done all of thatâ€”
 Iâ€™ve done all of the things, and Iâ€™ve done them wellâ€”and itâ€™s still failed to
 gain traction. Why, Ryan, why?â€
 Honestly, I canâ€™t tell you whyâ€”but your customers can.
 If you ask them, they will tell you. Reach out to your most active
 followers and customers and ask for feedback.
 â€œDo you want this? Would you buy this? Why or why not?â€ And then
 you need to listen.
 Iâ€™m working with a company right now, and I happen to be their target
 market, so they sent me their product: a low-calorie fruit powder. It tasted
 good, looked good, and should have been a good product. But, as a customer,
 I had a big problem: I didnâ€™t understand how to use their product. Itâ€™s not that
 I couldnâ€™t figure out the powder. I just had no idea when I would prefer to use
 this powder instead of regular, plain old fruit. (â€œStir it in yogurt!â€ Fruit. â€œAdd
 it to smoothies!â€ Frozen fruit. â€œJust add water!â€ U</t>
  </si>
  <si>
    <t>b'@\xb3\x95c\x13\x19\x9a`\xa8\xe1v)Je\xd4\xc3S\xbc\x9e\xb9\x8e\x91\x9b\x02E.w\x18\r\xe7+\x9f\x8f\x01A\x82&lt;\xddu\xac&lt;\xf4\xbe\x97\xbb\xcf\x90\xba\xac\x18\xee:3\x9am\r@L\xedM\xbf;\xf79\x9e?[\xcd\ri\xa1\xac\x89\x8b9\'\x8bA}qd\xce2\xd7\xb8!\xc0\xa4"05\x97\x9e\x1bd\xb4\xc3\x1b\xaf\xc7\r\xeeNw&gt;\xde(\xe6\x80dO&amp;\x9a\xcbP\xd2I?\xc7L\xdc\xcb\xc9p\xae\xe58\xcb\xec\xcfwr\x838G\xe5\xa9\x92\xd33[\xa9\xdf;\x93x\xb2$t\xe2\xce4Q\x1f\xfaG\x90\xba,]\x8f\xd6U2\x0b\x08\x95 \xf6j&gt;\xea\x81W\x01b\xf9\xb7,\xce\xd8Z\x8d\x9b\x9e\xaeq&amp;4\x86\t\xc7\xde\x03d\xb3\xe5x\xb8\x8b\xe5\xe8\'\xae%\xfb\xc1\xa6F\x9da5\xdf \xb6\xbd_a\x7fr\xa0\x90\xc9\xb2\xb9\xf0)o\x7f\xd0"!\x1fl\xe5\xc3\x0f&gt;/j(g\xe6\xa0\x98X@\x14\xac\xc2\x9by9@\x9f\x95T\x17\x85!D\x85\xfd\x12\xd3\x10zWI\x01\xb1\xcbG\xa3\xafrE\xa9\xc7.\x94\x97\x9a\xda\x00A&lt;\xcf\xcf\x97v\xd1\xc7\x9d\xba\x83\xdck\x9aou\x07^8\x8a NA\xbe\xf0\x1f\xd5}\x0f\x00\x12\xe1\xaf%\xf4T1\\s\xab\xeaw\x0c\xd9\xde\x18\xb8\xf5\x05hy;\xfax\xc1\xdd\x01dCr\xc7\xa0\xb1\xf6\xe1Q\x97\x071\xe0\xfcs7`EE\x93[\ryx\x13\x1e_\x02\x85\xb6\xf0w\xbc\xf1w\x8a\xa1Y\xd6|%\xc6\xb2/\xec\x00o\x13.\x9d\xbc\x8e\xc6\x9e2\xb5B\xadOx\xbe\xad\x81g\xe6\x0bm6\xfcE\x88\xf4m+\x7f\xe4%\x9f\xec\xdf\xe9\xaa\xb0\x0bw.\x8f\xe77\xf1\x97i\xb8c\xf0\n\x11\xc6\nU\xd3/\n-\x17\xcf0\x1f\xfc\x89\xe6z#\xb4t\x85.\x83=\x9ei\xfdh\x05\x8d\x92F\xbd\xd8\xff\xc5\xe7\xbblI\xcd$\x81\xfa\xa6\xf8D\t\xe7\xac\xca\xed\xb5e\x99\xa2\xb0\xa3p\x93\xab+\x9f:\xdeR[\xf4\xa1\x1f\xc2C8\xfcgJ\xf9\xdd\xdb\xc4&gt;\xf58\x17\x9bl\xee\xae\xf9U\xf2\xb4\x0e\xd0I\xba\xb5\xda\xec\x8e\x11\x16KCP\xd2\x95\x0c\x87\xa4\x99\x81\xe1{\xb4T\xde\xc8\x8c\xc4\x9cC\xde\x121m\x9c\xa5 \xae\x07\xa4\xbb,4\xf5D\xdd\xc0\x81\xff\xcc\xcc\xf1VL\xc1b\xb4\x80G\xa4\r(1\xa3\x16&gt;\xd8\xdd\x96\xa4y\x15%\'\x18\x11\xb1\x97\x88*y\xb1|\x06\xac\x17\xb4\xe6:d2\xbe\xe4]\x14\xcc&amp;\xc6\xcd\xa0\xf2\x1b\xe4V\xd4\xc5\x1d\x12&lt;D\xdb\x13\xf1\x89\xecS\xcf\xdc\x8a\xeb\xd3\x9e?\xa3\x06"\x9f\xe7\x03\xbf\xfaUp\xca\xd3\xcd\xef&amp;`7\xdf\xb2z\xaa9\x90\xd7J\x94\x17:\xc1~\xfa\xed\x08\x9d\xc7\xc8aF\xa5}Pc\xe7\x90\x96\x05\xd7\xc7\x84^\x97\x18\xf8MY\x92\x9c3\x9a7\xc9\xea\x0fp*2\xad\xedle\xb6\xef\x03\xac\xeb\x07\xcd\xd9,\xb5\xab\x16B\xd7(B\x95^\xe616}\x9d\xd8|g\xf8{\x1f\xaex;| +\x9a\x04\x1f\x1d7\xb1"t\xf7y\xe5K\x81^\x12\xb1\xf6\xe9!~\xb8\xa0\xaa\x80il\xf0\x10G\xf3\xda\x90X+\x15\x03\xd7\xb6\xfb=w\x84\x16\xa51\xf3\xa7\x9e\xd5\x16Q\xdbw\xfb\xf2\xb0\xb2\x86NQ\xd0\x88\'!\xb0\xaa\xa8\xd4I\xab\xb2\xf8\xc1c\x0b\x06\xa2\xd2\xabu7G\n\xa6\x07\xdb,!\r\x02\x94\x87\xf4\xd8v\xa6\xab\xd5%^nJ\xff\x02\xad\xdd\x06\x08\xa9q7\xb8\xf2\xc1\x83\xf0\x9b\xfb\x12\x8a\xaf\x91\xe1:\xc2\xb9\xa7:\xc5\x07r\xdb\xac\xac\xd6;\xf5)\xc1[\xe9+My"\xc9R\xc2\xe8$G\xa9&amp;]#d\xc0\x0b\xe2\xdfu7\\\xbd;\xeci\x18\x8d\xab\xd9\x89\xb5\xe4\'Q \x1c\x14\xc2\xacA\xdf\xfe\xc1g\xd4\x99\xf5\x00\x0fb\x05\xe2D\x02^3\x03\xd7J\xceO\xb7&amp;P\xde\xb0\x13\xb9g\xa8(\xe27\x0b\x9a\xda\xf1\x16"\x95\x1b\t\xaf\xc8\xca\xcd\xece\n\xe0\xe2i\x8d\xa6/7\x93\xac3}\x9d\xf4\x1b\xe8S\xca\x88\xbdz\x8d\xd90s\xa2;l\x9e\x85\xa4m\xbf\xbe\x95\xe3\xc1\x05\x05\xfd\xa2\xf0\xa5\x81\xeb\xb47Z1B\\[\xb8""\xa1\x887Vf\xa0\x13\xe1\xab\xd2\xd2;\nJF\xeb{I\x86\xa8\x19\x1ch\x97\x1d\xeb\xacp\x0b\xec\xa7\xc6.\x877;aP1\xfb\xabq\xe3s0\xdb\xb7\xc5M.j\xa9Q\xa7!rf.\x17\xc7\xc4%?\x82\x9c\xe6\x9a\xd5\xe7yU8\x16\xcb\xb0N\x0c\xfa\x88\xab1t\xd9\xe1QIo\xb9\xdd\x8b6\x930\xc7\xf2\xf6\x96iL\x13U\x02\x84~\x85\x9as\x00\xd9\xc0\x9fH\xdd\x15\xde\x84\xd0\x91^\x1c(\xafq\xdfL\xdc\x91\xfa\xb8fX\xb7\x1cv\xcf\xee\x11\xb4\xc5\x07Q?\xc2B\xa9\xe1\xd0i\xffB~\nL\x81\x08O\x9e\xc9\xdc\x99\xc5mL\xcb\xed\xf4\xfc\xc3\x15\xd5j\xa9&gt;\x1a\xbbD*\xb2j\xb4\xed\xbe\x87\xe3\xc8GOA3\xbf\x04\xb7\xda\xc8]\x90L\xcbf\xf66\x1f\x18,\xdcq9\x08 \xc7~\xa3\xf6`C\x9c\xa3\x19\x13\xb0\xa2\xe6\xd7\x02\xb56R\x12\x95\xfa\xa6\xfe\xb0+\xd6\xb9\xe0\xccA\xe1\xd0\xea\xeag\x8a4\xbc[\xe4\xbb\xcc\xb8\x8f\xd4\x19(\xd5\x1c\xef*\x85u$\x19\xa0\x08dV\x17&gt;\xd1\xce\xe76.\xd2\xb1\'\x0b*\xfa\x87W\x12\xaa\xa8=\xa3\xf1\x88S\x85\xc4\xafu\xdc\xbe\xff\xe4\xbc\xc9%\x17\x16Q\tY\x01\xa8\xa7M\xe6L*\x97\xca\xee\xe2\xb7S\x0e\x9b\xa9\xe8\xf1\xe7\x9d\xd4&gt;\xad\x0f\xd2\xf7\x14\x17\xff\x80 \xb3\xce}\x82e\xc6d\xb3\x16\x01\xdfH\xe3D\x7f\x0c\xef\x15\x87\xf7\t\xde\xba\xd8\x02\xbf\n\'#\x85\\P4\xf2\xca^\x17\x06z\xd1)f\xc7\x98c\x8bV@c\xa8Ua\xb7\x0b\x96I5\xf7\x07\x90\x9d\xf2\x99\xd6&gt;]\tx\xb5\xda\r9\xbb\x1d\xcb\x89\xa4\xfd\xe9n\x80\xe8f\x91\xec\x04\x89\xd1AX\x9c\xe4\xd2f\x1b\xa9&lt;?\xd6_b\xb1\xb8\xda\x0e*\x9a\x15s\xce_\xd3\rS.\xd2zXe\xcf\r\xecB\r\xb3\xc2\xac\xe7\xc486\xbd\x02\xbc\x01\xad[j=\xe9L_Z\xb4\xe4yo-\xdd&gt;\x0e\x1e\xa0\x10\xdf7\xa8rq\x1e*T4\xe2\x9d\xd4Q\x9d0\x94\x14\xd9\xfc\xeac\xa3[\xe1\x95\xb1\xec\xd0\\\\`\xe10\x9e\xda\x82\x0e\xfcZ\x8b4%)\x81c]7\xb0\xe7\x1a\xb1s\x1fn\xcd$5\r\xe9\xb7\xa7\xb9\xfd\xe97\xe1[f\xee\xdb(\x19g\r\x98\x16\xe7\x9a\x13\x90\x81\xdc\xa1\xef\xdf\xe30\xc8\xc0C)v\xbeP\x0f\xf6\xef\xe6\x82\xcb\xc5\x80E\xed4I\xb5\xaf}R\x81\x96\x00\xae\xa9\x8c\xaaFs\x1ek\xe1\xa1\x19\x19\x0f\xa5iQ\xe6&amp;M\x01\'\xab|v\xfd\xe4\xbc({\x0e\x0c\xe9/\xf7\xe6\x83\xb2\xdfM!\x0f\x9b:l&amp;\xb9\xce\xeb\x1aP-]\xa6\xe1\xff_\x18JK\xa8\xa9\xb8\xdcX\xa9\x0e\xfc%\xe4\x9d&lt;\xb4\xa9\xe9\xa2AW\x7f\xc6\x1c\xb5\x02\xa6\x0fE\x86\xa5\x88sq\x92\x89\xf4b\x90@\xf7\xe9\x81\xf7\xba\xb2\xfc\x93p^\xd1N\x1a\x9e\x828^\x07\x8b6(^\xf3\xb6\xea\xb6\xa3\xbcLC\x1bH\nO\x9e=(Re\xf2\x7f\xb0\x1b\xc5\xe3\xd9N\x941\x99\xf4gH\xf2#4m\x1cn\xf7EgF\x96\xd1Dv\\b\xdcL\x83\x08?\x82`M\x9f\x02\x1a\xc8\x7f\xb4)\x94o\xe9\\?{b\x1f\xd9\xa2\xb8BG\xd5\x92-v\x12#6\xd2\x1bG\xae6l\x93\xee\xed\x01\xca\xc9\xae\x02\xaeTm\x01\xb0J$\xb7\xb7\x93\xfb\xa7\xfaH\x9f\xdcq\x88\x95\x829\xda\xbf\xaa\x8c\x08\xc3\x0e\x03\x9a\xe8QG[\xac\xc1\xb3*{\xe8c\x80\x84\xe0\xdd\x1d)v\x08mTi\xc1ktq\xa0\xdf\x10+\xf7;\xad\x01r\xe5\xdb\xaf\x08p\xe2&amp;q\xb5\xec$\rMC\xa3\xf5\x81\xa1\xcf2%!\x1c\t\xfe\xbb\xa4u\xc1:\xf3gDu\xcdL\xb6\xcc%\x11R\xe4\xe1\xeaY\x85Q&amp;\xae\xbd3P\xa2\xd2\x12_%\x88\xbb\xb2\xe8\'p\x83\xd6\n\x87o\xb0Nz"\xc2\xee\xc6\x8fL\xe1\xd3*\x8c\xbe\xeec\xc9\rhy\xd2\'\x81\xcf/\xf1%\xa6A\x960&gt;k\x82\xa8\x0c=\x9b\x08P\xcf\xfd\x1a(wV=\xceb\x93\x06\xfa\x890-\x81C\xbeI3\xab\x16B\\*\xeb8\xc1BG\x19op(\xe2\xe2pO\x06 \xaa\x83\xbd\x13\xb3\x94\x0c\x8a\xa7W\xd2\x8d\x9e\xdb\xcaW|\xed\x97\xede\xa6\xd1\xc6n&lt;\xd1\xf5\xdb\xa7tn\xa1\xe5\xcc\xd5\x95\x99 %\xf6P\xa94\xa8\xaa)\x03\xc0\xc8(\xcb\x92&lt;h\x9bdk\xb5;\xd9\x81\xad\xber\x9eqij\x11\xe1~\x1e\xbec+\x86\xea\xe3\x00N\xb0\xc3\xa6\x11\xa6\xec-\xec]\x02L\xfeY\xfd;\xb6s\x8e\xbf\xbe\x04\x80wB\xe9\xbf\xc0\x8f\x84\x1b`9\xed\xc9\x9f\xfb\xd8Q\x9dQ\x13\x08S\x94\x13\xa9\x8e\xbeb\xa7v\x98\xc6M\xe1\xfd\xbey9\xe0\xd2h\xb8\xf9h\xc2Z\xc2\xf2?\xf3\x1f\xb1\xbbb}\x14i\xf2\xc8b\x1aa\t\xb2&lt;3\xdf\x1a\xf3\x87\x9bas\x8b\x1a_&gt;\xf9\xe3\x9e82.t&lt;\xd0\xbd\xc9Q52I\xb0\xa8\xcb\xd3m.F;\x88\x06\x8c\xf8\x82\xaa\xa2l \xe8\xa7\xae\x16O\t\xdd4\x904\xc1\x97\x10\x90\x87K\xdc\x07E\xfb\xbd\xb3\x0bF\xb9K\xe2\x85\x0b\xcf3SxVy\xcc\xb6\xd8\xfa\xb8\x1e\xcc`H2F\xdc\x85\xefY \x04\xa9\xc3\xab\x99\x1c\x06~\x9e\xf6%~1tu\x88\xd5\x84\'\xdeU\xbbVY\xa5#\xf8\x15-H\xab\xb7zZ\xb0\x13\xf2\xc9\\\xc0o\xe3H(3\x86\x1d\xab\xbdq=O/rC&gt;#$R\xa6+\x83\x02\x8f\xd3\xd7\r=\xfd\xb5\xfc\xd1l\x92\xa9`\xca\xcc\xcaTI)\x8b\xa0\xfc@Y\xa80\xa7\x8d\x03\x93%\xc2L\x8e\xde7\x81\x01z\xd3\x97\xe1h&gt;]-\x90\r\x01\x86\x06\xd1j%&gt;\xe4!Xi\x03X\xe2\xedC!\xe3U-\x07&amp; W\xd0{\'\x16\xc4m\xf7\xb2\x1dcz\xd4+)w,\xaf\xccT\x04y\xef;\x95\x9f\xcf\xd2\xeeS\x9a\xe6\x03\x99\xf9\xdf\x12d;\xd7\xdd\x83\xa2"\n7\x8b~\xa2\xb5tRN\xc0\xe7\xb8I ;\xc6v]";\xa4\xf2\x14\xcem\xe4G\x8f\xb5_\x11\xcc"\xb0\x81\xb9\xb8oo:\xed\x86\xf9\x1e0\x10\xae\xed\x857\x99r\xbf\\us\xe1\xbdC.\x16\nE\x95g\xa1\x1b\xb2\x80\xf2\xd5[\x9b\xefA\xd1\xc2`F\xb4\xe0\xfa\xb5z\xf3;\x8b\xcd\x8dN\xc8\x17\xb6\x94kW\x90\x0f&amp;t*p\x90\\\xf0\x19:\xbf\xb7r\x0c\xb7\xcf\xc7\xfdTj\x02\x9a\xa4\xb6x\x9b$p\xec\x05\xcd\x06}U\xb7\xd1\xc9~\xba\xd1s\xd0GQ[\x98\x9f&lt;\xce\xec\x84\t)kB\xcf\x15v\xe3\x03m#\x9eoD\xae\xa6h\xd3\x95X:%N\x81t\x0e\xef\xc3S\x85\xc1,\x04\x97;\xa2i\xa8\xd7\x0b\t\x1b+\xb2&gt;\xe4\xea\x01\xb9\x9a\x89!\xf2\x1ci&gt;$s\x10\x80\xe1\xb4S\xb1\xe1G\xda\xce\xead.T\xd2G\x89]C\xbb\xaa\xbd#\xdb\xb0\rPU_\x19\xc45\x0c\x07\xad\x1c\xd1\xe2\x05sm\xa1\x90!_H\xe4\\\x0cj\xb2\xd1\xba\x85\x90\xb2\xb6\xf7{`\xc4\x7fg\x9a\xeb\xbb\xe2\xde1q\xde\x10v\x06\xb9\xa6.\x9e\xc1=\x1aeb\x8b\x8c\xd8)t-H\x8e\x04}\xc9\x94\x14\xd8\xfc\x04\xedL\xf2\xef)\xec7\xef\xe2\xc3\xee\xe4\xa2w\xb7(\xdcu\xd5,\x84"\xac)\xd1R\xb1GW\xe7\x1d\xde\x15{\x9a3x\xd8\x91\xdf$\xed\xed\x05\xf5\xfc\xc1\x07\xb1&gt;G\xfbN\x148\x94\xfb\x1e\x03\xc5\xa4\x80y\xa3\xd3\x0b8\x8f\xb1\x89{\xf7WS)a\x0f 5e\x8ebg\x13\\z\x175\xbeYb +\xd52p\xedO\xd6e\x7fD\x91`\xf7\x1aA\xa1=Z\xf8h\xe4\xd9\x7f?\xc39\x07&lt;R8\xfa1\x0f\x82Veq\x14\x93\x1d\xe3%@\xbe\xeb\xf9g\xa1\x19\xf4D{n\x90\x16\x99\x14\x14NB\xa3Z\xd1\x13ZG\x16\x97\x131\xc7\\||\x043;\x95-:\x02\x1d\xb0\xb8R\xbc"\x18_.\xb0%Xb7\xe7\x116\xf2\x93\x81.\xdf]\xc6\xe5\x15\x80\xf7\xd1,8\xee\xd4\x04\xd2\xec\xc5\xcd\x1f\xf2m\x976\xb7^\xa3\xa6r4\xc1\xbf\xee\xfb\xdc\x12\xf3\xe6\x8b\x882\xac5{\x9e\xf3,\x10Q[:\xdb\xd6\x14\xe6\x159\x8b\xc5@#\x9ex\xac}\xfe\xacA\xebOi\\\xde\x97\xe5\xfd\xcbi\xef\xf7Z\x06W8\x05P:\xbe(\xde`_\x0b\x11\xe2\x12\x19\xa7\xa4\xb0K\xcb\x03:\xd9\xfd}#\xf1\x05BW\xb9\xd3\x08s9C(\xa1t\xed\xba\xf8X\x81nP\xbe\tq\x07,\x8b:7\x10\xac\xd9\xb6i7_wI\xe3td8\x08\x8d&amp;:\xaa\xec\x93`=B\xa1V\x07M\xd4\xa0\x97\x8c\xa9`q@\x05\r\xe5oB\xf5\xb5\xed\xc9=\x88b"\xc5:U\xc2\xfe\x8c\xe9]h\xd2\x9fdC\x1f1\x9a\x9a}\xf8T\xd6\x10\xff\xa2Y\xe7-\xc6$\x93+\xee8\xc3\x1c\xbb&gt;\xb3W\xdb\xf5v%:kT\xca\xf2\x98p\xda\xb7\xdf\xc9B\x0b\xfd\xf3\x84k\xc6\xfe\xa9\xbf\xb5\x08\xe3\xa1\x1ag\xbd\x1f\x98\xf9\x9c\x88(\xd9\xb1\xf2\x0c6\x97:k\xcc\x1d\xa9\xc2\xafD{\xb3\x85C\x91\xa1\xeb\x82\xbcC\xc39\xd0+x\xc6 \xd1u\x83I\x98\xde40\xe5\xaf}\xea\xc9k\xb0\xac\xf1L\n\xbc\xab\r\xfdN\xb28s\xebtc\xde\x86\xd4\x8bU\x9eW[\xd6\xe7\x81\x93\x81\x1d\x90$\x99\xb8\x93\xf8"\x9bO\x8bQ\xde\xb15\x15\x95\xd8\x06\xc6\xd4\xa5\x8b\x7f\xfe\x85\x99\x8b\xc5;\x90@\xc2*_$\xa8`sh\xa04rG\x0c\xef\xc7\\\x0eI\xfdF^D+,I\xe0\x85\xf2\xc6\xce\x08\xe9\xee\xd9Q\xbd\xb6\xc2\x0eT\xa5\xfe\xd0v\xb9{\xa1\xf5\xdb\x80\xe9\xe4\xfe\xd2M\xab\x97\x99\x1dj&gt;&gt;\xfe\x88T\x86\xb3,\x0f\xa6\x8b\x07\x00\x9d?\x18\x99\xef\x08Z\x8a\xc9\x8b\xbc\xfd\xd1\x86V\xd5R)B\x0b\xfa-\x04\x16\xd2hd\xef\x85\xbc\x94\x85!\xd3\x01\x03\x95\x0e\x8a9Z1\xc0\x7f\xa3\x83\xd7\x10\xdc\x95"q\xe4ep\xae\xf7\x8f\xa3\x93X\x8elG\xaf\t\x08 \xf6\xd6]m\xfb\xc7\x89)\xf1\x93\xc3+m\xc6\xab=\x9d9\xe2\x98\x9c\xa6\xac\xfd\x19\xf2\x8c\xb0\x1b\xb1\x08c\x9a\xcaS\x19\x11v\x1f\xe3Y\xf0\xcc\xb6\xdd\x9d\xae\xbb\x83\xad\xad5X\xbf\xcc\xb0\xbbO}!\x1d\xbe\xe0\x96\xaf}\n\x1dG\xc3\x0e\xaa\xb8\xd3\xab\xab\xe3d\xa09p\\Q\x17\xe8\x0c\r\xca#_\xa1\x0f8\xe2\xfe\xbb\xc4'</t>
  </si>
  <si>
    <t>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</t>
  </si>
  <si>
    <t>b'@\xb3\x95c\x13\x19\x9a`\xa8\xe1v)Je\xd4\xc3'</t>
  </si>
  <si>
    <t>repeated. I had thought it to be the blind man's trumpet, 
 so to speak, summoning his crew to the assault, but I now found that it 
 was a signal fro</t>
  </si>
  <si>
    <t>b'\x00d\xc5X\x93\x97\xf5\xf0\xe7\x06v~\xcd\xcfi@)\x8d\x17\x91%\x81\xa9n\xcep!\xfc\xbd\xc9_\x98\x18ln\x88\xda\xfe\xe4\x08\x9e\xd8\xb3\xc3\xbdK\xe3 85\xcbq\x1cz\xe6\t`y\x11\xe1\xd2\xf6\xe6k.=\x1ca\xda\xceQ\xb4\x14\xb6("&lt;\xb4\xb8\xfc\x1b28\xb2\xa7\x04:\xa8\xcaX\xcb\x0c\x018\xe4\xa9*?\x11\xc4l\x8a\xbd\x8b\xee\xea\xd0m\xeb\x8a\xec\x10;1\xb6\xda\xe4\xc8\xc2_\x969T\xe5\x99j\x12z\xe5\x97\xf9h\xf6z^\xe1\xaa\x9d\xe3\xfb\x06@lV\x11y\x18b/\xf6h\xf33\xac\x17\xff\xa0\xd9\xbd\x1d\xe2\xebvv`X6\xea\x1f\x04`\x94\xd9\x90\xde#I\x16&amp;\x83\'\xde\xfc\xc0#\xbd\x1a$\xff\xeb$qu\xfbG\xe7y\xd1z\xe3\x95\xd4\xb0 \xe64\n\xc7E&lt;\xcfsvK8@x\xf8\x05\xdb\xa0\xadzX\xb7.\xbd\xb6\xf9d\x99\x1eD\x81\xc4\xe4\x9a\x07\x05}c\xb5A\x82\x10\xe12A\x19j\r\x19\xf0*\xc3X\xb8n\x85&lt;\x0e\xcf\xfd}\x0fW\x81\x8f_#%\xc0\xbf\x99j\x18B\xb5\xfdA\xdd\xc7K\xf4\xc7\xcaT\xbab\x0f\xbf&amp;0\xef\x9a \x19!y^\xaf\xa0\x9fW\xf9~4\xc3\xba\x08\xaamG\xa5CE|\x1e\x19F\x83\x9d\xd6L8\xd0D\xfd=\xe9:\x81i\xa8\x1b\x03:\x0e\xe8\xab\xe3\x9d]&lt;\xd2x\x8a\x16\x82Q.\x88_\x7f[\xcd\xc2\xed\xb8\n\x81\xa5\xd7\x80v\xb1\x83\xae\xf47\xa7{\xb8~G\xe9\xec\xa4\xed\xed\xb7:\x07\x92\xe8q;\xd1o\xea\xcdR\xda3Z\x12\xd29\xf4&amp;]\xe4\xbeoW\x02c\xc0*\xf6\xbd~;\xe7a\xae\xeb\x00\x7f\xc0\xaeL\xad\x06b\x03%\x80\xae;\x0c\xa9\xb7G\x9a\x0c\x9c\xd7\xf6 \xcf\xdd\xf8\xae\xbf\xe3\x80\xe2Dh2\x1e\x14\x1aQ\n\xc6&gt;&lt;D\x9b\x02\xd8o\xf7\x98\\$\xda\x17\xfdds\xb9W{\xdb?$\xe3\x15\xec\xe7\x8b\x1b\xf2\xde_\x89y\xd6i\xa3P&lt;\xa9\x1eS\x0e\x07\xbcHO\x82_\xc5P\xaa\x8e$\xd05'</t>
  </si>
  <si>
    <t>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</t>
  </si>
  <si>
    <t>b'\x00d\xc5X\x93\x97\xf5\xf0\xe7\x06v~\xcd\xcfi@'</t>
  </si>
  <si>
    <t>ose the Bank of England decides to increase its money supply through a purchase
 of domestic assets. The initial increase in Britainâ€™s money supply will put downward pres_x0002_sure on British interest rates and make foreign currency assets more attractive than British
 assets. Holders of pound deposits will attempt to sell them for foreign deposits, but no
 private buyers will come forward. Under floating exchange rates, the pound would depre_x0002_ciate against foreign currencies until interest parity had been reestablished. This deprecia_x0002_tion cannot occur when all currencies are tied to gold, however. Why not? Because central
 banks are obliged to trade their currencies for gold at fixed rates, unhappy holders of
 pounds can sell these to the Bank of England for gold, sell the gold to other central banks
 for their currencies, and use these currencies to purchase deposits that offer interest rates
 higher than the interest rate on pounds. Britain therefore experiences a private financial
 outflow and foreign countries experience an inflow.
 This process reestablishes equilibrium in the foreign exchange market. The Bank of
 England loses foreign reserves since it is forced to buy pounds and sell gold to keep the
 pound price of gold fixed. Foreign central banks gain reserves as they buy gold with their
 currencies. Countries share equally in the burden of balance of payments adjustment.
 Because official foreign reserves are declining in Britain and increasing</t>
  </si>
  <si>
    <t>b'0E\x02!\x00\xed\x8b\x94\xb7\xe3:\xa0,S\xcb\xe2\xc5\xc2g\x00\x9a!Q\xa0Sl\xbck\xa7r\xf7 \x81\xec\xb4{t\x02 [&gt;\xae5\x02"|\xc7\xc8\x94\xb9\xc8\xf1Z\xd8\xfd~}\xf9\xe0\x1a\xeekC6o\x93z\xc8\x01\x82\x83'</t>
  </si>
  <si>
    <t>3045022100ed8b94b7e33aa02c53cbe2c5c267009a2151a0536cbc6ba772f72081ecb47b7402205b3eae3502227cc7c894b9c8f15ad8fd7e7df9e01aee6b43366f937ac8018283</t>
  </si>
  <si>
    <t>b'0E\x02!\x00\xed\x8b\x94\xb7\xe3:\xa0,S\xcb\xe2'</t>
  </si>
  <si>
    <t>epoxy to seal them.
Â·Epoxy Case (Rectangular &amp; Round) â€“ where the capacitor is encased in a moulded plastic shell which is then filled with epoxy.
Â·Metal Hermetically Sealed (Rectangular &amp; Round) â€“ where the capacitor is encased in a metal tube or can and again sealed with epoxy with all the above case styles available in both Axial and Radial Leads.
Film Capacitors which use polystyrene, polycarbonate or Teflon as their dielectrics are sometimes called â€œPlastic capacitorsâ€. The construction of plastic film capacitors is similar to that for paper film capacitors but use a plastic film instead of paper. The main advantage of plastic film capacitors compared to impregnated paper types is that they operate well under conditions of high temperature, have smaller tolerances, a very long service life and high reliability. Examples of film capacitors are the rectangular metalized film and cylindrical film &amp; foil types as shown below.
The film and foil types of capacitors are made from long thin strips of thin metal foil with the dielectric material sandwiched together which are wound into a tight roll and then sealed in paper or metal tubes.
Dielectric Layer
Metal - Film electrodes
Outer case
 Wire leads
Figure-16 : Radial Lead Type
 34
                  Dielectric Material
Metal foil
Figure-17 : Axial Lead Type
These film types require a much thicker dielectric film to reduce the risk of tears or puncture in the film, and are therefore more suited to lower capacitance values and larger case sizes.
Figure-18 : Film Capacitor
Metalized foil capacitors have the conductive film metalized sprayed directly onto each side of the dielectric which gives the capacitor self-healing properties and can therefore use much thinner dielectric films. This allows for higher capacitance values and smaller case sizes for a given capacitance. Film and foil capacitors are generally used for higher power and more precise applications.
(iii) Ceramic Capacitors
Ceramic Capacitors or Disc Capacitors as they are generally called are made by coating two sides of a small porcelain or ceramic disc with silver and are then stacked together to make a capacitor. For very low capacitance values a single ceramic disc of about 3-6mm is used. Ceramic capacitors have a high dielectric constant (High-K) and are available so that relatively high capacitances can be obtained in a small physical size.
Figure-19 : Ceramic Capacitor
They exhibit large non-linear changes in capacitance against temperature and as a result are used as de-coupling or by-pass capacitors as they are also non-polarized devices. Ceramic capacitors have values ranging from a few picofarads to one or two microfarads, ( mF ) but their voltage ratings are generally quite low.
   Basic Electronics
35
                 Ceramic types of capacitors generally have a 3-digit code printed onto their body to identify their capacitance value in pico-farads. Generally the first two digits indicate the capacitors value and the third digit indicates the number of zeroâ€™s to be</t>
  </si>
  <si>
    <t>b'\xae9t\xda\x0cI\xb75\xcb\xf0\x85[\x9a\xfd\r&gt;\xf2\xb6\xbd\xa6T0\xcb\x05\xff:\xd4&lt;\x18e\xd5v\xa5K\x8f\x809\xc4\xcf\x9b\x02\xfb7\xa0\x02[\xe3\r\x96\xfe\xf3\t\xe7\xa1\xec\xb0\xe9\xfa\x8d\rb\xb4}v\x00\x82t\x7f\x7fg\xdd\xd6\xa1|\xeaS\x112\xbf\x98\xdb\x98]\xbe\x04|\xd2\xfe\xfc\x12C\xd7\x1f\x15PM\xb1\xfb\xc7\xf1]\x84\xaf\xa8kS\x90@\xf4p\xf7\xe3\x13\xe2*:&amp;\xce{.\xa59J)Z\x8c\xd2\x04\x98\xfd\xf4\x0fc\x85\xf3\x87\x0bki~K\xb4q\xdf\xec\xee6o\xf9\xa7\xcd}\\\xe1d\x8d8\x88\x01\xb6\x9en\x96\xb3\xdb\x8f\x841\xa0\xcd\x9b\xe0v\xb7\xf3H\x84f\xcf5\x1c\x0c\xed\x1f\xd9\xd6\xce@\xb3\xd5\xb4\xd5\xf7\x99N\rt\xfby\xd6\x8c^\xc6?\r\xa3Io\x86iG\xc197\xae\x92\x95\x96\x84\xf1\x8cg\x90z]\x1d|\x9f,\xb1\x11\xa4&amp;\x9d\xbfs\xea\x9d\x00\xf7\x16\xdd\xbe\xe4L\x92\x039\x10u\xd5a\xf5\xe1\xa7\xa5\x8d\xee\x156\x9b\xed\x98\x81\x06\xa2\xef.+`\x8f\xdf\xd8\xd4\xd2\xbdj\x97\x83\x82o\x99\x91\xbcu\x17e$\x91U\x1e\xa1Y\xab\xac\r\xb1l[\xf1\xbf\xe454\xaf*?\x05\xef2a\x0f\xba\x14\xd4\x8e\x8f\xa39\xe9\x8c\xd4\xb2!}U=|s&lt;^N\xadS{M\xe4\x18\xf5u\xd8\xafU\xd4\xc6J\xd6%\xdd\x8d\xffOM,\x06\xc2\xa4\xac\xf1\x8a^\xb58S\x91B2\x8b*\x07\xb7\x911\xd6\xec\xa9\x8bQ\'T\xa7!x&gt;\x0e\xe7\xc8\xfb!\xfc,\x04\x0e\x0c-\xcf\xc6\xd9\x16\xb7\x8aO4\xda\xc2\xf8\x8e\xfb7G\xc8\x1f|R\xeaPj\xbd\xe7\x921\xc2\x8f\xe2\xd9O\x10\xef\x98b\x83i\x89\x02\xe0\xec\xb3-\xfeT\n\xb6\x94?\x88a\x033\xb3\xc2\x8f\x1f\xf3\x1b\xe2\x95\t\x9f}\x04\x8a\xbc\xec\x082=\xbe\x11\xe8"\x90,v?!\xb5\x98\xe4\xb9\x1b\x9f\xff.u\xaf\xee\x87j\xe0\x91-\x81\xf5\xfb\xb0#~\xffde\xa1\xc8\xdc\xda\xc1\xfcG\x87\x8ad\x83f\xb4\r\x00\xaa0+;\xda1&gt;e}\x04t\xb1,\x15e9l\x9c&amp;\xcd\x168@cx3\xad\xaeV\xa9y\xb7#\xa4\xb3C\xee&lt;\xe8\xd1\xff\xab\xd6\xc3b%bIH_\x82\xe7\xa3y\x94\xb2\xb4\x1fg\x0f}\'J\xb0\r\x8d\xa3pQ\xdb:pU\x05\xc8\x91\xb5\x82\x06H\x90\xb5j\xc6\xee\xc1\xb8\xc7\xd34\xedP\xe0\xfd\xd3\xd1U\xf60\xf8\x8f\xb9\x83\xed\xd9\t\x1e\x96\x99\x93\'\x9a"n\x11\xa14\t\xddP^\xbb{\xd8\x8a\xd2\xc3\xe2\x1c\x95\xb1\xee\x1c\x07+\x7f\xd7X\x1f =\x14]k\xd0\xff\x8b\x01\xf80\x89u\x9b7\xe0p\x0eg@f1|d\x06\xb0\xb0\x9c\x93P*\xa6\x80WA\xb7\xdei@6\x1b``\xb5\xcb.CM\xee\x17\x9b\xb2\xa5mLxN\x9fZ\x8c\xfdp\xaeU5,2\xfe\x96\xd1\xd8\x89\x9a\xd6\xb8\xd03]/&amp;\x0b:\xb2\x1b\x07/\x88\x86t\xbee\xc0"M\x1d\x02F\x1doV}\x92\xc7\xe9\xc2\xaa\x10m\xcbN\x8b\x8fg\xe2\xcc\x82\xf4\x0f)\x9dJ\xd9\x18A\x01\xa0\xd918\xda\t\x88v\xc9Q\x90\xb2\xcbs\xa8x\x97\x7f\xdd\x0b\xc0\x99\xfd\x94.\x85\x06b\xcb\xea\xbc\x8c\xfd\xcf\x9b\xe5\xe9\x98\x98K\x80\x95\xc5\xfa(\xa3\x86\x1b\xa1F\xc0\xcd\xfc*OR\x99\xc2?`\xca\xb3\x83\xa4`\x1b72E1x2}F}\xcb\xbf\x05.i3Z;\xb3\x95\xa4p\x91\xa1\xfd_vy\xde\x1ck\x18\xf8\x03\xfe\xa5x\x1c\xa7cR.\xd1\xb0\xcc\xf50\xb3\xda\xa1$\x8d\x92\xc1S\x1a\x035)\xf7q@\x85q.\xb0.h\x0c\x17x\xdb\x17\x91\xf5)-b\xfa\x17\xf369\xa7u\xf6\xb0\xe9g\xb6GL\xf4\xdf;\xea\x1d\x1e\x93\x13C4\xb4m\x97\x88c\xbe\x12\x08\xb8z%\xac1\x9c\xb1\x041\xd1\x86v\x93\x08*\xe4\xc09\xe4o?\xc4I\r_j\xef\xed\xa7\x11\xe1\xb3\xd1\xf7\xfcc\xfa\x19\xd98\xf1\x8dv\xa9T\xdeu\xf2H\xb8\xff\xa6\x9a\xb5\xdc\xa6\xe0mw\xb5\xdf.m;\xf0%F\x99\xf9\'\\\xcc\xfbA\r\xd8W\xb1\xa6\xc1\x94E7l\xfeH\xe0/\xbf\xdf\x93\xd9\xa0z\x80\x14\xe2\xd1Rqb8\xbdQ\x0e\xd0\x86\x9d\x8cNE\xdbVE\r\x17\xbb\xb7#\x94a\xbf\xee\x99\xeah\xb3\xa7\xc8W\xe9\x91\t\xadY\xacSl\x1f\xe0\x0e\xee\xa5~w\x07\xf7n\xcf\xb5\xcd2\xbf\xf1\xd8\x8e\x06x\x98\x96\xeb\x01\x1f\'U\xbc\xbfS\x15\xacx\x80`t$\xfc^\x0fa\xc8\xbc_W\xd4\x0c\xf4\xc2\x10&lt;\xc9_8\xb9b\x867\x9d;\x13\xc2T-\xb8\xf1\xde\xac\xfe\xca\x94J\xa7\xf1\x1c\x1fx\xe2\x19\xb4\xfc\xca(z\xd1\xea%-du\xf6\x8eU_\xfe\x0f0\x87\x85\xfb:&gt;&amp;\xd6`\x96ZVlD\xc5\xf7\xa5\x00\xa7z\xbf\xc7\xcf\xef\xb5\x8aK\x9e\x8c\xc5\x84\xe7\x16\xca\xc4\xebH\x12\xa5\x1d\xa2\xe4\xd7\x19\xf0.:\xaf\xfa\xdb\xdd?\x9eb\xd1u\x901\x89\xd7|\xaa\x85\xb8G|\x80\xad\xb2\xb4\xf2m\xbb\xa8c\xc8\x13\xc9O)=^\xe0\xfe\xfe\xec\x8b\x10\xf4\xf3\x86\xa0\x8f_\x15\x15;r\x03\xda\xcd\xce\xad\xe4"\x18{\x15bf\xf6\xae/\x1dBR4\xea\xc3\xeb}\x88\x12\xc2g\xed\xc5\xfa@!\x9aY\xa2\xd8\xc4"\x80\x16\xa2\x8a\xfe\x94\x10\xce\x87;k5"\xba4K\xee\x83\x90^\x06\xd4\xc3\xb8\xdf\x0e\xdb\xd9\x01\x1a\x05g\x03O\xaa\xe1C\xb0\xe2\xdf\x18s&gt;\xe3T0mt1\xec\x0f:p\x82spk\xd2xzi0\x07\x9a\xe2&amp;\x91\x19\xc2\xdec\x02\x07\x8e=\x8e\xdb\x82d&gt;DOW\x1bo\xb9\xa5\x1c\x9f:p\xef\x93\xdb\xb3\xd4\x98-\xa6*t\xc0\xe9\'\x9b\xf9\x17S\xd4B\xeb\xe2\xb8V\x93&lt;\xcbhWt\xc7x\x05\x945:5\xf8\x89B#\x13\x84zf\x92\x0ew\x1d\x96\xabC3Vt\x0cz\xac\xd3\x8dg\xfa\xeb\x83\xaf\x88?\xe6/X\x9cJ\x02\r\xc9\xf6P\x07\x11\x8az\x86\x1d^\x1d"x\xf6\x81x\x9d\x94lP\xdc\x1e@p\xc1}\xae\xd8\x9aO.\xf52&lt;zwO6V\\\xb6\xf4\xfe;\xf8\xb7\x0cFA&lt;\xb7\xdd\xecI\xab^\xa0E8?\x915\xc3\x99\x9d\xc0\x8b#\x8e\x91\x0c]\xd1\xcbj\xdf+\xe9\xf4\xd42p\x14\xbat\x92\x02\x0f O\xdc\x98\n\x8c\xb16\xa9\x1fi\x85s\xbc\x1a\xe1\xfc\xd0#J\xff\x9a\x8d\x94I(.Ht\xf0,\xa9`\xf6\xfd+U\xd9\x86O\x00U1\x1e\xd7\x06\xb8\x88\x985#\x91^(\x12\xc5\x87KZ\x8d\xbe\xea[\xc3 \x05\xfe\x00\x9d\xa6\x8fx\x91\xe0\x83\x1frM\xc7\xb5:J\xe1\xa5\xf0\xecf\xcd\x0e~\t\x9b\x12INF\xc1\xda\xffi\x15\xb5%{=4\xdc\xea\xc0\xb3\x86\xcbT\xf5\x04\xf1xp\xde7\xe3\xac;\xf8z\x7f-\xc9\x1a=2\xec"w\x03\x07@\x1e\x05#\xd8\x94q#Yr\xdf\xd3\xf8\x9d}z\xab\xe5$\x91\xfa.\xb1\x8a\xbe\xe57\x02\xd0\xd8\xd0\xb8\xff\xe5I\xb3\x9c\x0eT\x96L\x81\xb6\'\x185\x86\x82\xc8\xa2\xc4:\xff\x1e\xab\xc8\x10\xa2LWw\xe0\xba&gt;\x18\'\x99Y\x9e\x0e&lt;\xdf\xfd\\\xdb\xea""\xf8\xaa\x8c\xe8\x88\x13S*XB\xff(\xed\x9b\xf5d8\xc9^2\xf4h\xb2\r\xf4\x89\x16\xa4\x04)\x17"\x85\x80,\xd8\xb8\x0f\x14\x17\xf4\x02\x14\x96q\xaa\x02\x8d\x98\xc9V\x95\xa4\'U\xf2\xe6\x08to#\x80\xb9h\xc5dZ\x99\x86&lt;gB\x1a\x0c\x85#\x1cL\xa1\xb7\x07\xd0\xe4K\x8d\xfc\xa2\xe4\xea\x9c\xaca\\\xcd\xa1\xf3\x1e:\xe2\xb5\\\xad\xd3\xb2\x1f\xd1oQ\xb3j\xf6pe\xa2ZO1\x871Z\x93}i\xfdU\x10\x07\xdaLW\r\xa0\xf3\xc7\x8f6(&lt;t\xe9\x80\xc0\x03\x011\xee\xaa\xcay\xd6j\xa2\xcd\xed\xb71\xd2\xe6&lt;\x101\xf3`\xcdK`&amp;\x89\x93\x13l\xc2:mR\xdb\x96\xaeIq\x9e\x11`\t\x19\xa4~/\xf2\xa8\xb4r5u\x95\xcb;\x06?9gQ\x17\xc8\x89\xccI\xfc\x17\x1bTA+\xc5:\xe6vY\xe7@\xa2\xfb\xf9:O&lt;7\x7f\xde\xdf\x84\x0e\xfb\x8d\xbe\xcc\x9c\xb5X\xbc\t\xaa\xf1\xb2\xd6Ydoi\xc9\x1a|\x88\xdf\xe6j\x15\x82}\x82\xca\xabx\x99\xd7\xe6\xec4\xef\x81t\x1eSt\x00M\x81&amp;&gt;\x1d\xd4S\x81?8CW\xffEP1\x1d\xfe$\xc0U\\\xff/\xfb/\xaaE\xe4@\xce\x14\xcd0\xb5\xc1\xef#\xf7_\'Q+l?\xc7\xeax3\xb2QWH\xaca\x9c\x9ey\xa7U\x0c\xbf\xccz}8\xe3\x81(\n\xd6V\x15\xf2\xba\xd9\x070\xde\xa3\xcd\xe5\xbf%m\xeeK\xd97\xa0\xb0\x11\xbf\x1d\x9e\x02D^\x02\xbc\x06\x1e\xfbj\xb5k\x05\xfbR\xf7\x83\x83\x11\xb6\xfe\xf5\x04|\x14\xd0\x07\xb7\xed\\hG#\xfd\xb1\x1e3\x98L\x9b\x8e\xbd5\xb2\xc55\tx\x94\xe2\xcd \x95\x1bQ33\xcf?\x0c2\x0f\x1cRJ\xba\x0b\x9a\xe2)\xc6\xbe\xda:\xa4D\xcd\x82iqqMs.\xa3\xa6\xde\x16Mw\xf6\xb2l,\xd2Y\xaft\x03\xac\xccdP\x0f\xf4{\x849&gt;\x1e\xf54\xfe\x85\xd7\xc7\xdehT\xe6P\xeav\xa3\x08iQ\xe0\x8d\x9e\xc2\x88\xaa\x1fF\xbfu\x06!\xe3\xfe&lt;\xd2\x90VP_\xac\x13\xfc\xd0H\x1ciJR\xd8\x880\x0eY\x0c\x8d\xd6\xce\xd1\xa7B}p4\xb2L\xbc\xdd\xd9\x04\xac\xa7\xf9\xaf\xc1\xba3\xc9JE\xa7\x84\x94\xa0\xdf\x04\x87m\x8al\xb0\t\x1e\xc4\xde^\xe5\xda\xb5$\xa4l(\x95\xbb8\x9bV\x00\xbfp\x18N\x11fWO\xb5 \xb6\xcbA\x9c\xf8\xde\xa3\xb5j5\xc0YK\x01\xfe@8C\x1e%\xcbu\xbe\n w\x03a\xbf+\xd06Y\xbc@\xbd\xbar\x82\xf7\x9et_|\x83\x06\xc6\x01\\\xf0\x92\xfb\xf4\x9a\x0b\x8f\x9cHS\xc8\xde9F\x1d4\xa2\xaa\xdb\x08\x9c\x89C\xcc\x19\x0e\x10\x19\x01(\x95)\xe7\xe5\xa4i\xf9\xc9j.\xf3[\xb5l~\x00\x03\x16\xbfA5C\xfe\x9b\xcf\x06A\xb4G\x13\x9d\x8b\xd8f\x9c\xcf\x9a\x19\x81\x87\x88\xfck2\xea\x87X\xbbSU\x1a{.M\x11\xd2\xda`\xa9\xf2FNlT\xa4\xd2\xb4E\xa0\x0eB\xf8\x82\x04R1\x17h\x03\x0fe\x17\xa4\xf2\x06\xb7\x8a\xbdv\x82\x81:\x94\x02f\xf0\x15\t\xf0/\xce\x1a`\xe1\'\x08\xfd\xdf\xd1\x01&lt;]\xff\xe9\x94\x96\x1d\x9e\x7fUD\x98p\xee\xe8\xb1\xb9\xf6^\x1b\x8a\xe8\x92\xa4\x87\xaaA=\x07K\xe7\x1e\xf8\x15\x0b\xc8\x12\x99&gt;\x01\xe1\xf9^0x|\xdd\x1d\x80\xd6F\xa7\rm~-)\x9e\x1b\x1b5\xf3\x87\x11\x9e\x9e&amp;\x9d\xf7\xe4re\x8a\x0f\xfe\xf0 &gt;\xd7\x92\xceJ\xc3\x827!\xc9\xea\xa9\xca\xed&gt;p\xb4n\x8fuZ\x16\xb7\xa9\x96Q\xc7\x81\xaa\x96\xe2\xf5\xa0R\xa7!\x0fd\xc5\x91)\xbdu;\x02I\x1d\xeb\x01\xa016\x94\xb1S\x18\xbd\x80o\xdc\x1a\x8f\xec\x02\x81\xa1\x97/\xee\xc1&amp;\xb1\x9ceM6[\x93\xab.\x1b\x18\xb0~\x1a\xf6\x879T\xa3\x1b1\x94\x80s\xa6\xda\xdd\x88\x98\x91\xca\x84=8Yl\xcaN$i0\x0e\xb7\xc4\x8aB\x97\x8e&amp;! \xcc\x88\xd76\x7f\x87\xf4x\x90\xac\xc3\xf6x\x94\xbaQ\x96\xff\xee[\x13\x19\xce_\x7f[&lt;\x01=\x91\r\xe3\xd4\xf3=m\xbf&lt;\x9bp\x16\xaeU\xe4\xa6|\xdf\x9a\xfa\xed\xdfl\xce\x84 \xf2p\xe3\x1f=\x9b\x9b\'[\xc9\xec\xab\x8b\xf7~X\xa6/0\xc6\xd0\xeb\xc7wB\xa6\xdbr\xe5\xf3\xbd\xb2\xda\xde\xd6\xdf\xbd1\xedM\xdb\xd9IlVP\xdc\\\x88\xfc\xdf}s\x0erh\xcc/\x9d\x9ad_Wq[A\x1e\xf6wm\x8c\xc0Uf\xb7\x98\xc2&amp;\xc2\xe9\xbb\n{\xab\xfa\xb8\x12vI\x88`\xc2\xecQ`\xcdM\x02 \xd3y-X$\xacQ\x11a\xcf\' \x9d"\xd6\xa7\xefE\x15A\x86%\xe1\x14\x1d\xa2x\xaa\xe4\xcc\xd42\xfc\x9e\x18\\\xf7\xbd\xf5#\xf2\xc8\xa0@\x82\x9b\x08\xad\x03\xcbq\xac\xf1_\xa85\xb1\x95"\xd9D\xefQ\xdeA\xed\x15\x16\xa5h\x89\x03)\xcb\xf9&gt;v3\xa69\xb4\xfb\x99x#%\xa4\x9f\xc1\x9f\x04\x82^\xdf\xed\xf98W\xc0\xd93\x17\xda\xe5&amp;\x8fK\x99\xa9\xef\x93\xf2J\x88\x96\x8c\xb0\xe89&lt;\xc1[\x08\x17g\xb6\xe5'</t>
  </si>
  <si>
    <t>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</t>
  </si>
  <si>
    <t>b'\xae9t\xda\x0cI\xb75\xcb\xf0\x85[\x9a\xfd\r&gt;'</t>
  </si>
  <si>
    <t>ric fields. Check this result by taking the divergence
  and curl of both sides.
  (7.66)
  (b) A spherical shell of radius R carries a uniform surface charge Ïƒ. It spins about
  a fixed axis at an angular velocity Ï‰(t) that changes slowly with time. Find the
  electric field inside and outside the sphere. [Hint: There are two contributions
  here: the Coulomb field due to the charge, and the Faraday field due to the
  changing B. Refer to Ex. 5.11.]
  Problem 7.50 Electrons undergoing cyclotron motion can be sped up by increasing
  the magnetic field; the accompanying electric field will impart tangential acceler
 ation. This is the principle of the betatron. One would like to keep the radius of
  the orbit constant during the process. Show that this can be achieved by designing
  a magnet such that the average field over the area of the orbit is twice the field at
  the circumference (Fig. 7.53). Assume the electrons start from rest in zero field,
  and that the apparatus is symmetric about the center of the orbit. (Assume also that
  the electron velocity remains well below the speed of light, so that nonrelativis
 tic mechanics applies.) [Hint: Differentiate Eq. 5.3 with respect to time, and use
  F =ma=qE.]
  z
  Electron
  orbit
  B
  s
  I
  x
  v
  y
  FIGURE7.53
  FIGURE7.54
  Problem 7.51 An infinite wire carrying a constant current I in the Ë†z direction is
  moving in the y direction at a constant speed v. Find the electric field, in the qua
 sistatic approximation, at the instant the wire coincides with the z axis (Fig. 7.54).
  [Answer: âˆ’(Î¼0Iv/2Ï€s)sinÏ† Ë†z]
  Problem 7.52 An atomic electron (charge q) circles about the nucleus (charge Q)
  in an orbit of radius r; the centripetal acceleration is provided, of course, by the
  Coulomb attraction of opposite charges. Now a small magnetic field dB is slowly
  turned on, perpendicular to the plane of the orbit. Show that the increase in kinetic
  energy, dT, imparted by the induced electric field, is just right to sustain circular
  motion at the same radius r. (Thatâ€™s why, in my discussion of diamagnetism,
  I assumed the radius is fixed. See Sect. 6.1.3 and the references cited there.)
 7.3 Maxwellâ€™s Equations
  B
  349
  b
  a
  I
  V1
  R1
  Solenoid
  A
  FIGURE7.55
  b
  R2
  V2
  a
  Problem 7.53 The current in a long solenoid is increasing linearly with time, so the
  f
  lux is proportional to t: = Î±t. Two voltmeters are connected to diametrically op
 posite points (A and B), together with resistors (R1 and R2), as shown in Fig. 7.55.
  What is the reading on each voltmeter? Assume that these are ideal voltmeters
  that draw negligible current (they have huge internal resistance), and that a volt
 meter registers âˆ’ b
  a 
 E Â· dl between the terminals and through the meter. [Answer:
  V1 = Î±R1/(R1 + R2); V2 =âˆ’Î±R2/(R1 + R2). Notice that V1= V2, even though
  they are connected to the same points!32]
  P
  V
  90Â° r
  FIGURE7.56
  Q
  Problem 7.54 A circular wire loop (radius r, resistance R) encloses a region of uni
 form magnetic field, B, perpendicular to its plane. The field (occupying the shaded
  region in Fig. 7.56) increases linearly with time (B = Î±t). An ideal voltmeter (infi
 nite internal resistance) is connected between points P and Q.
  (a) What is the current in the loop?
  (b) What does the voltmeter read? [Answer: Î±r2/2]
  Problem 7.55 In the discussion of motional emf (Sect. 7.1.3) I assumed that the
  wire loop (Fig. 7.10) has a re</t>
  </si>
  <si>
    <t>b'{Wy\xf5\xc2\xa3\x9f\t\x15T\x95X\x1d8S\x0c\x8eF\x8a\xcc\xbc\xdai\xae\x06\xf8\x10\x87\x82\x95\xc4L'</t>
  </si>
  <si>
    <t>7b5779f5c2a39f09155495581d38530c8e468accbcda69ae06f810878295c44c</t>
  </si>
  <si>
    <t>b'{Wy\xf5\xc2\xa3\x9f\t\x15T\x95X\x1d8S\x0c'</t>
  </si>
  <si>
    <t>e field, 
 was now clambering out again with the fear of death upon him. 
 "Fireâ€”fire from the house!" cried the doctor. "And you, lad</t>
  </si>
  <si>
    <t>b'\x83\xdf\x9f\xb1\x9f\x99\xbc\xd9\x91\xb9\xb5\x03\xb8k,\xb8\xcbS\xeb\xc6 k/\xfd\xf4\x0f\x0b\xfa\x18s\xfb\xb9\xbe\xb4(\x0chM\xc11\x16\x8f\x04\xe8\xa6\xbax!1\x14S\x0fpO3\x94\xd9;\x88\x80\xc1y\xb2r\x95z\xbd\x13\x1a4\xd5\xf5\x91\xd9\\\xda\xdd\xb3N\xf9qpX\xf1\xd3\xfa\x84\x19\xc9G\x8d\xad@pM\x8b\xd5\t\xe0,\x192\x9d\x10?i\xcd\xc1:\xc2=\x10\xaa-\xfc\xb6|\x8dt\xf5\xd4\r\x1ac\xcc\xc7\xedj\xf7:\xf4\xd4\x01h\xefx0\xf67J\x9c\x19{2^\x82\xb6\x1d\xa6\x96\x1bq\xd4\x99\x90\xf3\r\xc3\xfc\xa3S\xc9\xa5\xa5u\x10&amp;\xa3\xbe\x9a\x8a\x87\xf7\x07~\xdc\xc6\r\xd0\xbaf\x894\x13,\xa1\xec\xe1\xd0\xfcq\x1d)13\xda\xe2\xdd7\x05\xcc\xa5Ax\xcf[\t\x07*\x95\xdb;\x12B\xf7\xdc\xe8\x9a\x04\x13#,\xfeR\x1ctM"\x85Y\xe6\xc53\x898\x15P\x9euZ\xc4\xd5\x1cW\xae\x17\x9a\x85\xcb\xb7U\x81\xd0\xcf\xc6='</t>
  </si>
  <si>
    <t>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</t>
  </si>
  <si>
    <t>b'\x83\xdf\x9f\xb1\x9f\x99\xbc\xd9\x91\xb9\xb5\x03\xb8k,\xb8'</t>
  </si>
  <si>
    <t>All
 the horses would come to him, but I think we were his favorites. My mother always took
 him to the town on a market day in a light gig.
 There was a plowboy, Dick, who sometimes came into our field to pluck blackberries
 from the hedge. When he had eaten all he wanted he would have what he called fun with
 the colts, throwing stones and sticks at them to make them gallop. We did not much
 mind him, for we could gallop off; but sometimes a stone would hit and hurt us.
 2
 One day he was at this game, and did not know that the master was in the next field; but
 he was there, watching what was going on; over the hedge he jumped in a snap, and
 catching Dick by the arm, he gave him such a box on the ear as made him roar with the
 pain and surprise. As soon as we saw the master we trotted up nearer to see what went
 on.
 "Bad boy!" he said, "bad boy! to chase the colts. This is not the first time, nor the second,
 but it shall be the last. Thereâ€”take your money and go home; I shall not want you on
 my farm again." So we never saw Dick any more. Old Daniel, the man who looked after
 the horses, was just as gentle as our master, so we were well off.
 3
 Chapter 2. The Hunt
 Before I was two years old a circumstance happened which I have never forgotten. It
 was early in the spring; there had been a little frost in the night, and a light mist still
 hung over the woods and meadows. I and the other colts were feeding at the lower part
 of the field when we heard, quite in the distance, what sounded like the cry of dogs. The
 oldest of the colts raised his head, pricked his ears, and said, "There are the hounds!"
 and immediately cantered off, followed by the rest of us to the upper part of the field,
 where we could look over the hedge and see several fields beyond. My mother and an
 old riding horse of our master's were also standing near, and seemed to know all about
 it.
 "They have found a hare," said my mother, "and if they come this way we shall see the
 hunt."
 And soon the dogs were all tearing down the field of young wheat next to ours. I never
 heard such a noise as they made. They did not bark, nor howl, nor whine, but kept on a
 "yo! yo, o, o! yo! yo, o, o!" at the top of their voices. After them came a number of men on
 horseback, some of them in green coats, all galloping as fast as they could. The old horse
 snorted and looked eagerly after them, and we young colts wanted to be galloping with
 them, but they were soon away into the fields lower down; here it seemed as if they had
 come to a stand; the dogs left of</t>
  </si>
  <si>
    <t>b'\x92\x13\x823\x05\xben\xaa'</t>
  </si>
  <si>
    <t>9213823305be6eaa</t>
  </si>
  <si>
    <t>ere
unless you are absolutely, positively certain you can return to your last known location with
your map.
Q. What are some ways you can ensure that you donâ€™t get lost?
A. Review and highlight your map before you go, stay with your group, always wait for each
other at trail junctions, thumb the map while you hike, observe trail signs.
Q. How do you best avoid snakebites?
A. Watch where you put your feet, donâ€™t be tempted to catch snakes
Q. How do you avoid lightning?
A. Check weather before you leave, observe changes in the weather, espe</t>
  </si>
  <si>
    <t>b'\xfd\x9eQ\xeeH\xe1\xc1\xca\xba\\\xd2\'\x7f\xa0\x13\xda\x00fDN\xc5\xed\xd5\x96\x17N\x92\x8d\xe6-c\xd5\xe0\xc1p\xbc\xcdD`\xcc\xb6Np.{ht\xa5z\xfb\x02\xf6|\xc9)\xa0\x00Z\xcb(s\xe9NL\x1c\xbe\'\x1c\x0b\xda\xce@\xfd\xde\xfbx3\x80\x12\xceE2c\xfdr\x90\x8f\x1a\xe6\x04\x90\xb6\x9eii]\xd6\xa8\xa3\xdc}\x1f\x03\xa4\xab\xe9M\xbfp\xe7\xd0l\xdf\x845\xe9\xbd1\xde\xe4&lt;u\xf97\x14\xc9\xc97\x85\x84\x8a5\xadS\x8f\x98\xa4\xa0\xe3\xf9\x85\xbf#a\xd0\xc1\xb0\xe2\x84x\xdc\xa3\x00\x0e,\x9a\xbe\xf1\'\xaek\xfd\xd6\xa5\xfaa\x03\xdf\xafT8\x18Vg&gt;\x833\t\xcf\x97\x80J\x1b\x1a5!\xf6\xb6\xde?a\x9d|%M\x01S\x1fH\x9d\xc2i\x11\xeb@\xdeo~Y#\xaf\xc2q\x93.P\x1f\x16k\x80\x06{X\x7f+z\x06\x8a\xb2&gt;U"\x9f \xa1\xef\xfa\x1d\xb7\x95wR\xa49\x11\xc6O\xe1\xaa\xd8\xd8&gt;\x8e\xc2\xec\xd7\xb5\xd7\x84\xf5\x94\xdcyA\x93\xb4*Zj\xe6/D1N\xea\xcc\x1cu\xcd\xf1\xfd\xda\x104\xf5\x9c@\xdd\xe0\x98b\xc0\x89B\x8dP\x1a\x82\xfa\x13\xfaz0\x18\xe0\xadh\x01\x98\x1b\xd6\xd7\n\xa3I\x81\xc3\x03i4Ja\x9cuw\xc9O\x96C\xf3\xd5\x11\xb5\xd7\\\xeb\x11\xc9\xa5\xd1\x99\x19\x95C\xf7r-\xc6\x88\xfc2DU\xf08\xb6\x02:s\x1c\xaa\x93\xb8:\xafo\x1c\x94\x83\xb4\xc1\xdcB\xfb\xf5\\L\xff\xed\xec:y\xee5s\x058\xb4\xd4\xe3\x84&gt;y\xcd\x14\xbd\x00\xf1\x99\x83o\xe6^\xe1\xbf\xf5WS\x98\xbbi\xf5\xf5\xad\xd9\x11\xdfm\xd0\x08\xaf0\xd7R}\x89\xe9\xe9\x8b\x0c\x83\xec6\x07\xb3\xbf\r\xdeY\x96\xf5\xcc\x1aG\xd9t\xc8\xf0\xc4=H\xf64\xa8Db\xbd%\xaa\'\xe9\r\xc9.mf\xe6Siw#\xc5\xf33\xca1|\x15u+N\xddtKW\x1b\xaf\xe6d\xadI\\\xb4%p\xac\xf2n\xe3Q|~\xea\x83O\xc5\x04x\xb5\x08\x02\xaa\x089\xf8!=*\x17\xdd&amp;\xc8\x80\x02J\xe0o\xa3a\'Qn[$\n;\xecZ\x1e\xeex\x7fF\xd3\x99\xde\xd7t'</t>
  </si>
  <si>
    <t>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</t>
  </si>
  <si>
    <t>b"\xfd\x9eQ\xeeH\xe1\xc1\xca\xba\\\xd2'\x7f\xa0\x13\xda"</t>
  </si>
  <si>
    <t>ach her safely and 
 wait till the subsiding tide permitted us to land. 
 Then I lashed the tiller and went below to my own chest, where I got a</t>
  </si>
  <si>
    <t>b'\x8fH\xad\xdc\xa6\xdb+\xb9\xbb\xf9\x9d\xb1\t\xbaFl\x00\xe1\x05Q!\'\x89\xdfX\x9d\xfa\x1b2\xc4\x16\x99\x8e\x85&gt;\x143\x9d=\xc0\n\x83\xe4C+\xcaU\xe3\xb2t\xc4\xa95C6\xb6\xae\xbeDt\xa1\xdd\xb0\x01\xc8\n\xca9\xea\x1c-E\xa6P\xed\x930s\xf3\x9ba\xef\xa9\x00\x8fHG\x86&gt;\xf4\xab\xea\xcc\x9bs\xaf\xea\xdc\xd4\xea,\x80\xe4a\x1f^\xe9\xfd\xfc\x07}/\x97WwB\xb9\xad\xa4\xfe\x98\x8aB:mP\xadV\x7fN\x8d\xd6\xaeu[\x9c\xdb\x9f\x86\x006K\xfb\x93\x8f\xb9\xc1\xc0\xeayJ\xc8D\x19gL0\x13\xb5J2\xe4ci\xc3\x06\x02L\xf7\xc7\xf6\x8b\xc4\xcfm\xd3D\x9e\x12\xd01~\xc6\xd3\xc2\x06s\xe5\xef\xf9\xb8\t\xe1\xf7\xfb4]\x88\x15\xaf\xbdl\xe9\x0b\xd5"\x84\x19\xa9\x08\xc2\x9bLz\xae\xd1A\xa8O\xa5? \xdbK\xdb\xf0\x19LOpy\x85\x96W\xf5\x8b*\xf3\t\xffN\x02H\xfco\xa1\xb1\xf4\x19\xf5NW{\x91\x87\xc9\x8b\xfe\xcc\x8a\x0b\x9b\xf4\x16\xf8\xebK]\x96\xf4+\xf3\xaf7YX\x80\xb7\x14\x05\xbb\x02\x97\xd6\x8a\x0f\xc1\xf9\x95\xbe\xf9\xa5\xc9\xe5\xa7\xa57\xbb\xe3\xde\xa6\r\xab\xcc\x18?\x96\xd1\reZ\x9f\xb4\x06y\xbf\x81\x0c(\x17k\x124T\xf0*{(@\xda$\xf4\xac\xcb\xd2|u\x0c\x0f\xae\xf6L[`{"\x91\xbd\x81\x9d\xa4O\x00\x9e\x0c+\x00~,\xeb\xe9\xe8c\x1c\xa0\x03\x9f\'\xa5\x970)R\xb6\xba\xd7\x86\xc0\xb6\xf1,\xfafXK\xf3\x13\xb5V\xea\xab]u\xef\xc1)4\x06\xb8\x02(7\xe9\xc0*&amp;Z]\xd9Ne\xc7$H\x1f\x8d\xdb\x8c(c\xe4\x82\xb6|\x85s\x8c\x8c\xdf\xc2\x04H\x84\xc4\t\xf7d0\t\x05q\x82\xf5PW)\xfb\x91\xebxu+\xeb\x906\xb9~j\xd2\xd6\x81\x88\xb1\xdc7p\xc1|\xa8\x82\xdaJb\x93\x8d\xf8\x078\xb4\x12\xd16@M?\xac\xfft\x0b\x8d\x8e\x7f\x8e\x01\x82M\x99\x95\x11\xc2u\x90\xb6\x07\x1e\xbd\xba\xa0||\xbc\x0f'</t>
  </si>
  <si>
    <t>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</t>
  </si>
  <si>
    <t>b'\x8fH\xad\xdc\xa6\xdb+\xb9\xbb\xf9\x9d\xb1\t\xbaFl'</t>
  </si>
  <si>
    <t>rry that they took the old womanâ€™s
advice.â€™
â€˜Now, Marmee, that is very cunning of you to turn our own
stories against us, and give us a sermon instead of a romance!â€™
cried Meg. â€˜I like that kind of sermon. Itâ€™s the sort Father used to
tell us,â€™ said Beth thoughtfully, putting the needles straight on
Joâ€™s cushion.
â€˜I donâ€™t complain near as much as the others do, and I shall be
more careful than ever now, for Iâ€™ve had warning from Susiesâ€™s
downfall,â€™ said Amy morally.
â€˜We needed that lesson, and we wonâ€™t forget it. If we do so, you
just say to us, as old Chloe did in UNCLE TOM, â€˜Tink ob yer
marcies, chillen! â€˜Tink ob yer marcies!â€™â€™ added Jo, who could not,
for the life of her, help getting a morsel of fun out of the little
sermon, though she took it to heart as much as any of them.
79
C H A P T E R V
â€˜What in the world are you going to do now, Jo.â€™ asked Meg one
snowy afternoon, as her sister came tramping through the hall,
in rubber boots, old sack, and hood, with a broom in one hand
and a shovel in the other.
â€˜Going out for exercise,â€™ answered Jo with a mischievous twinkle
in her eyes.
â€˜I should think two long walks this morning would have been
enough! Itâ€™s cold and dull out, and I advise you to stay warm
and dry by the fire, as I do,â€™ said Meg with a shiver.
â€˜Never take advice! Canâ€™t keep still all day, and not being a
pussycat, I donâ€™t like to doze by the fire. I like adventures, and
Iâ€™m going to find some.â€™
Meg went back to toast her feet and read IVANHOE, and Jo
began to dig paths with great energy. The snow was light, and
with her broom she soon swept a path all round the garden, for
Beth to walk in when the sun came out and the invalid dolls
needed air. Now, the garden separated the Marchesâ€™ house
from that of Mr. Laurence. Both stood in a suburb of the city,
which was still countrylike, with groves and lawns, large
gardens, and
80
quiet streets. A low hedge parted the two estates. On one side
was an old, brown house, looking rather bare and shabby,
robbed of the vines that in summer covered its walls and the
flowers, which then surrounded it. On the other side was a
stately stone mansion, plainly betokening every sort of comfort
and luxury, from the big coach house and well-kept grounds to
the conservatory and the glimpses of lovely things one caught
between the rich curtains.
Yet it seemed a lonely, lifeless sort of house, for no children
frolicked on the lawn</t>
  </si>
  <si>
    <t>b'\xfb\xfc\x894\xe5"4\xba\xe0\x96\x8f\x16\x89\x1f\xe7~\xd5\xecv\x18\x14x*\xb5\xa7\xf6\x98\xe6\xae\x7foK(s\xaa\xee\xca\xfd\xe3\x03\xbe\xabK\xa8l\xef\xc8\xedI\x01\xb8\xfd\xbcO\x80\xa4B-\x8e\xc2\xf8?\x07\x8f\xe9Q\x0b\xae\xee\xde$\xbe\xb9\nL\xb6\x9a\x8b\xb5ME\xc5\x94v\xb6\xa6*\xd9)&lt;2#\xf3v\xa3\xa0\xb0&amp;\x02\xa4\xe0f\x96&gt;\xad\x86Hf\x92\x83\x99_9\x90\xba\xce\x19\xc7\xc2\x0c/r\xc8K\x7f\x81l\xa3d@\xca\xa6\xb8\xf0\xa3\x1dV\x96&amp;f\xda\x043"\xb7\x1c\x96\xbbS\x9f\xb9\xd8;\xaaZZt\xd8_\xd6\x9fY\x9c\x820\xb9\x03\x0b\x95-\x14\x90\xfe\xe0\x9a\xebb\x9f\xa6\x00\x9c\xc7\\\xc2\xecg\xa8\x91V\xb56\xe9\x00\x8fK\xb6$\xd7\xee{\xc6\xd5\xcd\xec!k\x08MB\x82~&amp;Q\xd8\x94\x07\xbc\x81\xf0\x86\x9dw\x92\xb5\xc6\xfdTB\xa4\x01\xc8\x80\x08W5\x1e\x11x]\x86\x9f\x04&gt;HkU\xcf\xe2\xdd\x06\x8cJ\x89;\xd3P\x8f3\xd4\x85\x0e\xf2~\xe6V\xf8\x1a)\xfbT\xd3\xa0\xee\x8f\xf1\xed\x07\x1a\xb1X\xe1\xa8\xa9\xacG\xe8R7}J#$\x87\xf3S\x9f=!\xd2\x82\x7f\xed\xc7\x83\xf3\x1d\xb4\xf2l\x92]py\xd1\xaa\x9a\xd2\x17\xc6\xfc\n\x1bT\x07\xdd/\xd5\x1f\xab\xdb\xb7\xc2\x13Z)\xdf\x86\x82EZ\xd6u\xf9\x82\x7fO\xa4\x02P\xd4W`\\Z\xbc\x91pvBQ\xde^pS\xdf7VC*\x10]uI\xbe$g\x1a\x84\xe8o \xcf\x8ey\x87\x8b\xdb\xca&amp;h\xeaV\xe6I\x8dP\x02O3\x98i\xb1\xca/C\xbb1\x8f\x1d\x12\x8e\x8b\x8d\xe7\x84\xec\xd1\xed\xff*\x82.\x7f\xe4Y\x0b\xcc|\x85`\xe7\x02/\xcf(cT\x16\xd1mw9%\xb9nm\xa9\xc3\t@\r\xa8w\xf6\xc7\xbf\xb7\xae\x84\x00 \xf4\x8b\xefEc\x19\xfa\x7f\x11u\x9c\x1fSV\x7f/\xab\xc8\xd1\x8a\x18zv\x98?\x89\xa4v\xb3\xcf\xae\xf1\xa5\x82\xf0\x81\x93a\x9f\xbc\xd7?\x8b\x93\x97\xc5m\x8c\xa1\xe2V\rV\xab.\xc3]\xea\xed1\x12\xa9\xd5}\x80\xff\xed\xaa\x17+\x07\xc2\xf3\xab\x81\xfd\x86A*\xc0\xb3%\xc3\xf9\x89%\xfd\x92\xebp\x0f\xef\xf5\xd4\x93`\x137\xafvz\xf9r\xfa\xae\rM:p\xde/\x1d\xeb\xe5\xb8\xd8\xdbn\xfb\xc5\xb7$P:\x052!Q\'"\xf3\x85d\'\xc6\x88o\x1b\xb7?W\x9a\x00\xf97K\xab9\xdfZ\x84"\x1f5CF\x8f\xc30\xf4\x8e|\xf5p\xc6\xfa\xec\x11~O\xc9\x7fK\xd5&amp;&amp;Ljo\xffM)\xa3\x8a\x1dq\xb3\xe7\x15\x17x\xac"\xd9\xf1\x0b\xcb\xa8\xceg\xef0\t\x82\x8bM\x90\x0c\xeb\xa2f\xc1\xc5u\xfa\xab\xb1\xaf\xd8\xb8\xb2\xaf\xdd\x1e\xba\x1b\xa5h\x1d;\x12\x85uf\x1f\xbac\x90a\x0e\x1bmh\x0c\xb3\xb1\xf4\x9e|6\xa4\xcf5\xff!\xd2 "K\x07\xcf\x93I\xb0\xde\xbduM\x07\x07\xcei!\xf2=\x08\x12\x8c\xe42\xb5\xfe-\x87.\x82\x96\x8e\x0e\xa6QE\x88f8z\x95v\x96A\x90\x16\x94\x0f\xd7\xb4\xd5\xf8\xa3o\x069:\x8fm\xa9\xdfx+\x8b\xc1\xef\xa9\x8d\x9e\xcd^\x84\x97\xa1\xed\x12\xb5\x8a\xfe@\x87q\x9c\x9e$O\x08\xb8\xf3OS\xf7\\\xda\xfbXZL},S\xb9\xb4,\x0c\xa3O_:C\x8d\xb4"b\x02\x0b`&lt;`\x08U7\x90\x05\x84\xa9\x9e\x04\x12Q=o&lt;Tor\x0c \x9d\xfe\xd1_\xbd\xe4\x97\xcf\x02;\xbeO\xd5\x82\x95\xb1\x81+\x1bl\xc8\xcdX\xf9\xf4\x9a@\xb2$\xe4\xf5S\x8d\x96\xec"v\x04\x02^hfx\x10\x92\x1f:\xb4\x95\x90=\x1f3?{\xa7\xc6\x86\\A\xe4j\xba&amp;\x114~\xe8\x1f\x91\x87o\x0f\xfa\x8f= \x07G\x8f\x02\xcf\x1dh\x19X\xcaf\xf6KcW\xf3r\xb9xP\x99\xfa\\\xf1\xb8,\xb7\x957\x07\x87\xa7zb\xfe\x89\xe2\x10\xcd\xf01B\x94\xf0\xb1Z\xc0\x0b\x04\xdf\xb9\xb6\xb2v\xa3\xf5m\x88\xa0\x9a|\xf2\r\xc5j\xb1\xcc\xc4\xf1\xf7\x15\x1a\xf0\x80\xaa\xf1w+\x9e(\x05XGS\xe4\xc5\xdf\xb1\x90\x8d\xa2E\xb8\x02\x94R\x93\x9e\xfc\xd4\xeaU&gt;\xa2_\x8d.\x88pyT|\xc0\xc8\xa8e\xbc*\xa4\xa4\xe7-\x13V^\x83\xef\x8e\x0bZ\x1b3\xce\xcd\xa1\x8b\x12#\xa5s\xf3\xdb\xe3U\x9d\xcf6\xd6Q\xdc0\x96\x98E\xa7c\xffh\x84\xff#=\x99\xf0t\xc9%\xc7\xd4J\x8ev\xc4\x16h\x8b\x16b,\xc1Va]\xbe\xde\xa0\xbe\xff&amp;\xd2\x1f\xe4\x17m4@\xec%\xa2\xae\x8dU\xdd\x10\x1d\x8e\x0b\x96\x03\xc4\x95\x85\xaf\xde\xa8xvo\xc4^*X\xa7s\xa1\x1c\xe0\xab\xc9N\xb9\xec\x8do:\x85C\x17\x87\xe2\xc6\xc1\xad\xb8\x8bx\xc6\x1d\x0f\xd7\x93u\x0c*Sy\xd4&amp;P\x1b\xd0\x1d\xf7\x9e+\xe9W1M\xae6\xaa[-\x89\x93\xb4\xbe\xafF\x08\xf4\x86\x9a\x94e\xdd\xa8\xcf[\xa6\x10\xc6i\xd8m\xc5y\xb5\x84\xef\xdbTIgy8\x89R\xc2\xf3\r\x89VD\xcd\x0ci89\xd4\x10\xdc.\x8a\xe6f\xe6t\xa2\xacE\xdc\x84\x9d\xff\xb0k\xe9\xd7\xce\xc5M4\xa2\xcb\x85\x18\xdc\xabA\xef\x1e\x90\x1b\xd9\xd5\x0e\xcf*\x7fs\xf7Eh\x91\xaa/O\xbb\xe1Y\xe8\'\\T4\xae\x07b}\x9c\xb5u\x13\x1d4\xe7\x15\x8d&amp;"\xc1#\x8d\xdc\x88\xa98\x98\x91\x16\xd2\xf9^\xb3\x11i\xe6\xdaR\xfc\x15\xa6&lt;i\xf07HL\n\x920rM\xa6\xd8D\xf2X\x13\xae\xb5\xd6x\x1f\xd3l\x8c\xfdB\xe3e\x89\x8c\x06\xfbz\xf6\xb2\x7f\xf2\xc5VT\xf5|\xc3J\xe7\xfc1\x88\x83\t\xf3\r\xf8\x83\x8e\xa1\x0fB\xb4\xceiT\x92\x11\xf2\x94\x9f\xf3\xdd\xd5u&lt;&gt;~\xd3\xd2\xcd\xed\xc4\xf0\xd7\x935\x94\xc3w\xfcc\x9d\x17x\x93\xe9d\xc2E\xe9\x11B!\xba\x02\xa6X?\xc7\x90\x87.LQ\xacD.`\x97\x83\xb7#\xba\x1c\x99\xf7_\x11\x16u\xaaJ\xf9QE\xd4)\xc96\x06\x877\xcfS\x01\xa9\xc4L\xa9\x05\xf4x\xf8o\xcd\xce\x1f\xc3{\x98\xa9\xc2\x96G\x90\x1d\x86\xfe\xa9\xa6\xcbk\xc4&amp;\xcb\xab\xb3\xd5\xc7\xb3|\x94\xee\xe4\xffO+_\x95\xdc\x01\x07\xef!d\x89]\xa6\x1c\xd4L\xc04\xa3\xbe\xf7$\xfa\x1f\xb7\xe14\x19X\xb0\xa2))\xdb\xcb*\x08\xc6,:\xc8\x1d\x91{\x91\xe7\x1dw@M6\xd7G\x89\n\x94\x07$N\x96a\x85X&amp;\x05$\xd5\r\xe5\x19\xf2\xc7\x0c\xc8\xfd\xcc[jqf]JC\xc4\x82H\xea\xe0\xaeb\xb3/j\x9c\x08\x1e\x07s\x87\x89Z\xa6\x83\x0c\xc9a`\xf0e\xe9\x14VBu{\xb4\xde\r\\\xf2\x81b\xc2\xean\xb5Di\xe6\xd5%+[h\x9e\x9c\xbd\x88\rf\x90\x8d\xebI\x87\x87\x06\xd4\xbf\xaeo\nm\x9c\xbf0\x9e\x98DC\'\xcf#\xbce\xc0:\x93\x13zp\r\xd2q\xc7\xd6h\xd78\x87s\xbe\x84\x97qz\xb7\x1bf\'\xfet\xe47!(gO\xdd\x01\x06\xfc\x03\x98gV\xd7.\xe1y\x11f_\x15\xeaN\xf7v!;=rb\xff\xeb\x18\x86\xc4pU\x1flq\xd6\x19\x04n\x9d\xf8lw\x99h\xc6V\xa2K\xbd\xd4\xb8\x99\xe6\xd4WR6\xf7M\x18R\xd4X\xa4\x8c&gt;m\xdd\xab)\xfa2C\xfa\x99\x89\x9c\xa3\xa4?\x8b\xfaO\xc8\xb6\xe1 \xf2+\xff9O\xd9\x81%\xa1\x8e\x01\x1b\xcd\xc8\xa2\x9b\xd2\xb1V\xcf\xc7!\xaa\xdd)X\xdcp\xb3Y\xa0\xdc\x87\xd7wV-q\xe2q\x83\xd9\xc3\x91\x90O3M\x81]L\xd2\xffX\xa4\xd4\xf6\xa7\x17e\xd5\xd5\x83\x96\xc1\x88\x01\xaa\xc3\x08Ov\n\x8b\xff\xfe\x1d\xfeR\xb0\xb6\x02\xb8\x05Dd\xbcT3\xb1\xb4q\x97oV\x95\xb8\xf1\x94\xc3](@\xdc\x90\xb2\x8d\xe5\xbd\xa7\xbe\x99E\nz\xfc\xddt\x9b\xca\xd9=O\xd6\x8e4&gt;\xbe"\xb4\x0e\x0c\x06\xd4\xa8b\xe7\x00M\xc4\xb7\xab\xf4,\xd6\x07\xcf\xec5\x9a!Hn\x1f+o7\x0e\xc96\xc3\xf9}\xd7J\x15\xec\xe6\xe3\x7fE\xa3\xc0\x11\xf0\x0c \x97\x03\xe0\xe6gu\x9b\xc9\xec\xbeB=\xbdM8\x99\x8b\xb3(I\x0b\xbc\xc5\xf0\xba\xf6\xb4\xf8 f\x87\xd4\xc5\xe2\xec\xf7\xb5\x0f\x19`\x8d\xa9\xdd\xdeb\xd5\x7fZ\xf8\xc8\x11\x1b\xfbiq]\xec\xf31\x0f\xeb\x89\x8e\x7f\x8c\xb5)5\x1c\x9e\xf8\xc3\x0f\xa5\xc4\xf5\xf35\xa7\xfa\xd9?{&amp;j\xe8X\x83:\x16)}Z\x84\x87\x10/\xaa_z*A\xa7"\x82gT\x8a\x07\xbc\x02\xb7b\xed\x92\x85\xab\x0b\x1a\xd9\x97(\xc1\xf4%ET\x92\xc4CN\x92\x83\xa2C.*Wx\x1c\xc0\x8f\xf9\x15\x9f\xd4\x9ch[\xb1\xb3\xf5\x91\xb9\xda\xda\xd7\xf8\x10\xcds\xb7Q-\x1f\x9eo\xed\xc1F\xe7\xbc\xf6\xff\x93\xcf\x94\xed\xb9tC\r6o\xe9?Q\xfd:/\xe0w\xfc\xb7\xeb\xae=\xb2RC\xf8s\x01\xec#\x1db%#\xc8\xbc\x1c\x92Pv@\'\x12\x8f\xef\xf1!\x98P\x02\x90D\xdb`\xed\xc3\xa9\xbd\xf3\xc1\xbeH\xc6\xb0?\xf4\xee\xe9X\xff\xa2;8\\a\xac%?P\xfc\xf0\x1bKd)W\xbe\xe1\x93\xf0X\xf9wh\xcf\xd5\x8a\xe0\xc78\xf4nq\x1d\xcc\xf4\xf2\xec\\\x11\x89Q\xb6\xdd\x0c\xe2\xd9O\xb6\x99\x19I~\x8a*Ce\x93\x9e\xf9\xee\xc1\x19\xb1\x0e4\x94\x14\xda\x93\xbb\r\xb2[!\\]\xbe\xff\xe8\xf9\x85\xff{\x7f\xac\xf1K\xe5\xd2m\xb5\x05\x7f\xf1\xf8\x015\xef0-\xe6bb:y]8\x13{k\xf2B{\xd1\xb6\x8a\xcf\x93\xcc\xc1e[\xbdbK\xc7-\xe6xY{mL\x9b\x08\xe8z2\xbfVm\x8d\xc3_\xc1\xfd\x8b}\xc4\x8fDK\xaf\x14\xf3\xaa\xeb\x12 \x85\x99\xff\xbd\x8e1\xb0\xe8\xf8?\xf9jw\xb2\xf6\x01\xaf5)=UK\xad@\xd77}\xbfn\x00lA?2\x1b\x87\x82\x182f\xcc\xe3\xb9\xd8E\xc1\xbcJ\xea\x19\n\xe8\x9fGB\x1eO\xefB\xe6\x14\x80\xbb\xe1L\xdb\x04:\x87\xa5|\xa9\xccx\x10mgj\xa3\xdd\x9e\xec\x13'</t>
  </si>
  <si>
    <t>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</t>
  </si>
  <si>
    <t>b'\xfb\xfc\x894\xe5"4\xba\xe0\x96\x8f\x16\x89\x1f\xe7~'</t>
  </si>
  <si>
    <t>ritten on many underlying assets (including
 foreign exchange futures), and, like futures, they are freely bought and sold. Forwards,
 swaps, futures, and options are all examples of financial derivatives, which we encoun_x0002_tered in Chapter 13.
 The Demand for Foreign Currency Assets
 We have now seen how banks, corporations, and other institutions trade foreign currency bank
 deposits in a worldwide foreign exchange market that operates 24 hours a day. To understand
 how exchange rates are determined by the foreign exchange market, we first must ask how the
 major actorsâ€™ demands for different types of foreign currency deposits are determined.
 $1
 $1
 $3.70
 CHAPTER 14 Exchange Rates and the Foreign Exchange Market: An Asset Approach 329
 The demand for a foreign currency bank deposit is influenced by the same considera_x0002_tions that influence the demand for any other asset. Chief among these considerations is
 our view of what the deposit will be worth in the future. A foreign currency depositâ€™s
 future value depends in turn on two factors: the interest rate it offers and the expected
 change in the currencyâ€™s exchange rate against other currencies.
 Assets and Asset Returns
 As you will recall, people can hold wealth in many formsâ€”stocks, bonds, cash, real estate,
 rare wines, diamonds, and so on. The object of acquiring wealthâ€”of savingâ€”is to transfer
 purchasing power into the future. We may do this to provide for our retirement years, for
 our heirs, or simply because we earn more than we need to spend in a particular year and
 prefer to save the balance for a rainy day.
 Defining Asset Returns Because the object of saving is to provide for future consumption,
 we judge the desirability of an asset largely on the basis of its rate of return, that is, the
 percentage increase in value it offers over some time period. For example, suppose that at the
 beginning of 2012 you pay for a share of stock issued by Financial Soothsayers, Inc. If
 the stock pays you a dividend of $1 at the beginning of 2013, and if the stockâ€™s price rises
 from to per share over the year, then you have earned a rate of return of 10 percent
 on the stock over 2012â€”that is, your initial investment has grown in value to , the
 sum of the dividend and the you could get by selling your share. Had Financial
 Soothsayers stock still paid out its dividend but dropped in price to per share, your
 investment would be worth only by yearâ€™s end, giving a rate of return of negative
 10 percent.
 You often cannot know with certainty the return that an asset will actually pay after you
 buy it. Both the dividend paid by a share of stock and the shareâ€™s resale price, for example,
 may be hard to predict. Your decision therefore</t>
  </si>
  <si>
    <t>b'0F\x02!\x00\x93e\x88%dLh\t\x04h\x19\x07\xfc\xe7\xea\xe6\xa8s\x99\x95\x0b\xb6\x18\xa7\x98\x11$\xa7\xfb\xca\xa0\xed\x02!\x00\x84q\xdes\x14\x0f+P\x81\x18f_+\xf2\x95\x0ed\xc8&lt;\xff\x8fO\xe9\xaf\xf4\n%\x8a=\xcf\xc6\x1c'</t>
  </si>
  <si>
    <t>304602210093658825644c680904681907fce7eae6a87399950bb618a7981124a7fbcaa0ed0221008471de73140f2b508118665f2bf2950e64c83cff8f4fe9aff40a258a3dcfc61c</t>
  </si>
  <si>
    <t>b'0F\x02!\x00\x93e\x88%dLh\t\x04h\x19'</t>
  </si>
  <si>
    <t>w that interest rate R$ Râ‚¬
 1 Râ‚¬,
 R Râ‚¬, $
 1
 E$/â‚¬
 3 E$/â‚¬
 1 E$/â‚¬
 2
 E$/â‚¬
 1
 1Å“ E$/â‚¬
 3 ,
 4Å“
 MUS
 1
 MUS
 2
 PUS
 2
 E$/â‚¬
 3
 E$/â‚¬
 1
 R$
 2
 U.S. money
 supply, MUS
 Dollar
 interest rate, R$
 U.S. price
 level, PUS
 Dollar/euro
 exchange rate, E$/â‚¬
 t Time 0
 t
 0 Time t
 0 Time
 t Time 0
 R$
 1
 E$/â‚¬
 2
 (d)
 PUS
 1
 (b)
 (c)
 (a)
 Figure 15-13
 Time Paths of U.S. Economic Variables After a Permanent Increase in the U.S. Money Supply
 After the money supply increases at in panel (a), the interest rate (in panel (b)), price level (in panel
 (c)), and exchange rate (in panel (d)) move as shown toward their long-run levels. As indicated in
 panel (d) by the initial jump from to , the exchange rate overshoots in the short run before
 settling down to its long-run level, . E$/â‚¬ 3
 E$/â‚¬ 2 E$/â‚¬ 1
 t0
 378 PART THREE Exchange Rates and Open-Economy Macroeconomics
 (Figure 15-13b) until the U.S. price level has completed the long-run adjustment to 
 shown in Figure 15-13c. For the foreign exchange market to be in equilibrium during this
 adjustment process, however, the interest difference in favor of euro deposits must be off_x0002_set by an expected appreciation of the dollar against the euro, that is, by an expected fall in
 Only if the dollar/euro exchange rate overshoots initially will market partici_x0002_pants expect a subsequent appreciation of the dollar against the euro.
 Overshooting is a direct consequence of the short-run r</t>
  </si>
  <si>
    <t>b'0E\x02 &amp;\x9aj\xafs\x0byt\x82\xb3\xd9m\x9fm\r&gt;\xdd\x97\xb7\x96\xf2lGU\x86\xc7\x93\x19\xc0\x01\x9e\xa9\x02!\x00\xcd1\xca\xeb\xb7\xf5\xce\x0c\xe9\xb4\x0b\t\xaa\x92\xfem\x04n\xd1\x9d\xbe] \xfa\xd6\xc0\\\xb4U\xae\x81\x8a'</t>
  </si>
  <si>
    <t>30450220269a6aaf730b797482b3d96d9f6d0d3edd97b796f26c475586c79319c0019ea9022100cd31caebb7f5ce0ce9b40b09aa92fe6d046ed19dbe5d20fad6c05cb455ae818a</t>
  </si>
  <si>
    <t>b'0E\x02 &amp;\x9aj\xafs\x0byt\x82\xb3\xd9m'</t>
  </si>
  <si>
    <t>different from those described in Chapter 5 for bipolar stages. Most of these tech_x0002_niques are beyond the scope of this book and some methods are studied in Chapter 5.
 Nonetheless, it is still instructive to apply some of the biasing concepts of Chapter 5 to
 MOS stages.
 309
 310 Chapter 7 CMOS Amplifiers
 V
 I
 Y
 X
 R
 DD
 D
 M 1
 D
 R S 1 k Î©
 R1 4 k Î©
 R2 10 k Î©
 = 1.8 V
 Figure 7.1 MOS stage with biasing.
 Consider the circuit shown in Fig. 7.1, where the gate voltage is defined by R1 and
 R2. We assume M1 operates in saturation. Also, in most bias calculations, we can neglect
 channel-length modulation. Noting that the gate current is zero, we have
 VX = R2
 R1 + R2
 VDD. (7.1)
 Since VX = VGS + IDRS,
 R2
 R1 + R2
 VDD = VGS + IDRS. (7.2)
 Also,
 ID = 1
 2
 Î¼nCox
 W
 L (VGS âˆ’ VTH)
 2
 . (7.3)
 Equations (7.2) and (7.3) can be solved to obtain ID and VGS, either by iteration or by
 finding ID from Eq. (7.2) and replacing for it in Eq. (7.3):
 _x0002_ R2
 R1 + R2
 VDD âˆ’ VGS_x0003_ 1
 RS
 = 1
 2
 Î¼nCox
 W
 L (VGS âˆ’ VTH)
 2
 . (7.4)
 That is,
 VGS = âˆ’(V1 âˆ’ VTH) +
 _x0004_
 (V1 âˆ’ VTH)
 2 âˆ’ V2
 TH +
 2R2
 R1 + R2
 V1VDD, (7.5)
 = âˆ’(V1 âˆ’ VTH) +
 _x0004_
 V2
 1 + 2V1
 _x0002_ R2VDD
 R1 + R2
 âˆ’ VTH_x0003_
 , (7.6)
 where
 V1 = 1
 Î¼nCox
 W
 L
 RS
 . (7.7)
 This value of VGS can then be substituted in Eq. (7.2) to obtain ID. Of course, VY must
 exceed VX âˆ’ VTH to ensure operation in the saturation region.
 Example
 7.1
 Determine the bias current of M1 in Fig. 7.1 assuming VTH = 0.5 V, Î¼nCox =
 100 Î¼A/V2, W/L = 5/0.18, and Î» = 0. What is the maximum allowable value of RD
 for M1 to remain in saturation?
 7.1 General Considerations 311
 Solution We have
 VX = R2
 R1 + R2
 VDD (7.8)
 = 1.286 V. (7.9)
 With an initial guess VGS = 1 V, the voltage drop across RS can be expressed as
 VX âˆ’ VGS = 286 mV, yielding a drain current of 286 Î¼A. Substituting for ID in
 Eq. (7.3) gives the new value of VGS as
 VGS = VTH +
 _x0005__x0006__x0006__x0006__x0007_
 2ID
 Î¼nCox
 W
 L
 (7.10)
 = 0.954 V. (7.11)
 Consequently,
 ID = VX âˆ’ VGS
 RS
 (7.12)
 = 332 Î¼A, (7.13)
 and hence
 VGS = 0.989 V. (7.14)
 This gives ID = 297 Î¼A.
 As seen from the iterations, the solutions converge more slowly than those en_x0002_countered in Chapter 5 for bipolar circuits. This is due to the quadratic (rather than
 exponential) ID-VGS dependence. We may therefore utilize the exact result in Eq. (7.6)
 to avoid lengt</t>
  </si>
  <si>
    <t>b'y\x8chi\xfe\x92\xab\xb3\x0f\xf6\x03\xd9F\xfe\xbd\xaa'</t>
  </si>
  <si>
    <t>798c6869fe92abb30ff603d946febdaa</t>
  </si>
  <si>
    <t>tend'rer tints, that shun the careless eye,
 And, in the world's contagious circle, die.
 St. Aubert cultivated her understanding with the most scrupulous care.
 He gave her a general view of the sciences, and an exact acquaintance
 with every part of elegant literature. He taught her Latin and English,
 chiefly that she might understand the sublimity of their best poets. She
 discovered in her early years a taste for works of genius; and it was St.
 Aubert's principle, as well as his inclination, to promote every innocent
 means of happiness. 'A well-informed mind,' he would say, 'is the best
 security against the contagion of folly and of vice. The vacant mind is
 ever on the watch for relief, and ready to plunge into error, to escape
 from the languor of idleness. Store it with ideas, teach it the pleasure of
 thinking; and the temptations of the world without, will be counteracted
 by the gratifications derived from the world within. Thought, and
 cultivation, are necessary equally to the happiness of a country and a city
 life; in the first they prevent the uneasy sensations of indolence, and
 afford a sublime pleasure in the taste they create for the beautiful, and
 the grand; in the latter, they make dissipation less an object of necessity,
 and consequently of interest.'
 It was one of Emily's earliest pleasures to ramble among the scenes of
 nature; nor was it in the soft and glowing landscape that she most
 delighted; she loved more the wild wood-walks, that skirted the
 mountain; and still more the mountain's stupendous recesses, where the
 silence and grandeur of solitude impressed a sacred awe upon her heart,
 and lifted her thoughts to the GOD OF HEAVEN AND EARTH. In scenes
 7
 like these she would often linger along, wrapt in a melancholy charm, till
 the last gleam of day faded from the west; till the lonely sound of a
 sheep-bell, or the distant bark of a watch-dog, were all that broke on the
 stillness of the evening. Then, the gloom of the woods; the trembling of
 their leaves, at intervals, in the breeze; the bat, flitting on the twilight;
 the cottage-lights, now seen, and now lostâ€”were circumstances that
 awakened her mind into effort, and led to enthusiasm and poetry.
 Her favourite walk was to a little fishing-house, belonging to St. Aubert,
 in a woody glen, on the margin of a rivulet that descended from the
 Pyrenees, and, after foaming among their rocks, wound its silent way
 beneath the shades it reflected. Above the woods, that screened this glen,
 rose the lofty summits of the Pyrenees, which often burst boldly on the
 eye through the glades below. Sometimes the shattered face of a rock
 only was seen, crowned with wild shrubs; or a shepherd's cabin seated
 on a cliff, overshadowed by dark cypress, or waving ash. Emerging from
 the deep recesses of the woods, the glade opened to the distant
 landscape, where the rich pastures and vine-covered slopes of Gascony
 gradually declined to the plains; and there, on the winding shores of the
 Garonne, groves, and hamlets, and villasâ€”their outlines softened by
 distance, melted from the eye into one rich harmonious tint.
 This, too, was the favourite retreat of St. Aubert, to which he frequently
 withdrew from the fervour of noon, with his wife, his daughter, and his
 books; or came at the sweet evening hour to welcome the silent dusk, or
 to listen for the music of the nightingale. Sometimes, too, he brought
 music of his own, and awakened every fairy echo with the tender accents
 of his oboe; and often have the tones of Emily's voice drawn sweetness
 from the waves, over which they trembled.
 It was in one of these excursions to this spot, that she observed the
 following lines writ</t>
  </si>
  <si>
    <t>b"h\xe3Y@@\xe4\xa5\xe8\xe0A\xbb\xc9\x02a\x14\x91\x83F\x06l\xbc\xa6\xa2\xb2\x11\x1b\xc1\x9e\xef{Nc\xcfxLhI'H\xad]\xecO=\xffX%l\x94\xec#\xcb\x95\xca\xa3\xdb\xf5\xb30X]\xffMc"</t>
  </si>
  <si>
    <t>68e3594040e4a5e8e041bbc9026114918346066cbca6a2b2111bc19eef7b4e63cf784c68492748ad5dec4f3dff58256c94ec23cb95caa3dbf5b330585dff4d63</t>
  </si>
  <si>
    <t>b'h\xe3Y@@\xe4\xa5\xe8\xe0A\xbb\xc9\x02a\x14\x91'</t>
  </si>
  <si>
    <t>VCC = VEB + VX (5.109)
 = VEB + RBIB + IC RC (5.110)
 = VEB +
 _x0002_RB
 Î² + RC
 _x0003_
 IC . (5.111)
 5.3 Bipolar Amplifier Topologies 195
 Thus,
 IC = VCC âˆ’ VEB
 RB
 Î² + RC
 , (5.112)
 a result similar to Eq. (5.78). As usual, we begin with a guess for VEB, compute IC , and
 determine a new value for VEB, etc. Note that, since the base is higher than the collector
 voltage, Q1 always remains in the active mode.
 Exercise How far is Q1 from saturation?
 5.3 BIPOLAR AMPLIFIER TOPOLOGIES
 Following our detailed study of biasing, we can now delve into different amplifier topologies
 and examine their small-signal properties.6
 Since the bipolar transistor contains three terminals, we may surmise that three pos_x0002_sibilities exist for applying the input signal to the device, as conceptually illustrated in
 Figs. 5.28(a)â€“(c). Similarly, the output signal can be sensed from any of the terminals (with
 respect to ground) [Figs. 5.28(d)â€“(f)], leading to nine possible combinations of input and
 output networks and hence nine amplifier topologies.
 in v v in
 in
 out
 out
 (a) (b) (c)
 (d) (e) (f)
 v
 v out
 v
 v
 Figure 5.28 Possible input and output connections to a bipolar transistor.
 However, as seen in Chapter 4, bipolar transistors operating in the active mode
 respond to base-emitter voltage variations by varying their collector current. This
 property rules out the input connection shown in Fig. 5.28(c) because here Vin does
 not affect the base or emitter voltages. Also, the topology in Fig. 5.28(f) proves of
 no value as Vout is not a function of the collector current. The number of possibil_x0002_ities therefore falls to four. But we note that the input and output connections in
 6While beyond the scope of this book, the large-signal behavior of amplifiers also becomes important in
 many applications.
 196 Chapter 5 Bipolar Amplifiers
 Figs. 5.28(b) and (e) remain incompatible because Vout would be sensed at the input node
 (the emitter) and the circuit would provide no function.
 The foregoing observations reveal three possible amplifier topologies. We study each
 carefully, seeking to compute its gain and input and output impedances. In all cases, the
 bipolar transistors operate in the active mode. The reader is encouraged to review Ex_x0002_amples (5.2)â€“(5.4) and the three resulting rules illustrated in Fig. 5.7 before proceeding
 further.
 5.3.1 Common-Emitter Topology
 Our initial thoughts in Section 4.1 pointed to the circuit of Fig. 4.1(b) and hence the topol_x0002_ogy of Fig. 4.25 as an amplifier. If the input signal is applied to the base [Fig. 5.28(a)] and
 the output signal is sensed at the collector [Fig. 5.28(d)], the circuit is called a â€œcommon_x0002_emitterâ€ (CE) stage (Fig. 5.29). We have encountered and analyzed this circuit in different
 contexts without giving it a name. The term â€œcommon-emitterâ€ is used because the emitter
 terminal is grounded and hence appears in common to the input and output ports. Never_x0002_theless, we identify the stage based on the input and output connections (to the base and
 from the collector, respectively) so as to avoid confusion in more complex topologies.
 Q1
 VCC
 RC
 Vout
 Vin
 Input Applied
 to Base
 Output Sensed
 at Collector
 Figure 5.29 Common-emitter stage.
 We deal with the CE amplifier in two phases: (a) analysis of the CE core to understand
 its fundamental properties, and (b) analysis of the CE stage including the bias circuitry as
 a more realistic case.
 Analysis of CE Core Recall from the definition of transconductance in Section 4.4.3
 that a small increment of _x0005_V applied to the base of Q1 in Fig. 5.29 incr</t>
  </si>
  <si>
    <t>b'V\x01\n\xe4\xbf\x02\xf2 \xa2R\xcb\x14\xef\xfcD\x87'</t>
  </si>
  <si>
    <t>56010ae4bf02f220a252cb14effc4487</t>
  </si>
  <si>
    <t>just beneath us,' Peter told him. 'If you
 like, we'll go down and kill him.'
 'I don't see him,' John said after a long pause.
 'I do.'
 'Suppose,' John said a little huskily, 'he were to wake up.'
 Peter spoke indignantly. 'You don't think I would kill him while he was
 sleeping! I would wake him first, and then kill him. That's the way I always
 do.'
 'I say! Do you kill many?'
 'Tons.'
 John said 'how ripping,' but decided to have tea first. He asked if there were
 many pirates on the island just now, and Peter said he had never known so
 many.
 'Who is captain now?'
 'Hook,' answered Peter; and his face became very stern as he said that hated
 word.
 'Jas. Hook?'
 'Ay.'
 Then indeed Michael began to cry, and even John could speak in gulps only,
 for they knew Hook's reputation.
 'He was Blackbeard's bo'sun,' John whispered huskily. 'He is the worst of them
 all. He is the only man of whom Barbecue was afraid.'
 'That's him,' said Peter.
 'What is he like? Is he big?'
 'He is not so big as he was.'
 'How do you mean?'
 'I cut off a bit of him.'
 'You!'
 'Yes, me,' said Peter sharply.
 'I wasn't meaning to be disrespectful.'
 'Oh, all right'
 'But, I say, what bit?'
 'His right hand.'
 'Then he can't fight now?'
 'Oh, can't he just!'
 'Left-hander?'
 'He has an iron hook instead of a right hand, and he claws with it.'
 'Claws!'
 'I say, John,' said Peter.
 'Yes.'
 'Say, "Ay, ay, sir."'
 'Ay, ay, sir.'
 'There is one thing,' Peter continued, 'that every boy who serves under me has
 to promise, and so must you.'
 John paled.
 'It is this, if we meet Hook in open fight, you must leave him to me.'
 'I promise,' John said loyally.
 For the moment they were feeling less eerie, because Tink was flying with
 them, and in her light they could distinguish each other. Unfortunately she
 could not fly so slowly as they, and so she had to go round and round them in
 a circle in which they moved as in a halo. Wendy quite liked it, until Peter
 pointed out the drawback.
 'She tells me,' he said, 'that the pirates sighted us before the darkness came,
 and got Long Tom out.'
 'The big gun?'
 'Yes. And of course they must see her light, and if they guess we are near it
 they are sure to let fly.'
 'Wendy!'
 'John!'
 'Michael!'
 'Tell her to go away at once, Peter,' the three cried simultaneously, but he
 refused.
 'She thinks we have lost the way,' he replied stiffly, 'and she is rather
 frightened. You don't think I would send her away all by herself when she is
 frightened!'
 For a moment the circle of light was broken, and something gave Peter a
 loving little pinch.
 'Then tell her,' Wendy begged, 'to put out her light.'
 'She can't put it out. That is about the only thing fairies can't do. It just goes
 out of itself when she falls asleep, same as the stars.'
 'Then tell her to sleep at once,' John almost ordered.
 'She can't sleep except when she's sleepy. It is the only other thing fairies can't
 do.'
 'Seems to me,' growled John, 'these are the only two things worth doing.'
 Here he got a pinch, but not a loving one.
 'If only one of us had a pocket,' Peter said, 'we could carry he</t>
  </si>
  <si>
    <t>b'\xc2\x8fV\xfe2\xe37&amp;'</t>
  </si>
  <si>
    <t>c28f56fe32e33726</t>
  </si>
  <si>
    <t>f hormones called androgens mainly
testosterone.
Androgens regulate the development, maturation and functions of
the male accessory sex organs like epididymis, vas deferens, seminal
vesicles, prostate gland, urethra etc. These hormones stimulate muscular
growth, growth of facial and axillary hair, aggressiveness, low pitch of
voice etc. Androgens play a major stimulatory role in the process of
spermatogenesis (formation of spermatozoa). Androgens act on the central
neural system and influence the male sexual behaviour (libido). These
hormones produce anabolic (synthetic) effects on protein and carbohydrate
metabolism.
19.2.10 Ovary
Females have a pair of ovaries located in the abdomen (Figure 19.1). Ovary
is the primary female sex organ which produces one ovum during each
menstrual cycle. In addition, ovary also produces two groups of steroid
hormones called estrogen and progesterone. Ovary is composed of
ovarian follicles and stromal tissues. The estrogen is synthesised and
secreted mainly by the growing ovarian follicles. After ovulation, the
ruptured follicle is converted to a structure called corpus luteum, which
secretes mainly progesterone.
Estrogens produce wide ranging actions such as stimulation of growth
and activities of female secondary sex organs, development of growing
2024-25
CHEMICAL COORDINATION AND INTEGRATION 247
ovarian follicles, appearance of female secondary sex characters (e.g., high
pitch of voice, etc.), mammary gland development. Estrogens also regulate
female sexual behaviour.
Progesterone supports pregnancy. Progesterone also acts on the
mammary glands and stimulates the formation of alveoli (sac-like
structures which store milk) and milk secretion.
19.3 HORMONES OF HEART, KIDNEY AND GASTROINTESTINAL TRACT
Now you know about the endocrine glands and their hormones. However,
as mentioned earlier, hormones are also secreted by some tissues which
are not endocrine glands. For example, the atrial wall of our heart secretes
a very important peptide hormone called atrial natriuretic factor (ANF),
which decreases blood pressure. When blood pressure is increased, ANF
is secreted which causes dilation of the blood vessels. This reduces the
blood pressure.
The juxtaglomerular cells of kidney produce a peptide hormone called
erythropoietin which stimulates erythropoiesis (formation of RBC).
Endocrine cells present in different parts of the gastro-intestinal tract
secrete four major peptide hormones, namely gastrin, secretin,
cholecystokinin (CCK) and gastric inhibitory peptide (GIP). Gastrin
acts on the gastric glands and stimulates the secretion of hydrochloric
acid and pepsinogen. Secretin acts on the exocrine pancreas and
stimulates secretion of water and bicarbonate ions. CCK acts on both
pancreas and gall bladder and stimulates the secretion of pancreatic
enzymes and bile juice, respectively. GIP inhibits gastric secretion and
motility. Several other non-endocrine tissues secrete hormones called
growth factors. These factors are essential for the normal growth of tissues
and their repairing/regeneration.
19.4 MECHANISM OF HORMONE ACTION
Hormones produce their effects on target tissues by binding to specific
proteins called hormone receptors located in the target tissues only.
Hormone receptors present on the cell membrane of the target cells are
called membrane-bound receptors and the receptors present inside the
target cell are called intracellular receptors, mostly nuclear receptors
(present in the nucleus). Binding of a hormone to its receptor leads to the
formation of a hormone-receptor complex (Figure 19.5 a, b). Each
receptor is specific to one hormone only and hence receptors are specific.
Hormone-Receptor complex formation leads to certain biochemical
changes in the target tissue. Target tissue metabolism and henc</t>
  </si>
  <si>
    <t>b'zf\xed\x17\xbe\xf4\x16\xa8\xa2\xa9\x1f\x82\xb8\x0c\x97\xd9\x96K\x82\x16/1\xe2\x05\xf8\x9c\x1e;\xe9\xcd=\xca"\xf8\xac/\xe6\xc3\xca\xec\x0f8\xf9\r\xb4\x90\xb5f@\xd0\x7f\x01R\x80\xeb5M\xcd\x86B\x9e\x00\x8b\x89k\xdb\xe9o\x8e\x93\x85y\xc1E\x16I\x800\xce\\\xb4\xb5\xf8\xb17\xb7y\xf0F\xa5M\xc7Y\xf2\x89\xa2\x95\\\n$\xf8\xdc\xec\xa4j,\xb5\x05k_\xc1|\x9e2\x9d\x1c\xdd\xca\x07\xab\x1e|bqE[Nw\xe8`e\xee\x8b\x079\x99\x8f/{\xf0\x98{\x14L2:\xcd\xae\\\x0f6\xfd\xcc\xb7\xe5c\xbb~\xa8[\xc1\x071(\xc6\x85m\xe1\x9cA\xe6\x066`\x04K\x0f\xc7\xb4x\xad\xb2o9@wk\xfa\x1e\x86{\x14\x8aP$\x17\xae\x8f\x18\x9e\xdb\xe8\x1b\x8d\x08\x9f\xf0 }\x04q\x8d#\xac\xaa\xa9\xe0\xf2\xe1\xc5\xaf\xf3I\xb0\x0e8?)h\xe0\xdb3\xf4&gt;{\x9b\x18\x9f\xe3\xc0\x81\xff1\xc0\xd4H\x8c\x8eS9-\\_I\xa2Rd\xf7\x0c\xa1\x13\x06\xe16Q5\xdd\x0b\xbb_\x06\xbak\xcf\x16\xce\xec\xe2\x7f\xd9\x1b\x90+\xa7\xb9\xc5\x16\x0eE\xebS\x8c[\xab6!\x9d6qO\x90&amp;pr`f\x1ck\x9fx\xc5\xc0\x14\xcd\xc2\xc3\xbb\xb6\xa2i\xac\x81\x82\x16:\xbe~\x07n\t\xafz\xa2Y(Ma\x8cV\x05\xc6\x98\t\xbf\xb3}\x1e\xe8\x96V\x93\x0c\xb7r\xd2\xfe\xda\x14\xdd\xbc\x16\xe9\x11p"PY\xb0XJG\xce[\xbf\xc5y\xb5r\xccS\x92n\xef\x1a\x16\xfb\x90\x8e\x9b\xad\x1d\xe7\xb1I\x1e\xc1/\x08\x19&lt;\xb7+\xf6\xfb\xb6\xf4\xdf\xe1Z\x8b\x13\xdb\xa8\xcc\xd4\xd2\x9b\x83\xe1\xc5\xb6\x17\x8f_\xfc?r\xfe\xd1\xb4{o\xf0\xc5\x92\xe4g\xa9\x12\xa1\x1e\x10z\x97\xf6\x81\xe4\xb4\x04J\xe0\xe2\xd2\x1f\x90=\xcf~\x01\xed\xc9\x16\xe8\t\xaa|/]fX\x86a\xbf\xff~[4i1\xde\'c\xcf\x9c\xff4\x85_\xdc/\xd6HP\x1f\xd5\xb4\x01\xbc\xf6\nX.\xa5\xd1\x16\xf9\xed\xff\x9f|\xc9K\x17\xb5\x10GG\\\x9d\xafq\x99\xd7%\xc2\x9a\xa5*\xa8\xd0\xb2"0\xbb\xff\x93\xc6\xcaOF\xca\x87\xd5\xdf\x96\x1al\xa1\x05\xadU7v\xc9\x84\x8bRzh\x98NWR \x91\x12\x815\x95\xd2\x1c\x93*\xc5\xef\x9cp4\xe3\xb2\x8c\x83l\xc2.\x89\xe8?\xc6L+\xce\xe4\x10\xaa\'\xdb\x93\x84\xd1\xday\x06L\xc2m\x16ZG\xba\x0c\x88\xa6\xe1\xd0\xa2\xb7e\xfb\xee\xd5P\x90\xd6\x02\x92\xe7\x1e\xd9V\xcd\xbd\xbf\xd3\xbd\x87\x14eMz\xf5#\xb6Fz\xbf\x8ai\x08\xab\xfd\xbb\xfa\x8e\x13\xf6r W\xafi]\x0fd_1J\x8b\xf7\xfadC*\x91\xd3r\xb7@ \xa6\xceo\xe4\xadm\x94\xcb\x169g\xcd\x15\xaa\x1c\xf0a\xe7\xfd\x0cc\xdf\t{\xd1\xe9"\xa8\x84\x8c\xd5P]s&gt;4\xdc\xbc\xc5\xa3e\x9b\x18\xf3f\x0b\xcco\xb4\x0fc\xa4h\xa0\xc1\xe0\xbd\xe6\x01\xb4X0\xc8$\xed0J\xa6|J\xc5\x0f\x12("\xfdl\x85jSL\xf6\xa9\xef\x99\r\x985\x07@$&lt;%\xbfq\x86\xe8\xb6ts_\xef8y\xd6\x9aP\x80+\xd5\x85Fy\t6\x9f"\xdc0\xfa\'F\xd1\xe1\xfbf}i[\xc4\xc6\xcf\xb9\xe5\'z\xeb\xb2\xdex\x9f\xbf\xacsT\x92aG\x17GF\xf3\x15\x9b,\xb2\x06#\x03\x16\xa6\x1e\xf7P\x0f\xc7#\xed\xe2x1A&gt;\x08\x90T\x9b\xfc?\xe4\xa91iYc\x07\xfa\x9dc\xf4&amp;\xb0\x01\xaf\xa1\xf53\xfdoP\xdf\xf5\xda\xf1V\xdd\xd9{k\xf9\x95O\xa3\x07z&lt;\x8f\xe2iG\xd7ka\x0e\x01T4\x7f+ \xf2\xcdkRX%\xbd?r-\xb6\xfc\xe9\xa1\xd7)1\xcdK\x8d\x1e\x12\'\xfc\xd1\xf5"\x892(\xa2hQ\xaa\xa1t=\x12z2\xe8\xbaf\xb8"\xb3J\xd493KL87n\xdc\xa3\xd8\'\x06\xd4#d\x85\xd5\xa8\x1bF\x17\xc8\xc6\xf7\xd0#\xc8\xdc\xe3\xe9x\x00\xdc\xf1\xbc\x82\xe5\xc8&gt;\x11\xae\xeb2W\xd65\x84s\xf7\t~\x00\xf2.d\xe9g 9\xaek\x1b9\xaa*\xf7\xab\x05*\x8d\x0f\xc0\xd5o\x06\xfc\x1a$\xe9U\x0b5\x9c\x84\x1a\xea\x1c\xd2y\x01\xb2\x82\x06\xee\x92\xabZ`\x8c2;[\r\\\x8c\x1fY\xf3\x91d\x82\xf4\xaca\x18Z\xf9\x1f;\xff\xf8\xbe\x0e\xd0\x1a\x05\xb4\xc31\xe0\xef\x91\xf4\xba6N\xcf\xcc\x92/\xa1\x82\xe6\xe8\x13\xe1\xb9"[\x14C\x16\x03\x80\xd7\xec\xf9L\x16:\xd0=\x15\xad\x8b\xb9\xfb,5\xa1\xa9\x00R\x99u_\xea\x02:{\xafh\xc8\x0f\xb3\xb6\xd4\x12\x03\xa5A3\xc7\x0e\x97OC_u-y?\'U\xc7M,\xf3=\x91\x8d#\xd1V\x15\xaf\x1f\xc3J\xf6l\xe71\xf8^\x15\xb0\xd4\xdd\xc2\xff*(\xe6\xcbaD1\\D\xed\xae\x99\x9emqh\xe36\xd0\x81\x01I\x1bT\xc3\xb3E\x16\x8f\xb3\x10U\x87\x88\x88\xee\xc7\xee\xfbP\xde\x90\xe6P$\xb3\xf2C\xd8\xdd\xd3p\xb9z\xf4cu\x12\xcdqm\x87wd\xe1(\xcd\x9d\xe8Oj\xbf\x93\xb8\x7f\x0f5\xeb\x95T#W\xe4d\x04\xbdk\xa8G\xd9(\x9a_\xb2f\xd7\x02\x89\xa0`\x9a\x1a\xf7\x036iL&gt;W\x9e@,\xe1DN\xc1!\xa0_\x82+\x99\xa3E\x1e\xe7\xefX}\xca(\xe3:\xa5\xb3\xdd\xb1\xb4 \xe6\x81\xba\xf0\xdd!\xd6\xd7\xe9[\xe0\x1c\x98O\xc4\xed^\xcdv\x81"\xb9I1\x14\xf1\x07\x81,C&amp;*\xcf\x9c\xe5SM\x92=T3jF\x9d^\xa3\xfcD\x84NWN\x84\xfb\x95\xa7\xd9E\xf1)\xd5\xbbyiD\xeb\xc6\xf2\xfb\x93\x0f,\xa6\xec\xf3\xeb\xa7x\x81S\xb5\x11\x06R\x96\x1d\x91*?\x1d\xd7&gt;\xd9tGx\x14\xbc?2\xee\x16\x02\x91\xceEw\xc2`\x02\x90\xd3*\x1d~\x81\x81N\xd1\x05\x0b\\\xe8\xb0)\r\xbe\x7f2\xbd_\x18]S\xca\xab\x17\x1b\xb8\xfad\xaf\xaa\xac\x17`\xca\xf6\t\x86c?\xe5(\xb9\xf2M&amp;\xb0\xd8Tu\xb7+\x15\xcb\xcfw\x83\x1aXy\x12\xab^\x15\x18\xfe\xd9m\xf7\'\xb8\x0cBA\x19\xac\x9e\x01V\x9f\xd9\x9a\xbbsw[\xea\xbcp!TiGx\xca\x19s\x05\xd2L\xda\xa6c\xf1\x02\x8d8\x7fO\xec\xf5\xcbk\xc3\x1a\x1f)\x7f\xeb\x89\xed\x12\t\x8actv\xa9\xcdw5\xa2)\xc03=F\xb1\xab\xbf\xec/\xbb\x08\xb3{\xf6i\x80\xf2\xff\xa7X\x9f\xd2\xc2\x95=\xa9\xb0\x05&amp;\x98\xcb\xc9f1\x10\x0b1\xd8\xd0\xc1H\t\xb2\xe2\xc6\xd8\xa0\xc1\xde\x8e\xb5\x94\x9e\x88)\xa6/\xf3"\xed\x95\xa3L\xcb\xb8\x87\x06\x91!$\xbc\xca\xe9dW\x13\xf8\x7f\x94A\xcf\xccl&lt;e\xfcG.N8E\xae\xf2A$\xaf\xbf_\xe8\x1aw\x13\xe2\xbe\x1dC\xd6nbHp\xeb\r\xf5|\x1eJ\xc7\x9eeiW$\xb4S\xa4D$\x1a:8\xbf1\x99S\x8dU7&amp;U&gt;O\x1c\xe1\x16&lt;\x8e\xae5"}7`\x9e\xd1\xa4\xa6\xb7\xe5\x7f)\xa4\xe9Ep\x19\x89\xbb&gt;\x0e\xa3/\xb9\xe3\xae\x81\xf7A4\x9a\xcfv\xa3r\xd6\xe2G\xeb[\xd3g\xb5\x05\x81\xd0\xb2o\xc2\xc2\xb40\xe6\x8a%\xcb\x1c\xe8\xcf\x80\xa7\x99\x89\xbb-\xda\xb4\n\xe1Rz\x99\xbc\xcf)=l\xcdeYs:`\xc5\xab\x15\xa9\xc5\x0fP\xbf\x19V\x9a&lt;9\xb0\x8fF\xdf9\x04\x9b\xf2\xcb\x96ebn\xde\xbb{w)\x91{\xf8\x80\xad\xdd\x8c\\\x01j\xee\x9fR\x96)\xb2\x03\xd9\xe8x\xd9\x05,T\xfe@\x89"\xcfK\xf2\x9d\xe0^\x0b\xfe4\xec\xafTt!Xe\t\xec\x93G\x1a\xbb\x82\xaf\x98\xcc\x94\x11&lt;\xfd\xbc\xa97\x99\x13s\xf8L\x1a\xca(\xc7\xa4\x15O-4:\xf5g\x02\xdf\x9a\xe1i=J\x84+\xbe?\xd0\xf3\xd1\xecA\x91\xdb\x88`\xc6Q\xfc\x1b\xf7O\xe2BK&gt;\x10\x83,g\xfc\x8c\x84LXlE&gt;\x11\xc3\x87A\xc9\xcfXX\xed[\x04\x98\xe6\x19\x00\x90F\x99P\xf6Mk-\xd4UQba\x8b\x999\xc0\xc4\x0c\x00\xcd\x97\xbf\x95\x85\x1b\x84Q\x9e\xe2\xbfs\x98hN\x9b\xe1C\x16"\xe8\x85\x81JB\xdf\xe9\xdd#O\x02e5h\x9dWH\xb7p!\r\x1c\x86\xcev1\xbd\rQ\x99\xd6\xa9K]\xe4}?\xf72YD;\x1a[p`!\x96?\xdf\\\x87\x97-Z\xa1\xdc\x14\x1c\xd38\x04bz\xdc5j\xb6\x86\x08\xc3\x9a\x02\xae\xadZ|h\xac\xde\x01\xe4\xb9w\xbd\xd3\xe9\xba\xc8"\xb7\x12\x01\x95\x86\x9b}\xe4\x0b\n=cr\xb35p\x93\x8ap?p\x93I\xff\xb8c\xa8\xc3\xa9Y\xba:F\xa2\x8c\xd6z2\x17\x03Y\x86K\xa3\x0b\xb1\xf2#\xb8\x85\xb7\xdc\xeeB\x9e\xc5(\x88\xc7\x10\x92\x00\xb2\xc7\xf9N\x08\xe4\xdc\t\xd8\xabd\xf0\x96\x7f\xf1\xd4\x95\x19p\xc9\xd5`\x9e\xff2t\x9a\xe9\x9bh\xc1\x1e\n[\xbb\xdd+]\xfb\x04e\xbe\x8aWn\xbbP\xee,0\xa7\x11\x864\xb6\xf4\xaf2\xb7h\xce\x11\xcf\x1bVcHSO~$5\x84\xbd\xea\xda\x13\xc9\xfe\xfb\xe0\t\xcc\x04\xe2\xa8\x05\xe8\x9a\xd9\xee\xe5\xa0{\x95\xb6"_\xa3\x16\xbfz\x10\x8b@\x16yomG\xd1\xbf\xfd\xefI\x01i8DMU\x90\xcch\x01$\xfa\xa8#j\x9b\xdc\xbb@\x93\x01\xdc\xf4R\r\xd0s\xd3s\x01\xb9\xeck\x94\xf4\x08tJ\x00a\xbd\x9b\x91\x842I\xbc\x98X\xacJ\x02O \x1e}\xacL!\xad\xfbC\xc5F\x160v\xa6\x8eyWF\x1a\x83\\}\xe5\x9a\xfb\x92\x08\x1e\x12\x1d\xad\xd9Yl=&gt;i|\xf5%D\xaf`\xbdX|\x8d\\\n\x11\xc6h\xec\xfd\xf8\xf1\xdb\x94\xe4&gt;\xa7\x07i\xd4\x01\xf2\xce\xe2\x1e|\x00F\xfe\x18Q\xf18G\x87\xa1\x80,\xd0)\x8dQ"x\xe4^\x93g\xe3\xc9\xfc\x00\xdc\x14\x7fJ\xeb\xbc\xa7\x98\xf7\x0c\xb9\xf9\x0b\xd6{fD\x04\x1f\x1e\xedU\xb3\xa5\xdfsTa\xda\xbc:\xc6\x11\xc54\x0b\x0b\xdbz\xd0R\xbb\xb3\xd5\xe2\x92\xab\x96\xcfy\x91*\xeb\x84\xf0\xc8\xa7\xb14\x86\xed\xc3\x01\x9f\xce\xfe\x9b\xd5x\xdc\x03s\x12\xa0K\x99\xcd\x82X\xc0t\x1a\xab\xc81\x9f\xd0\xb7E\x00\xed\xfd\xcb\x8e\xe1U\xbf\xe62oP\xc7\x1b\xb0\x05$$\xb3\xecE\x02\xaf\t\xdbdO\xfe\xb8\xe1\xa1%\xee~\xdaUh?W\xbd68\xabJ\xb0\x92#\x8d3V\x19T\x12\xe4_5\xa2\x92\xbc.|^D&gt;\xab\xe2\xc4=\x11y\x8b\xde\x133\xe6t\xbc\x86\x11\x8f\x94\xee\x86\x9cy\x968N\xd3\x9d\x13\xe6igq\xf6\x91\n\xd8y6\xd9\'\xca\xf6%0\xfe\xe8\xed\x06\t0\x8dr`\xda\xe1\xda3q\x832{&amp;\xe5\xd4k\xe3l)\xdc\x15\xc3\x96\xf6\x1b\xdc\xf9$\x80\x89\xc1\xe9?\x80T\x14\x8fGH\xbfvz\x1b\xa4I\xa1\xb4\xbd%\n\x94\x80\x8c\xdb\xa6\xbba\xc3FG\xf5\\\x11#\x07\x06\x86\xf6YB\xac#\xb9\xa5"\xd3\xb5y2\xba\x156\x88\xf7\x80`\x96\xf6\x82$\xc8f\xf6]Y\x91l\xdc\xea\x1e\xdd\x0c|{\xad\xe27bH\xec3\xd7\x8c:\x9cfr\x94\xe4z\xe35\x92Z\x90\xdf(\x04\xe6\r&gt;\x13%\x89,usg#@b\x80\x1e)\x9f\xb2\xd2\x8dU\n\xcdQ2\t\xb5\x19\x13\xfd\x19\xef\x86\xe8\xe6l\xd1\x0fpl\xf2h\xf8\x1c\xa6F\x99\xd0?\xfdO\x1a\xf4\xc3\x1a\xcb]\x92MSf\xc3n\xbb\x07z9\x86\'\xfc\x8d{\x1e\xea\rl\xff\x05x\x86"\xb0n]\x9a\xd7\xbf\xc1\xdd\xeb\x9e\x1e\xe2\xe9\x97u-5\x92J\x91!v}\xb5\xb0(\xcb\xfc\x8bx\t}\xe8\xc0\xbe|/\xc8W\xd5H\x1e*5!\xdc\xb3\xd0\x9a\x81\x12\xa2\x97\xec\x97:_\xef\xfcSX\xd4\xe8T\xe4\x10\xfc,G\xe8\x040\x08\xeb3\x1fi\xd3\xe0Bq\x9a\x91\x02\x1b2\xae+\xbf\x18_\xec\x9f\xb4\xf0y\x95\xcadgi1\xbc\xc5h\x8ci\x9a\xa2e/\xf1\x94w,\xff3\x81\xbcQ\xf2\xb9\xbf\xe0X\x9a0\xcco\x87\xf6\x1fwcq5T\x8e\xb2\t\xc6\xdd/{\xb9C*!U\xa4\x98\x0b\xa6\xb0\rsO\xa5\xe0\x15\xf2\x08\\\x05\x9f\x90-,\x9e\n\xb6\xd6\xda`\xd3\x9c\xeb\xab\xfa\xfb\x8a\xb5\x1ei\xcfS\xef\xf3\x93\x06\x90\x14\xf2\x81\xa5oC\xe1v\x7f::\x07\xff\x9c\xed\xc8\xf8\x1d\x8f\xff\xf9\xb1mr\x866\xe3\xb4\x04\xcc\x1d\x95\xd0\xc1?\x1a\xb5\x8e\xb6\xa1\xec\xad^\xdc\x93\xc1A\xa2y\xbbI\xe5B.\xc7%\xa5A\x95\xf5\xcc\xec\xd7?sQ\xbe\x97GN\xfd!\xfa\x07\xd0\x90\x1aM\xfcy\xa2\x8b\x80\x95F\xa6h\xcb\xac\x95\x13\xd60\xe6\r\x12\xd6\xd5\x88\x1c\rIS\xe6\xd1\xf0m\x17w \x7f\xba\xb8\x02\xc5kH4\x8eb3\xe7#\x88\x15"\x0f\x15\xfe\xd6\xc3\xe6*\xf3k\xa2\xb8\xc7X\xc7._\xfaw_\xb9\x94:(\xc0\x18\x12y%}\x0f\x82\xb8\xe2\xc0$\x1f\xd4\xc2i\xba\xf5r7\x96A\xf2\xe0\xd3K\xb9k\x13^!\xef\xb2\x8f\xaa\xb2\xac\xcd\x14F\x1b\xeb"\';\xa8{!*\xfbP\xec\xd9\x95C^k\xe4\xd4.\xbd`\xb85\xb2\xd7\x12#\x08y\xc8QB0I\x0b\x96m\xe31J\xa6\xc6\x023G\x00\xefai%\x87\xec\x80wC\x1f\x9f\xa8\xe1d\xae|\xad\x13\xca\xec\x9a\xa1\xd7\xe0\xb2\xbeZ"\xbd\xa7\xca\xf4c\xfa\x9e\xdd(\xcc\xd3Y\xba\xc1\x17\xc6nS\xc7\x8ae\xb8\x95f\xcf\x81\xbb^\xd0\xc74L\xe7-\xc9\x9a\xf4\x11\'\x0f\x00\xeaW^\xe9\xab\x90\'\x9eJ&lt;f\x8cl\xf3.\xe2\x96F\xa5-w\xbf\xc3\xcd\xef\x18\x91:\x8fI\x98\x07E\xb8E\x85%\x8e\xa8kxi\xc3\xf1\xed\xcd\xd9\xda\x81\xcbR\x9d,9\xd7\xcc\x0c\xbb\x1a\xa4w\xbaA\xde\xb9\xe4u\x93Y8J\xb4`\x8bek\xdb\xe3\xa4\x8c\xfe\x06\r\x17\x97\xba\xb5\x88="\x87\xc3\x97\xf8\xf881\xd4w\xd9\xaf\x93j&lt;\xad\x8e\x83\x9b\x88\xa0d\x18\xec)1\x0e\x96R\xe2\xc1/+I\xcd\xb75\xd7.\x96\x1d\xbeT6*\xf4P\xaf\x85\xe3\x91\xa7\r@\x02\xd3\x10Ql\x8bz\xceUg\x1c\xac]\x1db\xab\xf9ti\xdck&amp;\x0e\x19$\xa4\x995\x15\x8b\x90\x08\x92\xeeZ\x8f\x1a\xcf\x9djV\xda7av\xec\xdf\xa3\xc9\x84\xd1g_{1\xe9i\xe7y\x87\xf4:\xf2\x97"\x00\x0e\x82\x95\'D\xcb\xa6c\x8e\xe8-\x1a(*\x87\x00Y\x98\x1f\x12\xc4L\x81\xae\x84r\x1fR\x96\x96\xef\x0bq\xf34\xda\xe2\xc9&lt;\x8f\xec\x1aN\x1f;\x82#o\xbd\x86\x8e\xe9f\xd5\xf0]\xbf\xd7?\x11\xcd\xc8x\x89[\xe1\xe7\x0b\xb3\x01f\x90~\xff\xfa\xbc\'\x9e7\xff\x95\xe4\xc9\x17\xe5%@\x8bU\xb6\\ \x85\xd6\xef\xc1AA\xe2\x9e\xcb\x9dBy\xaf\x9e\x92\x1e\xde\xdf\xa3aE\xfcW\x0f+k\x10\xb3\xed+\xa2\x1b\rP\xa4\xeb\xcb\xd1\t\x83\xf3|\xe1\xb3\xfb\xd3\xdf\xc8\xcc0\xb1\xc5\xff\x82\x15F\xbag\xc0\xb5\xfe\xb9g\xf9\xd6\x9d\xaaj[\x0f)\xe3U\xdc\x9f\xc9\x956\xd2\x826\xe8\xc4=\xe0z\x9b\xfe\x16\xbd\x8b5\x0eH\x9f\x8d\x84H\xce\xb4\x89_\x08\x86T\xb4H&gt;\xb5X\xceh\xe9\x1e\xb3R\xa9\x1a\xe0\x081\x83N[#\x8a\x11#\'\xec\xfa_w\xa3-\xc0R6\x8f!#\xd9\xb9w_\xe8\xadO\xe7\xe0\x12\x17\x06\r\xe8V\xc2\xa7\x9d\xbfg\n\xde\xa8Q\xfd0\xb0g7\xbd\x99\xd6\x0cG7\\\xc0^V'</t>
  </si>
  <si>
    <t>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</t>
  </si>
  <si>
    <t>b'zf\xed\x17\xbe\xf4\x16\xa8\xa2\xa9\x1f\x82\xb8\x0c\x97\xd9'</t>
  </si>
  <si>
    <t>I don't rightly know, sir," answered Morgan. 
 "Do you call that a head on your shoulders, or a blessed dead-eye?" cried 
 Long John. "Don't rightly know,</t>
  </si>
  <si>
    <t>b's\xc2\x97\\\xd0\x08\xcf\x17\xad&gt;f\x83\xb2b\x95\x89\x9c\x1c\xa4?\xed\xd9|\xcab\n\x91\x90f\x05n\xc8\xd6\x81/\xa3\x9f5\x0fW-lS\xe9%Z\xfaqR\xbau\x8b\x1eU\xc7\xbe\xa8L8/y\xddk\xb0\n\x92a9\xaf\xbf\x0e\xd4\x04ch\xdf\xfe{W\xc4&amp;\x1c\xdd\xafP-\xbc\x12{D\x12i\xb54\x96\x13R|U\xb7\x8b\xb9\x12\xb7\xe6\xfb\xc0\xcd\xfaA\t"M\xb47Bu;od\x86\xacY/6Y\xcb0 r..\xc5\xd0\xce\xa5\x9d|\x8cO\xd4\x05\x9a\\Ev\x9fUM\xeb\xd9 d\x8c+a\x98/#\xcc\xfd\n\xe3lBg\xfa_\xc8\xeer&gt;(\x9b\xa5\xc0:\x94\x02\xa0\x01\xa7R\'\xfc#\x8c\x15\xdc\xd7\xf0\xec\xaf\x8a\xe8\xd2\xc6fu\xcfR_\n7\x08\x9a\xe47\xbf/\xf11\xa2\xac\x1cQ\xccVv\xf0\xcd\x98\xe8\xeb\x0b\x1b\x0b&lt;\x93\xe3~hQ\xc8d1\x04(Rq9\x95\x1b\xfc\x9f\xf6\xf6\xed_*\x8e\x07l\xc6\xfb\xec'</t>
  </si>
  <si>
    <t>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</t>
  </si>
  <si>
    <t>b's\xc2\x97\\\xd0\x08\xcf\x17\xad&gt;f\x83\xb2b\x95\x89'</t>
  </si>
  <si>
    <t>but I like her best. Suppose, to make her happy, we whisper to her in her
 sleep that the brats are coming back. They are really within two miles of the
 window now, and flying strong, but all we need whisper is that they are on the
 way. Let's.
 It is a pity we did it, for she has started up, calling their names; and there is no
 one in the room but Nana.
 'O Nana, I dreamt my dear ones had come back.'
 Nana had filmy eyes, but all she could do was to put her paw gently on her
 mistress's lap; and they were sitting together thus when the kennel was
 brought back. As Mr. Darling puts his head out at it to kiss his wife, we see
 that his face is more worn than of yore, but has a softer expression.
 He gave his hat to Liza, who took it scornfully; for she had no imagination,
 and was quite incapable of understanding the motives of such a man. Outside,
 the crowd who had accompanied the cab home were still cheering, and he was
 naturally not unmoved.
 'Listen to them,' he said; 'it is very gratifying.'
 'Lot of little boys,' sneered Liza.
 'There were several adults to-day,' he assured her with a faint flush; but when
 she tossed her head he had not a word of reproof for her. Social success had
 not spoilt him; it had made him sweeter. For some time he sat half out of the
 kennel, talking with Mrs. Darling of this success, and pressing her hand
 reassuringly when she said she hoped his head would not be turned by it.
 'But if I had been a weak man,' he said. 'Good heavens, if I had been a weak
 man!'
 'And, George,' she said timidly, 'you are as full of remorse as ever, aren't you?'
 'Full of remorse as ever, dearest! See my punishment: living in a kennel.'
 'But it is punishment, isn't it, George? You are sure you are not enjoying it?'
 'My love!'
 You may be sure she begged his pardon; and then, feeling drowsy, he curled
 round in the kennel.
 'Won't you play me to sleep,' he asked, 'on the nursery piano?' and as she was
 crossing to the day nursery he added thoughtlessly, 'And shut that window. I
 feel a draught.'
 'O George, never ask me to do that. The window must always be left open for
 them, always, always.'
 Now it was his turn to beg her pardon; and she went into the day nursery and
 played, and soon he was asleep; and while he slept, Wendy and John and
 Michael flew into the room.
 Oh no. We have written it so, because that was the charming arrangement
 planned by them before we left the ship; but something musthave happened
 since then, for it is not they who have flown in, it is Peter and Tinker Bell.
 Peter's first words tell all.
 'Quick, Tink,' he whispered, 'close the window; bar it. That's right. Now you
 and I must get away by the door; and when Wendy comes she will think her
 mother has barred her out; and she will have to go back with me.'
 Now I understand what had hitherto puzzled me, why when Peter had
 exterminated the pirates he did not return to the island and leave Tink to escort
 the children to the mainland. This trick had been in his head all the time.
 Instead of feeling that he was behaving badly he danced with glee; then he
 peeped into the day-nursery to see who was playing. He whispered to Tink</t>
  </si>
  <si>
    <t>b'\x98\xd7h_\xa2\xc0e\x1f'</t>
  </si>
  <si>
    <t>98d7685fa2c0651f</t>
  </si>
  <si>
    <t>sts that overall price levels,
 when measured in a single currency, should be higher in rich countries than in poor
 countries.16
 Beyond Purchasing Power Parity: 
 A General Model of Long-Run Exchange Rates
 Why devote so much discussion to the purchasing power parity theory when it is fraught
 with exceptions and apparently contradicted by the data? We examined the implications of
 PPP so closely because its basic idea of relating long-run exchange rates to long-run
 national price levels is a very useful starting point. The monetary approach presented
 above, which assumed PPP, is too simple to give accurate predictions about the real world,
 but we can generalize it by taking account of some of the reasons why PPP predicts badly
 in practice. In this section we do just that.
 The long-run analysis below continues to ignore short-run complications caused by
 sticky prices. An understanding of how exchange rates behave in the long run is, as men_x0002_tioned earlier, a prerequisite for the more complicated short-run analysis that we undertake
 in the next chapter.
 1 4See Kravis and Lipsey, Toward an Explanation of National Price Levels, Princeton Studies in Inter_x0002_national Finance 52 (International Finance Section, Department of Economics, Princeton University,
 November 1983); and Bhagwati, â€œWhy Are Services Cheaper in the Poor Countries?â€ Economic Journal 94
 (June 1984), pp. 279â€“286.
 1 5This argument assumes that factor endowment differences between rich and poor countries are sufficiently great
 that factor-price equalization cannot hold.
 16You may wonder about the group of countries in Figure 16-3 that have higher per capita incomes than the U.S.
 but significantly lower price levels. These are countries such as Saudi Arabia, where wealth is the result of
 resource endowments rather than high manufacturing productivity or abundant capital. Excluding these countries
 from the sample would make the regression line in Figure 16-3 steeper, at the same time improving its fit.
 404 PART THREE Exchange Rates and Open-Economy Macroeconomics
 1 7A similar presumption was made in our discussion of the transfer problem in Chapter 6. Nontradables are one
 important factor behind the relative preference for home products.
 The Real Exchange Rate
 As the first step in extending the PPP theory, we define the concept of a real exchange
 rate. The real exchange rate between two countriesâ€™ currencies is a broad summary meas_x0002_ure of the prices of one countryâ€™s goods and services relative to the other countryâ€™s. It is
 natural to introduce the real exchange rate concept at this point because the major predic_x0002_tion of PPP is that real exchange rates never change, at least not permanently. To extend
 our model so that it describes the world more accurately, we need to examine systemati_x0002_cally the forces that can cause dramatic and permanent changes in real exchange rates.
 As we will see, real exchange rates are important not only for quantifying deviations
 from PPP but also for analyzing macroeconomic demand and supply conditions in open
 economies. When we wish to differentiate a real exchange rateâ€”which is the relative
 price of two output basketsâ€”from a relative pr</t>
  </si>
  <si>
    <t>b'0D\x02 \x1e\xfb\xf9\xbc\xa5,\xa8ES@\xa0\xf7\xdb\x90\xa1S\xe9\xb9\xf7\x1b+\xafU\xed\x85\xbf\xf2r\xafS\x06\xce\x02 `PTf\xa7\xf8|\xc4\x12\xfa\x1b\x8e\xb2\xbb\x9f\xbe\x12\x02MY\n\xc8\x0e\x88\xbcx5\xaaD\xe9\x04g'</t>
  </si>
  <si>
    <t>304402201efbf9bca52ca8455340a0f7db90a153e9b9f71b2baf55ed85bff272af5306ce022060505466a7f87cc412fa1b8eb2bb9fbe12024d590ac80e88bc7835aa44e90467</t>
  </si>
  <si>
    <t>b'0D\x02 \x1e\xfb\xf9\xbc\xa5,\xa8ES@\xa0\xf7'</t>
  </si>
  <si>
    <t>d them, and in the phlegmatic manner that is to them the pearl
 of manhood squatted above the children's home, awaiting the cold moment
 when they should deal pale death.
 Here dreaming, though wide-awake, of the exquisite tortures to which they
 were to put him at break of day, those confiding savages were found by the
 treacherous Hook. From the accounts afterwards supplied by such of the
 scouts as escaped the carnage, he does not seemeven to have paused at the
 rising ground, though it is certain that in that grey light he must have seen it:
 no thought of waiting to be attacked appears from first to last to have visited
 his subtle mind; he would not even hold off till the night was nearly spent; on
 he pounded with no policy but to fall to. What could the bewildered scouts do,
 masters as they were of every warlike artifice save this one, but trot helplessly
 after him, exposing themselves fatally to view, the while they gave pathetic
 utterance to the coyote cry.
 Around the brave Tiger Lily were a dozen of her stoutest warriors, and they
 suddenly saw the perfidious pirates bearing down upon them. Fell from their
 eyes then the film through which they had looked at victory. No more would
 they torture at the stake. For them the happy hunting-grounds now. They knew
 it; but as their fathers' sons they acquitted themselves. Even then they had time
 to gather in a phalanx that would have been hard to break had they risen
 quickly, but this they were forbidden to do by the traditions of their race. It is
 written that the noble savage must never express surprise in the presence of
 the white. Thus terrible as the sudden appearance of the pirates must have
 been to them, they remained stationary for a moment, not a muscle moving; as
 if the foe had come by invitation. Then, indeed, the tradition gallantly upheld,
 they seized their weapons, and the air was torn with the warcry; but it was now
 too late.
 It is no part of ours to describe what was a massacre rather than a fight. Thus
 perished many of the flower of the Piccaninny tribe. Not all unavenged did
 they die, for with Lean Wolf fell Alf Mason, to disturb the Spanish Main no
 more; and among others who bit the dust were Geo. Scourie, Chas. Turley, and
 the Alsatian Foggerty. Turley fell to the tomahawk of the terrible Panther, who
 ultimately cut a way through the pirates with Tiger Lily and a small remnant
 of the tribe.
 To what extent Hook is to blame for his tactics on this occasion is for the
 historian to decide. Had he waited on the rising ground till the proper hour he
 and his men would probably have been butchered; and in judging him it is
 only fair to take this into account. What heshould perhaps have done was to
 acqu</t>
  </si>
  <si>
    <t>b'\x03\x19\x98\xd4\xa20)t'</t>
  </si>
  <si>
    <t>031998d4a2302974</t>
  </si>
  <si>
    <t>right through a magnetic field
  (Fig. 7.21a). A current flowed in the loop.
  Experiment 2. Hemovedthemagnettotheleft,holdingtheloopstill(Fig.7.21b).
  Again, a current flowed in the loop.
  Experiment 3. Withboththeloopandthemagnetatrest(Fig.7.21c), he changed
  the strength of the field (he used an electromagnet, and varied the current
  in the coil). Once again, current flowed in the loop.
  I
  B (in)
  (a)
  v v
  B (in)
  FIGURE7.21
  I
  (b)
  B
  changing
  magnetic field
  (c)
  I
 7.2 Electromagnetic Induction
  313
  The first experiment, of course, is a straightforward case of motional emf;
  according to the flux rule:
  E =âˆ’d
  dt .
  I donâ€™t think it will surprise you to learn that exactly the same emf arises in Ex
 periment 2â€”all that really matters is the relative motion of the magnet and the
  loop. Indeed, in the light of special relativity it has to be so. But Faraday knew
  nothing of relativity, and in classical electrodynamics this simple reciprocity is a
  remarkable coincidence. For if the loop moves, itâ€™s a magnetic force that sets up
  the emf, but if the loop is stationary, theforcecannot be magneticâ€”stationary
  charges experience no magnetic forces. In that case, what is responsible? What
  sort of field exerts a force on charges at rest? Well, electric fields do, of course,
  but in this case there doesnâ€™t seem to be any electric field in sight.
  Faraday had an ingenious inspiration:
  Achanging magnetic field induces an electric field.
  It is this induced8 electric field that accounts for the emf in Experiment 2.9 Indeed,
  if (as Faraday found empirically) the emf is again equal to the rate of change of
  the flux,
  E = EÂ·dl=âˆ’d
  dt ,
  then E is related to the change in B by the equation
  EÂ·dl =âˆ’ âˆ‚B
  âˆ‚t Â·da.
  (7.14)
  (7.15)
  This is Faradayâ€™s law, in integral form. We can convert it to differential form by
  applying Stokesâ€™ theorem:
  âˆ‡Ã—E=âˆ’âˆ‚B
  âˆ‚t .
  (7.16)
  8â€œInduceâ€ is a subtle and slippery verb. It carries a faint odor of causation (â€œproduceâ€ would make
  this explicit) without quite committing itself. There is a sterile ongoing debate in the literature as to
  whether a changing magnetic field should be regar</t>
  </si>
  <si>
    <t>b'\x96\x99\xa1P\x12k\x1b%=\x82O\xc6\xad(c\xe9\xcf\xa0`+h\x8fY^\x1c\xe40F\xeb\xa4\xb3&lt;'</t>
  </si>
  <si>
    <t>9699a150126b1b253d824fc6ad2863e9cfa0602b688f595e1ce43046eba4b33c</t>
  </si>
  <si>
    <t>b'\x96\x99\xa1P\x12k\x1b%=\x82O\xc6\xad(c\xe9'</t>
  </si>
  <si>
    <t>mpose the circuit into sections that more easily
 lend themselves to analysis by inspection. As illustrated in Fig. 10.56(a), we first seek a
 Thevenin equivalent for the section consisting of vin1, vin2, M1 and M2, assuming vin1 and
 vin2 are differential. Recall that vThev is the voltage between A and B in the â€œopen-circuit
 conditionâ€ [Fig. 10.56(b)]. Under this condition, the circuit is symmetric, resembling the
 topology of Fig. 10.16(a). Equation (10.92) thus yields
 vThev = âˆ’gmNrON(vin1 âˆ’ vin2), (10.201)
 where the subscript N refers to NMOS devices.
 To determine the Thevenin resistance, we set the inputs to zero and apply a voltage
 between the output terminals [Fig. 10.56(c)]. Noting thatM1 andM2 have equal gate-source
 voltages (v1 = v2) and writing a KVL around the â€œoutputâ€ loop, we have
 (iX âˆ’ gm1v1)rO1 + (iX + gm2v2)rO2 = vX (10.202)
 and hence
 RThev = 2rON. (10.203)
 The reader is encouraged to obtain this result using half circuits as well.
 Having reduced the input sources and transistors to a Thevenin equivalent, we now
 compute the gain of the overall amplifier. Figure 10.57 depicts the simplified circuit, where
 the diode-connected transistor M3 is replaced with (1/gm3)||rO3 and the output impedance
 âˆ—This section can be skipped in a first reading.
 10.6 Differential Pair with Active Load 485
 M 1
 I SS
 DD
 M 2
 V
 M 3 M 4
 out
 in1 in2
 P
 RThev Thev v v v
 v
 A B
 M 1
 I SS
 in1 M 2 in2
 P
 v v
 Thev v
 M 1
 I SS
 M 2
 P
 r O1 r O2
 v X
 i X i X
 v 1 v 2
 (c)
 (a)
 (b)
 A B
 Figure 10.56 (a) Thevenin equivalent, (b) Thevenin voltage, and (c) Thevenin resistance of input
 pair.
 of M4 is drawn explicitly. The objective is to calculate vout in terms of vThev. Since the voltage
 at node E with respect to ground is equal to vout + vThev, we can view vA as a divided version
 of vE:
 vA =
 1
 gm3
 _x0005_
 _x0005_
 _x0005_
 _x0005_
 _x0005_
 _x0005_
 _x0005_
 _x0005_
 rO3
 1
 gm3
 _x0005_
 _x0005_
 _x0005_
 _x0005_
 _x0005_
 _x0005_
 _x0005_
 _x0005_
 rO3 + RThev
 (vout + vThev). (10.204)
 Given by gm4vA, the small-signal drain current of M4 must satisfy KCL at the output
 node:
 gm4vA +
 vout
 rO4
 +
 vout + vThev
 1
 gm3
 _x0005_
 _x0005_
 _x0005_
 _x0005_
 _x0005_
 _x0005_
 _x0005_
 _x0005_
 rO3 + RThev
 = 0, (10.205)
 VDD
 M 4
 out
 RThev Thev v
 v
 A
 B
 r g
 1
 O3
 m3
 r O4
 E
 Figure 10.57 Simplified circuit for calculation of voltage gain.
 486 Chapter 10 Differential Amplifiers
 where the last term on the left-hand side represents the current flowing through RThev. It
 follows from Eqs. (10.204) and (10.205) that
 âŽ›
 âŽœ
 âŽœ
 âŽ
 gm4
 1
 gm3
 _x0005_
 _x0005_
 _x0005_
 _x0005_
 _x0005_
 _x0005_
 _x0005_
 _x0005_
 rO3
 1
 gm3
 _x0005_
 _x0005_
 _x0005_
 _x0005_
 _x0005_
 _x0005_
 _x0005_
 _x0005_
 rO3 + RThev
 +
 1
 1
 gm3
 _x0005_
 _x0005_
 _x0005_
 _x0005_
 _x0005_
 _x0005_
 _x0005_
 _x0005_
 rO3 + RThev
 âŽž
 âŽŸ
 âŽŸ
 âŽ 
 (vout + vThev) +
 vout
 rO4
 = 0. (10.206)
 Recognizing that 1/gm3 _x0002_ rO3, and 1/gm3 _x0002_ RThev and assuming gm3 = gm4 = gmp and
 rO3 = rO4 = rOP, we reduce Eq. (10.206) to
 2
 RThev
 (vout + vThev) +
 vout
 rOP
 = 0. (10.207)
 Equations (10.201) and (10.207) therefore give
 vout_x0004_ 1
 rON
 +
 1
 rOP _x0006_
 = gmNrON(vin1 âˆ’ vin2)
 rON
 (10.208)
 and hence
 vout
 vin1 âˆ’ vin2
 = gmN(rON||rOP). (10.209)
 The gain is independent of gmp. Interestingly, the gain of this circuit is the same as
 the differential gain of the topology in Fig. 10.51(b). In other words, the path through the
 active load restores the gain even though the output is single-ended.
 Example
 10.29
 In ou</t>
  </si>
  <si>
    <t>b'`FTq\xf6;\xff\x89+\x9cq\xc5`\x94\x8a\xf1'</t>
  </si>
  <si>
    <t>60465471f63bff892b9c71c560948af1</t>
  </si>
  <si>
    <t>e in substrate concentration, the velocity of the enzymatic
reaction rises at first. The reaction ultimately reaches a maximum velocity
(Vmax) which is not exceeded by any further rise in concentration of the
substrate. This is because the enzyme molecules are fewer than the
substrate molecules and after saturation of these molecules, there are no
free enzyme molecules to bind with the additional substrate molecules
(Figure 9.5).
The activity of an enzyme is also sensitive to the presence of specific
chemicals that bind to the enzyme. When the binding of the chemical
Figure 9.5 Effect of change in : (a) pH (b) Temperature and (c) Concentration of
substrate on enzyme activity
VmaxVelocity of reaction (V)
[S]
V
2
max
Km
(a) (b) (c)
pH Temperature
Enzyme activity
2024-25
BIOMOLECULES 117
shuts off enzyme activity, the process is called inhibition and the chemical
is called an inhibitor.
When the inhibitor closely resembles the substrate in its molecular
structure and inhibits the activity of the enzyme, it is known as
competitive inhibitor. Due to its close structural similarity with the
substrate, the inhibitor competes with the substrate for the substratebinding site of the enzyme. Consequently, the substrate cannot bind and
as a result, the enzyme action declines, e.g., inhibition of succinic
dehydrogenase by malonate which closely resembles the substrate
succinate in structure. Such competitive inhibitors are often used in the
control of bacterial pathogens.
9.8.5 Classification and Nomenclature of Enzymes
Thousands of enzymes have been discovered, isolated and studied. Most
of these enzymes have been classified into different groups based on the
type of reactions they catalyse. Enzymes are divided into 6 classes each
with 4-13 subclasses and named accordingly by a four-digit number.
Oxidoreductases/dehydrogenases: Enzymes which catalyse
oxidoreduction between two substrates S and Sâ€™ e.g.,
S reduced + Sâ€™ oxidised ï£§ â†’ï£§ S oxidised + Sâ€™ reduced.
Transferases: Enzymes catalysing</t>
  </si>
  <si>
    <t>b'\xbcw\x1cP\xb3\x90B5\x80\x9adx}i:u\xe3\xf8S\xb4n\x17\xac\xe5\xa7\xef~\xc2X\x02\xc8\x14\xeb\xbe\xff\xe8\n\xfdz\xd2\xa3\x98\x81\x91\x0f\xfd\x10\xef\xecU \xaex\xd06\xd7\xd6&lt;xb\xe3Eg/\x85\xd4\xa7=\x18\xb2\xd7\xad\x98\xfd]\xb4\x1b\xfc$\xf7\xbd\xed\x83\x1a\x03%;\xeb\xf4\x08\x98EI4\xd7\xd0PVw\x95I\xf20\x11\n}\x85\xae!\x12Kp|B\xb6\x03\x1a\xa1?\xd2\x81M\x02&gt;3ts\xbd\xaaH\xa9t\x8e|\x89b\x87O\xd9{D+z\x7fF\xba\xa7\xb9\x14\xbcO\xcf\xb7gy\xd1\x9c6\xfc\xc2\x80VG\x0bl\xe9, \xc7\xa3\x8a{(\xe9J\xe5\xa1\x01[\xbf\x03\xc6\xfez\x9f\xba&amp;\x8aI\x05\xd3\xda\x9a=\xea\x16JAa\xfa\xc7\x9a\xd1\x9e[j\xabu\x1b\xe7\x191\x18\rdD\xff\x0c\x1a\xa3\xa5\xef\x8an\x03d\xe2\xd8\x84\xfa&lt;\xde\xdf=\xb5\xba\x95\x1a\x90\x8e@\xa9\xa0+\xea\xf2\xdf\x8a\xdd:\x87\xa5\x8e\xd1sj\xb9wz\xfa5\xd9\xe4\xb7\xd3\x9f?\xef[\xab\xd9\xf96\xcf\x84\xd5\xc0R\xf8K0\xfb\x1c\xfe\x1c\x91\xfc\x89\x80\x19*}Ozc_\x9e\x87nz\xa8\'\xe1\xcb\x17\x0ea7\x91\x08}J\xe1\xae\xcd8\xccQ\xde\xbbN\xf7\x80\xcf\xfb\x02\xf7\xb3k~\xa1\x9f*&lt;\'\xf3\x01 !\x83\xcb\xaaq\x82 !o\x89\x07\xae\xa7\xa9\x08\x8d\xefA\xeb{I\xef9W(O\xcf\x12\x9fu\x8a\xa6\t\xbaz\x99\x86\xf3\x8a\xfa\xc1\xd6\x174\x10\xf7\x96\xcc\x9b\x89\x98-\x1e\xad4Y\x1c\x150w\xfa\x99\x91.\x10\xef\xdd\xefi]K@\x93x\x83\xb1$\xf4X\xe3\r\xd5\x9d\xf3]\x9fk]+S\xe6\x1d\x86\xde\xf5\x87\x82\xe9ouQ\x98\xcb\xd3\xc0D\xd7$\xd1_\xf1\x88\x0eOf\x85\xf2F73\xb6}%\x9f\xc1\xd4`$r\x19\x00.(\xf2\xbe\x92\x01\xb2\xbcG\x00\x18\xc5\x0e\xd7\t\xea\xbaa\x98\x15_\xe4\x808\xd8\xea\xac\xf3\xa1\x08\x0e\x1e\xf36\xec\xeeQ\xb26\xc4T6x\xd0\x03\x95{4\x83=r\xdcPO\xa92\xe1\xb1&amp;\x02\xbc\x9e\xcb\xee\xee\xe8\xdeV.\x1di\x9cS\xf0\xe6\xbd\x15v\x12\x11\xdc[\xa4\x06\x8eaX\x84\xcd`\xe7^.\x8e/2\xb8{\x18k4\x18\x1c\x89\xd4\xdc\xc3\x1aL\xc0N\x9f\x1e\xce\xd5\x8f[\xdf\x90-\xbbX\x1d\xb0\xbe\xf9\xce\x13z\xb7\x08\x0e\xe0\x94;0\x93Q\xf4\xf7\xab\xd2z\xca.\xcc\x80\xc3&gt;tR\xf9|m\x1d\xb2\xef\x07i\x0b\x17\x96\xc2\xa0A\xa1`\x97\x00\xd9\xd6\xc00z\x08\xffceG4*c\xd6\xb3\xa0\xed\x1d\xd0\x8f\xb2\xd2ct}3\x8c\x1bfvq\xb4\x9c\x89T\x9fN\x8d\xc2]J\xcei\xe3\xdf\xc1\xb4O\xee\x9f\xb1m\x90k\xed\x08\xa6\x82\xafl\x94%\x9f{]\xa1\x94Z\xcb\xd9\tLJ\xd1\xd0n\x02\xcd\t2\x9fT-\x91\xc9\x99\x93\x1c\x1ag(3\x12\x9b\xd7L\x958\xf9\x0e\xa7G\xf8\x9c\xfc\xd3\xec\x15\xea\xcdB7\xbcX\xa0Yj&amp;\x8d\xb7\x1882bf\x91(0B\xc3@\x88(\'\x9f\xe9\xa4\xdc\x12F\x92h]a|\x1eH\xb1\xea{e\xeb\'\xbd\xde\xe1\xe8o5\x12\x00\xd6\x05\xc2\x02\xc2D\xac\x19\xcb!r\x1d\x8f\x14\x0e\xe7\xb0\xefBK\x91\x14J3\x07\xdfA|\xf1\x92\x08\xe4\nx\xdf\xb1n4\xf3\x1f\xd1\x11\r\n\x08\xb2\xf6F:\xc1\t\xde=o\x98\xb8_6\x85&gt;\xd8\xc9\xca]\x11$U\xa2J\xe31EO\xd3\x0c\'\xb5Z\x82\xbd\x96zn77\xd8\x14\xfd\xe4\xe8\xe0]\xc9M\xbe o2=G\xc2\xdf]\xfa\xb2`\xf6=?\xb6\x9a=3v\x9f\x9a\x8e\xc3\xc5\xf9\xb7\xcd\xf8Q\xb3\xfe\xec\xe3V\xfc\x0f~\xa5\xa2\xb1S7#\xa40\xa8i\x1e\xad\x9f\xe8\x1e[\x01eD1c,\t\xb5d\x00\x1dj/\x0c\x94\xbb\xc4\xc5\x9e\xf8lP\\\xbd\xbe*\x02\xca\xe0\xdd,\xc1\xad"\'\x12*7`\x9e\x93\xd5M\xa1\xbd\x1a\xf3\t\x9a/\xf1\n\x1c\x13g?\xde\xb7\x0eV{\x01\x8b\xe1\xc2{\xf6);\x96\xe4k\xf5\xd4\xd0i\x12c\xa9\x9a\x89\x06\xc4\xa9\xad\x10lE&lt;\xaeC9U\xdeu\x7f\xef\xd0\x98\xa8\x87y\x0f\xe8\xf6LM^\xce\xd1{D\xc7\xdbG\xb6\xaf\xe2X1\x8f\xc0i\x86\xe4\x84\xd2\x16\xbd\xa4\xde$E\xde\x8a\xf7\x1b\xed\xfe\xf0d8\x02k\xe4\xd8\\\xf1\xf4\x99\xa5@T\xd2v\x14\x11\rP\xd1V\xe1\xa5\xee\xf7\xaf\'\x98\x8cW8~\x8aq\xfe\xb0\x16\x9f\xe3\x18\xef\x93\xa9)\xb4z\x19\x98\xd1,\xbf\xe6x\r|\xda\xb6\xaa6L&gt;\xa3v\xecqg*\x14\x9b\xb7\x9a\x0c\xab\xac\xf2\xf6\xe2"\x0fe7\x90q\x00\x14\x7f\xe5JlIY\xc6.\xabe\xca\xc5\xba\n\x03\xd0\xc9/\xecb:\xb0\xd8\x9b\x8a\xfb\x1b\x970R\xb3\xb3q2\xe1F*\x8c}\x98\x19\x97\x929\x90\xf9\xf1\x04\x0fO\xa5~\xaf\x96\xc6\x0c\x8b\xe4\x0f\xa98\x06\x92AF\xd9\x94\xcb\x9d\xc5d\xd0\x0b;F&amp;\xbb\t\x0e\xd0\xe1R\x07[%\xa3\xca\x8c\xca\xab\xed\x00zL\xc5N\x18\xae?\x98f6\xa5\x94h\xaa\x1e.]_\xcf\xa7B$\xe0Yi2a\x03\xaaG\x18\xbf\xa6\xa4\xfa\x06\n\x00\xd0\xda\x17\n$U\xcb[\x16K\x10-\xc4:}\xafUD\x0b+\x0f\xe7@\x04\xe1\xc5\x13?\x9e\xa5\x12\xb9\xa8\x01\xdb\x92\x8d/eT\x82\xd0\xa3\xb8\xd2M\xfa\xba\xd2\'D\x1cv\xa8\xb7\xbe\xe8\x91\xd4\xd0W\xd2\xbe\x1b\x98Li\xe5\'\x00\r\x91\xd7&gt;\xbb6\xe0\xc6%\'\x16\x15\xfbr\x7fk\xf1\xc3\x85c5\xcc4\x92{-y=\xf0\x92\x1c\xdf\x1e\xf2\xc5N\xeb[(3\xbef\xbf\x04\xe8\x94\xcf\xb1\re\xd5A\xca\x9c,\xda\xa6\xc3\x9fW\x03\x84\xfb\xd8l53\xfd\xaf\x0e\x8f\xc5\x98\x02\xcf\xea\xa8\x8b\xdeC\x0b\x84\xe2\xb9\x9b\\,\xc5\xc7z\xb2\x9e\xe7\x1cl%(\x9fc\x15/)\xf0\xac\xdb\xf9l\xb2\xc8\xb6\xe8-\x80\x13\x01Z\xf5\xb1h3Q\xed\xd7=kv\xc1\xd9\x9ck\t\x03\xde\xc1g\x12\xe4\x08\x15\xa4\t(\x97g\xa0&lt;\xc9\xc4\x91\x9fX\xc0\x04\xc7\x89\xb8=\xac\x18\x15\xc7Z\x00\x82\xc9K^\x82N\x99\xf0\x00\xee\xe6\xc5\x9b\xdf\x8d\xcf\x84\xd3C\xbe\x90\x91\xd0\xbd\xa6^\x85\xca\\s\x9a Q\xfe\xabw\x19\x90\xb5\x0c\xf4\xcbu\xb3@\xfc\xe8\xd2\xf2xy\x9e\x84\xadIh\xf33.\x9a\xa7\x82\x01a2\x0fZ\xaf\xca\xfd\xac\xf4\xfam@\x94\n\xb8\xf2\xdfK\x10\xe5\xaeu)\x0e.\xe0\x13\x874\x8b\x8c\x889Bnc3\xae"\x97@,Z\xea\x0c\xd4\x8aW\xad\xd3Ga5\xd0\x9b1\xdf]=\xf5*k8\xeff\'\x7f\xf6_\xac\x7fNm\xb5lU\x1c\xb1e\xbc\x92\x08r\x11\xdc\xb1t\xfd\x17@\xe9F\xd6\xf7\x84L\xac\xff{\xa5&gt;\xb3\xf8\xb2M#\xe9\xc6\xcd~X\x86\xf9Z\xf9\xda\xb57\xd2\xe5\x9dR\x90\x91|\xa58\x96\xde\xd1\xca\x8e\x04\xc4\xf0\xc1\xd2SX3\xb1W8\x97\x86\xf3er\xde\xd5l\x08\x03\xaf)!\xee\xb7F\xdc\x90,\xfe\x9eY\x86\x03\xc2\xf5D\x7f\x9a\xa8\xb9\x9e\x90\xac\x03L*\x83d\xebT\xfal\x11%\'\x9bH\x0f\xdab\xec\xa7M\x81\x0b\x15\xf1\x91q\xef\r\xde\x84\x94\x92\x84mL!\x07l\xc5\xf8g\xf0{\xeb\xa2/\x15\xba\xad\x14\xdc\xdeL\x04 ?\x03\xf2vm\x83^\xcd\xf3\xe5\xf86\x18\xd0\xac@t|e\xd2D\xfa\x04\xfa\xe1F&lt;\x7f\xf5\x15o\x85\x18\'2FFI\x95RU?\xdf5\x03\x08\xa5&amp;\x8a&amp;\x8c\xe2W\x87\x9aDF\xe5\xc8\xb8\x8c[\x0e*\xe2C`\x15\x01.\xe1j\t\xf9\x8c\xf5\x8c\xbb:\xb1\xcem\xb9\x03]x\xa7\xdb\xbd\xb2\xfa\xb7n8\xc5\xcb\x8a\xa6\xdf\x8c\x89\xb8\xdf\xa6C\x01\x80\x94\xd5\xcdl\x06H\x91\x8c\x95\xae\xff\xff\xc3&gt;\xaf,j\xa6\xa2\xd3\xd8\xc0\xe2\x03\x8b&gt;\x04I\xa6\xfdS\xa1\xdb!\x99e\xdc\xa3\xde,\\\xcf{\x91\x96\x843\xac\xd6\xea\x03\xd4\x00\t\r\xea3\x01\x80\x88\xe8D\n\x1d\x81\x89/\xf2\x91:\xd1\xb5\x85\xfa\xe5W\x967())\x00%\xc5\x89'</t>
  </si>
  <si>
    <t>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</t>
  </si>
  <si>
    <t>b'\xbcw\x1cP\xb3\x90B5\x80\x9adx}i:u'</t>
  </si>
  <si>
    <t>hange rate, can influence eco_x0002_nomic activity both at home and abroad through its monetary policy. In contrast, all
 other countries are unable to influence their output or foreign output through monetary
 policy. This policy asymmetry reflects the fact that the reserve center bears none of the
 burden of financing its balance of payments.
 8. A gold standard, in which all countries fix their currenciesâ€™ prices in terms of gold,
 avoids the asymmetry inherent in a reserve currency standard and also places
 constraints on the growth of countriesâ€™ money supplies. (A related arrangement was
 the bimetallic standard based on both silver and gold.) But the gold standard has seri_x0002_ous drawbacks that make it impractical as a way of organizing todayâ€™s international
 monetary system. Even the dollar-based gold exchange standard set up after World
 War II ultimately proved unworkable.
 KEY TERMS
 balance of payments 
 crisis, p. 477
 bimetallic standard, p. 488
 capital flight, p. 478
 central bank balance 
 sheet, p. 465
 devaluation, p. 474
 gold exchange standard, p. 489
 gold standard, p. 485
 imperfect asset substitutability,
 p. 480
 managed floating exchange
 rates, p. 463
 perfect asset substitutability, 
 p. 480
 reserve currency, p. 484
 revaluation, p. 474
 risk premium, p. 481
 self-fulfilling currency crises, 
 p. 478
 signaling effect of foreign
 exchange intervention, p. 484
 sterilized foreign exchange
 intervention, p. 467
 CHAPTER 18 Fixed Exchange Rates and Foreign Exchange Intervention 495
 PROBLEMS
 1. Show how an expansion in the central bankâ€™s domestic assets ultimately affects its
 balance sheet under a fixed exchange rate. How are the central bankâ€™s transactions in
 the foreign exchange market reflected in the balance of payments accounts?
 2. Do the exercises in the previous problem for an increase in government spending.
 3. Describe the effects of an unexpected devaluation on the central bankâ€™s balance sheet
 and on the balance of payments accounts.
 4. Explain why a devaluation improves the current account in this chapterâ€™s model.
 (Hint: Consider the XX curve developed in the last chapter.)
 5. The following paragraphs appeared in the New York Times on September 22, 1986
 (see â€œEuropeans May Prop the Dollar,â€ p. D1):26
 To keep the dollar from falling against the West German mark, the European
 central banks would have to sell marks and buy dollars, a procedure known as
 intervention. But the pool of currencies in the marketplace is vastly larger than
 all the governmentsâ€™ holdings.
 Billions of dollars worth of currencies are traded each day. Without support from
 the United States and Japan, it is unlikely that market intervention from even the
 two most economically influential members of the European Communityâ€”Britain
 and West Germanyâ€”would have much impact on the markets. However, just the
 stated intention of the Communityâ€™s central banks to intervene could disrupt the
 market with its psychological effect.
 Economists say that intervention works only when markets turn unusually erratic,
 as they have done upon reports of the assassination of a President, or when intervention
 is used to push the markets along in a direction where they are already headed anyway.
 a. Do you agree with the statement in the article that Germany had little ability to
 influence the exchange rate of the DM?
 b. Do you agree with the last paragraphâ€™s evaluation of the efficacy of intervention?
 c. Describe how â€œjust the stated intentionâ€ to intervene could have a â€œpsychological
 effectâ€ on the foreign exchange market.
 d. Try your hand at rewriting the above paragraphs in more precise language so that
 they reflect what you learned in this chapter.
 6. Can you think of reasons why a government might willingly sacrifice some of its
 ability to use monetary policy so that it can have more stable exchange rates?
 7. How does fiscal expansion affect the current account under a fixed exchange rate?
 8. Explain why temporary and permanent fiscal expansions do not have different effe</t>
  </si>
  <si>
    <t>b"0E\x02!\x00\xb2\xca\xbfB\x17\x91C\xa2\x1c\xad\x01r\xef*\x81\xda\xbe\x9e\x95\xc9\xbdnV\x0c\xa0&amp;Q\x8c'd\x0b\xa0\x02 \x0f\x0c\xfa\x08QT$y\x8e1R\x85C0f\xf3\xb4S\x88P\xe1/\xe2\xda\x9b^_\xf0\xb6\x9d\xea\x84"</t>
  </si>
  <si>
    <t>3045022100b2cabf42179143a21cad0172ef2a81dabe9e95c9bd6e560ca026518c27640ba002200f0cfa08515424798e315285433066f3b4538850e12fe2da9b5e5ff0b69dea84</t>
  </si>
  <si>
    <t>b'0E\x02!\x00\xb2\xca\xbfB\x17\x91C\xa2\x1c\xad\x01'</t>
  </si>
  <si>
    <t>so much a heresy as a Hellenization
of Christian thought, or else a distinct, more primitive religion of the Mediterranean
world. Such theories may commend themselves to those who think it possible to
distinguish between the Palestinian yolk of Christianity and the Hellenistic albumen
which nourished it; but since most scholars now acknowledge almost as many
varieties of Judaism as of Hellenism, it seems wiser to assume that Christianity was
complex even in embryo, and kept pace as it matured with the development of the
womb that gave it birth. If there was ever an independent Gnosticism, it left no trace
of itself in archaeology or in the works of any heresiarch who did not purport to be a
Christian Thought 611
Christian. If their doctrines had been too exotic to be reconciled with the apostolic
literature, such teachers could not have hoped to gain a following, and they would
not have been the ones to set a precedent for treating the works of Paul and the
evangelists as scripture. Basilides of Egypt, for example, was a pioneer in the fertile
vein of negative or apophatic theology, which denies that even the most exalted
predicates can be applied to God (Hipp., Ref. 7.2â€“27). Nevertheless, he says, the
ineffable Father has revealed himself through three descending Sonships, each of
which brings order to the ferment of creation, then assumes its destined place, with
its proper retinue, on one side or another of the heavens. Much remains obscure, but
as Basilides is alleged to have composed the earliest commentary on Johnâ€™s Gospel,
we may plausibly surmise that his three Sons are also those of the Evan</t>
  </si>
  <si>
    <t>b'y\x11\xd1^\t\xa6\x8a\x19\xfbeA\xe3\xd1\xe7\xc9\xb2\x8c|\x88\xe3\xc3\x9f+\x97\x1c\x9ao\xdc\x01\xd0It\x8b\xdbo\xb5\xb47\xa3\xbcy\x04uN\xf7F\x9a\x8a\xb9\xbe@^"\xadI\x86^\xf24a\x11\x16\x80\xc3\x9a\xfa\x9b,\xef\xa5\x1b\xee\xf3Rffn\xa2\x99\xafb\x9c\x9b\x8dE\xdf\xc0\xdd\xe4\xf0\x18\xc9l\xf8\xbf\x95T \xe3\xb6\x84\xd7\x9aF\xfa\xd4\xb6\xa85\xba\xb8\xfe\xdce$\xc7D\xc2thW\n\xa8L\xf8A@,n\xce\x8bn\xcd}\x04p\x86\t\x8c\x8d\x16A\x0e\x1c\x1cQA\xa3\xab\x94\xc1\x85z\xc7Dx\x13\xb4G\x0c\xaf\x15\xb2\x8b\xa4h\xe4&gt;\x11+L\xa0\xcbS\xb9\x92\xb9\x81\xb4peQ\x91\xd3yA_\xa6x\x02$\x0e\xf5913\x9f\xf4\xbf]\x08\xe3\xc5\xa0\x7f\xf6\xa4\xa2\xd4r\x0b\x0cp\xca}H,C\xee\xa9H\xd2G\x83\x0f\xa5I\xcf\xc4sp\xa3\x1b\xbe\x18\x9dJ\x8eY\x05(\xee\xf4\x81\xe1?@\x7f\n\x07\x94\xf7\xd1~\xad\x98\xcfc\xc5@v@q1\xdby\xc0Z\xcag)k\xcf%\x93\x9cY\xa1\xe00\xa3\xfdl\xe7\xf4\xe8\\p\xf2\x19$\xbd\x93\x17\xb2\xb5b\x85h\xaa\x16A\xf3\xba\x07q\xb7\xc8/\x93\xf0g\x00\x0cjBh\xb9\xab\xfa\xa5\x94\xc0\x13(\xe6\xdb&gt;]\x89:A\xe5\xf1\xbd\x00\xec\xfb\xc9\x1125\xc0n\x00ZQ\x8a\xf9\xb8\x93\xd8d\xfe\xda\xb1\xa4_r\x12{e\xa2\xbf\xb8-\xbfL-!\xe2\x1brXVME\xd0\xf6\xa5\xe0\xf0o\x94~{/\xfa\x97&amp;\xd3\xea\xa5\x0c,\x18\x1e\x9cC\xedF\x0e\xa8\xfaf\x18\x0e\xda&gt;\xd5\x8a\x99\xc8\xa8\xb5\xbe\xc7T\xd1=\x04\x8b\xb6\xf1\xbe\xe4_0\xbb\x86\x08\x96\x0e4\x97b2\xaa\xa1\xffq\xf8\x87\x97\x83\x05\xcd=\xd2\xcd\xf3~\xc7\xd6AL\x99r^4\x82n\xbe\x91\xa0\x88\xa8faaL!\xdbr_\xc1\te\xb8\x19?\x01x/\x10%\xa9G\xc2\x1a\xa3\xa8nT\x10\xbc\x98\x17(\\d\xa1\xe5\x1d\xd6,\xcd&lt;;!\xe6\xfc\xf3\xe6U\xfd\xef\x84G\x9cK\xe5\x9f!\tb\xea\x015-T\x15\xd1\xa2\x17\xbaX\x1aP\xfeM\xb8\x01\xbd\xd5\xbc\xc2\xe4X\x1bw\xf9I\\\xd09\xf7\x9c\x10\x0c58.mBj\xa9\x8f\x8b/\xe3\xb8\xdd`@\x10\x16]\x04\xb1G\xa6\xf4,\xd1\xb8\xe2[\x04.1,\xa3\x9f\x17\x19\xd2\xd4\x12+\x95*j\x1fL\xb8\xd7P\x94\xbd\x1b\x16\x9b\rookB\x0bAj&gt;Sn\xd0\xa8\x03`\xc0SA\x8c&gt;\xfa\xaeQ\xe4\xe0\rO\x17\x8co\xf8\xd2\xcf6o\xd3\xb2\xdd\xa9\xebY\xba^\xa8\xe9\xcf\r\xf8[\xdd1\t\x02\x95@\xf3\x90\xd0\xc5\x8c\x90v\x06\x91#\xd2\xdbY\xb3\x8f\xd5\xca\xf6\x06\x9a\xb3(\x02bIK\xaf\xcd\xef%V\x07\xcc\xbb6\xf59\xd3T\xc3\x9c\xc1\xe9\xe8\xe5u\xe2\xbeX\xc9{\xb8\xcet\x87\xf1U\xfe\x94\xd5\x05\xee\xab\x06\x81\xf9\n\x7f\xcb\xc6\xa5\xfe\x97&gt;-gE\x91\xcd\xef;\xd8\xe7\x02Zi\xd9\xdd\xc8UM\xdb4:|\xb5\x9c\xab\xb8Zbr\xa0q]\x0c\x19\xc4\x8d\xc3\x8f5\xde\x16UP\xd7\xb3;N\t\xc7\x15\xe5\x9f\xbd\xdb?K\x00\x89\x95\xa1\x11G\x18\xb3\xb8\x9cr\x99\x0c\xbbCr\xf9\x1e\x94\x06=\x1a\x15\xa2U\xf8\x1e\xa6\xc11g\xef\xc5\xd6\xaa`\x87}\xa1d \x8e\xbd\xc7\xfe\x96W^\xc4\rB\xac\x8c\xd4\x10N\xc1\x9f\x10G-\xb8FGl\xc3\x11,^)B\x1fp\xef/,\xeb\x80c\xcf\xb8\xd0\x8cPY\xf3b\xefr\x96{J\xf3\x0b\x18\x88\xb8\xd5A\x9b\xfa\xe0\xf8\xfc\xf0M\xfdMM=\x8dT\xa3\x16\xc7v\x046S+\x93~\xec&lt;\x01D\xa6\x08r\xf1\xbc9\x07\xb0\xb7\\\xad\x87B\x81\x8c\xe7\xf9a\x8b\x8b$\xf9y\xc4\xc5\x99\xf7;\x8f\xdc\xe4\xb8\xbea;\xd1[\xcd\xa5&amp;&lt;7\x85\x0c\xff\x01\x0b,\xfa#\x9ds\x8a\xa4\xb1\x8c\x97\x89wn\x0c \xb9\xf4\n3\xbf\x99)\xfdP\xdcG\x15\xce\xd14@Z\xae\x13\xc5\xa9_\x98\x95\x04\xad\xf6\x9ag\xb0\xa7\x19fY\xf5\xd7\xd8\x14"\xa7P\xab\xf75\x90\xc7l\r$\xa2\x0bG/?\xf2\xeb\xec%\xd0\x16O\x8a\xae\xb6\xf3\xb3\x16\x11\xec\xb4\xbf\xb2\xeey\x8a\x80\x81\xad\x88\xc9\xd6\x9f\xb9\x955z\xd9\n\x9b\xa8\xb1\xd6\x85s\xcat\xbclO\x95\xa3\x16g\x050M{\xe300\x97\x1f\x98\x02F\xac\r\xc1\xfee\x14H\xe8\xc7\x9a+\xced\xee\xdc&lt;\t\x1f\xbf\xab\xf6\x10%{\xb3\x97\xe1\xac\xc9\xc0|\xf6\xc5\xf1\x93AJj\xfb\x06\xb7\xee\xe0\xe1\x95!V\xa6\x1a\xb4\xd0\x1b[\xef\xb4\xb0\x04\x8ay\xbb&gt;\x9f]\x8e\x113\x1d\xc2a|\xb9\xab}YG\xe0\xb8\xaf\x14=!B8FO\x1d\xe8LT\xaa\xf8\x90\x94\xab\xbd\xb4\x0f}\xa8\x80q\x8c\x175\x13\xbd\x800\xbc\x0f)n\xaf"\xa9sO\x1c\x1e\xdc\xbd\x07\xb8\x0867\xc5\xbf\x85P\xe4\xfe\xac\x03\x1c\x90v\xec\xc2\x86Z\x7f\xfe\xe9\xb6\x0b\x8a\xda&lt;\xf8\xc9\xddQ\xc7\xa0\xbcX!\xdamE\x91\x87|\xd6\xb2\x04b\xe8\xf9M\xfd~K\xb1\xd8tn\xedL&gt;\xe50\xe4\xd7S\x9f;\x02;\xf0\xbc\'G\x1a\x92\x8d\xe1\x8a\x88\x04\xf7\xd2,ao\xb2\x9d\xf0E|\x82\x0ev\xb2CK\xc8\xab?F\xdd&amp;\xe4w\x9f9\xb7\xfb\xc6\xee\xc4\xab\xda\xf3\x0e\xdb=\xe0\r\xa0\xc3\x9cq\xe6\xed\t\x04&gt;\xc5\xae\xab$?\xd2F\xca\x06\xc3\xe5\x10\xe8\xb7\xbb\xe0u\x8b\r7\x85\xe0Z\xe7\xc1\xa4\xdd\xaf\x8e\xffP\xe2`\x89_gUj\xbd\xa5\x80\xbb\xc8A\xdb\x802\xd9p[\x81\xfd)9\x9a\x95FjhR\xd5\x1a\xb2\xdb\xca\x8b\xaf\xcbw;2C\xbf\x8d?p\x83E\xe1\xa3\x87\\\xa7J[x\xdd\x02\xb6Ha\xcfC\x8b\x98\x1f8\xfb\x9f+P\xac\xfb\x9b\xaf\x87;\xe0HE\x97\x900\xab!s\xf1\x9aT\x93\xd0\x04\xab+\xf3B@^@f\xba\xe2\x07/\x97\xf1\xa2C\xc0\xd5l$\xbf\x00"\x0e?\xbc\xb6\xf2`\x1d7\xf8\xba\x98\x12q\xc8\x1b\xc2\xf3\xfa&amp;g\xdf\x7fL\x93\xa1{]n\x94t\xe2j\xcd\xdd*B&amp;\x9e\xdb\xb4\xa7\xe0\xa8\xf3\xec\x9a,\xf2Z\x12\rI\xf0qDi!R\xd5\xda$\xe6LsPt\xf6\xad\xa0\x0f\x07\xb7\xd2i\xc3D\xbd\xf9\x08\xf6\xef\xbb\x8b|\xf9\x01\xeaz\x90p\xd2\xd3\x8a\x1ep\xddx\xa5mr\xa3\xa7\xf0p\xa1\xe7,\x8c\x04\xb4\x89\xfc%uX\r\xf1\x18\x99\x92\xb7\xec\xa5\x14G{i\x96&lt;\xd9\x8d\xf3OR\x91\xd2,V\xde]q\'+\xa7}\xecim\x98z\xd9BY\x11'</t>
  </si>
  <si>
    <t>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</t>
  </si>
  <si>
    <t>b'y\x11\xd1^\t\xa6\x8a\x19\xfbeA\xe3\xd1\xe7\xc9\xb2'</t>
  </si>
  <si>
    <t>ery
 happy, and I thought the master was proud of him. Our mistress had been so much
 alarmed in the night that the journey was put off till the afternoon, so James had the
 morning on hand, and went first to the inn to see about our harness and the carriage,
 and then to hear more about the fire. When he came back we heard him tell the hostler
 about it. At first no one could guess how the fire had been caused, but at last a man said
 he saw Dick Towler go into the stable with a pipe in his mouth, and when he came out
 he had not one, and went to the tap for another. Then the under hostler said he had
 asked Dick to go up the ladder to put down some hay, but told him to lay down his pipe
 first. Dick denied taking the pipe with him, but no one believed him. I remember our
 John Manly's rule, never to allow a pipe in the stable, and thought it ought to be the rule
 everywhere.
 36
 James said the roof and floor had all fallen in, and that only the black walls were
 standing; the two poor horses that could not be got out were buried under the burnt
 rafters and tiles.
 37
 Chapter 17. John Manly's Talk
 The rest of our journey was very easy, and a little after sunset we reached the house of
 my master's friend. We were taken into a clean, snug stable; there was a kind coachman,
 who made us very comfortable, and who seemed to think a good deal of James when he
 heard about the fire.
 "There is one thing quite clear, young man," he said, "your horses know who they can
 trust; it is one of the hardest things in the world to get horses out of a stable</t>
  </si>
  <si>
    <t>b'\xa8\xfdYL\xf0\x15\x9f\xde'</t>
  </si>
  <si>
    <t>a8fd594cf0159fde</t>
  </si>
  <si>
    <t>Early voltage is necessary for a voltage gain of 100?
 We must now address an interesting problem. In the mirror of Fig. 9.23(c), it is assumed
 that the golden current flows from VCC to node X, whereas in Fig. 9.33(c) it flows from X
 to ground. How do we generate the latter from the former? It is possible to combine the
 npn and pnp mirrors for this purpose, as illustrated in Fig. 9.34. Assuming for simplicity
 that QREF1, QM, QREF2, and Q2 are identical and neglecting the base currents, we observe
 thatQM draws a current of IREF fromQREF2, thereby forcing the same current throughQ2
 and Q1. We can also create various scaling scenarios between QREF1 and QM and between
 QREF2 and Q2. Note that the base currents introduce a cumulative error as IREF is copied
 onto IC,M, and IC,M onto IC2.
 in Q1 v
 v out
 Q
 VCC
 Q 2
 Q
 I REF
 Q
 I C,M
 REF1
 REF2
 X 2
 X 1 M
 Figure 9.34 Generation of current for pnp devices.
 Example
 9.18
 We wish to biasQ1 andQ2 in Fig. 9.34 at a collector current of 1 mA while IREF = 25 Î¼A.
 Choose the scaling factors in the circuit so as to minimize the number of unit transistors.
 9.2 Current Mirrors 421
 Solution Fo</t>
  </si>
  <si>
    <t>b"\x85\x8a\xcc\x91q\xbd\xe5\xfd\x94\xb81\x15\xd4\n'\xa2"</t>
  </si>
  <si>
    <t>858acc9171bde5fd94b83115d40a27a2</t>
  </si>
  <si>
    <t>ed point.
  The first term in E (the one involving (c2 âˆ’ v2)u) falls off as the inverse square
  of the distance from the particle. If the velocity and acceleration are both zero, this
  term alone survives and reduces to the old electrostatic result
  E = 1
  4Ï€ 0
  q
  r2 
 Ë† r.
  For this reason, the first term in E is sometimes called the generalized Coulomb
  f
  ield. (Because it does not depend on the acceleration, it is also known as the
  velocity field.) The second term (the one involving r Ã— (u Ã— a)) falls off as the
  inverse first power of r and is therefore dominant at large distances. As we shall
  see in Chapter 11, it is this term that is responsible for electromagnetic radiation;
  accordingly, it is called the radiation fieldâ€”or, since it is proportional to a, the
  acceleration field. The same terminology applies to the magnetic field.
  Back in Chapter 2, I commented that if we could write down the formula for
  the force one charge exerts on another, we would be done with electrodynamics, in
  principle. That, together with the superposition principle, would tell us the force
  exerted on a test charge Q by any configuration whatsoever. Well ...hereweare:
  Eqs. 10.72 and 10.73 give us the fields, and the Lorentz force law determines the
  resulting force:
  F = qQ
  4Ï€ 0
  r
  (r Â· u)3
  [(c2 âˆ’v2)u +rÃ— (uÃ— a)]
  + V
  c Ã— 
 r Ã—[(c2 âˆ’v2)u+rÃ—(uÃ—a)] , (10.74)
  where V is the velocity of Q, and r, u, v, and a are all evaluated at the retarded
  time. The entire theory of classical electrodynamics is contained in that equa
 tion...butyouseewhyIpreferredtostartoutwithCoulombâ€™slaw.
  Example 10.4. Calculate the electric and magnetic fields of a point charge mov
 ing with constant velocity.
  Solution
  Putting a = 0 in Eq. 10.72,
  E = q
  4Ï€ 0
  (c2 âˆ’v2)r
  (r Â· u)3 
 u.
 10.3 Point Charges
  461
  In this case, using w = vt,
  ru = crâˆ’rv =c(râˆ’vtr)âˆ’c(t âˆ’tr)v = c(râˆ’vt).
  In Ex. 10.3 we found that
  rc âˆ’rÂ·v = rÂ·u =
  (c2t âˆ’ r Â· v)2 +(c2 âˆ’v2)(r2 âˆ’c2t2).
  In Prob. 10.16 you showed that this radical could be written as
  Rc
  where
  1 âˆ’v2sin2 Î¸/c2,
  Râ‰¡râˆ’vt
  is the vector from the present location of the particle to r, and Î¸ is the angle
  between R and v (Fig. 10.9). Thus
  E(r,t) = q
  4Ï€ 0
  1 âˆ’v2/c2
  1 âˆ’v2sin2 Î¸/c2 3/2
  E
  FIGURE10.10
  Ë†
  R
  R2
  .
  v
  (10.75)
  Notice that E points along the line from the present position of the particle.
  This is an extraordinary coincidence, since the â€œmessageâ€ came from the retarded
  position. Because of the sin2 Î¸ in the denominator, the field of a fast-moving
  charge is flattened out like a pancake in the direction perpendicular to the mo
 tion (Fig. 10.10). In the forward and backward directions E is reduced by a factor
  (1 âˆ’v2/c2) relative to the field of a charge at rest; in the perpendicular direction
  it is enhanced by a factor 1/ 1 âˆ’ v2/c2.
  As for B,wehave
  Ë†
  r = râˆ’vtr
  r
  = (râˆ’vt)+(t âˆ’tr)v
  r =R
  r + v
  c ,
 462
  Chapter 10 Potentials and Fields
  and therefore
  B = 1
  c (Ë† rÃ— E) = 1
  c2
  (vÃ— E).
  Lines of B circle around the charge, as shown in Fig. 10.11.
  B
  FIGURE10.11
  v
  (10.76)
  The fields of a point charge moving at constant velocity (Eqs. 10.75 and 10.76)
  were first obtained by Oliver Heaviside in 1888.20 When v2 
 c2 they reduce to
  E(r,t) â‰ˆ 1
  4Ï€ 0
  q
  R2 
 Ë† R;
  B(r,t) â‰ˆ Î¼0
  Ë†
  q
  R2
  (vÃ—
  R).
  (10.77)
  4Ï€
  The first is essentially Coulombâ€™s law, and the second is the â€œBiot-Savart law for
  a point chargeâ€ I warned you about</t>
  </si>
  <si>
    <t>b'l\x9fv\xe1o\xdcY\x05R\xc5\xf5\xfc\xad_,\xbd\xe7\x9e\xa4\x0c\xeb\x9c\x0f\x7f\xafOc\xbd\xb9{\xcb\xde'</t>
  </si>
  <si>
    <t>6c9f76e16fdc590552c5f5fcad5f2cbde79ea40ceb9c0f7faf4f63bdb97bcbde</t>
  </si>
  <si>
    <t>b'l\x9fv\xe1o\xdcY\x05R\xc5\xf5\xfc\xad_,\xbd'</t>
  </si>
  <si>
    <t>one or the other of these bodies is in
  motion. For if the magnet is in motion and the conductor at rest, there arises
 504
  Chapter 12 Electrodynamics and Relativity
  in the neighborhood of the magnet an electric field ...producing a current
  at the places where parts of the conductor are situated. But if the magnet is
  stationary and the conductor in motion, no electric field arises in the neigh
 borhood of the magnet. In the conductor, however, we find an electromotive
  force...whichgivesriseâ€”assumingequality of relative motion in the two
  cases discussedâ€”to electric currents of the same path and intensity as those
  produced by the electric forces in the former case.
  Examples of this sort, together with unsuccessful attempts to discover
  any motion of the earth relative to the â€œlight medium,â€ suggest that the phe
 nomena of electrodynamics as well as of mechanics possess no properties
  corresponding to the idea of absolute rest.2
  But Iâ€™m getting ahead of the story. To Einsteinâ€™s predecessors, the equality
  of the two emfs was just a lucky accident; they had no doubt that one observer
  was right and the other was wrong. They thought of electric and magnetic fields as
  strains in an invisible jellylike medium called ether, which permeated all of space.
  The speed of the charge was to be measured with respect to the etherâ€”only then
  would the laws of electrodynamics be valid. The train observer is wrong, because
  that frame is moving relative to the ether.
  But wait a minute! How do we know the ground observer isnâ€™t moving relative
  to the ether, too? After all, the earth rotates on its axis once a day and revolves
  around the sun once a year; the solar system circulates around the galaxy, and for
  all I know the galaxy itself is moving at a high speed through the cosmos. All told,
  we should be traveling at well over 50 km/s with respect to the ether. Like a mo
 torcycle rider on the open road, we face an â€œether windâ€ of high velocityâ€”unless
  by some miraculous coincidence we just happen to find ourselves in a tailwind of
  precisely the right strength, or the earth has some sort of â€œwindshieldâ€ and drags
  its local supply of ether along with it. Suddenly it becomes a matter of crucial im
 portance</t>
  </si>
  <si>
    <t>b'H\x06}\x1c\x03\x1e\xdd\r\xad\xd6\xe9S\x05zQg\xa2\xf9\xf6\x7f\x98?I\xd8E\xc2ou\xbb\xf6@\xbe'</t>
  </si>
  <si>
    <t>48067d1c031edd0dadd6e953057a5167a2f9f67f983f49d845c26f75bbf640be</t>
  </si>
  <si>
    <t>b'H\x06}\x1c\x03\x1e\xdd\r\xad\xd6\xe9S\x05zQg'</t>
  </si>
  <si>
    <t>ndulged
 themselves in surmises, and in expressing them to each other; and from
 318
 these Carlo had drawn a just conclusion. But, before he ventured to
 disclose his apprehensions to Montoni, he endeavoured to obtain further
 confirmation of them, and, for this purpose, placed himself, with one of
 his fellow-servants, at the door of Emily's apartment, that opened upon
 the corridor. He did not watch long in vain, though the growling of the
 dog had once nearly betrayed him. When he was convinced, that Morano
 was in the room, and had listened long enough to his conversation, to
 understand his scheme, he immediately alarmed Montoni, and thus
 rescued Emily from the designs of the Count.
 Montoni, on the following morning, appeared as usual, except that he
 wore his wounded arm in a sling; he went out upon the ramparts;
 overlooked the men employed in repairing them; gave orders for
 additional workmen, and then came into the castle to give audience to
 several persons, who were just arrived, and who were shewn into a
 private apartment, where he communicated with them, for near an hour.
 Carlo was then summoned, and ordered to conduct the strangers to a
 part of the castle, which, in former times, had been occupied by the
 upper servants of the family, and to provide them with every necessary
 refreshment.â€”When he had done this, he was bidden to return to his
 master.
 Meanwhile, the Count remained in a cottage in the skirts of the woods
 below, suffering under bodily and mental pain, and meditating deep
 revenge against Montoni. His servant, whom he had dispatched for a
 surgeon to the nearest town, which was, however, at a considerable
 distance, did not return till the following day, when, his wounds being
 examined and dressed, the practitioner refused to deliver any positive
 opinion, concerning the degree of danger attending them; but giving his
 patient a composing draught and ordering him to be quiet, remained at
 the cottage to watch the event.
 Emily, for the remainder of the late eventful night, had been suffered to
 sleep, undisturbed; and, when her mind recovered from the confusion of
 slumber, and she remembered, that she was now released from the
 addresses of Count Morano, her spirits were suddenly relieved from a
 part of the terrible anxiety, that h</t>
  </si>
  <si>
    <t>b'\xbe\xad\xb99"\x15\xe1\xe76\x1c\xd0\x92\x86\x8c\x91\x13T6\xef\xa0\x93\xb8wCm\xf3\x95\xe6\n\x91:\x10\xc5!-\xf5\xdc\xf5K\x8fM\xa3u\xb2\x14th\xc4\xb1\xb2\x8f\xf3P\xfd\x80V/\xd9\xf4\x00&gt;c/)'</t>
  </si>
  <si>
    <t>beadb9392215e1e7361cd092868c91135436efa093b877436df395e60a913a10c5212df5dcf54b8f4da375b2147468c4b1b28ff350fd80562fd9f4003e632f29</t>
  </si>
  <si>
    <t>b'\xbe\xad\xb99"\x15\xe1\xe76\x1c\xd0\x92\x86\x8c\x91\x13'</t>
  </si>
  <si>
    <t>re attached to Mr. Fogg by an
 invisible thread. Chance, however, appeared really to have
 abandoned the man it had hitherto served so well. For three
 hours Phileas Fogg wandered about the docks, with the
 determination, if necessary, to charter a vessel to carry him to
 Yokohama; but he could only find vessels which were loading or
 unloading, and which could not therefore set sail. Fix began to
 hope again.
 But Mr. Fogg, far from being discouraged, was continuing his
 search, resolved not to stop if he had to resort to Macao, when
 he was accosted by a sailor on one of the wharves.
 â€œIs your honour looking for a boat?â€ â€œHave you a boat ready to
 sail?â€
 â€œYes, your honour; a pilot-boatâ€”No. 43â€”the best in the
 harbour.â€
 â€œDoes she go fast?â€
 â€œBetween eight and nine knots the hour. Will you look at her?â€
 â€œYes.â€
 161
 â€œYour honour will be satisfied with her. Is it for a sea excursion?â€
 â€œNo; for a voyage.â€
 â€œA voyage?â€
 â€œYes, will you agree to take me to Yokohama?â€
 The sailor leaned on the railing, opened his eyes wide, and said,
 â€œIs your honour joking?â€
 â€œNo. I have missed the Carnatic, and I must get to Yokohama
 by the 14th at the latest, to take the boat for San Francisco.â€
 â€œI am sorry,â€ said the sailor; â€œbut it is impossible.â€
 â€œI offer you a hundred pounds per day, and an additional
 reward of two hundred pounds if I reach Yokohama in time.â€
 â€œAre you in earnest?â€ â€œVery much so.â€
 The pilot walked away a little distance, and gazed out to sea,
 evidently struggling between the anxiety to gain a large sum
 and the fear of venturing so far. Fix was in mortal suspense.
 Mr. Fogg turned to Aouda and asked her, â€œYou would not be
 afraid, would you, madam?â€
 â€œNot with you, Mr. Fogg,â€ was her answer.
 The pilot now returned, shuffling his hat in his hands. â€œWell,
 pilot?â€ said Mr. Fogg.
 162
 â€œWell, your honour,â€ replied he, â€œI could not risk myself, my men,
 or my little</t>
  </si>
  <si>
    <t>b'gQ\xac\xa1LC\xec(\xb0\xf2\x98\xa7[*\x0c\xd5\xa5\xaa\xa0\xf3^\x86\x94DoF\xc9T\\\xda\xdc\x8e'</t>
  </si>
  <si>
    <t>6751aca14c43ec28b0f298a75b2a0cd5a5aaa0f35e8694446f46c9545cdadc8e</t>
  </si>
  <si>
    <t>b'gQ\xac\xa1LC\xec(\xb0\xf2\x98\xa7[*\x0c\xd5'</t>
  </si>
  <si>
    <t>richness of electrodynamics. In
  a full-year course there should be plenty of time to cover the remaining chapters,
  and perhaps to supplement them with a unit on plasma physics, say, or AC circuit
  theory, or even a little general relativity. But if you have room for only one topic,
  Iâ€™d recommend Chapter 9, on Electromagnetic Waves (youâ€™ll probably want to
  skim Chapter 8 as preparation). This is the segue to Optics, and is historically the
  most important application of Maxwellâ€™s theory.
  355
 CHAPTER
  8
  Conservation Laws
  8.1 CHARGEANDENERGY
  8.1.1 The Continuity Equation
  In this chapter we study conservation of energy, momentum, and angular momen
 tum, in electrodynamics. But I want to begin by reviewing the conservation of
  charge, because it is the paradigm for all conservation laws. What precisely does
  conservation of charge tell us? That the total charge in the universe is constant?
  Well, sureâ€”thatâ€™s global conservation of charge. But local conservation of charge
  is a much stronger statement: If the charge in some region changes, then exactly
  that amount of charge must have passed in or out through the surface. The tiger
  canâ€™t simply rematerialize outside the cage; if it got from inside to outside it must
  have slipped through a hole in the fence.
  Formally, the charge in a volume V is
  Q(t) =
  V
  Ï(r,t)dÏ„,
  (8.1)
  and the current flowing out through the boundary S is S J Â· da, so local conser
 vation of charge says
  dQ
  dt =âˆ’
  S
  JÂ·da.
  (8.2)
  Using Eq. 8.1 to rewrite the left side, and invoking the divergence theorem on the
  right, we have
  V
  âˆ‚Ï
  âˆ‚t dÏ„ =âˆ’
  V
  âˆ‡Â·JdÏ„,
  and since this is true for any volume, it follows that
  âˆ‚Ï
  âˆ‚t =âˆ’âˆ‡Â·J.
  (8.3)
  (8.4)
  This is the continuity equationâ€”the precise mathematical statement of lo
 cal conservation of charge. It can be derived from Maxwellâ€™s equationsâ€”
  conservation of charge is not an independent assumption; it is built into the laws
  356
 8.1 Charge and Energy
  357
  of electrodynamics. It serves as a constraint on the sources (Ï and J). They canâ€™t
  be just any old functionsâ€”they have to respect conservation of charge.1
  The purpose of this chapter is to develop the corresponding equations for local
  conservation of energy and momentum. In the process (and perhaps more impor
 tant) we will learn how to express the energy density and the momentum density
  (the analogs to Ï), as well as the energy â€œcurrentâ€ and the momentum â€œcurrentâ€
  (analogous to J).
  8.1.2 Poyntingâ€™s Theorem
  In Chapter 2, we found that the work necessary to assemble a static charge distri
 bution (against the Coulomb repulsion of like charges) is (Eq. 2.45)
  We = 0
  2 E2dÏ„,
  where E is the resulting electric field. Likewise, the work required to get currents
  going (against the back emf) is (Eq. 7.35)
  Wm = 1
  2Î¼0
  B2dÏ„,
  where B is the resulting magnetic field. This suggests that the total energy stored
  in electromagnetic fields, per unit volume, is
  u = 1
  2 0E2+ 1
  Î¼0 
 B2 .
  (8.5)
  In this section I will confirm Eq. 8.5, and develop the energy conservation law for
  electrodynamics.
  Suppose we have some charge and current configuration which, at time t,pro
 duces fields E and B. In the next instant, dt, the charges move around a bit.
  Question: How much work, dW, is done by the electromagnetic forces acting
  on these charges, in the interval dt? Accor</t>
  </si>
  <si>
    <t>b"^D:\xc9\x1e7T'\x88\xfc\x14\xdd\xd4Q\xce\xce\rH\xcf\xc8\xf1&gt;\xda,\xbb?\x94\xe6\xd3\xb7T\xd5"</t>
  </si>
  <si>
    <t>5e443ac91e37542788fc14ddd451cece0d48cfc8f13eda2cbb3f94e6d3b754d5</t>
  </si>
  <si>
    <t>b"^D:\xc9\x1e7T'\x88\xfc\x14\xdd\xd4Q\xce\xce"</t>
  </si>
  <si>
    <t>nning their wheels on less critical
 aspects of the business. Go ahead and sell your product on Amazon,
 your website, or whatever your preferred channel may be, but get a
 proof of concept first, before a lot of money is spent unnecessarily. Is
 your product something the market, and your audience, really needs?â€
 That kind of focus is what led me to invest in Hanny a few years
 a
 g
 o
 ,
 a
 n
 d
 w
 h
 i
 l
 e
 I
 m
 a
 y
 h
 a
 v
 e
 b
 o
 u
 g
 h
 t
 i
 n
 t
 o
 h
 e
 r
 c
 o
 m
 p
 a
 n
 y
 ,
 I
 w
 a
 s
 r
 e
 a
 l
 l
 y
 b
 u
 y
 i
 n
 g
 i
 n
 t
 o
 h
 e
 r.
 P
 5
 Step Three: Funding Your Business
 lenty of companies start out with a bang.
 It often doesnâ€™t last long. Frequently, companies will launch with a
 huge push, or a great viral marketing campaign that sticks them in customersâ€™
 mindsâ€”but the stickiness is only so strong. Within months or a year, that
 initial spike of sales and attention ends.
 The companies that stick around are those that can comfortably handle
 their own growth.
 Earlier, we discussed Dollar Shave Club, and how it grew toward a
 billion-dollar exit. What most people donâ€™t know about Dollar Shave Club is
 that it was started on a shoestring budget. Dubin sold excess razor inventory,
 and it was enough to develop a real customer base. And the famous â€œour
 razors are fucking greatâ€ video cost just $5,000 to produce.
 â€œI bootstrapped it for the first year, and then I raised a first round of
 $100,000 in January 2012,â€ Michael said. â€œThat seeded the growth that
 happened in 2012. Then the viral video hit in March of 2012.â€
 Dubin said he floated out of the meeting, excited to secure $100,000 in
 funding. It was a vote of confidence in his ability to be an entrepreneur. He
 invested the money into customer acquisition, which paved the way for their
 now-famous viral video. The viral video brought in enough customers to
 create a steady drumbeat of new sales, which allowed the company to keep
 investing into growth. The viral sensation of that original video wore off, but
 the company had built a stream of creative media to keep them front and
 center in customersâ€™ attention spans.
 As the company grew, Dubin continued to double down on putting
 money into advertising to acquire new customers, rather than staying married
 to one way of doing things. â€œAt Dollar Shave Club, we used a combination of
 television, radio, display ads, and Facebook ads, and made sure that our
 prospective customers got a very precisely number of touches on the brand in
 order to convert them,â€ he said.
 Still, he recommended testing small: â€œIf youâ€™re a young company, think
 about local media. Itâ€™s a great way to get a blend of attention on a cost scale
 you can afford. And youâ€™ll see how different media nourish customer growth
 in different ways.â€
 There was one burning question that I had to know. â€œYou turned
 $100,000 into a billion. Were your investors happy with their return on
 investment?â€ I joked.
 â€œThey were,â€ he quipped.
 You may not raise $100,000 like Dubin, but the good news is that you
 donâ€™t need to, especially at the start. Michael didnâ€™t raise any money until he
 had proven sales. Most of the entrepreneurs I know get sales first, and then
 they consider outside capital.
 Should you go looking outside your own bank account for money, being
 able to show off your ability to hook new customers will be your calling card
 for investors. By the time you finish reading this book, â€œgetting customersâ€
 will be the easy part, and keeping up with growth will be your biggest
 challenge.
 More Sales Does Not Equal More Profit
 My first product order for Sheer Strength cost me $600. I ordered 100 units at
 $6 each and we sold it at a $32 price point. The money came out of my
 savings, and at the time, I was so worried that it wouldnâ€™t sell, and Iâ€™d be out
 $600.
 To the</t>
  </si>
  <si>
    <t>b']\x8fx\xf5/5E\xea\xd3&lt;\x06I\x8da\x95\xe2\xa3x\xf3\x01\xdbg\n\xda\xbd\xb23\xf9\x97~u\xf4\xc1Bp\xca\xcaZcF6\x92\rNv\xfb\xd5\xa1\x10z\r=bG\xa6A\xba\xe8\x0c\xb6#\x15\xa0\xa9\xc0\x19\x9c/\xa4`Ly\xe8\x8d\x82\xdd\xc8\x9f\xb27\x12\x1c\xceT\x97\x15S\xb3X\xe3\xae\xe9\x08\xeda\xa9\xd4\x1f\xe7\xb6\xd4\x11\xd0k\xc7l\xf3!?\x9a\\\xb2!\xe2\xf4\x8d\x88\x83\xa1\x80\xc2w\x07{\x0f#\x0fyil\x19)\xd0_\xbe\xb4\x9a\xb4\x80\x96\x12\x80\x88\xc8\xa8\xe3\xc7\xf7\xe6\xd3\x11\xd1\x82^r\xc0X\x0c\xde\x0b8\x07F\xd9\x83]v\xfd\xdfT4E\xb1\x1c;\xd3\x10\x8b\x14\xb3&amp;\xa9&lt;*\xb4\xbcc\xcb\xd4\x8a\xdd*\x14^\xa4.\x91#\x1a\xb6\x96\x1e\x9c\x9d\x8e\x98\xdf\x0fk6J\'\xb4\xc2\xc4\xe3\xcd\xc3\xc6\xde\x14\xec\x90\xfbZ-\x16\x12lU\x8a\x1c\x97\xdf\xf9\x86\xe2\x1b\x18\xd2\x91\x8f\xda\xccNk8\x11\xc2n=\x0e\xa0\x95\x04d\xfc\xd8\xa8\xe2\xa5\xe0\x85\xc7\x19\xc6\x8b\x96[O\x82\x9a)\x14\xf7\xe5\x9fJ\xf2\rX\x9c\x82\xf6\xbd\x9a2\xb3\xc3\xd1\xc2\xd9\x8e7\x80\xbf\xa2\x96H\xef\xd69\x05\xc4\x17\xac\xf9t\xf1\xfbL\x93\xe0r\xd7\x97x\xf9\xd1@WO\x1b\xd8\xae\x17\xb3\xae\xe1&gt;_i9\xe1\xc8o\n\xd0\xf4\xae\xf6\x169\xd4\x94\x99[\x85/\x08\xb6?2\xcf\xfd-\x16\xe0\xf3\x08\x1cK\xee\x92sO|E\xff\x90\xacZ;\xe7J)\xea\x81?-\xd5\x04N\xb0JO\x06\xd4\x89\x10\xccaKy\xa9\x0f\x82\xf5\xa7,\x137\x00a\xae\xa6\xffVi[\xa2\xc2\x06\x0f\x1e\x8eZj,C\x0c\xc6\xeb$&amp;zpOH\xc5\xd5?\x8bx\xfb\\\x89\xee+\xe3\xbf\xc0\x9c\x943\x82F=y\xc1\x05w\x98\x8f\xb9\xec\xa296\x80\xd1\xbeW\xf6k\x02\x9d8x$L !\xe4\xe1R\xf2\xc9\xb8E4K&gt;\x01\xab\x88\xed\xba\xd1b\x94kQ\xa7u\xf0;\x9b\xf6\x03\x86\x00\xa9-=\x1e^\xf6\xe3\xa3\xb5\xec\xd2\xc9\x13\x03\xf7\xf7lr9#\xd1rD\xc3T\xd3u9U\x9b\x82\xe8\xe8g\x07m\xed\x17\xa0\xe8!=\x81\xc4\xdc\xe4\x06\x8b\x8d\xdf\xad\xfb\xa8\xa2\x04\x05\x81\xb8j\xfb\x07V\xb9\x8cg\xeb\x99U\xa08\xc4\x18\x99\xd1jg5\xa3Fm\xfc\xfc\xc2t`\x9c\x7f\x16\xea\x94y\xec\x8a\xa1\x8c\xf0\x92\xbb\xb1\x9a\x0byT\t`\xe9.J\x9bZ\x15T|r\x8d\x91\xa6\xc4\x19\xba^\xddv;c\x13\x1d\xe9\xc4O\xc6\xed\x9fQ/HS\xc0\xbfv\xc3*~\xf5\xba\xf905\x99\xdeJ\xad\xd3\xe1\xb2\x00o &gt;\xc5\x9fw\x18\xb3\xbc\'K\xd7\xdb\x95\x954\x96\xd5\xe1P\x8c\xf6\xae\x1e\xf5\xb3\xbc\xa8\xa7z*\xef\x18/WU\x89\x8ef\xf5\xf8\x00A\x8e\x0e\x16\x96t@\x7f4b\xb7\xcam0\xf0\x87g\x0f^\x02\x13\xb65\\\n\x82\x1fL\x1e\xd3\xe3\xd1\x81\xc5-.\xaa\x82\xd2S\xe7\xa4aHI\x11MtN\xd8\xc4_\xb4\x9c^]\xd5,\x89dI\xe2f\xd4\xb7\xdb\r\xba\x9e\xb5\x89Q0\x9eU\x7ftBw\x96L\x85\x9fs\'\x8b\xfe\xce6\xd76W\xdc\xda\xc0\xfd\x02\x86\xcdD\xd7*\xd2\x9a\xbfe6\x96ir&amp;HYB\x87\x15\x03i\x0f"\x8d\x18\xfb\x01\x1d\xfa\xbby\xcd]e)\xd4!s\xbe\x7f\'\xb2\x13\x0c\xe7\x94&lt;A\xac\x8e\x8a\x9as\xa4\x1c\xed\x98\xff\x16\x91\xe1;\xeb\x19\xa0\xac\xcc\x9c\xb8\xdc\xf4@\xc4\xd6\xc0\x88W\xa3Q\xaf\xe3\x86D\x08QY~iHC\xc04\x08\x97jXA Z\xe1\xf1\xa1\x88D\x13\xd0\xf7\xb8V\x87\xe4\xc8X\xfb\xe1\xe0\xb1\xfc:\xf8\xa5\xdaOB\x9a\xee\x03\xa5qK\x982\x99\x94\\D\x81s\x82G1\x1c\x1bI\xcd\x13\xed=Jgd\xdbm\x960\xb6\xbb\x896\xb0\x11\xe8\xc3\x87NA\x1d\xd1\xee\xb1 \xf6\xd0aC\xce@4?\xe3\x99\x14/\xce\xec\xa7/\xb9\xb5\x04\xaf\x11\xcf$SR@\xd2\xa0\xe5\xcf\xc6\xc4\xe6;3\x13\xecf\xf7\xbdw\xd4\x88\x86X\xec\xe5\xe0\xbc^Y\xc4\xf6\xcd\xe5\x88\x17\x11\xe5\xe7`p\xfd\xc6\xaa,H\xca\xaaR\xd1Y\xa8\x98\xc4i\xb9\xdc\xba\x86\x82\xee\xea\x8a\x89\x01\xc00\xeb\xfeP\xf4\x9bv#5:7\xa5\xe1\x85\x08\xe5m\xc1\x98\r9\x05\x1b\xc0qT\x01\t\xa9\xe5JI\xdd&lt;\x958\xbe\xaf\xec\xcaz\xfa\xc9\x99\xc2\xc4\xaf&lt;s&amp;E5\x93\x1a,\x80\x9f\xd1l8#z*W\xc07\xb7\x80\xc3\xbc\x83\xfdSa9_\xb6,\xa6\xec%^\x1b\x0c\xf7\xda\xfb/\xc1\x04\x0f\x17\x83\x01\xeel\xc7\r\xf5\xd5E\x81\x98;\xe0\xbb6 \xfa\xdalL\xea\xda+\x04n5\x12\x9ah\xc7\xa7\xa3]\x9b\xb6\xcf\xf4\xa9\x02\x03Bc5\x01\xa4\x96\x01\xf4\xb0w2\x0e4\xec\x9a\x8d\xe7d\xae\xd3\xd6.Q\x08\xd1\xa1\xccQ&lt;\xebMk\xb6\x8717)#z\x9e\xa9C\x88\x96\xe5&amp;\x81N\xe8\xf2\xcf\xf2\r\nik\xb7\x9bw\x91\xa5b%\x80\xe5\xf3.\x84:&lt;2O\xeeERG\xbdd^H\x9f+\x97J\x8d\xfb@\x80\x8d?\x12\xe8&lt;x\x93\x06\xc0L-\x11\x85\x7f\x03X\x17Y\xb1"\x87a\x91P^\xbb\xa6\x86\x82\x00b\x07\x96\x9eQ\xb9H\xdb\x8c\x11\xd7\x13l\xeaM\xcb\x9e5\xddj+w\xd57-\x82Lr\xa1\r_\x9dx\x9f\x10\xaf\x0f\x97\x1f\x8bX\'\xc5Y N\xfc\x13}\x06\x0f\xcef\xb1\xcf\xb6g\x97\xe0\xbe@\xc1DO\xce\xc5^\xadU/\xfd\x0f\x19\x04\x16\x97,\xfe\xd0\x80q\xa9\xb3/tj\x8fT\x01sq\xf4x\xc2\x98+\xdb\xcd\x84%&gt;\xa3=|z\xa8s\x04\x9d\xbc\xa9|\x892b\xbd\xce{\x8c\xc7\x07L\xcb7\n\xc2x\xb2\xf8\x17,\x1a\xc3YRX\x0e\x7f:\xd0\xa9\xd8\xf3v\xfb\xe6\xb2w\xab\x03RBz\xf5\xd9\x19s\xf0\x883C\x84\xd2\xdd\xf8R\x12P\xa1]\xdd\xe2\xa3Y\'V\xe76N&lt;\xbdE\xdf\x15\x1cdQQ$\x00\x03\x1c\x8f\x1a\xb6\x86Q{\x81\xd0\x9d\x04\x05|aE\x17\xb9\xf7r/\xf4\xe1D\xbe\x9f\xc0&amp;\xcf\x07-\xeb\x11\xa2\xb9\x8f$\xa8\x86G\x90\xa8\xd3\xd3\xfbi\x1e\x9b\xfe\xca\xfd}\xdbj\x83\x9ed\xc9C^\xf9~\xb4\x9d\\\x1e\xf8@\x98\xb2\x02xp\x88ncl\xfaK;\x8e"o\xed\xad\xfa0\x00s,\x8e\xcf\x01\xc1\x82\x17\xa0\x9f\\\x1d\xa6`\x1b\x14Kwm\x91k\xb1.\xa0\x92\x1d\xbf\x11\xcb\x13tqI&amp;\xca\xf1ha\xc4-\xd3\xae(\xec \x1a\xd2\xc9\xc4N\x80\x06J@\x8d\x0c\xc6\xf0\xc7\xce\xcaC\xa8\xed\x88\x93\x05y\xc7v\x0c-\xb1\xeb\x93\xa3\xac^3\xac\xcd.&gt;\x8d&gt;Bl\xaf\x12\x01\x03\x01l\x15BG\x11i\x01\x12\xff\xf7|\xde6B\xd3^os\xe1\xab\x8e\xcflO:,9\x16\xae\x0f\xa9\x19\xb2V\xc8\xe9F\x00g\x9e\x94\xa5\x82^\xf3O\x0b~\x843\xc3\xa1#%TW\xee\xb6\xb4\x86UB\x0b\x98\xb3\xdb\xed\xfb?R\xa7-\x0c\xc0d\r\x08\xf5\xb9\xdb\xec-\x05^\x8e\xb2\xa6\xa2\xf5\xc0\x04\xf3\xb7\x99H\xf6\xd6X2~\x1d\x0b:^s20\x8b\xc8\x15\xa3t\xd2\x1bb\xb9\x7f:\xd8^\xa8\x07S\x8e\xe3l\xa8\xa4!N+\xbb\x94N9\xc8\x06\xfe\xa5\xbe\xb0\xc6\xc3\xfdv\xa4\xb9ci7\xec\x97zU\xb2\x87;\xb9\t\x07\tE\x80k@\x02U\x1dF\x0cQy\t\xa1\x82.\x00*\xc1O\x08\xbb\x91&gt;q\x89\xc4I\x0f-4a\x90\x8f\xe4\x997\xffsV\xb9@\n\xc5\x03\x17\xa8A\xc5\xf4\x1b1d_V\xddt{\r$"uD\xfc\xaesP\xb3\x88?\xd9\n\xea\xeai\xc2,!\x14\xaae\xc9\xe6\xa8\xf8Sl:x\x90\xb4\x89}\x899\xddz\xe7\xc9\xaa@x\xd9N\xab\x0c\x15\xbd\xaa\x9c\xdf!\x86\x8e\xb0pd\xdd\xdb\x0bO\x93\x8a!n\x1a*a&amp;\xe4\x85Z\x1e\x16\xb6\xdd\x81\x87\xe6\xe2\x1e\xb7,\x7f\x97\x99\x86\x14\xd6\xbd"T\xf1\t\xee\x8fx*Nn0\xcbv8{\x9b\xa4\xaf\x89\x00WI\x14I\xcfVs!9\x0b\xc5\xad\x12\xfd\xf4\xd7\xd7\xbfg\xe2(4\xca\xb2\x7f8\xe1\x90\x1cO\xf9\xef\xef\r\xa4\x99\x1a\xaemwc\xd8G\xfaS\x8dk\x99%\xb7t\xb1\xdf\x93\xd8\xc520]\xaeV0\xc4\x0f\x19j\x86Kit\nCA\xa6\x93\xb862\xa7j]l\xbd\x0bK\x081\xafy\xb7m\xcf\xff\xe9r\xf5\x05\xb4\x1d\x9b\xfa\x14\x8dd\x9c\xca\xf0\x98\x11\xc8\xea\x96\x16\x86~\n\xf1\x13\xed~A\x94}\x06\xf7r\xb4}\x99-\xda\xca\xff&gt;\x07Y\xe3r\xff\xfe\x0b\x98~1\xcc\xc9\xbe\xcd\xb5\xe0\xf0\xe8\x14d\xb7\x87Y~\xf1\xd3\xc5|5UQ\xc0I\xddOs\x7f\x127%N\xf8\x89A6\xc8\xbe\x01\xd6\xed1\x9d{IEI\x01\x84\xd2\xeb\x95\x0e^#\xebvo\x81\xf9\x84?\x96\xd2\xf9N\xb86\xf1r\xa5\x8f\xd4Z\x9a(;C\xf9\xd9\x92\xe1\xb9\xbd\xeaP\x1f1eR\xca}\x98\x95\xde\xa1\xcc\xa7\xe8E\xcf\xdc\x13\x03\x11\xfd\x0cG\xb7\x0e\xc5\xefW\xee\x15\xe4\xb5F\xef\xd0j[\x8e\xa8$\x02\xec\x96\xad\x1f\x05\x94\x86\x1d|xO\xaf\xf5\xfe\x85K|\x12@\x8bz+m4\xf4u\xd8\x7fc\xa87G\x92\x9aj\x8eJA\x89e\x97\xc4\x0e\xfd\xa3X]\x01\xc5~c\xc0c\x9d\xe6\xc8?Tp!s\x91\xb9\r\x97\xa8\xf2\x19\xdb5\x90\x088\xf4\xe1 \xad(-\xe0\xba\xff\x1d\xe4\x19\x97\xea\x92u\xa90\xa1!\xc13"\x1a\x9a\xeb\x93,\x0f\xaf\x05\x19\xc74\xcb\xe6\xac\xfd\xb6pf\x10\xad\xcfg\xda\xd7\x9d\x00\xf5IW\x07\x0e\xb7\x04\x99\x908w\xd9\x92\x8b&gt;=B\xa7\xa0M\xed\xb2\x85\x11\xa1\xce\xfe\xd0\xe9\xc0}R\xb0\xa1\xbfOB\xa2\x0f\xfc\xb0\xdd\r\x0f\xed\xee\x80\xcf\xcd\xa0;B\xc0\x00\x7fD\x1c\xa3\x8d\x8e\x05j\xd1N_\x16X\xd8`\x91\xa0\r\x9f\x8aS\x1c\x97\xff\' \xee\x98H[\xb81\xd0Q\xf5t\xe4&lt;\xf8\xd1K\xc1\x0b\xed\x1b\r\xaa\xf3"\x90\xbb~\xc5\x87*\xadP\'\xf3\xbb\x01*\xec\xb1-R\x96\xdd0+\xda\xfd\xde\x82/y\x87\xbbU/v{\xac\x99\xa7OS3\x9d\xa4M/\x97\x9f\xe9\xd8\xab\x11\xc4h\xe9\x9d\x9a*\xc36\xd2\x17m\x03\xb4a\r\xd0,\'zS\xdb,\xfdH\xe6\t*\t=\xadYt1q\xa4\x96\x0c\x96=\xaf\xe8\x8e\x98C\x9af\xd5\xe9\xe7v\x1eNEr&gt;dh\x14\x04D\xa5P\x18Am\x7f\xd61?\xd4\xc3\xc4J&lt;d\xa0\x97\x86\x90V\x83\xa6h\xb6\x07\xf5\xcc\x07\xea\xc37\x88p\xc0)|\xac\xb6\xf3CfAN\xe4]\xb5\x9c/t\x84\x99\x08I5\x81\xe2\xf9\x94\xe3R\xc2\x0cu8\xf0\xf8\xa0\n}\x848n8\xcer&lt;\x85\xcab\xfak\xc1\xdf\xcb\x9bb\x9a\xb8.M\xd8\x1f\x91\xc45\xb6\x00\x8fk\xc32F\x98\x97\x82\xb4\x00\xd9\xd7\xdb\xefy\xdai\xea\x1a.\x88\xf5CNQ\xd51v`\x18{\x15t+\xce\xa0\xdak\xc1\xce\x88\xf7\xa87\xdbQ\x9dJ^\xc2\xe7.\x00[&lt;\xb5\x99uG\xfb\xecy\x19&gt;\x120\xe1\x8a\xc8\xbeAG4\x8b!;\\!y\x0e\x1c\xb9\xd9nKT3[\x82\xce3\xf63O\x11\xdfa\x99yj\xb9A\xb0wHA\xa6\x16\xe0\xa8X\x10\xa1?\x11\xc9\x07\xbd\x0e\xe3\xd4$\x87\xa5\x89:\x01I\xeaP\xfd\x92h\x9eI\xc1\xa2\xc5\xef\xd9g\xab\x0c\xf8\xa7\xa6\xe9\x02\xf9u\xb04T\xd1\xf8\x86$c\xe9\x1f\x92U\r\xae\x9a\x97\xee7\x89\xd6\x15\xc7*@\xafg\x1b\xcd8{j\x13\xf2z\xa1\xaf*\x9cp\xd7Q\xfav3u\r\xb6P6\xb6\x8a$C\x94N\xe4/\x0b\xa9\xe1\xc2`-\x98-\xba\x92\xb3\xf3-\x04\x8a\xed\xfd\xa1\xb3e\x13\x18i\xf8\xef\xb8\xcf-&gt;q\xb0\xe9a\xbep\xc2\x9c\x89;_\xab\x9a:yr}e\x7f}55K\x026\x19rP\xc2\x1b\xf1\x0f\x90\xa4\xfa\xe85^\x1c\xf6X\xa6\x08\xc3=\xc6\xa9\x91\xda\xe2gl\xb5`[-\x8e\x84\xe8\x1a~\x0c\xc1\x12u\x0bb\xe5\x1a\x8d\x1f\x0ex\x85\xdc|\xdf{D?\x16_wW\xec\x9e\xb9\xb0\xf7\xdel\x9a\xa2x\x96\xbf\xb7\x0b|)=\x97\xf6\xd26\xf0G\xf7a\xf0\xe5?\x15\xd1\x03\xd7\xa4?\xdb\x94\x03@&amp;F\xc4\xca\xd1b\x15\xe5\xac\xd0)\xa1h\xace\xa0\xe7;~\x1bL\xbe\x88\xbd\xad\xf3\x8e\nT\xf8\x1b\xebL\xc9\xa2&lt;Tm\x84\x85\xfa0\xe6W\xd5\xa6(\x84P\xac\xc8\xdcH\xe6\xcd\x06\x14\xb8\\\xd9\xfb\xdbw;\x87\xdfBk\x05\xb9\xd0\xdb\x1f\xb2\x98\xf7v\x0c.x\x1d\x8e\x0b\xa6\xe5\xf6\xc9zV\xe2\x98\xf5c\x831\x17\x97\x9bdQW\xfe\xaao\xc4@\xa0_2A\x91\xddV\xe5\x131\xbeb\x04;\x933$\x9a\xa9\x15R\x0c&gt;\x0f\xc7}\t*\x06\xc6\xc3[\xc1\xd9\xd7\xda\xef\x94\xd6\xfe\xa5\x16\xb1&amp;w\xf3\x18\xeb:Q\xc9\xa2\xd5\xdf\x90T\xcaLX\xb28#k\xf7@,\xe6\xd9\x8dt)\xfb\x19\xba?\x91\x84\xfe\xee!\xe6\xf1\xca\xc2U?6\xb5\x0c\xd1\x00=\xb8\xbc\x91-\xeb\x14t_\xd0\xed\x11\xbb\xef\xc9\x9a\xc2\x18\xab\xbc\xf2\x93\xaeu}\xd7\xa1a\xe6\xd6}\x98\x81IZ\x99m*\xd1\xdd\xb4\xb5\x0e&gt;\xd0\x84\x94\x13\xf4\')\xdfx%By\x11\xbd\x1a\xfd\xc60D\xe4_\xe8\x18d\xdb\xbdg\x88\xd8H\x98\x8dA\x955_\x96\x8co8hR\xf8\xa0\xac\xb2&lt;\x14\x97\xd3Bp\xaaBZ\xc7!;\xad\x8e\xeb\xfed\xc2?Y\xc2\xf4C\xccP4\x1f\x1a\xe3\x0eQ\x8a\xa3\xfb\xea\xdd\xc1\xa7\x06^\x9f\xb93\xa4:\xe7\xd7\xc6\x8e\x9d\xc8\x84N\x1e/&gt;\xb0G\x9f\xa7\x04 N\x01\xae\xa9\x84\xd4v\xc0S\xc4\x92Ixnn\n\x9f\x94z2z#\x0b\xa2\xdd\xc9\x1f Ha\xd1\xd5#&lt;mi\xf0"\xcf`\xf0J\nl\xde\xe2\x9eS%\xf5\xc5_\x88\x91\x04\xb1\xf7Q\x03\xacK\xcbFg\xb4\x1dR\xd6^\xd9\xec\x86\xe4\x99\x9e\xd0\xc0\xb6\x9d\x8e\x15\x88\x9dA\xe9\x17\x82Rppd\x0e\x10\xf0^\xc3 \xe6\xcc\x0cIr\xd1\x870Aw/X\x03&amp;\xc2\xa6\xaa\x82v\x13\xe8\xf7y]\'d\xd1\xdbl\xb6n\xd2\xd9\x86av\x99\xf5\x02\xe8)\xeb\xbe\x95\x93\x1e\x98\xb3&gt;\xf60\x03\xa4\x053$\xb2\x86\xe3cr\xefQy)\x1a\xa1fXe\x06wg\xf5\x07q.\x04\x80\x8a\x8eu;\xf6\xfd\xf9\x8f\xd7\x18\x1e\xf9|"Mi\x98\xa3\xccd9Q\'\xb5\x16\xe4=*\x15N\xcbh\xc2\x1boS\x1e\xd1\xaf;H!\xf7-\'\xa5\x9a(^\x06\x05\xd1\xbd+\xc3\x1c\xc4_\xd2\xe6\x91G&amp;8dE\x1ah\x03\xa4u\xd0J\xb7\x7fP6\x9d\x82\xe4\x14:|!\xf8\xc9A\x1b%=@g\xfd\x93\xcaY\xf3\xf0\x04\xbfA\x7f:B\x7f\x8b\x1c\xb2\x98\x9c%\xd2/\x88x=F\x9d\xf1\x00\x1b\x08C\xba\xe3\xb7\x90xv\xb3\r\x9c&gt;\x93ZP\xf7\x1f\xec\xb8\xcbH\x11\xcf\xa2NsO\xa5uM)gOW\xe5F\xe6\xfdN\xf8\xee/A\x17\xefH7S7\x9f\xe2"\xa1\x87\xfc\xd0\xd2\x8a 9\x85\x9b]\x08x\x06Hz\x105\xe4\x15|\xe4\x8b\x9e'</t>
  </si>
  <si>
    <t>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</t>
  </si>
  <si>
    <t>b']\x8fx\xf5/5E\xea\xd3&lt;\x06I\x8da\x95\xe2'</t>
  </si>
  <si>
    <t>at their life can look
 if they buy our products and services. Ronald Reagan painted
 a picture of â€œa shining city on a hill.â€2
  Bill Clinton offered to
 help us â€œbuild a bridge to the twenty-first century.â€3
  During the
 dark and dreary Depression, Franklin Roosevelt used the song
 â€œHappy Days Are Here Againâ€ as his official campaign song.4
 Likewise, Apple provides tools that allow us to express ourselves
 and be heard, Weight Watchers helps us lose weight and feel
 great, and Menâ€™s Wearhouse guarantees we will like the way
 we look.
 Everybody wants to be taken somewhere. If we donâ€™t tell
 people where weâ€™re taking them, theyâ€™ll engage another brand.
 In the seventh part of the StoryBrand Framework, Iâ€™ll
 elaborate on what is perhaps the most important element of your
 messaging strategy: offering a vision for how great a customerâ€™s
 life could be if they engage your products or services.
 WHEN YOU FEEL CONFUSED,
 CLARIFY YOUR MESSAGE
 Right about now your head may be spinning. Even though there
 are only seven parts to the framework, how do we narrow down
 our message so our marketing material starts working again?
 BUILDING A STORYBRAND
 38
 Weâ€™ve created a tool to simplify the process. This tool is
 going to reduce the hassle of creating a clear message, save you
 time, entertain you as you use it, and motivate you to create
 marketing material that works. As I mentioned earlier, this tool
 is called the StoryBrand BrandScript, and itâ€™s going to become
 y</t>
  </si>
  <si>
    <t>b'\xaas\xc0\'\xdf(\'n\x03;5\x13\xf9c\t!\x9c\xdc\x13\xab\xc6?\xd8\xb5\xca\xea\xf1d)m&lt;\x15\ru\xf1\x85EHR\x1e\x12\x18\xac\x17\x03\xd2\x91uU&lt;\xe1\xc7\xa4 \xa5\xcc\xcb)\xd2\x96P\x01\x01\x1b\xa9\xfbG\xedD\x05CL\x8d\xf4\x9e\xeeJV\xdf\xf6\x8cv\xf7\tZ\x06\xd8:5lI~\xe2\\\xf5\xc4\x02\x11\xd04\x93\xb7=\xa6nU\x14\xeaMy\x0f\xe7\xc2\x1a.\x1f&amp;\xa5(\xcap\x14\xa4\x16\x951\x05\x8a\xd6{\x0f\x02~\xc3o\x0cR\x9e\x1b\xb4c\x8b\xe2X0\xcbg\xaa\xe6^\xd6@|\x02\x90,\\W\x85\x19\xaa\xa7\xdeD\xe1\xb5\x90\xe7\x1dpB\x9c\x83\xc0\xd5\xc2\xa8\xec8c\x91\xc6\x9bn\x08\xdd\x90\xff\xae\xa6r8\t\xfb\xf9\xdd\x06c[\x0b\x88\xf9\xd9\x84I\xd5\xef\xd7T~&gt;l\x91\xd8\x9ft\x90J\x82)"\xd4\x19\x82\xe7\xdd\xd8\xe3\x02\x1a\xe01\xc1\xbd\xd0\xa7\x90/\xef\xb1\xa7\x10\xb5\xfd=\xe0\xa6\xa9\xec\x15\x827\xc7\x92\xd9\xc7\xd06,\xc9\x1eUiE\xb9\xe6\x1e\xc2\xfc\xab\x97&amp;\xc3\xb9&lt;^\x87\xe5\x9av%\xc8F\x93\xc2\x91\x84\xb9\xad\x91\x1fB;=I\xbf\rM\xb3/\xb7&lt;-\xf6\xf3\x8f\xed\r\xffG\x81\xe9\xd8\xc5\xd4le\x86V\xe5\x96\xd7"\x0c\xcf7%\xf8\r\x81\xb6\x06\xdc#[\xb0\x1fOc\x83\xb5;f\x1cm\xbf~\x02\xfe\xbc-\x17\x7fm\x92:\x8b\xdaV0\x06\xca\xd3\x02\x87t\xc8\x95\xf9+&gt;\xd3\xa2\x9eLZ\x1dv\xd9Q_\xdc\xa3\xc4\xdfy\\\x94\xfaz\xb03/1\xa2\x9c\x8d%\xcd\xffo\x02\xa3\x8e\xdb\x1du\x17\x16\xaa9\x85\xf9\xae.\xb4\t5\x05:\xd5\x08\x84h\xbcdOC\x07[P\xda\xbd;f\x99\xd0\xcf\xd6\x15\xd2tV\x84\x9d\x8d\xd4\xd8\x0f\r=\xefF\x8e\x06\xfc\x1b\xd5C\xec\xcb\xc0]\x9f\xacWV5\xe9\xca7\xfb)\xf7\xe3\xc5\xdb\xe8\xad\x19\xf2\xa4\xe0\x94\xf8\xd9\xfb\x0bO\x9e^\xe0\xb3\x0f\x9a}\xf8\xdf\x02\xcd\x9es\x9a\xd2\xc9d\xaf?\xd3Q2\xc9g\x9c8piJ\xc0\x93\xbe\xc9\xdcuVm\x80h\xbe\x98\x9c(Wz\x81\xdeJ\x9d\x8d\x92\xcf\xaf\xcb7\xe0!k\x9b\xe4\xdcvCxf\x80\xc0\x942,\xa7\xc3\xdc\x944!\xef\xa4#%\xa7\x96\x86W\x97&lt;_\xd0\x82O\x15\x895\x14\xcc\xa8a\xd8\xedxN\x02\xef\xafV\r\xacK\x0b\x996x^\x03V\x88\x97\xfe\x8fr\x98\xf4\xd0Z\xfaX\xb3\x11a\x1c&gt;\xe8\x86\x82\xad\xfe\xbc\r3v\xc3\xfa\\\x15\xd56\x9cS\xfcaw\xb0yp\x07\x15Qd$\xe4\xd8\x9f\xf6\xd6\xf6&gt;\x9f\x03\xded\xc64u[3\xaa\xdc\xe2J&gt;\xf5/\xbe\xe6\x903?\xb4\xea\x93Sp\x83\xb6\x9d\xee\'\x8e\xec\xf2\x8b\xcfP\xc9\x8fo\xf995.\xb3\x92u\xc5\x0e\\\x10\xd3EW\xea^\xfe=s\xce\x1c\x98\x15\x06\x1fQ\x1f\x1e\n%K\xad\x9d\xd4\xa4i\x1a\xa8\x0e_\x9bH7H\xea\xbf;\x82f\x17Q\x9c\xee)\x12\xd7\x8f\xda)\xf6\xcb\xe2@\xce\xf6%o\x06\x1a\xc9!`A\xa2\xecZ\xf4\xdeq\xda\x8ea))\xa1V}\xf1\xfc\xb5\xf4}2\x84c\xefmo\x9a\xc1\xfaN\x86\x8e_\x0ei\x02\xe1\xc41\xe5w-\xb4\xac\x18\x91\x05\x89V"O7\x97\xffz\x85\xfd\x8bHj&gt;\xb3a\xed\x90POD2\xd9Ar\xc1\x03\xb9\xc2\x08\xacQ\xcdJe\x8b\x1b`\\\x93\xb2\x11\x01\x9bh\n"\x1fj\x82\xf4\xac\x058\xf4{\xc10\xae\xeb\xdc\x15\xc9\xd3D\xaa\xcf\xf7{\x02\xb3]\xaf\x90a\x1aE\x84c\xd0*\xa9\x88W\xa1\xc4)\xa2\xb5yc\xe7\xa0\x95\x17\xb5g\x10\xe8\xd1\x11U\x81\xbb\x03\x85)\x85\x08\x80\xe3\xf6`\xf9\x887A\x18\xd8\xda\x8e\xce\x8d\xf7\xda+\x93=\xec\xd6\x1f\xfc7&amp;{jp\xd3\xd8\xb1/\xefc!\xab\xbas\xb8;\xec!X\x82x\x80\xd2\xe2\x99N\xb1nR\xa6\xea\xc8u\x0eRMe3\xf32\xd4n\xf9\xa2\xdc\xc1i\xfe\x84\n\xc1P\xe11\xe2W\x889f.\xc3\xcd3x\x1e\x10\xd3m \xd9Y\xc1\x01\xb7\xfd\xb4\x02\xa7\x04^\x04m\xfe\xb9\x8ed\xad8:\x15\xf2y\xd8\xefj\xd0B\x82\te\x8c\x03D&lt;\x03\xde\x9e\xd7\xf5\xa3\xe82q\xaa\t\xd7\xae\xb7\x95\xc1\xbd\xe4\xb0?dVo\xbe\xd4\xa1\x91\xf8\xa0J,L\xeff\x9dA\x18\xae\xc7\xa8:\xde$s\xf6\xd3\xddHD\x82cs\xebs4\xc9\x87$\x8c$\xce\xd3\xfb%\xd1\xae\x9fO\xb3\xe8+&lt;\xcc\xd9HV$F\xf9\xc8\x97\x19Xw\xc3`\x18\xf5*\xc8\x9e|\xce\xb2\x069\xfbN(\x8f\xa6L\xca\xe3\xd1cl\xe0F{;q\xe27\x17*\xd5FG\xae\xfb)\x07\xa9\xecZ\x12\xcb\xb6O\xcc\xb9G\xb5\xe6\r\x07.\xe7\xb8\xd64\x92V\xd4\xb5\xa2a\x98\xf2E\xc0\n\x9cpp,\xa757&gt;\xbb\x9cz\xff\xac\xcaT\x07\x97k:\xc4:\xe8~|\xd1\x7fqp\xfa\xb1\xafX\xd0\xfa:\xf2\xf0\xabm\xa2\xb2\xa5\x87\x067\xff\x91\xaa\xe0$\x1f\x19\x85\x0cs\\e\xb2\x17\xaa\xed\xa3\xc3\'\xc1\x8d&lt;\x12oU\xad\xc3\x02,\x8e8\xdc\n&gt;\xdag\xba\xf0\xc4\xb7?Jh+y,I\n/\xc4\xe9L\ne\x1a\xc6\xf1\xd0e\xa2\xe1u=\xc5\x16b\xbb}e\x91\xb1\xf8\x96a+Q\xf4O#i\xeaS\xab&lt;N\r\xe2i+H%BFM0\xe6\xbf\xa0\xe7\xb6XL\xf3\xc0\x03\xec\x9b\x9fZ|7a!\xa8\x06\xed\xdf\xca\xac\xcf\x83D\xb4JV\x7f\x07\xfd\xdb\x8ewh\x98\xbc\xdd\x1e\xafs\x12\x89\xf8\xd2\xaa]R Z#HD\xe1\xe7Q\xb28CwFo&lt;\xbf\x8d\x00\xf1\x135\x15\x9f\x0c\xa4\xb8?o;\xe1\x17\xcej\xb8:\x91f6\x94\x8d\x0flC6\xfe\xf8\xe0$\xab\x038\xdaB\xc0b}"}\x8fIT\x07\x02\xd0%.\x03\xd0\x8co\xca!\xf9\xe3t~C\x19\xb0\t\xb1y\x13\xf4%\xa1[\xb0C\xd2\xb4\xbf'</t>
  </si>
  <si>
    <t>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</t>
  </si>
  <si>
    <t>b"\xaas\xc0'\xdf('n\x03;5\x13\xf9c\t!"</t>
  </si>
  <si>
    <t>they have happened. Thus, to take an instance, we suddenly
 discover that we have been deaf in one ear for we don't know how long, but,
 say, half an hour. Now such an experience had come that night to Peter. When
 last we saw him he was stealing across the island with one finger to his lips
 and his dagger at the ready. He had seen the crocodile pass by without noticing
 anything peculiar about it, but by and by he remembered that it had not been
 ticking. At first he thought this eerie, but soon he concluded rightly that the
 clock had run down.
 Without giving a thought to what might be the feelings of a fellow-creature
 thus abruptly deprived of its closest companion, Peter at once considered how
 he could turn the catastrophe to his own use; and he decided to tick, so that
 wild beasts should believe he was the crocodile and let him pass unmolested.
 He ticked superbly, but with one unforeseen result. The crocodile was among
 those who heard the sound, and it followed him, though whether with the
 purpose of regaining what it had lost, or merely as a friend under the belief
 that it was again ticking itself, will never be certainly known, for, like all
 slaves to a fixed idea, it was a stupid beast.
 Peter reached the shore without mishap, and went straight on; his legs
 encountering the water as if quite unaware that they had entered a new
 element. Thus many animals pass from land to water, but no other human of
 whom I know. As he swam he had but one thought: 'Hook or me this time.' He
 had ticked so long that he now went on ticking without knowing that he was
 doing it. Had he known he would have stopped, for to board the brig by the
 help of the tick, though an ingenious idea, had not occurred to him.
 On the contrary, he thought he had scaled her side as noiseless as a mouse; and
 he was amazed to see the pirates cowering from him, with Hook in their midst
 as abject as if he had heard the crocodile.
 The crocodile! No sooner did Peter remember it than he heard the ticking. At
 first he thought the sound did come from the crocodile, and he looked behind
 him swiftly. Then he realised that he was doing it himself, and in a flash he
 understood the situation. 'How clever of me,' he thought at once, and signed to
 the boys not to burst into applause.
 It was at this moment that Ed Teynte the quartermaster emerged from the
 forecastle and came along the deck. Now, reader, time what happened by your
 watch. Peter struck true and deep.</t>
  </si>
  <si>
    <t>b'\x9b\x03\xde\xe09\xee\x0e\xdf'</t>
  </si>
  <si>
    <t>9b03dee039ee0edf</t>
  </si>
  <si>
    <t>e, the dipoles oscillate in a plane
  orthogonal to the sunâ€™s rays. In the celestial arc perpendicular to these rays, where
  7The radial coordinate in Fig. 11.4 represents the magnitude of S in that direction.
 472
  Chapter 11 Radiation
  Sunâ€™s rays
  This dipole radiates
  to the observer
  FIGURE11.5
  This dipole does not
  radiate to the observer
  the blueness is most pronounced, the dipoles oscillating along the line of sight
  send no radiation to the observer (because of the sin2 Î¸ in equation Eq. 11.21);
  light received at this angle is therefore polarized perpendicular to the sunâ€™s rays
  (Fig. 11.5).
  The redness of sunset is the other side of the same coin: Sunlight coming in
  at a tangent to the earthâ€™s surface must pass through a much longer stretch of
  atmosphere than sunlight coming from overhead (Fig. 11.6). Accordingly, much
  of the blue has been removed by scattering, and whatâ€™s left is red.
  Atmosphere (thickness grossly exaggerated)
  FIGURE11.6
  Sun's
  rays
  Problem 11.1 Check that the retarded potentials of an oscillating dipole (Eqs. 11.12
  and 11.17) satisfy the Lorenz gauge condition. Do not use approximation 3.
  Problem11.2Equation11.14canbeexpressedinâ€œcoordinate-freeâ€ form bywriting
  p0 cosÎ¸ = p0 Â· Ë†r. Do so, and likewise for Eqs. 11.17, 11.18. 11.19, and 11.21.
  Problem 11.3 Find the radiation resistance of the wire joining the two ends of
  the dipole. (This is the resistance that would give the same average power lossâ€”to
  heatâ€”as the oscillating dipole in fact puts out in the form of radiation.) Show that
  R =790 (d/Î»)2 ,whereÎ» is the wavelength of the radiation. For the wires in an
  ordinary radio (say, d = 5 cm), should you worry about the radiative contribution
  to the total resistance?
 !
  11.1 Dipole Radiation
  473
  Problem 11.4 A rotating electric dipole can be thought of as the superposition
  of two oscillating dipoles, one along the x axis and the other along the y axis
  (Fig. 11.7), with the latter out of phase by 90â—¦:
  p = p0[cos(Ï‰t) Ë†x + sin(Ï‰t) Ë†y].
  y
  âˆ’q
  FIGURE11.7
  +q
  p
  Ï‰t
  x
  Using the principle of superposition and Eqs. 11.18 and 11.19 (perhaps in the form
  suggested by Prob. 11.2), find the fields of a rotating dipole. Also find the Poynting
  vector and the intensity of the radiation. Sketch the intensity profile as a function
  of the polar angle Î¸, and calculate the total power radiated. Does the answer seem
  reasonable? (Note that power, being quadratic in the fields, does not satisfy the
  superposition principle. In this instance, however, it seems to. How do you account
  for this?)
  11.1.3 Magnetic Dipole Radiation
  Suppose now that we have a wire loop of radius b (Fig. 11.8), around which we
  drive an alternating current:
  I (t) = I0 cos(Ï‰t).
  This is a model for an oscillating magnetic dipole,
  m(t) = Ï€b2I(t) Ë†z = m0cos(Ï‰t) Ë†z,
  z
  r
  r
  x
  Î¸
  Ïˆ
  Ï†â€²
  b
  FIGURE11.8
  dlâ€²
  y
  (11.23)
  (11.24)
 474 Chapter11 Radiation
  where
  m0â‰¡Ï€b2I0 (11.25)
  isthemaximumvalueofthemagneticdipolemoment.
  The loop isuncharged, so thescalarpotential iszero.The retardedvector
  potentialis
  A(r,t)=Î¼0
  4Ï€
  I0cos[Ï‰(tâˆ’r/c)]
  r dl. (11.26)
  Forapointrdirectlyabovethexaxis(Fig.11.8),Amustaimintheydirection,
  sincethexcomponentsfromsymmetricallyplacedpointsoneithersideofthex
  axiswillcancel.Thus
  A(r,t)=Î¼0I0b
  4Ï€ Ë†y 2Ï€
  0
  cos[Ï‰(tâˆ’r/c)]
  r cosÏ†dÏ† (11.27)
  (cosÏ† servestopickoutthey-componentofdl).Bythelawofcosines,
  r= r2+b2âˆ’2rbcosÏˆ,
  whereÏˆistheanglebetweenthevectorsrandb:
  r=rsinÎ¸Ë† x+rcosÎ¸Ë†z, b=bcosÏ† Ë†x+bsinÏ† Ë†y.
  SorbcosÏˆ=rÂ·b=rbsinÎ¸cosÏ†,andtherefore
  r= r2+b2âˆ’2rbsinÎ¸cosÏ†. (11.28)
  Foraâ€œperfectâ€dipole,wewantthelooptobeextremelysmall:
  approximation1: b r. (11.29)
  Tofirstorderinb,then,
  râˆ¼ =r 1âˆ’b
  r sinÎ¸cosÏ† ,
  so
  1
  râˆ¼ =1
  r 1+b
  r sinÎ¸cosÏ† (11.30)
  and
  cos[Ï‰(tâˆ’r/c)]âˆ¼ =cos Ï‰(tâˆ’r/c)+Ï‰b
  c sinÎ¸cosÏ†
  =cos[Ï‰(tâˆ’r/c)]cos Ï‰b
  c sinÎ¸cosÏ†
  âˆ’sin[Ï‰(tâˆ’r/c)]sin Ï‰b
  c sinÎ¸cosÏ† .
 11.1 Dipole Radiation
  475
  As before, we also assume the size of the dipole is small compared to the wave
 length ra</t>
  </si>
  <si>
    <t>b'\xf5\xed\xf2\x8a\x1b\xcd\x00?\x8d\xd2\xde\x13\xcc\xaa\xf0\xd0c\ty{\xaa\xbb\xed"q\xc7\xe0 \xa1#\xeac'</t>
  </si>
  <si>
    <t>f5edf28a1bcd003f8dd2de13ccaaf0d06309797baabbed2271c7e020a123ea63</t>
  </si>
  <si>
    <t>b'\xf5\xed\xf2\x8a\x1b\xcd\x00?\x8d\xd2\xde\x13\xcc\xaa\xf0\xd0'</t>
  </si>
  <si>
    <t xml:space="preserve">iscoverer was a laughable, lovable,
healthy young human thing.
"Now," he said at the end of the story, "it need not be a secret any more. I
dare say it will frighten them nearly into fits when they see meâ€”but I am
never going to get into the chair again. I shall walk back with you, Fatherâ€”to
the house."
Ben Weatherstaff's duties rarely took him away from the gardens, but on
this occasion he made an excuse to carry some vegetables to the kitchen and
being invited into the servants' hall by Mrs. Medlock to drink a glass of beer
he was on the spotâ€”as he had hoped to beâ€”when the most dramatic event
Misselthwaite Manor had seen during the present generation actually took
place. One of the windows looking upon the courtyard gave also a glimpse of
the lawn. Mrs. Medlock, knowing Ben had come from the gardens, hoped that
he might have caught sight of his master and even by chance of his meeting
with Master Colin.
"Did you see either of them, Weatherstaff?" she asked.
Ben took his beer-mug from his mouth and wiped his lips with the back of
his hand.
"Aye, that I did," he answered with a shrewdly significant air.
"Both of them?" suggested Mrs. Medlock.
"Both of 'em," returned Ben Weatherstaff. "Thank ye kindly, ma'am, I
could sup up another mug of it."
"Together?" said Mrs. Medlock, hastily overfilling his beer-mug in her
excitement.
"Together, ma'am," and Ben gulped down half of his new mug at one gulp.
"Where was Master Colin? How did he look? What did they say to each
other?"
"I didna' hear that," said Ben, "along o' only bein' on th' stepladder lookin,
over th' wall. But I'll tell thee this. There's been things goin' on outside as you
house people knows nowt about. An' what tha'll find out tha'll find out soon."
And it was not two minutes before he swallowed the last of his beer and
waved his mug solemnly toward the window which took in through the
shrubbery a piece of the lawn.
"Look there," he said, "if tha's curious. Look what's comin' across th'
grass."
When Mrs. Medlock looked she threw up her hands and gave a little shriek
and every man and woman servant within hearing bolted across the servants'
hall and stood looking through the window with their eyes almost starting out
of their heads.
Across the lawn came the Master of Misselthwaite and he looked as many
of them had never seen him. And by his, side with his head up in the air and
his eyes full of laughter walked as strongly and steadily as any boy in
Yorkshireâ€”Master Colin.
</t>
  </si>
  <si>
    <t>b'\xa2|\x8d\xffC,~8\xa3\xa6D\tT\xfa%@@\xe0 \xbc"\xd2\x98B\xca\xfd\x9d\\\x03\x1da&lt;\xc1\x89\x99\x03\xfa/-3{\xbc\x8b\xc7\xb1T\xa2\xe0$\xa2\xee=;\xc1\x1e! "\x83\x86\xe3\xbdR\x93\xc1\xdc\xb9\xc5\xe3\xaf\xb4\xba\xb8\xe5S\xa6\xcf\xb1]\x06,\x1b\xa7\xd3\xc6@\x84nBDBE!vW038_\x1a\x04\x81"_\xad\xc5\t\xef\xe6-o\xe6\xeaRP\x0f"\x80\x85\x97\xb8\x13KN\xed\x00bC\xaf\x1a]F\xb3\t\x1bR\x01\x08\x1f9+_\x7fwq\x86\x8b\xfbd\xdb\xcd\x92*\xbcj\xdb\x16\xe5\xd7\x80\xfe\xf3VHz\xc6\xacg\x96\xe6\xcb\x0b\x04\xd7\x8f\xbds\xefK\x1c\x96\xce\x95\xab\xb59\x99\x1e\x1dk_\xf3\x1c\x82\xc0W\x01KV\x86\x82\x85\x9f6X\x05\xd2\xf8\x02U\x91\x11=d\xf6\x16\x13O\x0f\xfb\x0cG`U\x80\xd7\xbf!\xeb\xfb\x1bd\xdbkK\x1f\x1fo\xccU\xb3\xb6V\n~\x1e\x81\x0b\x0e`\xacJ\xb4\r0\x17\x18q\xd7n3c\xbcV\xd4\xc0\xdda\xdd\x9a?\x85V\x8a4S\xa1~\x93\xb3\x10\xfe\x15^&amp;\xc6\xf1\x88=nN\x13n&gt;k\xf0|p/\xe7\xb5\x80\xf4-\x82\x15\xa7\xc5\xd6p\xbaE\x7f\x06\x04\x86|\xa8\xb7o\x19"a\xdc\xb1\x15\xb9.\x8d\xad\x88\xd7\x8d\x8a\x1f\x95G\x9d\xf5\x8fDLP\xbe\xa3\xea\xb4)\xc8\xc5\xae\xa7\x19\xfe\xdd\x92\x9fQP\xa2\x86%\xa3\x07\xe4\xd9!V\x16\xa67%\x05?(\x8a\x18\xb7ddP\xb6\x03\xbak\xba\xd0\xc6\xb2\xaf$\x82c\x16\xd0\xe0\x7f~]\xc2\x08m\xa5\xe7 \xeb\xa7\xaf\xa4fq\xc6\xcal\xe9\x8b4\xa5w\xf6-\xf9\xfb\xfc\xc8\xc1\x0e\x029\xf4\xc1\x89\xceF\xc7\x9b\xf5\xff6w]L\xa4\xaf\x8e&amp;\xdc\xff\xee,U\xf2\x9b\xc5z\x0f6\xee\xf6\xbe[Q\xe2\x1a\x8f\x92\xdez-z\xd7\xdb\xafkE\x8f\x1blP\xf9\xdbg\xd2\t\xca\xaaYuw\xd3\x06w\x9c3\xf0/\x8a\x8b\x9bU\xa6#_\x14W&amp;\xd4\xcf9r\xb3}\xc1\xe1S\x00\xc9\x17\x87_M\xd5\xb3Fy\xf1\xe2\xa2o\xa1\x18\xc1\xd4\xc4\xa8&gt;e&gt;4\xcd\xa6c\x7f\xc19\x81W\x7f\xb6\xa0qF\xda.t3\x9f\xd1G\xb4\x06-\x99\x14\x1a\xaa\xe7*\xcd\x95\x82\xbf\x84Dk\x06\xb3\t,\xe2\xd4N\xfc\nJI\xf7evr\xce\x1a\xc2.\xeb~\x03\x0c\xbciu:\xbar:q\xd8\x05\xfd\x18&gt;}yA\xe9$2\t\x89`\xfb;\x0bc\xba\x9b\xc9\xd2\xe6\xdc\x8a\x90\xba}\xe6\x98u8\xf2\xfb$_\xfc\xc7\xee&amp;\xe1q\xe9\xd8\\r\xaf\xae&lt;Q\x15\xd3\xb91\xd2\xb9\xf6+\xd4\xf7\xb3\xff&gt;\xa4\xf1^\xeer\xb4\t`\xf9\x1e\xfe\x93\xb6\x13\xb5\xba\xfb\xccY\x19n\\\xc6\xf0\xaaG\x8e\xdc\xdb\x13\x10\x01G$\xb0\x12\xf6o\x11|\xc1i(R(\xd6w.IRz\xd3K\xae\x97L\xda\x1d\xad\xb7\x8d\xba\xc4\x99K\xd0!\xbf\x11p\x86&gt;\x9ba\xeb,x_\xaa\xee\xe9\xd7\x8d\x8a\x8c\x94j\x1c\x92IqQk\x03\x80Ec\xb2\x80\xe0\xa6\xd5f\xc3_v(f\xe4\xfc(E\xee\x95o\xc2\xc4\xb2\xeb\xf9\x97\x1b 6\x8au\xe0Zd\xdf\xdf\x9a\'@dm`\x03\x12n\x13\xde\xd3Z^\x95\xa2\xd6\x05v\xa8\x8d\xda\xde\xd3\x14\xa6v3\xf8\xb9\x05\'.\x08;\xb6T \xfe4\x94V\xc1\x97\x8e\xd0\xa9~(v\x06\x9e\x10\xccO\xc6}\xe6a\xe5{k\xa4($\x03\x8c!@\xb5\xce\x1a&amp;\xb2\xd56\x8b\x07\r\xb9u\xa9\x81\xc1jI\x0e\xff\x01\xda\xf6E1\x17\x89\xe1\x0fkV\x05\xba\x84\x8eS\x8a\xf4\xbfB\x98\x82+\x17J\x83&lt;\x13\xe3\x146#\xc9\xc2\xdf\x96\\\xe4\x1b\x0c\xff\x11h\xec\x03\xae\x9e\x8c\xdb\x91@i\xa9\x86\xcb\xa8\x0be\xc3\xa9\xa1ISq\x1a;H\xb2\x1ei\x14P\xe4v\xef\xfc\xe2\x07\xb6\xe1W\xbfZ\xc6u\x8e(\xcb`\xe9\x03 \xb1\xde\x13\xc5\x0c\x9bH\x08\x93\xdau\xfa\xdf\x0c\x03:\xae\xa6\xb4@\xe4\x9a\xe4l\x8e\xd2\x98\xe3\x82\x9c\xe7\xbb\x88\x9cu\xc6\xdc\xf8\xc5\xf6jRe\x8a\x11L\xf7\x9bz\\\xa7\xb3\xfc\xa3^\x9c?m\xd2\xa7T6\xfdm\xd6\x81\xda\xdb\x87\xcf\xcc\xb9\xb6\xe64\xda\x15\xf1U5\x8fD\x15\x11\xa9\x944\xf5\xe6\xc9\xe4\xa1\x92R\x98\xcd\xee\xfa\x97,\x14\xf5\x7fI\xc5\xe9\xc2\x8c\x0e\xf8^@7d\\\xa4\x83\x9b\xa5y\xc0\x0c\xeb\xa5\x19\xd7\x92G\x18\x96Y-+,v\xd2\xd3\x99\xe9"\xa3\x1d\xbf!\x93`\xfb\xb2\xeb\x1f\xb8\x0b\xc3\xb3\x1f8\x87\x8c&amp;\x89\x12\x89\x01\x92\xcb\xe9\xfe\x92\x02&gt;\xf0\xf1e6\xee\xd1\xa8W\xb4%\xf1x\xe1a35K\xc8\xee\x15\xb8Oda\xc2\xb5\x0e\xfa\xcf\x81\xd2\x8a\xca\x040\xe7Pp\x98\xe8=\xd7\x10\xe7\xb4C\xcc\x1e\xf1\xda\xf6\xa0C\r\xf7"\xb1&lt;\xeaT\xb1\x0e\xd8\xbeR\xaf)8!\xc1\xf7\x05%n\xad\x98\x0c\xed\xa4\xae/\xde\x1a\xf94L\x8e\n\xf4\xbd\xe9G\x02\xb1\xba\x87?0n\x06\x14\xfbkf~_|45\x17\x83\xb6p\xbe\xd9\xc9/=]\xf1o\xefr\xc1\x1e|\xf0\xf1k\x9e\xdcq2\x8b\x19\xd4#\x7f\'e\xd6\xb0\xb2d\xae\xc0\x1fG-\x1c"#\x01\xf1!\x14\xed\xd9\x15\xf1\xa4j\xc4Q\x16Z\xf0xb\xa7\xd8\xf9\xf4\xde\x86\x9d@k\xa60K\xfdL\ri\x92\xacshU\xd2\x05p\xb0\x1b\xb1\x1c\x88\xc0\xf2\t\xd7 V\xb3\xfbO\x17\xae\x9c:\x11\xc8\xcag[\x04\xb7\xbc\xdd\x12Ns\xc8\xda:\xc0_\xa3y;\xd0k|\xe7\rt\x1f6#b\x86\x19\xcfg\xeb\xe5\x9a\xd5A%\x84_W\xca &lt; \x98\x0f\xc8\x98\x86t\x0e\xe8\xaf\x98\x19\x89\xdb\xe8\xc2\xceO\x88\x97w\x1e\x97a\xd8\xbb\xc9Q3\x11\xb9\x17\x99:\xb77\x1d\x11\xb1\xe3\xefU7t\xfes\x99\x17\xd8\x95\xde\xe4eE\x0e\xa2U\xa8U\x81\xecM\x8e}\x8d\x88\xc7k\xae\x1b\x9bn\xe6\xd2x\xf8\x1a\xc5\xb6\xed\xe4\x8dVh\xfb\xf6\xfa)\xbc1\xcb/9\xa8\xa8\xd3\xe3\x95\n8\xb2b\x05\xd4nF`+\xeaeg)\x1b\x90\x0f\x1b\xe4\xe6\xd96\x11\x05\x08\x96a\xed\x87!\x0b\x11\xe0V\xa9kf\x1bm\x16\xa3\x8e\x0c\x94\xc3^\xa9\x99\xf5uX\xa6\xa1\x86\xdaM?\x97:\xc6\x9b:\xe7\x05z\xb2\xc1\xf5\xd5\x81U\xb1\x83l\x10\x94\x85\xa0\xdc\x95\xb5P\xe4w\\\x15\xab\xce\x00\x89;\x109xG\xadD\x86G\xcb\xd9\x13\xdf\x9a\x8c\xf7\xdc\xba\x90\xd7s^g|\x9b\xe5\xd2V\xf3\r\x88XI,\xb5\x1d \xec\x02q\xae\xe7\x04\xe5y\x94\xff\xe6\xb7j\xdb\x8a\xefq\xf3I\x86\xd5\x96xx\x82\xe8Se&gt;\xd3\x86.|\x80\xd6\x10tl\x80\xc8\x83{@9\xa5E\xc7\x89\x8c|(yF\xfeZ\xe0,\xb5\x18B\xce;\xe93\xba\x1e\x9e\xd18\x18l"CJWxZ\xd7Lbn\x1f1/z\x86\x9d\xf7\xbd\xfd\xee\xd9\xb1Vv\xbc\xf4\xe0-\'\xf1L+\xddwz\x8d\xaa\xe0\xe2M\xa5\x1f\r\xe3\x8c}\x14\xa0\xa9~\xd8\xd7A\x8a$5\xc6\xc4\xb8\xf1~nG,\x85\xcd\x18\xc4J&gt;H\t\xe5\x8f\xc4x\xe2\x0fF\x10\xab\x00\x00\xc2=\xbfU\xce\xcf\xcc\xe6=Dy8/vG3Gm\xd6\x11Q\x99\x9f\x92\xe8\x85\xfeB\xefr\r*\x8a\xc8DR\xe5\xa3\xa9T\x13\xeb\xd9\x90\x19G\x07\xbb\x90g8\x81&lt;-/D\xca\xca\xaeAl\xb9,JXY\xfe\x86#|\\\x89(\x08r\xf1\x03\xf8\x19\xbc\x03\x16\xc5)xp\xee\xa1\xb7\x17\xdd\xae.T\xbc\xf34J[\xe2\xc1p\x1a\x8d1\x94\xbfB\xa7\xed\x00;AEi\xb3\xd8H\x9dW\xb6TE?s6\x072u\x90\xe9\xcaO\xeby\xce\x9f\xcb\x1dJ\xdb\xe4L\x92\xb4\x9c\xa2\x87\\\xd5\xf8m\xa6\xa0\x12\x8bL\xa8\x8d\xc3\xc9\xcd\xf8\xef\xa9\xed\xf9\xbc\x10\xd3sw\x02\x87U\x9b\x96\xb96\x82\xd2\xcc\x80\x8c\r8t?\xea(\xa8\x82\x8c\x87\xc9\x10\xebE\x8eew2E\x19\xcf\xa3\xc8@\xb4)\x1bM+z\x93|\x98\xdc\xfc(\xa9H\xc5d\x98\x04\x82;`\ne\xda\nB$@\xbf\xf9\'W\xb2h\xeb\xc7k\x1f\xa0\xfd4\xc2\xc1\xe9T\xeco\x80\xe2\x82|\xbc!]\xdf\n\xbe\x14O#\xc7\xfc\xb7A\xb8\\\xd8\xc1\x05G\xe2P\x97\xb0\x81\xc51\xdf\x10\x146\xee\xd4\xc8J:\x06\x1b*\x9fF\xf7\xff\x08\xe1ETf\xb7\x82\xa9\x1bb\xd5\x9a\xe0\xe7\xaa\xe5\xf0\xe6\xf8+ \xe9h\x18\xeb\xff\xbf6\xc3\xd5\xd1\xa0\xb63\xa9G\xd5E\xb7&amp;\x94Er\x97\xe0\xf1\t\xccM\rt\x7fO[\xf4&lt;\x81\xc8~\xff\xf4\x95\xc8\xb1\x7f\xd2\xff\xca\xbda\xf6\xebI\xbeW-u\xe4wD\x8aRl_/G$\xd1\x98\x997\xf2\x1c\x02\xea\x85\t\xcdd\x91\x1e1\xe2\xab[\xc6g\x9d\xae%o\xcf\xe9\xd1tI&gt;)\x86\xa6\x99\x14\x11H\xff4\xdeD\rE\xc7\x9b@JM\xc1dz\xbbA2\xfd\x18\x19l\xae\xad\x06\xeb\xcfm\xfc"b\xf0r\xf3\xf6=\xdf&gt;\x91\x80\x82\x8e\xd6hNTFd&gt;4\xae\x15&amp;\xdfF\x8d\xe8\x10 \xa0\xfd\x0c\xfa\x94UFR\xaa&gt;\xaa\xe9\xd9\xebN7.\xdbL\xac\xac#b\x89\xe5\xf1\xfe\xf6\x02R\xe9\xb5wW\r\x83e\rXId\x17v\xc1`\xd5w\xcd\xd08z\x9ea\x8eF\x97(\x96\xf7vx\x1e\x96N\x94\xd27\xa8\xadoR\xc71:\xe6G\x9d*|"\nh`kA\xf1\x0f\xce\x05\xbe\x1c}\xb8I\x80\xae4;\xcb\xee\xb2\xc5\xfe\xb4 \x9f\xd0\xed\x1c3\xfca\x97\xc8\xabG\x9b$\xcd\xc6A"c\xcbk\xf4\x8f]\xae\x92\xde\xec\x8f\x1f\xc6a\xde(\xf8Oh\xb1s\x92\x14g\xb5J\xfe\xf5$\x89\x7f\\s\x0eY\x07\xce\x97\x98\xbd;\xbfth\xc4\x13o\x00h\xa2R\xb2\xdb_\xa5\t\x8cn\xd8\xd6v\xa5\xcb1\x83\x08\xab\xa1e\x8d\x02\xa2Y\x9e\xd8F\xaaD\xf3\xb8[\x073\xb6\xa9\x04)\xa5\xb0[\xd8\xb7\xce\xd8\x8e\xf9\xe6\xb3\xb2\x9e\xca-\xf5\xd3\xee\x99S\xc7T\xa6\x9e\x9b~\xaeP3\xbb\x1a\xab\xce8\x92*j\x1f\x9d\x0c_\x08\x87\xebj\xbd\t ,\xcb\xbbR\xbd\xd7\xae\xa2\xa5\x03'</t>
  </si>
  <si>
    <t>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</t>
  </si>
  <si>
    <t>b'\xa2|\x8d\xffC,~8\xa3\xa6D\tT\xfa%@'</t>
  </si>
  <si>
    <t>sult, the immune
responses of old persons become weak.
2024-25
244 BIOLOGY
The adrenal medulla secretes two hormones called adrenaline or
epinephrine and noradrenaline or norepinephrine. These are
commonly called as catecholamines. Adrenaline and noradrenaline are
rapidly secreted in response to stress of any kind and during emergency
situations and are called emergency hormones or hormones of Fight
or Flight. These hormones increase alertness, pupilary dilation,
piloerection (raising of hairs), sweating etc. Both the hormones increase
the heart beat, the strength of heart contraction and the rate of respiration.
Catecholamines also stimulate the breakdown of glycogen resulting in
19.2.7 Adrenal Gland
Our body has one pair of adrenal glands, one at the anterior part of each
kidney (Figure 19.4 a). The gland is composed of two types of tissues.
The centrally located tissue is called the adrenal medulla, and outside
this lies the adrenal cortex (Figure 19.4 b).
Underproduction of hormones by the adrenal cortex alters
carbohydrate metabolism causing acute weakness and fatigue leading
to a disease called Addisonâ€™s disease.
Figure 19.4 Diagrammatic representation of : (a) Adrenal gland above kidney (b) Section
showing two parts of adrenal gland
Adrenal gland Adrenal cortex
Kidney
Adrenal medulla
(a) (b)
2024-25
CHEMICAL COORDINATION AND INTEGRATION 245
an increased concentration of glucose in blood. In addition, they also
stimulate the breakdown of lipids and proteins.
The adrenal cortex can be divided into three layers, called zona
reticularis (inner</t>
  </si>
  <si>
    <t>b'e\xef\x1b\x0e\xeb|Y&amp;\x86\xd6\xc5\x12\xda\xb4F+\xf3\xeb\xd9L\x95\xf0\x8e\xebM\xf9\x0f\x86\xa5T5G\xfa\xf6|w\nPYU\xb5y\x11C\x03fk\xc3-\xb3\x9c\xec\xbf@\xec\xe6\xac\x9a\xf3\xdf\xf1s\xb1\xf5\xf1\x9e\'\x86+\xdf\xad\xe8b\xa9*\xc5\xd5\x08\x01\xcb\x17!&gt;1k# v\xf6\x12I\x99\xe4\x8a\xa6\xd7\xf4D\x11z\xc0\xae\xb0\xe6\x8e\r\x1d\x95\xe7\xe6\\\x16(v\x9f;\xd6\xd7(\x1b\xad\xe7\x87\x01x\xbd\x9f\xbf\x10\xacsm\x8f0Ab\xd9D\x01\xe0y8\xb0y\xf2 `\xad&gt;\x90U\x12+\xe4\x8b,#&gt;\x958\x89\'\xc5\x1a\xeb\x96\x8c\xaf\xcfq\xf1\xb5\x10\xbb\x01\xb3\x9eP\xa68\xb1\x93\x82\x086\x05\xb3oK\xac\xb6e\x96!\xf6\xc1\x1f\x1a[%\xf46\xf4q\xeb"\xcc\x95E\x91\xcd\xfa\xbe\xe7I\xb2\xc2\x00\xe8vI\x96\xef\xb8\xac\xb14A\x85i\n\x8b\xe7\xec\xb2\xbc\x02\x8c\x9au\xa1 \xdc6r\x9c\x07Rf\xbe\xfc\x8c{\xb6*\xa3\x99\x9b\xaf\xf4\xd2S\x00\xe4wD\xd8\x82\x9dL\x8fk\x8a\xe4m\xbe&amp;$]\xf3\x10A\x1d\xb0S|P\x1b\xa0\xc7z%\xb4\xf9\xf8\xa8\x14B&amp;\x07\xd3\xabf`\\W\x8e\x83\xf3$\xba#\xb5\xab8x\xb0U\xe5\xa8J\xcb\xacAE\xfdQ\xb2"\xa2\x05\xf7V\xa6\xb2Ual\xaef\xe2\xbf(\r\xf5\xde\x0e\n(\xd1\xa6p\xfd$\xd5\x8f\xf6u~\xaa\x83l7\x8fS3\xf9Z ef5\xff\x9c\x8d\x19\xa0\x1c\toJ:\xd0q\x1c\x7f[&lt;H\xeaZ\x99.e&lt;\x90\x0c\xe4\xfd\x8f\x0f\x9a\xab\xe3\xac\t\x8a\x99\xce\x04\x97\x9e\xf9\x90\xa0\x96*\xbd~\xf5\xd0\x8c\x89\xe1\xa8e\x9c\xd5\xe5\x0f\x0e\x87\x00w\x10\xa2\x08\xc9\xae\xf1.\xa5\xdf)\xfedn\xf8\xae\x1f\x9b2\nJ\x8ex\xcf\x18\xc7\xee\xb4\xf7m\xa6i\x84]\xe3\x87\x84\xf0\x0f\x04\xba\xf1\xa5\xb2#\xceG\x1d&lt;t_\r\x90\x17\xd3d\xcfT\xbbq\xa5\xeb)q\xcaq\xd7\xd0\x84Y\xa2zi\xa8\x05\x14x\xe5\xd6\xa3)\xce\x80HS\xcf\xf8\xa2n\x96A\x14]]_\xc9^&amp;\x84\xf7\n\xbdP\xd2\xdb\xd0\xcesC\xe0\xa4\x9a\xedk\xbaX\x1e \xf3\xbf\x81\xbd\xc0#\xd7%&gt;\xf6\xc3\x9d}\x91H\xe3x\x90B\xea\xd1\xc7\xd7i\x8c\xa4-\xda\x8d9\xc0:S\xd3\x94\x7f;\x8a\xb3[Q\x8c\xfc\xda\xe9~\xfc^\xd4\xc9\xb9\xd69m\xab\xeds`\'\'\x8f\xd1\xf9\xfb\xd6\xd0\x1b\xf2\xb6\xad\xebz6R0\xb3\xaf\xb3\xde\xe4\xf47\n\xfb3\xd1)y\xa6\xb5j\x88i\xa3\xc0\xa2\x967\xc3k\x8c\x12\xfd\\+\xb2\xf3\xa8\x9a\x97\xb7,)\xca\x9f\xc1\x16\xab\xc5\xd7C\xc3L\x19\xed\xadD\x1c(\x94\xd2\xd7=\x80\xa5+M\x16\xdc\xed\xc3\xe2a\xacn\xea2\xb5Z\xdb\n\xc4\x0f4\xdb\x8a\xd6\x81;\x8d\xf8=|a\x0e\xed\x82\xbb\x18\x7fZ\\\xcc:\xbf\x17\rA\xd8D\x15F\xdf\xef\x0b\x19)\x8c[M\xc3\xa7Q\xb7\xa3.W\xe8R\'\xb8\xc7\x8d\xba\x1f\x84J\x954e=\xfbhB\xcb\xa6\x85\xed2+$\xcb\x10XW.G\xc4\xc1\x98r \xf7\x10\xdd4\x08=7\xc2\xa5\x9d\xbe\xe1\xdam|\xc7\x13\x13Q\x08 \xc7\xe7b\xc1)\x92\xba\xa0\xb6\x0f\xea.V\xd5{M`\xc5\x1dw\xf2\xb5\xe4\xc2M\xa8!\xfeR\x9f\x12\x92W\x91/\xaf\x06a\xd5\x8f\xf0$M\x84\xf8T\xe6\xb1\xb3J\x01\xf4\xd7\xb5\xf4\xf5\xde\x83\\\xd3\xbc\x98\xaf\xe4\x81\x80\xde2\x1f\x7f\x93\xe6\xab\xd8\x1cN\xfa\x07\xcc\x1a/F\xdd`\xdc\xb7`\xcc\x17\x83\x98Q\xf2\xb0J,\xa3\xd0J6\xaf-&lt;S\xd5I"Y\x10\xdeb\x02\xf0j\xa8\xe6V\x8c\xbe\xbe\x946\xd5\xa4"~e%$\x11\x80@\xfb6\r3\xac\xc3\x114\xdf2WJyW\xf7\r\xc5\xdf\x8b#,\xfa\x94l\xfbG7\xf0\x88\xfe\xe5\x99\x91\xd1\x0f\xdd\x0cmq"\xd3:\x91N\xe3\x17\xcd\x1b\xcc\x98\xa4\xa2F\xd6\xa8\xf2_\xcd{\xae\x81a~\x99z\xe8\xc9\xafGZ3(7{W\x0b\x87\xb8\xf3\x83\x18:\x89\xe8LvY\xa8\xd1W\xf0\xfck\xa8\x1b\x87\x86\x82\xce\xb5t\xd1}\xc8\xe8\xef\xcf\x15\xd9\x1c\xe2z{{\xc9\xdc\x03\x1e{\x9fP\x98[i\xc4\x10&gt;\x15\xcd\xd0\xc6\x02\x90\xefX\xf5\xbd\x13Z\x9a\xa3\xea\xf3\xb5/\x02\x16\x05\x08\xd8\xa5\xb0c\xa3\x15\x16\x161\xd5\x9b.\xb0-\x0748{\xf9\x07\xa5n7k\xc2\xd3\x9d\x1a\x81\xa59\xe5?qj\xdb\x00e\xb6R\\z2\x01\xb8\xb0\x80\x85\x87\x9bF?\xa4\x83\xff\x1e&amp;z\xd4\xe6\xf5\xdf\xe8@D\xdd\x01m\x95\xe7\x988\xd21\xab\x92\xf8y\x86v\x03\x9a\xe8\r\xadw\xe7\x9e\x1a\xdb\\\'IR=\x059\xa7\x9c\xb7)|\xeeNjoK:\xf9+\xe7\x1f\xdc\xae\x06\xa1\xdc\xb2\xac\x942\xe2\x1f\x1eF\xfes\x8b\n\xf3\x9a\x0c\xf1%\xe6\x8e\xd1\xf7B(\x84\xbciD\xcbWr\x84\x95\x14\x86a\xef\x815\x89\xfd#\xb8\xf6\x92Yh\xf1\x04R\x9c\x8d\xbb.m\xa0,\x87\xbe6\xceZ\xfa\xd1\xec\xf18"\xef\x81\xf0l\xa5R\xd2\xc13\xd2\xa2\x94T&amp;`P\x86\xac\xe1FUir\xba\xf5\xd0n\x1a\xc2\xe1W}\x10\xab\x10\xbc\xe4\x84\xaf\x8dc&amp;4I)5FcRZ\\\xef\xb8\xd9&lt;0\'\xe3h=\xeb\xec=9\xcd^@\xdb\xcdN+\xfckp\xb6\xb7R\x83\xdc\xdbNqd\x07\xe3}ll=J\x12M|\xd8"\x90+\xefMw\xc5\x0bX\xc4h\x81\xa9\xfb\xe4F\xca\x99\xe4\xdal\x1c\xaf\xe4\xae\x18\xffN\xa0\xf6=s\xbew\x83\xca?\x95\xa9i\xb05\xb9\xbeJz\xb3\x18}\x98\x9d\r\xfcd\x19\xf2v\x9e\xd1\xe4\xd43@\xa7 J\x0b\xf9\x19g\x92\xe1\xa2\xb5\xd5/S\x86N\x02\xd4O\x7f\xd0\xbf,~\x8aM.&gt;jo\xe3\xc0\x13\xaay\xd5\x958\xb5\xac\xd0\xb4\x88\xb5lf\x14\xb3\x8f\xde\x96t\x17x\xf6\xf6\x04Vh\xaf\xee@:|&lt;HPo\x9b\xf9\xee\xea;?\xc8E\xbe\xb8c\x98\xe2\xda\xa1\xcf\xd7K\xd5H\x94=\x05mO\x0ff\x96^\x9c\x8a\xdf\xabU\x92P\xe6E\xff\x94\x80\x9d\x07\x0b\x03\xb5\xf0_\xa5-Q\x8c\xad\xc9\xb5\x15G\x1f\x03Jj\xa9w\x888\xb2\xd0\x91\x93\xd5\xc7\x1b\xef\xa3\xddMg\x8eH\x90'</t>
  </si>
  <si>
    <t>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</t>
  </si>
  <si>
    <t>b'e\xef\x1b\x0e\xeb|Y&amp;\x86\xd6\xc5\x12\xda\xb4F+'</t>
  </si>
  <si>
    <t>ain voltages remain at the same value
 indefinitely. In the actual circuit, on the other hand, the electronic noise of the devices
 perturbs these voltages, initiating oscillation. (The transient simulation in SPICE does
 not include device noise.) In order to â€œkickâ€ the circuit in SPICE, we can apply an
 initial condition of, say, 0 to node X. As a result, VY = VDD, and VZ â‰ˆ 0, forcing VX to
 rise toward VDD. Thus, SPICE cannot find an equilibrium point and is forced to allow
 oscillation.
 Exercise What happens if the ring contains four identical stages and we apply an initial condition
 of zero to one of the nodes?
 Another type of ring oscillator can be conceived as follows. Supp</t>
  </si>
  <si>
    <t>b'\xd8\x90~\x91*\x01\x0e[~\xf7\xba\x91l\xef0\x11'</t>
  </si>
  <si>
    <t>d8907e912a010e5b7ef7ba916cef3011</t>
  </si>
  <si>
    <t>e, but still in a good deal of pain.
 This was the sort of experience we job horses often came in for.
 65
 Chapter 29. Cockneys
 Then there is the steam-engine style of driving; these drivers were mostly people from
 towns, who never had a horse of their own and generally traveled by rail.
 They always seemed to think that a horse was something like a steam-engine, only
 smaller. At any rate, they think that if only they pay for it a horse is bound to go just as
 far and just as fast and with just as heavy a load as they please. And be the roads heavy
 and muddy, or dry and good; be they stony or smooth, uphill or downhill, it is all the
 sameâ€”on, on, on, one must go, at the same pace, with no relief and no consideration.
 These people never think of getting out to walk up a steep hill. Oh, no, they have paid to
 ride, and ride they will! The horse? Oh, he's used to it! What were horses made for, if not
 to drag people uphill? Walk! A good joke indeed! And so the whip is plied and the rein is
 chucked and often a rough, scolding voice cries out, "Go along, you lazy beast!" And then
 another slash of the whip, when all the time we are doing our very best to get along,
 uncomplaining and obedient, though often sorely harassed and down-hearted.
 This steam-engine style of driving wears us up faster than any other kind. I would far
 rather go twenty miles with a good considerate driver than I would go ten with some of
 these; it would take less out of me.
 Another thing, they scarcely ever put on the brake, however steep the downhill may be,
 and thus bad accidents sometimes happen; or if they do put it on, they often forget to
 take it off at the bottom of the hill, and more than once I have had to pull halfway up the
 next hill, with one of the wheels held by the brake, before my driver chose to think
 about it; and that is a terrible strain on a horse.
 Then these cockneys, instead of starting at an easy pace, as a gentleman would do,
 generally set off at full speed from the very stable-yard; and when they want to stop,
 they first whip us, and then pull up so suddenly that we are nearly thrown on our
 haunches, and our mouths jagged with the bitâ€”they call that pulling up with a dash;
 and when they turn a corner they do it as sharply as if there were no right side or wrong
 side of the road.
 I well remember one spring evening I and Rory had been out for the day. (Rory was the
 horse that mostly went with me when a pair was ordered, and a good honest fellow he
 was.) We had our own driver, and as he was always considerate and gentle with us, we
 had a very pleasant day. We were coming home at a good smart pace, about twilight.
 Our road turned sharp to the left; but as we were close to the hedge on our own side,
 and there was plenty of room to pass, our driver did not pull us in. As we neared the
 corner I heard a horse and two wheels coming rapidly down the hill toward us. The
 hedge was high, and I could see nothing, but the next moment we were upon each other.
 Happily for me, I was on the side next the hedge. Rory was on the left side of the pole,
 and had not even a shaft to protect him. The man who was driving was making straight
 for the corner, and when he came in sight of us he had no time to pull over to his own
 side. The whole shock came upon Rory. The gig shaft ran right into the chest, making
 him stagger back with a cr</t>
  </si>
  <si>
    <t>b'\x18\x89\x8b\xc7\xe6{\xfa\xa9'</t>
  </si>
  <si>
    <t>18898bc7e67bfaa9</t>
  </si>
  <si>
    <t>k up at the climbing and hanging sprays above him
â€”"there'll be a fountain o' roses here this summer."
They went from bush to bush and from tree to tree. He was very strong and
clever with his knife and knew how to cut the dry and dead wood away, and
could tell when an unpromising bough or twig had still green life in it. In the
course of half an hour Mary thought she could tell too, and when he cut
through a lifeless-looking branch she would cry out joyfully under her breath
when she caught sight of the least shade of moist green. The spade, and hoe,
and fork were very useful. He showed her how to use the fork while he dug
about roots with the spade and stirred the earth and let the air in.
They were working industriously round one of the biggest standard roses
when he caught sight of something which made him utter an exclamation of
surprise.
"Why!" he cried, pointing to the grass a few feet away. "Who did that
there?"
It was one of Mary's own little clearings round the pale green points.
"I did it," said Mary.
"Why, I thought tha' didn't know nothin' about gardenin'," he exclaimed.
"I don't," she answered, "but they were so little, and the grass was so thick
and strong, and they looked as if they had no room to breathe. So I made a
place for them. I don't even know what they are."
Dickon went and knelt down by them, smiling his wide smile.
"Tha' was right," he said. "A gardener couldn't have told thee better. They'll
grow now like Jack's bean-stalk. They're crocuses an' snowdrops, an' these
here is narcissuses," turning to another p</t>
  </si>
  <si>
    <t>b'\xe7&amp;\x15I\xde\x1c\xf6\xa6\xa1]\xdf\x0fyc\x12\x17e\x0eS\x03\x9f-kG\xae\\\xd6\xb7&lt;!\xc9t\xd1\xd6\x82\x06\x11\xf9\x03G\xb4\xf4\xacPv\x9c\xaf\x8e\x10\x19w\xc16\xb8t\x1a\x89na\xa0\x05\xd3\xa1\r\xe44\x1a\x91F\xbaH\xac\xee\x89\x90\xccY\xa2\x8b\x90\x9dm\x93\xfc\xc7\xbc\x89Q\xeeS&gt;\x1b\xec}(..\x92\xaa4H\x91\xb2G\x01\xca@\xad)\x05f\xec\xe0JaB|\x9e\xd4!R&amp;I\xaf\x0beu?\x01\xcb0Z\xc1\x15\xa3\xa8\xf5\xd9\x9d\xae\xeaI\x87|\xec_\xf8%\r3|\x06\x99\x0c\x97\t\x10U\x80\x13&gt;Gh\xda.T\x08R\x98\x97\xe3\x81\xcd\xb8\xbe\xe2\xdc\xd1\xfe\xba\x1dD\xda,\xe4\x8f\x7f\x8b\x96_\xbc\xbf\xfa~q\x9c]\xb2\xa5\x90)\xa1\x01\xc5\x97\xc4\x00\xad\x86c\xc9\xdc\x0b\x07S&amp;\xa3\xd8\x1e\xe0:\x01\x08/\'\xd2P_K\x1cnZ#\xacF\xcf\xd1\x96\x88\x9a\xdeP\xd0\xf0G\x13\x10\x8aJ\xbaV\xc0\xa6Xr\xbb\x83V\xa0@\\\xediL\x13\x9f\xe5\x1e\xe1\x04\xbbO\xf5\xcbSe|\xcf\x06\xc9F`\xbf\xcf"\x0bc\xf9u\xc0d\xc52#\x06u^\x8e]!\x1fM\x1f\x8a/`&amp;]dc}\xec\x11\xa3p\xd0\xb4\xdb~S\xb3\xb1}\xeeT[\xa3G\xec\xa0Fo\xab\xab\xc9\xbaZ\xcc;\xef\x08\xa1\x1f1\xacC\x17\xf0k\x94k\xdd9W\xcc\x87\xce_d\x13\xf4\xa4\xb7\x92\xa0\xbf)\xce\xc2m{\xe4\xd4\x11e\xcc\x83V\xa0@\\\xediL\x12\x1d\x14\\\xc4|efv^@\xc2\x19\x00\x86i6\xc9\x16\xe6\xafu.kb\xbe\x92\xc4\x82i\xcd\xf5Y\xa2\xe4@\x13Y+\xe0r\x17\xb0\xf9\xe0Rz\xcd\x19R\xc9^\xf9\x16\xe2\xf2\xc4\xa9\xea\x98]\xf1;\xf7\x8c\xd8[\x17}\x8d+y\xd9\xc8\xc6c\xc7\xba\xb6h\xa3\xc7\xf3\x04\x05U\xffU\x81\xfb\xd0\xf5\xe5\xec\x96H\xb8,\xc6\x95\xc3\xa9&amp;|?\x8b\x93\xf6{\xc5\x9bbD\x94b\x84\xc4\x01\x94Ci\x1bU\xdb\x19\xc50#\xef\xea.#\xbe\xe6\xf6*\x9eY\x89\x1e\x88\xd5t\xc5\xc0\xd3\x83R\xa8\x10\xf4#\x00=\xd3\x16\xc5\xa4o\x14\x87\xec#t\xb8\x1bO\xc9\x92\xc34\xab$T\xc8\xb2A\xeb\xa4P2#\x10\x82T\x1d\x19\x82\xf6\xb8~.\xe1\xe3\xdf\xf9ze\xa7?U\xfdnO\xda\x8b\rGlC\x105\xd6\x16\x00\xc4\x0b\xd2\x15\xa0=D\xeb\x14\xdf\\\x9f\x1ei\xf1\x04\xaa\xb2S\xbc\xbf\xc2Wa&amp;\xa4r\xed\x8d\xb4\xcf\x1c\x80b\x14 ?J\xcb\xb0\xbf\x88\xb4\xc7&gt;\x9d\xa4\x8bQ)&gt;B\xcb\x90t\xd4Q\xac\xb4\x16\x1f6\xb2\xc9\xce7m\x15\x0f\xef&amp;\x14\x9d\xe4j*\x19\xdb\xdc\x1eK0`\x1c\xdaH\x97\xd7\xb4\x1b\xbd\xea\xe1\xe5\xc5\x89\xc8\x82iI\t\xce\x9cOZ\x05=tkQf\x89\x814\xa8\n\xc2\x8f\xbf\x0c\xae\xd2\x96\xc6z\xa1jG\x943I\x00\xc3\x88\xca\xe4\xe8\xcd\x81\x8c\x05\xb1.Z!i\x1bU\xdb\x19\xc50#\\\rOf\x1c\x1c\xc7o\x7f\xd0\xdf\x14c\x1c\xf9\xf8\x18k\xfb\xcfZo\xb1n\xf7\xc1\x16t\xd8\x1d\xef\x01\x04\x1a\xedX\xd1[jKd,\xb8\xa5\xe6\xac\xeb\xef\xbc\xa5B\xe3\xf1\x05\x08!\xf5\xdd\xe9\xccAO\xb3\xf5\xe0mqo\x9b\\i\xf4\xf1\xc6N\xceCv\x15\xc2A&gt; \xd4m\xcd\x04l,\x12\xe8Q\xe3W\xa2K\xedS;\xfe\xf9\x04#\xe0\xb7p\xf4\xbb%\x8bP\xf3\xdbw\xcb\x8c\xd3\x0e\xa1\xee\x04de\x7fB\x18\x1b(k\x8f@\xdc\x94\xb5\x19\r\\\xd7:\x1aR7\xdf\xd1\x16\xcc\x9e.\x1b\x1c% \x93\xfaY\'\x85s\xaa\x81\x19I\xb2t\xf3mW\x15&gt;\xf6\xff.~N\xfc\xbc\x13\x92\x11\x9e\xfdM\xa3\xd5\x8f&amp;"3\xb95\x01zy\x7fR1\xaf\xcf\x94 \xe1E7\xdd\xe9VHX\xe3+\xa0\xf9y\xefK(\xae\xdc^\xbf\xdd\x13\xb4\x10~\x99d\xf2\xeeB\x07j\xcdr\xbe\xc2\xea\xd8\x93\x08T\xb0\xb4u\xd8:_\xea\xd3\xcc}U\x0cy^smN\xbb\xf9\x92\r\t\xec\xb7+\xbd\xbd\xddZ\xea\x82\xba,*\x86\x00\xfa\x0e\x8a\x9b\r\x9dj\xb1\x98C0\x84\xe1\x12#w\xeb\x0ex%P\x7f\x80?\xee;\x07\xa5\xba\xa5\xfb\xfc\x99\x16^\xd7f\xf1\xcc=\x7f\xb0^O\xe0h\xb3\xf9\x00\x14\xa2\x8dY5\xbfW\xd3WZK\xa7\x12:_\x00\xc0\x83"\x91\x92\x8a\xcfZ\t;\x18\xd1\xb5m\xe7\x06\xf3\x91z\x8dM\xca\xc5\x87\xa0\xbf~r\xa6\x17C\xd3j\x95J\xd8g\x85}\xbf\x9d-\xb0:\n[\xc3\xe5+v\x99\xc1\xf0!\xedd\xd3\xf5\xd0\xe4J\xbb{\xbc\xf6M\xc8\x0b(\\\xbe\xf2|\xd1\xc5\x01:\x06\x13\xe8c\x9d\xcd\x1aS\xf0\xfc\xd8Yg\x81\xe4\xd8\xa3Z\xb4\xbe\xc4q\x069UGd\xd12a\x04\xd3\tE`q\x9c\x97\x12\xa3\xdf\xc7\xd7{\xa3\xf1\xea\x1f!\xd0F^\x0eMF\xf7\xdb\xde\'\x14sYf\x9d\x98\x97\xd0)pomK\x15\xdch\xb5\xbb\x06\xbf\xd4\xb3 \xd7\xd4\xa2\xa2_\x01\xc7?J\x12\xfc\x01\xc3%\xdb\'\x10a5&gt;i\xe3?&gt;\xdbRT\xca\x8bv\xe1\x89\x05\x89R,jQ\xda]\x01\xc4Eu#\xcb\xaf6!\xe7\x18\xfe\xb2\xd4\xb6\x07\x1d\xe0\xbc&lt;N)\x8a`\x1cFF\xa0;\xc90f\x8e\x18\xba\x8e%\xc9h\xbe\xceB_\x81\xb0\xf672!n\xc2l\'\xa4#\xd2\xa9p\x98I\x8e\xb1\xd5J8\xa7\xea\xef=`\xfb\xfc\x99\x11-\xdc\r\x86\r\xeeX\x80\x9dc\xcc\xf5\x9b\xf1\xd4=f\xb8*{\xf9\xc7srI\xfa\x80tU\x87\xcf\xabXE\xba2k\x8a\xb4\xc8\x95\x8c\x8e\xcf?k\xf4;\xa9&amp;\xdc5\x81\xaf\xf6\x8c\x06\xed\x96H\xc6\xbd\x86\xac\xa2a)o\xe2\x0e\xa1O\x89$SlD\xac\x1e3\x8a6\xb6V[\x7f\xe4\x92&amp;Mf+j\xf8N\x17\x86Png\x05BT\xd7Q\x8ab2\xf9\xd5\x0f\xb1I\xa2\xccZw\x97\xc8&lt;L\x0e\xbb\xb4\'\xf5\xf7\xcfJ\xaf\xcad\xec\xd4t*\xd4\x0b\xc2\x16\xae\xca\xccbp\xbdV\xb8^\xb3W\x9c\x9fp_\x82\xa0\xfe(0A0\xc1\x18\xa7\xc6\xba_\xdd\xe1-\nA\xdd7 \xe0\x01&lt;t\x1fT]\xe2\x83~\x16\xb5\xad\\x\x16:\t\xec\xd4?B\xa1\x11 '</t>
  </si>
  <si>
    <t>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</t>
  </si>
  <si>
    <t>b'\xe7&amp;\x15I\xde\x1c\xf6\xa6\xa1]\xdf\x0fyc\x12\x17'</t>
  </si>
  <si>
    <t>â€ said the Dormouse.
â€œDonâ€™t talk nonsense,â€ said Alice more boldly: â€œyou know youâ€™re
growing too.â€
â€œYes, but I grow at a reasonable pace,â€ said the Dormouse: â€œnot in that
ridiculous fashion.â€ And he got up very sulkily and crossed over to the
other side of the court.
All this time the Queen had never left off staring at the Hatter, and, just
as the Dormouse crossed the court, she said to one of the officers of the
court, â€œBring me the list of the singers in the last concert!â€ on which the
wretched Hatter trembled so, that he shook both his shoes off.
â€œGive your evidence,â€ the King repeated angrily, â€œor Iâ€™ll have you
executed, whether youâ€™re nervous or not.â€
â€œIâ€™m a poor man, your Majesty,â€ the Hatter began, in a trembling voice,
â€œâ€”and I hadnâ€™t begun my teaâ€”not above a week or soâ€”and what with the
bread-and-butter getting so thinâ€”and the twinkling of the teaâ€”â€
â€œThe twinkling of the what?â€ said the King.
â€œIt began with the tea,â€ the Hatter replied.
â€œOf course twinkling begins with a T!â€ said the King sharply. â€œDo you
take me for a dunce? Go on!â€
â€œIâ€™m a poor man,â€ the Hatter went on, â€œand most things twinkled after
thatâ€”only the March Hare saidâ€”â€
â€œI didnâ€™t!â€ the March Hare interrupted in a great hurry.
â€œYou did!â€ said the Hatter.
â€œI deny it!â€ said the March Hare.
â€œHe denies it,â€ said the King: â€œleave out that part.â€
â€œWell, at any rate, the Dormouse saidâ€”â€ the Hatter went on, looking
anxiously round to see if he would deny it too: but the Dormouse denied
nothing, being fast asleep.
â€œAfter that,â€ continued the Hatter, â€œI cut some more bread-and-butter
â€”â€
â€œBut what did the Dormouse say?â€ one of the jury asked.
â€œThat I canâ€™t remember,â€ said the Hatter.
â€œYou must remember,â€ remarked the King, â€œor Iâ€™ll have you executed.â€
The miserable Hatter dropped his teacup and bread-and-butter, and went
down on one knee. â€œIâ€™m a poor man, your Majesty,â€ he began.
â€œYouâ€™re a very poor speaker,â€ said the King.
Here one of the guinea-pigs cheered, and was immediately suppressed
by the officers of the court. (As that is rather a hard word, I will just
explain to you how it was done. They had a large canvas bag, which tied
up at the mouth with strings: into this they slipped the guinea-pig, head
first, and then sat upon it.)
â€œIâ€™m glad Iâ€™ve seen that done,â€ thought Alice. â€œIâ€™ve so often read in the
newspapers, at the end of trials, â€œThere was some attempts at applause,
which was immediately suppressed by the officers of the court,â€ and I
never understood what it meant till now.â€
â€œIf thatâ€™s all you know about it, you may stand down,â€ continued the
King.
â€œI canâ€™t go no lower,â€ said the Hatter: â€œIâ€™m on the floor, as it is.â€
â€œThen you may sit down,â€ the King replied.
Here the other guinea-pig cheered, and was suppressed.
â€œCome, that finished the guinea-pigs!â€ thought Alice. â€œNow we shall get
on better.â€
â€œIâ€™d rather finish my tea,â€ said the Hatter, with an anxious look at the
Queen, who was reading the list of singers.
â€œYou may go,â€ said the King, and the Hatter hurriedly left the court,
without even waiting to put his shoes on.
â€œâ€”and just take his head off outside,â€ the Queen added to one of the
officers: but the Hatter was out of sight before the officer could get to the
door.
â€œCall the next witness!â€ said the King.
The next witness was the Duchessâ€™s cook. She carried the pepper-box in
her hand, and Alice guessed who it was, even before she got into the court,
by the way the people near the door began sneezing all at once.
â€œGive your evidence,â€ said the King.
â€œShanâ€™t,â€ said the cook.
The King looked anxiously at the White Rabbit, who said in a low voice,
â€œYour Majesty must cross-examine this witness.â€
â€œWell, if I must, I must,â€ the King said, with a melancholy air, and, after
folding his arms and frowning at the cook till his eyes were nearly out of
sight, he said in a deep voice,</t>
  </si>
  <si>
    <t>b'\xa5H3\xf1\xb2-rPK\x00p\xaaRiA\xbd\xdd\xea)KO{\xd37\x9blN\x819\x90%\x05{\xf6\x7fb\x00G\xe8\x9d\x03G\xdbv\xda\xbf\xd88\x80\x7flP\xcb\xe8\xb1B\xecs\xf8[\x99\x7f\x16\x17\xc7\x08\x9ew\x14\x90\xa9\x91B\xb8\x9cI\x97\x0e\x17\x93r\xa1\xe2\xdd)\x82D\xff\xfa\x0e\x17\t\xf0-\xbf\xe8&gt;\xb5\xf90\x1e\xbc\xedK\xec\xb0\xb3\xe0_\x82`\x12\x0c\xff\xf3\xf3\xf3x\\\xf0azw\xe7\xe7\xb8T\xe7\xbeGm-\xbcb\xa9UL\x05\xdaE\x15\xe4\xb4=\x15k\xb9\t\xc5\x808\xcb\xd2\xc2\x1c\xa1H\x88\xe0H\xcf\xd1\x1d\xc3\x92\x96[v\xfd\xb1&lt;\x0c6\xc7\t\'E\xd7\xc5\x842q\x8d\x00\xe1\x0e\xff\xe0]\x0f\xb1\xc8I)\xf3\xec\xd9\xd8\x17\xd9y@x_\xa4E3\xc3\x99\xc3\xc1g\x91&gt;\xb1\x8c\\T\x12\x14r\xf1\x9a\t\xa3\x84\xe9KL-\xcfW5\x0fH\xfbv\xddx\x8b3\xc0k\xb1!\xe7$\x89\xdfd\x13\xe7\xbb\x0c&gt;\xe7%\x07S\x93.R;\xd6\xbd9\xb5\xbd\xb8\xd3\x82\xb9\x9c\x11\x03\xc6\x08\xac\xe6\'}\xa2\xfff3\x08N\xab?\xe5w\x075\x10\x98\xfe\x82P\xf4\x9a\x9a\x95Cs\xfapM*\xe3\x82\x81\xb3\xd6.\x9d&gt;b\x97c\x8e\xd2\rS\xd5;g\xd5\xe7\xc6\x0e/\xe5x\x900\xa5\xc6\xfcg\xd8\xc4\x99O\xed\xbf5\x19|\xeflO\xb5\x1du_s\x96# \x89\xd9\x07\x0bl\\\x98\xc1v\x19\xffg\xdc\x97\xf5\xd4x\xe2\x0b\xc7\xec\xa653wH\xb8.\x84$U\x9d*p\xf6\xb0\xf6\xb8\tE08\x1a\x18\xef\xba\x9d\xfdTN\xc7\xea\xa5\x93\xfa\x93\x02k+y"\xdb\xffOP\xfd7\xa2\x9f\xdcfW\x93\x95\xd8aC\xa5\xe5\xc9\x942\x91\xae\xe1M[9kC\xc3\xa2\xd1\x87@\x91\x02\'-\xe4\xf2\xd9^I{}\xd6\x8a\n~\x1e\xf0\xe7oIm\x88\n\xbbzn\xae2P\xd7\xd9\xae\x99n\x14\x8a)\xce1%9X\xe2\xd2\xb53J\xb8\xb0\xbe\x81Yn\x12\xe2\xf5\x04e\\\xb8\x00\xabp\xa6-\xaa\xeb\x15U\xa2\xd6\xc7\xd1\xc1\xe8\x13\xf3\x14X\xa2\x91\xac\xf0\xbe\xcb\xea\t\xba\x84\x13 ]\xb4Za\xc7p\x9f\x05\xa8}\xf3\x985\xb2\xe8.4\'0 G\x83\x1b\xb9\x8d@!\xff\x98\x12\xb4\x99\xa4\x83\xbao\x9b3\x9f\xc3\xc9\'\xb8\x15\xf2\x12\xc8\x91o\x1d\xd06\x1f\x0b\xa1\x8c\x87|Ip9\x7f\x17m\x00v[\x1c6\xf3\xdc\x1f\xf7\x94n\xe8L\xccc\x882\xfau\x8f8\x01\xc1\x0e}\xd0=\xef\r\xe2b\xc9\xa9\xac\xf7\x08\xc1\xd9\x05&lt;c\xf8\x1c\'\x0f\x0f\xb5\xf1\xfc7\x99N\x07\xd59o\xe6\xd7\xdaM5"\x7f@\x01@\x16f\xb2V,\xfd\xdd\x9f/P\xe1\xa7\xf9\x80\xce\xf9!\x91.\x96\xa9\x1d\x97~\xb3j\xaaH[\x13\x02\xa0\xeb\xfd\x1d\xa3\x84\x19\xeei\x98\xact\xac\xd4}zC\xd5\x97Nl\x17\xad\xed)+R\x1dy\x91h\xa4\r\xf7\x1e\x7f-0b\xcaK\\Ih\xf4 a\xed\xe4k\xac@\x1e\xe7\xc6\x15;\xe6\x92\xb9\xe9\tP\xcd\xb9\xbb\xf5\x97\x9cf\xa0J\xff\x80\xf3N\x8d\xfc\x00\xe5)Z\x83\xd4\xe2l\x0fF\xb2\xf6\xd3$\x8b7z\x85\xaf\xbf\xe2\x1b\x9c\xb2\xe5\xb7W\xaa\x17s\xa2\xd0%\x19+\x08\xc6\xa9\x9b\x18\xbe\xbf~\x10zd\x03\x04\xe7\xb81\xd3S\xb9O"\x05ya\x0f[a!S&amp;\xe0\x16\xaf\x14O\xde\xb3\x18\x97,lZ\xb8\xb4\x11\xcb\xbf\xb4\x14\xd1\x91\x0b\xeaf\xba_\xb8e\n\xc7\xda]a\x87\x0e\xe4O\xf3\x1e\xe5\x98\xb3aG8\x08\x84xUs\x8c\xea\x94\xb5\xb05\r~\x15\xc1\xbf\xf7\x03,\xe5z\xa1s\xc2\x19\xef`\x01\xbe\xa9y\x80\xc6\x14\xf5\xb7\xa9\xae\xe5cK21\x90F1\'\x1a=\x0e\xd3\xd8\xff-\xd6Uv\x08\xf8I,\xf2\xcfQ\x0b\x08_\xd9dQ\x83C\x8cx\xec\xf6\xf7\xd7\xf5\xd9C\xa7]!\xe8\xddM;\xec\x9a\xdb\xff]\xf76^\xb7\x151\xe2\x92\xb0\xefj\xbd\xcc\xf7\xda\xde\xccu\x17o\xd5\x86EUN\x91\xa6A,\x19\xd7\x815\xd9\x80"\xbe$k\x18\xfa\xceV\x07x\x85aR\xd2p7{Qe@zr\xad\x93\xf6\x17\x01`\xd9\xf4=f\xc7\x15\x9e\tK&amp;nG\x10\x86:\xc9\xa4pn\x9a9\x0c\xae\xce\xb5(\xdc\xf8\xcc\xa9\xfc`\xbe\xac\xe8\xc1\xad\x91\xf5r[9{\xb7\xec\xac\x06\xf9\x97\xf5jR|;\xcc&gt;\xadw5\x8e\xff\xb7\x9f\xcc\x06R}\x01\xdc\x97\xcdD.Z\xd6\xe8}\xe1\xfc\xff\xdf+\x06\xab\\C&lt;\xf3p)\x93 5\xcbF\x13H\x1aB\xffr\xd7l"PC3\xce\x91bAW\xe7\xa4\xf1\x85w8\xeb\xaf\xf0\xfc\xc9:\x1b\xdcE\xc2&amp;\xadB\xabD\x0f\xd9\xd0hh\x1f\xa2\x07\xa0\xbd\xc8\xaaX^\xe3\x9d\xf7\x81L\xffz\xf4\xb7\xbf\x00\xcf\xd1\xe3\xdb\x1e\xab\xc2\x92S\r\n\x1dd\xf6\xd5\xe2\xd0YEi\xbd\xf4\x033\xe7\xeb\xa5Or\xe6&gt;0\xffi6\xf9$\xd7\x19\xab\x85\xd8.Y\x82X\xa9\x13e\x0e\xc5Y\xf8\x14\x02&lt;-d\xf7\xe2\xc1\n\xba/\x8c\xa8 \xe8*R\xd1\xbcX[\xa8\xcf\xa1\x92\x07\xc1\x0eR\x8a\xbf\x9cp_s\xc9\xef\\\x83\xb0\xe5\xfcC\xa8\x10Z\xf8\xbd\x05\x8d\xe8\xf8F\xc1\xd4\xab^v,\xb4\xd9\xf5(\xda\x90\xac\x01\x07v\xad2\x87\xd9\xebm\xb9WZsC`g\xe3{\xcfx\x8d-\xbf\xd4r9\x01\xca\x9f\xca\x8a\xbf\xc5?r\x05\xfa\xb0\x9c\x18&amp;\xe2\xabV\xf2;\xc7\xabZ\x13\xe7\xa0I\xefj\xef\x8e)1\xa2\x9bo\x0c\n\x816:%Jp\xdd\xa3\x1eq:\x80\x16\xad@Q\xbc\xb3@\xd8\xf0\xf0\x1d2\tr\xa6M=[j\xda\xd8hkS`\xab\xaaM\xd5\x86\x1c\x19\x879f\r-\x15\xf8\xef\xde\x85\x9e\xc8#\xb4\xff\xab\xb2\xb4B\xaa\x0e\xe8\xb1\xbb&gt;z\xc7\xb0\xe1\xd3\x07\x9d#\xfa\xb9\xdf,|\x9fy\x04\xacwu\xa6\xb9\xeb\x12\xea\xe9\x17%\xe4ST$h\x9e\xe1\xce\xffX\x0eHP\x85\xac\xcc\xb3\x99\x87I\x0b%\xcb\xd3\xaeH\x85`\xae\xb7\xce\xefvn\xbc\xff\xb2\x9d*\xc5\xce#\xc5b\x94\xa2\x8aXF\xa8q\xaa\x10`\x86\xc7\x0e\x1a\xd4\x86|\x19\xc9(\xa0\x0bQ\xd9Z\x93\xc1\xbb\xf8\xb3L3\x17\xd1\xaaIp|]\x84\x03\xe4\xdbg\xe80B\xdc\xbe\xccu\x1c\x82\xc5\x89\xc5[\xc1NY\x0b\xe7*O\x1dN\xcfR\x1a\xd8\xe8N;\xdd\xeb\x07\x1e(\x1f,\n\x91M\xde\xb3\x12\xabJ\xe3\x9e\x98\x82\xde1d\xd3\xfe$"\xfb\x81\xc0:\x14\x81\x82\xa3@x[\xabU\xcf\xe7\xfc\x9b\xf1\xa5+\x92[7\xad\x87\xceHBN\x94\xfb:\x88w\x1e\xfb\xd5j\xcd[\x86\xab\xd7{KI\xa0J\x02M\xe6\xc0[\x9d\x1eP\xba\xf1\x05\xc7\xa7\x88\xaa\xaep\t\x8e\xcbcb\xb7\xf1K\xe5\xe2\x7f\x91#\xbf\xfd\x10g\xaa\xa1#B\xb1\xbd\xdf\xa7\xd4\xdc\xaf\xb9\x13\x03\x04\xbf|z\xeb\xa8\x8e?+\x0f\xac\x84?\xfe"&gt;\xf1\x0b\xcb\nI\xbf\xef&gt;@,\xc9\x8bw/\x19T&amp;\xecR\x15*\xea\x00j\x9884m\x84\x0e\xb0:\xd9~\x9c;\xe8f.\x02\xbf\xe78"B\xdc\xaeB\xbbN\xdb\xfad~\xdcJ\x12\x9b\xdd\xb5,N\xb8\x89\x08~\xc3\xbe\xa1\xb8\xa8\xcc\x16\xdc\x0bw\x175\xdea$\x85T\xd0\xe2K\xa9\xd2\xa7\xf1\x9a\xe0d@\x08\x9f\xaf\xd9\xa2\xb5\x06\x8a~\x87\xba\xcar\xd9\x89\xa5\xb3\x1f\x1a\xc7b\xb2[\xb9\x1e\x1cA\xaa\x88\xd73\x18\xae5{\x99\xf8\x00|x\x8a2#K\x01&lt;\xcaDI\x0b&lt;X\xbd\xbc\xa9\xf6\xcc2D\xfbQ\x94\x87?\xc5{z\xbf\xf9\xd1\xd5\xc8\xdcq4\xf1\xf7^/\xb9\x1b\x87\n\x03/\x11$l\xb1\xa3\x91O8\x98\x92\xa0\xf7P\xd7\xde\x93O\'\x018\x17\xab\xf8\xf3\x94\xf7^uI\xbd!\xa1V\xd7\x17H\xe6\xe8\x83\x01\xf2\x7f\xf6Bf\x8e$\xfe-\xad\xbc.W\x93[\'\xcd\n\xa2\x95\xcc\xfcI\xe6\xd4n\xbd\x9d\x1c\x85Z\xd1\xd8e\xad\xaa\xb1Q\x0e\x7f&gt;T\xeb^B4+\x15h\xb1\x0fP\xf3\xda\x94\x13\xf2\\`\x17\xf6\xbf\x1a\xb4\x8e\x94\xfd\xb3\x19\xc5\x13!/\xba\x98\x17K\xc5\xd6\xcd\x99u\xd6\xb8\x99\xdf\xc8s\xda\nO\xb8p}\xa4A\x19\xd0I\n\xf7K\xbf\xf2\xb1\xf48E\n\t\x160\xb3Q\xb4^\x9b\xeb\x80\x18\xc1\t\xbc2\x18\xa7\xc2\xea\xf8\xc07\x13\xc9u\xf2S\x9b\xd2\xe9\xadLj\xd9\x08(?\x11\x84\xcb\xb3v\xed`\xab2\x82\x9c\x80K\xee\x10\x06\x9b\x07\xd21\xbc\xde\xe7\x86q\xd9 \x11\nT\x08\x1cq\x88\xd1Y\xaa1\x11+q(\x91T\xb2\xf0?!V\xb7\x86M2\x08\xeaz\xca\xc3\xfbY\xde\x85 Tw\x88\xceP\xf8\x94\xae\xa2K\xc6\t\x86%\xfa\x03\x8c\x03j\xe4J*\xd3\xee\xa1bg\xc2\xb7\xa8c\x90\xc9\xbbH\xd2\xbfv\xdc\xcc\xefA \xd7\xbd\xbe?\x1d\xffA\xf8\x81\xe8(\xc4o\xbe\xb9\x8e\x87T_pPE\xf0E2\x1b\x08\xffm#\xff\xe3\x97\x03\xf5\xa9g\x9f\x8b\xcaY)\x98!\xf9Z1\xcc\x1e\xb9\x91\xab\x1f\xc3\xbd\xf5\xba\xa4\xb3\x88\xef\xa4\r\'\xe2\x02\xd3|\xf5\xa2\xac\x94\x1d\xf2\'\x95\xae[\xad\x94Nk\xdd\x04\x8al=\xccpn\x85\xd5\xc4)`\x8d\xf1_\xcf\xcdp\x15S\xf8\xb5\xe8\xbb\x0c\x0e(\x12\x95+!\xba\x04\xa2\xc0\xac\xf0dh\x8e+X\xac\xd2\x99\x0cH9%\xe5,x\xb3$\x06\xed\x80:\xc7\x10\xae]=\x88\xec\xec/\xbd\xbd\xad\xcd9.\x98\x1a\xd7\x8b\xcb\xa7\x01\xd3\xe12\xab\xa4x\xfdi\xe2\xb2\xdc\x086\xe0\xd5S\xb1\x9bs\xddZ\x83\x10K(?\xe9_%\xcf\xbd\xb0Cu\x0f\\\xcc\x9c\xb7\xc6\xf5\x08\xf6d\x8cp3\xea\xae\x82NW\xbd\xb7\xd6\xeaLN \xe4\xf2\xa6\xf0]\xb0D$\xfb0t\x7f\x83z\x15|\x84\xda=\xa2\xb8\xf4j\xcd\xd6\xf7y\xa9\x96\xd3\x94.\x11\x1a\xe4\xc2E79\xc4\xba\x7f:\x89\tFI\xaf\xc0\x0fk#\xc0\xb7\xf3-\xc8\x99g\x9c\xca\x98\xf8\xfcQ\xbc\xa8\xb3\x93\x99/\xcd\'.5\xfc&gt;\xf4\xe4L\xfe8xZ\xcd\xff\x90\x08U\xf1\x81\t\xf8\t\xaes\xf2\xff\xaa!\xf5\x90^\'\x1cKE\xcd@\x0eU\x971}F%\xa6\x87\x95!5 \xd8\xd8\xd85K\x837\x02\xea\x980\xec^\x0c,\xca\xc7\xd21Zo\xe5A\x11\x03R\xc9\xe8y\xd4\x8c\xa4S\xd6\xe7\xcb\x88\xee\xcc\xb3\xbaz\xb4\xe2E\xe5 58\x03QR\x7f\x90`\x01\x12\xe80=\xd0"0\xeaE\x0e$\x91\xde\x82%\xc7\xb5*&gt;\x00\x02\xfa\xd2?\x85\\\x02\xdd\x15\xbb\xe8\xffq\x9e\x94\xae\x900\x86\x02px\xd0\xa4\xf6}\x99\xdc \xc3\xb35lV\xbc@\xa3\xd1\x00v\x16\xb9\xee\xfb\ndo.\xe1\xde&gt;\x18\x8ct\'\xad\x9e\xec\xbc\xb6\x0bA@y*\xa1\xe8Q\xdb\xbc\x82\xec\x90\xa4Z\xfc\n\xaf\xb0=\r)\x16\xff\x85\x0b+5\xceC\x1a\xb3\x14\xf6\xb5\x82d\x14$\xb0\x83\x03\xdd\xe2n\x14y\xea|\x9c\xff\xe0\xc5\x98\x96\xfb\x92}\xa5-\xd2\xe9\xad\x0b\xa6\xd1g\xf0E\x8eZ\x853\x86r\x14\x9d7\x9a~\xb9\t\x06)[\xc1|\xa5\x9a\xaf\x12-2\xabl\x901\xf2\xb1LH\x8c\xa7&gt;4&amp;\xee)\xa4\x85E+\x8cf\xad\xd5itE\xd1qZ\xb6\xdc\x98\xaeS3!+\xa94\x0c\xbdPm\xdak5.,\xca\xd5\x93\xcb+\xc0&amp;\xf8\xa2P0\xee\xc4\xb77\x14\x99\'\x16j\xf62\x10\xff\x1b\xb0\x0f\x08\x85x,\xb47\x83\xf5\x0e\xe3\xabu\xdf\x90:\x1eJ2m\xc3\xc6\x87\xfc\x86\xb2_V\xe0&amp;\xcfJE\x1f\x04o\x8a\x1e\x98\x87\xa8\n\xb3\xa5\x14\xac\x11\x8f4\xac\x96\xb2\xcd\x98pr\xb5\x10\xe0O\xa3\xd7*\x98\xd5;\xeb(\x95\xb8\xed.8\xb6l\xaf\x96\xb5\x05\xcbRz\x04\xb1B\x97_\x18\xc6\x1d\xbe(teP\xea\xdb\xdc\xe2\x15\xe8\xb9\xbc\xf7\xe7\xea\x93\xceCu\x83\x8d\xb9\xcd[\xee\x04$\x18\xfe\x1e\xac\xc7@\x16\xf8\x84R\xff|=\t\xed\x9cf\x1b\xe3\xb4\xc1/{\xe6\xf3\x8c\x07\xccYq~37\xfe\x05\xbbW\x9b\\\x98g\xc4\xa8\x88\x08mN\xe6\xc1\xfb\x91\x1d.\xd5\xa2\xac\x08&lt;C\x0f\xa9\xb3\xd7\x96\xf0\xaa\x8b%\x0fn\xd5\x08s:\xea\xaf\xb3\x8c\x199(\x9f\x7f5\xa0\'V\xe1\x13#}\x14\x1f\x05\x88s\xfc\x8f\x1d\xda?\x17|u\x1a}\xd9E)\x8a\'\xb8\x04\xab\xa5\xf3\x0b\xe6EN\xf2\xb3W\x08S(z\xeb\x9f\xdaC\xad\xae-\xccG\xe8v\x8c\xbb\x89Z\xca.\x17\xda\x9a^J\xc6\x81\x94g\xc21oy\xea\xad\x07\xd6h1A\x8dd\xa0\xf5nU\xefM\xfbe\xcfw\xef\x82\xfb.\x94=\x8d\x84K\xa9\xab\xbc\x94\xa0\xcb\xb6\xf3\xf2\xd5\x88\x8et\x1bN\xc5;\xd8\x9c\xa3\xcaz\x8a\xdfl[9\x0e\x1b\xc8\xbf|\x19\xd1\xe4\x0f\xf7lx?&amp;\xfb\xf8\xdd\xfd\x0b\x96R\xc0K\xc2j\x96\xe2\xc28\x15q#i\x1c\xd1Q;\xba\xd5\xb1o\xbf;\xec\xb5\xb4|k1h\xc0,6M\x9cNI_\x8e\x04\x04\x1c\xb5\xdby\x81\rm\n-\x89JV\x81n}\x141\xbd+\xc7\xb9[[\x06\xd3\n\xb1a9\x94\x1a\xd5\xf7\x9a\x8fU\'\xb0\'\xa1Y?\xf8j\xe3\xa0s\t\xc2\xaeT?O\xf6Z\xb6\x12\xbb\xc9\xbf\x9c\xe9v\xaeK\xf54\x8d\xaa\x18Q\xb5`\xb1\x82d\xcd\x04\xa5\xf0\x9d3\x85\x9ap\x87\x0br\xd1\xa9\xea\x01\x86\xf9\x19!\xb9\xea\xd0\x95\xa3\xde\xba&amp;\x85\n\xaa\x1b\x19\x95\xbe\x8a\xa6\xf5G%\xad\x93\xe4o@CL\x1dy\'K\x00^\x12Et\xbaGmk\xcea\xcefS$0\xe8\x0b\xbd\x0f\xe5V\x88\x1eZ\xbfQY\xc8V\x13\x8f$\xdc\xbb\x0fpP\xb5\x85i\x0bT\xbe\xe6\xd2[\x18\xee\x02\xdf\x0b\x16\x8cH`A\xe5b\xd4o}\x0e\xc2V\x83\xd2\xf4\xda\xdc\x9a\'\xe7M\xe2\tV{\x16\'\xe3\n\x8e\x9d\xc2+\xf8&amp;\x82\x96*~\xec\x81\x05\x04O\xac\x8f\x07\x18\xf7/\x19L\xc5\xd5\xe4w\xff\xd4\xae\xb6\x18ew.\x80\x1e1%\xd7Z\xdbZ"C\xed@\xe9\x82j\xae\x05-5I\xb9\xfeV\x0f0\xaek\x86\xb3\xb0\x8f\xe6\x19}\xac\x80\xb5{8\xe8\x05\x8f\x14\ts\tQ\xaf\xf6\x18F\xe9:\'\x82\x1cq\xf6\x99\x90\x0c`\xf2[r\x0f\xc3^*/ I\xf4\x06\xc2!\x9a4psO\xfb\xdb\xb3\xa1\x8b\xb3$\'\xdc\x89\xb94\x8e\xed\x87\xa65A\xf5\xf0\x9fM\x1e#\x10\'\x93@\xc1\x96\xbe\x00-\xa1.\x96.\xc8\x87\xba\x8b\x11\xa2\xae\xd1\xe8\x94\xe8\xbcoy\x04Rk\x08\xdd1k\x8a\x08]r\x80:\r\x7fZ\xfa\xf4\x8c\x8e\xfe^e\xc1@;4o\xc5)M\xb5j\x9c\x1f%\x01\x8c!\xef\xa4\xd0|\x96\x93)i\x9dd#\x19\xb3\xd2ra\x984,\x1d\x86\x95\x99\xcc\xad\x90X\xeb\xc6\xd9\xfcw\xa6\xd5\xad\xc3\xf7\xcd\x1fo\xc8\xb6\x825\xd6GA\x12\xd5\x94\x0c\x00\x1b\xb4\x92\x9fu}\xcd\tj\xfd\xff$\x0f\\V0\xcaf\xce\x1a\xe870\x98\'\\0\xfe\x86Ac\xcb@:x\xa5\xe7\x1c1\xbde\x1dZ\xac}\x17\x93K\x1c\xfe\x85\xd2m\x86.-\x1f\xe8\xc7vT\xd3\xaaT\r\xc1\x1dvmZ\\eY\x88\x13J\x1e\xff\xc7n\xd8\xa7\x97\x89\xa2c\x03\xd0\xc2\x90Q\x1c\x94\xb9\xe7O\x0e\xb5C;\xf5\xe7\x0e\x8e\x9dC\x8cp#\xf5\x9a]\x05\xda\rE#\'x\n\x07)e\xf8~\xe33\x8d\x05\\\xcf\x9d\xbe\x884\xc9&lt;\xe7\xd0p-\xda_\xdc\xaa\x8c\x8f\xc4\x00\'\x04\xfe\x03\x93\xb3\xae5\xeaWS\xe1\x01bw\xe9I\xbe\xc4\xe8V\xa2F\x92\xe0\xbd\x1fqW\x05?\x00\xb1\xc8\xe9E{)t\xf6\xe6\x83\xf6\x01\x9bL\x100g\x9e\xb9\xad0\n\rp-\x16E\xec\x0bF\xa5\x1f\x95\xb2\xe2\xb8\x1b\xaf\xd7\x9c\x1b\xf81\x82A\xabY\x9ehzW:\xe9R\x9dJ_\x96\xc8B\xe6?l\x19\xb4\x97C\xb4\xd2\xdc\x93\xc7\xb5\x838d\x96\xba\x08\xdc\xebU#\xd3\\\xadx\xb7\x91/\xce\x97a\x1bh2&gt;\xc34\xb1\xdb\xa1\xfa|v\x14\x00\xaa\x1fd\x9e\xfeT\xa5@\xec\xff\xeedzQfa\x0c\xd7y?\xb3\xd9\x05\xe2\xfcx\xe8x\xf0\xae4\x85\xb36\x13J\x96\x9e!\r\xa9\xe5\xb1\x88\xca\x03+\x18\xc4Q\xf5\xb7PL\x9d\xd5(\'?\xe7'</t>
  </si>
  <si>
    <t>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</t>
  </si>
  <si>
    <t>b'\xa5H3\xf1\xb2-rPK\x00p\xaaRiA\xbd'</t>
  </si>
  <si>
    <t>tifying marks, such as dress and language, that later in
history demarcated the boundaries between the members of this group and others,
had not yet matured and were not sharp identifiers in antiquity. In a cultural environment in which identity is not hermetic, a person can be a good Jew, at least in his
own eyes, while also being an Idumaean and a Roman, all at the same time (S. Cohen
1999b; Herod, the Jewish king of the last part of the first century BCE, represents a
classic example: S. Cohen 1999b: 13â€“24). Alternatively, a Jew could also be a
Christian and vice versa (Boyarin 2004).
Theologically, and with the aid of hindsight, it may be possible to locate clusters
of ideas that could epitomize the epistemological nucleus of ancient Judaism, or at
the very least denote a certain strand within it. Beyond a very superficial
level, however, no consensus has ever been reached on such notions; various groups
and sects differed among themselves, and within themselves, about any number
of principles. Even if all of them acknowledged the importance of a given tenet in
the world of Judaism, such as the belief in the God of Israel and in the traditions
that the scriptures convey about him (that he created the world, brought Israel out
of Egypt, gave the Torah, and so on), different people perceived the nature and
essence of this God in contradictory ways. Philo of Alexandriaâ€™s philosophical divinity,
for example, modeled on the high god of Greek paideia and his subordinate
agent (the logos), was nothing like the concrete, almost flesh-and-blood God that
nearly rubs shoulders with Bar Kokhbaâ€™s armies, according to some Rabbinic tales
(Philo, Quod Deus est immutabilis; PT Taâ€™an. 68d). Both of these, in turn, are
far from the heave</t>
  </si>
  <si>
    <t>b'"e\xe0y\xd5\xb0\xbd\x93\xb7K\xe6}\xc7\xed\xdb\xc1i\x9a7\xa8\xb9\xc6\xc2\xf8\x00\x0b\xb7\xfbY\x91v\xa2\x03l\xe8\x00\xc8q&amp;\xc5\xf0\xc6\xdb\x1f\r\x933?\x00+\xe7\xc6\xd8L\xbd \x13\x06N\xb3\xb2\x075\xc2\x8eN\x8a\xda&lt;z\x02\x96G\x0fO\xbfWSD\xd1\xf3\xf3\x90-3ab\xa2\x1a\xbb9\x06K\xcfu\xb2T^\xe5\xfe\x93\x80\x12\xcc9\x169;6\xf6\x89\xdeOp\xb1\xfb\xd6\x91\x83*S\xfcp\xa7\x84~\x96\xd4\x14;\xa1\x84\x1c\xdd\x00\x0cf\t\x1e\x17\x97\xb5\xc2\x89j\x84\x8f\xee8.\nQ\x1d\xf3\x13B\x03\xee\xf2\xba\x08p\xe2\x98A\x0b]\xb3\xbc\x1b\xbdO4"FGC\xed(\x7f\xe1zz\xd2\xde\xe5\x1f\xbfH#\xc3\x8b\xd0\x86\x8ci\x8a\x9c\xd2\xd5n\x05JIJI_Es6\xbe\xd5\xe3)\x0c#\x1aTo\tCW\xde\x82d\x17L\xca\xa1\x15\xcb$5\x98\xd2\x02\x17\x9e\x1b\x06\x1f\xb0\x9d\xf9\xeba&gt;x\xc7\xc8\xc8U\x9a\x9e\x9dt,O"\xea\xfc\x1c$\xb7\xe1C\x87T?\xc8\xf6\x12\xd7N3\xed\xd7\xbb\x1e\x13\xe9\xd2\x1e\xedt\xd0\xe3\xd0\x94\x0b{-p\xf2\xdb^\x1fr\x87o\xe6\xb8\xca\x80x?\xe6\xccx@\xd4\xd1\xcb^s\x08\x86\xc3\xb6\x95\x00\x1dL\xfe\xef\xeb\x1c\x00`\x92+\xc7\xa8\xaf\x9d\x9a\xdf\xa4fc\xa4\x92_x\x8c\x82\xf0\x15w\xc3p\xed\xe1!\xdc\xfe\x1b\xdavb\xe2N+r\xee\xdf\r(!,\xcb\xed\xec\xeeAb\x0c\x80\x0c\xb0HQ\x91\x93\xe3yBY.._\xb3\x1a\n\x1a\xd4\xedt\xbb\x83e\xe8\xc7\x9e)O$\x01@\xfcJ}\x84\x10O\xe0Ms\xbb]\xa4vH\xd2\x97\xb2\x1a\x11\xd1\x01\xb1\x19@j\x14\xfb\xdb\xb9}e.e\xa9\xd5\xe1\xb8@\x0e\xb1\xca\xd1\x0c\x16\xa8\x88\xae\x97\x90I\rQ\x05\xc0\xc9\xfd\x9f7\x94[\x10\x11\xcb~a)3(\x8f(m{\x0c\x01\\\xbd\xce\x94\xc7l\x9b~n\xa4\x10J\xab\xa5\xe3\xd4\xf2\\-\xe4\x10\xc5m=\x82=-\xad\xfa\x80\xf3\xb1\x0c\'\xe8X\xb4\xc1\x8c\x01k\x1c]"q\xbf&gt;WY\xbe\xf9)\xc0\xf7\x89\x93p\xa0\x1dg\xdf\xe7sl\xcf\x93v\x99\x0e/s&lt;x\xae(\x06\xc9\x17h\x01i\x06\x1fo\x1fh,=z3\xa0\x1e)\x82|\x1a_\xeeb\x0eBp\xf4\x1c;\xbe[v\x01U\xcd\xd5Y\xe4B2\x1dC\xa8~\x19}\xde\n\xf0X\x19^\x15\x0c\xc9\xa7E\xc2\x03\xa4\xb7\x14\xc3\xf9\x9a\xb6\xc5\x1f\xcby-\x17\x82\x99\xd9\xd8F\n\n\x81C\xa0V\xcd\x84\xdcHV\x14\x10\x9a\xed\xfb\r\xcc\x0e-\x0c\x0b}aO\x1e\xa2&lt;O\xbc;.\xb2\x00\xae\xc4I&gt;o\t\x13m\x9d/\xca$\xb1\xf5\xbab\\\xee\x1a\xe4\x98\x8f;\x8a\x9a4\x80L\xc3\xa3\x176\x1c;Q7qqG\xe8i\xcf\x81\xc9\x96\x98R\xb4H\xc9\x9aj\xdfB(}\x9a\x1e\xf9w\xf1~8\xef\xc4\xf8Gp\'d\xffo\\\xff[E\xe5\xab;\xf7\x9f\xaf\x9btG\xebD=\x82\xe5rtc\x82Cc\x94\xa2c\x1cH\x8c*\xee\x1d\x95CD\x8fc\x1c\xe8t\xfev\xcf\xee\xec\x8f\xfa\xf5XO\xd1\x8c\xc0\x0c=\xa8\xa9Van\xcd\x8d[)\xbd\xcd\x9a\xcc\xa9\n\xfb9y\xc1\x06*\x1f\xaf\xe8\x82j\xdb\xa4\xfc\xed\xd2Wo\xa6l\x0f\x06(\xda\xa4\xb4\x84\xff\\\x90\x95\x1c\x1f\xfe\x83\x0c\xf0\xbb\xbfFu\x1c\xb4\xdc\xb4\xf4m\x81gE\xbbN8l&gt;7\xf6\xee\x89\x97\xc9Z\xd3\\\xdb\xb7;mQe9A\x83U\x8f\x03x\xe3\x11\xc1\xf2\x86\xad:\xeb\x8d\xd0\t0l\x96\xb6\xa8\xd2\xa6\x08\xe7\x1a9\xb8\xb3\x12\x03\x89w\x0f9\xa8\x96\x81\xeb\xb7\x8eN\x00z9zyh]\xa0@\x9e\x80\xcc\x1c\xaf\x18;\xc6i\xbeI\xf8I\x8dK"\xf2\xf2\x90\xb9\ne~\x0c\x95.\x1b\x8a!\xdc\xce\x88u+9g\xe9\xf3\x9dj\x14u\x017\x14%-\x876\xe9\xcb\x97\xa2;\xe286/\xc9\x86\xa7\x95\xf5\xc5\x8c\xd1K\xa2|\x11\xeb\x8dNF_(\xf2p\xa5\x14\x9dax@\xf2\xc0e\xaf\xf2\x04.\x82\x08n\x19\xf3d\x13\xc3w\x064i|\x9f\xeb\x93sM\xf2\x1d9`\xdc&gt;\t\x10\xa9.\x05x\xd1\x81\xe7\x13\xec\xa6\xdbFDR,\x88s\x87\xfc\xd2/&amp;\x15\xe2t\xba"\x91\xb3\xf2\xed5!\x89\x06\xe3#\xac\x92\xa0\x1f\xa1fY\x12T\x05M\xecp\x11\x80 \xed1\xc9\xca\x8f\x05\xbdM?d\x18\xe3\xb2\xa1\xe5\xd3H\xb4v\xbdp\xcb\x9b\xae\xde\x15\xa0\xabUe\x8al\xb9\xf6\xddF?\x9b\x04r\xf9\t\x95o\x19Ba=\xb0m\xfb\xdcI\xd7\x9d6Xy\xba\xcd`\x0b*\x03\xe2-\x8e\x0c\x9b%\x7fJ\x0e!J\xe7v\x18q\x9e\xf6l\x8f#z\x8a\xef\xaf\xf7\\\xcfi\x13\x10\xfd\xb3H\xf6\xbe\xf4LL\xb5\x0c\xf5|\xd9|\xa6\xab4 \xc12\xb3~\xa1\xe0-\x14,\xb5\xb0\xa4\xcf\xdd\xf9\xfb/\x84\xcdHq\x8a4x\x06oDSE\xe5\xf1\xe4\xaaOx~\xb9\xbcs\xaf\x8e8qj&amp;\xca=\xd8:\xb6\x80\xa4+0\x02\xd2#\x82T\xa3\xe3W-\xe1m\xaf\x19\x98\xc2V\xf7\x08\xf7\xba\t\xc3\xa0\x05\xca]a\x84\x83\xd7)\xea\x8aQ\xae5\x19\xc4\xb1\x1fwj\xc7\x89\xe58D&gt; \x86\xc8\x0f\xfct\xffg^\x10v\x88\xce\xaaeC\x00\xdc\xc5\xdd[la\x06\xf6B\xd1\xf0p\xb5XW)c$7\xbd\x87\xb7\xa3\x8fCO\xe1\x97k\xfa\xe7e\xcc2b(NF\x1e\x0e\xfdx\xa6L\x03W\x83\xb6v\x94"\xc7\xb4T\x8c\x1d4\xadF\x18\tB\x99\xb8\x11\x1b-\xed%\xa7\x93R8\xa24\x1e\xf4o\xc9\xd8@&gt;\x82@\xa8\xb9\xe2\xc1#\xd9\xd0\x05\xeb?\x14[\xfci\x16\xb5\xad\xb9}V!\x05\xdf\x86\xbf~\xf1\x1d\x94.S\xafR\x80\xe8$5\xe2\x8b\x97\xe5\xb8V\x9b\xdb\xc9\xff\xfe\xab\x9e\x89\xd5 \xcf\xf1\xc5Wq\xf6\xaa\xb7G\xc5 \xc4Q\x1d\xc9BD\xdc`\x0f*\x90\x9f\xd1\x89\xa5\xa1\xdc\x1f\xbb\xcf\x03b\x8f\x93*p\x84\'h\xdfs\xc3&lt;5\x9f\x13s\xa7U\xf2\xff\x1e\xf2\x84\x19\xd5\xb7\xe4`*Zq\x92`\xf6HG]\xe6/s\xc8\xed.\xa1&lt;+\x16\xda\x17$\xce\xb5\xce,\x81\xa7^\xeeW.\'\xaa\xf9\x03e\x06\xc5\xee\xc3F\xbe\xe5\xbeG\x99B\xb3\x89w\xf8\xf0\x86\xe1\xd6Y\xd5\x9e\x88o\xf2\xe7F\x03\xa7\x8b\x00?\xaf}B\x89\t\xd9)\xa5\xbc\xa5\x07\xd5\x7f\x1a\x8aGi\xe0f\xb6z \xb8\xe1\xe2\x01\xf9\t\x7f\xa3V\x97=\xa6C\x01\xb0,\xa8\xc2o\nn\xfe\x19\x814t\x83\xe5\xf9\t\xc3\xf0\xcf#&gt;\x1b\xd9\x17\xa8\xf0\x95\x03ba\x13\x8b\x13\xd4\x8f\xe1\xfdZB\x1eW2\xb3e\xc9\x8fJu\xf1\x7ft\x8fv1\xde\x12\xb5k\xdc\x14P\xaa\x7fM\xb1\xc2\xf1\x9c\xc6\xb5\xa4\x91\xd1&lt;{\xeb\x1bh6\xf8[\x0b\x913\x9a\x0f\x0c\xa6\t\xe8\xf6b\'&gt;\xd0\x9e\xc0\x14n\xa3\x1d\x9c\xd2\xc5\x8d\x83l\xe9\x1a\xff9Rck\xc9\x03\xefS\xdd\xf9T\xd5F\x81\x91\x97\xffJa\x98\xf45"\xea\xa9\x15G}\xb2\xfc-S\xb6\xed\xda|w\xb8\x8e\xc7\x81\x8a\xd7\x18'</t>
  </si>
  <si>
    <t>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</t>
  </si>
  <si>
    <t>b'"e\xe0y\xd5\xb0\xbd\x93\xb7K\xe6}\xc7\xed\xdb\xc1'</t>
  </si>
  <si>
    <t>relative of the late Marchioness de
 Villeroi, and that Emily was the person.
 With the secret of Emily's family the abbess had long been acquainted,
 and it was in observance of the earnest request of St. Aubert, who was
 known to the friar, that attended him on his death-bed, that his daughter
 had remained in ignorance of her relationship to the Marchioness. But
 some hints, which had fallen from Signora Laurentini, during her last
 interview with Emily, and a confession of a very extraordinary nature,
 given in her dying hours, had made the abbess think it necessary to
 converse with her young friend, on the topic she had not before ventured
 to introduce; and it was for this purpose, that she had requested to see
 her on the morning that followed her interview with the</t>
  </si>
  <si>
    <t>b'\xad\\E\x07-\x08i\x89|\x0bk\xc1\x97\x94nv\x93v\xfb\xea\x91\xed7\xcf\xa1\x17\xe6\xdc\xfch\xb4\x01\xb7\x9e{g\x15[\x8f\xda\x12:\xa2\x01&lt;\xe69\x17U\x94C\x86\x0f\x98\x0e\x80\xa1\x8e\x1a\xa19AL\x11'</t>
  </si>
  <si>
    <t>ad5c45072d0869897c0b6bc197946e769376fbea91ed37cfa117e6dcfc68b401b79e7b67155b8fda123aa2013ce63917559443860f980e80a18e1aa139414c11</t>
  </si>
  <si>
    <t>b'\xad\\E\x07-\x08i\x89|\x0bk\xc1\x97\x94nv'</t>
  </si>
  <si>
    <t>es. Thus
 the United States may be exporting goods that heavily use skilled labor and innovative
 entrepreneurship, while importing heavy manufactures (such as automobiles) that use
 large amounts of capital.
 Tests on Global Data Since the United States may be a special case, economists have
 also attempted to broaden the test to incorporate more countries, as well as more factors of
 production. An important such study by Harry P. Bowen, Edward E. Leamer, and Leo
 Sveikauskas13 extended the predictions for the factor content of trade to 27 countries and
 12 factors of production. The theory behind the test is the same as for Leontiefâ€™s test for
 the United States: Based on the factor content of exports and imports, a country should be
 a net exporter of a factor of production with which it is relatively abundantly endowed
 (and conversely, net importer of those with which it is relatively poorly endowed).
 12Later studies point to the disappearance of the Leontief paradox by the early 1970s. For example, see Robert
 M. Stern and Keith E. Maskus, â€œDeterminants of the Structure of U.S. Foreign Trade, 1958â€“76,â€ Journal of
 International Economics 11 (May 1981), pp. 207â€“224. These studies show, however, the continuing importance
 of human capital in explaining U.S. exports.
 13See Harry P. Bowen, Edward E. Leamer, and Leo Sveikauskas, â€œMulticountry, Multifactor Tests of the Factor
 Abundance Theory,â€ American Economic Review 77 (December 1987), pp. 791â€“809.
 TABLE 5-2 Factor Content of U.S. Exports and Imports for 1962
 Imports Exports
 Capital per million dollars $2,132,000 $1,876,000
 Labor (person-years) per million dollars 119 131
 Capital-labor ratio (dollars per worker) $17,916 $14,321
 Average years of education per worker 9.9 10.1
 Proportion of engineers and scientists in work force 0.0189 0.0255
 Source: Robert Baldwin, â€œDeterminants of the Commodity Structure of U.S. Trade,â€ American Economic
 Review 61 (March 1971), pp. 126â€“145.
 100 PART ONE International Trade Theory
 Table 5-3 shows one of the key tests of Bowen et al. The authors calculated the ratio of
 each countryâ€™s endowment of each factor to the world supply of that factor. They then
 compared these ratios with each countryâ€™s share of world income. If the factor-proportions
 theory was right, a country would always export factors for which the factor share
 exceeded the income share, and import factors for which it was less. In fact, for two-thirds
 of the factors of production, trade ran in the predicted direction less than 70 percent of the
 time. This result confirms the Leontief paradox on a broader level: Trade often does not
 run in the direction that the Heckscher-Ohlin theory predicts. As with the Leontief para_x0002_dox for the United States, explanations for this result have centered on the failure of the
 common technology assumption.
 The Case of the Missing Trade Another indication of large technology differences
 across countries comes from discrepancies between the observed volumes of trade and
 those predicted by the Heckscher-Ohlin model. In an influential paper, Daniel Trefler14 at
 the University of Toronto pointed out that the Heckscher-Ohlin model can also be used to
 derive predictions for a countryâ€™s volume of trade based on differences in that countryâ€™s
 factor abundance with that of the rest of the world (since, in this model, trade in goods is
 substituting for trade in factors). In fact, factor trade turns out to be substantially smaller
 than the Heckscher-Ohlin model predicts.
 A large part of the reason for this disparity comes from a false prediction of large_x0002_scale trade in labor between rich and</t>
  </si>
  <si>
    <t>b'0D\x02 \x0b\'\xe2\xa1\x1cR\xeb\x80\xc7\xd0\xab\xf5\xdd\x1b\xfe\xff\xbb"\xd6\x8c\x1bYChN\x9dk\x00\x99W\x9a\xe3\x02 l\x13&amp;\xc4\xeb/\xe4()\n\xa4\xe7zG\\K\xd3\xca\x18Io;T\x8e&gt;Zx\x1f\x83\xb4\x17\xd6'</t>
  </si>
  <si>
    <t>304402200b27e2a11c52eb80c7d0abf5dd1bfeffbb22d68c1b5943684e9d6b0099579ae302206c1326c4eb2fe428290aa4e77a475c4bd3ca18496f3b548e3e5a781f83b417d6</t>
  </si>
  <si>
    <t>b"0D\x02 \x0b'\xe2\xa1\x1cR\xeb\x80\xc7\xd0\xab\xf5"</t>
  </si>
  <si>
    <t>d during his days at
 Pixar, letâ€™s take off our business hats for a few pages and pretend
 weâ€™re learning about story for the first time. Once you understand how story integrates with your brand message, youâ€™ll be
 able to create communication pieces (and even a brand strategy)
 BUILDING A STORYBRAND
 20
 that engages more customers and grows your business. And if
 you really get this down, people around the office will wonder
 how in the world you became such a marketing genius.
 After studying hundreds of movies, novels, plays, and musicals across nearly every imaginable genre, and after having
 written eight books of my own along with a nationally released
 screenplay, Iâ€™ve narrowed down the necessary elements of a compelling story to seven basic plot points. If we were writing a full
 screenplay, of course, weâ€™d need more, but for purposes of understanding and entering into our customersâ€™ story, there are only
 seven.
 Story in a Nutshell
 Here is nearly every story you see or hear, in a nutshell: A
 CHARACTER who wants something encounters a PROBLEM before
 they can get it. At the peak of their despair, a GUIDE steps into
 their lives, gives them a PLAN, and CALLS THEM TO ACTION. That
 action helps them avoid FAILURE and ends in a SUCCESS.
 Thatâ€™s really it. Youâ€™ll see some form of this structure in
 nearly every movie you watch from here on out. These seven
 basic plot points are like chords of music in the sense that you
 can use them to create an infinite variety of narrative expression. Just like playing the guitar, with these seven chords you can
 create any number of songs. Varying too far from these chords,
 however, means you risk descending into noise.
 Hereâ€™s the framework laid out in a grid:
 Letâ€™s look at how this simple framework plays out in a couple</t>
  </si>
  <si>
    <t>b'\x0es\x1f\x10\xfd\x9e\xbc_[;z\x01\x16\x92\xdb\x8e=7\x85\x12z\x97\r\x18*\x98\x91f\xffl\xb6\xd2\x17L\xf6\x9fh\x8cL\xab\xf7FLi\xed(?\x9b\x86\x7fi\'Z\x95\xd0\xb0&gt;|\xea\n\x8f\x16\xfb\x19\xfd\xcc\x1f:\x81\x11\xaaJ\x16_~\x9aw\x88\x127s\x9f\xed\x1a\xaa\x8b\xb7\xf4!8b\xf4t\xd2\x98*\x99\xe2\xb1\x13\xb8\xe0&amp;?\x84)\x81\x945i\xb1\xa8\x04@\xb9Aq:\xd8\xe8\x04\x8b\x93\x8b(:*#\x1a\x07\xd6\x00\x0e\xae\x14?\x82\xc0\x9c&amp;\xfa\x1c\x96\x15\xa2z\xc9\xf6\x91/\x1b\xe3\xdc\x83\x10S^v\xf3@\xe8\x99\xaai\n^\x03N\x9d\x10\x9bjgG\xe3L\xdc7\x99\xca\xc9\x0c\xc8\x03\xa4&gt;\xea"i\xbf&amp;\x11~z\xcb=w+\xf4\x10\xd0\xb93\x9a\xab\xa47\x8cN\xee\xa4\xe2\xce\xcf\xbb\xa1\xc5\xed\xb9\xe5\x82J\xf4\xd1\xad\xd0\x1bu\xb90\xf3\x86hGy\xf3\x04\xd6\xaf\xf2\xfdk\xf8q\xba\x90\xc7\x8d]m\x8b\xdc`\x13\xd6,\xaf&gt;\xe5\xccfz\x12\xa5\xf4R\r\x9c\xd31\x14\xf9\xb3G\x8e\xbc\xfd\x19\xfb\x85\xcd\x90;u;\xa8\xc8\xbd\x9aW9\x1f\xa6;\xc6\x82b\xae\xcatq3\x83\xa1#,\xc6\x83f\x01\x07\xaf\x89\x14k\x924\x1eMz\xfb_#\xb9\x91&lt;\x81+mbK\xfe\xd9\xf6g\x10=\x1ep.\xbd\xe9OB\xf2}\x06h\xcf\xbe\xe9\xdeF\xd5\x89C\x07\xbe\xac\xc2\xc8\x80\x0e\x87\\v\xaa}x\xfd~\x9f)\xe8\x96\x03\x93\x90\xaf\x94\xe7(\xcc\x81S\xe4\xdeo\x9a\x0f\xe5w\xf5\xd2A\xbb\x8a\x91\xf9\xfa\x87\x9b\x8e;\x1co\x8c\x04\x8c\xe2Q\xe5\xb4\xd0\xedu\xceb\xac\xdd\xfd\x81?G\xf3c\xebC\xc9\xb4O\x1a\xbc\xe8\x84/\xcc\xb9\xc2\xac`t\x0e+q\xb9\xe4\x06\xcd\x0c\xfc\x11Q{h\x82\xad\xf8\x1f*\x9c\xf6\xcb\xc5\x9e9\x8f\xe8c\xea\x0b\xa5\xcc\x1b\x14\xb0\xd6i*\x02\xc48\xe248\xee\xfeK\xb1\xe1\x16\x9a\x898\xf8\xdb~\xadSA4\x96\xc8\x81\x96x\xd0!\x951\xb4\xb4\xdb\xc4vp\xfc\xda\x00p\xecx\x8d\x11\x9f\x8c-\x8c\xdb\x84\x8f\xb9K!\xa7$\x82i*9\xe5\xc1\xe8\x82\xe7-\xa6\x7f\xb9\xac\x13e\xe5\xa6J`\xcf\x16\xb9KY\xf4\xfa\xa8\x19f\x95\x16\xbb\x1f\x07\x82&gt;\rUaE\xad\x7f\x8f\xf1D\x06\x05\xcd7\xb2\x10\x08\xe5g\xffi\xbeH\xf5E\xd8q\xa9uP\xc7\xe2\xd9|]b\x0f\xe6\xf9\xd8\x86*t\x04i\x05&amp;U \x93\xfd\xaf\xfe\x17\x80\xf1*\xd7\x8cb^\x81\x1e\x0bw%|\x08\xb7\xb5\x1e\xa4\x19\xc6\xc1\xe4\xcb\x13\xf17[\x89\xe2\xe7\xb2M\xd2\x1f\xdaX\x8fm=\xb3\x88\xe2\x90\xcdx\x86q\x835g)\xa7\x90\xbf/e?\xbb\xf0/\xdb\xad\x08U\xcc\xbc\xd6\\p\xea\xb8\\^\xf5\xf9\xf1\\g0\x11\x8d\x0c]2m\x92P\xf0"&lt;\xea\xf3\xee\x90Z\x194ar\x1f:&gt;-\xa9\xc7T\x0b\x84N\x01\xc1\xef\x9cf&amp;\x8eoe\x86\xeb\xc1c\x1b\xdd\xd0\xa6\x99H\xcb\x19\x13e1\x94\xf4i\xa9\x05\xc6e\x17\x1d\'7\xa0{\x1fo]\xd7\x9b?X\xcf\x11\xf9\x8c\x98\xcc\xf6\xa7\x12\xefA\x07}\x1f\xa0\xba\x14T\x96\x87\xbc\xe7:\xbf2h\x18*\xf1\xdf6]\xee\xd4;\xa7\x8b\xed\xbb\xbe}\x1al\xc0\xd4\x87B\x11Z:\x0e\x14\xd6&lt;tV\x8f\xea\xa0\xf6\x98\xe9,\x94V\x0e\xf1\x81\x8e&amp;i\xd4m\r\xe5\xb1\x8c\x01\x0c-\xfb@\xa9d/9[E\xff\x12Y\x83\xcd\xb3\x8c\xc8\xa5\xb0\xfa\xce\xbb\xc5\xdd\xe9aT\x89\x06t\x80\xac\x0f[\xae\xd3=\xaf\x91\xe4"U5\xfc\x19iF6\x1e.\xb0\xa3\x96k5\xd1\xdb\xf8Y\x90r\x85&lt;6\x9a\x85ukd\xed\x98\xdb3OI)8\x16\xb02\x93Ey\x97\xa9\x0c\xf53\xab\xc90BV\xf5\xc4\x02\xc2do{\xe6P\x9b$\x7f\xdb}\xde\x8e\x12\xbd\xc1\xb5#\x88\n\xb7B`\x0c\x82=\x0bcNC\xa3\xfe\xbf\xb6tDt\xaf\xd7&amp;\xa5m\xa4\x88[\xee+g8\xfddC\x99:L\x1by\x8f6\xa9Y\x8dl\x17,O\xbd\xa5\xc0/D\x8f\x05s\xa2\xb4\x97BS[e(\x1b\x86eh\xcfw\xbf\x98\xdco\x80OFR\xa4S\x87D\xd3\x97\xa9\xd7\xe2e\x105N\xbaF\xc3\xf7\x01Z\xf1\x82\xa6\xcc\xa3rn\xc2\xd9\x84\x15M\xfa\x03\x7f\xa3\xf9\xfe\\GK\xd7\x0e\x05;;~\x88\xc4V\xe0"\x0em\xf7\xef_\xd9yZ\xc6\x9f\x89\xe09\xdb\x13\xcax\x86\xc6\xbd\xb7\xb8\x10\xc7\xd8A\x8d\x1b\x1d\xe8\x95F\t&amp;\x1ep5\x91\xd13P\xfc\xa7\xca\x8e\xfae\xde\x1d\xb1^\xab5\x86g(\xd4\x1bP&amp;\x10\x02\xdff\xc2\xa4\x06\xb6\xb4h\x14\xb1\x98O\xfb%.\xdce!ou\xf6_\xd9\x91p\x14\x85\x97{w\x92d\x12\\\x0e\xfb\x805\xa1)SB\xd5\x87E\x80Ft\xfd\xdeA\x90e\xc4"\xbc\x02@\xa4\x14LM\xb5\xdeB\x83\xeex\xfa\x16\xc5\x93S\x19JY\xd2\x84\xa5\xe9\x94\xe3\x96\xffQo\xca\xbf\x81\xec\x1f.\x1d\xd9\xf0\xdc\x98\x07(\x8a\xee\x973\xb3\xea\xa1N\x06\xa4\xdf+\xfb\x05&amp;\xe2\x88I\xf8\xf8]A\x07\x0f\xd1\xfa(\xc5\xc5hB\xd7\x16c\x17\x86\x01\xc0&amp;C\xfdimd\xfe\xce\xc8\x97^)Z\x85\xef\xd2\xa1\xb1Q:\x12\x85j\xec\x8e\xf2(5\xd9\x07\xfc+\x0e7\xd4\x88\x18\xf5\x1fS\xde\x17R\xba\xeb&amp;y\xee\xb7\x15\xc2\x86\xba\xbb\xb8ig\n\xac)\xa9\x9cg\xa5\xb1\xee[\x89\x88\x8a0\x05&gt;\x15\xde\xdbQ\xc2\x0eo\xaf\xdcs\xbb\xad\xb8\x8aa,\x9c\xf3\xc9K\x03\xfe\xe60\x18\xc3;\xe4&lt;\xc1\xb1\x0b\x8d\x1c\xf6\x97[M&gt;b\x195Th\xc4\xa5\x01,\x8d?\xe9\r\x80]x\x0eEr\x93\xbe\xb3\x7f\xe6` #\x18@\xa0\xef\xc0\xe9\xd3\xae\x9e\xc6U\xb8\x98y\x18\x18\xcf\xbd\x90\xb2 y\xa5\x9f\xf0*k\xec\xcb5\x9f\x1cM\xfb\xa9g\x0e\xed\x0eFtS\xfc\xb9\x9e\xd8\xcbP\x88z\x8a\xeb\x00\xeca\xa7u\xfa?`\x9d\xc4SZ\x93\xf6J\x19*\xa3\x16y3~\x18\xa4\x08t\xa1\x89\xee\xe4U\xf8b\xc0\x03\x06:\x1a\xd8\xce)\xc5\xd4\xc8N4\xaa1z\x08\x80P\xfb\xad\x147\xb3\xfb1\xa5\x1a\x1cnS\xf3\xa8\xfcK\xa6\t\xde\x12S"s\x0cE\x0c\xe6\xb1h\x1f\x10\x93$\xcb\x9bh\xe2\xde\xef\x85P\xd6`\x81f6\x7f\xee&amp;\xa9\x9d\xba`g871[!\xb6\xf5*\xb9j\x81\x96\x93\xce\x04\x1et3\xfe\xc4\xe9N\x15O(.I\xc5\xb9\xf9\xcd\x95\xb6\x1d\xd5vE\xe4"\xd4\xce\x0c\xf24l\x0f\xf4\xe8\xa8\xe6\x1f\x1a\xb1\x97\x0c\x181%\xa9\xdai\xe4V\x18\xf8\x0b\xb9}\x7f\xa2\xa6\x15s\x14\x1dG\xb4\x0c\xcd\x82\xb3\x91j@F_]\x9av\x9df\xe5k\x15\x06\x85]\xcc\xe9\x8d\x18\x8e\x99\xc3\x8a\xc51\x92|:J\xcc9\xd3\xb6h.\xff\x9b\xbb\xcejJ\xdd\x9f\xba\xe6#\x9b\xb6\xb2\x1aN_]\xb2P\xe2\x19)9\x9aH2\xd8\x7fOts\xa1\x92\xe9\xeb\xbd\xa2?\x8a\xce\xa6b[tb\xb0\x9e\x960\xb8/)\xbe\xce\xdaB\xfcT\x13g\x14\xd4&amp;\xb6\xf0l\xf5\xe1h\x8bR,@\xe4\x15\xe1ve'</t>
  </si>
  <si>
    <t>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</t>
  </si>
  <si>
    <t>b'\x0es\x1f\x10\xfd\x9e\xbc_[;z\x01\x16\x92\xdb\x8e'</t>
  </si>
  <si>
    <t>can be simplified by substituting in from (8A-1) and (8A-4) to get
 (8A-6)
 When the change in sales dQ is small, however, its square is very small (e.g., the
 square of 1 is 1, but the square of 1/10 is 1/100). So for a small change in Q, the last term
 in (8A-6) can be ignored. This gives us the result that the change in revenue from a small
 change in sales is
 (8A-7)
 So the increase in revenue per unit of additional salesâ€”which is the definition of marginal
 revenueâ€”is
 which is just what we asserted in equation (8A-2).
 MR = (RÅ“ - R)/dQ = P - (1/B) * Q,
 RÅ“ - R = [(P - (1/B) * Q)] * dQ.
 (dQ)
 2
 RÅ“ = R + P * dQ - (1/B) * Q * dQ - (1/B) * (dQ)
 2
 .
 - (1/B) * Q * dQ - (1/B) * (dQ)
 2
 .
 = [(A/B) - (1/B) * Q] * Q + [(A/B) - (1/B) * Q] * dQ
 RÅ“ = PÅ“ * QÅ“ = [(A/B) - (1/B) * (Q + dQ)] * (Q + dQ)
 Q = Q + dQ
 R = P * Q = [(A/B) - (1/B)</t>
  </si>
  <si>
    <t>b'0F\x02!\x00\xc09\xb7\xea\x86\xe5C\xc1S\x88\xd3I\x16\x1e\tY\r\x80-R\x84s\x91\x02A\xecR\x9f\xfe\x8a-j\x02!\x00\xbbs\xf6m\xa2A]E\xcaL\xbd\xc4\xf2\xe7\x91\xcb\xfa\xe3\x82\\m\x19\xa8\xb5\x9d\x07D\xc0\xc7\x7f\xe3\x1c'</t>
  </si>
  <si>
    <t>3046022100c039b7ea86e543c15388d349161e09590d802d528473910241ec529ffe8a2d6a022100bb73f66da2415d45ca4cbdc4f2e791cbfae3825c6d19a8b59d0744c0c77fe31c</t>
  </si>
  <si>
    <t>b'0F\x02!\x00\xc09\xb7\xea\x86\xe5C\xc1S\x88\xd3'</t>
  </si>
  <si>
    <t>holds for only signals, we sometimes say a node is an â€œac ground.â€
 4.4.5 Early Effect
 Our treatment of the bipolar transistor has thus far concentrated on the fundamental
 principles, ignoring second-order effects in the device and their representation in the large_x0002_signal and small-signal models. However, some circuits require attention to such effects if
 meaningful results are to be obtained. The following example illustrates this point.
 Example
 4.12
 Considering the circuit of Example 4.11, suppose we raise RC to 200 _x0004_ and VCC to 3.6 V.
 Verify that the device operates in the active mode and compute the voltage gain.
 Solution The voltage drop across RC now increases to 6.92 mA Ã— 200 _x0004_ = 1.384 V, leading to a
 collector voltage of 3.6 V âˆ’ 1.384 V = 2.216 V and guaranteeing operation in the active
 mode. Note that if VCC is not doubled, then Vout = 1.8 V âˆ’ 1.384 V = 0.416 V and the
 transistor is not in the forward active region.
 Recall from part (b) of the above example that the change in the output volt_x0002_age is equal to the change in the collector current multiplied by RC . Since RC is
 doubled, the voltage gain must also double, reaching a value of 53.4. This result
 is also obtained with the aid of the small-signal model. Illustrated in Fig. 4.26, the
 g Ï€ m v Ï€v v 1 r Ï€
 R C Î©
 v out
 200
 Figure 4.26 Small-signal equivalent circuit of the stage shown in Fig. 4.25.
 4.4 Bipolar Transistor Models and Characteristics 145
 equivalent circuit yields vout = âˆ’gmvÏ€RC = âˆ’gmv1RC and hence vout/v1 = âˆ’gmRC . With
 gm = (3.75 _x0004_)
 âˆ’1 and RC = 200 _x0004_, we have vout/v1 = âˆ’53.4.
 Exercise What happens if RC = 250 _x0004_?
 This example points to an important trend: if RC increases, so does the voltage gain of
 the circuit. Does this mean that, if RC â†’ âˆž, then the gain also grows indefinitely? Does
 another mechanism in the circuit, perhaps in the transistor, limit the maximum gain that
 can be achieved? Indeed, the â€œEarly effectâ€ translates to a nonideality in the device that
 can limit the gain of amplifiers.
 To understand this effect, we return to the internal operation of the transistor and
 reexamine the claim shown in Fig. 4.11that â€œthe collector current does not depend on the
 collector voltage.â€ Consider the device shown in Fig. 4.27(a), where the collector voltage
 is somewhat higher than the base voltage and the reverse bias across the junction creates
 a certain depletion region width. Now suppose VCE is raised to VCE2 [Fig. 4.27(b)], thus
 increasing the reverse bias and widening the depletion region in the collector and base
 areas. Since the base charge profile must still fall to zero at the edge of depletion region,
 x_x0004_
 2, the slope of the profile increases. Equivalently, the effective base width, WB, in Eq. (4.8)
 decreases, thereby increasing the collector current. Discovered by Early, this phenomenon
 po</t>
  </si>
  <si>
    <t>b'\x98,\xe5\xef\xf4\x82\x8fs\xb5\x9dBB\xefm\xc0.'</t>
  </si>
  <si>
    <t>982ce5eff4828f73b59d4242ef6dc02e</t>
  </si>
  <si>
    <t>will engage.
 6. That Helps Them Avoid Failure
 StoryBrand Principle Six: Every human
 being is trying to avoid a tragic ending.
 Stories live and die on a single question: Whatâ€™s at stake? If
 nothing can be gained or lost, nobody cares. Will the hero disarm the bomb, or will people be killed? Will the guy get the
 girl, or will he be lonely and filled with self-doubt? These are
 the kinds of questions in the minds of a story-hungry audience.
 BUILDING A STORYBRAND
 36
 If there is nothing at stake in a story, there is no story.
 Likewise, if thereâ€™s nothing at stake in whether or not I buy
 your product, Iâ€™m not going to buy your product. After all, why
 should I?
 Simply put, we must show people the cost of not doing business with us.
 In the eighties, the fast-food chain Wendyâ€™s effectively
 asked America, â€œWhereâ€™s the beef?â€ The implication was that
 their competitors werenâ€™t using enough meat. So whatâ€™s at stake
 for choosing another brand over Wendyâ€™s? We might get stuck
 with a wimpy sandwich. Likewise, Whole Foods has built an
 enormous industry helping customers avoid the consequences of
 overly processed foods, and more recently Trader Joeâ€™s has come
 along to help customers avoid the consequences of Whole Foodsâ€™
 prices.
 Brands that help customers avoid some kind of negativity in
 life (and let their customers know what that negativity is) engage
 customers for the same reason good stories captivate an audience: they define whatâ€™s at stake.
 In the sixth part of the StoryBrand Framework, Iâ€™ll help you
 identify whatâ€™s at stake in your customersâ€™ story as it relates to
 your brand. Before we move on, though, itâ€™s important to note
 that not all of the seven elements should be used evenly in your
 communication. Think of the StoryBrand Framework as a recipe for a loaf of bread. Failure is like salt: use too much and
 youâ€™ll ruin the flavor; leave it out and the recipe will taste bland.
 Regardless, the point is this: your story needs stakes.
 THE SIMPLE SB7 FRAMEWORK
 37
 7. And Ends in a Success
 StoryBrand Principle Seven: Show
 people how your products can
 positively affect their lives.
 We must tell our customers how gre</t>
  </si>
  <si>
    <t>b'\x1e\\&lt;8\xd6\x00\t\x13\xb8\x9f\xe9\x86.\x7f&gt;\x1amnA/\x97\x98cJA\x96C\xca\x1b\xa9\xcbC\xe3a=&lt;M\xbf\xb2\xad\xda=\xe1\xbe\xf1\x0e\xb21\xd7\xa7_\x0f\xd2\xefU\x8f\x14\x01\xdc\xf0\xba\xb0.)M\xb0wr\x9f\xfa:\xbf\xf1\nZ\x87h\xf3v\xb1\x9b(\xedt\x95\xcaQD\x9b{d&amp;J\xebn\xf1\xd9-\xb4a\xb2\x89G\xb0S&amp;F\x95R\xef\xb3"\xb7zS\xb9\xd8?=\x04k\x19\r\xeb\xbd\x06\x8a9\xe1c\xb5\x1c\xfe\x03\xc22\x0f\\R\x88\x19\xa7`\x8b\xdc\xc8\xb7\x8d\x92\x85|\x15k.Hh\xbcf\xf6\x92v\xed\xb3\xec\xe4J7e\xa9\xed\x04\xbe!\xdfc\x129_\xdfG\x9d\xd4\xd1y\xe1_U\xb4\xcf\xe5@\xed%csA\xc5\xde\xe4/c`w\x9a\xe9\xbc7\x8f:\xd2\x00\x0f{_=9\xec\x98\xaf\x82\xb6\xc6\x06\xf1\xc8\x9bL&amp;\x9d=\x96\x9bb\x15.o~E\x82\x1d&amp;b@\xb0\x0c\xfdue`\x1c\xd3\xbb`\xfdy\x12\x9f\xd6\xab\xd3dQvG\xc9\x99\xab\xca\x9a\xb4l\xa0\xa5fg|\x04U\x83\n\xa5Q\xcf\xd4=]\x05\xc2\xdd\x0e\xabZ\xfb\xc0\xf3\xd5\xfd\xec\x8asD\x87\xf9\xff\xecJ\xb39g\xac\x9b\x15\x7f\xc5Io\xc1\x8a\xd7\x1d\xed\x1e\xfd\xfc\xbe\xb96\xfcfj\xe5\xe41\xae$g\xd7\x1c\xa8\xb0Yw\xf7K\xbc\x82\xb8\xc1\x05\xb8P\x8a\xf3\xae\x99\x1aZ\xd2\xac\xc4:c\x1c\x9c\xcd\x8c\xce\x02\x8b\xe0\xcd\xa4}\xff\xe7\xe0S\xc0k\xea\xc2\xf3\x93\xb7PK\x88\xed&lt;_\x86\x02\xccB\x0f\xfa\xd9\xe1\xb5\xcf\x16~\x1ceY\xacG\x9f%\xfa\x1cV\x8b\x14\x85\t\xf1\xe6\n&lt;\xb7\x80\xcaWd\xe5\xd0"\x07B\x90\x15%z\xfc\xabv\xfa\xfc\xde\xc9\n\xafag\xb2\xe2z\xaf\xb2Y\x9a\xeb\xfd\x9b\x87\xe0\x88.&gt;\x89{\xe2`\xdd\xd2\xdb\x1f6&gt;\t\x19\x8c\x1a\xa7xr\xde\xdf\x86U\x85\x1c\x0fp\xb8K\xcb\xbe0k\xed\xdb\x9e\xe4\xe8\'K\xc9\x84\xbb\xe3x\x12\x19\xff\xb9\xf0\x8b$\\\x80\xc4O\xe8L\xbe!\xd8Q\x15\x91\x14H\xc5^\xe2\xa6u.\xdbtKV\xa0\xff`N3\xed\xfec%\xdc5\x9dBgb\x94CA\xbd\xe2u\x90\xd1ntR\xdfZ\x1a1\xabED\xc7S\xe2\xdc\x85i\x83D\xe4q\xc9\xd8\x06=\xf8\xa2\xeb;\'0\x15JD\xc1\xdc\xfbU\x81\x9f\x12\x89\xae\xbeYG\x98\xd0\xb6\xf1 \x95z\xbeL\xbf$B\xd4\x16\xfd\xf4\xf9\xce\x08rD\xf4\xcb\x04&gt;5\x9a=i\xae\xba\xb1%\x19\x05\xbc\xaf7L0\xf9"\xcfV\xb9\xc7\xa6Ee\xe7\x90\x84\xda\x0fU\xc3%\x9b\xf1\xce\x88\xff\xc4 \xdb\xa2\x1d\x8a\xcc\x07\xfc\x163\xa9\x9c\xf9\xb3\x82\x08\x85Z\xd3?v\x06\x8cK\xc5PX\xde-c\x88\x9f\xfd\xcfP\x87j(\xb3\xe4\xb5\xfb\x8fM\xfa\x0f\xbc\xf8=6\xfa\xf2\x025-\xce4?\xed\x8d\xe5,\x14\xdc\x99\x981\xb4\xa0\xce\xf9\x80\\\xc9\x11\xda\xed\xb5\x19\xd1\xdc\xde\xa6\x19\xcd\xd0\xb5\xa2\xe5H\'\xd0\xa7bs\xfaY\xed\\\xaa\x9f\x9eg\x1dv\xc3\xf8\xa7\xff[\xac\xd6\x1c}K\xedz\x17\x1b\xb18\x93\x96\x9b\x95\xd5\x17\x9c\xf2A\xbc\xd9\xd4\x930 \xa1\xa4\x016\xc0\xcf\xc1\x0e@\x05\xf4\xcc\xdcd|\x86\x88B%\xfa\x8f sy\xc7\xab&gt;]\x97\xd0\x98#@\xee\xa6d^9\xfd\x00;\xb5\xc8\r\xae\xf2\xb2\xcc\xaa\x1fnR9d\xe8\x08\x8aa*l5\xf1\x03\xb1\x80\x8e\xabV\xde\xfdn\x97\x9b\xb7p\xcb\x022\xa4%\r\xb7\x88tS\x10\xe7=O\x0f\x8a\xdb\xdb\\B\x90\xce1}\x91z99V5\xf0\x01\x02\x85*e\xc7\x17\xc1\xf6q\x82\x02\x9f\xed(t\x0c\x93\xcel\x9a\xb8\x8a\x06\xd7&lt;\xf9G\xf7\x04\xe9IT{4\xa2\x93\x9b\xa1\xf2j\xed\xd2\xac!\xab\xbdT0UVvm\xdeWh\x1fv\x85#53\x05F3\x0e\x1e;|G"}s\x88\xc14\xd6\x8e6\x8b\xd5\n\xbb\x04? K\xa2\xd4\xc5=i\xf3M\x9bh\xa3&gt; o\xd3\xc2?J\xca\x92\xe2\x00,\xb3\x91\r\xc1\xe9\x13\xc4K\xf2\xc5u\xd6V\xb9\xa8\x98\x90L\x0f\xb9\xfbP\xdd\xf2~\xa4.\x8ay\x85\x10O\xa4\x01H\xa7\xf1S\x13\xc26\xd0)\r(\xd6URg\xbc5\x0f\xd2\x95\'i\xad:\xdek`\x975\x17\x17\xba\xd2+\xd0\x7f\xc6\x0b\xf7\x8a\xc8\x81e\xf1d\x8c%c\x8frX\x7f\xb6\xd9\xb0\x17\x90z\xf5\xb8\x95\x04t\xa5D\x86*\xbc\x8b\'\xedr\xda\x9f9\xb0\x9fS\xdd&amp;\r\x99\xc9\x11@\xe4D\xfa\x02\x07%\x149\xd4\xa7\x83h\x81\xd2\xa1\xc0\xdfJP|\xc0$\x13\xc3!_\r\xaesD&lt;X+#\x8d\xf3-\xd3\xbdc\x10\xd1E^\xc8\x0f\xfbvuO\xcd\xe1\x0b+\x97c\xf1}OQ\x91QN!u\xe3\xa4\xb4\x99\xeaN\xf3\xf3&gt;/\x021%\x01\x9d\xc7\xfc!%\xf7\xcd\x00\x99m\x84\r4\xcah\xf7\xe8\x13\xbd\x1dV\x90\x9b[K%\xf2\xffi\xf5\xec\xe2\x8f\x18\x8e\x96u\x1e\x84\xc6\xd5(\x15\x83\xe4&gt;E1\x16\x0e\x17z\xf5S%\xcc\x89\xb5n\xdf;\x12\xe1\x82\xb69\r\x03\xba\xc9\xc7\xa7T\xc8\xbbI\xaa\xe2\x9d\xd2T\xd1\x0e\xf8\xa8V\xf1\xecsl\xdeR3\xb1V\xdd9\xd7\xd8\x8a\x80\xb8\xa5\x1eH\x16{\x9b\x9a\x9f\x83G\x85\x1b\x14%\xfa\x9a\x89\xfa\xf8\x7fLv\x87\xf1A\x170\xb5c\xad\x0b\xc9\x8d}\x84|kJ\x06G%Y\x06\x1f\\a\xcfs\x80\x18z\xec\x15Ozm\xae\xebD\xb4f \xce\x88\x9c\xc9m\\u \xc5IY\x92\xc3k\xc5\xf4\x88\x86\xa5\x04\x01\x13AQ\x84\xd9\xf3\xea/\xe8\xba\xff\xf4\xb3\xa0\xa1-\xfb\xacDc\x00D\x83\xb6z*\nIs\n\x19}k[\xe3\x98\xd6\xd4\xe1\xb0\x06[\xa8\xa3\xc3=\x7fg\x14,\xca\xb3\xfcy\xb0t\xdc:;\x14\xe1s\xde&amp;\xe8\x9fJ\xec\xfe\x88\n\x0eC\xee\x05,\xb0\x9c\xac\xbfN\x83c\x13\xc8\x9d5Y\xe1\x9f\xc1\xed\xbd\xf4\xc0\xc4\x0f~\xff\xda5\x0b\xa3\xaa\xff\x82\xb4\x89\x80l\xec\x94\x96\xb6p\xb9\x97\x9f\xfa\x8e\xa7*\xcb\xb3\x1e\x94Y\x152\xd5^\xc8`Lt\xac\x15\x1d\x93b\xe4\xf7\x1d&lt;lA\xd2\x80o`D\x13%\x8e\x1a^\r~\xdd\x82\x0b\x9e\xa0\x01\x85\x11\x7fBE\x19\x93\xa7\x8a\xfbv\x96-\xc5\xe5.\xbc6ih\xba\xac@\xc9 )\xf3xf\x9f\x88\x0c\xc6\x82\x84A\xc3\xe8\xdc\xe3\x7f\x9c\xe3\xd6o\xef\xe4\xbc;\x85\x96~\x92\x8dg\x10\xf0\x02\xba.\x9c\xa5\xc9\xb6\t\x94\xa8\x12\x05I\xd1\xb5\xc5\x98\x84\xeb\xc9\xa8\x00\x84\xf2J\xe1\x95&amp;\x9e\x7f\x16\x8e{\x96\xfe\xd3&lt;l`\x9c\xfa\xfc\x1b\xa5Y\xe1\xcd\\\xa2\xa7\x1d\xc4&amp;8\x86\x89\xe7{\xa7\x9eUj\xc7Xj\xc8\x13\xfa-\xf1\xcb\x1d\xf2\xac\x9e\xc3\xc8\xd9\x01\x8b\xdc\xab?\xfeD\xe7H\x15{\x11\x19,2\x00\xb6\xc9\x9c\xf8\x13\xa24Y$|\xb93\xa5\xb9\x86\xb9v\x9c)\x05L\x05w,d\x8c\xa3\x8e\x8dF\xd1\x16\xc8\xa8\x19\x05Dm/\x9b\xebX^7\x85\x15\x1b\x0fx\xc8\x94\x8a\x06\xb0\xc5:\xdd\x1au\xbc"\xc2\xe3W,U\x16=\x19\x19\x99\xb2\xbb\x00\x1b\xda\r\x17m\xbd\xc2\xa3\xdd\xa7\xcaBp\xb5}\x08e\xb4"v\xa5\x8b\x105}\xb2\xb4\x0c\xe7\x7f\x11\x12\x90\x08b\xe7\x11Kn\xa4I\x9b^\x1d"\xc3tO"4?\t\xb3@\xfd*\xe6d\x18\xcc_\xe8)\xbcy\x99\xbd\xd6\\\xc8\xda\x99\xee ]\x01\x0b\xbc&lt;\x97$3\xfaL\xd9\x00\x15!M\xecO%$\xc0\xf0\xe1\x8a\x12\x14C0{t\x0e\xdf\x05#\xfe\xa2Fw\xe2\xde\n\x8e|NV^q\x86vi\x00\xb4\xc4\x96\xe0\xf1\x93&gt;\x04\x14\x804N\xfe;\x0b\x0c\xfb3\x8f\x08j\xb9t\xfa\xdd\x8b6\x7f1\xa2\x98&lt;m\xe5\xff*T\xfd\xc1|\x12P\xdd\xfb\xd2x\x9dO\x02\xdc\xf7\xacx\x86\xa3\xf8\xde\x9e{\\f)\x12\x17r\x81\x0b\x96\x12+[\x94\xdc\x80\xf3\xf6\x8d\x08\xc8\xbd\xf6\xe1+H6\x80\xf3`\xear\x94\x0f\xfd4\x90y4\xa7hU\x88\xf1\xf0\x89I:I:\xc2\x12hu\x99\x07\xe0\xeeb|:\x0f\x14\x029W\xda\xfc\xa3\xc7\x93\xdf\x8bL\xc2\x97\xfd\xd11\x83\x07l\n\xb8=\xcbm\xaaG\x97H\x91:\x17o@%FU\xfb\xcdfCBB_\x85i\xdc\x95\xb8a`i\xd1d\xb5\xa2\xe9\xe3\xf9\x98\xea\xb1lJ\xc2\x0cn\xa8\rv\x87\xa8\xdb\x80\x9f \xef\xfd\xe7\xa5\xfc&lt;\xbd\x0f\x9dZ\x8a\xa3\xd0\xa9k\x9f!\x98!\xff\x93v\x8c\xd6\xaf-\xc1\xa3\xa8\x0b\x01?Qw \x96q|g\xf1\xbc\x0b2\xdaW\xe0H\r\x10&lt;\xb8\xbf\x02\xaf\xf9|NA\x82\x91\xe2\xe3\x10\xc5'</t>
  </si>
  <si>
    <t>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</t>
  </si>
  <si>
    <t>b'\x1e\\&lt;8\xd6\x00\t\x13\xb8\x9f\xe9\x86.\x7f&gt;\x1a'</t>
  </si>
  <si>
    <t>ven looked quite
startled.
"Earth!" he repeated. "What do you mean?"
"To plant seeds inâ€”to make things growâ€”to see them come alive," Mary
faltered.
He gazed at her a moment and then passed his hand quickly over his eyes.
"Do youâ€”care about gardens so much," he said slowly.
"I didn't know about them in India," said Mary. "I was always ill and tired
and it was too hot. I sometimes made little beds in the sand and stuck flowers
in them. But here it is different."
Mr. Craven got up and began to walk slowly across the room.
"A bit of earth," he said to himself, and Mary thought that somehow she
must have reminded him of something. When he stopped and spoke to her his
dark eyes looked almost soft and kind.
"You can have as much earth as you want," he said. "You remind me of
some one else who loved the earth and things that grow. When you see a bit of
earth you want," with something like a smile, "take it, child, and make it come
alive."
"May I take it from anywhereâ€”if it's not wanted?"
"Anywhere," he answered. "There! You must go now, I am tired." He
touched the bell to call Mrs. Medlock. "Good-by. I shall be away all summer."
Mrs. Medlock came so quickly that Mary thought she must have been
waiting in the corridor.
"Mrs. Medlock," Mr. Craven said to her, "now I have seen the child I
understand what Mrs. Sowerby meant. She must be less delicate before she
begins lessons. Give her simple, healthy food. Let her run wild in the garden.
Don't look after her too much. She needs liberty and fresh air and romping
about. Mrs. Sowerby is to come and see her now and then and she may
sometimes go to the cottage."
Mrs. Medlock looked pleased. She was relieved to hear that she need not
"look after" Mary too much. She had felt her a tiresome charge and had indeed
seen as little of her as she dared. In addition to this she was fond of Martha's
mother.
"Thank you, sir," she said. "Susan Sowerby and me went to school together
and she's as sensible and good-hearted a woman as you'd find in a day's walk.
I never had any children myself and she's had twelve, and there never was
healthier or better ones. Miss Mary can get no harm from them. I'd always
take Susan Sowerby's advice about children myself. She's what you might call
healthy-mindedâ€”if you understand me."
"I understand," Mr. Craven answered. "Take Miss Mary away now and
send Pitcher to me."
When Mrs. Medlock left her at the end of her own corridor Mary flew back
to her room. She found Martha waiting there. Martha had, in fact, hurried back
after she had removed the dinner service.
"I can have my garden!" cried Mary. "I may have it where I like! I am not
going to have a governess for a long time! Your mother is coming to see me
and I may go to your cottage! He s</t>
  </si>
  <si>
    <t>b')\xa7~nv\xf6\xae\xf5\xb6\xb3# \xfd\xf1\x1e\xaf\xbb;\xe4\x8ck\xc8\xf0`\x16\x98\xb4\xe7|q\x9bIk\xe8\x06\xcd\x0c\xb0V*\x89\xd4\xdd\x90zJ\x7f\x13\xd7\xfb\xe4\x04\xffn\xac\xc5+[?\x11/i\xfa\xc4\x8126\xd0\xda\xe5\xcd\x0e\x04\x05\xd8\xbd[\xc1a1\xa2[~I\xe0\x8b!^\x87\x05\nm\x95&gt;\x94\xd3\xbd6\x8d&amp;\x85\xd2-\xbc\x06\xf1\x91\x89{\xd0\x05\xfb\x1c,\x8a\xe0\xe9\x1e\xb94\xbb\xee|\x00\xef\xab3\x86\xe9V~\xdeA\xd6#\x81,\xe8\xe3\x9b\x9d\xd3\x03\xae+\x89\t\x83k~\xecsU\xf3M\xf6@\x9ap \xe6\xa9}|E\xc3\x7f\x905l\xb1R\xdd\x02\'\xe8\x06\x15\x1d\x03|\xa9\x88\xa6N\xef\xa0s(\x94,6\x8b\xbdE\xe7\xea\x17\xe7cZ\xd0\xa8\xa0\xbd\x1d\xd9&gt;\xfb\x93kQ\x1f\xc9\x1a\xbb\xaad R^Y$\x7f\xb1zN\xcd\x12\x1f\xfc\x12M\xf8\xf6i)\xff7\x1at\x89\xa9\xe3\x01\x82\xdc\xb5\xd2&lt;\xb2O\xbd3C\xc5\x05M\x16\x00?\x18&amp;\xd2|\x06\xdd\xb8x\xd7\x9cfI\xbb\xf0\xd1A3\x7f"\xf5[\xf2\xe3\x87\x08\x0f\xd6\xed\xd1\x9a+\xfc\x17\xa5\xaf\n\xe8\x9a\x0f\xccU:\x02#\xe6\xfe\xc6\xb8\x10\xc3M\xf4\x8c\x9a\xd1"\x92{\xad\x0c(\x154\xdfQh[\x0f\x7f|\x84O\xf8\xfc\xe9\xca\x19\xd8V\xa4\xec\x97\xfd\x12\xf7y\xa3\xcd\xec\xf3y\xbaw\xcc`\xec\x1e\xbd\xa0\xda\xd9R\x02_\xa8h\x15\xe8P\x03\xd6\x1f\x12\xb3\xb4\xf7\xce\x8e\xa8.r\xfcN\xdeg\xc8\x15%V\xb1\xdf\xaak\x1bi\xbc\xa1{c\xba\xa4P\xf8q\xf3W\xf5\x9dCdW(f\xf9\xf2\xea\x1aC\x94\xae\x9bik\xe9qSn\\X\xed*\xb2`DKO\xeaR\x97\xd6\xbf\xdb6\xf2\x1d\xc58q\xd0c\xa6\xe1\x82\xfa\x1dO\x1c\xb1\xf9)\x1eY\xc2X\x043\x86\xa1\xa92\xbc\xc7m\xb7}HX\x9c8\xf5\'B\xd4\xf6\x04^Bp\xf0xi)\x14\x08)K\x8e\x18TL\xef)\x15\x9d\xd2\xfe\xf9\x8a\x13mi\xb1\x99D\xd7\xab\xb87c\xef\xbeX-\x8d\xf1\xe3-\x9dKg\xad\xf7JC\x96\xf5\xbc\x8f\x9d\xf9?\xc5\xa8L\xa6\x14\xa9\x8d\xb5\xdd\x1a\x00\xe6 \xb1\x05\x0eD\r\x87u\xe0b\xd6\x15\xef\xfa\x8a\x88\xf9\xb1\x12\xe8\x96+!\xef\x96!\xcf\xb1\x91\xefV\x90\x03\xd0\xf9\xf2\xda9,\xddq;n\x0b\xd1z\xaa\xf6\xeb\xb9p\x10\xba\x81K\'\xb7\x97\x8e\x00\xf3\xf6sq\x1f\xd3)D\x01\x17/\xd9\xd7z\x8b\xb7:&gt;\xcc{\xd0\xb6\xcf\x8c53e\xa1\xbd\xcbg\xdf67\x15\x90+\xc7\xbd\x18\xeb\x0b\x12u\xd3\x1b\xea\xf4q_\x82\x9d\x15\xebi\xc8J\xf02\x98Oh\xf0\xb8\x87\xdf\xb8\xb9\xd97\xd9\xdd\xb6\x01\xc9u^\x05\xfbW\xc0S\xeb\xd5\x99\xbe\x81=\x92\x9e\xe3\xfb/\xcf\x03\xd1\xd9a\xd6\x15\xe2/`\xdb\xb6\xd6\x05\xebh\xbb\xcf\xf9\x7fP\xdf\xc4\x86c\xf3\xffDR\x16\x881q\xd6\x06\x9bDS\xab\xb8\x07\xa9\xe4\x19\x85\x10\x80\xfe\x91\xd7\xab\xe2.o\x17q\xbc\x12#\xd3/\x8c\x85\xc5\xc3;\x17\x92u\x8a9\xc2\xfd\xb0\xbc\x8f\xa5R\xa2\xb4a\x923P\xb8*\x99:j\x01"-\xf20\xde\xb7/N\xae\xc1u^\xcf`\xa2\x1b2\xa1\xcb\xeb\xc5\xae\xf5\x16\xb2=\xba\xa4%\x85\x84~L\x03v4\xb4M &lt;\x19\x8f}A\x8f\xe0/\xc2\x9d"\x83\xa8\x03\x8cG\xd9\x92A\x93\xf8\xb2\xe7:\x14k\xa1\x13\xd19\xc9\xd9]_`2\x8ay\x04\xa0g\xd2o\xdc\x96\x18\xfc%S\xf3\x0c\xd3Q\xaf\xc1\x8a\x0c&lt;\xbd\xd5D\x91\xf0R\xe7C\xb4\xb3\xcd_j_an&gt;\xb5p\xd9\xbe}\x07\xbb\x86&gt;\x07\x06E\x88\xc4V4/@W\xd0\xca0/\x91\x8d\x80*k\x94)\xfa\x0c\xce\xf2\x19\xdc\xf8\xe8\x03\xe2\x08\x1a\xc6\xe6\x03@\xd4\x03Z\xd9\xfa\x95\xdb3\x0fLn\xb1T\xb2\rA\xf41\xc6\xd1\xab\x8169&lt;\x0b)\xc0\xdff&lt;\x04)\xd1daA\x07\xee\xd5wx\xe2\x198\xf7\x91\xac\xe5lK\xd4\x03y\xe8\xfe\\\x8d{\x91\x97\xeb\xc3&amp;V\x14i\x85=\xa0\xde\x83oT\xb1\xd4K*\xe4*\xb5\xac\xea\xc0\x9b\x0f\xc8\x0e_\xdb\xc8S_\xc6lx)\xeb\xb5\xce\xa7\x0e\xe3\xe1&lt;\x87\xd8\xce6\xa6\'\x93\x8a\x86l\x96\x7f!\x933\\\xad\xfc\x0e\xf3\x02\xbfR\x95\xad\x0eNq\xac\x81\xf0\x8b\xd3Zm\xc6\xff\xb0\xcf\xfc\xf8\xc9\x02\x1f2\x1b\x14c\xf2\xb2\x17P\xa3l.6\xe3\xa23\xad+\'s\xa8F\xffo\x18\x85\x18\xaf\xee;(\xed\x00e\x936jA\xc9\x88\x84\xab\xb5\x97\x92\xb3\x1f\xc8\xb1\xd0b&lt;\x85&lt;@k:\xb2Y\x86\x8c`\x7f\xc4\x818\xc8\x04\x1a\xb0\x9c\x89\'\x12xL\xec\x1c\xa3\xa0F\x12PB\x00\xc9\xeavpB\x85\xf3\xd9A\x1c1G\x112D|\x86"\x1aX.\xcf\xf6 \xca\xe6\x104\x8d\xa3\x9f\xe9\xc5\xa9|"A\x92\r\rSoA)\xa3\x1d3\xe6\x08/2\xd704\xddpf\'\nZ\xbc-\xb6\xda\xc2\x06F\xa5\xd9#\xa6#i\xa9\xc7\\\xc5j\xe9\x85\xeb4\xd2\xa0\xd17\x82\x9f\x167\x15\xeeR+\x8dI\x90\xe1\xf5\xb0\xc2\x8b\x93\xdc\x04\x0cy,\xba\x1f\x18\xed\xf5\x9e\xef\xdc\n\xc1_t\xfe\xf1py\x85Z\xc6\xb3M1\xba%\xe5\x1b3\xe4\xff\x00T\xd7\xc5*\x9cU\xc8\xeaR\x12\x11\nR\xca\x17\xa8 \xcb\xbd\xb1S\xf7C$4\xaa\x8eW\xe4B\x86\n\xd00F\xa8\x1d\xd4v:\xd0\xe1\x89\xeb\x188\xca\xcaT\xd2\xceQY\xd0\xb3\xd8\x98\xea\xa4\xad\x8d\x85lT\xafvx\x01O\xf5\x8dI\xa8\xd7\x1c\xfb=\xf9\x84F\x03\x1d\xe0\xcaz\x8eQ\x96\x9a\xc7\x88P\xf9\xc6\x04\xf0&gt;\xb8\x99\xb4\xcav\x0b7\xc6\xa7\xfe\x94\xd5\xcdQj\xc2\x06ko\xd2\xbd\x87\xfd9\x9e\\\xbeV7\xc9\xb2XG\x01\x91\xab\xc3yF\x83\x884\x1a%\x15\xa1\x9d\xc1jf\xd1T\xf6\xcc\x8fp\xab\x04\xce0\r\x17\x05\xb3i\xb1Q\xceyW\x117\xd4\xda?\'\xe4\x80#O\xfd\xbf\xcb\xb7\xb5O\xca\xe1\x01\x15\xc5D\x896RF?\x08c\x95\xfb\xa7\xaeA\x84d\x16\xdaz[m\xd9\xf0S\xbaN&lt;\x03\xe9Ke\x13b\xf4\xce\xbe\xde\x00y\xffv\xd5"\x88\x8cO\xa8\x9bR\xcf-0v\xb99\xf18\x1b\xc1\x86\xc1\xd1\xef\xa0~\xec\xcc\xdb\x93\xe9\x90\xa7\xa4\x19\xe2\xabY\x08\xfa%\xff?l\xc8\xfc\x93[\xbb\xcb^\x12\x96\x12\x04m\xd0Sb*\x12\xc2\xa9\'\xfd%&gt;\xe2\xe9\x85\x9e\xbeO\xd1\xe2c\xec\xc1\xc3a(F\x14DU\xad\xf4\xc1B\xaai(\r]A=\xea\xa2cwN\x0b\x8b\x9b\xa1\x96r\xd1\xa2\x01\xaan/\x17\x13Y&gt;\xeb\xedu+F\xca\xf9m\x07!\xad\x92\x9ao\xc5J*\xfc\xa2Bh\xd8\xde\x9b\xafS\x12n\xce7]\x10\x84g7)-\x0b\x8ez\x86k\x85\xf4\xff\xf6\x1a\xfd\xc8w\xc8^\xa6\x84\x02a\x029\x1a\x11\xf1\x11\x10bh\xdd\xfcF\xaa\xc2\xb0(x%\x11\xdahy!g\x07\x1b\x94\xd3\x8f\xab\xa9\xf1\x82\xf3=|l\xf6Sc \x7f`! \x1c\x7f\x03^O\xeb$H\t\x9a\x1ai]\x92\xf5\\\xc0&lt;\x97\x96\x0b\x9f\xe6\xc1\x17\xc9\xc9\xf5NPN\xa7\x0bX\xa5\xf2\x05\x1f\xbe-\x1a&lt;\x1b\xba\xef\xefr\x9b{\xe1\xcb&gt;\xf2\x90\xc9\xca\xd1E\xb7-Gc\x0bE0s\xbd\xfa\x86\xa9\x7fWH\xcduY\xc3\xa4aC\xadc\xc9\xbc\'\xb7\xdc@\xd3E.\xe1\xb9\r\xa5\x1e\x01\x96\xd0Y\xban\xb5ifL\x07\x00\x0cV\xe1\xb4\xca\xec\'\xe9\xd3\x9b|0{\xea\xa2\r\xac\x1di\x13\x07\x13m\x8a\xcb\xdb\x1aw\x01u\x1as\x90\xeac\x17\rT"\x8a\x19O\x1f\xed\xa7^\xf7\x8a=\x16"p\xd0\xf9\xb4\xfe\x89=u\xb0S\xa2{\n\x031\x176\x1f\x83\xdd\x82\xb34a\x83\xd8l\xb7-\xa0o\x0cC\xf0\x9ez!@,G\xd1\x7f\xc7+\xa6b\xf5\xa6\x1d\xf0\x8b\xd6T\xb3y\x1e\xb2c"\xea\x9f.\xb0\xbe\xbaw\xa4\xb1`\xadW\xb0\xe2\xefe\xbf:@~\xf5=\xecp\xb8}\xe5u\xca\x88i\x91G\x17\x8fx\xbc\x1c\x81\xfb\x9f7c\xef\x91\xd8\n\xf0\xbf\x87\x94\xbf\xb0.\xd9&gt;\xf3 \x03\xea\x82t\xa1\x89\xee\xe3\xa5aC\xc3yj\x0e\x17\x86`\xa9z\xe1\x85\xb8\x18W\x07\xd8\xca\x81\x85\x97Cz\xfc6\xff20\xe6\xa4\xbf\xf7\xb9\x15oX\xdf\xc1#\xe1\xca7\xad\xa3E\xf6\xde\x80\x82\xae\x11 \xa1\x82\xde\xe6\x8a\x0c\xd4\xdb\x91=\xc9N\x16\xe3\xa9\xd6\x96Y\xb0.\x06\xafLiz\x00*&lt;\xcc\x91I\xe0\xa3b\x88\xdc\x1b\x1e\xf9\xa2Y\x88\xe1(\x8c\x9br\xc3@\xb63"\xfb\x80r\x9e\x18\xee\tA3:\x94\xb2\xcf\xd6\xaf\n-[\xf6\x8b\xa1w\x9f\x8fH\xb4^\x0c\xa4\xfbn\xdf0,7\xb4\x82N\x15\x9d2\xc1#\xa1\x05w\x0f\x03\xc1I~o\x96A\xd3\xda\x06Z\x03\xb4\x9e\x9c\x02U\xdf\xd9\x8f\x1e\x88\xda[{I\x07\xdfN\xf3\xd3&lt;}\x9c\xee\xd8\xbe\xc4\xbd\x86\x8f\x9b\xf3%t\x1a\xd7s\xd3\x14\xdd\xa4\xb5\x19\x86\xc2\x14\xe6\xc0jJ\xc3\x92\xcb\xeb\x13\x19\x00c\x91z\xadd\xd2\xab\xd6G\x13y\x02\x17\xb1AW\xee\x81$\xb6\xa7#5\t\x97\x9a\x9a\x8b\xd4\xf0\xd5"\xbb\xfd\xb9\xdc\x9f\x9a}\xcc62\x96g\x80\x9e\xe7\x14\x85M\xd3\x86\xd6X&amp;e\xca\xe6\xe1\x17F\x91\xe4\'\x05\x99,\x1f\xe3\x7f\xfb\xcaZ[\x8e\xd8\xd8\xa9\xa8\xe7ST\xb6\xc5W\xcdl\xa3\x1a\xb6\x86u\x15\xef;K\x8f\xa0\x10]\x8c\xe5\xa2\x8cG\x07s\x87J%\xda\x83&amp;y\xcf\xac\x1d\xca\xd3Y\tAH\xf2\x15\xd8/\xaf\x9d\xdf\xc5\x1f338\x86\xd9\xe7\xd6\xf8\x91f\xe3\x82N\xf5z\x7f\x8e\xaf:\xce\x02\xb8\xea\xc9U_\x1b\x96\xdc\xd3\xcd\xe0\xad\x02\xa9\xce\xc5G\xe0\x0f}*\\&lt;,\xb9v[\xa3\xbe.\x1cO\xbc\xfc\xbbp?\xffr\xcc\x12J\xb4\xf2R\xb4\xee\xeb~7\xd3o\xce\xa4\xcc\x06\x98@\xe8F\xd55Z"\x89\xa3Y\x7fo\xe9\x1d\xb0I\xc1%\x82\xd7f\x84\x0b\x8e\xbbg\xb6\x13$\xfd\x9e\xbf\x81\x8b\x8f]g\xcc\x08r\xe3?\n\xd3m\xda\xb0Q\x05~\x90\xb4r9ZU\xe4\x9aAz\x06\xb7\xadC\xd6\xd2P\xc7P{\x97\x98\xfc\xf0\x82\x16YC\xce\x12b\xd9$}\xf4\\\xbc\x92l\x190\xfb\xa8\xe0e\x16\x86\xbb7\xc7\xf8\xe1=r\xe3\x9b\xb9$\x95\x9a\xde\x08\xb5\x98D\x87h\xc7P\xecC\x92\xcf\xa5\x91\xf2\x9a\x02`\xc3\x99R\'\xc6r\xafh\x8c\xec\xbdd*o\xb7+t\xd2C\xb6@Xow\\\xf8\xcd\xa4\x11\x0cB\x9bE^\xe9U_}p\xd40jC\x19\xa4P+\xff\xd0\x91\x91\x0c\x0c"\xad\x98\xcb\xbdV\xc9Cvv*\xafz1\xdb/\x86\x06\xa0\xab\x17\x08\x8a\x07\x1e\rd\x06\x0f\xe1\x92 \xa7\n\xfbk\xe9[\xf7\xc4p`\x12\xf8\x99p\x07m\xd4\xaa\x08gY\xf7\xfb\xa9\x04\x83\x15|\x80g\x04=Hz\xfc\xb7\xa8\x1c\xe8)\xd06\xbd{\xd4\xf8A\x9e\x94\xa2A\xe0\xf4L\xfe\xbb\xad\xf7\x99'</t>
  </si>
  <si>
    <t>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</t>
  </si>
  <si>
    <t>b')\xa7~nv\xf6\xae\xf5\xb6\xb3# \xfd\xf1\x1e\xaf'</t>
  </si>
  <si>
    <t>er or not. I suppose she is still living with the old
woman, waiting for me to come after her.
"My body shone so brightly in the sun that I felt very proud of it and it
did not matter now if my axe slipped, for it could not cut me. There was
only one dangerâ€”that my joints would rust; but I kept an oilâ€“can in my
cottage and took care to oil myself whenever I needed it. However, there
came a day when I forgot to do this, and, being caught in a rainstorm,
before I thought of the danger my joints had rusted, and I was left to
stand in the woods until you came to help me. It was a terrible thing to
undergo, but during the year I stood there I had time to think that the
greatest loss I had known was the loss of my heart. While I was in love I
was the happiest man on earth; but no one can love who has not a heart,
and so I am resolved to ask Oz to give me one. If he does, I will go back to
the Munchkin maiden and marry her."
Both Dorothy and the Scarecrow had been greatly interested in the story
of the Tin Woodman, and now they knew why he was so anxious to get a
new heart.
"All the same," said the Scarecrow, "I shall ask for brains instead of a
heart; for a fool would not know what to do with a heart if he had one."
"I shall take the heart," returned the Tin Woodman; "for brains do not
make one happy, and happiness is the best thing in the world."
25
Dorothy did not say anything, for she was puzzled to know which of her
two friends was right, and she decided if she could only get back to
Kansas and Aunt Em it did not matter so much whether the Woodman
had no brains and the Scarecrow no heart, or each got what he wanted.
What worried her most was that the bread was nearly gone, and another
meal for herself and Toto would empty the basket. To be sure neither the
Woodman nor the Scarecrow ever ate anything, but she was not made of
tin nor straw, and could not live unless she was fed.
26
CHAPTER 6. THE COWARDLY LION
All this time Dorothy and her companions had been walking through the
thick woods. The road was still paved with yellow brick, but these were
much covered by dried branches and dead leaves from the trees, and the
walking was not at all good.
There were few birds in this part of the forest, for birds love the open
country where there is plenty of sunshine; but now and then there came
a deep growl from some wild animal hidden among the trees. These
sounds made the little girl's heart beat fast, for she did not know what
made them; but Toto knew, and he walked close to Dorothy's side, and
did not even bark in return.
"How long will it be," the child asked of the Tin Woodman, "before we
are out of the forest?"
"I cannot tell," was the answer, "for I have never been to the Emerald
City. But my father went there once, when I was a boy, and he said it was
a long journey through a dangerous country, although nearer to the city
where Oz dwells the country is beautiful. But I am not afraid so long as I
have my oilâ€“can, and nothing can hurt the Scarecrow, while you bear
upon your forehead the mark of the good Witch's kiss, and</t>
  </si>
  <si>
    <t>b'\x0f\xa3\xe1\xbf;k\x14m\xf2\xab\x15\xcb[\x97Z\xb5\xe9\xfe\xa5\x05-|z3E|`\xa9A\xfd\x8aAk\xe5\x96L\xdd\x98\x947L\x19\xbd\xf8\xb7n7\x98\x1eZ\xd4\xa7\xa3\x84\xe0\xf9\xd5n\xc99\x19s\xeb\xc6\x8d&amp;@&lt;\xbe\x1b\xf4\\\xcf\x98H\xc6u\x1an\x13\xfb\xeae\x90*e\x02\xb9\x188\x82E\xc2\x83\xf7\x15Z%\xd5-\xca\xd5\xea\x00\xd8\xd3\xf7\xf1\x87Z\x02,\xa1Y\x9dg\x01\xfdh-\xf5\x95\x84\xe4\xb6\xe1\xa0F\x8b\x89\x8b\xc8u\xa8g!\xedi\ne\xa9K\xeedC\xf7\x9cp\xee\xfa\x89\xe5\x1b\x99\xe8\xc6;\xd8}\x06\x11V=\x83vl\xff\xbdC`\xc4c\xc2hE\xf1\x83\xd4\xd6\xed\t\x16\xb5\n\\\xa8\xd4\xf1\xc2\xb3\xc0\n\x05\\\xfd\xfb\xcbS\xe4\xefg5\xa3V\xd0\x0fgD2\x1d\xb6\x1bZ\xe8\xf5+a6\xd5l5D\xee\xb6J\xe3,\xc4J&amp;\xe0\x89\xebw\x873\x8e\xe69\x93\x03\x14\xc7D\x02\x19$A\xf0\xb4\xb3\xd4A\xa2MS01\rPmo\x90\x10!\x1a-\xfb\x93CQX&lt;ZJ\xa6\xfe\xe5\xa9g\xcb\xa9\x18R\xfc\x98\xbe\xf8i*wm\x17I\xd5\xaa\x02%\x08r\xf8\x18\xbdM\xaeY\x85\xe9LK\xea~I)G\x8b\xc2\x03\x06\xc7\xed[i\x95G\xc3A\xabdO\xe2\x8e\xa2\x10\x089\xf4\xb7\xee\xd9OQ\x00\x12\x0cg\xf0\x06TL\xce\xa9+\xf9\x11\xd1\x0b\x01d\x1e{mNY\xf8\x95|\xdd\xe0\xee*\x9e\x0b3\xb9\xc0\xb8\xf7\xe2\xeb\x9e\xa5\x08\xf2Y\x06\x19\x17c|\xc6\xed\x05\xee\xfe\x9f\x1b\xf7\x04&lt;\xd7g\xb9\xb8\xcc\xc1\xe7r\xeb\xc5\xd6w\xb6\x91\xc6\x00\x0e\xafI\x1c\xd5\xfb\xb2"\t\xef\xdd\xcc\x08e\xb2\xa5\xc31\x93\x8d\xf3\x9f\xa3\x14]R\x19\xee\x0cu\x8a\xd6w\xa9\xd2g)\xdd\x14\xf7\x06\xad\xea\xd6\xe0\x06\x91\x80\x90|\xfe\xf0%\xc3\xb3Q\xac\xdf{7\x98\xd6\x13\xb8\xddl^\xbeI\x91\x0e\xf5\r\x86\xdf\xcf\xef\x92\x96\xb0O`\x10\x08\x13W~\xde;b\x1dfK\x17\x17\xb4\xfc\xd8\xe3\xff\n&lt;\x99\xcem\xf4v\xc1I\xbe\xeb\xe4\xf8Y\x81?\x9dpfv^\x9f\xfb\xf0\x0f\x91\x8c\xd8\xb1\xa2\x8bcp\xed\xe5\xd5,\x83{Z\x9e;\x0b\x06\xf1\xe17\x84\xa3\x1aZ\xcb\x80\xd0~\'K\x12:(\x03\x05Y\xad\xe2\xbe\x126G\xa9\xddo`\x1bk\xee\xa0\x94\xb0\xb2\xde$\xe1)\xc8\x0e\x9e\xa8v\x15\x18\xae\xf2\x17|Z\x82\x81\xdd\x03\r\x03\x14\xb4\xa5\xf9 k\xb0\xedj\xbe\x01.\x87i\x8f\xa6\x99C\xec\xe0\xe1\xbfB"\x13\x97\x82JY\x9a=g\xa8\x19\x05\'\xb4\x9a\x0c*\xab\x99Uf\xbfr&lt;\xca\x13\x82cL\xaa\x8b\x1f\x0e\xde \x92x\xfb\xd3\x8fE\xe7`\xb5\xd9\xed\x81\xbd\xb8\'a\x0b8zq\xdf\x7fE\xd7\x1a\x19\xa1\x88-\xab\x8f\xa2\xb1\x17\xa1,\x08\xbfW\xeb\xdd.\xa8\t\xd9\xbb\xddi\xf3\x15\x1c\xf7~?\xaf\x02R\x8a\x0e\xb17w\x1c7\x8d\xc6b7gP\xdd\x81\'\x92F\x8av\xf9&lt;}\xc9\x05\x1d\x92\xdc\xc4\xc1R\xcc7H\xf7t\xca`_%l\x8c\xe2\x95\xed9\xa2\xdb/\x0c\x90+o\\\x163\x89k\x98\xcd\x9c\xd9\x15\xe5\x95\x9a\t\xcae\xa9\x9b\x10s\xb5\x97\xb5Qz\xc1\x1fbw\xfd&amp;\x7f\xd2hnD(\xb3\xc9s\x9b:\xd8\xbf\xe9\xb9\x06\x99r\x13\x88\x83\xd1\xf8\xe1\xf4\x93{5\xf0\x07^\xd3\x90e\x08\x89\x9e\xbb\x12\xfb\xf9U\xe9\x8a\x06\xf9@\xb5\xee\xb8\x06\xefy\rd\xd7r~\x01\x0e\xc0\x91\xd6\xdd\xb5\xae\xd6\x82s\x08C.Y\xba\xe7\x821\xa3\xe2\x9bL\xbf\x81\x90\xad\xb9RhP\xf9RE\xd8\xf7\x1f^\x19R\xf0w\x0c%\xe4\x8f(+\x1a\x0b*E\x9c\xc9\x8cP\x993\xcb`\xf6Yk\x0e-\xc4g\xae\xac\xf8 \xd3H\x92@H\x1dS\xe1\xa4v\x93\xab-\xac\x05O\xda`\xe7\xbb\x83\x0f\x9d\xebi\xf5\n\x81\x18\xc9n\x8b}b3\x06;2 D\x87;\x96_\x17G\xb3wfU9\xee\x8b2\xba\x91\x8c\xd5\xa7\x16\xfd}\xed\xea\x04\xd0{p\xaemj8\xaf\xef\x82*bV\xd0\xe5s\x8f\xc8\x96\x96\xee,]$\xff$\xd0\xeb\x9b\x86\x14\xb4\xa5\xc4\xd5\x03?e\xd5\xe9\xc8\xe3_Fn\xbf\xbd\x98\xeaJe&lt;e34\xac\xbbd=\xdd|:\xf6M\xe6\xc3"\xea!r4fj\x81\x11K.\xa2U\xd9;\xb0\xfaV\xce\xfb\xc0\x08A\xfcr\xa6n\x1f\xb9\x04\xd8\x9afseO-\xb4g\x1e`_\xfc\xca/X0MP\xe0\x9b\x7f\xb3\xd7\xa6\xaaY{\t\xe9\xb0\x0c\x99\x95Z\x80\xe5\x00\xdf\xf2\x1c\x0e`\x0b\xed\x16\xabW\xc7\x00\xe3Ze~\xaa\xd0\x8b\xa2fM\x7fu\xc8\x9d\x8b\x1bQ\xd6\xfe\xd2\xafG\x0b`+\x89\xb5\xf3+\xc1\xacz\xab}\xa6N\x10O\xd3Z\xd0\x06\xc4Z\x88\xde\xc6\xa3b$P\xb6\x9c\xc4P\xbc\x0f\xea&amp;\x7f\x0bQ\xef\xec\x8c\x1d\x00\xb4\xe8\xbc97\xe0\'\xc0Q\xda\xab\xb4\x8f\x14\x1e"\xf60\xcd\xa2\x93\xc0r\x99`D\xa2m\xec\x91A/8\xe6 jk\x1d;\xc6U\xa69D\x14\x93?\xf4\xbb\xaba8\xa8Jkw`\xad\xa6"M\x87\xd45\xc0\xdbQ\xdc\xdbH\x9c\xc8\x1a(V\xff\xc9\xab\xb1\x90\x0c\xfaR\xb1\xa5B7\x0e\t&gt;\x02~\xbap0\xce\xcbv\xd8\xb2\x8a\xf8\xe0\xdfS1\xa2X\xbf\\\xba\xb7\x18\x1d\xf0)\xbd\xd7K\xb0\xd8n\xd7\x91[\x9d{\xac7|\x04B\x8e-\xedb\xb5:\x95\xcf_\x17\xd3\x95V\xc5\x12`\x06h[Ls\xa9)\xcb\xb5\xbb\xffZI\xb6\xc4\xa7v\xfc!o\x91k\xfd);\x17\x9c&lt;\xcfl\x9e\x7fV\xda\x9b\xdfe\x9d\rXX\x15\x8d\x8b\x8fe\xfb\xa5k\xcc\xb5\xc0J\xfb\xaf\x81\xd5!\xefuv\n\x8f\x7f\xc7\x9b\x04g\xdc\xb0!\xccs\xf1\xe3\xa2\xa0\x1f\x03\xcbu\xc5\x02H\xd8h\xe3\xa4f\xda\xe7\xef\xf8\xa4\xbc\xee\x00\xecA)\x9d\xbcA\xca,H\xe3\xf1u\x18\xe3\x9e\x01\\\x01\xfa\x17\x1b\x1c\x83+w\xdd\xa4kh\x92\xdcw\x17\xe9\xf1\xc0b\x00\xf3\x89&amp;\xfc\xfb[\xeb$h\x1b\xc1\x01\x8b@\x93&gt;=ud(n3.\xf7\x19\x06fU#\x18\x97\x00\xd2\xbb\xa7C\xec\x80\xbe\xe4AS\xfb\x83N\x05\x9f\x80\xe9\xad1&gt;W\xceR\xa4\x1c#Kd\xc7-o\xac\x86\x9f\xdf\xce\x9c\xed\xda\xc3[\'\xbf\x18\r8\x1c\xd0\x93c@\xf5\xb2\x085\xacGC\x87\xec\xe5k\x03Suf\x0f\x9a\xa9\x07\x95s;3\xf4\x06\xa6(\x13\x94\x8e\n\x9cB\x8b\xe5\xd2\xaaj\xee\xea\xcc}\x1boap\xbe\x97L6\xb1\xbd\xc7Cv\xf9\xda_n\x14\x00\xf4g\xfbS\xbc\xbe\xdd\x1a\x97Y\xc9\xdfS\xdb\xf9\xf5\xfcO\xb9\x02c\xb4&gt;\x10P\xcecag.B\xfe8\xa6\x19\x83\x89\x82X\x15\\c0j\x97J\xfc\xfdB\x1c\x92\x84&gt;\x1d\x89\xe54\xd84\x81\xd9\x10\xfd\t\x7f\t\x1d\xd2f\x17\xa9P=\xa7\xc5\x83\x99[\xa6\x02@\\&amp;\xef\xfa\xfa4\xc4\xb3\xdf\xf8$\xf4\xad\xa1\xa4RT\x8d\x91\xf1\x1a\x7f\xe2\x9e~c\x0fI\x9e\xbd8\xaf\xce\xca\x11\xbb\xa3]A\xc7W\xdc\xba\x04k&gt;\xda\xe3S\x04\xf0\xe0\x0e\xef\xe1\x1d\x8bj$\x03"l!\x16\x81\xba\x97JV\xb8\xb2\xb9\x89\x9cuu\x89Ml\x85\xdb\xf4\xdf\x9f~\x0f\x0c\xb1\xb5\xc4\x11F\xdd\xa3\x9d\xf2\xf4p\xf5\xc1\x06T\xea\xd9eI\xfdY\x97/T\x87\xab\x95\xdf\x89\xe9Im\x7f\xfcg\x0c\xeb\x02N3\x8f\xaf\xccM\xd1F\xceb\xd8\xc9a:\xf9\r\xb3&amp;\xbd\xa5\xe5\xa9\xd6\xba\xb4\xab\xb9*D\xc0\x18\xfaf\t\xcd\xc1\xd76\xf7\x14\x03\xa8\xb1\x85\xef\xe0\xe10\n~\xc8{\x17\x8c\xed\x17\xb4G\xc3\x18\xedS\x10U\x17\xe5\x96\xf0M\xe0\xac\'\x08\x08\xd0S\x94\'\x0b\xe5^\x05A\xfd\xe4\xce9\xf1\xc6\x19g\xf3*\xcc\x9a\\\xd1VC\xdbs\x93\x1f\x9bb\x85c\xc6\x12\xe0\xe3\xf8_\xcf\xd8\xe6T\x86tI\xc8+EQ.\xdd\xd0}%Q\x15v\x82M?P~*L\xaco\x1c\xf0\x9c\x831\n\xd4\xd2\x16\xbf\x81\xf4gL\x07\xbc\x04\xbd\xbfxn\xcc\xe8\x1c&lt;\xc7\xd7!\x9b\x86e\xa5\x90\xf9\xfdi+\x13\xd7Kz\xea\xe9\xc41\xd1y\xa6\xc8\xda\x8a\xf5)\x88h,|o\t~B\xbe\x08)\xd5\x1a\x8d\xdd^\x1a\xb7vxs\x97Z\xe4\x9f#\x83 _\xad\x06\xaf\x0b\xf0\xff\xa2\xf9\xa4h\n\x1f\x96qg?\x16\xc0.\x0c\xdc\x94/\x8b@\x14\xe5\xac\xd1=k\x03\x9f\xca\xc4\x8b\xe0\x069\xa6\xd0\x8b\xafdjN\x99\xf0L\xf7\xd0\xbf\xaa\xab\x02\xa8p\x941\xb0u\x03\xcf\x0e\xbf\xaf\xc8\r#\xc6\xb0L\x81\x993 \xcbe\r\x0b\x82=\xd8\x99\x10\x94~\x06\xab\xb9\x05-|\xf5[\'\xedEg\xfdQ\xdbi\xfe2\x7f\x98\x9c]\x88\x08\x1bI\x0ct\x16-\xf7B\x84j\xb8\xef,\xe7A\xa9\xb9\xea\xba\xd6=\x04\xf5\xaa\xff\xde\xb6\xbf\x16\xd6\xc4\xe5\xf4\xed\xfd\xa0\xf1`?\x9b\x81\x93F\xb7\x10\x9c\xd2\x86\xd5\xf9\x9d\xc8,\x92@\x1cQ\xa2;\xa7\x1c\xf9U\x175s\n\x84p\x0e\'\x05\x99U\x00\x93h\x02\xe4\xf8\xc7b`\xc4\x0ev(\x0cI\xfe\x06\xe8\xc6}\xdd\x02a\xb6\x17\x01\xaf\xac\x00\xa9\r\xa7"\xe0\xcb\xe3\x04\x86x0?\x8bA\xf1\xff}\xbb\xde\xfc\xf2\x0e\x9d\x06\x7f\xa6\xd9\x08\x8c\x85\xb8\x7f\xb7\x159\xa9R68\x91\ri\xc4\x04\xd8b\x05H\xd8w\x1f\xe6\xeax\xdf\x97\xe8U~\'\x9a\xbf\xcd1\xee\xee\xf8X\xb4#\xc4\xf2\xd9:#\xf2\x1a\xdc\xd8\x9c\xaaG\xc2\xd0\x89L\xf2\xabx\xec\xda\x11F\xe9\x87\x94\x197`y\x81\xb0&lt;G0\xb8\xec\x96\x8a\x1c%F\xcc\xb4\x89\x8f\xbab\x1c\xb0&gt;?\xac&amp;d\x10\\\x80;=0p\xda\x89\xe9*D\x01^\\ eW\xe3S\xb8\xc9!\x9b\xb4\x84\xcd\xbb_\xaf{M\xb3[\xd00#\xda\x8dS\x08\xad\xe6\xe3\xf8\x1at\x96\xaa4\x9bw\xcd\\e/\x01\x14:\xfcP\x8c\xe0W\xdc\xacO\xd5\xd1\xe2r\t\x90\x16\x1c\xcc\x97B\x05G\xae\xfc;\x1c\x9f,\x01d\x8eU\xb6\xe1\xff!$Vq\xa6\xcc\xfb\x8f\xf9\x8b\xbe\xf2\x9e\x13\x1cS\x90\xe1\xbbnp,}\xb1\xdd\xb8\xfev\x01:\xc6p\xf8\xfeb,j\x943\x02"\x93\xab\xb7&amp;\xb9\xba\xa5\xedy\xc0\x9f@\xe1Z\xf9\xb0\xd5\x80\xbc\x13-\xf7\x7f\x80_\x17.\xf3\x92p\xd7h\x8d\xd4\xffm\x0e\xdctHq\x17f\xba\x9b\xb8{\xfd\x15\\\xd0\xfb=zC\x8c\x9b]\x1d;\xab\x1bn\\nDo\x1b\xb5k:4o\xb1#r\xaf\xb3\xf8\xacG\x1f\xc8Zg\xb4p\xf7\xf5\xbb\x11\xafb\xe7\x19\x95\xe7\x90w3\x88zQT\x95\xd2\xbb\xf8&lt;\x11\x02\x9e\xa0?uY\x8ds\xd1\x05\x12\x87\x88\xaa\\K\x84\x8f\xa0F\xa4]\xc6\xfe\x1a\x9fj*\xc6\x02\x98\'\x9e\x90\xae\x1e\xcc\xdc\x93\x19h\xc1v\x12\x87\xa3{\x81H\xcaA\x10\x1d|/\xf8\xc5\xba\x9d\t6\xf1\xbd\x99\xcfg\xfe\xcc\t\x15\xf6*\x06\x18P\x10]Gm\x07is\xf0\x1fd)&gt;\xb5\xe7N\xef;\xef\xaa\xe8\x0f.?\xe6\xe1E\xc1\xf3\xd8h\x8bm\xd4W\x8d\xca#b\x0b\x88\xe0\xa2\xd1n~\xd8&amp;Vc\xdd\xb0t\r\xc7B\xc7\x1e\x1cC&lt;6\xbb-\xef\xc39B\x8a\x10\x91\x1b\x94\x04n&gt;6v8\xa7\x89L\xda#SnG\xcbe*\t9\xe8x\x19E\n\x84\xd0\x8cJ\xb4\x9d\x81\x9d\x14f\x90\xeb@.\x85\x08v\x84\x8b\xd1\x98K\x82Dh1\xec\xe1&amp;l\xdd~\xe1Y\x88\x19\x1d\xbb\xd0\xb2\x85\x11\x01\xd7Q|Zf\xcaP\xbcg?\xb6\xd3\xa6\x9d\xc4\xe64\xf4Pw\xe7\x81S\x95\x18\xb3x\xb9Z3\x9d\xf9\\\x82h\xe244\xb3?6\xb6\xcd\x85&lt;\x0c\xf4\x93\xea[\xcd\x178#\xfb2S\x8f\x10\x029\x11\xc4\x10a\xae\x173\xef\xc2\x8a\xbd&lt;@\xee[\xed\xab\x84\xf5\x85\xc0\xda&amp;T K\x93\x0f\x02\xfb|\xed\xe2l\x06(\x88\xf2\xe7\xd6\xce\xa0\xe8\xc0\xd1\x1a\'"@0W\xf2"\x1e\xeam[\\\xe9\x15l\xa2Q\xc3jD\xc2\xccGB\xfbX\x9c\xf3|\xce\xcb\xfa\x18\x8b`\xe9z\x12+\\\x82\xef\xc9\xfc\xc8\xb6\xbew\xb1\x82\'+%\xfc\x17@\xa6&amp;\x8d\x05\xd4\xe4&lt;W3Yr2F\x92\xc1\xf2\xcay\xa6\x9f\xd1i$olq\x8c\x01\x9c\xcd\xc0\xe1I\x1a8\xf9w\x96IK'</t>
  </si>
  <si>
    <t>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</t>
  </si>
  <si>
    <t>b'\x0f\xa3\xe1\xbf;k\x14m\xf2\xab\x15\xcb[\x97Z\xb5'</t>
  </si>
  <si>
    <t>your exam were tomorrow, would you be ready? For each chapter,
 MyEconLab Practice Tests and Study Plans pinpoint which sections you have
 mastered and which ones you need to study. That way, you are more efficient
 with your study time, and you are better prepared for your exams.
 To see how it works, turn to page 9 and then go to
 www.myeconlab.com/krugman
 107
 appendix to chapter 5
 Factor Prices, Goods Prices, 
 and Production Decisions
 In the main body of this chapter, we made three assertions that are true but that were
 not carefully derived. First was the assertion, embodied in Figure 5-5, that the ratio of
 labor to capital employed in each industry depends on the wage-rental ratio .
 Second was the assertion, embodied in Figure 5-6, that there is a one-to-one relation_x0002_ship between relative goods prices and the wage-rental ratio. Third was the
 assertion that an increase in a countryâ€™s labor supply (at a given relative goods price
 ) will lead to movements of both labor and capital from the food sector to
 the cloth sector (the labor-intensive sector). This appendix briefly demonstrates those
 three propositions.
 Choice of Technique
 Figure 5A-1 illustrates again the trade-off between labor and capital input in producing
 one unit of foodâ€”the unit isoquant for food production shown in curve II. It also, how_x0002_ever, illustrates a number of isocost lines: combinations of capital and labor input that cost
 the same amount.
 An isocost line may be constructed as follows: The cost of purchasing a given amount
 of labor L is wL; the cost of renting a given amount of capital K is rK. So if one is able to
 PC/PF
 PC/PF
 w/r
 Units of capital 
 used to produce 
 one calorie of 
 food, aTF
 1
 II
 Units of labor 
 used to produce 
 one calorie of 
 food, aLF
 Isocost lines
 Figure 5A-1
 Choosing the Optimal 
 Labor-Capital Ratio
 To minimize costs, a producer
 must get to the lowest possible
 isocost line; this means choosing
 the point on the unit isoquant
 (curve II) where the slope is equal
 to minus the wage-rental ratio . w/r
 108 PART ONE International Trade Theory</t>
  </si>
  <si>
    <t>b'0D\x02 _6\x93\x9eL\x85i^Y8\x0e\xe2\xcc\x15\xb6Q\xfc\x82\x95\xdf:\xd6/&amp;,KWr\xb9\x07z\x1b\x02 p\x9f\xe0Y\xbb\x9e\xd8\x00\x86\x0e\xb5\xec.\xe8\xdb\xbfBHb\x16Tm\x1a\xcd\x1e\xdb\x9c6lr\x0ck'</t>
  </si>
  <si>
    <t>304402205f36939e4c85695e59380ee2cc15b651fc8295df3ad62f262c4b5772b9077a1b0220709fe059bb9ed800860eb5ec2ee8dbbf42486216546d1acd1edb9c366c720c6b</t>
  </si>
  <si>
    <t>b'0D\x02 _6\x93\x9eL\x85i^Y8\x0e\xe2'</t>
  </si>
  <si>
    <t>isposed of at a blow. Of the four who had scaled the palisade, one only 
 remained unaccounted for, and he, having left his cutlass on th</t>
  </si>
  <si>
    <t>b'|.\xe0 \xbc\xc92\xa2?\xb5\xc2\x8b\x02\x02\x12/Wi5E\x0c\x0ebr\xa4\xa2\r\xdcu\x80T\xae2&gt;Y\x1b\xef\xbf\x90y\xc6\x84\xdd7\xa1\xfbt\x8a\xa5:\x0b\x84F\xc5\x18\x17$*\xef\xc0\xda\xb8E\x8f\xeb\xf8y:\x7f\xb9@\x0c\xb7\x89\x85\xb3\x8cp\xc8\xbf]R\x86\xb4t\\\xe1\x0c4$\x86\\0\x9enx\x06E\xeb\x0cx\x1fx\\(\x13\xef:\x8e\x9c\xe8\x1e\x1aH91\x9a9\xefoJ=E\x92\xfc\x9b\x05EK\xcb\x85\x11\x96\xdfO\x88h\xb41\xea\xa6Wr\x982\xef\x83\xf0\xc4Ey"-qK\xb3\x12\x984qBl\xbb\x91C\x01\x97Ib\x84\xa44\xde\x10\x0e\x98n\xa2\xce\xdb\x9b_\x1cl\xeb\xbcg\x17GzocG|q0\xd5zZ\xd5X\xe4`\xdf\xabxBZt\xe5\xc07\xa2\xc5G\x94FoJ\xb1\xbc&gt;C\x8b\xc2\xf8\xbf\x88.g\xe2\xcbN \x1b|\x10\x18\xb4\x18\x8bx\xf1O1\xc0\xce\x95\x88v\x7f`@\x1dH\x1a\xa8h\x18L\xb1\xfa\x82\xf6\r\xb0\xf3c\x1cM*A\xdb\x81\xb1\x93\xa1_\xca\xb6p\x9dfk%\x98*v\xa9F9\xca)v\xfdN\xa5A\xa8\x84el\xa0\xaf\x84\x9ap\x92\xcchh\x13wS5\xcb\xe1\xfc\x00g\xcd\xafO\xe8\r\xb7\x884Ap;!u\xaa\xc5X\xa4\x07]\x90J\xde\xd3\x0c\xa5\xab:\x99\xea2\x8eQ\xa1\ns\x97\xd2\x8c\x0c\xae\x9b\t\x99\x8b\xe5\x84\x8f\x9fSEu\x92]\x0f\x0b^|\xdf\x10\xfaJ\x04\xd2-PK2\xc0\xdf\x15\x8b\x07\xcd\xe6F\xb4\xfe\xfa\xdd\xe5G\\\xa4&lt;\x8f\xb9\x9c\x98\xff\x91w\xc8X\xd8\xf6K\xacQ\x145\xb7\x89\xc5X\xe0\xd1\xe3\xdca2\x04\xbc\xc3\x9a\xfa\x9b\x17l9\xe7&lt;\x1d\x94\x92%\xb9\xde\xc2`l\xc3@\xa3\xb7\xa6\n\xb1\x0eStDTF\xbe\xca\xc2\rz\x87\xfa\xf7\xda\xfd \x84\x9a\xfcG\xdcC\x15\x96\xb4\xc9\x82A\x0b4\xbed\xd3O\x93\xd1\x08\xae\x91\x18\xf5\x8f\x16Yk\xb4\x1ad]\xc4\x05\xc0 \xb2'</t>
  </si>
  <si>
    <t>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</t>
  </si>
  <si>
    <t>b'|.\xe0 \xbc\xc92\xa2?\xb5\xc2\x8b\x02\x02\x12/'</t>
  </si>
  <si>
    <t>ed irritably on this fact, complaining of
Jewish civic irresponsibility, or disloyalty, or impiety, or at least discourtesy. But
majority culture was extremely capacious, and respect for ancestral tradition was the
bedrock of Mediterranean religious, political, and legal civilization. Thus ancient
pagans by and large were prepared to respect Jewish religious difference, and even
to make social allowances for it, precisely because of Judaismâ€™s ethnicity and antiquity.
Where awkwardness might result â€“ Jewish members of town councils, Jewish athletes,
Jewish military men, all of whose activities necessarily involved them with cultic
activities dedicated to other gods â€“ Jews negotiated exemptions as they could, and
so found ways to serve both their city and their own traditions. Eventually, once
Rome ruled the entire Mediterranean, such exemptions were written into imperial
law (Linder 1987; Pucci ben Zeev 1998).
The city provided one context for shared social and religious activity between
pagans and Jews. Another was that singular institution common to Jewish populations wherever they were found: the synagogue.
Ancient synagogues functioned as community centers and as a type of ethnic
reading-house, where Jews could gather at least once every seven days to hear
instruction in their ancestral laws. Literary and epigraphical evidence â€“ donor inscriptions in particular â€“ afford us a glimpse of the mixed population that frequented, and
supported, this Jewish institution. Pagans as well as Jews attended synagogue activities. Some, like the professional magicians whose recipes relay â€˜â€˜magicâ€™â€™ Hebrew
words and garbled biblical images, might drop by simply to hear stories about a
powerful god read aloud in the vernacular. Other pagans, called â€˜â€˜godfearersâ€™â€™ in
inscriptions and literature, voluntarily assumed some Jewish practices: ancient witnesses most frequently mention lighting lamps on the Sabbath (Friday evening),
avoiding pork, or keeping community fasts or feasts. Some wealthy pagans, prominent in their own religious communities, contributed conspicuously to Jewish ones,
too: Julia Severa, a noblewoman and priestess of the imperial cult, built a synagogue;
Capitolina, a wealthy woman and self-described â€˜â€˜god-fearerâ€™â€™ furnished an in</t>
  </si>
  <si>
    <t>b'\xc0b\xf3\x19\xc8\xf5\xeb\x15\xf0\x90\x8a\xabg\x1f\xb8\xfc\x9f=\xc6RkxA\xb2q\x93c\x05\xf6\xf2\xcclTW\x08\x92\xd5\xf3\x90\xb9L\xad\xc7\xcc\xed\x9f\xbd\xafx*\xdbE\xdd?I\xd8\x9a3S\xa2\xdd\xb6\x96~\xb1\xf5q\x15\xb2 \x9f\xae,\xdd\xc9-}I\xae#c\x8e-+7\x14\x9b\xee\x05:v\xcb[?l\x17\x0b\xbd\xb4~\xa5K\xb1h\x87\x90\x03.\xe4R\xb8Q\x12\x10\x0f\xf9\x9c@\x9e,\x14\xf8[\x12\xbf\x9f!\xcd\x96&amp;y\xca\xca\xab\xbc\xd6\x0fF\x07\xce\xcd\xdd\xd0\x18\xa5\xb6\xf1\x1d$\x96Ug\xbd&amp;\xda\\\xef5%\xb0\x85(M\x9d\x802\x9f\xb2:\xe1\x95Ika\x12\x03\x89\x15\xb3\xc4.IOs\xcd@\xf8\xa1\x18\xae$\x07S\xd1\xfb#d+\xfc\xdc\x82\xd3\x84l\xff\x07\xd7\xb2a\xcc\xb3v\xf7\xe9\xbc\xea\x8d\n\x81UFV\xa9\x01\xa8\xc2\xf77\xaf\xc2r\xa9\xe1\xc3\x80\xdcZ\xf5\xfc\x9d\xe6{\xf0\xd8J\x05\x97\xc7\x82&amp;\xf9\x05\x0fJ\x8c\x86\x93\x8e\xc4i\xb7\xed\x08\x9e\xe7\xab\xf8\xb1M\x0b(\x8e\x99~\xc9\xd1\xdf\xf6gxfx\xa2\xf3\xb4\x85\x16\x9dp\xac\xab\x8d\xe2\x89X\xea\xbb\xaf\x9f\'u*\x9e\x0f\xeeg\xb5\x0c\xdf\xf6\ru\x10\x0f\xd3 \xa4Y\x1c\xdb\xee\xfd\xb4\xc5\x05\xf2s\xd9\x1c\x9b:}\xc6\xbb4ZT\x03(\x05z\xaa\xa5D\xe2\xfc\x80iW\xd6_\x92\xfb\x92F\xae\xf2\x88(\xc3iF\x9d\xdb\xf0\xa2\xe3m\xca\xd49S\xebX\xb6\x95\xaaS\x19\x87\x86\xbe\x15(1\x81S\xdf\x96\xc46\xeb\x9a}P\xd6\\Qq\x93\x0b\xecP\'}\x1e\xcel\x93\x1d\xe8\xdb\xe4\x16\\\xd3\xff\xdf\x9dw\xeck\x85\xefiA\x9aw\xcd\x02\xb0\x0f\xa7[p!\x90\x9f\x81nu\xd9\x9e\xc3\x15&amp;x\xfc+\xe5\x8b\x08y\x8ak\xe5\x86wd\x0c\\W@\xbc\xbcYa\xbcz\xb2\xcb\xb6\x80J\x1a\xdc\xd7q\xd8\x91i2\x16\x9e\xa2e\x02\x97\xda\x7f\xb6\x9a\xd2\x16\xcagH\xfa;\xd5B%V(\x1c8\x13\t\x0f\t\xb2\x8b0\\}\xbdq&amp;\xd8\x80\xed?]r\t\xea\x908\xed\x01&amp;A\xdb{e\xb7\x9b\x11\xd6@\xb6\xb1m\xe7$j\x08\x89N\xec\x8f4\xf7$\xdaH\xa8\xbc|:\x06NN\x149P\xa6\xd63T\xc1\x90\x97\xc2&amp;\xb3\tf\x93A\xc0#\x95\xb1\xce!@Pv\xd2\x8a\xb7\xd8d\x05pQ\xab\x92\xa1\x1f0i\xd12,j\r\x06\x19\xc9\x07\xe2H\x8as\x03\x91\xff\xcf\x07\xabue\x1b@p\xd4\x8ad\x8e\xf6\r\xc8\x0cl0\xba\xdb\xbf\x86\xc6\'\xe1\xc72\x10\xf7\x17\xe1T\xed\xe30\xfa\xa8-\x97\x96;B/\x8f\xc5~nrl\xe4\x97\x15\x80\xbf\xa3\xf2\t\x0f/\xe8p\xc2\xe6\xd7x\x03\xf2H\xa8\xb9\xe3\xb7\x94\xe0]\xf0\x126{\xa7UlK\xf0\x80_-\xfb\xfaQ\x91\xec\x8b\xc9\x84\xe6\xc8\xef\xb4\xaf9\xc1\x14\xf8\xca\xe4\x19\xcc\x9e\x03\xb9\x0eR\xee\xce\x15\xeey4\x0e}f\xbc\x88\xe4a\xd3\xf0;\x95\x92\xaf2\xabnb"\x19\x85\x8f \xa6\x99\xf4\xb7\x87h\x8a\xe9\x04\x13\xbb\xf5\xcbm\xff\x03/\xc0\x1b]\xcd}\x90y\xc5\x7fi\xed\xc5\xc8~Kg&lt;-\x0b\x84\xbeD\xc6Np\x9e\xac|\x84\x84X\x02\xb7\x85\x1ba\xe1\xea\xc7%\x1bE\\\x8a\x95\xe9\xe2a\xdf\xd7\xd5\x04"\xc5}\t\x15\x11\x1f\'d_\'6N\x0bc}\xcc\xb9\\\xef\x91\xe8\xc8\xa6\n\xdf,\xb96\xfdR\xe1[\x00\x8a\xc9&amp;\xc2\xb6\x04\xde\x0b\x0eqO\x94c\xae\xfb\xcd\x82\xdce\'\x95\xb1\xa4\xc6H\xcc\xc4\xf2f\x0b\x9d\xcd\xdfS\x84\'\x95\xf7\xa4D\xb0\xb7\xb0\x01x\xb3\x08\x11\x18\xf4\xcb\xd8a\x16\x0b\xea\x97\xa6%\xa3\x9dZ3_\x82\xc2p7\'\xe7\xb9\xfdkF0bS&amp;v\xeai\x8aV\x0b\x11J\xf3\xf2\x17&gt;oD\x96NC\x03\xc7\xe2\xfd\x87\x95\xa8e\xf9\x825\\$[\x0f\xd7\x86\x95j\x8fS\x0fv\r\xcc\xf6`B\x0f\x86$D\xfb\x8b\xcf\xbd\xbc\xb0\x82\xecL\x9dv\x0e\xb3\xf0\xa6\xe9\xa9\xcd-\xa8\xfdM\x8f\xc6\xab:\x08b\xff\x83\x8d\nP\t\xcd\xb8\x06\x9bI\xbf\x9e\xf7\x0b\x10\xe6\x13\xd1P\xd64\xd0s\x1b\r\xf1\xad\xaa,L\x80w\x874\xb8\xab|L\x9c\xfd\xa4\xd4p!z\xa7c&amp;\xae\x83\xce\xb5\x99\x9e\xb1\xc9w\x92\x96A\xab0\xd0G}\x0cM\x01d\x7f)"N5\x07X}{*\xfa(\x1a&lt;!\x9d\x90n\xad\xdec\xea)\x80\x18\xa3F\x146X\xda\xdb\x00M\x90Z"\xc8\xc1\xfe\xcc4\x05\xfb\xa6\x99\'\xfb\xa8\xeej\xb0+|\x8f\x9c&lt;\xc8\xa2\x92U=\xd9{4E\xc7\xd2\xe2\xaa\x84\xdf\x11\xc7\x0f\xfd.R\xd2\x9a\x15\xf6\x8a\xeaG\xc7m\xa8`M\xb8\x80\x9e\xa2\xd2\xae\n\xce3\xd4\xa5\x91\x0f\x8fI1j\x8c9\xd6-@CX\r\x95\x9d\x9e\x00\x97\xcc\x06H\xa1\xf0m\xdb\'\x83\xb6\xf6\xbb\xa2\xd5\xba*3\xbb\xc3\xdd\xa9\xc6\xfa\x13T\x9a\xfe&lt;7\x88\x8e]\\\x93u\x97\x92\xee\x9e\x08\x8a\xe0\x9bI\xa1\x0c\xae\x8a\xef\xf3\x85\xd9\xd6\xc0\xa2\xd9\xc2\xe1v\xa1\xe3\x97\xa1\xb9\xecT1\x8d\xc3\xef1\xca\xdc\x0e\xf15\x9c\xe5\x19qC\x93\xfd\xbe\xf9&lt;\xac\xe1\x1c\xd9\x80\xc7\xc9\x1f\x0c\xc7\xba1"Y\x81\xe4\x80NT\x01^\xdfr\xd0\xe3\xdf\xcb,\x80\xee^\x97\x94fe\xd8S\xc9\x92/\x90qM\x19\xd7\xc2\xe1\xd0\xbd\xe90{c\xb3\x03j=\x91[\xa9\x9cS+\xf9\xb3\xe0sP\x86\xfb\xdd\xb5\xf9Lw\x91\x0b\xc4;A[\xf9\xf3+\xd5\xb7Z\xfa#\xb6\xeeLUd\x02w\xa6\x86 \xd6\x9ad*\xb5\xe8&amp;\xec\xb9:w\x03\xe1[5\xc7\xf5|5\xe1\xae\xd6P\xde\xbbn.\xcc\x94\xde1\xe1m\xaf![\xeb\xf2\xcb\x08y\xf5\xc01\x83\xa1\xfc\xc2Cjiv\x01\xef\x83\xf3\xcaY\x15C\xe0\xa1)B)\x1c\xeb\xcd_\x91\x10\xaf3\xd4\n_\\i\xa2\x81\xd2Z\x1f\xae\xe64\xa9v\xed#\x1c\xa7\x8f\xbaj\xca\xcaL\xef\xf8ni\x1f1P{\x17\xd3K\xe3\x89\xfb\xf9\npPb\x81\x13$b\x83b\xf5\xcd{3\x1aT\xb8\x8f\x07\xdc"w\xab\x88\xe1\xfd[\xdaJcSHP\xebl?\xadKb\xee\xb9w\xf2\x9c\xf2\nD\xb49!F\xa4\x8f\xce\x99w\xe2W\x08\xeeKn\xf5:\xdf\xfb\x01\xc7Uk\x04\xa5\xae\x12\t\\\xf8\x85\xe9\xedjwW\x90\x93y\xe9\xfaDc`\xab:\x8b\x18x\xe5\'h\x0bM\xd9\xf0\xdd\xa9M\xd3\xd8$\xc42\xbc\x04%A\xa2\x90%\xad\x06\xe7\xcf`\xca@\x942\x17\xf7P\x13\xc6Y\xe3L\xad8\xfe@\xcf\xcf\x83\x98\xbd\x13\x02}\xb8\xfdV\xdc\x18"]M"\x17\xcfh\xb0\x97\xf57h \x1d\xeaw\x1c\xc2\xd3\x99c\t\xb6\x81\x98\x11X\x01\xb1!\x00\xc9\x13\xb9\xdaz\xcf\xbc?Jbm\xeb:n\xac\xaa\x97Y\x002\xdf\xa2\x10\xd1Q\xc9\xa7\xac\xdfLO\xd0\xc3C\xdd\xc5\xab\x90\xc5\xe7\x19\xb2E\x05H\xe6\x88X\x1f\x9c\xd7\x1a?\xe1\x96ow\x06\x05G\x8f0\xdeJ\xa1_\xb7\x14\x9c\ts\xf87_\xa7\xfd=T\xdc\xa4\x04\x10\xb9\xf5\xbcyO\xff\xb8\x89\xca\x94h\x9fyu$\xd0\x17y\x19&lt;\xed\xba\x00\xc3q\x0b\x9b\xa6&lt;\xa4\xb6\x87"\xeef\xaf8\x91\xfa\x00;-\x96\x85\xe1\x8b\xe5\xc1\x87\xa4i\x04\x01\xa5\x1d\xd1\xc7\x83\xfe\xfd\xf2\x9d\xed5\xc4\xe5\x7f\x80~\xbbVA\xcaX\xf7\xd5j\x97F\xf1\x9dY4\x88\xc8\xe0\x19\xa3\x82\xdf\xe3Q\xb4\x1b\x19\xa83Z\xd4Ja\xe7.\x9a&amp;\xb4\x16\x96e\x96\xa3\xd8\xdb\xecI\xfb\xe8\xb4\x95WV\xdf\xce\'d7\xb93\x82!`\x14\xe6[\xc8\xf7\xe9\x84\n\x8a\xf6\xf4P2\xcf\xba\xb9\xcb\xd9\xb1\xe3R\xd3%\'JV.\xbf\x94\x1d\x9c\x8f\xa7\xc8\xc2\xff\xc5\xa6\x0c\x1cDK\x1ex\x11\x19\xec8 /\xf2\xff5\x93\x1ccbx)\xf7\xc4\xf7]\x83\\\xdau\xd2\x91\xbd\x121\x03\x16\xa6v\x13\x86n\x99?!\xec\x1e\xd2\x94o\xb4\x1e\x8cB\xb6\x90\x18\xb5\xcb\xc4\xe4\xbf]\xb2\x97.\x8a%\x8e\x10\xad&amp;%?\xa7\xbf-\xff\xb9w=\xa2\x03\'\xde\xaf\xed\x86qdC\xb0\x18\xa6\x9b\xf8\xf4\xe7\x18ve\x95\x90\xc0&gt;\x19\x92\xcb\x1b\xa4^\xdb\xe1\x18\xa3\xd7\x9f\xb5\x93\xe7N\xaf2D\xced^\x93{\x18G2Z\x1c)\xa1\xcbP\x12=\x04\x937\xc0\xa4`\xe3`\x15\x08Z\xa7i*y\x88\xbf\x17@\xed\x89\xbb\x1c^9W.dqk9\xc8\xae\xfaa\xb0\xb7=&gt;%\xf4\x8e\xad\x04\xc7\xb4\x9frQ\x91*\x19\xa6T#\x91KN\xe9\xc3eL\xa7o\x00y\x80\x9e=\xa9u\x87\x80t\x08\xada\xcf\xeen\xd3\x7f#\x0c\x85c\xf2St\xf9\xca\x0b\x9d\xdd\xf7\x81Sa\xbb-+\x9e\x1aW\x0b\x8e\x03P\x0f9\x1f\xa3\xf9D\xc9\\\xbe\x9b\xc5\xad\xc5\x8a\xdf\xb8C\x12\xf4\xad\x8b\xa7sD"\xbe\x9c\xeb\xd9\x1e6\xb6pm\x832\xe8h\xd3\x11\xd4\xf7\xb04\xfdDi&gt;J\xb8\x19C\xd4\xe5\xcb\xc4Z\xf4Qq\xdf\x91\xc8\xa7X\x8a\x88bF\xc8A\xf4Y\xccB\xcc[\x0b\xab#\xd2\x80\x0c\xfc\xbce\x15(:|"\xef\xf66 fq\xb4\xca\xa4U\xaew\r&gt;\x04\xbf9\x94n&gt;\x19\xfaL\xf3\x90\xc9_\x83\xa48l\x10\x10\xdd\x04h\xce&lt;%\xb0T\x1e\xf3\xcf\xaf\xf9eJ\x17\x0b\xef\xb0\x030\xab\x0e1'</t>
  </si>
  <si>
    <t>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</t>
  </si>
  <si>
    <t>b'\xc0b\xf3\x19\xc8\xf5\xeb\x15\xf0\x90\x8a\xabg\x1f\xb8\xfc'</t>
  </si>
  <si>
    <t>and sometimes swung above us. 
 At last, however, we got alongside, and were met and saluted as we 
 stepped aboard by the mate, Mr. Arrow, a brown old</t>
  </si>
  <si>
    <t>b'\x1a\xc1]M\xbaay\xa6W\xe5Y\xe1\xc2\x9fj\'\xef1\xa4\xden:\xb0!\xa0\x97d\xbb\xcb\xfd\xfa$\\\xab0|\x8b;\x99\x85D\x9a\xfc\x93\x8c\x1f\x1f\xba-\xd0\x7f\xe3h\xc1\x19\xb9\x86t,\x04\t\x8cZ\x12\x8a\xc05\xc13\xa9H\xc9(\x8a\xee\xca\x7f\x878\x10\xc4q%;\xd4r\x92\xbap\x04\xbb1(\x08\x10 \x84h,\xdc&lt;=\xbe|P\x9c\x1c\xbd0\x10t\xa6m\xa0\xc1nu2/\xe6\x82\x02\x99\t\xcej\xfdB\xea\xe8|z\tY))WNrb\x95\xbd\xe5r\x1d\xa0\xab\x1a\xf1"\n\xe5\xbaX\x899T\x04,\xdeA\xb2\xbf\xc6\x89H\xbf\xb8\xb6v\x89\x08\x01\xb4\xea,V\x87pnv\xbd\xbd\xdf\x1f\x82\xd4P&lt;N\x95\xdb\x0b3\xb7w\xa7\xe3\x84"\x9dgd\x11\xef\xc0\xc5c\xd2\x08J8\x05\x11\x01\xf2\x9e\xa5\x00mrA\xa6\x80 \xd6\xd5\\\x8f\xe4\xfc6\x03\xa9BQ\x80\xe9\xdb\xc3\xdb\xca\xca\xffr0)6#\xa1\\\t\x17\xce\xf7p'</t>
  </si>
  <si>
    <t>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</t>
  </si>
  <si>
    <t>b"\x1a\xc1]M\xbaay\xa6W\xe5Y\xe1\xc2\x9fj'"</t>
  </si>
  <si>
    <t>r."
"If I only had a heart I should love them," added the Tin Woodman.
"I always did like flowers," said the Lion; "they seem so helpless and
frail. But there are none in the forest so bright as these."
They now came upon more and more of the big scarlet poppies, and
fewer and fewer of the other flowers; and soon they found themselves in
the midst of a great meadow of poppies. Now it is well known that when
40
there are many of these flowers together their odor is so powerful that
anyone who breathes it falls asleep, and if the sleeper is not carried away
from the scent of the flowers he sleeps on and on forever. But Dorothy
did not know this, nor could she get away from the bright red flowers
that were everywhere about; so presently her eyes grew heavy and she
felt she must sit down to rest and to sleep.
But the Tin Woodman would not let her do this.
"We must hurry and get back to the road of yellow brick before dark," he
said; and the Scarecrow agreed with him. So they kept walking until
Dorothy could stand no longer. Her eyes closed in spite of herself and
she forgot where she was and fell among the poppies, fast asleep.
"What shall we do?" asked the Tin Woodman.
"If we leave her here she will die," said the Lion. "The smell of the
flowers is killing us all. I myself can scarcely keep my eyes open and the
dog is asleep already."
It was true; Toto had fallen down beside his little mistress. But the
Scarecrow and the Tin Woodman, not being made of flesh, were not
troubled by the scent of the flowers.
"Run fast," said the Scarecrow to the Lion, "and get out of this deadly
flowerâ€“bed as soon as you can. We will bring the little girl with us, but if
you should fall asleep you are too big to be carried."
So the Lion aroused himself and bounded forward as fast as he could go.
In a moment he was out of sight.
"Let us make a chair with our hands, and carry her," said the Scarecrow.
So they picked up Toto and put the dog in Dorothy's lap, and then they
made a chair with their hands for the seat and their arms for the arms
and carried the sleeping girl between them through the flowers.
On and on they walked, and it seemed that the great carpet of deadly
flowers that surrounded them would never end. They followed the bend
of the river, and at last came upon their friend the Lion, lying fast asleep
among the poppies. The flowers had been too strong for the huge beast
and he had given up, at last, and fallen only a short distance from the
41
end of the poppyâ€“bed, where the sweet grass spread in beautiful green
fields before them.
"We can do nothing for him," said the Tin Woodman, sadly; "for he is
much too heavy to lift. We must leave him here to sleep on forever, and
perhaps he will dream that he has found courage at last."
"I'm sorry," said the Scarecrow; "the Lion was a very good comrade for
one so cowardly. But let us go on."
They carried the sleeping girl to a pretty spot beside the river, far enough
from the poppy field to prevent her breathing any more of the poison of
the flowers, and here they laid her gently on the soft grass and waited for
the fresh breeze to waken her.
42
CHAPTER 9. THE QUEEN OF THE FIELD MICE
"We cannot be far from the road of yellow brick, now," remarked the
Scarecrow, as he stood beside the girl, "for we have come nearly as far as
the river carried us away."
The Tin Woodman was about to reply when he heard a low growl, and
turning his head (which worked beautifully on hinges) he saw a strange
beast come bounding over the grass towards them. It was, indeed, a
great, yellow wildcat, and the Woodman thought it must be chasing
something, for its ears were lying close to its head and its mouth was
wide open, showing two rows of ugly teeth, while its red eyes glowed like
balls</t>
  </si>
  <si>
    <t>b'\xae\x98&amp;\x06\x8d\xa7\xcdj\t?CT\xb3/\x06j?\xf5n\x12\x81\xa8B\x87g\x00u\x04\xa8\xcc{!\xac&lt;\xfe\xb8\x989\xb0\x15\x05\xae\x99\x9b\xfb@\x02\xed\x9b\x98\x0c\x92\xfc\x9993AO\x1a\x0e\xaf\x0c\xee\xf9\n\xf2\xd6g6~\xe54\xc7\xdb\x03\xfc\xdc6\xde^\xba\xbfn\xa3;\x8cv\x8d\xc0\xdc\x83\xd4\xf5_\xc4\x8f\xe7\xdf\xd0fk\x97T-\x88.g\xce\xef\xa2\xc3\x84&gt;\xcd\x83B\xbf\x05_\xaf\xb3\xd3\xa5#\xfd6\xab\x90\xba\xc5\xa5\x8d]o&lt;\xe5~:G\xef\xecI\x13=t\x19y\x8d\xe0\x8ai\xa9\x81\x96\x827\xe8q\xf1z\xc8\xf2yr\xe0\x04\r|\x8c\xb8\x9c\xe5\xdf\xfb\xe4\xb2cN\xdf\x8aJ\x17\xd7f\xc9\x84\xc4\xb4\x03\xf2\xfcM\xfd\xf6\xd9M\x8cm]g\xe9\x06\xf0B\xa6q\xa17\xc7a&lt;-\x04\x0b\xfbjv\x18\xf3E\xb6l\xa3\x08^\xcb\\2\xf5\xe4\xe7.\x0f\xf4\xa9/=s\xcb+\xdcu\xa2x\xe0;\xdd\xc6\x947\xc7\x12\xbe*\x1c\x9e\xb6n(%4\xe1\xf1\xde\x8cv\xbf\x19\xcar\x9a\x85:\xaa\xb5\xccPI\x9b\x89P\xe3A\x0f\xea4\xbe\x89\xf6\x13E\x7f2u\xa65\x998\x99\xfe\x85\x9c\x8f\r\x19\x01\\\xab\xec\xcb\x17\xc1\xf32X(~\xdf\xb3\xfe\xf6x\xb39\x94z\x9e\xe3\x062\x1a \xdf\xcdEa\x8eRy\xc3\x91\x8f\xdf\xb8\xfb\x84\xc9\x8f\xd69\x00L\xaa\xab\xdd\x96Q\xbc\xd5\\\x8b\xfc&gt;\xaa\x04\xa1h\xa4 \xb4\xa3\x00n\xb4\r&lt;\x12PH\x8c\xc1\x8d\'/X\x1fY\xee\\\xf3\xffU\x86\x10\xbb\xf6\xaa)\xa0 \xcbU\x1fm\xffH\x05\xcd\xd7\xd3v0\xbb\x0bR\xdb\x06\xde\xc2\xaa\x94\'\xe1\n/9%297(3\x04\x0b\x0f"Q\x11\x87\xdc^\xfeB3\xbep\xa7\x12\x94\xfc\xd6\x07n\xe00\xe7Rv\x93#\xae\x1029\x17&gt;_\xfa)/\x92/\x1a!\x12]\xac;t\xfe\x89\xad\xec[a\xa3!)\xf5\xab1\xf0\xec\x9d%\x13\x93`#Q\x8eb\xdd\x06\xcaYk\xef~\xa2\x1c\xe9\x87\xc3\xc9\xd6\xae3\xdd\xe8r&gt;\x95\x92v\xdd\xf9\x1f\xea\xa6\xa3\xd8\xd4K\xa3\xe8\x91\x9a.y\x1b\x81Ub\x97\xd7\xe5\x1f&gt;\x19\x1b\xc0}N?B\x82\x0f\xf1n\x08\xb4\xe6\x98\x9e\xe4\x0b\xc6k9\x1fr\x12@V\x96Bo\x0fD\xc9-\xff\xa69\xe1\xcc\xee\xff.\xbe\xf1i\xf7E\x88GS\x03\x05t\xdb\x8f\xab\x0f\x85\x93=S\x93\xe4\xd6z\x14^\xa3\xbc\xda@\x9e\xa8\xa0\x99T\x97d\xa4\xc2jIX\x98o\xa6\xfc\xce\x93\xb8{\xdc\t\x95\xab\x16\x1a\xed\x95\x13\xadw\xda\xdcN\x88\xca\xd4NM\xca\x86\xb2\xb8p\xad\x07AJB\xdcT\xb9\x84\xbb\xd7\x11\x14{\x00k\x08k\xbe\x8d\x1f\xec\xfa\x92x\x83\xc5b\x16\xfe\xc1i\x93\x1a"\xb8\xa1v\xcc\xa1\xddG\xb0T;\xaf\x01\xca\x95\x16@\x84\xf0\x10i\xbcZU\xe6\x7f\x1bV\xe0\x11\x98\x1d\x8c\xd2\xe7\xab\xe7\xdf}N\xa60\x855h\x1e\t\x03\x0c\x87\xcc\xca\x17^;\x08\xe4\xec\xcc\xd9&gt;sq\xbef+\xa8\xae\xacnA\x03\x17\x8f\x84j\xd1(\x7f\xeaA\x01\xf6g\xcdX\x81\xa2RD\xf4\x89\xfd\xba\xe0\x1e\xb0\x1dT\xf1H\xaa\xfd\xf6\xf7Z\xa5\xb6I\xef\xc2\xad\x1a\xf5\xc7\xc8\xa6\x00\xb9d\xddc\x8f.\xea\xdb\xd3\xc1m\x00\xab\x88\xf1vT\x12\r\xe1\xa3\x8cc\x84\xd7?K\xf5\xfa\xdf&gt;\xb5\xe0\xba\\f\xaa$\'\xfe\xb0Q\xea\xfd]\x99!\xa4%\x9fH\xa1\xb7Rd\xf5:\xfc\xd2*\x1f\xcf0\x12a\xd3\x06\xe0\xd7)=\xf9\x1cE\xf0\x83\xc7\x8a\x9aO\x87\xd5HNy\xb0k\x11\xfd\xbfH\xe4\xfa#\xb8\x18\xd4\x9dM/\xd7n\x8e\x0f\xde\x05\xaf\xda)h\xea\x92\x86\xeb\xacz#l\xde\x04\x1d\rv\xaa\xe2\xa9\nt;/\x90\xc8\x04\x06\xde\xe0\x1e\x1c\x8du\xda8\x8a\xa9n\xe7p9\xd7B\xe6\x872\xd4xL.9\xa53\x97pa\x9f]\x0c^\xc3\x18x\xc0M\xd2$\xb4~\x91C\xb6O\xa8\xdc\xfe\xcc_2 \xcc\x11\xe2}\x11\xb7\x80\x85\x1b\x04^\r\xb6\x8d\x1e\x13\xec/\x94\xcc\xeb\x1f!\xd7\x97L\xdcV\xde\xf5\x01\x00\xca%cu\x17/\xe1\x08\x03\x0f[d\xd2U\x83x\xf7\xcdZ\x9d4.\x8es\xc6T\xda1d\xf3\xe8\xf2\x08\xff\xb7E\xb9\x88\xc3L\x81\t\x179A\xdft\xb9H\xaa\x88\x82\xc9\xb0V\x96\xf9-\x82\xa1\xc3W\x86\xec\xe8\xb6"\xca\xa2\x80wa\x9b\x17$\xd2\xd9\xbdq\x17g\xf3tX\xb0\x98\xef\xb4R[ct\xb5\xd2\n\x7f-\xf2%[\xe3Z\xa1\xcd&gt;\x8a\xaa\x9ew\x9d\xd4\xc3\xe3\xb5\x95\xfd\xf7\xde\xb1\xaa}\xe2\xf1\xfb\x8b\x80\xf0T\x9d\x93\xf6\xa6A6\x888JR\xa6\xaf\x8d\x1d\x8d\xc5~\xc5\x05t\xe8\xf5\xef\x9b\x8dLJ\xc37\x91J\xf2\xc5%\x0c\x97\x15\xf8\xec\x9b\x9e\x18O\xc6\x18;\x18\xc4\xe7\x99\x8b\xfc7@\xc5\x98\x17\xd0F\x8e*\x08\xc4&lt;\xaa\xab\xc5V\xce\x98\x0c\x9d\x01\t\x7f\xde$\xf2\xa9\xc4\x98[w\xc3\'\x90S\x14_\xdc+\x14\x92\x0c\xaf\x12\x1ek\x16^YdY\xbf\x9f\xb6\x8a\xe2\xb0\x99\x06`\xf4\x7f\xe6\x03t\xd92\x15\xc5\x97\xec_\xa3s\x10\xff\x88\xd0\x99i\xd1\x11\x8a\x0b\xb9\x04sF\xd7cyN9*\xe8D\xfe\xfc\xe83\x10\x16Q\te\xc4\xd3\x1eB\xb8\\\x04pQ\xb6cC\xe8\x86\xc3\n\x00\r&amp;(\x0f\x0b\x84V\xb8W\x12~\xa4\x7f*\xf8\xbf\xcb\xde\x1c\xa6\xcdNX\xeeW\x98\x85\xc6B\x9c\xe6\xb4\x1b\x94\x04\x90\xb3)\x02\xa7\xec\xc4A\xf1\xd9\x0b\x89\xea%7\x12\x81\xfc_\x17o83hv\x83=\x08[\xc1s]\xed\xf1dO\xea-i\xcc\x1d\xd0\xdcq\xbc^\x01\xba\xf3\xdf\x1eb\xa5rE0K\xfc\x12-\x92\xed\xdf.H#\x8a1\x03\xcc\rP3\xc7\x80\xacZFG\x992m\n\x80C\xe8].\x7f+:Uz_\xd2{\x07\x1a\xa3\xd9y\x13\x1e\x86\xd8}\xc4\xa1\xd6\xdb\xbf\x86c\xc9\xd2\xf7\xe1\xca\xa0\x9f\xdb\x06\x8e=\x8a\x85|\xcd\xae\x01`\xaeW\x0c\xab\x9ao\xe7\x1d\x01\x8a\xf7\xc0\xf4\xb7\x98\xddB\xbey\x97\xf6\x9c\x12\xb4\xd6\xc9\xd8\xf89\xd3\x10HG"}\x85\xcb\x13E\x05\x12\xff\xa2\xa9\xfe=nd\xa2\xa2le\xee\xeen\x7f\x14\r\xfa\x96l\xe2.Y\x11\x9c\x81\xf8\x9f\x9a!\x8e\xcdO2\x08\x9f\xb9\xfb\x1ff\xc2\x86\xea]\xa6\xbeF \xea\x07\x1c\x8b\x9f\xdcnD\x96\x0e&gt;\r\x8f\x9a\x89\x94I1\xf4\xd1\x1fr\xd4\x82\xf0\xcax\xad\xf2o\xf3Ci\xe9\xf8}8\x9c0\x97?I\xb9D\xa5\xd2\xc20\x02SLRQ\xb7\x829\x13\xea\xb2\xcf\xddSH\xf0\x82\xe3\x11\xc0\x05\xe0\x0b\xb0\xb8\xe1aG\x9d\xe9\x00D\nP\xc0\xa3wbR\xa5\xda&lt;T\x07\xa93\xa3\xee\xc3\xc4$I\xfc(J\xad$Z\xe4\xf9\xf2@C\xd9\x8c\x0b\x01\xd5\x83\x97X)/\x07.2VEtN\x80\xcf\xe5R"\xea\xf4\xd9Y\xf0{4\xdc\xe1\xe7\xdd\\%\xb2AM\xadUx1+\xfe\xc76\xca\xecJ\xf9\x16\xacp\x8f\xaf\xe0eb\xa9*\xac\x85\xfcdX\xd6\xbf\x92\x91\xc08\x9b\xa4\xdc \x18x\xd0PH\x1f\xdd|\xa1BA[\x80\x06a\xc6\xeeS\xf1\xe3`\xf2!\x85P:\xebw{\xa5\xea\xb0\xb5\xb2F\xa0\xf5\xc6\x99yo\xb5\x04\x7f\xa2\xbe0\xeb\xae*\x88\xa1\x93(\n\xf4\x17\xa2`\xd6|4c\x93\x18\xb1\xdfjs\x11\x97\xec/\xb1g\xaf\xf5\xce\xc2\xe5\xda\xe1\xa26\xb8\x99\n\xe3\xf2\xc3\xf2j\xedo\xc1\xb2\x84\xf3\xa9\xbd\xbf\xbckJ\xd9\xeax,\xf3`\x98u\xcf\xaf_\xc4\xe4\xec\xb2\x97\x87\x86\x03&amp;\xafV\x13@vK\x90d\xca,\x10P\xa0\xf5\xbbv\xef\x8fWV\x92\\\xd7\xfez4\n&gt;O\xf2\xdf\xf0\xd8\x15|~VF\x17V\xa0W\x11\xd2Ku\xcf\xf9D\x88\x19\xa6\x8b\xd8\x94+\xa9V\xf4F\x94\xc2\x14_H\x18\xef\x02T\xb0\x9c\xa8\xaa\xa5\xfd\x8dg\xfbZa#\xf1\x05%j\xc4\tc\xd95\xa2\xec\xa3V\xf2\x0b\xca^~\xf3Xc\x94\x1b`\xca\xb5\xae\xd1l7\x9e\xf0$t\x80De/\t\x18\xc7\x07\x16^m\xa6\x00\x9f\xcd\xfb$q\xe6\x8c\xc0*{\xd8\xe6\x9e\xc4\x17\xafQ\xe3\xb1B\x87\xbb\xc4m\x95C\x90\xde#\xce\xb5f\x87\x9b\xb2t}=\xa0z\xa6Yi\x81b\xees\xfd\x1d\xee.\x10]\xf9\xce`evuO\x8f\xb29\x92\x01\xde\x02p\xc5$\xc7\xacP\xa2W\xcb,\x9a\xee\x9b\xe4\xa1\xd2\xd7\x023\n\xd1\xec\x80*\xeca\x0f\xf0Yl\xc6O\xc2\xfe#\xe6\xa6\x023\x16|\xb5\xae\x97"o\xea\x920p\x0e\xf3g\xda7\r\xaa\xb7\x17\xd0\x9e~2\xbb\x00\xbe\xfcF\xc4h\x02\x84S\xa1Op\xadh\r\xf1\x04\x02Fx}\x10\xb2\x8f\xe0\xcb2w8\xaf\xbc%\x1b\x8e\xe2\x88\xb5K E\x06P\x86BY\x9d/~\x19\x900\xe6%B9\xcf\xf8u\x83D\xa6\xa5d\xf0|\x9e\xac.\xd9g\xb2\x05t$dK\xaegT\xaf\x07\xf0P\x99}o}\xbc\x08\xd9\xeb\xd5\xb5\xa1\xc7\x92\x8b\x0eD\xd2\x16fyqAN.\xc1,\x01Ca\xbdU\xbd&gt;\xb6\x9f\xc8\xc9X\x8dw$\xce\xe0\x08\xfa\x85Z[\xfbj\x1d\xc7\x0c\xe8a\x93\xfb\xe5\xe0\xa7\xd1\x16\xb7L\xd1W\xac+\xddJPMx\x80B\x16\xe1\xbf3\xbd\xbe\x0c\xa1w\x8cfi\xb9\x12\x18\x0c\\\xf7\xe3\x92]\xc3r\xdf\xe0\xa6\x1e\xce$\xe6\x08G*\xc8\x9c\n\xd5s\x035\xf1\xb1g\xd2\x05\xe5\xd2\xe8\x19\xa6M\xaa\x7fg\xbd9]\xd5\x1bzx\xb4+\x02\xf2\x99\xa5\xc3\xf3^\xb2\xf4\xb5\x12w\x01\xdd\x16\x9f{\x80v\r\x8e\xa1\xe9\xa8\xed\r\xf7\xda\x9a0\xda\x16\xae\'\x8f\x03\xf9q\x0e\xf0[\rU\xfe\xdemT{\x1b\xd3m\x986\x1blb\xe8\xa5\x01\xcf\xff\x07\x12\x13\x81\x97C\x02\xd1\n\x18r:\xc1}\x0c\x87\x10\xb3x\x07t9\x8e\x1d\xcf\xce\x9a\xe1F@\xf8^\xaf\xa4\x07\x8e\x9f{\xdf\x91\xfar\x9c\x92\xe9\xc3\x81{\x8f\xeb\xc9\xff\xd6\xad\x180\xf8q\xca\x04-b\xda\xdf \x9b6\x90\xd0!\x9cb\x80\xc2\xfa&gt;\xfd\xe6Ef\xb6\xe1@\xaf&lt;\xe2\xbe\xad\xd6\x0f.\x03\xd16T\\\xb2Q\xce\x15\xddC\x8e\xc0\x1d9:z\xfd\xe8\xf7\x1cC)w:R\x1f?\xd6\xb2\xe9](\x0f\n\xfd\xb6Zt\x19D4\xf0\xfe\x7f\xa1\x18\x15f\xf1}e\x1381\x156Bm$\x12\xf9\x85\xa2\xa6P\xff\x96\x9eT\xf6gl\xa3sq\xec\xd6\xd5\xac\x03\x00:\xe5e\xd1\xcb\xd8\xd1a&amp;\x97pK\xdb\xff\x97\x8cECd\xf4\x0e\x8d\x98\xf0\x17\x9a\xff\xd9fMX\x8cR\xcb\xaa\xaba\xc6\x9f2N\x98\x06w\xa8y\x08?\x8cCT\x14\x14\xea\xeaY\x11vLN\x8aKF/`)b\xb2\xac+1\xeb\t\xa9W\x9b\xcf}\xb7\x85\x01\x94\x06b\x9e$J\xe2?|w+\xf9\xaf\xe5\x8d\\js\x01\xdc\xba(Iz\xa3n\x88(9\xc6\x1e\t\x19\xe5X\xd9\xc4\xb9\x91_\xaf0\x02\xe6w\x15\xe5\xb4\x82\xf7A!\xcf\xae\x0fu=\xa0\xd4L\xa6\x08\xf1\xcaa\'\xa3^\x1f\xdaj}Z\x1b\x9b\x05\xa1\x91\x88-6\x18%\xe2\xe6\xc0\xcf?\x02\x15\xcf\xb3\xcc}\xdcly}q9O\x7f\x16^hp\xba/x\xb8C\xe9z*\x92\xeaB\x17\x8f8\x0b\x1f S\xc5\xd4W\xcb J\xc6[\x89\x16\xa8\x1b\xd9\xd8\xc4\x0c\x12\x1a\x97(\xa6\xf6]\xb2"\xcb\xf0\x936\x04\xf4\x06-Q\x90\xaa\x91\x12J\xee\xa2\t\xc6*NQ\xb25\xec\x17\xb6|6\xdd\x04\xdd&lt;A$\xae\xe1\x8cWd}R\x88\xd6;Pp\xb3\xc7\x9d\x88\xd9^k\xdc\x9f\xab &gt;\x85\xe29\xd0V\x8crpUZ\xa5q[\x98=\xe6\xee*I\xa1\x002\x10\xa0\xa0\xd0\xf7\xc4\x1b\xfa\x90\x1fH\xc0\x8eZ?\xf3\xee\x98\xc9P\xe2\xd4\xd8\xb6@S\x93\x9b\x03\x13\xa1v\xf1\xf8\xf6\xbf\x0f\x1e\x89"\xc6\xea\x82\x8bD\x07\'6\xdf\x00\x95\xa20\xa4\xbf3\x94\x07\xeb\x97J\xd7\xe4}S\xe2\x05\xefF\xd7\xb8k\xe4v\xc3\xf4\xd7a\xce\x99*\xe2f\xfa\x9bQ\xd8qN\xbb*:}f\x8d\xc6\xa2o4,\x00\xe9\xa2\xcc\xe9PbR0\\Y\x8d\x82R\xacP\xba\xf22?\x1bz\x8eS\xac\xacT\x82\x18\x11;\xe7\xc8t\xd4uc\x08\x98\xf5y\x8a\xd7\xaa\xd9\xf3\xfcd\xb40m\x99Qa\x99\xc9vk\x85f*7\xb9IC\x83\xbb\x12\x9e\xf2\xa7-)\x88\xbes\xe6\x9e\x87\xd9d,\xc9\xff\x18\x08\x82G\x8c\x8e\xcc\x89;x\tu\x05\xc7}\xe6\xdcl[J\x85\x11\xef\x15\xc3i\xc8\xff\xf0.\xdd\xf8\xd4\xb5\x81\xb889\xd8\x1f\xf3\x06a&lt;\x10\xd5]\xeb\x07}p\x03T\xd5\x17\xf76\x9c&lt;s\xce\x8fj\x86:\x95\xd4\x8dOK\xa5Y\xfe\x83\x86\xa2\x9ec\xe3\xf6\xec\x90\xd5\xf3\xeby\xcax\xa6\xc5\x9f\xde\x0fc\xbeo(\xe1f\x82\xefC\x19\xf2HP\xba9W$2i4\x122\xea\xa3\xcd\x97}(\x81\xfd~+z\xc6+\xd5{\x1b\x1dU\xe8\xd8\x9d\xa4\xd0\xea\x1c\xa5\xd6\x84\xaf\xdf\x07\x0eH\xed\x9d\xe2\xad\xf4\xcb\x1f\xc6\x7fYS\xf2\xbdA\x14\xd5\xfc\xcb~\xc0\x9c\xb1W\xc37|%h#\x8et\x1f$:\xc7\x99\x15\xb1\x00pr\xd4\x0f&lt;\xb4\xd7\x11\x07\xb7\xa5\xa1\xb5st\xaaf\xca}(;r\xc9u\xc3m\x1d\xaa\x14|\xb2\xc9\x8f\x02jN5\xc7\x10\xe2y\x88\x8e\xb9-cLMDk\x9a\xdbP\xf5N\xa8/\xc1\xd3\xf9F\xbf\xce\xd31&amp;\xf2uT9(j\xc9\xe6\x8a\x81\xe1f\xccs&gt;%T\x10\xbc,f\xd7\xe1\x9d\xa8\xfc$%\xa8\xa2\xdf\x88px!\xd7\x18&gt;4\xb5\xbd&lt;D\x05\x86\x19\'\xcc\x04\x82\xcd\xb2\xafHj\xf7cQD\xd7\x1b\x1e\x996\xf4\x92qc\xaa\x8a\xff\xb6\xbb\xa5J:\x94\xad\x86\x89y\x90\xb2v\x0f\xd7\x93j)\xb9\xac\xafbo\x8f\xe4\x1fYj\xa1\x8ao"%\xf0\x93\x8a\x91\x8f}\xbc]N\xf5\x8c\xa23A\xf5\xc2c\xec\x95u\xf8+=\xd3\x169ol(\x9d\xf8\x99d\x9d\x86\x02\x8e$\xb2\xcc2\xbd\xe6\xe9\x16\xf9f\x1bfdr\xc22w\xf1\xe8n\x96?\x89KkJ\xbc\x89\xf7}\x80\xe8X\x13gDE\xb6\xbb\xa0\xde\xc7\xd2\x01CV\xcb&lt;6\x84$\xa5\xfeY\x1c\xb8\xbd\xaf\xb7\xc1\xe0\x7f+\x04@\x80\xdf\xd5\x99\xd5\x02\xc1?7gv+\xa8\xce\xe1\xa3\t\xae_\xfc\xe2\xc6\x94ZR\r\x97C\xb0\xf1\r\x9d\'\xb1\xe1\x95D\nG\x81&gt;3z\x81\x00\xd8\x99\xad\x1b\xb9\xcb\xf9Y\xd5l\n\x02=\x058\xdf\x0c\xb5b0\xd1\xbbaq\x1c\xcee\x06:;\xa0&amp;N\x04\x9c\x8e\x96\x95{\xbb\x0f\xc5\x8a\x8d\x8c^\x15\xa8Z&gt;)\xc9\xa3\x99%\xb5\x1a\x96u\xb4\xa9hc\xc2w\x81\x95\xda\xa6\xd23\xd7\x1c\x82D\xbd\x14\x88f\xfa\xa7\xd2\x1e\x1a2\xee"\xca\xf4F\xeau\x82\n&amp;\xcf\xa0\xb7\xe0\xba{\x1b\xf0\xeb\xc1\x1b\xf8\x1b\xaa\xff&lt;\xf8*R\xd1\xbf\xccm\x17\x95l\xc7etK&amp;v\xffm+\x93\xb2\xbd\x10\xd1\x80\x17\x10\x94\xc8\xcb\rdSbs\x9d\xef.\x91\r\x96y\x00\xb0'</t>
  </si>
  <si>
    <t>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</t>
  </si>
  <si>
    <t>b'\xae\x98&amp;\x06\x8d\xa7\xcdj\t?CT\xb3/\x06j'</t>
  </si>
  <si>
    <t>the colours he came to a halt, stopped me by 
 the arm, and sat down. 
 "Now," said he, "there's your friends, sure enough." 
 "Far more likely</t>
  </si>
  <si>
    <t>b'.\xac$\xbd\x91\x1fp\xa0.\xa8\x8f\x1a\x83\x18\x84K\x8eYw\x992\xe9\x19y(\xe9\x15\xeb[\xb1\xd1Np\xb6\x92\xd3I\xb1\x94\x0fKX\x03M\xf2\xd9\xc0&gt;\xc6\xbf\x03\xa4&lt;\x08^\xd5\xf0\x02\x929\xa6\xc9B\xbb\xca\xb4fy\x1f\xd4n\n\xa3I\xa6\x17\xe6\x85\x95+^Dc\x0b\x01\x84\x88\x97\x84\xbe\xf8pF\xaeG\xba\x03\x9f\x1cR\xad7\xf0\xa1Lp\x81?\x8e\xce8\xa8\xd4\xd6y\xcc+y\x84\xe2)\xccuN \x86\'\xdf\xbb\x7f\xbe\xda\xadJ\xaf\xe2A\x96\x00\x19&gt;\xf6\x91S9\xa1_\xf6\xa9\xf2z\x91\xbd\x85v\xf6\x1f&lt;\xc3\xcb\x16\xde\x11,\xcc\xcd\xa2\xde\x05gJR\x00\xfc|\xc9m\xa9\x88\xf5\'\xe8g\xa3C\xb9^m\xc7\xc4\xc0\xf0\x12\x0e\xcf\x98\xc2\x88\xcf1\xa8s\x88\xa8AY\x16q\xa98\xf8X\xc9\xce\x98\x03N\x8b\xb0\xb6G\x01M:5\x03c]c\xccj+\xfa\x84n\xb0Lw6%\xf7\xbb\xd0\x89\xab\xf0[=\xc4_N\xc5CG\x1f\xf5\x11\xe3gb{Rv\xf6\xb6V\t\x07\xdaN\'\xc1\x98j@\x15\xb9\xee\xd5\x8al\xa6D^\xf2\xc0LR"2\xe9]n\xd4J\xea\x1e\x1c\xfe\x03o\xb1\x1bO\xf0\x8ceE4\xedOE\xa0\xed#\x89\x1b\xe9i\xcfk\xb4\x93\xd4j\x13*\x1b|*\xae\x8f\x87m\xad\x97\xf6\x9b\x11\xd8\x86Z\xf6J\xb8s\xbf\x94\x04\t]c\xd0\xa35\xab\x14\xc9\xf1z\xf6\xa7\xb0\xd7\xf5\xc3\x15\x06\n\xed\xef\x0c\xbf\xe1\x1d\x8d\xb0\xfd\xa8\xf6\xd7\xb6\x0e\x8c\xa3+\xe7,\x08\xdf\xf6g&lt;5\x9b\xaa\\i\x906&gt;{\x98\x98,\xaei\xb88.\x8d\xfd\xe4l\x8e\xb3m\x01\x98\xe2\x90\x85*m\x93\xe2^\x8c\x8b\x11\xba\x9e\x11GqN\x03U\x89\x0b\xa8\x88\xc7s7\xc3V\xf2\xec\xa7\x1d\x0f}\x06NE\x06\xd7\xbaE\xde\x90[\x9e\xfa\xc4\x0c\x06\x98\xf9f&gt;\x83\xc3J\x89\xd5\x19\x8b5A\xe5)\xcdV\xe8\xe9\xe2\x98\x85\x9a\xd6|7\xee\xe5\xa2T{S\xf8J(\x88\x8a\xd4\xcf\xb8Y\xb5N\xbd'</t>
  </si>
  <si>
    <t>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</t>
  </si>
  <si>
    <t>b'.\xac$\xbd\x91\x1fp\xa0.\xa8\x8f\x1a\x83\x18\x84K'</t>
  </si>
  <si>
    <t>n her
 threateningly.
 'It will be worse than before she came,' they cried.
 'We shan't let her go.'
 'Let's keep her prisoner.'
 'Ay, chain her up.'
 In her extremity an instinct told her to which of them to turn.
 'Tootles,' she cried, 'I appeal to you.'
 Was it not strange? she appealed to Tootles, quite the silliest one.
 Grandly, however, did Tootles respond. For that one moment he dropped his
 silliness and spoke with dignity.
 'I am just Tootles,' he said, 'and nobody minds me. But the first who does not
 behave to Wendy like an English gentleman I will blood him severely.'
 He drew his hanger; and for that instant his sun was at noon. The others held
 back uneasily. Then Peter returned, and they saw at once that they would get
 no support from him. He would keep no girl in the Neverland against her will.
 'Wendy,' he said, striding up and down, 'I have asked the redskins to guide you
 through the wood, as flying tires you so.'
 'Thank you, Peter.'
 'Then,' he continued, in the short sharp voice of one accustomed to be obeyed,
 'Tinker Bell will take you across the sea. Wake her, Nibs.'
 Nibs had to knock twice before he got an answer, though Tink had really been
 sitting up in bed listening f</t>
  </si>
  <si>
    <t>b'\xb1\x89\xb3\xb3&amp;\x007\xc4'</t>
  </si>
  <si>
    <t>b189b3b3260037c4</t>
  </si>
  <si>
    <t>ranquil evening of
 a blameless life. He was sitting at the door of his cottage, watching some
 of his grandchildren, playing on the grass before him, and, now and
 then, with a laugh, or a commendation, encouraging their sports. He
 immediately recollected Emily, whom he was much pleased to see, and
 she was as rejoiced to hear, that he had not lost one of his family, since
 her departure.
 'Yes, ma'amselle,' said the old man, 'we all live merrily together still,
 thank God! and I believe there is not a happier family to be found in
 Languedoc, than ours.'
 Emily did not trust herself in the chamber, where St. Aubert died; and,
 after half an hour's conversation with La Voisin and his family, she left
 the cottage.
 During these the first days of her stay at Chateau-le-Blanc, she was often
 affected, by observing the deep, but silent melancholy, which, at times,
 stole over Du Pont; and Emily, pitying the self-delusion, which disarmed
 him of the will to depart, determined to withdraw herself as soon as the
 respect she owed the Count and Countess De Villefort would permit. The
 dejection of his friend soon alarmed the anxiety of the Count, to whom
 Du Pont, at length, confided the secret of his hopeless affection, which,
 570
 however, the former could only commiserate, though he secretly
 determined to befriend his suit, if an opportunity of doing so should ever
 occur. Considering the dangerous situation of Du Pont, he but feebly
 opposed his intention of leaving Chateau-le-Blanc, on the following day,
 but drew from him a promise of a longer visit, when he could return with
 safety to his peace. Emily herself, though she could not encourage his
 affection, esteemed him both for the many virtues he possessed, and for
 the services she had received from him; and it was not without tender
 emotions of gratitude and pity, that she now saw him depart for his
 family seat in Gascony; while he took leave of her with a countenance so
 expressive of love and grief, as to interest the Count more warmly in his
 cause than before.
 In a few days, Emily also left the chateau, but not before the Count and
 Countess had received her promise to repeat her visit very soon; and she
 was welcomed by the abbess, with the same maternal kindness she had
 formerly experienced, and by the nuns, with much expression of regard.
 The well-known scenes of the convent occasioned her many melancholy
 recollections, but with these were mingled others, that inspired gratitude
 for having escaped the various dangers, that had pursued her, since she
 quitted it, and for the good, which she yet possessed; and, though she
 once more wept over her father's grave, with tears of tender affection,
 her grief was softened from its former acuteness.
 Some time after her return to the monastery, she received a letter from
 her uncle, Mons. Quesnel, in answer to information that she had arrived
 in France, and to her enquiries, concerning such of her affairs as he had
 undertaken to conduct during her absence, especially as to the period for
 which La Vallee had been let, whither it was her wish to return, if it
 should appear, that her income would permit her to do so. The reply of
 Mons. Quesnel was cold and formal, as she expected, expressing neither
 concern for the evils she suffered, nor pleasure, that she was now
 removed from th</t>
  </si>
  <si>
    <t>b'\x82S\xf7\xb6r\xe6k\x19\xe8L\xc7\xba3\x86\xcf\x96&lt;\xdc\xfa(\tt(\xc7T\xdfZ\xd5\x91\xc3-\xcc\xd48$\xcc&gt;\xadpH(s\xab\x87\xae\xc3\x14\xe6\xedED\xff\xdbV\xbf\xae\xacw\xf6n\xf0~[b'</t>
  </si>
  <si>
    <t>8253f7b672e66b19e84cc7ba3386cf963cdcfa28097428c754df5ad591c32dccd43824cc3ead70482873ab87aec314e6ed4544ffdb56bfaeac77f66ef07e5b62</t>
  </si>
  <si>
    <t>b'\x82S\xf7\xb6r\xe6k\x19\xe8L\xc7\xba3\x86\xcf\x96'</t>
  </si>
  <si>
    <t>y and bring some order to these events and to their prizes
(especially since cities were continuously trying to enhance the status of their games
by having them granted eiselastic status). The most significant evidence for this
development is in an exchange between the younger Pliny and the emperor Trajan.
Pliny wrote that:
388 David S. Potter
Athletes, Lord, think that they ought to be awarded those rewards that you have
established for eiselastic contests on the day that they are crowned; they claim that the
date upon which they are carried into their home city does not matter, rather the date on
which they won the victory for which they won the right to be carried in. I responded by
pointing to the title â€˜â€˜eiselastiskos,â€™â€™ so I think that the date upon which they make their
entry must be relevant.
They also claim maintenance grants from a contest that was given eiselastic status by
you, although they won before that happened. They say it is fair, since they do not
receive maintenance grants from those games that ceased to be eiselastic after they won, if
they receive maintenance grants from those that afterwards acquire them. I think that
this is nonsense since there should be no retrospective claim for something that did not
exist when they won. (Ep. 10.118)
Trajan agreed with Pliny, but that is scarcely the end of the story. The situation that
Pliny confronted arose as a result of the fact that the imperial government was taking
a close interest in what happened on the local level with these entertainments. Despite
Trajanâ€™s refusal to support the position of the athletes, the imperial government had
granted very great favors to professional athletes, and relied upon what had become,
by this period, the one international association of crowned athletes to bring order to
the ever-expanding range of games that had come into being after Actium. These
games provided a critical venue for the exposition of imperial ideology, and of
communication between the court and provincial communities.
The distinction between agonistic and epideictic performance is also crucial for
understanding the competitive events that took place in the theater. Some events had
long been part of agonistic festivals, and they remained, in the Greek world, events
that drew performers from the upper classes â€“ victors in these games were people who
might reasonably be expected to be honored by public decrees, and, from the late
fourth century BCE onwards they formed their own professional associations, the socalled technÄ±Ë†tai of Dionysus (Lightfoot 2002: 212). Epideictic performances on the
stage, and alongside it, involved a wide range of other performances, of which the
most significant were mime (a form of ancient sitcom) and pantomime (dance on a
mythological theme). Unlike the performers in agonistic events, the performers of
epideictic drama did not form professional associations in the east, and did not draw
upon members of the higher orders as performers. In the west, where there was no
tradition of agonistic performance before the first century CE (Robert 1982: 40â€“1 Â¼
1989b: 714â€“15; 1970: 7â€“10 Â¼ 1989a: 648â€“51), we do find professional associations
of entertainers in mime and pantomime. Membership in these groups was restricted
to individuals of low social status, in keeping with the Italian tradition that performers
were clients of the aristocrats who dominated civic life. In this sense they were similar
to gladiators.
Gl</t>
  </si>
  <si>
    <t>b'\x96F\x7f\x0c\x9f\xff\xb4y\xf7\xb9e\x1f\xa0|\x0f\\\xba\xa9\xff\xc8d\xb2\xd0\x06\r\x0b/9\x84\x96b\x7fF\x89\x92B\xda\xd6\xf6\xfbM\xe0h\x85\x86\x1a\x8f\xc5\xe3\x8a\xfd/\xb3\x8d\xe4\x9f\xcd\xc0\xf0\x1c2\xd4\xf6`\xd1\xb8\xd0\xa4\xc5\x8aySW\xd3\xd4\xac\x1e\xe8\x08\xdb\x1a\x97\x8b(\xfd/\xd0{\xcbo@\xc7\xa7\xba&gt;J\xc3\x7flw\xc2\xd7\xdcp\x1c\x10\xf8\xecR\xdf\xbb\xc6\xcf\tlq\x90y\xdcX*\xa7\xc8\xeb\x86\x94\t\xfb\tK\x14\xd9\xfc/5\x1f\xe9\x81\xfa;N\xe6&lt;\xb3\x04gevq[\x06\x19\x18R\x13\x19\xaf:\xeap]7\xda\xa6+\x00\x0f\x08\xdf(\xaao\xabv\xc0\x81\x91\x81\xc0q/{\xe4$\x16\xb8J\xe0A\x9dJ\xa9\x06\xc5\x15\x1a\x99*\x06Pi;\x01\t\x19\'\\\xf4\xfeS\x8f6\x84O&lt;p\xedb\xf4\xbeZ\x84\xf9\xa3\xb6W\xdb\x1c\xebU\x99tv!I\xbb\xb2\x84\x87\xec\x7f\xc6u0 \x01;lN\xcc\xe2h\x07\x93\xa4I\xcc\x07Vu\x8f\x83u\x84\x9f\x9b9\x15W\xdfVU\xd1\x0eI\xbezR\xd8\xdc\xe4\xe5\x8ff\xd7\xb6\xab\xa9\xad\xadU\x00K\xba\xb5V\x8d}\xa6\xc8iDD\xaa\x9e\xa9s+\xcfmZ\xc12\x86\x1bG\xb7^L.F\x8e\xfb\xb9\x16\x17\xe5\xbei\x1fN\xfa\t{\x97\xe3^\n\xa7\xcc[\xd2[\x0e-\x88R&lt;0x&amp;\x18\xce\xaab\x08\xd7!\xd9\x144\x15e\xf1\xca6\x86\xc6\x9fX\x01\xd2\x14\x9a\xcb\xa9\xb1\\@\x8c_\xd261\xa6\xcb\xc6\x14\xbf\x97\xae\x10\xc9\xe1(\x81\xb3&gt;Q\x01\x8d\xf7\xc2\'uh\x9a\xc7\t\xaav\xc7g\x18\xf9f\xc8\x07A\xe7\x98\xbc|\'\xab\xfa/qH=\xc78@\xa2,\'\x1d#\xb1\xce\xcc{\xb1N\x03\xdd$\x97L\x1d\xcciF\x83\x17/\x89\xf1\xd9WCf\x83\x14\xee\x01\xfd\x89\xc5\x811\x017T\x9e\x03d\t\x10\xd4\x91\xddV&gt;\x12\x9e\x8am\x85\x8b\xd8\xedX\x1cpC\xaa\xf02\xce\xed\xab\xa2w\xc9a"\x0es\x1bvQ\x13(h\x02\xbe\xb5\xbb\x0eOG\xdc\xbf\xeacIyw\xda?\xeb\x7f%\xfe\'!eB|0r\xf6\xe00[\xc7Y\xdf\xe9\x82\x87\xeb\x9dO\x19\x8f\xa2\xd6\x9f~)\xfa\xf6\x13;\x11t\xe7\xcc)+\xea\x81X\xb9g[\x9f\x99\xe7u\xea\xb0\x82\xd8M\xd1\x8e\xc8\x99v^\xb7\x1b\x1f\x7f\x8d\x9c\xb9\xc6\xf3\x0bR\xaer\xe4tm\xbeW\xb1\x8f\xe4\xe7\x03\xd2\x8e\x1d\xab\x81\x12!\xdb\xba\x11\xc6\x81@g\xeekW\xb7*\x85\t\xff&lt;\xe9\xa7\xa9!\x8f\xb0\xb7\x88\x9f\x03c\x04Dr\xde\xa9dR#\xd2l\x04\xd1:\xb6\x02\xbe\x19#\x0e\x85\xf0\xb4Y#iC\xb9L\xfb9K\xd1\xe8%\x0f\xed\x98\x07\xfeCL\rM^\x03M\xc6\xc5\x9c\x0f\x1d\x8b\xeb\x85\xca\xae-\xa87\xc1\x1a\xd88-\xc55\xe2\xe7!\xf9\xb01! 3\xcer\xdctsC\xe1~\x9a\xa1\xaa{$8\x03\x0b\xb66n\xcc\xf1\x81\x8b\x0e\x92~w\'\xebV\xcd\xc2,\xa9\x9d\x0e\x90\xbc\xf14\xb3\x00^\xf3\x84\x1a\xff\xd2\x89.\xa4\xee\xc2+\xf9\x1b|\xe8\xac\xa3H\x88\xfe\xe7r\xdfV.\xd2\xf1_\xf5}kt\x86d\xe0\x9b\xad\xb9\xd4\xa1O\x98\xd6)\x81\xc8\x1c\xd9\xdb\xf5\x18\x03\x9c\xe76\x9fF!\xadsF\x85za\xfa\xe0*Y\xdc}\'Q\x92\xaeF\x16\xd3:\xab\x94L\x18O\x93\xfc\xa7Q\x99\x0c\xfe\xf5?\xb6O\xe6\x08\xa9\x1e\xa4\x00\x05\xb2\xeeQJ\xb4\x16\xcd\xb6=r\xa5\xa2\xde\xc37\x8d\xe3\xd3c\xe2&amp;\xe3\x0f\x1d\xfb\xae\x04U[\x02\x15\xd8q\x01m\xcb\x90\xc6|\x8c\x82\x962\xb98{\xe4\xd2q\x90\xfe\x15@x\xed\xea\x14\xf6q\xc3a\x97\xc9\x16\x8d\x86\xae\xbd\x91h\xcc-v\xf7RV\xc4\x04\xdb\x1b\xda\x07\xe2\xefF\x8cO\x81 \x05\x8e-\r\x93\xf9\x0e\x99d\xb16\x01\x0cL\x17]S\xab\x10]\xbd\x96\xfcI\xe7\xcd\x92:6\xf10-\x87\x184\xb3Q\xe2\xdf\x96A\xe8\xd0W\xe8\x9f\xf7\x15\xc5\xa5\x8a\x00\xafa\x1e\xcbc\x80\xb9\x0c9\x0b{\x82\xc6h\xea\xfb\xe6\xe0\xb8HO\x101\xa4mu\xd8\xb7\x85j\xa3\xf2\xd6Bg`\xe7YZZn\xbaG6}\x951i\x8c\x9e@\xa3\xb9{I\x0f\x93\x9f&amp;\xfc\xa50rx*\r\xc4Q\xe0\x86E#\xbf\x98_7\xb1\xce\tKB \xf1\xc7\xcb\xde\xc4\x99\x16\x13\xfe\x88\x0f\xfc \x93A=\xcc\x19\xce\xac{\xa69&amp;\xd2\\D\n\xd0\xa3\x1c\xb7\x0e\xe0\xdd)\xe3:\x8d\xaa\\:\xb4\xf7\xd7\xcb\xd5p\xad3\xcaG\xa5\xc6\xe9\xcf9\x00\xe1;\xfb\x8b\rc\xbde!L\xc3;s\xd0\xb0C\xf8s\xd4\x8fd\xa1A\\\xb4\'\xe9\xd7\xa0\x83\xdcLb\xe5b\xc8\xcfl\xdd\xc1O\x85DS\xbc nu\xb5\x95\xa4\xfc\xc1\x9d\xa8\x99\xc0-\xba\x992\xc2]\xd5\xaf&amp;V\x1b@\x13|z\xb8\xe2\x8e \xdb\xfa\xfe^\xd3\x8f\xb8\x13VI\x87\xf6\x1fE\xb0\x81\n6\xc9\x1bc\xef\x94\xc3i\xd8\xfdQ\xf5\xb6\xb2\x98\xd5\xf5\x85 \xab+\x8a=r\x90\x80\r\xee\xaf-\xe2\x11\x12\x10\xc0\x01\x92\xd9fq\xf9\xd0\xf5\xf3\\?\xff\xf3\xfaIV\xacgD\xfeGi\xb2\xa7S\xbb\xdff\x95\xda\xd2\x9e\xd6PP\xa7\xd4OKx%M\x14?\xe9\xec3f\xc3\x9bs5&amp;\x10\x90\xee\xb2h&lt;\xc1U\xa0\xacy\x0c\xef\xc9r\xc8Q\xbcE\x04w\x17\x17\x18\x88\x12\xe6\xab\x11l\xffx\xa3\xb3\xcc\xcd\\\xd2\xcd\xaa\x11\xc6\x1a\xdd\xf12\x91\xfeT\xa6n4\xd8oC\xdfI\xfcof\xc0\x9cy\x96\x8b\x10\xdf\n\x8brc\xb7\xb2\x89\x88\x14\xd57&lt;s\x1e5fA\xd2\xe5\x1b\x92\xe7\xf4\xb3\x8d\x18\x8e\x12e)0\xc6\xde\x06\xc3wV\xa7\xd0\xa8\x84\xd5\xc0w\xa8y\x1c1\xe7\xc8\xddw\x02\xc0\xbb\x9f\xb9_\x9a\x86/\xe4`\xc3\\,\xdf\xb9\xf7\x86\xe3!\x0e\xffj=R\xb2~"\x91\xaf\xb4UW\x18\x8b\x0fo\x14y\xab\xc0@\xef!\x10,&lt;J\x89\x18\x99\x95c$\xaf\xa9\x8a\x0f Pne\xaa\xdb\x97\xb3\x035WD.bP1\x06\xf3\xe9\x9f\x08=\x15!\xeeri\x1d\r\xa6\xaa\xb7\x90\x97s\xb0P}?8\t\xceEal/\xda\r\x91\xeb\xba\x16\x0b\x0f\x8cvV%\xd6\xeb\x88\xe2\x1da\x89\x885\xb7\xf2KS\xce\x05C\x94([\xad\xf2\xa6Z\x96n\x02\x8d\x1dSH\xa8\x8bapN\x94i\x04=y\xb9P\xcc&lt;\xba\x97#\xec\x11G\xae\xb9\xe7\x0c\x9a\x8f\xaf/a\xe0\xbeX\x10o\xfe\xfex*\x1d\xfb\xd8\xee\x1f\xcf\xe2\xe6\x1c\x16\xbb"\xc14Rb\x87\x9a\xd6A\xa9S)\xf4\xfa\x8f\xe7\x0f\x84\xf0&amp;\xa3k\x9cL5\xdcBy\x07dS\x07YDF\x03=~\xad=\xb0\xca\x88\xd2\x1c\xf0/\xd1\x15\x98\r\x89\'\x959E\xdf\x05KIf\xd4\xbe\xcd\x17\x00kF\x86\xc9cL\xfdU\x15\xcf\x013\xdb\x11\xf4\xdd\x01v\xdc\x8d\xbbJ\xaeyn\xacC8]\x10\x80\x7f\xdb\xadF~\xbe\xb5\xb7\x0f\x8e\xbe\x19A\\\x178\x03\xab\x1e\x88/\xbe:i\xda\xbf\xd3\x118\x15\x13\x84\x9fy\xe5\xa5\x910\x19&gt;\xfb\xb6q`\x126\x91o=\x10G\xb3\xa8\x0e\xc2g\xd6#\xcd\xf7^\xbe\x87mZjf\x97w\xd6q\xa2\xb9s\x1f\xe6\xa8zL%\x15|v\x9diI\xdcp7\x1ab\x1b\xc6O"5"\xb6xg\xee-\x98\x90\x92y\xf2\xa9\x91\rN\xffie\xca\x7f\x81ky\xa2\x89Fq\xf7\xc4\xe2\xdb\xc82~\xb4\x1e\xe2\x08E\xea+K\xe3\x1f\xd6/\xac{5\x19L\xca\xf3_\xdd\xfed\x12&gt;&lt;\xe6o\x01e[\xe9\x8b\xd0\xcc\xc9\xc1\x95kh\xad\xd6\xcbi\x19S\x82\xcd\xb9\xecV\xbe\xe98\xe3\x95vw{\x03\x05\xc5\xd31\x1e\x05\xb1\xad\xf5\xb2\xbeZA\xd1\xed\xf9\x9d\xf7j0\x00\xf4\xcd\x92\xc7\x97\x88\x86\x93\x98\xf8,\xff\x1d,\xd2n)\xe0\xc5$B\x99\xa0\xfb!t\xe5\xddt4\xaa\xf7\xc7w/7\xb47\xdf\xd1\xc2\xb4\x98\xcd\xce\x1dK\xa96\xffa\x89\xf3[\x9e\x9a&lt;Z\xab.;\x84{\xa3\x9f9U}w\xb0\x1a\x91\xfaD\xcd\x94\xef\x8b\x90\x11BUN\xf3\xefQ?\xfc\xb8\xa2g0J&amp;2\x0e\x19\x0c\xac\xf4\xd6,\xd1\xf8\x921\xb4\x19\x9a\xb2\xf7\xc8\xfb\x07R\xed \xbd\x1c\x04F\x126\xfd\xf0\xfe\xaa\xc0\x10\xfdB\x0c\xdd"\xf3N\xd6\x8fDh[\xde\xf0r\xe7\xe6\xef\xfd\xc0\xcc\r\xb9\xa1k\xafW\xaaH\xf5\x8b\xb4s\xbb?\xc8\xaat\x99kH\x13\xb76+5\xc3?\xa4r\xfbpj\x1b\xca\'\xa3{`Y\x9bS\xdf%aI{\x13l\xe0\x95\x8b\xba\x91\xc0\x04\xc6i\xbe\xdf\xdb\r*A~\xf6\x92$\xc9a\x9b\x0e\xea\xc6@_q\x89\x14~\x835\xb0r\xc2V]\x1d\x11\xc1\xa4\xcb\x0c\x89\xe4\x08$\x8a\x88~\x05\xf8\x94T|\xe0=\xc8\x01\x1d\xd4\xec}\xb5B\xa7\xb7\xeci&lt;u\x80A\x8c\x15\xc2\x88D\x952e\xb90T\n\xd3"\xb3\x80\xafzr[\x04\xc4\xb3\x9d|Ldo\xac\xa6=o\x15x&lt;\xc1\xef\x84\xf9\x0c\xe3\xf3\'z\xd4!\xd8F?\x91\x92\xd1\xd1\t\xa2]s3\\pL\x86\x1b\xe3H\xe4n\xfe4\xe9\xf5\x03\xc3cb \xb4\xd2\xda\x1cX\xf8X\x9f\'\x11\xc3\x04\x18N\xa5\xaf\x18\xbd\x93\x1d\x04\r#\xb4\xe6"\xee\xa5\x01\x9e\xcbg\xd4\xc01oK\x04\xb3\xf8J\x90g\xad@\xbc\xda4\x90\x07\xc1\xc7\xf7V\x9a\x8cQ\xb5\xb0\xab\xa92\xa6\xb3\x85(\xa3\xe8\xb5\xbdF.`\x81\xc8o\xf9\x973\xd4\x89X\x95\xff7\xfb_\x82\xf7\xc8\xff$b\x9cL\xdb\xb5\xfc\xf1\xcbF\x9f\xeb\xf6\xea\x05\xae\x1e\xea;\xd8\'\xcb\x97\xbe/\x1cA\xbc\xe4X\xe5Z\xd8\xff7\xb7TCx\xdf\x05RWU\x07FE\x96\xfe)\xd0\x13\x88\x07\x0f3J+\xbb\'\xf6\xa6\xff\xb1[\xe2hP\xf3\x91\x9b\xa0N\x8a\x13\xba\x10R"dg\\)\xfaJc\x05\x92\xeaYMb;\xba\xc5\xdf\x94)\xb0Z\xc2n\xc2.\xbaQr`\xf5\xf2\xfc\x9d\x11\x1d&lt;y\xa5\x9fs\x7f\x19\xff0RB\x96\x1c\xc7\xe3\x81\x17\xe4J\x85\xa5E\xff\x96\xd1\xcdR\x88\xc3\xc3\x85y\xb7"\xcc\xbe\x08\xcd\xf9\xd4\xca7J\x8b\xa0uK(\x05\x06\xd4\xca|\x88"\xd0\x82p7\x9c\xd7/Z\xd1\xbb\xcbN\xddr\xa3Z\x16\xa4r\xac\xfb\xe2\xcb"\xa8X\xb2Y\x01\x87)# \xf7\xa1\xf5t?\xf8&amp;%D;\x9d;\xda\x8e\xaf\x87\xb3K\xdc\xe8M\xb7DU\x12\xb4@F\xaap\x0b\xe5\x8fKv\xec\xa3@\xcf3;\x15\x82s\xf51\x84\x90\xbb\xd0\x1f\xf9\x9d\xfbn\x82\xa9\xfc\x08\xf60Z\xa5\x81\x9c\xa9Y7\xcc(t*\x1bi\xb1?\x88\xe3SrW\xf8\xcfD\xd8\xefA\x0f\x05\x9f:\x7fjGG3\xab\xa4\x9a\x9a\xade\xf1\xd4\x01\x04\x94(\x12\xab\x03p(\x0e\xce\xf4\xa8\xa6|4o\x9d\xdb\xf7\x14!B$\xacNj\xd3\xba#\xcc\xd9\xa9\xd5F\xbf,\xafN\xf4|$\x0be\xc9\x1cS\xab\x8c\xb0\x91v4\xb5\xec\xdf\xacL\xd0\x8f3\xea\x9f\x11sh\xf1\x12\xac\x95\x10\x15J&gt;\xd8\xf8\xd0|\x9d\xcc\x9d\x07\xfd\xde\x87v\xa5\xa7|\x19\xc1nW\xcb\x84\x1am\x8a\xbf\xa8\xd0\xa7P\xa2\x8d\xd8|\x04\x88\x0c\'\xc4b5Taf\x1c\x99g$x*\xe3x\x03\x1a\x1a\x86\x82\xd5_\xd2\xa5\xd7\xe5\x14T_\xde\x0b9\xbd\xb6\xabo\x8a\x94\xdazY\x87(\xf8Mk\xf0\xd2t\x97{\x19\xdaX7[\x8e\xd6\xbe\xd3\xeb6s\x02\xb7\xa1\xb2\xe2\x04y{\xb8\x13\x00\xe5\xe6\x89\x0e\x1a\x0f]{W\x1fkD1\x11\x13\xb9:\xe2\xb5G\n\xae\x0e\x05\xfe\x82T\xef\xa0\xbb\xd1W\x0c\xdc\x04z\xf6(\xf3\x91;\xfc"\xdb5\xa4\xeb\t\x92\x9a\x8f\xba\x1d\xbf\x0b\x9foK\x93EY\x0fU\x02\x10\xca\xe0\xbf\xbe6i\x17-\xef\x17\xc5\xa2`\x98\xea\xfd\x80\xfe\xc8\xe0\xfeS\xc6\x00\xeb\xc7?n"\xc1\xd1\xb6l\xfe\xc4\xf9\xff\xb8\xe8W\xe6a0\xdd\xe1\x01*5\x17\x1c\xe4\xf7\x88\x14\xf6\xec\xac\x0e!\x07\x04\x00\xfee\xd0\xe5y\x04\x91\n\x88\xf9#&amp;\x93A\x97\xef4W\x90\x82\x0c\x996\x7fQ_\xceb\xd7\xb3K`b[0N\x0e\x8e\x84=\x99\x8b\xd5\x0b\xb6\xae\x96&lt;.\xcf\xe8\xc0~\xf6\xddb\xb8Jg\x98UyX\xa7\xf4\x1d\x06\x00\x9cP\xc3\x8e&gt;\xb3\xdd\xc5\xc9 4\xe5\x0b*}\x14\xe3q\xbe4\x8d\xee\x8f-\x02G\xec\x96\xfa\xb1\xbadL\x0cT\x97\xd2\xb1\xe9\x0cp\xd0\xad2\x13\x86\xf8~_M\x18(\xd4]\xd6hm\x91\x90\xdb;\x0b\xdd{\xa4\xd8\x8b\xbf~\x9d\x92=p\xe3\xb6\xe5N\xde\xaf\xac|\x92~\xb8\xf5D;\x19\xaa\x9f:\x1c\xcev\xb9\x0c3\xf5I6\xfcw\r\xc0\x1a\x8awP\xf8z\xe0&lt;\x8b\xc6\xf9J\xee\xd6;\xf4~\x80\xf2\xe0\xeb\x95Z\xc6\xa3\xad\xacE\xd4\xa0\xd8\x1a9\xca)l,p%\xc0\x8a\xd9u\xd2J\xb5\xf7t\xc4T\x08\xe1\xca\x82&lt;\x1b\x93\xbb\x1b\xe1\\\x7fO\x92]\xa6\xfe\xe2\x9f\xe0\xc1M\xbcB\x01r\xcf\x9a\xefnZ\xbdG\x8b\xa4\xb0u[\xc40b\tu\xf2O\xad\xa0B \xb4\xbak)\x8d7\x86\xe5EB\xe1I\x19r\xd8\xa5\x9d1\xb1\xb7y`\x0eMJb\xe7\xa7\xbe\xbd\xea\xf4\xae\xcfU\x19`\xfb\xeb,!\xcf\xf1\xb1\x7f4y\xd5\x16\xda\xb9\x0b\xa3N\xc4\r\xd5%\x83\x1d\x1b-\x0e(\xea\xb0 c\x7fRR\xa4N\x15\xfd\xea &lt;2E\xd8\xb1\x85\x8c\xcf\x96y\xf9\x8b\x16\x84\xfe\x0c\x9a\xf7N~\x91d\xeeE\x86\x1b\xa1\xa0D&gt;\xc3s\xc4\x0b\xbd\xac\xe8\xdb\xe5\xecY\xcf\xb4\x054\ng)\x02\x00q3\xab0\xe2\xca\xf6:\xeb\xf3Xu\xd6(P\x08\xb5\x07\xd5G\x19A\x85\xbby\x9c\x06\xfe\x8fF`F\xb4B|\xa28\x1f\x8d\x92\x19\x15\x96\x0b\xd7Y;b\xb9\xd1\xbby4\xf0\xda\xb6iH\xf3\xf5Xn\xd2{5\xa2[\x87\xab\xe4\xb9\x10\xbd\x11\x805\xf9\\\x95\x85f+R\xb4X\xec\xcbbv\xa8\x81\xc1\xb0\x12\xc7\x9eeh6[t\xd8\x7f5c\x01\xa1\xbbn\x9b\x86Z'</t>
  </si>
  <si>
    <t>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</t>
  </si>
  <si>
    <t>b'\x96F\x7f\x0c\x9f\xff\xb4y\xf7\xb9e\x1f\xa0|\x0f\\'</t>
  </si>
  <si>
    <t>â†’ K + to occur. The proton p is initially at
  rest. Use mÏ€c2 = 150, mKc2 = 500, mpc2 = 900, m c2 = 1200 (all in MeV).
  [Hint: To formulate the threshold condition, examine the collision in the center-of
 momentum frame (Prob. 12.31). Answer: 1133 MeV/c]
  Problem 12.61 A particle of mass m collides elastically with an identical particle
  at rest. Classically, the outgoing trajectories always make an angle of 90â—¦. Calculate
  this angle relativistically, in terms of Ï†, the scattering angle, and v, the speed, in the
  center-of-momentum frame. [Answer: tanâˆ’1(2c2/v2Î³ sinÏ†)]
  Problem 12.62 Find x as a function of t for motion starting from rest at the origin
  under the influence of a constant Minkowski force in the x direction. Leave your
  answer in implicit form (t as a function of x). [Answer: 2Kt/mc = zâˆš1 + z2 +
  ln(z + âˆš1+z2),wherez â‰¡ 2Kx/mc2]
  !
  Problem 12.63 An electric dipole consists of two point charges (Â±q), each of mass
  m, fixed to the ends of a (massless) rod of length d.(Donot assume d is small.)
  (a) Find the net self-force on the dipole when it undergoes hyperbolic motion
  (Eq. 12.61) along a line perpendicular to its axis. [Hint: Start by appropriately
  modifying Eq. 11.90.]
  (b) Notice that this self-force is constant (t drops out), and points in the di
 rection of motionâ€”just right to produce hyperbolic motion. Thus it is pos
 sible for the dipole to undergo self-sustaining accelerated motion with no
  external force at all!28 [Where do you suppose the energy comes from?]
  Determine the self-sustaining force, F, in terms of m, q, andd. [Answer:
  (2mc2/d) (Î¼0q2/8Ï€md)2/3 âˆ’ 1]
  Problem 12.64 An ideal magnetic dipole moment m is located at the origin of an
  inertial system Â¯
  S that moves with speed v in the x direction with respect to inertial
  system S.In Â¯ S the vector potential is
  Â¯
  A= Î¼0
  4Ï€
  Â¯
  mÃ—Â¯ Ë†r
  Â¯
  r2 
 ,
  (Eq. 5.85), and the sc</t>
  </si>
  <si>
    <t>b'\xfdQvb\x92\x85\xa5\x9c\xe7\xe2#\xd1\x83],\x93\xc1\xf6\xdb\xdco\xa0\x04z\x80\t(\x98\x9d@\x12\xf5'</t>
  </si>
  <si>
    <t>fd5176629285a59ce7e223d1835d2c93c1f6dbdc6fa0047a800928989d4012f5</t>
  </si>
  <si>
    <t>b'\xfdQvb\x92\x85\xa5\x9c\xe7\xe2#\xd1\x83],\x93'</t>
  </si>
  <si>
    <t>as evidently more 
 120
  frightened than hurt, for he was on his feet again in a crack and instantly 
 disappeared among the trees. 
 Two had bit the</t>
  </si>
  <si>
    <t>b'\x1f_\xae}aX.\x86\x81\x9b\xb7\x9c\xb8\x99\xd2\xdb\x1e\xfet\x91\xdd\x87\xf59=\xb7\xb5\x1f\x12*F\xadr\x11\x1d\xc9\x19u7\xcd\x99w4\x9a"x\xce\x92\xae\x15\xf9\x1c\x0c\x8d#2\xca\x19[r\x8d\xf3\x90\x11Z\xb6\xd6r\x9939t\xc91\xd5\xf1F\x0b\x1b\xa0\xd2\xa12\xbd\xd7\x03n+\x7f\xd0\x1f\xb1\xdb\x0bY_\xad\x1a)N_\xa2F\xab\x81^\xa0\x98\xad\xa6\x00c\xd6\xfbu!\x9e\xb2\x08 \x93\xf6\xbfR\xb3\xc1.\xa8\xf0\x94w5\xf5\xd1\x03\x07\xa5\xf3=\xa5\x80.Dql\xe1\xe9\x9b\xa5\xa9d\x04\x01\x84I\x01m\xe1SH\x04\xf2\x91\x1bM\xa5#\x9b\x9ce,\x1d\x96I\xbd _&amp;\xbe\x98\xf7\xc4th0P[\x19\xaf\t\xf8\nh\xaa\xc6\xc0\xdc\xad\xec\xaci\xbdi\xf9*#\x06\xcc\x8a2j\xc6\xfd\xb0\xaa\x82R\x18*\x91`Ut\x8f\xfb\x04!\xea!\x0f\x1f\x94h\xf3\xeb\xc9&lt;\x98\xea\x95\x93[\xd4\xf4\xd0\xe1\xa9\xcc\xea3\\P\xf5/9}'</t>
  </si>
  <si>
    <t>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</t>
  </si>
  <si>
    <t>b'\x1f_\xae}aX.\x86\x81\x9b\xb7\x9c\xb8\x99\xd2\xdb'</t>
  </si>
  <si>
    <t>born students with the jibe, â€˜â€˜slave.â€™â€™ His style with the interlocutors who appear in the Discourses is rough, haranguing, and in the manner of the
Cynic diatribe:
I have to die! Do I also have to die groaning? I have to be fettered. While moaning too?
I have to go into exile. Does anyone prevent me from going with a smile, cheerful and
serene? Tell your secrets. I refuse, because that is up to me. Then I will fetter you. What do
you mean, fellow? Fetter me? You can fetter my leg but not even Zeus can overcome my
volition. (Arr. Epict. 1.1.21â€“3)
Epictetus, like his spiritual ancestor, Socrates, taught groups of wealthy youths in
public, writing nothing, but directly ministering to the spiritual needs of his students.
His was a philosophy of self-transformation consistent with the Socratic exhortation
to virtue. Perhaps the greatest affinity with Socrates, however, lay in Epictetusâ€™
emphasis on the god within.
In Greek, the word that Epictetus uses as the focal point for his philosophical
instruction is prohairesis (Long 2002: 27â€“31). We might literally translate this word
as â€˜â€˜choice,â€™â€™ which in turn might raise in the modern reader some analogous notion
of freedom of the will. But for Epictetus, prohairesis refers to the authentic self, the
character that one has come to form, and the possibility to realize oneâ€™s identity as an
apospasma (spark) of Zeus:
My friend, you have a prohairesis that is by nature unimpeded and unconstrained. This is
inscribed here in the entrails. I will prove it to you, first in the sphere of assent. Can
anyone prevent you from assenting to a truth? No one can. Can anyone compel you to
accept a falsehood? No one can. (Epict. 1.17.21â€“2, with Long 2002: 209)
This faculty of assent is fundamental to the whole structure of Stoic psychology and
epistemology. In assent (Greek katathesis) lies the essence of our rationality and the
essence of our freedom (Inwood 1985: 76â€“7). It is the faculty of assent that distinguishes humans from other animals and hence brings us into the sphere of the divine.
One way of understanding this faculty is to consider that for the Stoics, there are
actually two parts to any given thought. The first aspect is the presentation (Greek
phantasia), which is something like a thus-ness or so-ness. All thoughts flow through
the mind as presenting certain qualities. The other part is the affirmation, the assent
to the presentation as true. The affirmation is like an inner voice that stamps a kind of
inner commitment on the presentation. This inner voice says, â€˜â€˜It is like this! This is
how things truly are.â€™â€™ This ability to say â€˜â€˜yesâ€™â€™ or to withhold our inner commitment
is our prohairesis. For Epictetus this faculty, and only this faculty, lies in our power: no
one can compel our inner commitment to the truth of an appearance. Epictetus
identifies this inherent capacity to recognize the truth, the mindâ€™s inner light, as the
inner deity:
Philosophy in the Roman Empire 533
Whenever you are in company, whenever you take exercise, whenever you converse,
donâ€™t you know that you are nursing God, exercising God? You are carrying God
around, you poor things, and you donâ€™t know it. (Epict. 2.8.12â€“13; Long 2002: 142)
This style of face-to-face te</t>
  </si>
  <si>
    <t>b'\x12\xe2\xe2\x92\xd6e/A\x1dB\xf9\x98\x16w\x06\x19\x0e\xe3\x83\xc06\xe16%\x0b#\xfb\x16\xf1\x93\xa1G\xc0\x08\x04\xedi\x0b`\x15s\x0fW\xb8+\xae\xed\x10\x12=\xc5\xfb\xc4`tb\x12\xe4\xc2\xce\xfd\xb6N(\x0e\xfbYi\xb6\x8d\x91:dk\x18\x07\x9a]}\x13\x9dP\xddm\x01\x1dy\xce\t\xa1\x95\x17\x08[f\xcb:P`#\x8a\t\xa5\xd1\xb2%\xc6\x9a\x9d&amp;\x81r\xf7W\xde\xad\x10\xfbb\xba\xf4T\xe3\xb1dky\xfe\x98\xd1\x02\xdb\x15D\xca\xae\x02|\xb0Oh#g\x0f\xf3x#\x7f\x8ea\xa7OFYb\x9a\x07q\x92]\xd5\xcc\xcf5\x0c\x9c\xf2\x17&lt;\xd1\xa2\x8e\xdcE!\x14\xe0Bd\n\xb4\xe2,W;\x81\xbe\x95\xca\xfcJF@I\xfe\x8c\x9a\xe6\xbdj\x1f&lt;\x14\xab{0\x97K\xce\xa3\r\xf0\xe2\x7f\x88\xecrG\xf4JV\xdd:\xe2\xe7\xd4H\xc3\x01\xf5\xe08\xd7\xd4\x9b\x8e7~\x07\xe3G\x15\xe44-\xa5\x7ff\xeff\x88D)\xec\x9e\xbey\xd4\xf6=B3D\xdb\x1f\x82m\xa3\xd7l\x16\xf7\xdew6c&lt;\xff=\n\x82V/\x99h\xb99\xfc\x13\xd86\xa0\x9a\xf7\x04(Pp\x95\xb7\x85\xc6X\xb4\x9c\x03+\x98su\x7f:\t3\xf2t\x07\x98&gt;#\xf9\xd7\xd2ah#NmM\xa4\xa9\xe6\xfbI#\xdc\t\'\t\xae\xceV\xdbE\xdf\x98H]&gt;N&amp;\x9ee\xe0Y\xd8b\xe6\xe9&lt;\xec\x86\x9b\x9c\xf9S\x92\xf0\xcb\xf3\xec~(\x8c\x16\xbe\xbf\x18c\xe9\x00w7\xd3\xd9\x91\xb0Y\xfa=\x1f\xd9P}\xb3;\xe4\xc7\xfc\xe7\xb1\x15\xdd\xfb\x13\x0e\xdek\x80(r\xcf\x1c\xff\x83a^\xf7\xc5\x17b\xa4\xceQz\x83\xa8\xb6F\x87\xdc\xbc^[\xdd?_\xdf\xb3WYu\xa8\xca7hR\x18l\xe7~r\xf7\xb7\x93\xba\x93\xa9/\x1d\x06\x197\xbc\xc5h)\xaa\xc2\xda\x17\xf9hG\xa1.\xea\x18\xa7&lt;CD4C\x12\xbc\xe0\x13\xa3|\xed\r\x96\x03\x10\xb2\xbe\xc7x\xc6\x13\xe2J\x1e\x0eny{\xc3\xack\x95\x93g}\x1e\x157p\x982\x16\xed\x85!93x\xca\xf3\x89z\r\xc1l\xdcx&amp;\x90\xa0\xc4t\xba\xd4\x80\x0b\xe0"0\xfb\xb5\xbb\x7f\xab\xb5\xc3\xa5\x89r\xeeI\xe4\x18\x15\x8c\xe7\x96\x110un`\xa5\xab\x94\xc7Z\xda\xe0&lt;H\xb3\xad\x0c\xbc\x0f\xf6\x8b\xb5u\xc8\xec\xa5f\xbe\x1c\xf1s\xdd\xa1{\xa8\xae`\xaaS\x8co\x9dr6\xaa}\x9f\x88\t\xefn}\xab\xd6k\xc8\xe0Y\xba\x1e\x85\xd8H-\xdc.xn\x81\x19(\xe1\xdc\x87\xf7T\xc4\x8b,\x87\x84d:P\r\x837\xd1l3\x9c\t=\x7f\x8f\x96H1\xab\xff\x92\xfd\xc7iU,\x1e\x88T9\xef\xb1\xae&amp;\xa9q\xc6W\xde;:\xb2\xedX\xb9\x7f\x124\x89\xd7\xb4\x8d\x06\x0e\x0b\xeb\x1au7K\xbe~\xda\x17\x93\x97\x0bu;\xa5\xfbF\xdc\x850C\xae\xdb\x815\xed%c\xdc\x91\x8ck-N\xdfE\n\xf5\\\xe1\xa4\x9c\xe5\x11f\x96\xe0u\xa6"\xb0\xce\xe8\xa6\xaa\x93\xc4\x07\xe2w\xd0oC\xbc~\xa3\xa8\xb0\xa2\xf1\xcc\xca\xf0r\xb9\xc7\xd4\x98\x02/\xa4\x80\xdf\xc8\x05\xcd\x96\xcdN(h\xb6b\xa6\xf3\x9d\xe3JY\xa9\xe7\xc7\tax6f\xee\xe1\xcc~\x9ai~\xf8#\xf4\xa5\xfb\xe5\x0bj4b\xeeI\xd0\xbb\x94\xc6\xc6\xeeT@\xda\x06\xfbX&lt;s\xa0\xa9\xef\x03\\"\xaf\xc6+\xe6\xaf\x95\xbb/\xeb\xc1[]\xb6\x9cr\xde9m\xaf\xe7\xb0\xc9Z\xe0\xd8\xb8\x0b\xad\xac&lt;\xd18\x08\xa8\xb8\x7fM:KT\xe7\xef\xf9\xcc\x15\x87#Y\\\r\xe6P\xb6\x1f\x86\to\xba\x00Sm\xcf\xa63&lt;@KQC\x8e\x95I&amp;\xbd\xa0\xd8\x8b\xe9QGDJ\xbbA\x81\xec\xee\xf3\xea\xe3\xa0Q\xa6\x86\x81\xa9\xb3\x1e\x91\t}8\xe2\x88\xa9\xa7U&gt;\xbc|Xt\x82\xf7\xae\x1dN\xe7\\\x9bV\xd2)\xdc*7\x83TH\xf0\x81\x91G\xca\xec#\xc2oE\xdd-T0\x1e\xae\x97+\x9b%e\xd6C\xb0\x19\x8a].a5\xe0\xcb\x18\xbb\xaa\xfeF\xaf%\x92\x96\x88\'V\xf5w\xc4\xc8\x85,\x1c\x95\x95\xa4J\x0c\xc3\x11,\xf4p\xf2d\x93\x8e\xb7~\xc5T\xff\xe5\x13\xab\t\xaf\xf9tw~\xb54\xe3om\xc8\xc3\xffM\xe9\xa3{@\x91\xb0$\x11\xd3\xbf=\xdb]\xac\x91\xa1\x9a\xd6\xcb\xb7\xea\x0eg\xacA\xfdFH\xf4\xcdB\x86Lf\xca\x18\xce\x94v\xce\x93yt\xeb_\xeft\x95\xb2\xc8\x9bR\x12J\xb6H\xf8jH\xfd\x88\xe8\xa0\x85\xf5\x85\x01o\xa94c\xcc \xf9\x91\xf7&gt;.\xdd \x04Q\xbe\xa3\x824\x19\x00\xaa\xbd\xe2\x0f\x92\xdd\xd3\x0f\r\xd4\x1a\x03j\xe4R\'w\xbaQ\\\x10w\xb5\xb4\xb7\x8eMaV\x0cN\xecR\xc8\t\xf4R\xc6\x1d&lt;\xaa\xa7\x92\xbe\x19i\x04\xb3-\x14)\xb3\xd2a@\xed5\x10\xdf\x84~\x15\xda~/\xc5\xee\xc12L\xbb\x05\x93Is\xb0\xec\xfd\r\xd3\x89\x84H\xe2\x05;\x7f8\xb6\x1b\x02\xb1\x7f\xfe\x99\x9e\x8d\xcf\xa8\xd2\xf1\xafS\xe0vUtW\xc3\x8d\x93w\xecm\xcb\x18\x9fD\xee\xaf\xffQ\xcb\x7f+\xa7\xb5\x07\xf3q\x84\xa85\x98\x9db\x81\xe7?\x03\x15\x88\xfcT\xbb)\x16\xd4\xd02k\xa0XR\xdf\xa3\xfa\x1e\x81\xc3\xf6[\xc5\x14\xe3\x8a8\xb2\x94\xf3\x1eh\x95\x90\xf5\x98\xc0Iy\xce3\x1b\x7fX\xd3"\x18\x1b\xa5J\xd1\x9f\xde\x94\xb9\x82\x87\x1bc\x99\x1fe(6\xbe\xfe\x10D\xa5WK\x93pTC\x94L|q\xe2\xf9\xc2\xd2K\xe4\xb2ZG\x01\xb3\x11&gt;^P\x18\x14\xfd\xc1\x18kU\xd1\xf8N\xbd?0\xfa\xad\xa7\xa6||\xf3\xa4\xe6\xb6\xcd\xaa\xb9&amp;\xd3?\x01\x89\xeb\xc2Y\x83&lt;\xbb\xfd\x1d\xd3\xe7\x04y!\x05\x12{$\xf5=\x1a\xb3h\xdb\x1b\xc6\xf6!\xcch\xb4.d\xff\xa4E\xf7\xb8I\xd0w\x03\x1f%y\x10\xebKY!\xd1+\x80\x9c|\xd4\xce\x88\xec.\xd0\xcaI\xe2e{\\~]\xb8\x93\xf0\xecD\xd9\xa9\xbe\x9d\xf7\\@"W\xf8\x11\xcb\xa9\xc9\x0b\xe9\x11s\x18\xf3\x8e\xab\x1f\xad[\xcc\x86\x98\x90\x06X\xe23S\xdd?X\xe4\xafX\x9c\xe8\xe2?\x8a\xf8\x88\xc8aK\x94\x8fR..N\xda\xbf\x16A\x88\xab\xca\x00k\xe1\xb9\xb8h\xb8\x85\xa1\xa5t]&gt;\\G\xa7p\xb7{zft \xf1\x83\x1a}o\x02\xccZk\xb3\xbb\xa2\xc0U\xc7g\x15\x04\xa1N\x96\x8c\x01\\z\xf3vi+e\x91/\xa9\x14\xbe\xfa,\x9a&gt;\xc0\xd3\xf8\x93U\xd3\xe8~R\xd4\xd6R$\xab\x84\xe6\xc8D/\xff\x1d9\xca\xe0?\x1ee\xfd\xb8G\x8d\x98\x81\x9e\x15\x8b\xa6\xd2\x8e\x12{\xe1\xcc\x81\xe23\xf0$\xc2? \xfba\x0c \x02\x0b\xcd\xb3\x03*\xb8\xc4\x1d0\x9e\xfb5?\x9b&lt;dz?\x98\x844vp\xd7\xda\xa4\xb0\xe6\xf8\xe7\x8a\xcb\xfd\xee\xb5\x0e1a\xb2\xa6\x0cI\x1e\xb5\xe5.\xc1\x14\x1d\xe5\xfd\x92\x07`l[\xac\xe7\xff,\x9c\xdf\xdc\r~p\xb2\xe5\x07\xdf\xacB\x12?\x87\x92\xfa\x18o\xc4\xe2\xf6o\xa3\xce\x95(_\x89\xdd\xe7\x18\xe7Zn\xbc\xe4&amp;\xc2\xa6g\xc3)\xd3\x8e\xe9\xe9\x0e\xad\xf8EgRFQ\x89M\x07\xdb\xa9\xfb\x9f\xbb\xcf2x@\xc8\xcd,\xbf^\xe1\x01Zj\x85K9\x84Z\x97\xa1\x1b\xa2\x93\xc5(E9\xdf\xba&lt;!\x04\xae\xcf\x11\xae\x068X\xb2\xc4)6\xd4\x14\xc2|:\xe8\xc2\xa5JDn\x1c\x90h\x8a\x17\xe86A\x07\xdd\x81\x8favA6;\xbb\x8d\xbbQl\xc2\xaa.=\n6+\x82\xcd\x925LY/\xae\xe1\x9d&amp;\x8b4]k[F\xb8[2i\xf4:M\xaa\xd9\x06O\'\x0b\x8a\xee\xec^\x9c\xf5\xc7E\x827\xf9=\xe4\xe2\x0b\xd0\xd5n,\tTY\x8ed\xb0\x00\x06\xb6a\xa7\xedQ\x90\x97\xdb\xdb\xd2p\xc4\x91\xcd\x99\x1fc\x04\xad\x9fp\x979\xceaZ\xc6T,\xddGh\xd103,\r\xdd\xd4doy\x99)]\x14@\xdeO\xda\x04&gt;nR\xe4l\x1f\x1a\x9f\xa9N^+\xbf\x08\x07\xe7\xbb_\x99\x18\xd2\xd3\xc6\x14\xb1\xd3a\'\x96|\x03N\xf6\xa5&gt;\xfd\xdf\x8a\x88D\xa3u\xd5B\xaajR\xfd\xa86\xd8\xf07\xea.4\x8e\xbcc\xdeR\xef\x01\xe7\xa6~\xcf\xbf\xff\x93aj\xd3\x96\x8e\xca}\xb2\xaf\x15\xf7\x011\x1a3\x17\xed\xca\xdc:\xd9X\xbd{-rI\xa7\xee\xd9;D^\x82\x98\xdb\x90\xb6\x02\xcbu\xe3\xb7J \x1d\x03\xbdER\xa1\t\xeb\x95\xfb\xb8\xb6\xb7W\x14\xcay\xa6p\xb5p\xc4o\x17}K\xe0\xc2Up\xc8Pd(o\xf90BS\xe3@\xe5\x00\xe5\xe8\xad\x08\xcf\x99\'\x9c\xfb)1\x7fX\xea\xd9?g\xa7\xcb\x90MJ!!jd\xab#R\xbd\xc2\x15\xdd*\xedj\xe8\x83\x14\x962\xe0\xac!\xf2\x12}I&gt;\xa2\x06\x0fu\xfa@J,\xe7t\xc1\xb4.\xcf-\xf9\xf0&lt;\x01\xb52\xbc\x9e\xe4a\xa8\xd7\x07\x9cw\xc3,\x14g\xb0ld\x85\xc8`&lt;\x88,\xeb\x8e\x1c\xeeKJ \x89-\xbd\x8b\xc3F&amp;*\xcf\xc6?\xb7\x8f\xadt\xc0\x1b@B\xf1\xf48\x9d[\xc7\xe9\x96G\xac\xd1?\x99\xd1\xf1t$\xc3\xea\x02\xc9P\xc7\r\xad"\xd9\xf2L\x10\x0f\xed\xdfD;K\x8c\x7f\x08|\xf9\xe81\xdcd?\x99\xf5\xfe\x8c\x9c1\xc2*|\xdd\xb8\xac\x05\xf9\x07\xb1vL/K\x081NK\xe7\x8b\xfe\xd9\x16\xfa\xef\x81\xf3\xc5Qi\xd0J\xaex\x01*\x1b\xf5A\xf1\xbf\xc9"\xc8V+\xfc\xfe\xad\xac\xa42\x0fW\x1aKD\xe6\xc6\xef\x87l_\xe1\xf2\x94\x08\x80\xf6v\x0c\xa9\xdd\xde\xcc\x86\x9fU\x8b4\xdc\xd1&lt;8\x03\xabXqu\x1d\xdb\xcd\x8a\xbc^,&gt;"#Gx\xda\xc8i\x0er\xafV\xe5S[\xce\xe6\x98)B\xec\xdb\x06\xbb\x16\xdd\xfb8M&lt;\x1d\x93h\x02k\x8bpqo\xb9\xa8xQB\xfb\xccn\xbe\x10\xd7\xda(&gt;N\xed2\xcb-\xefm,\xc8\xbc\x884\x0c\xfcQst\xea\x89\xb6wE\xc4\xbb\xf2\xbaj\'\t`\xe4\x7f\x0bN\xd9]\xa1\xea\x9f\x01\xcb\xb7\xbb\n\xf7\xde\x8e\xa6[\xfd1E/=P\xab!_\xb4\xcaI8$.\\v\xa7~\x97\xbe\x0e\re`\xc53\xfe]\xa8d\x04Z\xb2\x97\x08i\xc6\xddF\x11X\xe6\x85\'\xfa#6N\x15\xd8`\x03d\xb3\x85\x93\xfa9\xf0\xafj\x86\x949Z\xee\xb3ghX\x16\x1b\n1w\xfd4d\xa1#\xb2\x07f\x12D\xde\x1eB_\xaa\xfa\xfe\xe8p\x05\x04\x12\x1e\x91.?{\xb4_\xc8g&amp;4\xd3`h]\xd4\xf4\x04\xcfn\x1bJ\xedX^\xd9\x9e\x7fn\xbbH\xfa\x92\x84\x88[\xde\xaa\xbf~\x9c\x7f*\x93\xbf\xd8]\x99\xe9\xee\x8f\xe5y\xd7\x8d\x95\x95\x17\xc9\x8a\x97G\xe2\x8aiAr}\xbeC|\xd5\x00\r\xdcA\xa2\xca\xa0\xec\xd5q\xca\xb1q\xdf\x80\xff\xf1v\xca(\xf8H\xf8\xbc\xb76mII\x030\xcc\x04\x8d\x18\x87r\xd9\xbf\xd0M\xc4\x85\xf3\xab\x11\xd6_\x8eg\x91\xdek\xa7\xbb]\x93K\xf6\xbf&gt; \xb0; \xfbp\xba\xb5c6\xbe\xb7\xfa$\xa5\xe1\x1c\xd4\x00T\xccJu\xa1D*~*\x04\x13\xc6\xcf\xc7\xdf\x7f\x0bA\xe0B\xd7\x83\xfe\xa1\xda^\x140\xca\xda\xa6\xf7\xb6%^\x1dE uB\xbdS\x8ee\xc2\xda~\xf7\x93\r\xbe\xa7\x12\xa8\xbbc\x02\x11\xd9-I\xf9\xab\xb7^\xb4E\xca\xdf^\xe1\x05\xb5\x8f\xad\x01\xf4b\xe8\xb8\xd4\xf8\xa0\xaci4P*\x81&gt;\xd9\xb06\x83\x02\xc4\xd7\xb4\xdat\x02\xf8\xb9&gt;\xbcN\xdfO\xf6\x04|\x8c\xe5w\xcf0iU\xc5\xd8\xbd\x86\xa8\x10\xe2x\x00\xe0\x0c\xb5\xd4\xa3\xdf\x17\xd4Um\x9a\x9e\xac\x92J\x16)6&gt;&amp;\tS\x1e\x15\xfd\x96\xc2\xb3[\x03\xe3\x05\x05\xc6\xcb\xacXvukap\x0c3\x1eo\xad)\x84&gt;3s\xd6\xc3\xcf\xd0\xeb\xcc\xbc\xca\x08\xc9\xe4\xa0\xcc&lt;`\xcfN\xdd\x93H\xfe1\x951\x84\xae&lt;\x80\xf9\x8e\xaa\x9a:\x8e{u\x90\x03\xbc*Y\xd6\xb6\xa5)\x98GJ-\xcf\xff=\xf3\x0ed}[(\xb6\xd9\xdd\xf4&lt;#\xe2\r\x85Z\xcaf6\xb2k\x1a\xb6\xcc}\xbeH\xae\x99\xa5n\x9d\xf1z\x1e#\xe1\x86z\x8b\xd8C\x82H\xaf\\\x18\x9c\xb0\xabP\xd4A\x19\x19\x84\xd4;\xa8\xf9\xc5B\x9d6l\x96\x7fO-\x97\xe5\xcb\x18\xc9\xff2\xf7.2W\x85\x93\xb9?\x9e\x1e\x1a\x19\xc0%\xf8$xm\x05u;\xba\xa3\xd0\x187\xb8\xder&lt;Ah\xf6\xcf[\xfd\xc2\xc6P\xac$\x18\x00n&gt;\x96\xb7\x11^!\xe1\xe3\xd2\xee-\xac:3\xe0j\xf7\xc7\xa8\xdb\xfe\xb8\xb70\xa8\x9c@ \xd9,\x81\'\xd4\xfe(x\x7f\xf9p7\xa8\xf3S-\x0e\x1e\xdc\xbf\x81{L\t\x05\x0b\x82&gt;\xd1\x87F\x94\xfc\xd0\x1ez\x19\x99k\xd1\xb1\xfdE\xfaI\xb6\x17\xaegO.YAY\xcb\xac\xdb\xd2O\x82e#Yv\x0c_\xa5\x999\xd5\xdc\xa4D\x12\xcegBF\xf5\xb6\xc0\xe7\xee\xfbm\x8cX\x18G\x80l1\xa3$g\xbe\x9c\x9c58\xb2\x16\x990VI|L\xbc\xf5E^\x06\x14\xeb&gt;\xbc\x85\\\x15+\xb4\xe2Z\xfcN&amp;j\xb0l\x01A\xa0rF\xb5\xc6\x0b\x8f%\xe5j\xd7\xae\xad\x13\x151\x89\x00\xd2\x1f\x03\x04\x15LTy\xa1\xfd\xfc\\\xdc\x91O\xce\x8f\xb1\xa6\xa3\x90'</t>
  </si>
  <si>
    <t>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</t>
  </si>
  <si>
    <t>b'\x12\xe2\xe2\x92\xd6e/A\x1dB\xf9\x98\x16w\x06\x19'</t>
  </si>
  <si>
    <t>little bottle that
stood near the looking-glass. There was no label this time with the words
â€œDRINK ME,â€ but nevertheless she uncorked it and put it to her lips. â€œI
know something interesting is sure to happen,â€ she said to herself,
â€œwhenever I eat or drink anything; so Iâ€™ll just see what this bottle does. I
do hope itâ€™ll make me grow large again, for really Iâ€™m quite tired of being
such a tiny little thing!â€
It did so indeed, and much sooner than she had expected: before she had
drunk half the bottle, she found her head pressing against the ceiling, and
had to stoop to save her neck from being broken. She hastily put down the
bottle, saying to herself â€œThatâ€™s quite enoughâ€”I hope I shanâ€™t grow any
moreâ€”As it is, I canâ€™t get out at the doorâ€”I do wish I hadnâ€™t drunk quite
so much!â€
Alas! it was too late to wish that! She went on growing, and growing,
and very soon had to kneel down on the floor: in another minute there was
not even room for this, and she tried the effect of lying down with one
elbow against the door, and the other arm curled round her head. Still she
went on growing, and, as a last resource, she put one arm out of the
window, and one foot up the chimney, and said to herself â€œNow I can do no
more, whatever happens. What will become of me?â€
Luckily for Alice, the little magic bottle had now had its full effect, and
she grew no larger: still it was very uncomfortable, and, as there seemed to
be no sort of chance of her ever getting out of the room again, no wonder
she felt unhappy.
â€œIt was much pleasanter at home,â€ thought poor Alice, â€œwhen one
wasnâ€™t always growing larger and smaller, and being ordered about by
mice and rabbits. I almost wish I hadnâ€™t gone down that rabbit-holeâ€”and
yetâ€”and yetâ€”itâ€™s rather curious, you know, this sort of life! I do wonder
what can have happened to me! When I used to read fairy-tales, I fancied
that kind of thing never happened, and now here I am in the middle of one!
There ought to be a book written about me, that there ought! And when I
grow up, Iâ€™ll write oneâ€”but Iâ€™m grown up now,â€ she added in a sorrowful
tone; â€œat least thereâ€™s no room to grow up any more here.â€
â€œBut then,â€ thought Alice, â€œshall I never get any older than I am now?
Thatâ€™ll be a comfort, one wayâ€”never to be an old womanâ€”but thenâ€”
always to have lessons to learn! Oh, I shouldnâ€™t like that!â€
â€œOh, you foolish Alice!â€ she answered herself. â€œHow can you learn
lessons in here? Why, thereâ€™s hardly room for you, and no room at all for
any lesson-books!â€
And so she went on, taking first one side and then the other, and making
quite a conversation of it altogether; but after a few minutes she heard a
voice outside, and stopped to listen.
â€œMary Ann! Mary Ann!â€ said the voice. â€œFetch me my gloves this
moment!â€ Then came a little pattering of feet on the stairs. Alice knew it
was the Rabbit coming to look for her, and she trembled till she shook the
house, quite forgetting that she was now about a thousand times as large as
the Rabbit, and had no reason to be afraid of it.
Presently the Rabbit came up to the door, and tried to open it; but, as the
door opened inwards, and Aliceâ€™s elbow was pressed hard against it, that
attempt proved a failure. Alice heard it say to itself â€œThen Iâ€™ll go round
and get in at the window.â€
â€œThat you wonâ€™t!â€ thought Alice, and, after waiting till she fancied she
heard the Rabbit just under the window, she suddenly spread out her hand,
and made a snatch in the air. She did not get hold of anything, but she
heard a little shriek and a fall, and a crash of broken glass, from which she
concluded that it was just possible it had fallen into a cucumber-frame, or
something of the sort.
Next came an angry voiceâ€”the Rabbitâ€™sâ€”â€œPat! Pat! Where are you?â€
And then a voice s</t>
  </si>
  <si>
    <t>b'\x89#\x82\x10\x885\x85\xd4ii\xa7\x91*~0&gt;\x00\x860v\x01\xbbu\xad\x7f\xb4\xfb\xaf\xbdw\xf3P\xb8s\xcf\x9dr\xbb\x8e\x93G\x8e\xd1\xf8C9!\xd3\x0b\xfa\x02C\x1b\xafh\xb3z!\xe8\xce\x90\x99\n\x1d\xb5\xa5[\x14\x04\x11\xe1;\xef\xc6c.L\x83\x94\x0e\xb7\xe5\xdd\xec\xf2\x13\x84\x14\xfe\xb7\xcd8\x14E\x84O\xef\xd4\x94\xb0\xb5\xc1u\x13\xe9\xfaQ\xc7\xa6)#?t1\x9d\xfc\x88\xfb\x0ff\xeen8\x8cna\x1b\xd9Se\xd9\xc6\x87\x00\x93[\xc7g\xe1\x02\x0f\xd5\xe8\x86R\xbe\xddw\x8bi\x13\x91FIR~\xb6\xfe\x88B\x9a\xf9\xaff~\x88e\xdf\x1a-\x1d\x81\xda_\x93.\xaah\x95\xd2\xda\xd2C\x16A\xfeH]\x01Z\xc6w\x0075MG\xb5X\x15\xd6Z\xe2U\x87\x92EN/\x9e5\xe6\x88\xb2P\x01\xf2\xb4\x0c\x93\xdeA\xbdIp\xce\xdf\x81bJ\xdd-v\xfd\x15?&amp;\x1e\x16\xcf\xf2?\xdc"W\x8a\xed@k\xb8\xa0\xf5S~\xcf\xb8\xe3)\x16_\xce+\x98z\x9d\x00\xa7\x00\x0f\xee\x19\x87\x06AM\xdb\xeb\x83}\xea\xc3\x80\xec\xe60\xc0*\x0e5\x9c*}{\n\x80\x91\x85\x13m\xfa\xff\xc4e\xf8\x19x\x83\xeda\xa11\x84\x03\xa8c\x1b\xac\xbb\xfc\x15\xd7\xa0\xa8\xbb\x1b\x1e\xa2\x00\x93WtI\xde\x04\xaeo\xfe\xf7\x007\xbax\xb6|\xcbQ[x\xf6\t\xeb\xc4\xe4Xt)V~N\x93w\x0cy\x8bN\x86\x93\x1c\xc5\xb9W\x93\x18g5\x1c\xfa\x89\xd6\xa5?\xa2J\x06\xa5k\x16.\xd1\xa2\xcez\x9fp|h,\x81f\xcf\xe8\xde\xee\x06\x1f\xe6@\xeb\xb7\xc1\x821\xa3\xfe4\xe7\xfa@\xd9\xe0u\xcc\x15gD\x91\xc9\xca\x91\x90\x94\x03\xfdi\xd1\xbc\xd6=\x7f\x82\xa0\x80Z\xec0\x869\xa4&amp;\x0c\xfd\xb5\xc7\xc97\xfc*\xadI\xfa\xd2U\x94\x91M=\xc4\xeb\xde\xc2&amp;\x0c\xe1\xd8l\x8fgW=\xafa\x0b\x84\x8d5\xf0\xf2L\x0f\xd5\x1aZG\xca\x89\x86lL\xfc\x9e\xfb4Di&gt;\xc5)\xb7\x18\x9b9\xeb}@\xeb\xf7\xfd\xfd\x03\xe3F7\x05w\xf7h%\\\xaf~\xc4zj\x14F:P|\xae#\x8b\x8a\xac\xd8A}\x96\x9fs=\x96\xd6da\xff\xa9\xe5\xfc~\x02X\x12\xc6\xd0\xc9F+\xd0\x94\xff\x87y\x10k\xa8\xc4\xb4\xe2\x1f\x17\xea\xa7\xaaU(T\x0b\x06\xe1\x89\xef\xa5\x12c\xf5_\x13\xfb\x9d\xe3\xe1\xf6\xc1`\xbd\x95%\xee\xe4\xa5@\x05\xd9\xf8\x12\x8f\xae\x80\x1a&amp;\'HJ_?\xf7\xba\xe6|l\xffT\xe9\x0f#\xe4\xa8\xc01\xa2\xe4\x84\x9d)\xca&lt;\xb7\xef4\xa0u\xeer\xe4\x15CvB\x1e\x8c\x91qm\xd6Xd\x879\xbb\xcd\x82\xad\xb4\x01\x17\x83\xb1\xdcN\xd1E\xff\x13\xab]\xc0\x1c\x0f\x8cbK6\xd9\xe5\x83\xdc"\xe5&amp;g[\xd3C\x897\xc2C\xda\xae\xf2\xc2\xc4\\z\xfb\x18\x8eN\x92_\xa5\x92\xbf\x16\x91\x1a\xd71\x14\x05H\xb6\xd85\xdd\x86\x8b\xb5\xf1c\x91\x03\xa6K\xe6G4Ez\xfb\xb3\xa7\xa2&gt;=:\x87\xa8\xe2\x9b\xcb7\n\xdd\xf4\xaf\x1f\x0b\xc1`\xf7D\xbdp\x10\x83\xd5 :\xab?\xed\xdb\xf6\xa3\x05\xb5\xc2\xe6\xa3\xe1\xe0\x93\x88\xf9\x93\xa2R5|\xca_2\x7f~VW\xc3\xaa\x87k\x98\x85\xec9Us\xbb\x1b@8b\xce\xc5.\xda\\s+K\xf6\xfaz\x81\x97\x9bm^:\x86_\x87\xee3\xaf\xfa\'\xdb\x19Q\xdd\xa8\xd8h\xed\x07\xc9\xea\xcaI\x02\xa7%\\\xcd\x8cq\x80|~\xd6\xe33\xda\xf0\xd2\x06\x89\x91\x03Od"\xd1L\xbdw\x8a\x9c\xdb\xfa7\xe3\x17\xa0\xa6\x02\xe0\xb1#\xfb\xac\xdb\xcaG\xdf\x12\xe9\xe2\x19o-v.o\xf0%7\xe7+? \x8e\xc6(^&gt;k\xa7={\xc7L\xd5w\x18\t\xe3\xefL\xb0\xee=\x9c\x9c/\x84,+\xbab[l\xba`\xfe*\x83\xd9a\x8f\x96&amp;\x81\xf4\xd0\x87(`\xe2xA\x9a0\xd8V&amp;\x0c\xab\x02p{8\x7f5\x9cZ\xc4u\x00\xfd\rh\xb6q\x0b\x1e7 s\xf3\x97\x90E\x05r\x1d\xb2\xf9\xec \xcc\x13m{\xd0S\xa4i\xaax\xc9\xd82\xf2\xa90TS\xadH}\r\xc9\xe3\xfd\xb8L\x99k\xa7\xe8M\xe1GL\xaf;j\xcc#\xc5D\xc5\xa0 \xc5=\xd5k\xcfs\xa7\x88\xbfv\x1b!\xeeP\x83J\x18\xf1#87\x8d\x96\x1e)\x05\xba\xb9\x89I&gt;Zj&gt;\xda\xdb\x7fz\x17s\xa1\xac\xef\xc1\x03\xf6\xa2\xe3\xbdxM\xdd*\x18\xe0fO\xb79\x18~\xf6\x01FX\xf1{hl9\xd6,\x0e\xd9@m\xcd\xa8\xee(o+\xe4\x8d\xac;\xfa\xd2\x7f\x1b\xd7Ht\xb4\x9b\xbb\xbd\xb3\x81\x87\x1f\x82\xbc\xab\xa5\xac\xf4\x02\xe7\xe6\xfe\xf9\x9b\x03\x94x\x97\xf5\x90\xc5YFud\xca\x9f\x1e\xeb\xd8[\x9blJ\xa3\xf3\xf2\xc8|\xbagu\x8e\x90\xc8D\x9f\xf6\x03\x92&gt;S\x7fbR\x19\xd8\xed\xa99\xcf\x96Cj\xd11\x93\x97\x89\xae\xc9\xa0\x12%x\xb3d\xb0\xe5\x19\x86:\x04\xaf+Gj\xbafz\xd4UC\xdbm\x05\xa7\xead\xc7\x89\xc1p\xd3\xce\x8c\x80}4HZ\xda\x83\x87M\xcb8~\x05\xb5+\x896~\xfbp+g\x0e\xf6\x19\x964\x99\xab\xd7\xc0\x83\xa2\x12q\xb1\xe2R\xa6\xf7\xf3B\xd62\xb9\xba\x06\x9e\x11A\x93\x15h\xe0\xd7)\xf8[D\x07\x92\xa9\xb0\xb0\x1f\x9d:\xb7_C\xae$;\xe1\xbe\x08J[8\xc2\x1e\x9c\xf02\xa9B\x88Y\x115\xf4\xe3\xceY\xdb\x07\xd5\xe4\xf5\xfa\xdfqn\x1c\xd1\xb5\x14\x04\x04/\xd7\x18;\x89R\xef\xa6\xf5\xb0w\x89\x19|`\xed\xfaSr\x00\xdf\xe6\xae#\x16\xfb\x95x\xf6\xfb#\xf7\xb3\x03\x93\xf88\x8f\x1c\x99\x85\x17?\x8f\xf21\x8c\xce\x95\x9e\xea\xaf\xd0\x14cT\x13`\xb7M\x13\xac\xd4 \x8b+#X;\r\xb4;\xb3YE\xd5[\xb4\xc4{o\x05.\x85X\x82=\x8a\xda\xcb\x80\x1d\xe0\xda}hJx\xben\x0e\x02GP\x9a\x93M\xd3*\xd7\x94\x9a\xb4\xabz,&amp;\x0e\xb0\xf5htq\xba\xe2x\xa9$\xd66\x11\x10m\xbcj\xfd\xa2^Y\xba\n^!\xc2m\\TG\xa1\xca\xbb\x05 \x90\xab\xd3\xa5\x80\x08\xc5\xc3\\h\x15\xa6\x97y\xb1\xc6";\xe6\x16\x1c|\xc4C\x16\xe2t\x9b.\x07"\xe3\x7f[\x1d\xc2o\xbd\x86\x14\x88\xf1\xe3\xba\xd0\x17m:E\x14Ay\x85\xd8O\xdesA\x90\x7f\xe9\xd9j\xc0\xd5\xdav\x17\xeaJ_|\x88B\xee:\x7f\xd2\xf2\xf1\x06m\x1d\xcaR\xaaa\xdd \xa1\x0ei\xa9\x83\xfblA}\xd3xB\x1d\x90\xc8\x02\xfeOD\x07F\x9cy\x02\xf9\x05\x8bO\x95\xe8G\x8c\x10x\xef)\x8d`\x02\xfcg@\xe6\xcd\xf7\x19\xb4\x99&gt;\'\xb7\xe7\x97\xcc\x80\x1a\xff\x06lS\x13\x1f\xfc\xe0J\x8b\xba\x86=\xfd\xa2\xe1b\xa8\xa1T\xe4\xdb\x04cm\xd8\xf1\x85O\xaf\x17\x18\xb1\xc8\x8b\xbd\xa4\x87/\xe9S\xda\x13I\xd2\x95r.\xb1\x8aB*\x8e\xd9\xe5\x17\xdfSK\xdf\xa98\'\x1dkf\x14y\xa3R\xb2\xa4\x8f\r\x90r\x03\xa8\x05\r\x9c\xfb\x9eZ\x9d\xc1iR\xf2f\xe75\x1b\x8eJ7\xa3\x8b\xd5\xb6,\xea\x97&gt;\xad}\xf9\x8d\xe8\xab[\x04\xfe:\xd9*8\xdc\xac\x9db\x8d\xcc\x016}!\xb1\x84\xd6\x0b\xc7\x0b\xff\x8cf\xaa\xe2\xcc[\x9f\xa5\x8e"r\xe5\xcc\x1a\x8d\xab\x08$dQB\x01\xd1d\xda\xc7\x8fsX\xe1R\xf2\xf7QZ\xbd\xf6\xefQ^\xcd\xe5\xff\x06\xb5]\xfa\xf9z,H\xbc\xb8\x16\x01\x11\xfc7+\xf2\xd2YC\xb6\xaa\tJ\x9dV\xe8\x9c\x08b\x8a\xbcl\xe8J\xb2GGj\xda\x870\x18u\xa4\xffP\xda\xb9h\x15\x13\xa4\t\xc0Vi\x8f$\xb7\x07\xfa\xee&amp;\xe5\xef\xb9\xe1S\x97T5\xa2\xbdY7\x0f\x0f\xc4\xe6\x16~|\xb3\xd9K\xbb\xe7\xc7\xcf\x84\xaa\xc1\xd9^\xc7\xad\x11\xf2\x01\xfb\xc6\xa4\xb2\x1cy\xd6\xad\xa0\x83)&lt;\xd4\x05\x8e\x92\x93\x12\xcd\x00\xca\x12}\n\xaf\xef\xa6\x82)\xd5\xf3\xdb\tT\xd7u6dDm\xbfE\xe8\xb3l\xa2\x1fb\xe3\x86\xf4\x90\xd3\xe1\xff@1\xd8\x82\xde\xbe\x00\xdf\x82\x8aCW\x15\x13\x02\xd3\x93\x7fYD\xa6\xb9\xff\x19=V\x12\xf1\xb9Y\xcf\xf0_\x8c\xe58\x00\x10\x06\xc4\xe0\x7fHh\xca\xd7\xc6u\xbfR\xb9k\xa9\xd3.\xdd\xc0\x1br\xa29\xab\x0c}\xde\xd9+\x84\x1b8\x969\xdb\x92\xcd\xbe\\~\x83dn\xe2\xd4\xd3\x9cU=V\x06\xc8\xcc\xff\x1a\x86\xab\x03\xd07\xe9\xeb\x89p\xc1=\xd9\x8d\xb4\xdd\x85\x81t\x1e\xf5{\x0e\xff\xb8bC\x1f\xaa\xaa\xd9\xaea\n}*Q]\x8d\\\xb2\xca\'\xef\xdb[&amp;&gt;\xc5\xb8\xd8\x7f4*\x98\x86\xc0\ty\xec*;\xa0Wr8\xc9h\nO\x07(\xb3\xf5Oz\x86-SV\x98A\xba\xf1\xb9\xffU\xb3\xe4\x7f\x87e\xaa\x04\xc9\xf0\xfd\n\x18l\x97\xe8!0\xee\xa0b\xa2Q\x1e\xd3I\x1c\x9e\x08Y\xff\xdaS\x8f\x0f}\x84J\x00\xabD#0\x05!:^D\x08/,\xa6\xc2\xafl\x07h\x86sR\xa5W\xc5=\xf1WKI\x1d\xb2o\xce\x17\x89\x89\xc6rO\x8bb\x86~\x1fl~+\x97\xfb\x1aXC\xe47c\xef\xdc\x00\x9cI\x94\x8bf/\xb2\x9e\xdei\xf93\x10@]J\x19\x0c|\rL%6R\x84Hue\x869\xffu\x84\xdd|\xe4\x17\x94\xbf\x1d\xafx\x8e\x93;$h\x8e\xdc\xa9xfjK\xdf\x92\x92I\n\x96\xc00W\xbd\xc7\x08\x04Hg\xbc\xac\xe0&lt;f\xd7\xbc02\xcc\xf4\xa5:U\xdd\xc2\xb1\xf8\xa0\xd5\x83\xeb4\xcb3\xc7*\xd31R\x1a\xe2\xf7\x08\x17\xc7[\xa3\xa9[\x827\xca\x03\x02n\xaf_\xc2\xa5RAI\x90\x0f\xaeq\x03f\x9a^B9\x16\xbb+\xe4S+\xd5@X\xbd\xe2&lt;#K]X\xd9\x84\xdc(\xb2\x91\xff\xe48Y\x17\x9a},\xc2N\xee\x15\x07\x80&lt;\xa5\x9e\xe70\xfb&gt;\xfat\xb7\xcav\xa0BP\xe4R\x1c\x8f\xe4#t#\xca\xbaA^\xed\x9d|\x1e\xc3=\x97\x16\x8d"\xdcr\x15\xecQP\xa2\')\xe3\xec\x85:(\xa6\x89\x93\x07\xaf8M\xf5\xf3\xfen640m\xdd\xaf\x90\x00\x90\xa0\x0c\xea\xbeH\xcc\x9cd\r~:\x8e\xc3\x81{\xbc\xb59b\x08\xc8\x81\x07\x1aa\x8c\x048\xd5z6\x18\xb5\xa69\xb6~\x12m\x01#\xb2\x1c\xb3\x9d\x15\xea\xe3\xbd\xad\x8d\x00a(;\x19\xc2F\x9c\xf12\xe9\x14y\xe6/\xf7\x1d\xd3\xb1\x0cZoK\xa8\x1f4\xc0\xac\x17\t\xa1\xf8\xcc\x85x\x12\n\xec\xb4m\x14\xc9\xca\xde\xda\xfa\xcc\xffs\xa0\x9c\xfae\x1dep"\xc6q\xce\x117\x02\xc0\xb4!\x91\x8e\xb7\xb2\xc8$\x16\xae\xe8[\xd2\x1e\x90G\xfb\x13\x8b\xd1\xd3]a\xf9\x90i\xf8\xe8\x19g\xb4u\x0e7Y^\x1c@\xe3\x19\x96\x1b\x11\xc3\xd0`\xf4\xd02\\D*\x0e\x0f\x1d\xd4\xe1\xe0X\xd4|\xfb\x97\xd1\x07\x9c\x8c\x89\xd8G\xe3\\TY\x0f\xff\x85\x17]\x18\x07+M7\x85a\x1f\x9f\x95\xbb\x14Sd\xe2v\xae\xd0\xe6w\xf1\xf2G\xca[jg\xfa\xf7\x93\xca\xee\xfd \xbb(\xa1\xc2!!\x870\xf3S\xda\xf8\xe6\xdd\x9b\xd3\xbd\xeb\xf8\xca\xb9\x9d\xf5U\xcanx Ip^\x01n90\xc3^_\xa3F\xae\xa7\x9c:\xbe\xc6\x06V\xf4c\x12hb\xaf\xee3Pl\x9av02\xec^\xec(C\xed\xf2\x0c\x92\x17\x10\xe9\x7f\x12\x1b\xf6\xc8h\xb7\xd6v\x06un\xd2\x8b0\x03d\x8b(X\xe0\x07\x8a\xa00a\xbd\xbe\xc1\x18O\xd4&amp;S\xd1Z\xffB\x19y\xc6\xe5q\xb0\x95^\x8d_\x9c\xeb\xf9\xe4\x9d\xec\x98\xa0y\xf6\x82\xba\x10\xe4F\xb7\xb5N\xef\xd6\xf5\xa6\x8f\xf4z\x7fm\xb5@W\xf3\xe5\xd1\xc3\x9f\x99G\x0b\x06\x81\x94\x96-\xc9y[\x0b+\x98\xcb\xd0\xd8\x11W\xf9a\xf2\xb3s\\\x17H\xe7\x8b\t\xabC\x80\xad\x80!\xb5\x14H\x17`\x82\n\xbe\x17N\xad\xc2\x10X\x18*\xc5\xa0F\xf0iE\xb3E\xa7\x1c\xd5-cU\xf8t\xdc \xecl\x94\xc5.?\xe1\xd2\xbc\x17J\xb4\x07Wt`^\xeab\xc0oU\xa2L\xe5Hl\xe8\x80\xa9\x10W+\x9c \x98kY\x1f,\x01\xb5\x95\x1e\x06\xd6\x19\x1e\xcc\x9b\x06\x99\xad\x11\xb8/\xbe\x0b\xc1z\xf4\x95j3d*\x0c\xd4H\x88\x03J\xd4@\xf5\x7f\xf4\xda\xe9\xbf\xc3Jd\xd5\rp\xcc\x1a^\x16\x96\xeb\xcd3\x8f\xb3f\xc1\x99e\x80:&gt;\x9f\x08*\xfd\x05\xfc*9TX\xda\x04D\r{\x19\xba$\xb0\xcb8;\xea@\x01\x1f\x07\xde\x7f\xad\xd4s\xdft\\9f2\xeb\x80\xa8e\xfay=a\xe3Ow\xce\xa4c%\x153\xe5b\xbf\xca\xa8\n\x9fz\x04\xd2\xb3^\x965.\x1d\xa9@2e3\x9a^L\xe8 8\xd9yk\xc6\xfb\x90D\xb9\x9fc*\xcb\x8b\xcc\xd4\x8d\xcfZ\xabFM\xabyZ\x9a\xd6\xaa\xdd\x0c\xbdW\x9f\xf9\xa2r\x1fX\x92\x99pp\xbc\x16|\xe6\xe0\x10\xf3\x9c\xb7\xdb;\xfeO\x1b~\xd6_\xc7\xee\xf6\x0e\xcf\xf5y\'P\xf6g&gt;s\x9fSa\xf5\x02W\xc6\x9d`ia\xc6\xc1W\x1cc\x99?&lt;\x13n\x8dZD\xcfl\xea&amp;\xe0%\x15\x8bV\x88\xb9H#\xc79\x99\x069\xdf\xe4\xb3\x9c\xbe\xd8\r\xe1\x87\x9a\\o\x13\xff\x85*Dli\xa2\x1a\xf0\xb99\xafZw\x10qB\xe0rdm\x9a?(\xe3\xe8\xefN.\x97\xf0e\xe7\x10\xb4\xcf\xf8\x81\xce\xe8\x9d\x86"\xcdYG1\xe7\x1d+\xfb\x93t\x851\r\xca\xfa!\x8af\xd2\xfc\xce\x15\x7f$Cm\x0f\xab\x87\xfb\xdbb,DB0H\xa9\xd4:\xc7\x87\xb5N\xba\xc1\xa2qX\xda\x14\xe7\xad"\x0f\xaa\x06\xe4o\xc7@C\x023l\n\x7fn!\x0c\xa7\x0c\xee\x1a\x90/$\x0e\x94\xee\x92J\xfb9\x0f/[`zJ\xa4\xcc\x92\xeb\x0f\x9e\x1e\xef\x85\xd6y!\xbb\xe0/t\xf8\xa6\x95\xddG\x81/\xfa=\xe6\xb6\xb4\xd2\x1f|\xf2\xec\xa5\x99\xedTVl\x1bj\x0c\x8d\x94cl\xd0\xd2\xcfT\x028\xa4\xa1\x9e|\xb1\xed\xdf\xc1\x19\xd7\x17\x1cZ\x01\xbb\x8c+=\x8c\x9d\x96\xd7\x1dl\xf5\xcc\x0e\t\x11\x87\xf0n\xea\xdbO\r/\x82\xb2\xa7\x05i\x1f#5pc\xb7\xe8\xd8\x89\x9d\xe4\x19\x1b\xe3C\x07:\xc8Z\xb2\x07\x90\x9b\xe4Q\xbb t\xc8;\xb4nh?1|\xa5\xc6\x94\xf7\x0e\xafd\xa9\xe6g\x14^\xab\xf4\xc3&gt;\xbf\xd8\xcf6\xc8\xf1\xa1=\xa0\xa7Iq\xca\x08Lr\x1cY\x8a\x890\xef\xa6`d\x7fz\x9e\x05E^\xbe\x98\t\xa8l\xe7\xb1H\xb5\xa4O\x8aQ|\xb9\x1b\x8b\'\xba+b\x96\xc2\xe4V\xc1\xc4\xe8\x8d\x1b\xe6\xa5kI\xb4,\xad\xcc\x96s\x82\x8f\xbd(\xcd\xd2\xdd\x18\xd82\xf8\xc0\xdc\xf9lI\x0f\xd4\x04\x9b\xa6\n\x98\x1f\xa8\xedU&lt;\xbd\xdf\xa1\xf0\xba\xe0?x\x8b\xe9\x04\xe4\xa8q\xf6\x03\\\x8d\xb3@\xf7\xb2\x86\xdb\xa8\xb8\xab\xf1X\x06c\xac\x19yt\xc9\xa0\'0g\x16\x056@2}\xc0\xf9]o\xb1\x92\xe4|D\xda\x11\x1b\xc6\x9f\x16\x16\xf3"\xfdv\x83\xc5\x87d\xd4^E\x154y\x8d\xd1\x98\x96i\xd4\xa4\x9cq\xbb\xb3\xc3H\xe3\xe1\x8d\x12\x13#\xae\xabk\xfe/\x9f\xca\x13\xc1Y\x80Z\x81\xd1\x94\xa1X)i~t\x17\xd2\x1bC` \xe8qy\xf7\xefK\xa7\xd4\x06\x1bV\xe1\xdc\x92Bs\x10RB\\G\xef\x84\xea\xa8\xa68\x88\x83\xc8\xabm\xd6\xa0\xa5(\xb95\xb1\xf45\x15\x9bST+\xf3q\xa0\xca\t7\x87\x10\xb3\xde\xb6\x00\'\xa2`\xd71\x8b6\\\x8ddj\x169\xecm\xbb\x8f\xf7\xc9\x99Fi\xf2\x8c}\xf7\xde\xf1\x11\x06d9\x9d\xe5\xec\xae\x83\xe4[\x91~\xde\xeaK7-\xf9\xcd?es\xc1\x92\x80'</t>
  </si>
  <si>
    <t>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</t>
  </si>
  <si>
    <t>b'\x89#\x82\x10\x885\x85\xd4ii\xa7\x91*~0&gt;'</t>
  </si>
  <si>
    <t>oft pinky
 light, we see three little sharp roofs like tents, and Tom says:
 "It's the pyramids of Egypt."
 It made my heart fairly jump. You see, I had seen a many and a many a
 picture of them, and heard tell about them a hundred times, and yet to
 come on them all of a sudden, that way, and find they was REAL, 'stead
 of imaginations, 'most knocked the breath out of me with surprise. It's
 a curious thing, that the more you hear about a grand and big and bully
 thing or person, the more it kind of dreamies out, as you may say, and
 gets to be a big dim wavery figger made out of moonshine and nothing
 solid to it. It's just so with George Washington, and the same with them
 pyramids.
 And moreover, besides, the thing they always said about them seemed to
 me to be stretchers. There was a feller come to the Sunday-school once,
 and had a picture of them, and made a speech, and said the biggest
 119
 pyramid covered thirteen acres, and was most five hundred foot high,
 just a steep mountain, all built out of hunks of stone a</t>
  </si>
  <si>
    <t>b'\xdcQ\xc0\x1e?xA6\xc3\x02\x9f\x93\xc3\xdb1\x97\xd7\x04\xb1\x7f\xc9B*\x91d\x11\xd4K\xa0(\xe08'</t>
  </si>
  <si>
    <t>dc51c01e3f784136c3029f93c3db3197d704b17fc9422a916411d44ba028e038</t>
  </si>
  <si>
    <t>b'\xdcQ\xc0\x1e?xA6\xc3\x02\x9f\x93\xc3\xdb1\x97'</t>
  </si>
  <si>
    <t>ed that boy a dog's life, for as he was 
 new to the work, I had a hundred opportunities of setting him right and 
 putting him do</t>
  </si>
  <si>
    <t>b'C\xed&gt;\x89\x9e\xdbwA\x1b\x8b\xf6\x81\x16\x0f\x88\xfb\xfc&amp;\x05\xd3\x06\xe2\x9a\xd0\xcf\xe0]\x84\xcc\xf9\x94\xd5\xbeC\xe3\t\x9e\xce~\xd2\x85\xa7x\x8a\xab\x07\x124\xb9\x01m\xed\x93K=\x122\x9fzc\xebZ&gt;D\x96=\xce\x16\x15\xde0{\x81\xab\x1d\xab\xec\x87Tp\xcd\x91n\xaa.\x86\xfa*\x1e8Bk\xb8\xa4\xb7\xb3\x1f\xd3,#~\xa6pZIt8M\xa3\xcc\xc2\xa7#{\xcaW\x95J\x9c\x8d\xe1\xc2\xea\x85k6\xc1)wj\x05b\x9b\xa8h\xb8\x06\xe2\xba\x95T\xa6\xb0\x84\xde*\x7ff\xd6\x12U9\x97Y\xce\x14\xcf\xce\xf5\xa6\xf68\xa0\x1f\xb4\x99\xf9F\xec-\xc9\xa4\xfa*+\x00\xef\x88;\x1a\xf6E\xff\xcb\xebh{\xb3\xd7y\xb98\xb0q\xaeJO3\x8dKf&lt;@\xfcO\x84\xf1\xcd\xd7\xae% \xd7y\x1e\xdb^\xea\x89\x94S&gt;\xb9h\x08\x95\xb1\xd9y6\xa7\x86\xfa\xa7\x81\xaf\x14c\xb8\\\xfe\x01Y\xb1\xb1\xee\xf1\xa6\xa9EP\n1\x80&lt;\xd8'</t>
  </si>
  <si>
    <t>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</t>
  </si>
  <si>
    <t>b'C\xed&gt;\x89\x9e\xdbwA\x1b\x8b\xf6\x81\x16\x0f\x88\xfb'</t>
  </si>
  <si>
    <t>look of the creature, but on the whole she thought it
 would be quite as safe to stay with it as to go after that savage Queen: so
 she waited.
 The Gryphon sat up and rubbed its eyes: then it watched the Queen till
 she was out of sight: then it chuckled. â€œWhat fun!â€ said the Gryphon, half
 to itself, half to Alice.
 â€œWhat is the fun?â€ said Alice.
 â€œWhy, she,â€ said the Gryphon. â€œItâ€™s all her fancy, that: they never
 executes nobody, you know. Come on!â€
 â€œEverybody says â€˜come on!â€™ here,â€ thought Alice, as she went slowly
 after it: â€œI never was so ordered about in all my life, never!â€
 They had not gone far be</t>
  </si>
  <si>
    <t>b'G\x0fY\xce\x01\x80\r\x7f\xdf\xcam\x15a\xeb[\x82z\x9b\xfa\xa1\xabO\xd3\xbf!F\xd85=?\xc6\x8bc\x9f\x9c\xd6\xe0?\xe7\xeb\xdd#q\xbc\xfe\xbb\xca\x11\xeb\xf2\xdb?t\'W\xb3+C\xc1.]\x9b&gt;\xe9\xcd\xcd\x9b\xc3\xf9\x11\x87\xc8\x1d={\xa2=\x0c9S\r\xd9\x04\x13.@\xd6\xa3T\x89Y\x83\x88\xc7\xbd|SOX\x19\x92\x06WV(\t\xad\xd1\xae\xcdg\x16989C\xddL\x1fr\xfeu&lt;\xc2F\x93]W\xd9\xdc\xd4M5\x81\xabQ%\x99\x98NK\x17\xb2\x83q\xc4Hkx\xd7\x9b\x14\xec\xb8T \xfc\x81\xa0\xd0\x83X\xe2\x93\x18=\x00s\x18\x8e\x02/\xd7\x1f\x98\x9d\xfa\xe3\xea\x88y\xafb3`\xf1\xdcB\xb7\x05\xe0\xd3\xda\xb5t\xf5X\xcc\x9a\xd2\xca\xe5\x86uy\xa1j\x8e\xf2eV,B\x17\x90!l\xc7D\xc5\xf7\xbd\xda5%\x10!\xeb\xc2\x88(TD7\x99n\xcdB\xa1\r\xad\xc0\x89\xd6\xe4!\xdc\x91\x07-57\\m\xb4E%\x95\xf0Bm\x1f\x8f3Q\xea\x9d\xcbcU\xab#\xd4\xa8\x15\x81\xb0\x14\x06\x9a\xaf\xc5P;\r\x9c\xe1\xaa\xdfr\xfd\xb8x\xc2\xc6\xe7Yyh\x05.\xb2\x8b\xa2\x9ey\x02x\xb9#&amp;&gt;\x92\x83#S\x9f0\x01\xe9D\x01\x0f\xd5\xce\xa5\xec\x1d\xa0&amp;\x12["a\xdb\xc1\x87\xb1.\xcd7X\xcf\x7f\xd1\xf2%\xf4Q\xad\xfa#\x08#\xea\\K\xed\x97\xad7\x9a\x98K\xb5}F\x8c\xc6\xdc\t\xeca\x93z\xdf6\xde\xc6\x88K\xb1L \x0e\xb4C\xe4L\x81\x08s\x9f\x05\xad\xcb\x99\xc7g2L:kP\xc0\'\xfaw8\xecV\xd9J\xc8\x17G_\xfa\xd7F\x00\xff\xe18#\x1e\xd2\xacxR\xd8\x1f\xa4J\x18\xcf\nM\xe9\xcd\xc5h#\xfc\x07f1\x08\xa7U?\xd8\x125h~\xbfT\x1d\x9c]\xd3\x8d\xff\xee}\xbb.\x85"g\x12\x12\xa3g\x89\xc5Y\xdcF\x99\xc9L*\xb8w\x8c\x90\xb5M\x98E\xa6\xd5\x0c\xf8\xe9\xbd]\xca\xb4uX_J\x02\x8f\xdc\xd5\x88\xfc\x0e\r\xdd^\x0c\xad9\xd8\x85\xbf\x1c\x81\xd9\xae7*\xc0\xbct\xeb1\x124\xad\xdaj\xa1\xf3\xd4\x90j-\x01\xbbU]\xae\xa1HO&lt;\x91\x1b\xf1[\\\xf3v9\xdd\x05\x19$&gt;Q\x9f\x0fN\xc2\x0f\x890\xd6\xe0\xc6\xfd\xc8x0\xc8\x1aT\x16\x1f\x951\xe06D&lt;O\xca\xc8X\xd5\xbe\xeeTS\xaf|\xd8\x0e\xf2\x91\xf0l%\xf8\xba\xe2_h\xb18]\xca\xb7p\xad\xd0eU\x91\xba\x1b\xd4=\x9cF\x0c\x7fdv&amp;'</t>
  </si>
  <si>
    <t>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</t>
  </si>
  <si>
    <t>b'G\x0fY\xce\x01\x80\r\x7f\xdf\xcam\x15a\xeb[\x82'</t>
  </si>
  <si>
    <t xml:space="preserve">only one hormone, while pars nervosa (neurohypophysis) secretes two hormones.
The pituitary hormones regulate the growth and development of somatic tissues
and activities of peripheral endocrine glands. Pineal gland secretes melatonin, which
plays a very important role in the regulation of 24-hour (diurnal) rhythms of our
body (e.g., rhythms of sleep and state of being awake, body temperature, etc.). The
thyroid gland hormones play an important role in the regulation of the basal
metabolic rate, development and maturation of the central neural system,
erythropoiesis, metabolism of carbohydrates, proteins and fats, menstrual cycle.
Another thyroid hormone, i.e., thyrocalcitonin regulates calcium levels in our blood
by decreasing it. The parathyroid glands secrete parathyroid hormone (PTH) which
increases the blood Ca2+ levels and plays a major role in calcium homeostasis. The
thymus gland secretes thymosins which play a major role in the differentiation of
T-lymphocytes, which provide cell-mediated immunity. In addition, thymosins
also increase the production of antibodies to provide humoral immunity. The
adrenal gland is composed of the centrally located adrenal medulla and the outer
adrenal cortex. The adrenal medulla secretes epinephrine and norepinephrine.
These hormones increase alertness, pupilary dilation, piloerection, sweating, heart
beat, strength of heart contraction, rate of respiration, glycogenolysis, lipolysis,
proteolysis. The adrenal cortex secretes glucocorticoids and mineralocorticoids.
Glucocorticoids stimulate gluconeogenesis, lipolysis, proteolysis, erythropoiesis,
cardio-vascular system, blood pressure, and glomerular filtration rate and inhibit
inflammatory reactions by suppressing the immune response. Mineralocorticoids
regulate water and electrolyte contents of the body. The endocrine pancreas secretes
glucagon and insulin. Glucagon stimulates glycogenolysis and gluconeogenesis
resulting in hyperglycemia. Insulin stimulates cellular glucose uptake and
utilisation, and glycogenesis resulting in hypoglycemia. Insulin deficiency
and/or insulin resistance result in a disease called diabetes mellitus.
The testis secretes androgens, which stimulate the development, maturation
and functions of the male accessory sex organs, appearance of the male secondary
sex characters, spermatogenesis, male sexual behaviour, anabolic pathways and
erythropoiesis. The ovary secretes estrogen and progesterone. Estrogen stimulates
growth and development of female accessory sex organs and secondary sex
characters. Progesterone plays a major role in the maintenance of pregnancy as
well as in mammary gland development and lactation. The atrial wall of the heart
produces atrial natriuretic factor which decreases the blood pressure. Kidney
produces erythropoietin which stimulates erythropoiesis. </t>
  </si>
  <si>
    <t>b'\xdd\xe6.\xc5z\xc6#U&lt;\x9e\xf1\xad\x86"\x84\r\xec\xf0\xe1\xc8\xf5&lt;f\xb8#8\xe3,\xc4r\xe47R\xdce\xc4\xf4\xe2\xd3\x0b\xab;\xfb+@\x1a\x8fY\x15\x1f\x16~\xd0\x0c]\x96\r%\xf7\x9aA\xbb\xad\x9a\xae\x10x7\x83h\xf1\xbc?\x95Xs\xc090\x8e*\xfb\x16C\xdb_\xb1s\xa7`\xdb\xa4\xe7\x08\xcd\xa1r\x05C[\xf2\xb9\x8c\x1e\xfa\xe9\xb6\xae$\xcb\xe4\r[\xaa\x88\xd5$\x13\xf0n\xe5\xa7\xa7\x87\xfc\xf6\xad\xb1\xdb~\xc2\xd6\xc4\xcb\xdd\xd5\xd0i}sD\x13+\x16\xfb\xd4\xca\xa1\xcc\xe8{\xc0\xc3\x0bHn\xb3u\xd5U\xadG:\x91\xfa\xe4Gu_\xbd\xb37&amp;\x81C\x8ah9\xc8\x1c\xd5\x12rw\x01cRw\x9e\xc7\x18=q\xc8\x98\x83\x83\x83\xc9\xdd\x04H\xee8\xdf\xa0\x17M\x8d\xf12\xf5\xf5-\xd6\xa6u+\xd0bY\xebi\xb0\xe4\xec\xeb\xfa,p\xde \xe8&lt;\x89\xdb\x8af\x14\xe7\x9fL\xf3\xe0\xf1js\xa8\xcf\xd4\xf9\x07y\xe1\xf62\xbdBh\xd2iX-\xf7\x1a\x18\xf4\x82\x8f\xaa\xb7\xd0\xc0\xe3\x19\x8a\xba\xde\xf2c\xf92\xb5\x96\xef\x81\xb9\xd2E\x1e\xddx\x87\x8a\x8d\xcc Fx\xbd\x1c\x93\x08L\x11\xb8\xbd\xbd\x18\x8f\x9a\x04\xf9=\xbd\xccb\x14Bs+\x8c~\xb7\xdc-\xda\x08\x8d&amp;\xf1\x0e\xdc\x92{9\xd2\x17\xa9Z\x9a\t\xdb\xac\xccJ\x8c\xee&amp;\x84\xb9\xf2\xbf\x84\x98v\x1e\xcb\tHd\x01dp\xa3\xf4\xe6w\xd7\x1az\xe5\xfeX\x97\xacn\xed\x91k\x0e(B\xc0\xa9\xba3\xd5b\xf5W\xe4\xaa%\xe2.S\x94-\x88\xf1\x07Os\x97\xe1\xe4\x1d\x9a\xcbJ\x99\x95\x1a\x05\xf5TN7\xa4\x85;\x03\x1c\xc2\x0c\xeb\xcf\x110Fn\xed"\xff\xf3{\xf7\xc8\x13\xc1\x9f\x13\xdeuG\xe9FVtvm\x12\x02\xcf\x05\x0e\r`\xc4KpX\x86F\x8b\x97q\x03O\x08\xea\xd6\xa8\x8cS \x03v\x86\xd3#\x90\xc2\xfb1D\xbb\xcf\xf4i\x99\xb5\x98\x82;\x9f\xfdL\xd5a\r\x1a\xdd@d\x13\x1a\x94\x13\x13|\xe4\xb0\xc4\xff\xed\x98\x05\x91\x8b\x88\x15u\xc3\x97"`U\x84\x88\xf8e\xb7\xb9\x1fS\x8f*\xbc\xe1"\xd9p\xdcy\x02 \xe4\xab\xc14\x9c\xc7\xea\x82\x01z\xc0-D\ra\xf5Z\xb6l\x9c\xd8\xbb\x8f\x928\xf6\xbb~\xf4k%\xb4\xfe`L\\\x96B\xbeR\xe7.\n\xcc_\xab\xff4D\xdd,Y\xd0\x88\xf9\x12\xca=s\xe4r\xd3\x1e\x1aU\x04\xce\x8fc\xa5\x88=\x8e\x8c\x0b\xe7\xefS\xce`\xe4s\xc9r\x87,J\xc7\x8a\xd5\x12\xbb\x9f\xdd\xde\xe3\x88\xb4\xc39O\x0f\xadB\xd3\xbdP\xfc\x8b\xde14\x0fI[\x97\xe1\xf5\t\xce\n\xf8\xfda\xfc\x90\xf7v\xeb\x94\xdf"\xd8\xf9\xd4\xd9EV\x06\x83"\xc1Z6\xd6\xa4\xc4u0\x1e\x19\x1c3Z\x01\xdb\xfc\xc9\x91\xd9\xfa\x15\xd5\xb5\xab{0\xb7S\xf2A&lt;L\xb5};cj\xa1X=\xbe\x9c\xe9\xb7\'O\xd1\n\xb1\x0b\x12cv\xf5\x8d4\x00\x86\x02*n8k\x03\xc0\xec\xe3\xb6\xa7\x14S\xffh\x96\x14/\x89&amp;8\xc6\xd0yh\xbf]\xae\xab\xa0\xf9a Q@G\x8bt\xea\xad\xc0\xee\x86W\xb2\xf1\xb4\x9f|\x17\xe7\x03X\x1e\xda)\xb7\xa8"F\xaf\xb1\x88\xdbE\xa7\xb6h:\x08\x07\n\x1c\xbf\xa4\xa0\xcb\x13\xba\xba\xca\xaan;\xcaG\xc5\x0e\xc8vuM\x1a#5\xfe\x92\xee\xb9\xad\xe9\x1e\x88_.\xd6\xed\x03G\\\x10\xd7\xf0\xf2\x04\xa7F\xb8\x98\xe9{\x80\x82\xd3\xadr\xe1C\xa8\xc7\xcbc\x91N2\x8bQ\xbf3k(&lt;kd\xe1a\xac\x8c\x92\xd3?\xdc\xa6\xb9v[\xc2m\x86O\xa0l(=\xb6\xa3\xe8\x9d\xd1\x99\x15\xb5\xd9\x07\x15\x12\x149_x\xfb&amp;\xf1\x07\\\x17\xf8G^\x07\x1e\x8fUk\xf1Be\xe1m\x0e\xe5\xe7x\xbb\xbbqC\xab\xac\xc9\xd70l\x99\xd6ES\x9f:\xf6\xa7)A\x8b\xb0\x05\xb0t\x89\xfe\xf3v\x90\t\x0f\x1a\x1a\'\x9a\xc3\xf7\xfdq\xd8-\x0b\xf7U\xd3\xc9ih\xc5\xca\x8e\xecw\x94\xe1\x0bj\xd9\xd13h\xfa\xc7\x10\xfa\xf1\'\xae_F:\x03\xa4\xda\xbak\xd1]\xdf\x84\xe6\xc4\xef,\xde_uS\xaa(O\xff\x1f\xdb\xb0i\xb5e\x00\xc1e\x93\x12\xa4X,5\xc6dxBv6\xedY\xf0\x89\xc5?3\xa0\xefa\xb7\xea\xad\x9a\x8fU\xc4\xd1;\xaa`\xce\xe0$o\x06&lt;\xaa\',\xc9\xca\x89a\xe3z+0\x9bNn\xec\xbe\xed\x01.\xec\xd9\xedE\xb2z\\Q\x13\x90\xa7\x1dg\x1e\xbf\x95\x99O&gt;\x00\x0cJ\xd0\xcb\xb8\xcbR\xb9\xd1G\x18\tl\xa5\xf0P\x18\x86\xa5c\xf9@\x1e\xc72Z\x1b&amp;L\x82\xeb\x1aF\x7f\x9b\x82W\xc3c\x8eG\x91W\xfcE\xea\xaf)%$\xda\x03\x05w\x82\x86c+\x01\xcd2`(\x97[\x08\xfc\x91\xf1\x17\x8a{\x19\xf5\xba{\x93\xa5\x80\xc2R0l\x19\xf0\xcdg\xf3\xbc8*D\x149\x9f)M6\x81_\xea\x03Z\'H\x15\xb7IKc\x89q\x10\xf0b\xff\xfau\xf7\xa6\xde9li\xe1F\xc2\x86\x18\x1d\x0b\xc8\xc3\xf5D"i\xc4\xf9C\xc2\x16\xd8\xbcF@\x1f`\x82\xcdy\x86@&amp;\xd1\xfe\xee\x8e\x1bg\xd8*N\xd2\x1e\xceO\xa5\xd3\x1f\x80\xb1a\xfa\xd0\xf0(\x00\\\xc4u$b\xa8\r,\x90\\\x05\x07\xdc_\xc8\x8a\xfc&lt;/Q\xed\xd6\x19\xe0Y\x9b\x16Z\xd4\x92\x86\xa1\x0b\x01fn\x8bs\xech!\xf3j#)\xd3\x7fxl\x11r\x0b\xc9\xab\xe9:N\xb8i\x03\x97~\x15~\x89\xb4\xf5c1\xb3\xab\xc0\xa5~\x19\x81";\xc4\tEWM\xa8p\xfc8A\xcf`b\x8e\x150\x08\x03\x17\x83\xa42\xedX\x1bfT\xd0\x1c\x04\xd0p\xa3\xf7\x84\x98w\x89X\xcb\x16\x82\xe8\xaewW\xfcM\xf7_\xa4:\xdbDG;J)\x01&lt;\x8e\x9d\xb0\xaa\xc0\xe9\x88\xbce\xdb\xdcT\x90\xd1&amp;W\x8bA\xbf\xac\x97\xab@\x08u\x12\xf8\\0\x19\x8cy\xb1\x1dg=\xf3,\x13\x89\xad\xdeC\xfb\xc3%\x98(\x8f\x9e\x0ck\x8a\xc7\x19\xfa\xa2\xd6\x18s\xacW!\x08&amp;m\xbf\x0b\xff\xdb\xdd\x12i\xe7;\xa3\xdb\xdf\x03\xf9#\xb8d|C\'y\xe9\xfbPj\xb3D\xb0\xdcyw\x08EB\xb0\xb5s\xa2\xe4\xd3\xa1S*7\xaa\x8c\t\x9d\xa9e\xa1kU\xc6\x9e\x7f\xc2YZjxF\xcdJg\xa0cR{\xbei6\x80\x83o\xe2\x88\xb8\xbb\xe7#\xd5\x9f0\xfa\x9e\x95&gt;\x91`\x8fn\x81\xf1{oo\xcb5\xb1l\xa8\xc1\x88\xf7EP\xf8\x88\x85)\xe0\xe7\x98\x94\xe5\xb9\x84\x0e\xef\xc4P\xbbV3\r\x05\xec\xe1\x14\'\x98\xe92\xbdSH\xd1\xbc\x98G\xab\xcc\n\x18DA\x94JioT\xdd\xaa\x87\xc1\xae\x85Q\xee\x9c\x11h\n\xe5\xcfC.\x03\n3BB=\xe2\x882&gt;\xb8Y\x8a\x9d\xe7\xe4A:\xc1W2\xce\xee\xde\xdf\x1bqR\x80\xce[k3D\xaf\xfa+\xbb\xf4Sk\x977Zq\xc4B+h\xbbB}\xd6"7\xeb\xae\xc5\xee\xbbF\r\xab\xd0\xf1\\i$\xd57&amp;\x92\x04R\xa6\xcd^\xf2%\xd7\xcf~\xc2g\xb3\xbe&amp;\xf4\x0f\xab\x8b\xe3h!\x1c\x9bg\x86{\x95t]\x94\x88=\x1a\x06\xea2\x80l\xf8\xc6\xabT\x86y\xce\xa9&gt;Nfg\xef\xab\xe3\xfaS*\xd9\xecS\xf5\x95B\xd2\xe8\xa4A\xc5\x91\xea\x0bB\xd6\xec\xe6\xc9\x1a\xc6\xff\xd2\x8b\xd4\xf7\xa3X\xf86\x93\x02\x1dA\xdd\x04*\x1b\x99\x99\xba\xad\x8a/\x13\xcb\n\x01f\x83[\xc5\xb1\x9e-T\xaa\x01\xdf\x17\xfe]\x1f\n\x827d\xc7J\x12i\xb7\xdaE\x0f\'E\xd8\x0e\x19\x9cBK4PT+\x90\xfbMLbE!\x85\n\xbc\xa4\x9d\'\'p\x16SCNe\x16\x80v\xd5\x82\xeb\x88\x81{bzy`\xe0\x18\xf3\x00\x84&gt;\xe3\xbc(\xc1\xffx\x95\xafI6r:\x84\xa5\xf3\x1b\xbb.\xa5\x0e\x9f\xdb\xb9\x97`\xd8\xf8\xa0\xbb\xd6{\t\x05\x86\xa8\xfes\xb89\xa0,\xac\xc4zDU\x1e\xdb\x8a\xe7\x88\x97\x96\x9d\xb0\x1a\x14\x9d\x1c3\xe2\xaa1\xe2\xf3\x80Xmi\xf6J\xcad\xb7\xd4\xd2~\xa7u\x19\x80\x05\x84JI\xb2G.&lt;\xc0\xa4i\xe4t\x1b\xf8#\xb6ah\x92B\x9c\xac\x1e\xd7X\x97\xee\xad\x91`f\x84\xf9\xa9\xd8M\xdd\xceQ&lt;;r\xaf\x03o\x17\xf7\xf1\xf3\xea\xad\xfdx\xa4\xa5\xc3\xb1\xad\xf6\xe4&gt;\x0b\xe98\x9f?\x08\x11\xb0\x90y\xfaj\x10\xa6\xe7T\x08\x14\x0f\xe8\xf7"L\x99KX\xa3=\xc2Y7F\x04\x1a=\x15R\xd0\xc3\x92|\x80\xd5e\x88\xc0\x13\xcb\xd6\x89\xa8\xea-\x85(\xfc1\x9c\x94\xd99\xba\x11G\x8cW|\xca\xa6op\x8ca\xcc\xda\x06\xda\xf1\x9a\x8e\xe1\xb1\x9e\x08\xa6&gt;\x9e%\xb1\x9d\xca\xb4\x05\xfe\x8c\xba\xd7\xfd\xb3H@\x97\x0b\xb4:\xc0.\xa9z\xb3U\xc0\xe8\x12\xa6\xe4\x9e"\xe7\x0eh\xc3+\x9f\xcd\xc5`\xa5A"\x8apv?\x81`~\xc4\x1f\xbf\xfdp\xe1X&gt;?_\xb1C\xdf\xeb\xb74\xd4o|\x83\xd6ZH\x9a\xbe\xd0\x96\xe2\xe9\xfd\x18\xe1\x8e\x93i\xda\xb4\x12-\xec\x06\xb3\xb7rCmfVE0I\xc9\n\x18\xb8\xa9\xe6\xf9\xee;P&amp;7V\x8f\x99\xca\xc5\xa6K\xc8\x97\xfe\xe6\xab}q\x01&lt;|\xbd\xebL\xc8D&gt;H\x07q\xc4.\xee^\\\xd1\x17F!\xae|)N\xb9-\xe44Zd4\x03\xf9n\xffkWZf\x0f|3S\xd8\x088\x97\x14\xf4\xbep\x08\x89\xfc\xdeNGd\xe7@&gt;\xba\xd6qG\xef\xee\x95%[Y\x8dx\r\xc7\xdb\xfe\x06}9\x06\x0e\x88\xd1r\x90&lt;\x8c\x86\x026\x14\xf3c{\n\x08&lt;\x172\xbb@\x95\x8a\xc2\xbf7\xf4\t\xd5.\xfbZ\xc1\xc4b\xcf\x88\x1f\x1f\xbe\xd0\xa6!\x9d\x02\x8d\xdf\xdb\xb69\x03\xcf\x1f\xcf\xb3T\xf0-\xc8\xfd\xebY\xaa\xbf\x0c\x90\x14\x13&gt;:\x8b\x14\xb7;\xb5\xeb\xa6d\x1c\x1ae\xb6\xbc\xb5\xe3\x03\xf5q\xce\xe0Q\xf3\x9bO\xf7\x0c \x07?\xf4\x88\x8f\xb9\x93]\xfd\xb6\xc8r\xce#\\i\x8b6\xdc3\xf4\xa4\x88\xb4\xc2\'\x040\x7f\xdf\xf1%\x04\x8a\xb4*\x92a\xda\xa4Np\xd1\xe3\xf7/\xa0/\xdb\xe4N\x80\xe1\xceLf\xfd_\xc5)\xfe$\xdcr\x05iz8~\x132\x9cG-\xa5\xbc\xa7O2\xf1V\xa0\x81}w\x0b\xea\x85+\x12\x05\xac\x82\x8dD\xae\xcaN\xda\xb5I\xe4\x02\xb4\x0f\xec\xb5\x81DW\x99\x1d\xe5*&amp;\x17\xf5\x1d \xe4\xad\x93\xd7/\xac\xa5\xef2n\xe4\xd0\x15\xff\xafRX\xca\x88\xa43\x83\xa1ck\x86\xc4\x9c$\x1d\x1bM\x07O\xde~\x9ae\xdd:k-%\xb7\x08\x10\xf3\xcco\x8e\x1e\xafG\xef!\xfbi\x15H\xf4\xea\x95\xde\xed7,/\x03\xb5\xa3\xb4^\x8c\xe8\xfb\x83\xb1\x93\x83\xbc\x90T\x0f\xa6\xd1\x89\xabm\xfa\xe6S\xefU\x18\xbeMX\x1c\xa4\x7f,~\x9a\xbf\xeb\xaf,_\xef\xd6\xac\xe3U\x14&lt;\xc67S\xce[9\x9e\xaeF\xeb\x08\xbf\x8f\xe5\xec\xbcr4)&amp;\x01d9\x01X\x82\xd6\xe3\t-\xa3\xac\xb7\x0e\xb4\x07Qy\xbc\xc2\xf8op6\x9c\xd0t\x97\x9ej\x8d\x9f\x8b\xdd\xc8\x87\\\xa4&lt;0\x1d\x80\xf4T\xd6]\x87Ux\x8f\xe8\x08\x87\x16\xe3\x98\xaf&amp;\xf2e[U\xa4\xe0?\xe0\xb1?\x14\x90\x0eg_\xf8yI\x13\x1b\x99\x1a*\xe0\xb4\x01\xa9\x92\x8a\x8f\x0e\xe3\xd8\xca\xb3d\x1d\x80F{\x9e\xd8\xc0\xdf\xa9\xbc[t\xd9o]\x88\x9cm\xd0\x95FRJ'</t>
  </si>
  <si>
    <t>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</t>
  </si>
  <si>
    <t>b'\xdd\xe6.\xc5z\xc6#U&lt;\x9e\xf1\xad\x86"\x84\r'</t>
  </si>
  <si>
    <t xml:space="preserve">
shyer an' readier to take things ill. He's got no time for visitin' an' gossipin'. Us
must keep still a bit an' try to look as if us was grass an' trees an' bushes. Then
when he's got used to seein' us I'll chirp a bit an' he'll know us'll not be in his
way."
Mistress Mary was not at all sure that she knew, as Dickon seemed to, how
to try to look like grass and trees and bushes. But he had said the queer thing
as if it were the simplest and most natural thing in the world, and she felt it
must be quite easy to him, and indeed she watched him for a few minutes
carefully, wondering if it was possible for him to quietly turn green and put
out branches and leaves. But he only sat wonderfully still, and when he spoke
dropped his voice to such a softness that it was curious that she could hear
him, but she could.
"It's part o' th' springtime, this nest-buildin' is," he said. "I warrant it's been
goin' on in th' same way every year since th' world was begun. They've got
their way o' thinkin' and doin' things an' a body had better not meddle. You can
lose a friend in springtime easier than any other season if you're too curious."
"If we talk about him I can't help looking at him," Mary said as softly as
possible. "We must talk of something else. There is something I want to tell
you."
"He'll like it better if us talks o' somethin' else," said</t>
  </si>
  <si>
    <t>b'\x7f\x9f(a\x11h\x06z\x86\x08\x1a2\x8d\xcd}\x7fd\x89\xbd\xa0yD\xe8\xed\x92\x81|\xeda\xea\xae\x9bh#\xf3&lt;0x\x10\x99\xcc\x1e\xb9\xd1\xb3p\xb0\xb4\x0c\x90Z,\xb4C!\xb1\xcdj!\xce&gt;\x0c.\xe3%\xa2\x0f\xb6\xd8\xdfK}\xd7"s\x9fv\xf8\'B\x83i/A7\xcb\xb1\x15\x00\x89\xfe\xb6)\xc2\xfa&lt;\xb2\xe2 o\x08t\x0c\xa2\xeaE\x9fb\x8f\xba=4\x1bZ \x19\x81\xdf\x18\x93\x8e\x8eRe\xb5\x84\xccY\x12w\x93\xb9jI\xe5\x1a\xfd\xb7\xf8L\xdc\xf1\xd2\xc7\x8e\xecmq\x93\xb9\xd5C\xd2U\x8bkeB\x17^\xd2\xe3\xe5\x1a\xa8\xfa\x98\xad\xd6\xee\x84(\x9e=\xa1\xea\x19\xd4\x97\xbf\x1e\xb1\x9a\x9e\xfa^\x18\xe6\x13:\xf7\x9c\xb2\x06\x1e\xe6\xcaio\x01d\xa5\xba^\xc0G\x95\xaf\xd4\x19\rh\x17L\x8d\xf0\xea\x8f\x18\x08n\xddGr\xf6\xff\x8a\x0c\xfb3\xe2:-\xb3,\xa9\xa1\x82\xbe\xd3\xd5\x8d\xf3\x7f`4\x96\xea3yW\xaf\xeeilK\x14TV\xc0\x8c\x8f\t\x0b7\xbb\x05\xb6h\x03\xe0\xfd);:V\xcf\xe15!&lt;\x16\x0c&amp;IigA\x18\xda\x1c\xe4\'\x94\xef\xd8\xb1D\xea\x90\xb4\xb1T7\x0b\x08\x91\xfc.\xd6A9b\xa3K\x89^\xf8\xfa\x03\x0b\xban\xb4\nQ\xc0\xa8dD#\x12\x87\xf4\xb9\xac\xbba\x84K\x07\xcd\x0flQ9\xf7,$\x19Q-\xf4\x04\x18\x88\xf6]Za\\\xab\xf8qf\xb8\xed\x8e\x9bka\x8fRP$\x0b\xaa\x9b\xd6\xce\xa4\x11j2$i\x9f\xefw\x84\x82(\t$\x99\xd6m$\xdb\xef\x9c\xe7\x01\xc9\xe9\x19\xd0\xf8\xd8\xcc\xde\xc5\x8f\x07\xc1\xff\r\xe2\\E\x9e\xf04or\x93o\xb1\x18\x06ALtw\xad\xbd\xd5\xcd0;\xe2\xber\x87dJ\x05xo\xe2\xa04\x13\xa9\xc2R4\x87`8\xde\x8aq=\xc0\xd8\x0f\xf8\x07-\x12\xc0N\xa3\xe0\xc5\xfd\xfc\xaa\xe4\x11(u5\xd9\xd4R\xa1Lv\x8e^\xde\x00\xa4C\xa0\xc0\xe9\x91_\x92u\x01\xf4\xc4\xd8\xf1\xdb(ZL\xd8|E\x8c\xbb\t`\x05\x97J3K\x1d]\xe997\xbe\xeaP\xd2q\x1f\xfb$\x86&amp;E@\'ww\x9e\xe7]\xd9\xbe\xc7\xb9O;\x9d\xda\xea!\x80\r,f5\xfc\xf6p\xfb-\xc7\x99J\x84\xf8\x92Q\x06\xc8\x85\x15\x03q8\x01\x08\xce\xa7\xde\xab\x1d\x154\xf7\x86\x1d+a\x16\x92\xf7\x99\x12I\xb9U\x0f6%+x\x06\xb5\x88SS\xa9\xee\xc8l\xe4\xfc\x90 V\xeaK\xb9\xcf\xd4TCj0\xcf\x10\xa8\xeb\xed~\xe8%\xc9\x13*a\xb8\xd6?\x11E\xe1\xb4\x8a\xa8\xf9\x8a\x0c)4\x83A\xdb\xff\xad\x05\xba\xe2@\x8b\x92\x98\x06,\xa5\xcd\x9d\xb4\xe29\xa8wKF&amp;\x95\xb3\xd2(Vr\x86\tZq\xe9\xcbX\xdb\xe5 \xbb\x9ds\xe9\x1e!\x04\rv:\xac\x85$a\xeb:5u\xceK\x88\xffb\xdc\xf4\xff\xca*\xb2\x92;\x96\xd3M\xfa\n\xabV\xfd\x0f\xd9\xc9\xf1\xf6\xc5\xb0F\x8cj \xfc%/\n\x05Y\x04\x04\x92\x8eZC\xbe\x7f \x95\xb3U\xd8\xb17\x13\x9d%\x1c&amp;G\xec[8\xc5\xce\xa1\xc9\xb1qo=\xb2\xe6\x0c;r\x00\xe1\x05\x021m\n\xe7\xf6?\xb2o0\xef_\r\xb2o=\xb2\xe6\x0c;r\x00\xde\xf7i\xf3\x04\x9cw)0J\x95\xed\x18\xea\x7f\xda=\xb1\xa3\xa0]\x95\x82\xdd\x12S\xe5.,\r\xcd\xb23\x1bxD\x82\x1f\x0c8\x11\xc5"\x8d(8Al}\xd3(\xd3\x04&lt;\xefJ+\x02\xae\xb7ED\xc3k\xd0v{q\x10\xde_M\xf9\xdd+\xaf\xd5.C\x93?\xe99B\xf1\xac@\x0fm#\'\x1fI\x82\x839\xf5\xd0g\xce\xaf\x16-\xfc\xa8X&amp;56\x02\xa5NkI\x1d\xf3\xd4\x93&amp;\xe8\x92t\x92\xac$\xe0\x85t\'\xd5\xe0\xac,q\xc5\x1d\xfevg_~\xbd\x9a\x81)s\xc6G!\xbf\x00\x0419@\xbd\x13\x00\x87\xd4\xfbHS(*\xbc\x0b!\xbfJ:\x96\xb0\xd7\xe2cK]#\xeb\xe9\xc7\xb0o\xe2\x81\xfa\xcb\xbe}\xe2\x8d\xcc\x83\xa3\x92\x9b\x07\xc8\x86Z\xbd\x14;\xb3h\xb1]\x13\xc3\x1e*\xfd\x04\xd2\xf4xz^\xd4\xf8\xef7\xa0RA\xda\x96\x0b\x9a^\xc1\r\x8f\x1e\x0b\xf1K\x99\xd0\x1b\xdd\xb5\xe4\xa9\x99\xf1\x87\x13i\xc4+L%\x8ac\xeb\xdf\x08)\x14K\xff\x00\x81\xa1[\xc6\xb9\x907\xe8*?\xf2%\xcb\x14~\x12\xdf\x90Z\xf5Wa\x8d\xb0\xf3\xf2O\x99\xde\xcb\x8d\xd6|\xa6\xc9\xe3n\xc8\xf0\x9e]\xef\xee8\\`\x02\rkC\xe4\xb5\xb94[Q`\x9d\xdd\xc3\xd7\xf0\xe2\xb7\xd6\x89I\x9fC4\xd2;A\x0c\xefq.\x87]\x80$7\xd8\xfaJ\x0e\x94\xf3\x9c\xf6\xba\xc17o\xd3\xa3\xd0\xe0\xc3\xab\x0f`n\xdfv\xb2!9l\xdf\xb9\xa21\x03\xd7\xeb\xdaXl\x9f\xc5K\xca\x9a41\x16t\x99\x04\x81\xd5\x91\x1fc\x7fw\x91\xbbt\x94*\xb7\xb0}\x99\xc4\x8d\xb0\x0ea]fV\xd1\xc4\xe75K\xe6\x04\x95]\xc3\x9f\\\'\xa6\x84\x07\x14 \x03 \x16\xe4\xafxi\x8b\xd2\x1a\xaa&gt;\x8d\x87|\xa5\xa1C+,\xe6\xc0\x01WN\x1f\xe0\x0ch\x7fJ\xf8\x8f\xcdVz\x8bT[\x9f[u8@B\xfd\xce\x18B"\xb9n\x1f\xf6,*;\xf2\xbff\xb7\x07E2\x0e\xdd&amp; [\x95K\xe4\xba`\x1d4|Q\xe4v\x87\x1ai;\xaa\x0f\xcb\x1f`\xda\xe2\xa2#\x90-\xea\xe2\x86\xa7\x16\x07\xab$\x07l\xa8?\''</t>
  </si>
  <si>
    <t>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</t>
  </si>
  <si>
    <t>b'\x7f\x9f(a\x11h\x06z\x86\x08\x1a2\x8d\xcd}\x7f'</t>
  </si>
  <si>
    <t>lar you talk to,
 there are many names for this character, but the term we use at
 StoryBrand is the guide.
 In Tom Hooperâ€™s Academy Awardâ€“winning film, The
 Kingâ€™s Speech, King George VI struggles to overcome a stutter.
 As Britain prepares for war against Germany, the Brits look
 to their leader for confidence and direction. Desperate, King
 George VI solicits the help of Lionel Logue, a dramatist turned
 speech therapist, who gives him a plan, coaches him to competency, and helps him transform into a powerful orator. This is
 the same service Obi-Wan (and Yoda) offers Luke Skywalker in
 Star Wars, Haymitch offers Katniss in The Hunger Games and, to
 some degree, Bing Bong offers Joy in Pixarâ€™s Inside Out.
 Itâ€™s no accident that guides show up in almost every movie.
 THE SIMPLE SB7 FRAMEWORK
 33
 Nearly every human being is looking for a guide (or guides) to
 help them win the day.
 Brands that position themselves as heroes unknowingly compete with their potential customers. Every human being wakes
 up each morning and sees the world through the lens of a protagonist. The world revolves around us, regardless of how altruistic,
 generous, and selfless a person we may be. Each day is, quite
 literally, about how we encounter our world. Potential customers
 feel the same way about themselves. They are the center of their
 world.
 When a brand comes along and positions itself as the hero,
 customers remain distant. They hear us talking about how great
 our business is and start wondering if weâ€™re competing with
 them for scarce resources. Their subconscious thought pattern
 goes like this: Oh, this is another hero, like me. I wish I had more
 time to hear their story, but right now Iâ€™m busy looking for a guide.
 In the third part of the StoryBrand Framework, weâ€™ll look at
 two mental triggers that will help customers recognize us as the
 guide theyâ€™ve been looking for.
 4. Who Has a Plan
 StoryBrand Principle Four: Customers
 trust a guide who has a plan.
 At this point weâ€™ve identified what the customer wants,
 defined three levels of problems theyâ€™re encountering, and positioned ourselves as their guide. And our customers love us for
 the effort. But they still arenâ€™t going to make a purchase. Why?
 Because we havenâ€™t laid out a simple plan of action they can take.
 BUILDING A STORYBRAND
 34
 Making a purchase is a huge step, especially if our products
 or services are expensive. What customers are looking for, then,
 is a clear path weâ€™ve laid out that takes away any confusion they
 might have about how to do business with us. The StoryBrand
 tool we will use to create this path is called the plan.
 In almost every story, the guide gives the hero a plan, or a bit
 of information, or a few steps they can use to get the job done.
 In the Star Wars movies, Yoda tells Luke to trust the Force and
 then trains Luke on how to wield this power. People are looking
 for a philosophy they can embody or a series of steps they c</t>
  </si>
  <si>
    <t>b'\xa3\xf1\xa42\xf4#]1m\xd3\xd9\xf0\x84Qg\xed\x04\xef(K\xc8\xdc\xc3"\x97r\xa6\x12\x04\xb3D\xb1\x93\xea\x04k\xdc\xcf\xe5}\x05\x8a\xdby6\x07\xd1\x02@\xb0\xa0\xfa\xd2\xa4\x16\xb2\xd8\xab\xda\x1a\xd5\xe7z\x1c\xfcfF\x90e\x18\x00\t|\xedY\x94NG\xe7,Q\xa7e\x0ePt(\xbc\xb7\xb9t\xc3?\xac`\x82\xcb\x14\x04\t/m\x1d\xe1\x9a\x87pe"\x9f\xd8\x8d\xf23Q\x9f^\x8cZ\xc8\xdb\xfd\xa9\x86mP\x1a\xfaw\x9fUR\xdbM(\xb2}\xfe\xa4\xf6&amp;x\xc5\xc1x\xb2\xcd\xfd\x82\x8c\xee\x8d\xc4\x0cBZ[\xe0-\x95\xd3\xde@\xdd\x0c\x92q\xbd\xd9\xc8M\xda\x9a\xfe\x13d\xe9/\xc8*\x05\x15\xb5Qb\xba\x08V\xeb\xc9\x9c@U\x98\xdb\n\xc9]\x9eI\xcf\x94\xa5\x9c\xec\x9e^\x98e\xde\xccx\xbb\xa5#\xb4\xbaf\x06er\x08\xe7\xb4\x12\x81@N\xf7\xb7\xc1\xb7\xd8\r\xb8D\xcc\x83m\xa7a]r%!$\xee\xff\x9a\x07.\xaf\xb04\x01L\xed\x82\xc2~\x96\xdcAis\xb8/\xc8\xc3\x96\x87),D0\xa7\x81\x06*\xe1E\xb0\xbf\xda/cC\x11\x18\xc4G|H\xd6\xc9\xeb\xf1H\xf5\x80\x18\xa1\x9cP\xbb|\xdc\xcb[\xd1\xf8\x1d\xdd|\x1e{\xef\xf1:\xf7\xa4b\xc39\xbd\x9a\xd6\x90a$\x85\x9cG\xeb\xe9\x8fQ!u\xa1e\xb1\'\x99&gt;\xe8]\xef|\x87\xd7\x18n\xe6\x1b\x1dDMo\xd8\xda!\xfe\xbd\xa4\xd6u\xa7\x03\xeaO\xf1\x8f\xfac\x97\xe9\xdb\x95O=\x153\xdc(i\xe8\x84{u\x0f\xaa\xa5}\xe1\x06\xba\xaf\xce\xce\x821^*b%\x94N\xc1J\x87r\xfa\xba\xd8\xf2\xd9\xd9=H\xe2\x84\x1d\xa0\x00\x0c\xcfhp\xe2\xeaj]d\xb3\xe0\xe2\x9a\xbfl\xf9\xd0.\xe4\x9eg\xfd\x9a.\x8c0:&gt;\x16Y\xabP\xc6\x8c\xfb\xb2\x1e\x8a\x85\xa6\xfd\x82p#\xb1\xe78\xb4\xc0\x02\x94\x91\xcfs\xa3\x05\xb4\x0f\x11Z\x861\x05W\x87\xces\'\x15\xa2\x834\xc1\x1e\x88\xa8\x07\x0bd\xe5)\xd4;\xc8\x06`{\xd7n\x82\xdc:*\x91\xa4M\x87\xa2\x08\xcd|gcI]\xdf\r\xcfD\x85\xc4\xaftUf\xe7\x91\x11\xc8\xf6\x01\x8c\xc5:S]\x9f\xe73kx-\xc46?\x9c\n\x02\x9fb\x9a\xb0\x9a\xba\xe4\xe7\x0bc\xab+\xa3\xff\xeb\x8f\xca\x86\x1d\\:rs\xc0\xf6\xfb8\xddC\xb9\x97\xb0\x8e%\xd4\xe7&lt;\xd7\x954\x97P\xdd\xc5\xd5V\xbf\x93\x82\xd8\xff\xb4\xa3\xa5\xdcTT%mv\x81\xad\xd2\xbd\x96\xef\x80`U3\xa4\xcc\xd6\r!\xf9},-l\x91\xb2\xa98\x89E\x85\x0e\x88\xfbp\x87c\xfc\xd2C\xd0\xbb&amp;\xc3\xe6$ \x81`\x9bm\xc7z\xc3\t\x91\xe5-]\x90\xc4\xbd\xbe\x9e&amp;w\x18\xac\xc8G\x82A\xfa\xd7\xe8\x07\x10\xe6\xa29\x96^(\xae\x92\xf6\xc2\xf86\x1e\x0b\x03\xb9bvA\xc0\xe5 !^V\x94\xee\x14a\xfd\xeb\x1do{\xe9\x14\xbdc]\x89\t\x00\xfc\xe2\x9f\xfc~D\x8a\xe23;\xc2\x1fK\xa9\xbb\xe2^\xee\xd5\x0e9t\xbb\xcd\xc8FG@R\xbcn\x87\x96hM\x0f\xcc\xbe\x17\xa5\rW\xa5d\xbc\xd6Y\xd1\xa6\xd9\xcaq\x9d\x8f\x00\xf0\xfc\xe6^&gt;p\x9f9\xd3$\xbc\xd4\xda*\xae\xa7\xfb|\x08\xde\x98\xddQ\xe20\xd4g\xf1\xef\xb7\x1d\xc3\x10w\xf0\x93\x1bG\xb1\xa2\xb7\xe9Q8=]\xa7&amp;|\x92\xd3\x14}%\xa0\x83\xcf\xf9P\x95B\n\xfeUN9\xc0\xbe\xb2\xbcW\xa4\xa87Jx\x05s\x06\x18\x12\x19\xa6\x96\xa7\x0f{\x1d\x8c\x8d\xc50\xa4\x08\x92\xe1\x1c\r:\xac\x17\xe2\x7f\x90\xbfG\x91\xdd7\xe8\xb9\x8e\xff\xdf\x150&gt;\xe8\xf6\x01\xc0\xea\xa6B\xfd;gn8n\x1aQ?mLY\x82\xd0j/\xfbf\xa0\xf3\xc5\x1bk\xf7"#\xdc\xe6\x807=.\xd3)\xe6-\x15\xa3n\xb6\x1d\xc2\xee\xceH\x96\x1f\xfa\x93\xdb[\xd4\x97[\x9d#\xb5\xd0!I\xff\x1d\x95\xa4\xe2\x14\x02\x96r\x19\xca\xc6Z\xb7\xbd\x9de\x92\xbc\x15\xd4\x07\x88+\x81\xc4\x96\x9a\x10Kb\xfeT\x17\xe5\x00\xa2\xc0\x16\xb6(3x\x84&gt;&gt;\neM\x13\xd2\xc2\x92\xecjMm\xdds%\xdeh0\xc9\xac4\x0c\x9e\x8b\xa8\xb8\xe6tp\xf1%*a\xa79\xa2\x8f\xf0\xd0\x8f\x80\xb9\xdcX\xa4$\xd1\x05~\x80\xb9\x8eYFn \r\'!\xa2\xa9\xae6\x8fm\xa4[\x18\x8e\xa83~\x14\xba+x\x13S:+\x14J\x1b\xe5Y\xbf\xcf\xbaK%\xb5]7n\x1a\xedB\xd4\x80ga}w\x15\xbdo\xa5\xfd\xa3\xcb\x89&amp;-\xaaUq\xe9n\x9a\xc9\x86#\xca\xd6\xb1\xae\x7f1\xf4a1\x00&gt;\xc6kN\x97\xa9\xbb\x84Q\xbeM\xe2\xea&gt;\x07\xcb\xb8\xb40\xdd\x06\x97k\xe7\x8e\xcb\xd19\xf4\xa7\xf8\x8eE\xed{\x8f\x15\xa6\xf1\xc4Q+\xdadG\x15\x1aj\xd1~.\xec\xbc\xed\xa1\x81w\xad\x9e\xd4\x8a4\xf1\x90y\xc4\x88\xb6\xd5\x9bN\x9f\x86?\xe7\xbbZ\xd0\x07\x89\xeb+\x93\xc1\xf6\xb8\xc6\x90\xa6+\x0eI"y\xaf-\x15\xf2wtFE\x99\x0f\x82\xd1oyq[5]&lt;r\xb3\xb7\xe1\xbb\xcb\x8bw\xd5\xceB\xfd\x9c\x904\x93\xa1\x87\xeb\xb8\xce+\xd0\x95\xc8*!K,2\xfa\xaeR\x02\xed\xf7\xf2:\xe7g\xd4\xef\x93\x9fkF\x92+iw)H\x18\x95z\xe1\x95\x8dWl\xef}(\xe1\xff\x11U}\xf0|&amp;\xdd\xa0O\x833\xf8t\xe1\x0b\xa7\x86P\xcd\x99\xf4r\x08\xbe*\x9c\xb0\xc3\xf0\xae\xa1\xd1\xa4\xb7\x97 \x80J3"\n\xf8\xdc\x16\xb5\x17\xd5\t%}\xdc\x90\xbd\xf8\x87\x0f\xfb\xd7\x8apky\xf0\xe2\x1b&gt;\xe0\xc7\x9d\x9a\xe0&lt;}V\x0e\xad\xf0IZ2\x17.\xaa,\xc7w\xe81_\xe6x\x82"\xc1\x9e\x1c\xbe][\xff\x80\xbe\x88\xf5\x8a8\xf4\x17Q5\\\x00\xae\xe2\xe2\x08\xb7\xdf\x89\xe1\xf8K\xcc\x8b\xa23\x83H\xc3\x8af\xf3\xd3\xd5\x9b\xa2\x89\xed\x12v\xc64\xf6?\x88.\xd4\xd9\xe4\xc0\xe6d\x8a\x80E\xa0p\xccU_VX\t\xea8\xc7\xd7\xa2\xea\xe4X\x84\x9e4{\x8e\x01\xf6\xff\x11O\x0f)Z\x1e\x05\x96\xd5\xfde\x11\x80\x06\x0by\xfe\xf5\xfd\xd9\x0b@\xfa\xd4\x04a\x8a\x9f\x97\xa1g\x1eF=}\xbb7\xdd\x9bMu\x0c\xb8\xde_?\xbcN\xc2U\x15#m]\xf4\xb1\xfd\x01R`v=m\x8cr\x14\xbcUS\x95"Q&amp;\x81\xd5\xfe(b\x0fi\xff\xef4J\xde\x9a\x9c\xfaDt\x1f@\xb2\xc0\xc7}/m\x80&amp;\xa0\x13l\x07\x97\x01j\x8f\xbb\t\xd4\x1ar[\x8fx\xb7"\xef\x9e!\xb6h\x81\xa9\xc5\xa9\x13\xe7~\x82\xbb?Z\x18\xa7\x0e\xfe\xb9Q\x7f\xb2n\xa7\xbc\x88\xe7(\xec\xac\xde"\xe4\xe7h1\x02\x99)\x11M\x87\xee\xd3R\x9bp\xacg=\x9dwM\xb1e0\t1\xb1\xc1\x87\x8f\x03\xbdI^/\x14$\n\xb3Z\x16%\xea\xe4\x9d\x96\xc7\xbb^zc"\x1d\xe6\x83V;[iw|\xa6\x01\x135W\x11\xaf\xdb\xaf\x1a;\x9f\xb0\xc7\xe4\xaf\xf6A\xdb\x97\xf2\xaf=\x1e\xfb\x13\x97cH\xea\x9b\x05Y\xf2*\xba\xcc|w\x86\xcdd\x0ezT\xfeVZ\xf2&lt;\x0c\xc8\x07(E\xd7vt\x1c\xe7\x85\xc2\xd9\xb0\xd6\x00\xa4\xe0*BP\xa3\xe4\xd7\x95\x8d\x00;\xe2E\xad;\xefQ\xf8\xbd\xf0\xce[x\xe7\xe0\x1f\x1eM\x83\x19\x82PN\xe9&lt;\r\x93\x9a\x1b\xf6}(\x00\x94\x03\xe6\x1f\xcd\xc8y\x8c\x85@\xc73{\xc5\xbaJP\xc1\xe8\xf45&lt;u\x1b\xd6e8\x8d\xd0\x15\xd7\xd7\xe3B\x04F\xaa\x83s\x85\xa9B\r;\xdaY\xe9\x90\x9c\xf7hi\xca\xffs\xed\xe6\x87\xb8X\x94%\x1a+}\xc10q\x19\xab\xd2\x08UB\xe7\x05b\xbb5\x91:\xd48\xed\x19\xa7 \xd3\x1a\x83\xca\xe1\xed\x90\x00\xb9d3\xad\x89\xec\x9eP\xddyIF5\xefR\xcc\xc2\xf2\x81\xec\xf4\xc2b\xdd\x95\xf1\xda\x97\xbe\xcd\xd0\xb3\xfej\x85hF\xf1\xca\xcc*N\x97\xa0\x8a\xc9\xf2\xc5\xaa\xe5\xd9\xb0\x0b\x90\xbc\xd3\xb2\x16*\x9b\xe0NS7?\x1eE0G\x8fA\xe8\x0c.\x9c\x1c]O\x11\xe9`\x8f`\x7fu\x04\xef\xb4O\x91\x84\x92\xc8Rbz\xb9z\x98\xb3\xe7\x14\x99s\xb7\xfeb\xbe\xa8\x7f\xff\xef\xbf\x14\x8d_\x1e\xb5\xc4\xa4s\xc9\xe0\xfe\xf2\x92jb\x0ee5\xaf:|\x11\xb6\x1d\x98h\x18z\xa9\x83\xe8J-S\x9a\x84\x1b\x8e\x01\xf7\xcas(\xf8\xbb^W\x08\xb2\xc2\xb0iI\xc5\xb8\xf55\xe2\x83\xa7#v\xdd\xc2\xf4\x05\xa2\xea\xe0\x06\xdf\x19\xe0\x80t\xc0\xcdt\x06B\xd5\xbe\xb8v|\xbc\xc8\xba*\xd2|\x9a\x8c).)\xf0\xb7\x9b\x8e\x95\xe77v.59t\x939\xf8\xca\xf0\xc7\xeb\x08D\xd6B\x82\x18XS\xf7\xaaY_r6\x8d\xee\xa8\xf7\x1b5K\xc6@\xea#\x8c\xd9\r\xe3e_i\xc3\xe0\xf3m\xafI/\x0c\x08\xb0\x7f\xc8~*\xfbf\xcd\xcf=\x9e\n\xb8\x0c\xf7\xaa\x9f:\x94 9\x08\x01\xa7\x82\xe8\x00\xc6t47\xfcB\xa8\xd9"\xfc{=\x12\xa4{\xc3\xc4n\xdc\x03\xb0*\xa1@\xaf v\xb7^\xe0\xab\xc7\xf5\x1d\xf5&lt;\xcd\x85^\xb8U\xd7K\n\x9b\x0c\x99\xc6\'\xac=\xc0\x9c\x06i\xdb\xfa*\xeb\xf2#TV\xfb\xd5[MPOB/B\xb2\xcd`\xfc\x8d\x15c:k\xba\x8a\xcf\x04\xbbGHN\x80\xea\xd9O\xd1v\x01\'\x89D\x01\x02&amp;7\xf0\xa0\n\x87j\xb5\xb9X\xe4\xbeS\xd0)\xb3\xffP$\xf3\xd7O\xcf\x83r\x8bu\xd4\xc8\xe9+\x88\x02E\x1c\xfd\x98\xc6\x1e\xff\x02\xdf\x8d\xec\x16\x9b\x00\xc5 `\x19p\xd6\xc4\xa9`\x13\x13D\x10ZJe\xce\xa3\xa7\xbavy\x1d\xb77\x9a\xcb\xb3&lt;0\xe0\xc3\xba\xf1Ac\xad\xb9\xfc\x99\xfb\xee\x92\xc1\xcc\xe1\x90?7gq\xcb\xc4\xcal\xd1\x0fm?%\x02\x92\xf4,\x08\xf07\xceH\xf6\x05\x86\n{\x86\xeb\x99:\x93;\n\xfcC\x89\xb6F\xff\xab\xe9\x93\x07\x05\x96\xe8\xa0\r\x03\xea\n\xe9}LH\xca\x99P\x10%\xd0H\x06\x99\x8f\xf5U\xe43\x0f\xc9m\x18!\x05\x1c\xd7\x04\x1c\x90\xfe\xc7f\xd2\xf1\xe2\xae\xd5\xbbI\xa0\x06@\xaa\x15N\x8e\x0e\x8a&lt;\xb7zXA\xf3\x18\xf7\xc0Vi\x9e%+Th\x8e\xe88\x95]3\xf0\xc8\x89\xf0/\xf1\xbd\x92\x10\xc6\xa6\x84\xb9\xcaG\xf4\xdb\xc0\xe8\x8d\xf3\x9b\xfd\x9e\xeem\x9b\xdb\xa5\xf5\xddi\n\xaf\x87xeE\x1eq\xf3$\xa7\xc6\x96\x9b\xbf\x9f:!$\xf9\x987.\x11\xbc\x94h\xdf\x07x\xebt\xden\x08\xe4\xda\x03\xf3\x1e\xa2\xc7\x07p\xa6\xdbj\xfa@\x80\xc1_G\xe3\xbc\x8a|\xcf\xdb\n\xb0t\xd9\xec\xf5MU\xce\xf8m\xd3I\xd4hx4\xa0\xf9\xbdH\x1dR\x81\xf1\x0c\xac\x9d\x9d&lt;w&lt;4F\xf5."8\xd8\xe9]\xee\x01:&amp;\xbaF\xd1\x06\x8d\x08\xf6Z\xc0o\xc20`\xe2\xba\x13\xd4a\xec\xfe\x84\xff(}\xf4\x1c@^[0\x81\xf4s\xffd\xe4\xee\xa1\xe17\xb3%SOq\xbb\x99\xd8\xa2\xf4x\x9f\xe9E\x10\xe9\xd1M\xb5\x14\xe2+R\x08b\x03\x19\x8c\x95\xd5\xf2"^\x8cl\x9b\xb0\xd6\xfc\x1fC\xe1\xd0\x8e\xa9q\x1b\x03\x1e\xbe\xa5&amp;\xf6\xbc\xc7_3O\xe9\xb6\x9d\xee-5\x97\x94\xe0\x0fH\xef\xc8\x0c\xb4\xab\x90\xa6#U7\xf1\x7f\x94\xbb6\x85\xbe\x8b\x9e\xd3){ \xb5L\x07\x15\xbb?\x9dZ|\xb6Qr4\xf8\x94\xa0x\xda\x10\x7f$}\\\xb4\x85\x8c`Q\xf2p\xeb\x8eW6\xfe\x87d\ns\x9c\xd1)\xa7qO_\xb8\xf78\xfa\xbb\xc5\xc9%&gt;[\x96\x9c@\x91I\xd0\xe1\xf4\xe5\x87\x17\x1d\x19\x88\xa6\xba([%\x0e-\xb7\xdf\x0c\xd3\x93\x15\xa6b\x1a\xeexL\xfeT\xca\'\x0cv\xfc\x83\xef\xd7\x1bm\x9a\x9a\xd5&lt;%)U\x16\xec\xcf0#_7\xa9\xdf$\x10\xabN\xa8\x9b\x8cH\xee\xad2\xd6G\xb8\x82\xa6?\thn\x85:\xde'</t>
  </si>
  <si>
    <t>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</t>
  </si>
  <si>
    <t>b'\xa3\xf1\xa42\xf4#]1m\xd3\xd9\xf0\x84Qg\xed'</t>
  </si>
  <si>
    <t>ll the second day's journey, when,
 the gentleman having sent his servants forward to the next town, may be,
 to have horses in readiness, the Signor's men quickened their pace, and
 overtook the carriage, in a hollow, between two mountains, where the
 woods prevented the servants from seeing what passed, though they
 were then not far off. When we came up, we fired our tromboni, but
 missed.'
 Emily turned pale, at these words, and then hoped she had mistaken
 them; while Bertrand proceeded:
 'The gentleman fired again, but he was soon made to alight, and it was as
 he turned to call his people, that he was struck. It was the most
 dexterous feat you ever sawâ€”he was struck in the back with three
 stillettos at once. He fell, and was dispatched in a minute; but the lady
 escaped, for the servants had heard the firing, and came up before she
 could be taken care of. "Bertrand," said the Signor, when his men
 returned'â€”
 'Bertrand!' exclaimed Emily, pale with horror, on whom not a syllable of
 this narrative had been lost.
 'Bertrand, did I say?' rejoined the man, with some confusionâ€”'No</t>
  </si>
  <si>
    <t>b"\x917c]\x97F'0y\xff\xb8\xcd\xad+\xddB\x04IZ*cN\x03\x91*\xe1\xd5br\xe0\xa2\xcb\x81O\x8d\x03A~\xa3\xb9'\xb7T_\x02\xf1\xf01\xc2\xb3[\x16\x0e\xe6\x0e\x86\x1dX\xbc\x9d\xca\x9d3?"</t>
  </si>
  <si>
    <t>9137635d9746273079ffb8cdad2bdd4204495a2a634e03912ae1d56272e0a2cb814f8d03417ea3b927b7545f02f1f031c2b35b160ee60e861d58bc9dca9d333f</t>
  </si>
  <si>
    <t>b"\x917c]\x97F'0y\xff\xb8\xcd\xad+\xddB"</t>
  </si>
  <si>
    <t>they dreamed of such delights as resulted from an intimate
 acquaintance with the little-girl-who-was-not-a-beggar. The mere fact of
 her sufferings and adventures made her a priceless possession.
 Everybody wanted to be told over and over again the things which had
 happened to her. When one was sitting by a warm fire in a big, glowing
 room, it was quite delightful to hear how cold it could be in an attic. It
 must be admitted that the attic was rather delighted in, and that its
 coldness and bareness quite sank into insignificance when Melchisedec
 was remembered, and one heard about the sparrows and things one
 could see if one climbed on the table and stuck one's head and shoulders
 out of the skylight.
 Of course the thing loved best was the story of the banquet and the
 dream which was true. Sara told it for the first time the day after she had
 been found. Several members of the Large Family came to take tea with
 her, and as they sat or curled up on the hearth-rug she told the story in
 her own way, and the Indian gentleman listened and watched her. When
 she had finished she looked up at him and put her hand on his knee.
 "That is my part," she said. "Now won't you tell your part of it, Uncle
 Tom?" He had asked her to call him always "Uncle Tom." "I don't know
 your part yet, and it must be beautiful."
 So he told them how, when he sat alone, ill and dull and irritable, Ram
 Dass had tried to distract him by describing the passers by, and there
 was one child who passed oftener than any one else; he had begun to be
 interested in herâ€”partly perhaps because he was thinking a great deal of
 a little girl, and partly because Ram Dass had been able to relate the
 incident of his visit to the attic in chase of the monkey. He had described
 its cheerless look,</t>
  </si>
  <si>
    <t>b'Q7GF|\xa7\x99\x97'</t>
  </si>
  <si>
    <t>513747467ca79997</t>
  </si>
  <si>
    <t>they've been before us. Someone's turned the chest out 
 alow and aloft." 
 26
  "Is it there?" roared Pew. 
 "The money's there." 
 The blind man cur</t>
  </si>
  <si>
    <t>b'R\xa8\xa0\xec\x05:qd\xfe\x1b\\X\x85o\xb2a\xfb\x99\xb7\xe9!}N\xcc\x9f\xae +\x94\x11_\xa7\x92\t\xda\x9e\xc04\xea\xaf9Js9\xc0\x81\xd6\xe3\xa7d"Dz{\x05x\xf8\xde?\xfbz\xaf\xf8\xbfV\xec\xe7\xd1 \xd0\xb3ep\x89\xfc\xf1\xbd\xa9\xb6\x99x#\xbf\x91m\xe5\x03\xfc\xb5\x84\xff\xa2\x88\xf1%?|\x98\xcfKJ\x8d\n\x15=\xdc\x1c \xcbN\xa0\x88@\xea\xf8\xfa\xfa\x8b\xcd\xe1\xe0M,\xfcZQj\x8c[\x9a2 \xbe\xc3\x04\xc2}\tm\x87\xfb\x17\x9a(\xfa\xd9\x1d\xe4\xae\xde\xfc\xd9\x80\xe4S\x97\x18\xc0\xac\x99\xbb\x8f\xc4\xa6\xeb\xadr\x0c\xcf\xea\xb7mN\xc0p\xef\x8f\xc2+\xd5xZ&gt;\xb1\'x\xad\xfd\x13\xff\xce\xbe\xcd\xd4\x03\x8f}\xd5\x9f\x8e\x1d\xa8]\xe8\xc9\x92-\xda\xfb\x9e\x14\xc9\x86\x96F\x8f\xa1\xe6+fV\xa3\xbe\x9d\x13T\xf1e\xd1\x07\x1e|\x8b7\x90R\xeeG\xae\xfc\xb2\xc2c3W\xc2\x9f\xc8\xd9\xdc\xa6\x03\xec\xc5\xf2\x83&gt;cG\xbe\x06\x02\xed$~3K\xe9t\xf8\x92\xc8\xa7\x88\x1c\xbe\x18\xbe\x8e-\xa3\xe3\x9d\x04\xb4n\xa2b\x08\n\xe2\x0c\xc5\xdb\xb5x.\xcd\xd6ctN\xc7\xe9\'k\xbb\xfa2\xce9\xa7\xa1\xec\xe9\xb7\x14\x06H\x88\x15\x0c\xec=\xb4j\xc5mj\xf2W\x07iD\xf5DI\x05\x89p\'\xb0p\x8b&gt;\xfa\x17`\xaf\xebQ\xd4\xbb\xc7\x166d\x88\xba\xe0\xa3\x8a\x1e\xae\xb44\x1a9h\x99&gt;\xfbNu\x93\xc3\xe7\x7f\x8ec\xc8[\x1b\x17\x0f\x10\xf0\xe2)\x126\x18\x06\x920\xdf/\x7f\x83\xfc\xac\x901\xd0Vvia)\x1f\xc0\x1c\xcf\x96\xa1\xa4E\xafJ\x0c*Q\x8fW\x0eC\xb7\xa2\xea\xbe\xf44\xbd8x\x1aoK\xf0\x01!\xc9B\xba{\x91V\'_\xe9\x8fF@\x98\xd4\xfa\x81lM\x9a\x11\xa1\xb0\x0e\x19L5\xd4\xa1cJ\xdc\x9a\xff\xb8\x04I\x06\xdae7-\x08\xe4(\xfa\x97\xbc\xd0\xaf\x8d\x8d\x82\xb4\x96\xbf\x9d\xf5\xb9H\x11A\xb0\xb1\x0f\xf4\xeb\x01\xcdw\xbe\x11'</t>
  </si>
  <si>
    <t>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</t>
  </si>
  <si>
    <t>b'R\xa8\xa0\xec\x05:qd\xfe\x1b\\X\x85o\xb2a'</t>
  </si>
  <si>
    <t>r the arrangement of his present plan of life, that the
 midnight councils were held at his mansion in Venice, and at which
 Orsino and some other members of the present community then assisted
 with suggestions, which they had since executed with the wreck of their
 fortunes.
 On the return of night, Emily resumed her station at the casement. There
 was now a moon; and, as it rose over the tufted woods, its yellow light
 served to shew the lonely terrace and the surrounding objects, more
 distinctly, than the twilight of the stars had done, and promised Emily to
 assist her observations, should the mysterious form return. On this
 subject, she again wavered in conjecture, and hesitated whether to speak
 to the figure, to which a strong and almost irresistible interest urged her;
 but terror, at intervals, made her reluctant to do so.
 'If this is a person who has designs upon the castle,' said she, 'my
 curiosity may prove fatal to me; yet the mysterious music, and the
 lamentations I heard, must surely have proceeded from him: if so, he
 cannot be an enemy.'
 417
 She then thought of her unfortunate aunt, and, shuddering with grief
 and horror, the suggestions of imagination seized her mind with all the
 force of truth, and she believed, that the form she had seen was
 supernatural. She trembled, breathed with difficulty, an icy coldness
 touched her cheeks, and her fears for a while overcame her judgment.
 Her resolution now forsook her, and she determined, if the figure should
 appear, not to speak to it.
 Thus the time passed, as she sat at her casement, awed by expectation,
 and by the gloom and stillness of midnight; for she saw obscurely in the
 moon-light only the mountains and woods, a cluster of towers, that
 formed the west angle of the castle, and the terrace below; and heard no
 sound, except, now and then, the lonely watch-word, passed by the
 centinels on duty, and afterwards the steps of the men who came to
 relieve guard, and whom she knew at a distance on the rampart by their
 pikes, that glittered in the moonbeam, and then, by the few short words,
 in which they hailed their fellows of the night. Emily retired within her
 chamber, while they passed the casement. When she returned to it, all
 was again quiet. It was now very late, she was wearied with watching,
 and began to doubt the reality of what she had seen on the preceding
 night; but she still lingered at the window, for her mind was too
 perturbed to admit of sleep. The moon shone with a clear lustre, that
 afforded her a complete view of the terrace; but she saw only a solitary
 centinel, pacing at one end of it; and, at length, tir</t>
  </si>
  <si>
    <t>b'\xc8\xe5o\x9cBM\x98q\xca\xdb\xbf\x18\x83^\xe3\xf0\xef\xce\x16F\x8az\xf69\x0b&lt;~*8\xdd"0(\x11\xebfqa\r\xcaRVa\xa9\xb3\x9d\xc1\xbd\x81l\r\x8c\xe96\x11\x12\x8ajd\xc2jO\xca\t'</t>
  </si>
  <si>
    <t>c8e56f9c424d9871cadbbf18835ee3f0efce16468a7af6390b3c7e2a38dd22302811eb6671610dca525661a9b39dc1bd816c0d8ce93611128a6a64c26a4fca09</t>
  </si>
  <si>
    <t>b'\xc8\xe5o\x9cBM\x98q\xca\xdb\xbf\x18\x83^\xe3\xf0'</t>
  </si>
  <si>
    <t>rious storesâ€”the British colours, a Bible, a coil of stoutish rope, pen, 
 ink, the log-book, and pounds of tobacco. He had found a longish fir-tree 
 ly</t>
  </si>
  <si>
    <t>b"Z\xe4\xf0x \x94\xe5g\xd15'\x03\x7fb\xad\x0c(\x11\xea\xf4(t`%\xba\xc4X4\xc5B\xb1R\xfc\xe2\xf0G\xea\xfe\xf8?\xc0\x85\xb0\x95n\xae\xb4\x8b=@Y\xe6\xc7\xfc\x16\xc8,yX2J\x01\xa546\xf6\xacG\xa6\x9dA\x1b\xce\x89k\x13\r(s\xc9t\xbc\xbbg\xee\xfb\x08\xbeY\xe9K\xd4 \xfe\xe6\x9cI\x055\xd0\xe7\xc1\xcc\xd8,\xed\x15&gt;W\x1bf[\xe5^$\xdb&lt;\xa6\xe3\xc4e\xcf&gt;\x05\xf3\xd6\xd4\x88\xf0\xd6R\xb3\xc8\xcc\x98\x12\xe4Dh\x19\xba\x1d\x14\x94p+I\xe5\xf0\xc5\xe1\x05\xad\x8e\xdf&amp;\xac\xb7m\x8d\xd3\xa3\xd4Az\xa7\x8f\x11LT\x04\x1b\x94\xfc\xcbnpz\x07\xec\x92\x01\xcbp\x8b\xdf}\x8f\x96Y2\x9fM\xd5\nM\\\xc4Eh\xbe\xc7?\x1f\x96\xa2\xeb\x9c\x15R\x99\xb2\x914\x04\xd6\xb5\xd3\x1c\xc7\x95Q\x88\xc3Aw\x82\xf4\x83\xcf\x1e\x0f\xfc\xc4t\x92\x8cB\xb3XO9\xe2H\xe1Fp\x95\xb1:\xb8P\xb6\xb0\xb4\xfd"</t>
  </si>
  <si>
    <t>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</t>
  </si>
  <si>
    <t>b"Z\xe4\xf0x \x94\xe5g\xd15'\x03\x7fb\xad\x0c"</t>
  </si>
  <si>
    <t>as had a stroke, as I warned him. Now, Mrs. 
 Hawkins, just you run upstairs to your husband and tell him, if possible, 
 nothing about it.</t>
  </si>
  <si>
    <t>b'jAb\xd9h\x1b\xb8\x81\xde\x02\x83q\xf5\x91\x84Rj\x96\xeeut\xd4\x98\x8d\xe9\x97\x94\xf9\x9b\xc6\xd1\x12+5\xbd\x83\xbc^\xb6\x9fNH\xb6\xd8\x1b1\xa5%\xc8\x95\xdc$\x005\xe5\xa9&gt;o&gt;5\x11\xa0\xd2\xac\x96\x9d\x13o\xba\xc9\x7f\x0c\x02\x90\r\x12\xa3\xc3_\xec\xa8\xbb\x14\xcdp/\xf2U\xcfv\xa7R\x98$kuBrCm\x90Q\xb6\xe6\x8a-\x97\x80\xc4@\xbdh\xd1\xcf\x92\x9f\xa1VUXxp\x88\xce\x0e\x1b&amp;\xfdu\xb2\xe1\r:7\x9e*\x1f\xda\xbdg\x95xs\xcd\x9b\xee\xa7W*\x0b\x14\xb0\x02W&gt;\xe1\xb5\t\x08\xc6yK\xab\x97\x13\xeb\xe9\n\xb7:\xa4\xab\x04\xb9U\xe0d\x93\x88\xae\xe64\xe3\xb2S&gt;\xd2\xc8\xdb\xdc\xc1O\xc0\xf3\xdf\xa3R\xaf\x80z\x91\x95\x02R\xce\xaeJ\x02P\x0b\x85Y\xfbOS]\xfd\xd2\xa0m\x8a\xb0Wqn\x94rB\x1e%}zg3\xc1\x18\xd8\x07\x1d\xe4\x92\x1a\xedb \x81\x19Y5\xba\x8dY\\\x98\xfdG'</t>
  </si>
  <si>
    <t>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</t>
  </si>
  <si>
    <t>b'jAb\xd9h\x1b\xb8\x81\xde\x02\x83q\xf5\x91\x84R'</t>
  </si>
  <si>
    <t>e, and I dove deep into my church youth group. During that
 time, I had a friend I really relied on. At a time when I truly needed to belong,
 he introduced me to the â€œcool kidsâ€ and made me feel like I fit in. I ate lunch
 with them every day. He helped me make new friends and even got me into
 some after-school activities. I admired him and followed him around for a
 year and a half. I dressed like him. I modeled him. I watched TV shows and
 read books based on his recommendations. I told jokes that I knew would
 make him laugh.
 He was kind, welcoming, and unassuming, and I was so thankful for him.
 During a time in my life when I felt like Iâ€™d been abandoned, he was a steady
 support. Until one day, when he looked up at me and said, â€œI find you really
 annoying. Iâ€™m only friends with you because I feel sorry for you.â€
 What?!
 He also told me that my other â€œfriendsâ€ talked about me behind my back,
 and that I was never really part of their group.
 I remember everything about the moment. I remember the look in his eye
 and the careless and awkward laugh he let out after he told me all this. I even
 remember the black long-sleeved shirt I was wearing. I cried when I went
 home that day, and I canâ€™t recall a time that I have ever felt more alone, or
 more like a loser.
 I never went back to the lunch table with those kids. I skipped lunch and
 hid in the computer lab every day for the rest of the year. For the next four
 years, I avoided my former â€œfriendâ€ as though heâ€™d physically injured me. I
 was afraid to even make eye contact with him. Du</t>
  </si>
  <si>
    <t>b'\xb0\x91\xc13\x1c\xe2T\x16\xe5\x85\xd6\xd9a\x84\xfc#|\xfd\xe39&amp;\xd6_\xc1\x19\t_\x0f\x8f\xe9\x99\x19\xbfJ&lt;\xe2y\xee5\xa6U$^\xc2yq\xb0%\xe5$B :\x9fe\xd3\x9e\xf2[!O\x18\xa3\x84\xce~\xe9\xd1\xc8\xfd\xda(\xd5\x97\xf6\x9a\x84\xfa\x16\xc6t\xc5}\xe6~\x9abC\xd3\xa6N\xd1\xb9]\x81\xbaG\xe3w\xa7B\x0e\xff\t\x9bw\xbb\r!\x08\xc2\xcd\x86\xd4\x039h\x9d`\xba\x969\xa2\xbd\xc2\x01\xe1\xafa\x13p\x8c(\x98L\xaeo\xce\xa3\nZ-kex\xe5\xb1\x9a\x8d&lt;o5_\xdf\xdd\x90\xa7\xdb\x13\xc1\xe9^P\xfc/@\xc1\x92\xcc;.\xcb\xda.\xfc\x82&amp;\xa6(h\xe5&lt;\x0f\xc4H\x07\xe1q&gt;O$\x1df\xfba\xbe\xb48\xb8L\xfa\xe4gs\xf2u\xb3\x07\r\xe0\xbf\xa5m\xec3\x8b\xa3\tT}\xcb\xeeY\te\x8a\xd6\x1bo\xa3\x00\xea\x8a\x06FI\x9c\x0ew\x9b\xb8\x8a\xde-\x92\xc8\x8f\xad\xac\x91\x16\x9bF\xb1m^\xeb\xd0"\x91\xc5M\xb0\xc3\x01(\xaf\x07~\xad\x13j:\x08\x1f\xf9B&amp;2\xce\xa6\xedL\x80\xf4o\xfe\xde\xfa\x117\x91\xf1\xc2&amp;\x08\xa3\xf3q\x0e%\x03\xcc\xeb|\xc4\xfdIr\x1e\xa2\xc9\xae\xf2\\T\xce]\xcf\xdex\x10:\x95\n\xa6\xba\x95\xae\xafJ\xa9\xdft\xb9\x01"\x17\x92\x93)\x1e\x91\xca\xdaV\x07\xa0\xd9\x8c\xcc\xad\x93\xfb\xa7\x18\xee\xe4\x8d\x97\x05\xb4\x99/A9\xb1rf8\xffbd[\x90\xd7e\n:\x9b\x8d]\xb9\xa5t\x93\xf5\xa4\xf6\x87\xc9\\\xee\xcd\xe0\x81\xbd\xa3\xc6\x19\xe6Y\x1c\xa28\xc3\x89\xb7\xf3Y\x96\xdc]0\x0co\xe08\xb0\xd9\xe6\xbdJ\xcft\x07\xd9so\xfc7\r\xc3\xc7\x9b\xc3u\t\xc3\xaaKd\xcdrT\x07l\xa1s\xd7\x12x@\xe3\xd2\x90\xcf\xe7\x1f\x02\xba*D\xc4\xef\xde\xf3\x86c\xb8+\x95\xd4\x0c\x9eL\xadwR\xe1\xb0\xb4": nH\xc2\x17n\x99`\xc8\x0e\xdeg\x17\x10\xd8^\x9d\xb7zZ\'V!\x14\xfb\x82\xc6\x032g~\x1a\x1aH^N\xa2\x1cQ_\x00\xba\x9fMw\x03\x16\x97{\xa6\xae\x05\x98\x12\xdd\x06\xed\xf5\x8e\x98\x88\x00\x86\xe44\x12&amp;\x9f\x85%\x17\xce\xde/\xc6\x03\x8f_\rRZ\x8bp\\\xf6\xd9\xa7\x88\x83\x8c\tU\xc2\xb1\xd2Y\xf5\xbdS\x16M\xb2\xfbl\x8d\xc8\xa8\xea\xa0\x96\xcah\xb2N\xb3\xa3o\xa2\xb4H\xd9/"\xae8y\xb1qa6Y\\D:\xe3u\xea\x90%\xc2\x11\x87\x0b\x1a\x0c\x9e\x98\xca%^\x95\xff8\x1c\xad\xe2\x10\xe8\x8b\xe1K\xb9+\x96\x02r\xea\xa5\x1fd_\xf1e\xb8\r\x7f\xb5\x0e\xae\xa4W?\xf6\xed[\xf2\x0e\x1b\xc7\xdd\xc1W\xb9\xf1\xa0\x9e\x07\xf8\xeb\x82\xea\xab\xfb\xdd\x7f\x08\xfa\rT\xd8\xcb\x8e\x82&amp;X\x9c\xbc\x02\xad\xad\xd8z\xcb\xa1\xf5\nu\xb0\t(\x15\xf8}\xb5\xb2\xdc\x01\xccvY\x96O\xf6\xb3\x8b\x8bC\x10\xc6\x9a\xce\xfa\x0b\xd2\x1e\x96\x9f\xd5\xd7\xb7\xd3\x97A\xecOf\xe5\xe3/\x0e\xaa\xb6I\x1c\xdb&amp;[\x10w!@\x8c\r\x92r\x84\x16\tAkR\x87\x17\x8a\xbfdPQ\xa0L\x10\xff\x03\x11\x91a\x01p\xa2Du\xed&amp;\x7f\xf2\xfa\xbd5C\xf3\x1c\xc9\x8dmf\xff\x95ee,\xb6tF\x01^\x1c\xbb?\xb8{\xcf\xe3\xdb]\x1d\x18\xec\xa6\xf3a\xa3U+\x82\xf4\xb3k\x0fz\x0c\x9d\xa6J\x83\x9b\xac?\xf1WWV\xc6\x85\xe9\x02B*\x92\xf6\x95-:|\xd9\xcf\xde&lt;\x0c\xd0n\xc8\xed\x06\x90\x04$\xdb\xaaf\xc7\x1ac\xf8?\xb6\xe9\xfd\x1c\xc4x\x84\xcb\x8d\xa3\x80#\xd7\xa4\xa1C\xea\x896h\x08)\x99x\x95k:\xbc\xd0f\xf9"R\x94W\xde\xb5\x17\xbe\x12V\'\xd8\x0c\xcf\x80\x98\x89\xc6\xf9\xaa\xc2\xb6\xb2/6\xf5\x05\x8b\x8f\xa8r\xa9\x15[\xb4j\x19`\xcb\x04X\xc1\x8a\xe2,\x88\x9cK\x94\x9ab\x10\x881\xc2%\x91\x0c\xd3&amp;B\xdaXO\x93)HVK\xba\xfb+\xde\xf3\xda5\xbf$0\x96\x02\xb5p\xcb\x1c\xea\xba\x8eXsR\x1a\x1eAe\xdcNi\xe9\x8b\xafrH\x05\x8f\xd8\xd0eB\xaaY\xaew\x10\xb1P2\xd7b\xb3m\xf7N\x0c\xcf\xb3\xaa\xe0\xf8\x91\x9a\x05q\xbd)\x93\x9c\xb9\xbe\x17\xd0!=\xbd\x81=\x97\xfe\xf1\xca\x15d\xb0p]\xbf\xab\xc4\xb9\x1a@\xde\x18"\xd4\xe8\xa6\x82\x12Mi\x9d+\x81D\x1d\xba\x06\xc6\x15\xc4\xf7\xb4\xcf\xf5\xae;pa\xf0\xa9\xd2b\x825\x80\xaan\xfe\x8a\xf8\x8c\xa9\xdf}\xb5\xb2X\xc9!\xd2\x85\x9fa\x99\xf1W\xb4\x9b\xe1g\'\xae-#\xaeUR\x88\x12&amp;\x8d\xa5\xf6\xd6`\xcfY\x9d\x05fi\xa7\x84p}M\xf1\x9d\xfa\xdd\xda\xf8,\xe9I\xe6\xa4-\xb3\x81!,\x00\xdbY3\xe0h\t\\#\xae\xabo\xb9\xc9r2G\xe2\xf5\xafV\xa6!\x1b\xb9D\x16\x17\xd1LGgm/l\xde?#\x8e\xab1q\x15&gt;HJ\x9dT,\xd0x\x1eS\x98\xba\xd5j\xed\xb3\xa5d\xcd%\xdf\xaac\xc05\xc3\xe7\x0f\x94\x05\x82NX\x1f\xd2\x02\x90n\xc29Jj\xda$=P\x9a\xd6Q?\x9b\xe6\xec\x08*\x01\xa0\x1a\xee\x0eh\xca\xf0\xef,;\xa5\x8f\xc4\xf4*Y\x13\xcer\x95\xae\xf8\xa0\xa5-\x1a\x89\x80\x94\xc0\xb0A\xb6u\xbaa\x88M\xb81hK\xa2#\xc6G\x1a\xbe\xb9S\xe1\xb3\x0e9\xa9\x8f\x83\xd21\xa0\xc2!$\xc7\xaa_U\xe3L\xf8\xf8\xea^\xe8Q\x99\xc9\xd4\xbb\xa6\x04C\xd0y\xa7\xd47VW\x89\xcfE\xcd\x8c=-\xf9q\xae!1\xfc\xdd7\xbe.@\x07\xdc\x80\xe9\xf2\xfe\xfc&amp;\xdbx\xa2$\x8a\\#\xaf\xc6.\xa5\xa2\x18\x17=\x1d\xbc^\x9dD\xf3d(\xfa[Ef\x88\xa3\xc5.)`jT\xaaH\xc0\xca\x9b\x18,[\x8a\xdeX\xc7\x97\xd8ans\xa0\xf5\xb6\'\xaa\x08\x8a\xbc\xac\xbd_$\xc5\xed/\xfc$\xd4\xd0\t~\xf1\xc9\x14\x97\x0b\x11m\xbbY_rw\xe0\xffI\xd0!a\x13m\xa9\x0ck\xd4R\x9f\x0b\xea\xe6\x8e\xf1\x92m\x87{k#\xed\xb8c\x86\xe5\x04!\x89\x0fQ1\xa6\x8d,\xa9\xc77\\_\xe2F\xfeC:\xc5\xcb\xef,\xb6@\xdd\x8c=\'I\xfbp\xc1_\xb5/\xa0\xaf,\xb7\xf79\x9a\xd54\xf0\x18\x030W`\x85\xc4$\xe5e_\xdbo\xd7\xc0'</t>
  </si>
  <si>
    <t>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</t>
  </si>
  <si>
    <t>b'\xb0\x91\xc13\x1c\xe2T\x16\xe5\x85\xd6\xd9a\x84\xfc#'</t>
  </si>
  <si>
    <t>before among the billows. It was plain she was not to be 
 interfered with, and at that rate, since I could in no way influence her 
 cours</t>
  </si>
  <si>
    <t>b'\x0c\xc8\x9c\xfco=\x82\x08N\xb9*\n{F"\xaa\xbe \x1aQ\xfa)\x1dJ]\rf\xee\xff\xcf\xd3v\xee\x1f\xf3\xd3\x8bA}9\xa1_c\xd3\xd45\xc9al\'\xca\xd8#\xaf\x91\x8a\x8a(\x1fJ\x1f\xf54SV\x17\xeb\xa2\xda\xe3\x8a\x8e\xdf&gt;\x18\x97;\x806\xe9\x06\xef`\xc9\x82\xc7\x1d_\x03\x0b\xec\xae\xde)\xba\x90\xcc\t\xb0\xe6\xcc\xc9\xb0\xa3\x9c\xb6\xbc\xd7A0\xbc\x1e\xcd;\xbb]\xaf\xa8,\x82 _q\x0c\x0c\x12W\x10-\xebe\xa8\xa3\xa5\x18\xe3\x0by\xba\x12\x07\x93\xc7\x94\xcb\xed-\xe1Z\x04[\xf7\xde\x98X\x81&lt;\xc1\x87\x94\xe0\'\x1e\t\xde~\x0b\x9888\xe0\x82\x92\x94Wh\xe7\x7f\xfa=z\x7f\x197b\xf7\xb7\x96t|i\x03\x05\xf7\x14\xe1o\xd5\xb9\xb4\x89dM\xc1\xd0&gt;&amp;\x08\xa4&gt;\x19\xf3\xd6\xfcU\xaa\x02Q\xff\t\x80\x933\x10Yd\xe8"#|s=\xcd\xd5\xb2\xd3\x19\x1c\xf0\n#L\xbc41\xd49\xccE\x9d\xef\xd6s#6K\xa3\x01\xb0x\xb8\xd4\xba\x99Zb\xd9\x05-\xb5\x8bR\x98N\x88\xea&gt;\xc9U\x14@\xff\x91\xdc@\x07\x80\xa9`\x1aPH\x1d*7\xb4\xf0H\xd7\xb8\x0bT E\x94\x8f\x8f\x03iS&gt;\x04f\xb7(\xe4\xd6&lt;\xf9\x0e\x8f4Z\xd8(/R\xa3\x08\xcb\xacMpf\xa0}\xd0S?C?f^\n/,\x94^\x88\xd31\x9b\x85\x8a\x97N\x06\xe7\x11\x1cn\x96\r\x87\xa0\xdd;"4u\xd3qn\xfa\x14\xf4\xaa\xb9\x88up\x889\x84h\xd4\x8f\x93\xef\xc6^\xf6\xaf\x12lCZ\xe13\xc1\xacfa~&gt;\xa5\xc1A\x1f\xc0\xcd\xf1\xe94\xd5\xa7\xfb\xb0\xe0u:\xee\xea\x04mK\xb0\x87\x1bo\xff\r\xa6\xfb\xbf\xf77t\x93\x9a\xc1)\xed\x95\xbbYPo\x9f^\xbc\xc2\x85%B-\xf8\xb9\xfe\xc8f\xa6\xbc\x02^\xd9\xa72\xbf\xeb\x9b\x98\xa1\x92\xacq\x88Z\xbe\x83\x8e?\xac;\x07\x01\x01\xb8\x13\t\x94s\t\xde\x00z\x13\xa9\x1c\xca\'\xda\xab|\xf1\x97:\xad\x13W:L'</t>
  </si>
  <si>
    <t>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</t>
  </si>
  <si>
    <t>b'\x0c\xc8\x9c\xfco=\x82\x08N\xb9*\n{F"\xaa'</t>
  </si>
  <si>
    <t>f in a labyrinth of misfortune, from which she
 saw no means of escaping,â€”the marriage with Montoni. But, when she
 considered this circumstance, it was 'more in sorrow than in anger,'â€”
 more for the purpose of indulging lamentation, than reproach.
 In her pious cares she was not disturbed by Montoni, who not only
 avoided the chamber, where the remains of his wife were laid, but that
 part of the castle adjoining to it, as if he had apprehended a contagion in
 death. He seemed to have given no orders respecting the funeral, and
 Emily began to fear he meant to offer a new insult to the memory of
 Madame Montoni; but from this apprehension she was relieved, when,
 on the evening of the second day, Annette informed her, that the
 interment was to take place that night. She knew, that Montoni would
 not attend; and it was so very grievous to her to think that the remains of
 her unfortunate aunt would pass to the grave without one relative, or
 friend to pay them the last decent rites, that she determined to be
 deterred by no considerations for herself, from observing this duty. She
 would otherwise have shrunk from the circumstance of following them to
 436
 the cold vault, to which they were to be carried by men, whose air and
 countenances seemed to stamp them for murderers, at the midnight
 hour of silence and privacy, which Montoni had chosen for committing,
 if possible, to oblivion the reliques of a woman, whom his harsh conduct
 had, at least, contributed to destroy.
 Emily, shuddering with emotions of horror and grief, assisted by
 Annette, prepared the corpse for interment; and, having wrapt it in
 cerements, and covered it with a winding-sheet, they watched beside it,
 till past midnight, when they heard the approaching footsteps of the
 men, who were to lay it in its earthy bed. It was with difficulty, that
 Emily overcame her emotion, when, the door of the chamber being
 thrown open, their gloomy countenances were seen by the glare of the
 torch they carried, and two of them, without speaking, lifted the body on
 their shoulders, while the third preceding them with the light, descended
 through the castle towards the grave, which was in the lower vault of the
 chapel within the castle walls.
 They had to cross two courts, towards the east wing of the castle, which,
 adjoining the chapel, was, like it, in ruins: but the silence and gloom of
 these courts had now little power over Emily's mind, occupied as it was,
 with more mournful ideas; and she scarcely heard the low and dismal
 hooting of the night-birds, that roosted among the ivyed battlements of
 the ruin, or percei</t>
  </si>
  <si>
    <t>b"Q\xcb\xfb\x83\x13\xff\xe6\xcc\x90\xdee\xdb\xb2\xa5\xd7v\xa3z\xb6'\xe0\xf1\xb1\xcf\xc1\xca\xf6\xb2\x95\xc8\x13\xdb\x05\x18*\x0f\xd9hX\xa9\xde\xf4\xc3\x1d(b\xd6\x1d\xe0b]\xf9\xe1\xe0\x82\xe4\xd8j\x1f;\xf2\x0b\xffI"</t>
  </si>
  <si>
    <t>51cbfb8313ffe6cc90de65dbb2a5d776a37ab627e0f1b1cfc1caf6b295c813db05182a0fd96858a9def4c31d2862d61de0625df9e1e082e4d86a1f3bf20bff49</t>
  </si>
  <si>
    <t>b'Q\xcb\xfb\x83\x13\xff\xe6\xcc\x90\xdee\xdb\xb2\xa5\xd7v'</t>
  </si>
  <si>
    <t>al fall in food output from to and a large
 increase in cloth output from to .
 The biased effect of increases in resources on production possibilities is the key to under_x0002_standing how differences in resources give rise to international trade.6 An increase in the
 supply of labor expands production possibilities disproportionately in the direction of cloth
 production, while an increase in the supply of capital expands them disproportionately in the
 direction of food production. Thus an economy with a high relative supply of labor to capital
 will be relatively better at producing cloth than an economy with a low relative supply of
 labor to capital. Generally, an economy will tend to be relatively effective at producing goods
 that are intensive in the factors with which the country is relatively well endowed.
 We will further see below that there is some strong empirical evidence confirming that
 changes in a countryâ€™s resources lead to growth that is strongly biased toward the sectors
 that intensively use the factor whose supply has increased. We document this for the
 economies of Japan, South Korea, Taiwan, Hong Kong, and Singapore, which all experi_x0002_enced very rapid growth in their supply of skilled labor over the last half-century.
 Effects of International Trade 
 Between Two-Factor Economies
 Having outlined the production structure of a two-factor economy, we can now look at what
 happens when two such economies, Home and Foreign, trade. As always, Home and Foreign
 are similar along many dimensions. They have the same tastes and therefore have identical
 QC
 2 QC
 1
 QF
 2 QF
 1
 Output of 
 food, QF
 Output of 
 cloth, QC
 slope = â€“PC/PF
 QF
 2
 QF
 1
 2
 slope = â€“PC/PF
 1
 TT1
 TT 2
 QC
 2 QC
 1
 Figure 5-8
 Resources and Production
 Possibilities
 An increase in the supply of 
 labor shifts the economyâ€™s 
 production possibility frontier 
 outward from to , but 
 does so disproportionately in 
 the direction of cloth production.
 The result is that at an unchanged
 relative price of cloth (indicated 
 by the slope ), food
 production actually declines 
 from to . QF Q 2 F
 1
 -PC/PF
 TT2 TT1
 6
 The biased effect of resource changes on production was pointed out in a paper by the Polish economist T. M.
 Rybczynski, â€œFactor Endowments and Relative Commodity Prices,â€ Economica 22 (November 1955), pp. 336â€“341.
 It is therefore known as the Rybczynski effect.
 90 PART ONE International Trade Theory
 relative demands for food and cloth when faced with the same relative prices of the two
 goods. They also have the same technology: A given amount of labor and capital yields the
 same output of either cloth or food in the two countries. The only difference between the
 countries is in their resources: Home has a higher ratio of labor to capital than Foreign does.
 Relative Prices and the Pattern of Trade
 Since Home has a higher ratio of labor to capital than Foreign, Home is labor-abundant
 and Foreign is capital-abundant. Note that abundance is defined in terms of a ratio and not
 in absolute quantities. For example, the total number of workers in the United States is
 roughly three times higher than that in Me</t>
  </si>
  <si>
    <t>b'0D\x02 \n\xe5\xa9\xb1\x102\xa7\xf9\xa4\xfdQ3O\x1c\xe1{\xfa_.\x80\xb3u\xfb\x7fr=\xb1)\xe1\xc5\xe7\x02 8L\x91\x02\xa3\x19\xdaZp[\xe5M\xc6&gt;\xe6\xdf\x83\x85~U\x8b\xefv\xc2^\x8c*\xf9\x05\xd6m\xff'</t>
  </si>
  <si>
    <t>30440220200ae5a9b11032a7f9a4fd51334f1ce17bfa5f2e80b375fb7f723db129e1c5e70220384c9102a319da5a705be54dc63ee6df83857e558bef76c25e8c2af905d66dff</t>
  </si>
  <si>
    <t>b'0D\x02  \n\xe5\xa9\xb1\x102\xa7\xf9\xa4\xfdQ'</t>
  </si>
  <si>
    <t>in, and lost no time in knocking down two of his longgowned adversaries with his fists and a vigorous application of
 his toes; then, rushing out of the pagoda as fast as his legs
 could carry him, he soon escaped the third priest by mingling
 with the crowd in the streets.
 At five minutes before eight, Passepartout, hatless, shoeless,
 and having in the squabble lost his package of shirts and shoes,
 rushed breathlessly into the station.
 Fix, who had followed Mr. Fogg to the station, and saw that he
 was really going to leave Bombay, was there, upon the
 platform. He had resolved to follow the supposed robber
 to Calcutta, and farther, if necessary. Passepartout did not
 observe the detective, who stood in an obscure corner; but Fix
 heard him relate his adventures in a few words to Mr. Fogg.
 â€œI hope that this will not happen again,â€ said Phileas Fogg,
 coldly, as he got into the train. Poor Passepartout, quite
 crestfallen, followed his master without a word. Fix was on the
 70
 point of entering another carriage, when an idea struck him
 which induced him to alter his plan.
 â€œNo, Iâ€™ll stay,â€ muttered he. â€œAn offence has been committed on
 Indian soil. Iâ€™ve got my man.â€
 Just then the locomotive gave a sharp screech, and the train
 passed out into the darkness of the night.
 71
 C H A P T E R XI
 In which Phileas Fogg secures a curious means of conveyance
 at a fabulous price
 HE train had started punctually. Among the passengers were a
 number of officers, Government officials, and opium and indigo
 merchants, whose business called
 them to the eastern coast. Passepartout rode in the same
 carriage with his master, and a third passenger occupied a seat
 opposite to them. This was Sir Francis Cromarty, one</t>
  </si>
  <si>
    <t>b'\xfd\xc7v\xf6\x13n:-\x889\xbc\xcc\x1d\x8ag\x16E|\xdd\xb89\xe5\x02\xa8\x11\x94\x80Uk|\xb2\xec'</t>
  </si>
  <si>
    <t>fdc776f6136e3a2d8839bccc1d8a6716457cddb839e502a8119480556b7cb2ec</t>
  </si>
  <si>
    <t>b'\xfd\xc7v\xf6\x13n:-\x889\xbc\xcc\x1d\x8ag\x16'</t>
  </si>
  <si>
    <t>He descended to the saloon. Mr. Fogg was not there.
 Passepartout had only, however, to ask the purser the number
 of his masterâ€™s state-room. The purser replied that he did not
 know any passenger by the name of Fogg.
 â€œI beg your pardon,â€ said Passepartout persistently. â€œHe is a tall
 gentleman, quiet, and not very talkative, and has with him a
 young ladyâ€”â€
 181
 â€œThere is no young lady on board,â€ interrupted the purser. â€œHere
 is a list of the passengers; you may see for yourself.â€
 Passepartout scanned the list, but his masterâ€™s name was not
 upon it. All at once an idea struck him.
 â€œAh! am I on the Carnatic?â€ â€œYes.â€
 â€œOn the way to Yokohama?â€ â€œCertainly.â€
 Passepartout had for an instant feared that he was on the
 wrong boat; but, though he was really on the Carnatic, his
 master was not there.
 He fell thunderstruck on a seat. He saw it all now. He
 remembered that the time of sailing had been changed, that he
 should have informed his master of that fact, and that he had
 not done so. It was his fault, then, that Mr. Fogg and Aouda had
 missed the steamer. Yes, but it was still more the fault of the
 traitor who, in order to separate him from his master, and
 detain the latter at Hong Kong, had inveigled him into getting
 drunk! He now saw the detectiveâ€™s trick; and at this moment Mr.
 Fogg was certainly ruined, his bet was lost, and he himself
 perhaps arrested and imprisoned! At this thought Passepartout
 tore his hair. Ah, if Fix ever came within his reach, what a
 settling of accounts there would be!
 182
 After his first depression, Passepartout became calmer, and
 began to study his situation. It was certainly not an enviable
 one. He found himself on the way to Japan, and what should he
 do when he got there? His pocket was empty; he had not a
 solitary shillingâ€”not so much as a penny. His passage had
 fort</t>
  </si>
  <si>
    <t>b'\x11|\x98\xc8T\xdc\xa3\xb6\xd6\xf9@X\xcb\xe7\xe8l\xc6\xd4\xb0q\x86VF\x8a\xe5\x93\xdc\\}r\x909'</t>
  </si>
  <si>
    <t>117c98c854dca3b6d6f94058cbe7e86cc6d4b0718656468ae593dc5c7d729039</t>
  </si>
  <si>
    <t>b'\x11|\x98\xc8T\xdc\xa3\xb6\xd6\xf9@X\xcb\xe7\xe8l'</t>
  </si>
  <si>
    <t>shed personage happened to visit the school that
morning, and Amyâ€™s beautifully drawn maps received praise,
which honor to her foe rankled in the soul of Miss Snow, and
caused Miss March to assume the airs of a studious young
peacock. But, alas, alas! Pride goes before a fall, and the
revengeful Snow turned the tables with disastrous success. No
sooner had the guest paid the usual stale compliments and
bowed himself out, than Jenny, under pretense of asking an
important question, informed Mr. Davis, the teacher, that Amy
March had pickled limes in her desk.
Now Mr. Davis had declared limes a contraband article, and
solemnly vowed to publicly ferrule the first person who was
found breaking the law. This much-enduring man had
succeeded in banishing chewing gum after a long and stormy
war, had made a bonfire of the confiscated novels and
newspapers, had suppressed a private post office, had
forbidden distortions of the face, nicknames, and caricatures,
and done all that one man could do to keep half a hundred
rebellious girls in order. Boys are trying enough to human
patience, goodness knows, but girls are infinitely more so,
especially to nervous gentlemen with tyrannical tempers and no
more talent for teaching than Dr. Blimber. Mr. Davis knew any
quantity
116
of Greek, Latin, algebra, and ologies of a</t>
  </si>
  <si>
    <t>b'\xbd\x8c6\xa2\x05\xfdP\xf0h=D\x02\x9dJ\x9e\xd3\x91\x19&lt;\xdd\xc2\xc2t\x90\xac|\xb3\x1as\xfa\x8aGy\x91\\B\x0c\x8dqO\x82\x86/KN\x08\xc4\xb5\x1e.E\x17\xd9W\x0b\xf6=\xb9M\x1av\x90\xb1\x9bo\xb0\xbb\x0c&gt;\xf7\x87\x004\x93\xfc\xd4_\xf3\xbc\n\xdf\x9d\x18\xd3J\xf9\x8eD\x0c\x9d^S"\x10\x89z&gt;\xbb\xc6O\x8e\xe7\xf1\xb8\xc8E\xb2\xadE\xce\x9f\xd2\x0f\xe7J\xee\r\xc7\xd8\xb7R0X\'\xdcLZK\x00\xcc\x9fQye-\x96NY\xd9\x1b\x8c\xbbX\x05\x8f{\xe7\xc2\xc4N\x16+&amp;)\xfa\\\xf3\xbf\x15HA\xea:Y\xc4\xb1\x84FoE\xe0\xb8\x84f;"-\x0f\x0f\xb8\xa8\xc4\x0c\xd0\xbe})\x1dt\x9a\x08\x9b\xf9q\xd0FK\xb0p\xf8\x90\x96W\xe9\x06\x02\x0b\xb5r\x1a\x81\xcay\x1eG\xed\xb4\x80\x19\x8f\x1cDUS\x03l\xa0\xec|\xfauC\x1f\xcd\x187\xc4\x8du\xaf\x87j\xcbY[\xd1*c\x1d\xael\x9f$7\xcaj\xd7\x15\xa9\x03\xeft\xc0\xb5\x15vO*\x14\x00,\x89\x04\xe7\x00\x86&gt;\xb3\xd5\xbdq\xf9\xfd\xb5\x14aC\x06\xa9\x16\xa6\x1e\x1bc\x94%vEm\xea)\x02\xc6\x03I\x1d\x80\x92 \xd0;\xfe\x1bE\x0b\xa6\xab\x1ck\xd1\xcd\xff\xb8\xbc\x9e\xc5\x9d\xfdfJ\xfc\xbc\xd5\xdf\x03\xb5y[\xe7\xbbN\x89\x945:\x1d+\x84\x89$\x13Yx\xdav\xd0\xde\xcd\x1c\xf8\x88\xbd\x14g\xaaMdh\xcb\xf3\x01\x99b\x8b\x1a\xbbE\xfe\xb4\x00\x8f9\xb4\xb0J\x81NO\xac8X\xc38^\xfc\x1e#7\\4\xc7\xe4\xaf`TW\xce8\x92\\I7V5\xf2!$\xba\xf7H\x1e\x08\xfe\xb0b\x9c\xe1\xb6\xc4O\xab0\xea\xc2\xd2,G\xaeU\xdaL4\x04:\x98\xcf\t#\xde\xc4\xd3Jcud\x1d\x9a\xed_\xd5S\xa8I\xff\xe1\x8bA+;\xca\xec&amp;~=\xb0\xa9"{\x0b\xe5\xb2\xa90$\x0f\xa8\x19\xc2\xb4BpT\x96&lt;?$\xbd\x08E\x86\xc8\xc4\xdc&gt;X\xad^\x03\xdc\xc9\xadTX0\xc7:Q\xd6\xc6\xd8y\xb7\x88Y(\x8c\xb4IYx\x11\xffc\\\xd0\x84\xd9x/8\xb1\xecM\xa3\x1c\xb7\xad\x15\xdd\xa64!\xe7\xb3;v!~\xcbl\x82\x04\xf5\xee\xd9\xc8\xaa\xd2f\xdeg\x13\x06\xe9\xe8\xa7(K\xa2\xf7\x12\x85\x15\xc81*r\xf9\xe2\xa8i\xbb\xb6\xfa\xd9\xa7\xc3\xdc\x9dk\xa2\xb3\xfa;B\x9d\xd3\x97\x98Z\x90\xb7\x9e\x0c\xd2\x9d#\xdbjU\xc0\x04\xd7g\x9c&gt;\xec\xf8s/\xe2\xd5\x8c\x13\x08=\xb4y\xcf\xb7\xecD\x8b?\xae\x8aF\xdd\xfcc\xff@so\xe6I\x8c\xfd\x9a\x02\xf1i\xdc\x81V\x17n5\xc82\x7f\x05j\xa5\xfd\xcda\x93\xbf\xc7Ok\x80D\xfeqU\x86\xa7\xeeM\xa3iG\xd4\x15\xa4\xcd\xe7\x9a\xf1\xbe7\x1b,B:\x1c\xd6\x010\x84\xab\x0b\rZfOO\x1e\xba\xa1\x1b|\x9e\x17[\x9eG\\\xe8\xec\xc8bT*:\x93\xe9\xbca\xf6\xa3\x0eV\x12\'|\x84\xe2\xd6K\xcb\x1e\xdd\x97)PK\xa1,\xd0Z\x11\x1cF\x00\xc8t\xf3JK\xbb\xea\x7f\x06I\xcc\x14\xdd\x95\x83\xf1x\t\x04\xc9\x7f\x96\xc7v\xd0\xef\x8f\x0b\xd0+\xdf)\xbfb\xf5\xb0\xe6R(\xbc\x81\xb3\xc9\xdb\xb4\x13\x8es\xaa\x1c\xc2\xe0\xb2+@\x13\x91@\xa5D\x9f\\gA\x9eE\xf2\xef*4\xab\x06\xba\xfe\x17\x16\xbf\x16\xc7\xa0\xe6Q\xa1\xe5\xaao#\x18l\xca5\xe6\xc3f\xbe\x81\xc4\xa9/*\xd3\x94\x067\x9d\xb0\xecx\xdb@\x99N\x18p\xdd\x963\xd6J\xdb\xcc"\xdc\x03\xfd\xa3\xe6\x8b\'\xde\x94\x8a\x87\xb44\x99\xa1\x7fm\x9aX\xf6\xf2[6gfe\x90j\xa5[\xb7\xa2\x17\xf1\xcb\x02\xd3\xffV\xbek\xe0\xf9\xf7\xe8&lt;%\xf6~\xc2\xce\x8f%3q\xda6T\xf8,`&amp;"\xf4#\x90\x03\x03\xf1\xd4\rFB\xa2\xe3\x15p\x8f\x05)\xb6Q\xed@\x0e\xb8Z\xad097E\xa5\xcc8k\xfaA\xeb\xec}\x82s\x8e\xaf\xa9\xee-mg\x03=\xb9F|mO\x1f\x9d\x95k\x86\x96\xa5\xd6\'v*1\x05\xa9m\xaagn\x1c*\xd1\x8a\xa3BX\xaa\xc1\x9cF\xd2\x9a\xf9\xad\x82\xd9\xf0gj\xa0q\xcf\x95x\x9a\'\x17\x9at\xd2\xeb\xe3\xd8XU|\xc3\x8fEB`r?\xf2\xd0xQ\xed\xb9\xb3j\xcd\x1b\x8a\x1ewb\xa6\xeb\xf40\x0fX\xcf\rs{(\xef,\x00\x0fg\xce\xce\xcd\xe1bS"\xd9\xc2\x1dE\x0eq\x0c&lt;u\xbc\x80V%W$\\)\xc0L\xfdW\x83\xcdM\xab\xa3\xecc\xe9\xb5\x0f\x13\xc1\xc6\xaf\xdb7\xe2\xebV\xcd\x1a\x9cv\x0e\xc0i\xd6\x08\x10\x00\x88q1\xb0\xb8|Vi\x97\xc5r\x9b\x00y%Q\xa1_&amp;\xff\xf5L\xf0\xa7\xddY"\t\xddv\x18W\xdf\t\xaa-\x00\xf5|\xea\xda-\x8b\xfb\xa7\xf4\xc5\x87\xa9\x8e\xff\xf6\xa5\x14.\x1d\xd6P\x067\xa7\x8a\x9e\x05X\x99[\xbc@E\xc7\xde\xb7\xa9\xb2\x08\xd1\x19\x8f\x05\xfd\xd2\xed\x9e{\x1a\x08\x1b\x19\xc3w&gt;O\x10\xf7\x95\x934\x07`l\x85\xf1\xa2\x9b$-\x80#9\xa9\xd0\xbcA\x84\x0f\xdcf\xfc-\x1a\xf5\xe6\x88\xae}\xcah\xe4\xf3!\xe6vd^\x9b\xcc\xef\x01\x02\xeey~4o\xd5$\xa8Z\xe0\xea\x7f\xe0\x03\xe5S\xb5\xbb\xa2\xe6IE\x90\xd0\xa2%\xcc\x0f7L\xfe\x87'</t>
  </si>
  <si>
    <t>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</t>
  </si>
  <si>
    <t>b'\xbd\x8c6\xa2\x05\xfdP\xf0h=D\x02\x9dJ\x9e\xd3'</t>
  </si>
  <si>
    <t>d be helpful in case there was a fire.
 Without knowing it, the subconscious is always categorizing
 and organizing information, and when we talk publicly about
 our companyâ€™s random back story or internal goals, weâ€™re positioning ourselves as the chairs, not the exits.
 â€œBut this poses a problem,â€ Mike continued. â€œProcessing
 information demands the brain burn calories. And the burning
 of too many calories acts against the brainâ€™s primary job: to help
 us survive and thrive.â€
 Mistake Number Two
 The second mistake brands make is they cause their customers to burn too many calories in an effort to understand their
 offer.
 When having to process too much seemingly random
 THE KEY TO BEING SEEN, HEARD, AND UNDERSTOOD
 9
 information, people begin to ignore the source of that useless
 information in an effort to conserve calories. In other words,
 thereâ€™s a survival mechanism within our customersâ€™ brains that
 is designed to tune us out should we ever start confusing them.
 Imagine every time we talk about our products to potential
 customers, they have to start running on a treadmill. Literally,
 they have to jog the whole time weâ€™re talking. How long do you
 think theyâ€™re going to pay attention? Not long. And yet this is
 precisely whatâ€™s happening. When we start our elevator pitch or
 keynote address, or when somebody visits our website, theyâ€™re
 burning calories to process the information weâ€™re sharing. And
 if we donâ€™t say something (and say something quick) they can use
 to survive or thrive, they will tune us out.
 These two realitiesâ€”the reality that people are looking for
 brands that can help them survive and thrive, and the reality
 that communication must be simpleâ€”explain why the SB7
 Framework has helped so many businesses increase their revenue.
 The key is to make your companyâ€™s message about something
 that helps the customer survive and to do so in such a way that
 they can understand it without burning too many calories.
 STORY TO THE RESCUE
 Mike agreed the most powerful tool we can use to organize
 information so people d</t>
  </si>
  <si>
    <t>b'E\x12\x95\xddt1\x19\xa7\x98\xe2\xe2\x1bu\xe3\x07\xfa\xb4\xff\xc01\xa2\xbeG`E\xf3S\x15IAUe\x96\x11e\x0e\xa2\xec\xe5\x11V\xff\xa2\x0f\x01qj&gt;\x10#\xb1c\x7f\xf7\xa1\xa0N\x99d\xe9\x90QX$\x14=\x16\x88\x07\xea5\x83\xc4pQjh\xdc\r\xa1\x87/\x0f\xd8W\\)k\xf6\xeby{\x11\xc0G\x81\x16G\xb8&gt;\xa3\xbd4\xfd\x98I\xa6\xed\xaf\xc4\xca\x13\x00Yi\xb9&lt;\xca\xdda\x05\xd3\xa7\x073w&gt;\xd8\xa4[\xbb\x06\x0e\x04.(\'\x9an\xda\xf2\xb3S\x00\xfe\x9e&gt;\r\x01\xe5h\x92!\xed\xf9%\xe0\x00s:\xb6\xc0E\\\xcf\x17\x12\x12\xa2\xf0\xb7\x04\x9f\xca\xe0\xfc&amp;\xf2\x8a6X\x8e\xb0\xcc%\xe6\xe8\xaf5&lt;f\xb3\xe5\xd85\xee\xfa\xd5\x8b\x88#\xe8\xe4\xef)|\xc7\x86H\x04L\xb2\xc9\x95i\x11m\x89~\xbc\x05s\'h\x1c\xd8\xcb4\xb3\xca\xa5\x1c7\x82?f\x14j\xb7\xee\n\x1a`\xa6&gt;\xf2]\xdb|XZ,P\xf5\xee[\x82v\x8e@\xad\xd9H\xd8\xd4[\x97D]N\xa8\xfd\xf8b\x9eQ\xebx\x06\x8fG\x1e\x0f\xf6`j\xd7:\xf9\x9b\xd7H\xda\x95\x9d\xbc\xd1\x9f\x0f(\xe9\x96\xf5\xf7p\xe0\x0c\x03`H\xc5\xb7c\x00\xc2\xf8\xfe\x9ea\xe6\xc9j_q+f\xae\x158,1Wy\xc3t\xe8=\x9e\x17j9\xb1\x0fI\xa7\xe5\x15\xf8\xe3\x0e\xaa\xf0\x85ym4\xd8\xba\xde\xf6A\xdcP\xe4\xb2\xf4\xfe\xe3ZQH\xe4_3\x16\x18\xb0\x1d\xf4\xd3\xf1\x86\x06_|\xa1\xddP\x125\x18\xaa\xec\xfe\xa9\xddk\x83\'C\xa9)\xbc\tR\xb6\xb1\xb4DQ\xe5[\xcd\'l\xfa\x1d\xb7\xc3Q;\xe0P\xfd\xae\xa7\xcc\x86P\xaa\x8aiy\xb2\xa1\xd4a\xa3DG\x01mq\x18\xeb\xf8\xbf&lt;\xbeW]\x8d`\x1b\'\x10\xf0\x07\xbd\x82\x8afXK0Q\x86j\x01F\xda&amp;k\xd14\x8ca\x9areR\xa4\xe9p\xf7T\xea\xc5m\xe1\xc5q\xa9G`&gt;\x9f&lt;\xb7\x81\x06\x8b\x13\xfc\xca\x17`\x18\xb3m\xa1\xb3\xb3\x83\xc8\x95\xa7\x95\xf7i\xeeR\xf3\xfc\xdf\xe5\xe4\xb73?\xdf.\x12\x1a_\x91\xfa"?X:\xbb&amp;\xdc.\\\x82\xd4\x18\xaf\xa6q\x16@\x9d\xeb\xf1O\x1d\x9b1\x1cGu\xebD7$r\xdcp"(\xa5\xb3\x9c&gt;W\xb9N^g\x9a\xde\xceo}/\xab\x91\xfc\xbek\x02\xdb\x00K$Av L\xda\x9e\x82\x8eTV\xe7\xfa\xfe\x13{\xeeC\x11=\xe0\xd6gK\xba\x92\xa1\x1f%X\xc8\xa1\xfe\x14\x18\xf4\x9f3\x85\xd4\xbd+\x1bK\x98\r`TX\xa0K\xfd\xf3\xf2\xc9Ud\x81\xf6\x04\xa0\xf6&gt;\xad\x90\xf6\xa4\xbeeqXzq \xa5\x94\xa1\x14\xa9\x86\x12\x05\x9a\xca&lt;L\x0b!\xd5N\xdcc\xba"v\x85F\xa7?u\xe9\xd0\xd3\xcc\x92\x17^\xa4_O\x93\x08\x0f\x08\x1c\xb5\xba\xd8\x15\xe5\xd7J6\x8e\x95\xe1|:\x05\xc8\xe7x\xa8YDV\x1d\xec\xf8c\x9a5:\x9as\x03\x8f\xb1L\xa8\xe4\xbad\xda\xfbW_\xc3m\x8b\xdc\xdd\x13\xac\xae\xa9\xb2\x7f\x95M\x0c\xa9\xfc\x03/\xbf9\xa2\xc2 \xdbj\x8c\xc6\x98\xe0\xd7AX\x8d\xb5\x9a\xc7VN\xb5U\xc5 \xbaR\x8b\xc3\xf0\xe7\x056u\xce9c=\xae\xaf\xda|RJ\xc7}\x18\x82\xe7\xde}N(\xd4\xbb\xedW\xe9^\xea\xfc\t\x93\xf8\x03\xb9\xd5\x8e?r\xfa\xdb\xc4p)\xd0\xec\xb8s\nZ\xc9B\x12\x94\x0b\xbf\xb7\xaa\xaf\x14/7\xd5&gt;]\xb7\xc8\xe9Rk\xde\x81L4\xd6\xa6\xef"\x7f\xdc\x1e\x9b\xa4\x01bJ \xb3\xea\xf32#s\xd5&amp;\r\xcb\xdc\xd9I\xbf\xef\x1cX\xb7\':9\x17\xc7\x1c#\xa1(\xe7\x89s\xf8P\x0f\x9e\x7fd\xde\xee\xfa\x9a\xfb\xbc\x9e\xce4\xe4r\xf9\xf1\xa3s[\xb4p&amp;S\x08\x1c\xc3\xaa\xe9\x07\xa6Y\xbf\xb0\xddi\x08\x14|&amp;\xad\xbdi\x91R\xa2\xb0\xea\xe5\x1d\xe9;\xce\xabv\x11\xa2h\xd3D-\x89\xccX\x1b\x97\xd4\xf0\xfa\x8a5\x0c\xe6\xf3\x1d\x0f~+\x82\xcd\xaa\xf5\x83n\xe5\xf7\x07\n\x14\xe1\x993\xd3}m\x08\xc4\x8d\x05h\xf9\xbbGy\xf6\xaf\x06(\xe1\xb0`\xa5,\x1c\x8d\x96\x0c\xc5\xda%n\xd1_J\xda\x82\xd8\xb3\x8c\xdd\x8f\x80\xd8\xb6\xf5\x990_C\x9f\xa3\xae\xc5JZ\xa5*\xba\xda\xe45\x80A\xbeH\x99\xdc\x05\xed\xcbsN\xf4\xbf\x97\xebt\xe8\'F\xa0]~\xadO\x0e\xcd\t\xbb\xca|GM\xb7\x80\xbd\x16D\xc9\x95\x05\xa3%\x8f\x16UY5\xce@\x93n\xf1\x1b\xb2:[\xa0H\x1f\x84\xc5\xccH\x0c\\L2\x92\xde\x06\xec\xff\x18\xd9\xad\xe4\x1b\xcd\xea\n\x84#\xdc\x1c\xaa\x14w[\x1c\x97\x13\xeb\x14\xb0\x9fW\xd2\xa4vL\x90\r\xa2\xfa\xe6\xd0\xca\xa7\xe8\x16X\x15\x12!\xc4\xdd\x1c\x1d\xc7\xc2\x11\x00\x82l\xbfW(\xec\xa6\x9c\x0cX\x824,\xfe\x12\xc9\xd1\xc3tIc\xce\'\xfd#\x8c\x08\xd1R\x80\xdf\x10-\xeb\x870;\x84\x1a\xc4\xf2\xd6\xfc\xc0\xa5S{W\xe0\xbfhW}\xde\x03@\xdau\xd4:E\xfd\x16G}\xbb\x96\xba\xb1S\x1d!\xdb\r \xdd/\x9f\xaa\x9fM\xe7\x19\xec=kb9\x92\x13i!\xd6\x9c\xbc\xc5\xfeC/\xe5\x02\xa4\xb1!\x85+;$\xca\xa0m\x1b\x8b\xbc\x85\xa7\xd4I\xf2\xde\xb8{\\7(\xad\x9bI\t7\xe0)w\xdb\xc7_\xd1e\x9dc\x96\xe5\x07\xe5T\x01\x833\x87\xb8\xad\xb2D&amp;\xdb~.\x11\xa7\x87s\xf94\x01\xb9\x86\x90\xe9\xb0\xed\x9e@b\x85\x05\xe2\xd4\n\xdf@8 \xbb\xa2\x04\x8d-^\xae\xce]\xe48\xad\xe8p54\xfb0O\x0bx\'\x0e\xeeID\xe2\x1a\xca\xaf\xc1\xf1\xa5\x82\xfeOnv\xa0\xf6\x9fNc=\xc5=0$\xb9\x04\x02\\\xd1\x8a\xe3\x1b\xf7[\xbfV\xb3\xc7\x997\xdd13S\x99\x15_}\xb7\xf9\xee\x17R\x0e\xc4\xfa\x96\xd1v\xd3%\xa5\xdd\xacIv\xd8\xa2\xe8\x8a|\x80\xe2\x0bI\\\xf7\xd2\x87x\xbc\xf7g\xff\x88V\xb5\x12\xe4Y\xb9\xd4/\x99\xa3c\n\x8fs\x1ct@T{\x00{\xf8\xa0\x99\xe2B\x9a\xc7@\xe0qH#cT\xab\xd8\x87\xc6B\x96\x82\xdf\xb1\r!\xe0\x14{\x10$\x9b\x17)\xcdU\xde\xaa\xc9t\x16y\xca=\x08\xfa=\x18\xed\x04\xa0~\\\xbed53\xe9\xe5Uo\xec\x19&gt;\\O\xba\xf8\x84J\xa2\x926-L\x1bN\x83\xca\xc9\xc8\x08\x18G|\x8c\xd5_\x88\xe3\xbf\xaf6\x87\xaf\xb5\x9dCA\xf9q\xe5A_\x80\xa1\xb8\x82\xf0-)\xa9\xa8zb\xd4l\xd5\xdfb\x89\x88{\x82a\xe9\xb4\xf2\xfc\xa4K\x0bN\x1f\xa0b5d\x96\x02\xf7\xb6\xf8\x90\xbc?\x9fmz\x85\x11\xe7\x8c\xb4\xa1\x15\xbd\xc8^\x847z:\xa3\x9c\x89\xb1\xc0\x96,*\xebl\x8f_\xfe\xf7\xcb\xecA!\xe4`\xd8S\xab6\x1e\xcd\xda\x95(\xc5^y\tM\xedz\x84\xb7\x11\x07\xb6\x15\xaa\xdd\xe3G\xbej\xa5\x81?5S\xc7}v\xa0\x7f\xac\xcf\xecHb\xed\x9ckQ\x1e\xbd\x1b\xf2d$\xa7C{:\xe9\xe4H\xea&gt;\xf6\x19\xfd\x08\xc1e\xfc\x08 (\x1e\xe05zA\x93\xf9r_T\x13\xc2[\xd9\x80r\x11l?\x17\xa7\x92\x92a\xb7y(\xb38L\xb3R\xad3\xa0-)Vv\xbd\xf5\xfe-g\xb3-\xe2\x12\xfe9\x9a\x87\x14\xc8\xfc\xff\x1a)#\x05\xbe\\\xa2\xb9\xc06\x8c+\xa6\xe5m\x96\tl\x88\xa4\xce\xd2\x99\xb6W\xbb\xd3{\x00\xa0B\xb1}\xb5ln\x0b\x98I\x08G\xcdf\x85\xc1\xfa\xf4Z\'\x83=5D[\xa8\x1b\xdaW\xd0\x05\xe1?\xc7\xcc&gt;\xee\x06}\x9a\x81\xe1\xa1t4\x91\x1dV\xb0bD\xb9\xfaB^\xc7\xfbC\xack\xa9\x1a7\xbfs\x0c\xc9\xcb\xf8\xfd\xe0\xe4T\x039\xf1\xe0\xc4\xb0\xafx\xd3\xdak\xae\xa6Ez@B\x859bcKepp\x1fw\x15\x8a\xda\x0fb\xf8C\x13\x12\xbf\xfc\x8c\xccI{\x90(\xc9\x9dv\x12\xd7u\xbe\t\x0f\x9f\xcd\x9c\xd12\x89\x16\x95\xa5\xd2j\xec\xaa\xa8\x0f\x89J\xa6#\xcf\xa7[9\x7f\xfe~\xfdEY\xdb\x11\xc1\xd9?x\xe0\xfczF\x9a*\xc7\x10\xba\x138\xcb\x8e\xee\xae\xbe\xde\x998\xe6\xa5O\x93\xe3\xc1R\x13\x8cQ\xa6&amp; \xc0\xce`Y\xe7sO]+/\xe8p]\x06\xaf#\xa0\xf7\x1d\x16\xa9\xfc\xc3Hg-\xc9Oqo&amp;\xd7\n\xa69\x8f\xf1\xd4\x1c\x079'</t>
  </si>
  <si>
    <t>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</t>
  </si>
  <si>
    <t>b'E\x12\x95\xddt1\x19\xa7\x98\xe2\xe2\x1bu\xe3\x07\xfa'</t>
  </si>
  <si>
    <t>the gloom that they brought with them the two pirates did not see the rock
 till they crashed into it.
 'Luff, you lubber,' cried an Irish voice that was Smee's; 'here's the rock. Now,
 then, what we have to do is to hoist the redskin on to it and leave her there to
 drown.'
 It was the work of one brutal moment to land the beautiful girl on the rock; she
 was too proud to offer a vain resistance.
 Quite near the rock, but out of sight, two heads were bobbing up and down,
 Peter's and Wendy's. Wendy was crying, for it was the first tragedy she had
 seen. Peter had seen many tragedies, but he had forgotten them all. He was
 less sorry than Wendy for Tiger Lily: it was two against one that angered him,
 and he meant to save her. An easy way would have been to wait until the
 pirates had gone, but he was never one to choose the easy way.
 There was almost nothing he could not do, and he now imitated the voice of
 Hook.
 'Ahoy there, you lubbers,' he called. It was a marvellous imitation.
 'The captain,' said the pirates, staring at each other in surprise.
 'He must be swimming out to us,' Starkey said, when they had looked for him
 in vain.
 'We are putting the redskin on the rock,' Smee called out.
 'Set her free,' c</t>
  </si>
  <si>
    <t>b'X\xba\xec\xbd\xd1\xb1\xa2\x0e'</t>
  </si>
  <si>
    <t>58baecbdd1b1a20e</t>
  </si>
  <si>
    <t>Characteristics
 The large-signal model naturally leads to the I/V characteristics of the transistor.
 With three terminal currents and voltages, we may envision plotting different cur_x0002_rents as a function of the potential difference between every two terminalsâ€”an elab_x0002_orate task. However, as explained below, only a few of such characteristics prove
 useful.
 The first characteristic to study is, of course, the exponential relationship inher_x0002_ent in the device. Figure 4.15(a) plots IC versus VBE with the assumption that the col_x0002_lector voltage is constant and no lower than the base voltage. As shown in Fig. 4.11,
 IC is independent of VCE; thus, different values of VCE do not alter the character_x0002_istic.
 Next, we examine IC</t>
  </si>
  <si>
    <t>b'\xae\xee\xf6x\xb7\xcb\xee\xcf\xda\x8d\xa7 \xea\x84G\x90'</t>
  </si>
  <si>
    <t>aeeef678b7cbeecfda8da720ea844790</t>
  </si>
  <si>
    <t>ation of overemployment that we have imag_x0002_ined to exist, and thus would prevent output from ever actually returning to .
 5. Finally, conclude that the apparent contradiction is resolved only if output does
 not rise at all after the fiscal policy move. The only logical possibility is that the cur_x0002_rency appreciates right away to its new long-run value. This appreciation crowds out
 just enough net export demand to leave output at the full-employment level despite the
 higher level of .
 Notice that this exchange rate change, which allows the output market to clear at full
 employment, leaves the asset markets in equilibrium as well. Since the exchange rate has
 jumped to its new long-run value, remains at . With output also at , however, the
 long-run money market equilibrium condition still holds, as it did
 before the fiscal action. So our story hangs together: The currency appreciation that a
 permanent fiscal expansion provokes immediately brings the asset markets as well as the
 output market to positions of long-run equilibrium.
 We conclude that if the economy starts at long-run equilibrium, a permanent change in
 fiscal policy has no net effect on output. Instead, it causes an immediate and permanent
 exchange rate jump that offsets exactly the fiscal policyâ€™s direct effect on aggregate demand.
 Macroeconomic Policies and the Current Account
 Policy makers are often concerned about the level of the current account. As we will dis_x0002_cuss more fully in Chapter 19, an excessive imbalance in the current accountâ€”either a
 surplus or a deficitâ€”may have undesirable long-run effects on national welfare. Large
 external imbalances may also generate political pressures for governments to impose
 restrictions on trade. It is therefore important to know how monetary and fiscal policies
 aimed at domestic objectives affect the current account.
 Figure 17-17 shows how the DD-AA model can be extended to illustrate the effects of
 macroeconomic policie</t>
  </si>
  <si>
    <t>b'0E\x02 C+\x82\xf3\x03\xf6\xd8,\x90\xac\x1e\x93^\xe5\x07`\xafN\x0b\xd18\x08\xd2\x19cO\x1b\xfbw\xa1\xadx\x02!\x00\xd9\xe6\xc9\xb0)&lt;x\xe8\x87\xa9\xba\xb4|O\xf4\xe4\x91h\xfb\x83U~;\x84\x8c\xe2\xbf5\x81,\xd6\xf9'</t>
  </si>
  <si>
    <t>30450220432b82f303f6d82c90ac1e935ee50760af4e0bd13808d219634f1bfb77a1ad78022100d9e6c9b0293c78e887a9bab47c4ff4e49168fb83557e3b848ce2bf35812cd6f9</t>
  </si>
  <si>
    <t>b'0E\x02 C+\x82\xf3\x03\xf6\xd8,\x90\xac\x1e\x93'</t>
  </si>
  <si>
    <t>had let it
lie near the fire and had fed it with warm milk. It was a soft thing with a
darling silly baby face and legs rather long for its body. Dickon had carried it
over the moor in his arms and its feeding bottle was in his pocket with a
squirrel, and when Mary had sat under a tree with its limp warmness huddled
on her lap she had felt as if she were too full of strange joy to speak. A lambâ€”
a lamb! A living lamb who lay on your lap like a baby!
She was describing it with great joy and Colin was listening and drawing
in long breaths of air when the nurse entered. She started a little at the sight of
the open window. She had sat stifling in the room many a warm day because
her patient was sure that open windows gave people cold.
"Are you sure you are not chilly, Master Colin?" she inquired.
"No," was the answer. "I am breathing long breaths of fresh air. It makes
you strong. I am going to get up to the sofa for breakfast. My cousin will have
breakfast with me."
The nurse went away, concealing a smile, to give the order for two
breakfasts. She found the servants' hall a more amusing place than the invalid's
chamber and just now everybody wanted to hear the news from upstairs. There
was a great deal of joking about the unpopular young recluse who, as the cook
said, "had found his master, and good for him." The servants' hall had been
very tired of the tantrums, and the butler, who was a man with a family, had
more than once expressed his opinion that the invalid would be all the better
"for a good hiding."
When Colin was on his sofa and the breakfast for two was put upon the
table he made an announcement to the nurse in his most Rajah-like manner.
"A boy, and a fox, and a crow, and two squirrels, and a new-born lamb, are
coming to see me this morning. I want them brought upstairs as soon as they
come," he said. "You are not to begin playing with the animals in the servants'
hall and keep them there. I want them here." The nurse gave a slight gasp and
tried to conceal it with a cough.
"Yes, sir," she answered.
"I'll tell you what you can do," added Colin, waving his hand. "You can tell
Martha to bring them here. The boy is Martha's brother. His name is Dickon
and he is an animal charmer."
"I hope the animals won't bite, Master Colin," said the nurse.
"I told you he was a charmer," said Colin austerely. "Charmers' animals
never bite."
"There are snake-charmers in India," said Mary. "And they can put their
snakes' heads in their mouths."
"Goodness!" shuddered the nurse.
They ate their breakfast with the morning air pouring in upon them. Colin's
breakfast was a very good one and Mary watched him with serious interest.
"You will begin to get fatter just as I did," she said. "I never wanted my
breakfast when I was in India and now I always want it."
"I wanted mine this morning," said Colin. "Perhaps it was the fresh air.
When do you think Dickon will come?"
He was not long in coming. In about ten minutes Mary held up her hand.
"Listen!" she said. "Did you hear a caw?"
Colin listened and heard it, the oddest sound in the world to hear inside a
house, a hoarse "caw-caw."
"Yes," he answered.
"That's Soot," said Mary. "Listen again. Do you hear a bleatâ€”a tiny one?"
"Oh, yes!" cried Colin, quite flushing.
"That's the new-born lamb," said Mary. "He's coming."
Dickon's moorland boots were thick and clumsy and though he tried to
walk quietly they made a clumping sound as he walked through the long
corridors. Mary and Colin heard him marchingâ€”marching, until he passed
through the tapestry door on to the soft carpet of Colin's own passage.
"If you please, sir," announced Martha, opening the door, "if you please,
sir, here's Dickon an' his creatures."
Dickon came in smiling his nicest wide smile. The new-bor</t>
  </si>
  <si>
    <t>b'\xfb\xdf\xe1\xeax\x04\xcd\xbbo\xf9G)\xf1\xba\x0c\x1aa\xa3X\xe2\x96c\xd5\xa7w\nQau\xfbJ\x15]\xb5\x9b\xeaHR\xb6W\xa2.\xec:\xbb\xc8\xfa\xd5W\xf6Z\xe8\x89\xba\xf9\x0c\x0f\xccf\xce\xfa\n\xe0\xef\x91\xabf\x06_\\b\xa0\x8f\xd6@\xdcr\xe3\xfb\xbc1[\x88\xb8\xd6\xae\x97+\x11\xda\xe2?\xd95\xfdI\xa05\xcd\xe8\x04\x80R\x86\x8e\x89\xaf\x86\xeb \xa0\x96\x8d#\xef:\x00\x83\x13\xe2\xceA\xfa \xe2!\xcb\x89Q\x10J0\xf6\x9cc*O\xb7ys\x04\x0f\x1a/\xf7hz\x119TS\xd8z\xbc\xad\x81\xe3\xba\x063\xc7\xa8\xb8#\xeb\x00\xa1\x04\xa2\x15{\x9e\x1b\x0f\xd8\xbb4\xe2\xcd\x88\x1d\xdfy\xc3\xd4\t\xdb\'}^\xa7\x88O7w8\xa7xO.E\x80Z\xc2\x1b-Q 5\xb1h\x9e\x0e\xb6\xe5u\xaf7\xe6:&amp;\xc7\x12W\xd3\x18\xb2\xa5\xac\x17X\xe7f\xb9\xc1=ZF\x01+\xf8@\x89\x00@\xd3&gt;\xaa\x1dc\x93\xcd\xe8\xf5\xa9fo?{\xa55Me\x90\xc0\x9d\xf4\xf8\x8f\xdc\x02P\x0b\x0c\x87\xbeF\xd1\x8ag\x10\xae\x9d\xfb\x12\xce,*\x80\x18S\xf4G%\xc1\x8c\xb9\x13\xa8\x02Hv\xd1\x01\xf2u\x89\x85\xe4x\x0b\xa7q\xaa\xd0\xc9K4\xdf\x1cI\x14\xe3Np\x9dN\x80pb\xe44\xfe\x95\x8e\x954\xbb\x95\x0bD\xa6\xb1?\x0b\xf0\x88N\xd3\xf9\x95\x8fc\xf07\xc6\xfb\xcc!e\xd1:\xb8\x95(\x96\xa1\xee\xb5\xd1\x91\xe7\xa3\x1d\xc6\xdf\x9f\xb4\xf5\xad\xe0iL\xae\xed\xcd\xe8!\xbf\xfe\xfdM\x90\xd05\xeb\xb9b\x96/"\x01_=\x1ce\x95\xa4c\x13\xe2I\xed\x12\xc0\x04\xf9U\xbd\x03L\xa3JL\xd9\x1cS@\x19L\xbc\x8e\xd55\x98U\n\x9f\xff3Q\x82&gt;V#\x8dXLi\x164\x05\xed\xbf\xac\x1f\x9d\xe8O\xaa\x80\xb3:\xa9j\x86\xf9\x1b"n\xe3zw\x87\xbf\x92\xa0\x99\xe5\x1c_k\xf7\x05\xbe\x15\xf0\x9f\x92\x87\xfb\xaf\xaf\xe9i\xa7i\x17B\xc5\xecff\xcc\xa4\x94\x89\nZ\xcc\x08\x88\x95\xd1p\xed\xae\xfao\xc7\x0b\xc4\xf9o\x1e\xed\xf8\x9e\x13yf\xbe\x90vDT\xe5\x11\xb7*\xe0\xdd\xbd\xbc\xef\x01\xa5\xe4c\x994\xfe\xd9\xfedea^\xf2\x99\xfa\xe9\n\xbc\x00\xef\xec\xf4\xf0\x83P\xbc\x8f\x8d\x0e\xa59*1\xc6Eu\xf7M\x90\xa9{Z\xde\x8c\x87\x97a&gt;\xca\xc5\xfa0d\x87S.k\x94@\x14a2\xcc\xb3\x86\xf3\x8dV\xff\xc5\x92#\xaeG+!\xde\x17\xfe\x1c\x14~&lt;\xc2h5\x9f\xef_\xa4\xbf\xc9\xfa\x1f\xe2\xc4\xa3\xf2A\x049\x18\x8e\x1c%VE\xdb\x11*\xc2i\x12\xb11SI1\xb9@\x0f\x8c\xd7\x16&gt;J\xe9\x99\x08\x1e3\x17v\xaa&amp;\x88\x03\xd4U\xde!\xad1\x8f\xb3\xe4\x97\x17\xd0\xe0K\xae\xe6\xb4\xa6^\x82)i\x03\x0638\t"\x1f\xb5\xca,\xd0\xb5r\x17\x19\x84\xca\xedY\xaa\'.\xdc\x85\xadf\xe8&gt;\xfd\x87\x06\xb0\xc5g\xb0g\xf3\x87\x18MF\xd3Ai\x9f\x85"c\x07\x880\xb8\x94\xf7d\xb7\xe5\x8c,0\xc1\xbc=\xa2\xcc\xa3\xa0_f(\x8a[\xe3h\x04zX\x9c\x1f\xdbW&lt;3\xfc\xbe2\'\xca\xbd\x08:\xd8L\xb8\xc8b\x93\x93\x12v\xa1;\xdd\xf02\xde\xdf\xe7\x93&gt;)9\x16LT~\xd5a\xde\x9e7\x0c4\xc8\x08Da\xaaW\x85@\x93\xf0|\xd5\x07\'\xa2\x92\x80\x81\xffV\x96\x85\xeeS\x9cQy\x80\xfd\xd5[\xf4\xcb\xe0\x12\x1b\xaaz\xbf\xa7QuW\x9d\xb7Z\xec\xfdd\xba"?g\x9efel&lt;\xe8\x10\xf4\x9c\x98\x88\xb1!a&gt;z)\r7\x00 v\x89{\xb0\xebW\xd1\x88 \xb1H\xd7\xd1\x98\x10;\xeb0\x08VI\xb0\x060\xf4\x12o\x839(VB\x0b\x05F{&gt;\xbfMy\xf6\xf6k\x978\x033\xac\xfa\xfa{(\xa2\xae\x07\xe1\x8f\xec\xe8\xcct\xc7v\xef{\xc2r:\xfd|\xe1.9\xf5\xb2\xbe\x15MV\x86Q\x17mi\xc99\x97/\x83,\xf1,\xb1\x1c\xab\xc1-Hv=\n\x8f(\x16FLU\xf8\x0c0\xa1E\xe0&gt;|R2\xd8\xe1\xc4\x8b\x93\x8f\x17\xcf|\xfe\xefUR\xa1\\h\n\x8ew#_1\x88\x0c\xaaS\xdd\xea\x80"C\t\t\xf9\xdefy\xdcAk\xbfe~\xf5H\xc8\xdd\xa4\x1a\xe62,\xc3i\xe9\xeb\x1f\xd3\x0e0\xf6C\\&lt;Cv\x7f7\xc5&amp;"\xffO6\x07\xd4\x94%\xe4\x11\xde\x0bV\xa2\xb5\x8c-y\xdc\xa2\x9a"\xe5\xe0E`\xe2\xe7\xa8p\xf0Q\x00\xd0\xf3%\xd3\xf7\xde\xd7\x17\x93\x13\x07\x00\x05\xde\x9b\x0e\xd1=\xd5\x9eF\xc7\x14\x84H\x05N\x14m\x1f\x01vs\xb3\x1c\xdf\xc4\x86\xa1U\xe8\xbfxl\xbe\xc1\x8f|\xcd2b\x1a\xdf\x19\xb8]\x02a\xd8\xca\x03\x1dT V\\K\xd99\'\xa5\xbe7\x00\x82u\x03\x0c\x1c\x9c\xaa\xba\x01-r0"m\r\xfen\xf7A\x02\xf6\x03\x91\x80N\x88\x08D\x02s)@\xe1\x9e~\x88\x86\xbd3\xb1MP\xac&gt;\x0b\xec)\x1d\x80\xb4\x02X\x15\x11\xcfY\xa1\x86w\xea\xc1\xe3\xd4\xed\xc41\x1dM0Sy\xdc\xe0\xf0p\x0b\x02\x01\xcd\xf3\xf0\xfcytF\xa1\xb7\xa0\x1c\x9f\x8c\xa2\xa6n\x97\x10\xa3\x81S\x8e\x01)4\x1c\xa2\x98[\xbcK\t\x14Z\xa1\xff\xb1\xa5\xa3Y\xd2\r\xcb+E\x9b\x87\x94\xe1\x10#&lt;&amp;u\x9fk&amp;\xfcX!\rw\xf2\x8f\x9c\xb5\xa0\x83\xee\xe5\xb8\x87{\xe8R\x1cS\xad\x82\xedH\xbd@`\x08\xaa\x91\x11\x80+\x13m\x1f\x04\x85\x11.r\xd1/:16S&gt;\x86\x95\xd0\xbb\t\x1f\xde1\xbd\xef!\xee\xf9\x90(\xb2\x8e\x8du\x1f\xb4\x83"\xc1&lt;\xdb\xa4\xc7-\xd9%\xf4q\xc9\x85\x1d\xdbq\x10l\x05\\\xe7\xb2k\xb4\x84\xea\xb0v\x11\xec)\xb8\x00\xc7\x91Ci\x9d\xfb\x17\x94\x18v.w\xcc\x18\xad\x84\xa8~\xc8\xd6V\xc4hK\xe4\xd7\xd85\xd5\xa5M\x93\x1a\x916\xb1x\x87\xfa\xf2z\x02n\xa9\x9b\x18\x95AZ\xba#\xea\xef~\x80\x10\xe9\x87f\x02,\xfdI\xaa\x18`?\xc09\xec-N\x83\xda\xf1f&gt;\xb4r\xe6\xf9\x85\xd0\xb5\xaam\x05\xa2\xbd\x8d\xe7\x02\xc7s\xc3\x15fB}\xd1cJe\x06H\x1a/q\xed\x81\xd3\x10.\xcd\x1a\xf4\x08\xac\x0cQU\x18\x8c\x14W\x8f(T\xd1\xe4\xf1\xcc\x81^\x96\xa23N\xbbx^\x89,\xe6X\xe4y\xff=\xe1w3\\w\xad^\'\xcf\x06\x04\r"`\xd9\xaf\xad\x03\x17\xa5\xdc\xc1~\xac$A\x9c\x1c*\x87\x18\xd2=\xef\xd14q]\xab\x880\xcd]\xa5\xff\xa0d\\\x80\x11\xda\x8a\x08x\xd5X\x9aL\xdc\x18K\xdb\x96\xbeit\x9c\x10\xe7\x15\x90"\x00\xbd\xf7W\x8b\xf2v_\xe5\x06\xc8\xc60I\xd6\xfaK\xc2W\xb4\xde\xdcfL\x98H\xd0y\xc0\x92p+q\x1f\\5\xec\x9eJK\x94\xaaE\x19\x05\xb2\xad\xdf\x11\x00\xe5\xe6V\x13\x9f\x86\x9df\xdci\x12\x18A\x18n,\xc7\xbdU\xc4j\xce\x03W\x99\xdf\xab\x18_\xefgWl\xf4A\'u5\x1d|vF\xf0m\xe9\xab8\xa6d\xad \x80d\xc2\xeba\xfa&gt;z\xc3\xd7\x7fy\n\x0b\xdf\xb4\xee\xbc\xd0K}?9\x1fK\xe9N\xef:\xd29F\x01DK\xd2N\x8b\r\xd3\xda1P\xe6\x81.`;!\x97\xebEm\x83\xa8gH\x0b\xda\xe4\x9e\xe8Z}\x1b\x80W\x99(\xd8\xee&gt;\xad\xd5\xc0\x8b_xS\xc8+.Lgi\xa1\x113m\xb0D\xde\xe1\x800\xf5rP\xe0\x82ft\x07I\x0b\x01\xa8\xc67\xed\x17\xb6\xa1y}=\xe4\x956\x82)\xbeq\x9bz\xe3\xda\xae=5\xdd\x12\x03BJ\xf1\xb3\xd3wB\x94\xf8L\xe7\xca\x86\x8e\xb6H\x80\xcf\x100\xfa}\x11\x1b\x7f\xcf&lt;+\xdb\x03P\x8b\x96f\xf97EJ\x8al!\xd0\x1c\x97E\x94\xf6\x98\x1e6\x80\xffT\xf7\x05mY":FA\x93\xb1\xb1\x17*\x1a\xbf-l\x15\xa3&amp;;\x85\xe3\x03\xcd_y\x8bio^fD;\x0bA\x8e\xbb\xbf\x85"\x15\xf5\xecS\xac\xa8\xf6\xb9\xec,Kx\x0b\x05\x9a\xa5&gt;+"z\xa6\x8d\x83\x9d\xf7\xf0y!\xba\xab\xb6\xc9\x01mR%\xa1{c6\x1cn\x1a\xf41\xfb\x97/\xbc\xbc_\xf7\xd9)\xd8\xc3\xe3Kx\xe0\xedNx\x04\x8a%\x0e{\xe8\xf9e\xbdl\xd3t@\x84\xdb\xae&lt;\xba=\xbe\xbd\x0f\x08\x9b\xa2\xef0\xed6\xa5\xfd\xfb\xc8\x8f.\xf14\x14rr\x81\x0c\xd6\xd4\x00\xc2h\xf3o\x99Ql\xa4\x9e\x02\xb3\xf4\xa5\xc2\xcd\xbc+\x15\x81|{\x0f\xb6q4\x98J\xbe\xca\xc4\xf0\xef\x8e\x10s\x8b8\xe0\x90R\xa0\xe8\xb7`*\x9c\xf5\xc1\x02\x83-\xfb\x9d\xa8.\xc0&lt; \x7f\xfcGX\xc7q%\xd2\xed\x9e\x94\x93\x97\x1c\xa3\xdd\x8c\x16Fz\xea5\xbb\xe8\x0f2\xf3C\xd1\x189\x01\xcb\x86VK\xe9Q\x82B\x0c\xc79\x9cR$\x12\xa7!h\t\xd7\x92D\xad\x1c\xaf\x81\xce\xd7\x1a\xb8\x91\xf3\x03H\xb3\x1c\x85\x1b\xea\xdeU9qH\x13ln\xd7\n\x90\xa3\xb9\x1c \xab\x1cA\x15\xa1\xca\x84Y\xf1\xc9\xb7=\x86\xd7]\x8a\x82\xf3A^\xe9\xb1\t\xff/\xf8 \'s\xc8\x17X\xfd?\x0b\xc6_\xe8k&amp;dX\xd8\xf58=\x04\xa1\xc9&lt;\x8cG\x0c\x9ccV\x9c\x01?!\xa3(\xe8\x816b-\xb2L_`\x0b\xdf\xa4\x1c\x1fJ\xfb\x04\xdc)\x80\x81\xa4b\xa5\xa4\xcd/7\x1c\xe3\xd6\x9e\xb1\x9ekSZF\x8d,\x19\xd9\x1f\xbcuI=\xf1\xdf/\xa8)\n8X\xfc\x8c?w\xaf?\x08\x9aZ\xa0\xba\xfc\x1d\xe4C%\xe8/\tg \xc0\x9e3\x1f\x1b\xa0^\x14P\xd4\xb8q\xbeI\xfd\xf9\xfdh\x12\xd08?\xd6[s\xb4v\x95\xdd\xed\xb7\x14\xa0\xf1\xe7\xf6T\x8fG\xaf`G\xf6\x81\x9d\xc5\x82\xd8\xc6\xd2\xd3\',TY\xa7\xc3z|zi\x10\xd6\xee\x81o\xe6\xe7s\xd2#w\x14\x13\xc5\xef6\xe0\xd2\x93\xd7@P\xdc\x19@$\xc9\x1e\xbb\t\x05j:%\xec\xe1\x9f\x0e\x1dZNZ\xa0\xfe\xe7\xa1[\xc0\xc5\xd3]\xfb\xa3\xed\xa2&lt;\x19{4\xc7\xc4Vi\x18!\x13,f\xac=\x1d\xc6P\x8a\xf7?\xecMQ\xa0A\xd1C\xd2=h\xd6\xb5\xda\x96\xc5\x92\xd1\x14\xf9\x1a\xa9\xe3\nh\xb8\xf6~\xf8\x16\xb8\x99\x94s\x93)\xdc\xb9\x98 Xo\xc6\xafHb\xdb\xf4&amp;E\'\xeaR\x9a ]\xde\x1d\xb1}\x12\x8d_\x93\x1f\x1d\x12\x01y{\xd8\xfa\xd5\xb0M\xf7\x834\x12\x8f+\x97\x9d\xafy \xd2\x8d\xa1\n\x15\xcb\xf6\x06\xc28\xce\x05hb\xbc2U\x8a\x9d`\x05\xc5B%\xbe8&lt;x\xaf\xbce]D8\x15@\xf4\xf5\x85\xb2DuHz\x14\xfa\x96\xbe-.n0\xf8\x85\x16m\xc4\x0b|\x18\xc1\x8b"\xfd\x15K"Q\xff\x83\xdf^\xf67\x8fR\x80\xad\x86\xf8\xfc\xf3\x90\xa4\x9fw\xea\x94\xbd\xady\x1b\x92\xe7\xe4\x98N\x16V\x1e\x86r\x11\xcc\xcdD.\xbd\x99jt\xa3\xef-\xdc\x1a\xdf\xd9nb\xc3\r\xb4\x83\x1b|\xad&lt;p@\x96\x0cK_tP\x9b}\xcd\xf4\xd0\xd7\xc6\xed\xfaP\x9fV\xb9\xb6\xfdk6\x0bAo4F\x9d\x05\xe2\xdd\xfa\xd6\\\x99\xe1\x12X\xbb\xd5\x96E\xac\xc4 \xf1,.r\xba\x1fV\x1f&lt;-\\f*K\x92&lt;\x95\x16\xf6\xdc\xf8\xd4@\xaf\xc0D\xe6\xdd\x88N"\x8d\x1b\x9f\x80\x80S\x04\x1f\x9cU&gt;\xf3\x00\xa6R\xd6\xf5\x85~\xafe]\x8f\xb6\xd2IY0\x1f\x83f\xbc\xcb\xe0P\xf0\x9f2\xd6\x1bX\x9b\x91\xb5\x9b\x81\xe3\x8b\xf5O\xf5\x7f\x12H\xf3\xddKr\x8b\xd6rg\xeb\xe2e\x98\x13\xc1\xf8/6\xd2Z~!\xa0-\x08\x91E\x88\xb1\xfe\xb1\t\x7f/\xab\x11\x87Ra ]\xd4\x19\xd3\x1c\x1a\xf1\xfe\xcd@{\x07\xe45\xc8nJ\x94\xe0\xd7\xa5\x91\xe1\x1c\xde\xdb&lt;9\x93`\xef~Y\x15E\x9b?\x1c\xb9\xf7\xf2\x8eT\x7f\xc4\xbdI\x94\xaeg\xfb~W\xf2\xc4t\xefps\xfb\xd5\xec\x19\x92\x8aT\xed}M \xf5!\x9fq\n\x1a\x86X\x82\x91\xad\x9d#\xaf\x00\x8e\xb7}\x92\x84ZV_\x88\xf6IX\xf5\xed7\xfc\xbd/^\xd0\xb6\xae$s&amp;c\xa2\x1b\x8cWn\xd3\x9f1]-!\xfe\xeee\x90V\x06e\xda\rL$UC\xce\xb5^\xdd\x18V$?=\x9d\xa4\xfb\xbeW\xfd\xe8z\x13\x92\xfc\x19\x97\xc8\xb4\xf0a\xaa-=\xc8\x83%;\x87\x12\x11\x9c\xb9ag\xbcq\xaf\x83j\x04K\x07\x9f\xaf\xb2\xcc\x9c\xfc\x00\xf6x\xd9\xb2\xfap\xc2\x9a\x94\xe6\x9ex\xf0y\xde\xeap\xc9\xad\xa4\x97\x02X{\xffo\xbb\xa7\xe2\xb5s\xbfn\xcd\xe2n\xd5\xaeS\xec\xb9\\\xbb0\x15%\xf2\xcb\xe6\xcc\xcdxj_\xf7\xed\x05?i*\x96\xf6\xd2\xcc\xcf\xe6\x965\x1a?\x9b!\xb4\n(\x95rb\x9e\xbbX]\x88\xcb\xc8\xa9%T\xb6\xb2&amp;!\xbc\xc9\n\xdd\x82|\x07! \xf9\x82\x1f2[\xa6;\x06\x9c\xaa\x1f\x85\x8c\xff\xef\x8d]\xb3\x95\xb1\x00S\xf1\xf2\xa4\xd2\xa7\xa2\xea\xfbR\x02\xc6[gZt\xeas\x13]\x04}\x01\xb7\xff\x90\xaa\xf4\x0b\xe3!\x19\x8a&gt;\x14(7|\xd3\xa4\t\xc6)a\xf4\x1bD`\xba\xb9\x019\xa0\xa8\xa5\x80\xa8;\x114\x8c\xe6]\xf7\xba\xc7&gt;\xb7G\x0f?@\x00D\xb7\xe2\x8f\x04\xa7\x13.\x98W\x86\xd3\xfd\x7f\xbf\xdeA\xf4K\xc1\x89\x972\xad\xc5:\x83\xfe\x1e\x03[\x8b\x19 0\x03\xa6\x97\xe7\x88\x80qZ\x1f.a\x89\xb2&lt;\x8d\xe2}\xd1L\xcb)\xad\x02\xb3=\xf7^D\x88\x9b\xa7\xc8\xcc\xcf\\\xf4\x829\xd1\x16,\xfb\x9d!\x87\xed\xb0b\x0c\x8c\x88\x8eW\xbf\xc3\x8e$\xc5(\xd8\xefLK-\xf3\xaf\xa1.68\x00\xf0\x08BT\x07f\xab\xaf\x1f\x06\xaa\xdf2\xe2\x00%F\xc6w\xf7\xc9\xb8x\x0e\xda\xd1\xba\x16\xac\xb4\x82\'\x03\xd1?\xfd\x19^T\xffc\xd0_v\x0f \x89\x16H\x83\xc8\x0c\xcbX\x1fs\x16\xd7\x86\x0b\xa4\xf4\xbb\x02/\xd1\xcaw\xe4\xe9\xb8\x81a\xa4(\xbf\x87\xee_c\xfe*O\x8eX\x13\xf8p\xf5\x84\xa6\x8d\x05\xa5\xa4v\x7fa\x00N\'b\xa2~z\xab\n 8\\\x08P\xde|\xe44\xa7\xe9o\x85\xcc\xf9\xbd\xb4\xcd(\xa2\xac\x02\xbd\xa1d\xaee95d\xd7\xe8f\xff\xb5\x996"\xad\xd2`\xf5\xb4\x998\xc5M\xc7\xe4}\xa3\x05\xe31\xc1\xe3\xd7\x9b\xe4\xcc\xdc\xe3e\xad\xcc\xe5\xff\xa9\xac\r\x14\xeaUi$\t\xe8\x83u\x11\x8b\xe2\xca\x85}oF$\x87\xf4\x90\x84\xbctug\x80N\x15\xf6Y\xe2\x89\xddh\\Q\x8b\xb1\xd5\x06u\xda\xee\xcd\x99Ec\x91\xf5z\xf2\xae_I\x03\xdf-\xc3\xb7\xc0s\x1aA\x1d\x9c\x110\xa9\xd1\x11\xf1\xe8+\xcent\xa2\x9b\x91\x8a\xb6e\xc4\x88\xd8\x1e\x07\xe3\xff4\xa3R&amp;\x8a\x85\x00\x14i\x8c\x1a&gt;*\xdbq\xec\x13\xda\xdf\xfb\x1d\x86\x01\xed\xf5\x9b\xe0\xeb\xef[\xb7\x8a\x06\x06\xca\xeb\xe4\xe7\x85S\xc5\xb2\xfa\x1bo\x82\x03\xa9D\x96\x97\xd35\xea\xcbm\xfe0Y\'\x7f\xe2\xbd\xdff2\xcc\xdb\x99)\xf9\x0e\xc3\x90i\xd2 \x87+\xda}ju\xec=\xbdn\r\x0e\x10x\xc5\x19\xfc*\xa7z\xc5s\xba\xd4\x9bw\xbc\x12/\x03\xaf\xff\' \xa4\x91\xe7&amp;'</t>
  </si>
  <si>
    <t>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</t>
  </si>
  <si>
    <t>b'\xfb\xdf\xe1\xeax\x04\xcd\xbbo\xf9G)\xf1\xba\x0c\x1a'</t>
  </si>
  <si>
    <t>imperious voice
 she said, "York, you must put those horses' heads higher; they are not fit to be seen."
 York got down, and said very respectfully, "I beg your pardon, my lady, but these horses
 have not been reined up for three years, and my lord said it would be safer to bring
 them to it by degrees; but if your ladyship pleases I can take them up a little more."
 "Do so," she said.
 York came round to our heads and shortened the rein himselfâ€”one hole, I think; every
 little makes a difference, be it for better or worse, and that day we had a steep hill to go
 up. Then I began to understand what I had heard of. Of course, I wanted to put my head
 forward and take the carriage up with a will, as we had been used to do; but no, I had to
 pull with my head up now, and that took all the spirit out of me, and the strain came on
 my back and legs. When we came in Ginger said, "Now you see what it is like; but this is
 not bad, and if it does not get much worse than this I shall say nothing about it, for we
 are very well treated here; but if they strain me up tight, why, let 'em look out! I can't
 bear it, and I won't."
 Day by day, hole by hole, our bearing reins were shortened, and instead of looking
 forward with pleasure to having my harness put on, as I used to do, I began to dread it.
 Ginger, too, seemed restless, though she said very little. At last I thought the worst was
 over; for several days there was no more shortening, and I determined to make the best
 of it and do my duty, though it was now a constant harass instead of a pleasure; but the
 worst was not come.
 51
 Chapter 23. A Strike For Liberty
 One day my lady came down later than usual, and the silk rustled more than ever.
 "Drive to the Duchess of Bâ€”â€”'s," she said, and then after a pause, "Are you never going
 to get those horses' heads up, York? Raise them at once and let us have no more of this
 humoring and nonsense."
 York came to me first, while the</t>
  </si>
  <si>
    <t>b'Z\x80\x8d*\xaf&lt;\xf8\x88'</t>
  </si>
  <si>
    <t>5a808d2aaf3cf888</t>
  </si>
  <si>
    <t>e detectiveâ€™s silk hat, which was
 completely smashed in.
 â€œYankee!â€ exclaimed Mr. Fogg, darting a contemptuous look at
 the ruffian.
 â€œEnglishman!â€ returned the other. â€œWe will meet again!â€ â€œWhen
 you please.â€
 â€œWhat is your name?â€ â€œPhileas Fogg. And yours?â€ â€œColonel
 Stamp Proctor.â€
 The human tide now swept by, after overturning Fix, who
 speedily got upon his feet again, though with tattered clothes.
 Happily, he was not seriously hurt. His travelling overcoat was
 divided into two unequal parts, and his trousers resembled
 those of certain Indians, which fit less compactly than they are
 easy to put on. Aouda had escaped unharmed, and Fix alone
 bore marks of the fray in his black and blue bruise.
 â€œThanks,â€ said Mr. Fogg to the detective, as soon as they were
 out of the crowd.
 â€œNo thanks are necessary,â€ replied Fix; â€œbut let us go.â€ â€œWhere?â€
 215
 â€œTo a tailorâ€™s.â€
 Such a visit was, indeed, opportune. The clothing of both Mr.
 Fogg and Fix was in rags, as if they had themselves been
 actively engaged in the contest between Camerfield and
 Mandiboy. An hour after, they were once more suitably attired,
 and with Aouda returned to the International Hotel.
 Passepartout was waiting for his master, armed with half a
 dozen six-barrelled revolvers. When he perceived Fix, he knit his
 brows; but Aouda having, in a few words, told him of their
 adventure, his countenance resumed its placid expression. Fix
 evidently was no longer an enemy, but an ally; he was faithfully
 keeping his word.
 Dinner over, the coach which was to convey the passengers and
 their luggage to the station drew up to the door. As he was
 getting in, Mr. Fogg said to Fix, â€œYou have not seen this Colonel
 Proctor again?â€
 â€œNo.â€
 â€œI will come back to America to find him,â€ said Phileas Fogg
 calmly. â€œIt would not be right for an Englishman to permit
 himself to be treated in that way, without retaliating.â€
 The detective smiled, but did not reply. It was clear that Mr.
 Fogg was one of those Englishmen who, while they do not
 216
 tolerate duelling at home, fight abroad when their honour is
 attacked.
 At a quarter before six the travellers reached the station, and
 found the train ready to depart. As he was about to enter it, Mr.
 Fogg called a porter, and said to him, â€œMy friend, was there not
 some trouble to-day in San Francisco?â€
 â€œIt was a political meeting, sir,â€ replied the porter.
 â€œBut I thought there was a great deal of disturbance in the
 streets.â€
 â€œIt was only a meeting assembled for an election.â€
 â€œThe election of a general-in-chief, no doubt?â€ asked Mr. Fogg.
 â€œNo, sir; of a justice of the peace.â€
 Phileas Fogg got into the train, which started off at full speed.
 217
 C H A P T E R XXVI
 In which Phileas Fogg and party travel by the Pacific Railroad
 â€œ ROM ocean to ocean,â€â€”so say the Americans; and these
 four words compose the general designation of the â€œgreat trunk
 lineâ€ which crosses the entire width
 of the United States. The Pacific Railroad is, however, really
 divided into two distinct lines: the Central Pacific, between San
 Francisco and Ogden, and the Union Pacific, between Ogden
 and Omaha. Five main lines connect Omaha with New York.
 New York and San Francisco are thus united by an
 uninterr</t>
  </si>
  <si>
    <t>b'&amp;\xad\x9d\xe1\xc5[X5\x1f\xda\x03\x81\x9a\xc9\xa4\xbb\x9cI\xd7\xbd\x16\xfd\x83\xe3\xe7.\xfb\xe5\x91\t~\xcc'</t>
  </si>
  <si>
    <t>26ad9de1c55b58351fda03819ac9a4bb9c49d7bd16fd83e3e72efbe591097ecc</t>
  </si>
  <si>
    <t>b'&amp;\xad\x9d\xe1\xc5[X5\x1f\xda\x03\x81\x9a\xc9\xa4\xbb'</t>
  </si>
  <si>
    <t>summits of the
 pine forests, that stretched mid-way down the mountains. But who may
 describe her rapture, when, having passed through a sea of vapour, she
 caught a first view of Italy; when, from the ridge of one of those
 tremendous precipices that hang upon Mount Cenis and guard the
 entrance of that enchanting country, she looked down through the lower
 clouds, and, as they floated away, saw the grassy vales of Piedmont at her
 feet, and, beyond, the plains of Lombardy extending to the farthest
 distance, at which appeared, on the faint horizon, the doubtful towers of
 Turin?
 The solitary grandeur of the objects that immediately surrounded her,
 the mountain-region towering above, the deep precipices that fell
 beneath, the waving blackness of the forests of pine and oak, which
 skirted their feet, or hung within their recesses, the headlong torrents
 that, dashing among their cliffs, sometimes appeared like a cloud of mist,
 at others like a sheet of iceâ€”these were features which received a higher
 character of sublimity from the reposing beauty of the Italian landscape
 below, stretching to the wide horizon, where t</t>
  </si>
  <si>
    <t>b'\xbc\x1b5\xda\xe1\x8a\xf0!0&amp;Z\x1c\xed!\xbb\xc1\xf6&gt;EX\n\xc5\xb00w\xe6\xb1n\xa4\xc3\xdfu\x1d\t\xb39\x81]]l\xf6\x90\xd1R\xb2}\x0bW5\xb2\xfc\xdbs\x11\xe5\x85s\x02\xab\xbao\x04\x11\xed'</t>
  </si>
  <si>
    <t>bc1b35dae18af02130265a1ced21bbc1f63e45580ac5b03077e6b16ea4c3df751d09b339815d5d6cf690d152b27d0b5735b2fcdb7311e5857302abba6f0411ed</t>
  </si>
  <si>
    <t>b'\xbc\x1b5\xda\xe1\x8a\xf0!0&amp;Z\x1c\xed!\xbb\xc1'</t>
  </si>
  <si>
    <t>which a program probably
designed for imperial estates affected the land tenure systems on private estates in a
much later period, however, remains unknown.
The efforts of the Roman government to exploit its estates did not come without
conflict, however. To enforce the obligations of the coloni, the Roman administration
appointed middlemen, or conductores (the lessees in the document quoted above).
Landlords and Tenants 307
These were large-scale lessees who leased from the Fiscus the right to collect the share
rents from the coloni. In addition, the conductores cultivated certain lands not occupied by the coloni, and the coloni had to provide labor on this land, generally six days
each year, as well as the use of their draft animals. There were apparently frequent
conflicts between the coloni and the conductores over the former groupâ€™s obligations.
Indeed, in a petition to the emperor Commodus (181 CE), coloni from an imperial
estate called the saltus Burunitanus complained bitterly of the treatment that they
were accorded by one conductor in particular, named Allius Maximus, who, according
to the description of the coloni, had repeatedly bribed the imperial procurators to
allow him to raise the share rent of the coloni and to exact additional labor services.
The coloni offered a rather desperate description of their situation in their appeal to
the emperor:
Please come to our aid, and since, as poor rustic people tolerating a livelihood gained
from the work of our own hands, we are unfairly matched with a lessee most influential
among your procurators because of his lavish gifts, to whom he is known through the
changes of succession by the circumstances of his lease, take pity on us and deign to
instruct by your rescript that we not furnish more than we are obliged to in accordance
with the law of Hadrian and the letters of your procurators, that is two days of labor three
times, so that by the benefit of your majesty we rustics, your servants and children of
your estates, should no longer be disturbed by the lessees of fiscal farmland. (CIL VIII
10570, 14464)
The conflicts evident on imperial estates in Africa were not an isolated p</t>
  </si>
  <si>
    <t>b'm&gt;\x00\xa5C\x19\xa14=9;\xafA\x8a\x17S\x1c\x03\x9a\xf7`\x1f\x86\xf7XT\xbe\xa5PB\xf2,H\xf7\xae\x97\xd7o\xec\\$\x0eup8\xfbG\x175\x8e\xfeWfE\x1a\x83\xf8\xe5f;*\t\x1a\xf2ri\xde+\xf4\x85F*\xdeUd\xcb#,+\xc6\x1c\x9dz{q\x1f?\x82\x1c\xe1\x877Y\t\xf2\xa3@:\xcf\x00Cq\xe7bk\xeb\x03\xe4\xd3\xa7 "\x95\xfeM~\xcb\xd5@\xb2\xff\xebir\xedr\xc9_-\xb9p\xf0\x1e\xf0B\xef\xaf`8aw3\x1a\x80\xb7\x01$\xc0\x8c\x18N\xed\x8a\xea\x08?&amp;\xe7\xdb*\xd9\x05\x82\xb6\x97\xec\xe3\xab\xd7\xf4\xf2\xcew\xdcD\x82\x7f\x0e\xb4\xb0F\x86_\n8\xac\xf5*\x19\x99\xd1cR\xe75\xc9\xd0m\x02\xcb\xf9\xf5\xa2\xe4\xf5\x1c\xc4\xbc\x04\x15\xa3\xc5\x96\x9e\x84,\x91\xe4\x97\x8f\x07\x16\xbbC\xa0\x88vJ\x9fJ\x8bn?\x16\n:z}p\x91\xc3\x0e\xb3rP\xe3\x9f\xbf\x106\xe8\x7f8x\xe3I\xf3\xeb\x9b\xf1\x97\x07\xe1\x96]\xed\x8d\xd4\xd5s\x12P?/\x87\xba\xb9&amp;\xa4}\xc5sO3\xf2&amp;j%\x861\xf2V\x9f\xcel\x9a}\xa8y\x80k\xb8\xcb\xec%\xedy\x06\x17\x8a\x01\x1b\x96\x93\x9f\x7f\xbb&lt;\xe5\xe7\x86\xa2\xee\xf2!\xba&amp;I8Y\xdd\xc9\x01\x05+E\xe6L\xeav\xd6&lt;\x00\x7f~\xad\x98\xfc;\x97\x8e\xab\x89\x9c\xfe\x8c/\xe9\xf7\xcd\x8c\xed!\xdcty\xf9i\xeb\xc7\xea\xb1\x14\xf7\x9d\x0b?\x87I\x14\xb1M\x11\x17C\x05\x85L\xacj\xae\xf3\xbeoc\x92\xf8\xba\xdc\x80\x96\x1e\xda\x8a\x15\x9c&lt;\xb0\x91\xee[\xd4\xf5V\x12\x83\xce\xb3\x14\xc4p1\x11\xad\x00\x8f\x13\xee!\xc3o\xb5\x1d%P\xebC~\x8e\xe3W\xfa\x00\x9b\xfaA\xe0\x1b\x97fj\xea.\xa0\x9d\xac\x0f\xca\tH6\xa7\x86N\xa6\x9c\xe5\xba\x87b\xe0;\x06F\xfc\xb2&lt;\x1aQ=qc\xaf\x04\xca\x8c\x15\x8f\x1e\xc9\x1c\xb7\xb1\x80\xd6\xeetR\x13\xd1f\xd4\x01\xf1[~ 4\xb4\xc3\xf3\xdf \x80\x96\xa81\x03\x8e\x16\xb4\xd8\x94#\xf4\xe8t\x11\xed\xf0\xd1:m\xce\xe7\xa6_\xa2\xc2n\xd2t\x07l\xf0\xb5\x15\x1e\x02\x11\xd2,\x99\x9d\xb4\x87\xeb#"Z\x8a\x08\x8e\xc9\x08q\xf2\x13\xabh\x9e\x9d\x9bMH\x9aD\xea\x86p\xaf\x0c\x89Y\xac\x80}\xe2\xc2\x9e\xf43\x9b\xd8\x1c5$\xa2\xe0J\xdf}\xc6\x184\xe0\xca\xb0[\x04\x02q\x06U\xba\xb0+Ml^\x84\xaa\xf3\x84d\x7f\xbb-\x7f\xc4xO"\xe1Ff\xa0\xdbK\xa0\xa9\xdah\xee\x9d\x18\xc3\xeaeR\xeaY{\xbbm5\xaf\xbez\x0f\x04Z\x19|\xaf\xa6\x01\x8b\x00\xc8\xed\x0c\x11\xbdgO\xd8\x98\xd1:ep\xd8\xe1/\xf7\xb8aR&gt;\xde&gt;\xf9\xce\xa5M\x7fhL\n\xc0\x02\x08\x02\xac`\x9b\xf9\x98\xf5\xc2\x9f\xa6Pi\xc1E^,\x92U\xd3P\x1f\xd5\x00\xb2\xcb\x01\x97V\xef%FH\xc0$\xe8%H\xb2\x90\x16\xcasg\x1f\x00\xa6\xc1_Y\xdf\x97\x97\xf2D\xb1\x81R\xb9\xa4^fGN\xe3\x98g\xdcY4\xa5\xd7\'t#\xa2:\x88\x86\x89\xab\xfb2\xbd\x00\x9bt;\x01\xdb\xfc\x8dDL\x9b\xb4\xa1\xa0,\x9a39\x95\xd2\xf5N\xed-\x19Aj\x97[\xd5\x97\xd6r\xb2\x17&gt;\xb3\xb6\xd3E\x1b\xbf`\xdf\x89:yY\x88\xc3\xf7\x1e\xfa\xa1l[\x0b\xdaE9\xed\xa8b\xce\x11\xc5V\xba\xd0c\x99\xfd0\x1e \x1f\xccK\xb0\xde\xe2\xdb\x0eF\x10\xf0\xdf\xa3\xe2\xf2\r\x1bZ\xee\x89\xfc\t\xa1\xd7\\\xb7\xfb#\xe7\x8a\x15\xd6\xc25\x00.\xce#\x05\x12\xeb\x0f\x1b=S\x1b\xb5[Ie\xfbf|7\xd812sl&lt;K\xa9g[G\x16\xfa\xde\xab\x15y\x8d\xe0\xad\x00\xdd\x04W\x08v\xf0f9\x1b\xeddM\xdeI\xaf~\xf6w2\xac\r\xc7\'p\tj\xa7\x8e\xa5=N\x1f\x8c\x93j\xb9h\x83\x96\x85\\\xc8\xd3\xa6GG\xb6\x02\x89j~n$&amp;\x11\x9a\x0cV\x19Qsc\xb2\xf4\x89yy\xad\xe43\xcd\xdf\xb7\x1f\x03?\xa0\xc6!\xae?\xc7\xed`\x85\x80\xc7\x18b\xc2\x9d/\xb4%\xc1&lt;x~\xa3\xec\'\xefB\x94\x838\xedo\x92\x03%/\xd4\xa3\xb3\xe2\xe6\x83\x9eQ\xbce\xf1\xd8\xb4\xdf\xe8zZpS\xd1J\xf7\xe1y\xa5\x00\x9f#\xa2`gf\x7f7{-!\x8f\xe2@\xa7k\xf7\x99Z]\xd4\xa3[\xd9\x83ma\x0b\xc3@\xcf\xfa5\x02*jv\x14\xa1 \x12\x1b`w\xc8\x7f\\\xc8\x98\xa2{\x0fqq\xc8\\^\xd8[\xc9\xef\xa8sZ6\x95\x0c\xfa\xc1\xd0;\x01.~\xac\xf1%\x91\xb6~`\xb6\x9b\xe0\xa5\xc2Pp\x05;/\x9c\xf9\xd01\xd1\xbd\xd5!\x06o\'\xd0\x8b,O8i(}),\x9d\xa3\x99\x0e\xc2=*\xf1\xfe\xcf\xfd!\x9e\xa2=\xbe7\x03\xd0V7\xa5\xf3,\x8a5A\x0f2\xe9Q %\xab\xc22r!H\x14\xdc\x9f\x1e\n\xbf\xdf\x1f\xa1\xe2[#\xb3\x0f2\xacs\x0c\xe7\xd9\x83\x08\xc8\nF4\xb2\x81\x17\xa7Q\x12O\x1c\xc7\xea\xc0\x94p\xe8\x82\r\xe1k\xc39 \xfa\xad_O\xd2\xa3F\x05W\xa7W\x1c7\xc7\x02\x18W\x94M\xc5\xafS\x95\xd0\xee\xda\x1f\x7f\x8f\xc1\x18L=\xd7]\x84\xa5\xd2\\\x08\xadC\xfb\xd9\x8a\x8e\x94\xb8\xed\xcb\x7f*aO\x8d\xa3j\x07\x14\xda*,0 \xa1E\xda\xac"\xe4{\xb2.{,\xb56o\xbbS\x93\x02AI\xa5\xa1B\x15\xf50wz\xbe\x86$\xa8X?\xe8\xf1\xa3\x07B\x04\xd2\x80uh[lj\xbf\xe0\xa1]\xff|W\xe4B"I\x13\xc5\xce\xaenr\xafU\xe4\x9f\x87\xedM\xaf\xe4Tz\xeb\xf6S(\x8f_\xd4\xb4K\xe3\x87\xbf\x01M\xb2\x1c\x0bt\xfc\x98\xc2\xc4\x00\xa1\xa4v\x82\r\x00\x1f\x05\xfd:\xec\x00\xe5i\x81\x05W\xd7\xd2[+,\\\xd9\xa5\xa4\xd9\xfd\xbc&gt;3d\xd8\x06\x0cM\xcc\xd7?V\x99D\x8f]\x17\\\\\xd2\x9e+&gt;\xf4\xb9#\xcf\xa2\xec\xb1\xb6`\xd0T\x06\xf0\x00d\x84\xf3\xc2\xe0Mf~U,\xd4\x8b\x1c.t0\n!\xec[LPb\x12p_\xc8\xbby\xfd(\xf4\x9d\xa9\x92\x07P\x1fh}\xc3&amp;e\xd9\x12j\xffW\x9b\n\xdcII-\x18\xc7^\xc55\x9c#W\x86\x8f\x9e$\xc6\xe7h\xe0U\xe1R\x1b\xff\xbc\xe5\x08\xddf\xf7\x05\nB\'|\x99\x8b\xc8x\xd4\xc8a\xf9w\\u\xf9\xe4\xfc\x02.\xe1\xd9\x87w\xde\xc2I\x01\xc8wzD\xc9\x19/\x86\xfeY\xd5\x1a\x00\x05X\x91\x1eTH\xee(\x19\x03\x1b\xc9\x1f\xc4f\x99\x7fAr\xb2y&amp;&amp;k*x\xfc\xea\x0cq\x97\xe6\x0b\xc1\xe6\xb4\xffc0\xe7\xdf?\xc6\x02\xa9\xd5\xb0m7[@\x17q\x80\xb9\x80s\xbe\x9eY\xe2.\xb9\xa2@\x01\x01_\x0c9\x9ax,\xf8dB\xa3G\xd2\x90\x92\xbch9\xb4\xb6\x7f\xae\x0b\x16z\x9f\x1d\xf1\x1c\x12b\xf4\xf4\x9e\x04j\x15\xb4\xa4\x81\x1e9gM\t\xc9\xae\xe2\xb3\x1ek\x04\xb1\x08\x08\'t\xceg\x1bf\'\x83y\xff\xe8\x18\xc1\xa7)\x9b\x07\xfa8\xa8\xe7\xda\x9a\xb5\xea\x058\x97\x0f7\xc4\xb4\n\x15R\x89X\xb6\xa4v\xfe\xd6z\xd9\x0bvH\xd7\x1f\xa6\xbb\x12\xce)w\x87\xef\'\xed\x11\xd3s\xd0\xce\xc6\xc9\xd4\xd6\x05[\x9cJ%\x97\xdd\x91N\xb9\xee\xbd\xae\xbf\xe0\xb4_Kkjv\xf5\xb6\x86\\s6Q\x1a\x7f\xbb6\xed\x88\x87\xdaIIc\xdfK\xf6H\xc6\x1e\x14%hu\xb8\x13\xaa\xd0\xdf\xa6}\xee\x975L\x93$"\x19\xfdH\x0b\xa2\xa5\x10k\xe1\x99\x0b0\x17\xd4\x96\xc5J@p4\xc9\xbarq\x14\x89\xf0\x9dA\xbd\xb9\x1csCB\xad.\x8e\xdae%Oun\xa4PU*W\xed]G/\t\x04\xb3\xf4\xb3\x8a0;\xc9m\xfbf\x83N\xfb\x83\xea\xe1Db\x9a(\xf8\x8f\xf3&lt;\x18i]\xf2\xa7\x7f2\xf1\x8b\xcd(i\xa8\x17\xc5\x85\xb6\xfcn\xde\x0eL\xfe\xcf\xaaf\xfc\x8d\x89\xcf\x9d\x81Nj\xc1\x8b=&amp;\x15X\xebe/\xbb\xeavU\x1a=\xff-\x97|\xee\x18Y\x967S\xca\x1d\x88\xe1"hT\xacY\xa7Ix\xe5\x98\xe1%\x07\xad\xc8\xa4\xe6\x84\xf7\x15\xa7\xbd\xf2\xc3\xba\xf5\x91\xa2\x0c\xdb\x05\x06\x9f\x83\x12\xa4\x9c*\xe8(\xe4\xb3\x06sg\x90.eM6\x15\xd6p\xf3L\xa8\xfeM\xa5\xe9\xbc\xa5\xdf\xe4\\\x83X\xae\x1d\xa8\xe5B\x8cjBqP\x0e\x93\xae\xa8U\xfffJ\x1a\x1e\xfd&gt;\xe6b\x84\xa0\xe9\\W\xf2\x11\xdb\\\x83\xa1\xbd\xfds\xa8\xc8-\xaa\x8bvz\xca\x94\x07\xb1\xad\xbc\x80\x10\xb94}\xc6^L\x990f\xd9\xe3\xa9\xcb\xfb|\xc8H\xa9\xe3\\l\x88\xb0\xa1\xd6\'\x00d\x85\xfa\xfd\xb0\x0fElE\xf6f\xcd\xbeI\x98\xbd`\x8a9}\xd4\xdc\xcb\x1b\xa9\xb6\xcd\xc7"G&lt;\xf1-6\xf4c\xafy\xfc!\xf7\xd7AD\xfd'</t>
  </si>
  <si>
    <t>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</t>
  </si>
  <si>
    <t>b'm&gt;\x00\xa5C\x19\xa14=9;\xafA\x8a\x17S'</t>
  </si>
  <si>
    <t>was this 
 all, for the sound of several footsteps running came already to our ears, 
 and as we looked back in their direction, a light toss</t>
  </si>
  <si>
    <t>b'\x10\xb7\xe4\xcd\xd2\x90n\x18\xbe$6\x0f\x0f2\xc1\xf7(\xff%DQQ\xb4\x9f\x969\xf2\xd4\xa6&amp;\x14\x0e\xde\nf%hGg\x0ce\x94\xc5\x9c\xfe\xeb\x9e.\xb6,\'\x1fw\t\x86\xd2\x00@h#U3g9\xaa\x82\xa53\xec\xe4\xce\xa5\x0et\xe6C\xfe\xa3Y\xc7\t\xdc\x81IL\xb3]\x19\xf6\x1f`\x9f$o\xb3\x1bic\xba:\xce\x05\x88\xcf\xa20f\xfc\xbe\xbct\xecj\xe00|.`\xaeA\x88"\xb5B0\xf1\x80\x89\xc2\x88\xe8^\xfc\x16\x1e\x83\xe2M\xd9\x85Q\x11QX\xf6\x13\x03\xd6\xfa\xbf\xa1MS3\xbe\xf8\xf2\x17\xea%sv\xd9R\xa7\x14k\xb1\x17\xb9\xdb\x0e\xc8\xc7\xac\x8f\x7f\x0e\xefY\xfb\xa8\x93\x99\xf8\xb9\x04\x14A%\x1a\x85p\xf1\xfc\xa7\x95\x16C\xdf\xb6\x86\xc5?dQ]\xd0fr9+\x00\x056\xdb\xa5\xfc\x0b]\xc5\x19\xd9\xed\x87\x16~TQZ\x84Y\x03\xdf\x15\\`\xb1=&amp;c\x00\xd6\xd9&gt;r\xdf\xach\xe0o\x03\'\x92Q\xe4'</t>
  </si>
  <si>
    <t>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</t>
  </si>
  <si>
    <t>b'\x10\xb7\xe4\xcd\xd2\x90n\x18\xbe$6\x0f\x0f2\xc1\xf7'</t>
  </si>
  <si>
    <t>used the wrong
Magic until she made him beat her. If she'd used the right Magic and had said
something nice perhaps he wouldn't have got as drunk as a lord and perhapsâ€”
perhaps he might have bought her a new bonnet."
Ben Weatherstaff chuckled and there was shrewd admiration in his little
old eyes.
"Tha'rt a clever lad as well as a straight-legged one, Mester Colin," he said.
"Next time I see Bess Fettleworth I'll give her a bit of a hint o' what Magic
will do for her. She'd be rare an' pleased if th' sinetifik 'speriment workedâ€”an'
so 'ud Jem."
Dickon had stood listening to the lecture, his round eyes shining with
curious delight. Nut and Shell were on his shoulders and he held a long-eared
white rabbit in his arm and stroked and stroked it softly while it laid its ears
along its back and enjoyed itself.
"Do you think the experiment will work?" Colin asked him, wondering
what he was thinking. He so often wondered what Dickon was thinking when
he saw him looking at him or at one of his "creatures" with his happy wide
smile.
He smiled now and his smile was wider than usual.
"Aye," he answered, "that I do. It'll work same as th' seeds do when th' sun
shines on 'em. It'll work for sure. Shall us begin it now?"
Colin was delighted and so was Mary. Fired by recollections of fakirs and
devotees in illustrations Colin suggested that they should all sit cross-legged
under the tree which made a canopy.
"It will be like sitting in a sort of temple," said Colin. "I'm rather tired and I
want to sit down."
"Eh!" said Dickon, "tha' mustn't begin by sayin' tha'rt tired. Tha' might
spoil th' Magic."
Colin turned and looked at himâ€”into his innocent round eyes.
"That's true," he said slowly. "I must only think of the Magic." It all
seemed most majestic and mysterious when they sat down in their circle. Ben
Weatherstaff felt as if he had somehow been led into appearing at a prayermeeting. Ordinarily he was very fixed in being what he called "agen' prayermeetin's" but this being the Rajah's affair he did not resent it and was indeed
inclined to be gratified at being called upon to assist. Mistress Mary felt
solemnly enraptured. Dickon held his rabbit in his arm, and perhaps he made
some charmer's signal no one heard, for when he sat down, cross-legged like
the rest, the crow, the fox, the squirrels and the lamb slo</t>
  </si>
  <si>
    <t>b'\xc3\\\x95\xe0\x88\x83\x1e\xca\xaa.\xe4&amp;"!`zF\xcf\x80t"\x13NA\xa5\xe6\xeb\x7f\xf6\x88P\x9a\\bC}A\xb2\xdf \xb9B)Uo\xcf\xe69\xbd\xc9\x846\x82;\xa9N\x134C\x19\xdb\xf8\x19\xe1\x1e\x86V\x06Hvw\x1a\x98\xc9\xea\x1c\xb3r\x95\xc2\xcb\xaf\xd8\r\x08\x1d\xc1\xecB\xe1\xb3\x9d\\]\xb8\xdd`\x99\x98\xf1\x02\x9a \t\xc8;\x02UtQX\xe6t\x88n\xf4YJP\x04\xa8.\x03\xe7\x9a\x8ay\xda\xd8\xac\xdc\xfb\xd9t\xe2#:\xe61\x82jeB\x08!\xbc\xac\x0c|\t\xfc&amp;\xd5()v\x89(\x15\xa6\x13\x11\xe2\xc2\xdaM\x1c\xaf\xc8\x03\xa4\xdb\x7f\xc8T\xb45\x06P[N\xbb\xf0\xb7\xd2\n\xbc\n\x85G\xf5\xd1q(x\x80\x9ci\xe3#\xb38\x98\x9cs\x17\x0e=T\x1a\xce\x89\xef\x8a\\\x1d\xd4`\xc2];\xfb\x84\x86\x0c \x86\xb5w\x8fiG7\xc4\xfb\xc7\x82U\x93S$\xd9\xa7s\x99ij4\xa7y\x19\xf4B\xc2\x96I\x0c\xcb\xe2\xec\xa2\xf8\xc0I\x92D*\xcaIG4\x9f"\xcfE}\x964\xdf\xff\xb6O\xc1\xc8u\xfbe~\x97\x07\xd2x\xf0\x06\xc8kI\xff\x92\x984/\xc1O\xa1\xcc5\xf3\x7f\x8f\x19\xe2\x08\x9e\x06\x01\xbc\xee\x1c\x06j\xdc@&lt;lk\xcd:\x9a\x9d!\x16\x0c0:\xc4\x8c\xc5x\xee\x8c\xa7\xa7\x9c?\xb9L\xf1\xf2|_\x8c\x1ev\xed\xab}\xa4O\x14\xa33\xa4\xb9F\xc3\x9f\x7f\xb5\xb9 I\xfa5`\xaf\xde\xbeh\xfa(B\x8d\x93"\x86\xbe\x0c\xe6\xc7\xd4\x9bL\xb0\x9e+\x7f\xcd\xc2\xc4pl\x8f\x13j\xd3W\x06\xcd\x04r\x89Z.]U\xb6%\tK\x82\x1bb\xd8\x8d\xee:\xf6\x98\xa5W\xe8\x7f\xa3T\xb1\xb7T\xfc\xc76\x98r\xf3\x1b\xd6\xa0\xba\x94\x15T\xe0*B\xd7S\xb2\xda\xc4Mi\x94\x1a.\xc8W\xafT\x97\xfe|\x85\xa1I\xe8\x17\r\xbb\x0b{G\xe6\x0cF\xd1\xc0\xf9\xc3O\x94\x80\xdf\xbd\x82\x85a\xb5a\xcf\r\xb0\x96k\x1b\xcf,i\xd9t\x86l\x9c\x1f\x86mf\x82\x9a\xdd\xc7\xa0}p!\xf6\xe4\xd8\xdc\xf7\x8f\xbb\x9bq=\xd8\xd6l\xba\xfcr\xd6\xb2\xa0S\xef\x9a*\x9a\xc7\xe8xd%\xc4\xf4\xb3mdC;\xb9\xae\xaa\xdaor\x9f\x0b\xd5,\x83\x92\xd3k)\xb3=\x1cF\x0e8\xcd\xce\xc7+\xb7\xcc\x90\xa6,|\xd0\xcb\x80\x8az\xaaK\xfd5\x1bI\xde..\xe2\x9e\xa5\x0fR\xf2\xb5&gt;6K\x13J\x82\x9aRJ4\x9c3\xb1\x8a\xd0\x11\xc0\x89\x90\x14iV\x06\x96\x05\x93\x9cX\x89L(\xe6.\x0c\x8d\x1c\xe7xq\x10\xc3\xe3\x1afex\xcc1C\x1a\xd1\xdbz\x11\xb2C\x9a\xbb\xb0;\xf6\x87\xe9\xe1a\xcc3\x1aO\x89\\\xc4\xf1\x1a\x87\x0c\x8a\x98=B\xfd\n\xcf\xe4/\x01=\nCBCh\xe8\r\xf2h.u&gt;\xa4z\xfes\xf7\x8e\x16K\x9dX\xb6\x89\x9cp\xa9+k~\x03\xd7o\x02T\xe5\x96\x86qr\xd9\x89d2?\t\xa9\x88\xfa\x91\xa9\t\xe3t\xc0\x87\xbbj\xe4\xe8f\xb3\x1b?v`Y\xef\xc8\xfb\xc2j\xbf\x95\x1a\xd2\xfa$5b\x9dg\xff\xd1\xfb\xb24\xf2]7\x9b\xa4#\xb9\xa9\x10l\x90\xaef\xfcf TO)\x16D\xf2X\xb4\xa5-ap\xb6\xc5\xa9\n\x80U\x9b\xa0g\xad\x0b\xd8c\xa7\xa8p\x7f\x95\xeca+F\xe7\xda\x84\xd3\xadP\xe9F\x82\x1e\xe5c|\x93Cn\xbf\t\x9d\xee\xc5g\xb0\xf3\xba\xcf&gt;\x03\x1eo(\x13\xca\xf1Ss\xe9\xa1\x11\xcf\xef\x8e\x1f7\xf3\xdbv\xad\xa0\xe1\xc2=*I6\xd9\xf2 \x819Er\nz\xecx[\x87\xc8\x90\xe3\xb2\xd7\x1an\x01\xd5\xa9B\xb3E&lt;\xe1\x0e\x9b\xd6(\xc1\xbfM\x88\x16Q\xc7\xa5\x80\xb2\xbd\xc5\x02\x898\xc2\n\x13\x8b5\x0epU\xad\x8f\x17Y\xf9\xc5\xdc\x99\xfaqd7\xa8N\xcc\x84\xb6 eCa\x10%H}\x03%\xc1\x81\xc7*r\x9e\xfd~\x9c\xe8\xbc\xe7\x06a\xc9w\xfc\xb3\xfd\x8a\xddE\x13E_|\x14\xcb8\xd8\xc4C\xce\x98\xbb\x13\x0eX\x1b\xf9\x8fj~\xfb\xb0\xbf\x1a0L-5\x9b\xe3\xfb\xe2\xc27\xb1g\x96%ji&lt;Nj\x02\x08\x15\x0f1\xcd\xf5}\x83\x1c\xc4\xb5b\x1e8\x99\xf2\xcb:\x83\xef\xef`\xad`\xa4\x92\x16\xb8\t\xa8\xff\x90\x145Zt`T2\x9b0\xf3\x16hP\xb1\x87-\x19e!{\x07\xa7\xaaI\xba\x1f,\x9b\xeb\x0f~\x87y~6*\x04L\xfb\x9d\x1fVxuJ\xf8\x11\x11\xeb\x88\xbf\xc3\xff\r\x03\xa6G^*\x18\x9f$\xde\xe1\x9c\xf5\xb2\xaa\xae\xca+%\xe5\x11\xc5\xda6\xe9\x86\x00\xb1\xc0\r\xbb\xe6\x95["\xf9]\xd8*Mt\xee\x90\xad\xae\xc1V\xe8\xe3\x04\xf9\xed\xd0,\xf5\xa7\x1c\xa24\xc8y\x01&lt;L\x16\xafBNL!\x12\xea\xae\xe9I\xda\x80\xa1\x90\x0e\xb5a\xed\x1a\x9a\xd0\xe8b\xdf\x96/X\x90\xa6xpUWE\x82l\x18QSE\xd0\xac\xe8\xc9m#uS\x06\x84c\x0e\xd9\x80\xd8E\xe5_2\x0f&lt;\xb9\xe0?\xcc\xb6_*[\\\xab\x08\xae\xa4q\xf9\x17(\x0e\x8d\xc3i`\x8d~ \'\xf8\xdblT]"cz\tQ\n!\xc5\x01\x15\xd6\xfa\x01\x93\xb5\x8e\xe0\x7fL\xfa\x0fT\xbc\xd5V\x9c8\x91\xce=\xe4\xa2u\x02[\xce\xf0N\x83\x95-\xcej\\&gt;B\x0cL\x08^rY\xe0$\x85)\x06B\x1a\x7f\x08\xd6H\xccAh\x15;\x1e\xedb\x933\x9e\xe0\xa6\x8c\x90\x1b\x02\xb4AN_&lt;\xdc\xce\x18f\x97\x90 \xdf\xd4\xde\x19\xe8:\xcf\xd0\x0et\')\xdc\x1eG\xa5m\xfe\xc6\xa4d\xdaW@_K\x83\xae\x9d\x16\x08\x0e[Z\x94\xd8)1\xd0\xa9\'\xadtB\xcft\x18M?b\xceR\xf3\x1f2\xe9qC\x00;\xf8\xbaT\xd0\xfa\xe7\xc8D\xc4\x8f\xbf\t\xe8\xa6\xa7\xb8\x15\xa0p,\x1e\x883\xcb\xf2\x0c\xf5\xc5\xbc\xd6\xee\xb8\xb2\x81@^$\xf1\x1f\x0c\x93\x7f5x}2\xe3\xefG\xf2\xf4\x95\xd8\xf0?\x0f\xe7,g\x9e\xe8v;\x96\xbf\xb2ve)V\xc9\x86\xc1C\xa7hG\xbc\xf9\xaa\xa4U\xa09\xe5\xb4\x88\xa3\x05\x80;\xfd\xe2\x1b\xbd9\x0e\x91"\x1b\x18o\xf7\x19\xf2\xc1\x94l\xb4\x80\xd2c\xb8\x8fJ\xc5\xef\xd8{\xaf\x92g\xf9\xc9\xb9]\xc2\x905\xe4\xae\xb7\xa0\x81\x86\x82\x8a\x07K\xf6J\xca\x82\x0f\xa6\xac(\x1aW\x03\x90\xfa\xe0\x07 \xcbC\x80\xb2\xfe6\xdc\x15\xae&gt;\xa4\x0f~P\x9a\xca\x0e\xfe\x02i\xedi\xaa\x0c@\x17NUjvER\x18\xb0\xb3+\x86r\xef\xa4\xe1N\'\xdaM\x14\x81\x04\xbcp%M\xf4\n\x1b4\x16\x83_8I`\xb0\xd2\x0cb\r\xa1\x0e.\xa88\xa8\x90\x9e\x8f\xad\x81\xf2\x92?s\xf2\xe8&gt;\xb0\xd9\x1c\x12\x053\x83\x96\xcc\x0c\xa1\x94=\x8c\xc9[\xe1%Sou\xff\xc3\xd8\xef\x85\xe8d\xd3\x1df\xc1\xac\xd18\xb7\xcb\xe2GJ4\x15\x12\x90\xcba\xf7\x94\xbbh\x0e\x9c\x01\xc3\xcb\x1a&gt;\xbez#L0\xfd\xca\xa0je\xefq\xed/\xe6\xe3?\x95k\x90\xdd\xc2\xf8\x1e\xa3\xda\xf6.\xa7\xa1\xc2\t\xb3\xdc\x86\xd2Pek\x08oLWOO\xe7\x9bSa\x9b\xcc\xcf\xec\xd6p\xbb\xb4\x93\xea\xa2_\xf5\xe4%B4\xa0_\xf20(\x16&amp;W\xa4\xb5\xd0*\xad!k\xafaK\xb2~\xf5\xe3d\xcf\x90\x84\x88_\x83b\xfe\x89\xe4\x18w\xe2\x95y\x12\x1e:\xe4\xdc\xe03&amp;$\x93~\x1dD\xc5e\x0b\x83d%\xfcL\xba\x9bP\xc0BlH\xb5\xd8\xd6:@\x03&amp;h\xd2\x94}oLh\x94\xa78-\xdf\xdaw\xdaL\xd4g\xe2V(\xde\\&lt;\x93}\x01Z\xe4@[O\xfa\xca\xd0\x1en\x82K\xb7\x08[\x0f\x04\xe9XU1\xd6\x98\x16\x7f\xc3uj\xea\x948\xdf\xb9YOY\xf6\x8e:\xfed\x8f"u\x11\xe3\x05p\xc2\xb0\xf2Y\xf7\x06\xc4\xc6\xa2\x83O\xa6Y\xffn\xb0\x83\x10\x0b\x13\xb2\xb5\x90\x06\x15&gt;\x16F#\xe9\x08,\x8b\xbc:\x1a\xc8gHv\xec\xad\x9f\x0e\xe7\xcd$\x1f\xbaCV\x94\xb5\x93D\xc4\x08A\xcf\xca\xf1\x12"-F\xe3jM\x01\xb2\xac\xd35\xdc\xe8\xedL\xe5\xa2f\xdaG\xd6C3\x00\xd4\xd6?\xf9\xf0X,\rE\x90Be\x85\x86\x03&lt;\x83B"/j1\xdf\x03\x12\xaa\x8f\xa0\xbe\x85J\xdc\x97\xee\xad\xa8ensw-&amp;\x8a\xcd5\xfd,y6^\xd8\x03\xd4\x86\xe4\x89\x8f\x8a\xfa\x9d\xdb\xe7r\xeay\xdf\xa1\xb3e?m\xc8\x9c^\xa5\x89\xa5\xaf8\xa6B\xcd\x1b1Q\xb2\xf0\x90\x04\xf9Z:\xb8w\xb8\x90*\xcam\xe2\xeb`n\x92)\xf2\xa9\x87\xde\xb8\x82V\xb5\x89\xbc?\xf9\x07\x0f\xf4p5\xc0\x08\xed\x7faa\xf3\xa3l\x06\x98\xe6\xd7\x93\xa4\xb8I|H\xe9\x867[([t6\x1e\\D/1~\xc4\r_\'\xed\xb8w\xc4=\xden\xf2?\xce\x83\x01\x1d\x1d\xf4\xc5\xe5\xfc\xa0X\xb0\xa6\x93\x14]\xc6&amp;\x0eO\xa1\x0514/rc K\xc4\x97\xeb\xbc\xf5\xa0\x0f\n\xdd\x87X\xf2\xb7\xa4=5u\x05\xe4w\x81\xc7\x819\x08\xb3\xb2\x8d7\xaet\xc8\x10\x11}\xb0\xd0[`\xf6\x1fou\x06i\xa5\xd3!\xb4\xc1vc\x8b`\xcb2\x9b\xa4^~5\x15\xe2\x83D|v\xb0G\x9a\xa0,}^Z&amp;"P&lt;\x8co\x8f\xb6#\xc1\xb8$\xee\xe5\x10\xf3\xc5\'\x7f9\xc1\x9f\xde6L~\xc5\x07\x00K\x96\xe7e\xe8ZO\xc1Q\xd8\xe5\xf2'</t>
  </si>
  <si>
    <t>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</t>
  </si>
  <si>
    <t>b'\xc3\\\x95\xe0\x88\x83\x1e\xca\xaa.\xe4&amp;"!`z'</t>
  </si>
  <si>
    <t>had the happiness of meeting you, on
 visits in the neighbourhood. I will not offend you by repeating how much
 you interested me; how much I loved to wander in the scenes you
 frequented; how often I visited your favourite fishing-house, and
 lamented the circumstance, which, at that time, forbade me to reveal my
 passion. I will not explain how I surrendered to temptation, and became
 possessed of a treasure, which was to me inestimable; a treasure, which I
 committed to your messenger, a few days ago, with expectations very
 different from my present ones. I will say nothing of these
 circumstances, for I know they will avail me little; let me only supplicate
 from you forgiveness, and the picture, which I so unwarily returned.
 Your generosity will pardon the theft, and restore the prize. My crime
 has been my punishment; for the portrait I stole has contributed to
 nourish a passion, which must still be my torment.'
 Emily now interrupted him. 'I think, sir, I may leave it to your integrity
 to determine, whether, after what has just appeared, concerning Mons.
 Valancourt, I ought to return the picture. I think you will acknowledge,
 517
 that this would not be generosity; and you will allow me to add, that it
 would be doing myself an injustice. I must consider myself honoure</t>
  </si>
  <si>
    <t>b'\xc2\x93\xf9\xfc\x002\x80\xf7p(g%\x99\xc0\r\xc5(\xaf\xbb\xea\x14\x1d}\xb3\x04I\x17\xc8\x9e\xb9\x7fegsAM\xb6\xc6}\xbc\xf4w\xc2\x8f\xf9r|\xc6\xa8\xc8\x85w\xd8U\x08\xc8{\x08\xa6\xaf\x08\xd9\xf0\xf8'</t>
  </si>
  <si>
    <t>c293f9fc003280f77028672599c00dc528afbbea141d7db3044917c89eb97f656773414db6c67dbcf477c28ff9727cc6a8c88577d85508c87b08a6af08d9f0f8</t>
  </si>
  <si>
    <t>b'\xc2\x93\xf9\xfc\x002\x80\xf7p(g%\x99\xc0\r\xc5'</t>
  </si>
  <si>
    <t>ong without refrigeration, and the smell of thousands of pounds
of scorched livestock. This is what ancient religious procedures entailed. For people of
the past, these smells were sweeter than the finest perfume. In fact, a Jewish tradition
configured the spatial layout of the Temple as â€˜â€˜Mount Moriah,â€™â€™ from the Hebrew
â€˜â€˜morâ€™â€™ â€“ myrrh, a kind of perfume. Ancient texts tell us that the appearance of the
smoke coiling up from the altar prompted the highest joy to the populace (Sir.
50:16â€“19 [Ziegler 359â€“ 40]). After all, it meant that God had received their sacrifice.
This seemingly simple act embodied no small achievement in a world that had not yet
witnessed the modern ageâ€™s dramatic advances in the natural sciences, technologicalâ€“
industrial revolution, and its replacement of devout belief by secularism, all of which
have radically transformed the religious landscape. In the ancient Mediterranean,
gods supplied the necessary safety nets in an environment replete with agony and
insecurity. They helped people interpret, understand, and control their fate. Everyone
strived to be on their good side.
Ancient people in general and Israelites and then Jews in particular conceived a
temple as the house of a god, any god. Within this domestic conception of sacred
space, sacrifices functioned as the â€˜â€˜communication linesâ€™â€™ through which the public,
standing outside the house (a gap representing the cosmological breach between the
human and the divine), could connect with th</t>
  </si>
  <si>
    <t>b'm\xdb3\xb1\xe4bVi\xa0|s\xc2\xea\x85t\xf7\xc1}\\j{|n\xd7\xe1=:\xb5\xe6\xdd\x06\x8ak\xbf*\x13\xc1\xea[\xc7\xe6\x94\'&amp;\xefk\x90,-\xa0\xfc\xf8\x02\x8a=vBWQ\xe8\x86\x90\x8b\xeb\xdc\xd2\x96\x82\xd3! \xb5\xaa\xe4\t\x98\xd4\xfe\xac\n\xe5r1^eI\x92\xb4d\x9ez\xda\xb1\x1cg@\xde\x92V#\x009\xd7\n\xb2PJ\x05M\xf5g&lt;d~\x82\x92\x80\'\xdf1aA\x91\xc0\xce\xa5r\xaa\xbfR,6Z\x19X\xa8\xafr\xa9\xf6\x14\xfc\xf2\xfa\xe0\xdf\xcd\x03l\x07\x93\x19\x88~\xfebP\xf5\xb96\xe6\xff\xd1\x7fP!:\xd0\xc6\xd5C\xcaee"\xa6o"O\xef\xab\xe8\xbc\r\x87\xd9l\xd7\x98\x99\xe5\x97\xc6\xf3\xb6Z\xaa+T\x87H*\xbb\xbd\x08\'\x86\xf9\xd4\x03\xbc\xcby\xc1\x13n\xa7\x04\xb5\xe5x\xbd\xadt\xc0\x02\xc7-\xbd\xbe\xfd[\x18=to\xbbU\x1d\x05\xa8p\x1d\x1c\xee|\x0c\xa8\xc4~\xb0\xf7\xf9_;\x14b\xa5\\\x08\xfd8&lt;\xecT6\xa5\x87\x96\x9b\x83r}\xbc\xda\x02,\xbe\xce\x0e\xcf\x85\x1e&lt;\xca&gt;\xfc\xbc\x02\x80\x08\xa1k\xfc\xcc4\x1d\xc6\xcb\x1e\x7f\x99\xd9\x14C\t\xfbj\xf9\xef:d^\x14cBY\x81\xc6\xe5\xe1\x98\xadb\xd1\xe2\xe1\x15hX\xaf\xbf\t\x83re\x92\xfd\xf1\xb4 \x14A\xc4\xb2O\xaa\x9eY\x0f\xd6\x89A\x19 4\xdb\xf5n\x10R\xdf\x95\x8f\x01[\x82\xcb\xa3\x13%\x17z\xf0)\x9aF\xd4\xd4\xed"\x94#C|\xc4u\x1e\x1d\xcc\xb2\xb7\x1b\x96\xf8X|U\x9a\xc1\x838\x90\x1e\xa1\x86\xb1\xbc\x1dA!\xce\x98\xc0\xf7o\x15T\xb7%\xa6v\xd5\xbf\xba"\x87\xdd\xfbz\x06\xae\xe8R\xeeV\x17R\xbb\xe3\x82\xb9\x8f4\xa5f={\xe3I\x10Dw\x91\x18Ct\xd8u\xd6\x14\'Q~\xb0~\xa6h\x87\xb2\xbe\xe6\xd4g\xc0&amp;\xaf\xc92\x10\xbc\x06\x1d}\x04`\x13\xd10\xd9\xdd,\xe8\xcd\xcb\xae\xfb\x1a0\x023\x94\x8eq\xfa#\xe8\xd8kl#\xd9d\xa3R\x8e\x81\xf4\xa5Y\xaa\x0bY\xbb\xb2\xd9F\xf6\xc3s&lt;\x1a\x15\xd0P\x06\xf93q&gt;\xa44\x8f\xe3o\x06;%\xac\xcf@\xfd\xc5\xae\xd9\xbb\xa1\x8c\xf1\xc9+\xc9\xe9I\x0f\xad\xe705L&lt;\x1e\x8a\xb9\x99\x91o&lt;\xbf \xa9\xd1\xee\tV\xde\xe0\xe2\xee\xcb\x07\x03\xedG\xdf\xb6\xe2\xe5\x85E\x96\xe2&lt;\x89\x060\x8d\xa6\xda\x13\xec\xd8wG\xd6\x01\xeb}\xb7\xea\xa0\x9c\x10\xe7\x888\xc6\x06\x0b\xb1O\xcd&gt;\x0c\xed\x84/\xb1\x9f\xb9\xed\xe9q\xc1\x1e\x84\xa5R\x7f\x97i\xad\xa0^\xb5E\x1a\x19\x1b\xf6\xb4\xdfq\xb6\xd0\x04#\xe9\xcd\xd88\xb8:!\xc7Y\r\xcc\x87\x0cv\xcf=)\xd3=L\x1f\xc3\xfa\x13\x81\xbb\x05\xda=\xe5\x87\xb2_\x0cjJ\xdb0\xe5[\xf6\x11\x84\x12\xfa\x83ICZ\x12c\xf0\'}\x89\x84\t\xcdT\x8e\xd5\'\x0f?\x96\x7f\x0f\xdd\xf9\xf3hk\xe357\x91E\xe2V\xa9\x95\x87\xa4\x14t\xd0\x92o\xe6\x88\xa0c\xf9j\xfc/\xc3\xa3\x91\xf7\xd93\x81\x19n\xa8\x0b\xa0\x90\x8e\\Q\xc9\xf1\r@\xfd\xc2\x03\xbd7\xba\x0cj\x95A:\x14\x8f\x06\xd6g\xd4m\xe9\xeb\xa9!\xf21\x02\x06\xec\xef\x1c\x01\xce\xe1"\x93\xbf\'\xb2\x99\xf9\xbcZ;\xf3\xe9\xee\xb8a\x08\xb9\x19\x85$\xa2\xbfiG\x1f9\x94\x82\xd9/\xcc\xd6p\xfc\xeb\xfb#\x00h\x96\xbeL\xd5\xeb \x10\\oR\xed\xaa\x8c\xe5\xa4\xb9,\xcf\xdd\x154\xd5L\xe7Hz\xc5\x16\xc2\xfc\n\xb1lF\xac\xe8{e\xac\x16 Qu\xbb\x9b\xb1\xf2\xf0pgGG\xbaX\x06\x96\xcb\xfe\x11\x92(\x9a\xf33\x94\xdb+\xbd\xfb+\\0\xa9Z\x04\xfa\xd9z\xcd\xd1i=d\xc5\xb6k6\x08$\xa4\xe8\x1cU\xb7\xec\xb7\xa9\xd8L\x8fAK\xd8\xc9\xb7:R.\xca\xd6\x00P\x9f\x05\x11\x1c\xeb\x9dp\x97\xecI\xe1\xf4C\x14\'\xb5-\x14#\xc0\xf3dN!\x8e\xf3\x99\x03#\x9b\x84\xc8\xd6&lt;\xb0\x180\x80\x84\xe6\x93\x87\xc5*@\xf1\x80k\x05~\xde\xcfXG\xdf\xaf\xb6X\x9e*\x92\xd8\xc3*l \xa9_i\xe3(\x08=&gt;\x9f\xf9\x07\x040\x9c\xaf\xc7\xd5b\\\xde\x01\xa8\x9bS\xe4\xfd\x86\x1cOQ\xa2-\x944\x05\x1fL\xb9\xa0\xa1Ap?9\xe9\xeb\x9c\x95J\xb0\xf7\xc7\x17U\x93\x98\xd9\xb8\xf3\x85\xcbd@\x9b\xed\x0c\'Q\xac\xb8\x88\x98k\xa0\x18rCa\x92\xb8\x84\xf9\'\xc4&gt;H\xed\xfd\xcf\xbc\x9f\xa6\x9e\x1e\xc9\xe8|u\xe6\xd8&amp;s\x14/\x9e\xa7X \x04Q\xa7&gt;\xcf\xd0\x07\x02_\x0f\xcc\xf9\xd5Mc\xa7SVk\x8d\xae\ra\xc4\x96\xb4\x87\x1a\xb9\x11p\x8f\x10\x7f\x8d\x08\xcb\xc2\x08A\x80\x97\xd6x\x82*\xa8\x8b^%\x83cE\xa4\xe5ur\xa8\xa6\r\x10\xe6\xf5x\x8e(\x01M\xb1O&amp;\xd5\xc1\xe1\xec\xe0w}\x9e\x84\xb9R \x86Gk\n%\xb5\xc7\xdcr7*\xc2\xe7o`\x1e,\xb3\xe8\x82\xf4\xf8\xdc\x8f\xe5\x06\xe6\xf4\xb4M\x97\xe8\xe6h\xdc\x94\x02\xbcM\xf9\x8d\x87\x83o\x91\x1bNHv\xad\x90\xc2\xe6\xd5\x9f\xd8\x84\xf1"\xc2\x1fE\x8f\x00\xe3\xe2\xdc\'!M\x80q\x19\x92\xa3\t\xd1\xf1\x97G\xfc.\x88\x11&amp;KF\x07\\\x0b\xb1X-\xd9W5\xa6\x99R\xcew\x0f\xb5\x14\xd95\xd4\x95\x18Q\xc9\xdey7\xff_\xcd\x08B\xf5\x95o\xd0\xb6\x87\xf3\xeez\x0f\xc6^[\xc0n\xaa\x0b\x86%+\xca\xb4\xdbv\x1f+\n\x07r\xe2\xa6\xf4\x1d5\xa8\xd2\xc6*\xe4"#\xad\xf1\xe04\x9cW\xc3L\x81\xf7\x9dp\xfb\x7f"\xdc\xdc_!#K\xfc]}e\x85rgG\xc6\x83\x98\xcc\x9c]\xa5\xf5v\xe5\x7f\x12\xf6\x1f;\x94e\x14\xcd\xc5X&amp;d\xc4\xab\x12OeA|-w\xa0 O-\x0f\xbfTD\xd6\x9c\x89\xe5#\xfc\x0b%\x18r\xc3\xb3&amp;\x1a\xca\xa0\x97\x13/\x11n\x0f\xf9\x8c\xc5\xb9\x83\x18\x95\x96=\xa4N\xca\xe4w3\x90\xdc\x86;\xa8\x1f\xa8\xc9\xc1)\xe5W\xaf\x0b\xa3g\xd2\xc6\xf6\xdf\xfcW-\x05Z\xa6\x99\x1b\xd0\x89\x80I;Nz\x00R\xc3\x970\xe9\xf0\x7fn),\x9a\x88(\xf0a\xe5g\xa9\xbc\xfd\xf4\x81\x89\x8b\xf6\xdbUN\x8b\xdb\x0b5'</t>
  </si>
  <si>
    <t>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</t>
  </si>
  <si>
    <t>b'm\xdb3\xb1\xe4bVi\xa0|s\xc2\xea\x85t\xf7'</t>
  </si>
  <si>
    <t>, but the biggest marketplace in the world is Alibaba.com, where you
 can shop contract manufacturers to find the product you want to create.
 Donâ€™s lesson was top-of-mind when I started my second brand with my
 buddy Sean. Sean and I were good partners because we filled gaps in each
 otherâ€™s game. I was in charge of decisions and marketing, and Sean was in
 charge of research and operations. When we were trying to identify our target
 customer, he spent a ton of time putting together spreadsheets comparing all
 the different markets we should consider.
 When he showed them to me and asked me what I thought, I replied,
 â€œYoga.â€
 Huh? â€œWe could easily do multiple products serving people who do
 yoga,â€ I told him. â€œItâ€™s an emerging trend. And I know a ton of those people;
 I can ask them what they want. Letâ€™s start a yoga business.â€
 Seanâ€™s initial response was, â€œThatâ€™s not a quantitative analysis, Ryan!â€
 Iâ€™ve never been one to overthink thingsâ€”most people spend way too much
 time in the research period. I make decisions fast and adjust later.
 With our target customer identified, we made a list of possible products
 and chose our gateway productâ€”a yoga mat. With that, we began the process
 of product development. We looked up the top-selling yoga mats on Amazon
 and read through the reviews; we asked questions on Facebook groups,
 subreddits, and Instagram influencer accounts. It didnâ€™t take long before we
 had an idea of the main pain points we needed to address with our first
 product.
 I remembered Donâ€™s advice and began looking for people to make the
 product.
 With a quick scroll and a click, we could choose between a wholesaler in
 China, a private label supplier out of India, or a contract manufacturer in
 Vietnam. For about fifty bucks, we were able to order a set of yoga mat
 samples that had the exact features we were looking for. It was that easy.
 Samples in hand, we needed to refine our product idea to make sure we
 were really hitting the pain points weâ€™d identified. At that time, Iâ€™d done yoga
 maybe two or three times in my life, and I wasnâ€™t nearly the right
 demographic for our mats anyway. That forced me to ask questions.
 We were targeting yoga-loving millennials, so I went where they often
 congregate: Starbucks. There, I did the kind of tough field work that really
 makes an entrepreneur sweat: asking young women questions over coffee.
 â€œWhich yoga mat do you prefer? Why?â€
 â€œWhat makes the difference between a bad yoga mat and a good one?â€
 â€œWhatâ€™s wrong with your current yoga mat?â€
 â€œWhat do you think of this one? And what about this one?â€
 Next, I headed over to local yoga studios to see how our samples stacked
 up against the strenuous demands of a yoga class. A</t>
  </si>
  <si>
    <t>b'\x92\xf7\x08h\xec\xa2\x08\x92d\x8b\xd4et\n\x99\xea1\x91C\xfdEc\xcb|\t\x1bm\x89\x1b\x9dU\xb4\x91}]\xac\xbb\x14J\x9d/\x0e\xfc\npkj\x8b\xf4\x08\x94q\xe5\xf5+EX\x04\x99T~\xa3\x16zl\x81#\nf\x8e\x0f\xc6\xb5*!\xe1w8\x08\xa8\x06\xf7c\xaad\x97`E;\x83x\xf6\'\xeb\xd3o\xe4C\xb8\xd1/c\x8e\xf1{\x89\x91\x80\xc5\x87\xf5RA\xf0\xf25\xa9\x82\xaf\x1c\xd6\xc0\x98r\x84\xbf\x10\x8fB\xbe/i\x1eN\xc9\xe6\xb8\x87\x08\x15\x88C#\xda\'\xeb&amp;\xde\xbblc\x97\xbcj\xcf^\xec\xa3\xa5T\xba \x1f\x06\xa1\xa2\xc2\x8a3\xf0v\n\x9d\xbaaR\xc5\xdb\xbc5\x88A\x85\xa3x3\xe59A\xe7YJ\x82\xaa\xc1\x1c\\\xf1f\x12\xa8\x14\x0e\xa9F\x15\x99\xc7R\x0e#NGP\x88\\\xef\x93\x8b\xca:\x07F\xa0\x19\xa1\x1b\x85\xa9@\xd1\x9eIU\x91`\x9c\x94\xaa\x83\x12H,\x0f\xcb$\x92\x15&gt;3SE\x82\xb6\xc8"y\xe3J\x9e\xe2\xabm,\xea\xc0@\xa6(\xb5\xeb\x0e\x8c\x8de;\xd2W\x86\xaa\xd1\xbd\x08XH\x89*\xc6\x01\x9a\x00\xd4\x8a\xa2!\\\xc4\xd2B\xe9zj\x07\xf70eQ\x00,\xf7Y\xfa\' o1Gb\xc6-\xff\x00y\xb6\xc4|\xa1\xce\x17$\xa6\xbb\xa6\xcd\xe0IA\xe4\xf3\xcb\xf8\xa0\x9e\xf2\x86\xd0\xd2,\x1a\x1e\x91\xd8`\x14"}8\x9b5\x85\xb0X\x96\x90a\xe1\x91\xe7\rT\xacy\xec\xfe&amp;\x17\xf6\xc9B}\xd5~\xe4\xc3\xba\xdcjx\x90\xc2=\x98\xc6\x14\xfblD\x0f\xc21\xda\xf22\x1f\x8e\xddd\xb7cTr\x18\x92\x81\xe7Y\xaf\xbc\xb9j0r\x9f\xd0\xaf\xb5\x93\r9Bx\x17[a_\xad\xe0 \x18\xc4]A^\xbe\xc3\xbePAU\x84\xa9\x15\xa6\xf4\x88\xc5\xa1\n#.\x91Q\xf90\xd7\xc8\x07\xf5\x17\xc0M\xc9\xc5~\xa8x!\x98\xc6\xec\xf0`\xcc\xc5\xb6\xff\xd0\x1a\x99\x19\xc16\x17/:ro\x8c\xca\x1d\x9a\x876-\ti\xf1\x96%j"\x8e\x98\xd20\xc8\x86W\xdbn\xf7}\xdb{Q\xa9VS\xd9o\xa2I\xa2x\x070eM\xce amo\x1a`O-\xc2\xd8\xf5\xa8\xd9V\xab\xf3#\xa9\x0b\xc2ES\xb1#f]jW\xdcD{\xad\xf4\x1e\x1b\xb3Q=\x88\x0c\xb3\xf7\xff\x9d\xf1\x14\xec7\xdebkG\x82T\xb8\xacu\xa85R\xa1\x9baG{\x1b\xfb\xcb\xaa\x87\xc9\xee\xab\t.!F;e\xd4\x15j\x1b&amp;\x96\xe2\xde\x1c\xa1\x19\xc2r\xa7?3\xffA\xe0u\x11| \xcen\xa4\xd6os\x8f._"\xaf\xd0\x11HRx1\xd0\xcaBI\x8ar"\x01023\x89bWF\xad\xfd\x8a\x1a\x9d\xee\x19\x84"\xe1\x03\xad\x94-7\xc9\x07\x96\xcdnr\x9b\x14\xe8\x0c}\xbe\xe3\xc1|\xd8Fb\xa7H\xd8P\xe8T\xedV\x7f\x01\xd0\x05\xcb\x08\xa6\xac:\xa3\x8d\xf3i\x08\x8e\xad@b\xfb\x9d\xb6\xbfPG\xa9=\x07\xf0~jc\xc7\x02o\xb9\xc7\xa1\xb2`\x0b\xca\x00_y\xad\xb9\xb7\x9f\xb6\xaa)js\\l\x1e\x7fz9!J\xe7\x8dwuA\xc5\xdcM\xb2E\xa9J\xc2\x83\x0e\x02\xf01E\xf6D\xe4\xb9/u\x93^_\xd6/\xac\x83\xa1l\x7f\x94\xdf\xb5\x88&amp;)\x03\x82\x1d\xa0\x8bl\x96%\x08\xf1,g\xb2\xab\x17&amp;=i\xc3pZp\xfc\x9b\x98\xa6\x9e\xdc\x9d:\x04\x84\xfc\xa8\x14g\xe9\x95\xf4&amp;\xbe\xb8\xd4\x7f\xf9\xc6\xa1\xf2\xab\xa7ck\xbf\x0e\x1b\x03\x0cR\xee\x08\xafv\xea\xbbN\xe0\xa8yaW\xf5J\xdb\xb4\xf4\xb6\xb88\x8f\xb3\x1a\xcf3\x01[\xa3HF\x19c\x9e\xc1\x06\xda0\x93\xf68\x8b\xbf$\x8c\xb9\xe0j\xf5Q\x99\x12\xc4\x01\xa9\x04F\xf5\x113_\x1fQw\xe0O\xf4r\xb6\xcfSw,\xa8E\xb0i#\x1f\x8eg\x93z\xf0\xb4\xf3\x0c\x96*&lt;A\xf0\xbf\x1d\xd0\xd2\xa0\x8b/I\x13\x8b\xd0\xfe\x07\xd7\xe1o\xc8\xe6\xb3a\x07\xe2\x1e\x8d\xed\xe7\xf6-1\x7f]9\x0c\x9b7\xca\xf3\xea\x86\xb77\x99`\xf5E\xdf)O)\xf0kk`\xbc\xdeK%z\x0frv!\xc9\x12\xcb@\x14\xb0\xf6\xcf\xf7\x99&gt;F\x92\xd6\x15t7\n\x8d\xf2}\n\x8c.\xbf\xc8H\x7f\x8c\xfe\xd6\x05g\x10d=5\x00\x88\xe6R-G#\xda\xa0\xb3%\xb2\xb6\x8a\xf4\xe8\xaa\xa5\xadW\x84\x15\x8e\xbd2\x87fW\xbf\x89\x07&lt;\x11b\x96\x10\xf21P\x89ca\xfedz\xbc\r\xc9\x19k\xaa\x03\xefC4\xc8I\xce\x8d\xb52\xd4\x1a\xcd\x90\xdeu\x1eM3\x89,\xa7CU\xd1u\xa5M\xf9\xbd\xbe\xd1\xce"\n\xe5\x9e\xf8F^\xb9\xad8I|~\'v\xf4(\xeen%\xe2{W\x97\xbeU\xe0{\xceV\x06\xb6\xfc\x94U\x07Z\xcc\x99\xb4\xa0\x8cLc\x97\x8e\x81\x0c\xc5D\xd8X\x9e{\x9b\x7f\x9bq\xd1\xa5\x0f\xf8\x88\x9d\x0b9u\xf8\xcb\xa6\xe8\x9e\xf2\xe1I\xb9.\xf0Qh\x83\xd3\x82\xd8{)Q\xab1\x06\xe2w\x16\xb5=\xe1Vs;A\xf1\x18\xf3\x0e\xaf\xd9\xa8uF\x8b\xf7b\x0f\xb9\xb9\xfc\xd19L\xeeW\x0cc\xf3\xd1?\xaa\x04\x95\xa1TH\xc8_\xec\x83\xbb2E\xfeb\x1dG\xa3\xa9L\xec@OVY?\x95T&gt;\xb5\xdf\xc6h\xf46\x1c@C&gt;\xf2\x12X\x1b&gt;6\xab\xa7\xdc\x14\xe9gJ~(\x1an\xe9rs\x17\xa2]z\xba\xcf\xc6\xa8g\x9cC\r\xd2\x08c/\xf8f\xeb\xc3\xe0\x8a\xaem\x8a\xe3\xdc]6\xe3\x7f\xfee\x80o\xe7&gt;O\xbc\x8d E\xe5#\xd3\xe1\x88\x9f\xc7\xb9\x1f\xd4\xb1\xb2pH\xc0\xb5w\xd1\xe3F\x91\xe4\xb3!\xa2(\x8fP\x82\r\xf6\xb0=\x94H\xba\xeek\xe9\xff7\xe31!d{Di\xa1rC\xf0An\x0b7\xb5XK\xday\x858M\xbe\x96\r\xe1\xc0\x1c\xf4\xa8/o\xa4DG\xf4k\xc1\xdb\xe4\xc0a\xa9M\xfcC\xe1\x87\x0e\xd5fn6\xd8\x97V\xe4v\xe0\xa19\xd4\xf0TD\xc5\x8a\xf2\xa9\xd7\xec{\xcd\'\x07\x1d\x03\x8ao9\x10{\x85\xdf[\xb1_F\xec\xba\xd4\x19\x17\x19\xdd\xb8\xb9gD\x19\xbf\xc3\x1f/\xe90\t\x01\x0c\x84Z\x00^C%\x15\xb38\xf3\xe3x~&gt;\x8b\xec\xc2\x05=5\x80\xcc\xa6\xfa\xc0\xd0\x88\xed\x95\xd4/\xb6\x19\xb9g\x9f\x1f\xbcP\xc5n\x95&amp;\x9bX\xa9\xe8\xed\xd0\xcaz\x94\xbc\xde\x9c\xa8*\xca\xc0j\x1d\xd2\x9e\xdb\xa1\xf7\x00\x96\x05k\x920f&amp;\xe8\xfc\xb2\xa33\xe7MRW\x85q\xce\x03\xb0\xc8*Sa\x19\x92oN\xa9^\x17\x07\xb2]x%{$\xcc\x8b\xb7\x8b\xb0\xb1\xe7\xff\xdf\\\xc3\x93\xa0\r\x96\x80\x9c)\x87\xea\x03L+V\xf2f\xe2\xd5\xacB\xe5F\xabO"\x86\xbd\xe9\xf6/.$\x83~\xc0O\x91\xe0\x99\xca\xdd\xc7\xf3\xf7\xb6o&lt;\xbc\x86\xf4\xd2\xfa\xf9\x02\xf9\xdb\xaa\xe60\x80m\x1d\xfb\x07\x0e\xd6.G\xdc\x9e\xbc\xbd2\xce\xa9tHm\xb3\x84x\xfa\xdfv{t:A,I\xb3\xa9\xd2\xc1\xd3\xd0A\xc3MY\xc9\x9a\xb7\xa7[\xc7Po\xd6[h\x16\xab\xf5\x009\xb0B\xf00Y\xf7!\xe4r\xc9B\xb5\xf2\x05@RN}$0@\x82\xad\xde\x0b\xca3{y\x9f@\xf7S\xdb&gt;-\x99\xcd\xa1\x9f\xe3\xf4O\xabC]\x19t\xe5\x8a\x12\x8bY\xca\x1c\xaf\xf0\xe2j\x92\xdd {\x8b\x06\x8c\x88\xc8\xc3\xd0\xca\xc8\xc4I\xa4\xc0\x8d1\xd98\x82\x98\xd8%d\x87DbN\xc0\xe5\xb6\x88\xa1\xdel8\x88i\xbfj\xaa\x85\xbc\x812\x14^\x93\xeaNq\xd8Y\x0f\xe5{\x06\xfe(\xd9\x0c\\\x89\xf9Z\x9f\xcd\xbb\xc9\x9e\x89\xbcR\xac\x18\x95\xb4:\xe9\xea\xbc7X\xd0A`\xd4d\xae\xad\x95\x92\xb1\xda F\x0b\x0e\xca~\x85c\xad8m`\xcaSO\xe5U\xdf\xbc\xce`\xc5\xb7\x04\x14\xaa\xf9\xb2k4\xcb\xfb\x97\x84m\xce\xd4\x90\x8c\xeb\xe4\xc1\xfa\x92\x90\xf9\x8f\x18S\xa6p+\x90x\xd1\xd4\x11c\xf0#=\xc4\xa4\x12\x88O~\x9b\x9ba(P=\xea\x010\xaca\xf4\x91\xea\xd1_\xf0#\\\xeepi}\x9aI\x12\x8a\x83s\r?9\xae\xc4\x1e!\x8f\xa5\x02\xb1;\x87sHC\xfc\xd2\xc4j\xf8\n_A$\xc1\xf20\x83\x17\xcb\xa62\xdf\x1e\x07Y\r\x80\xad\\\xe1\xa2\xc7\x9cN\x10\xd9a\xe7\xc4\xc5\x04\t\xee\x00\xbc$\xca\xbc\xb9\xd6_\xf2=@\xa0Q]\x8d\xe7v\xfe\x12\xceTJ\xc0\xb0\xc9\xd5\x1c\xb3\x9e\xce\xf7\xe6A\xdbU\xb3\xbf\xb7\x8d\x83\x84\xbe\x96\xbe\xfb(\xaa\xf7H\xca\x15S]Zj\x12\x99\xd73\xbb\xd1:\xf1\xd7\xc2\xa9\x18\xb0\xea\x05w$Hc\x01\xc0v\x1ay\x0b\x93"uc\xe8s\xe4\xdb9\x80\xc3\x9e\x90\xad\x94\xf2j\x8d$\x96\xdb\xb7 }\xdd\xd1\x1c;j\xd5\xdc\xd0\xdd\x17\x83z\xdbA\xd0\xa3\xe2N\xec\x04\x9a,\x02\x02/m\x12\xaa3\xfc\xbdk\x89\x03\xbe\x1b\x99!h\xaf\x11\x01\xc5\xf5=\x8c\xe3$\xab\xbca.c\xf9\xf0\x14\xd5q\xb2k\x8a\xbb\xf2\xd8\'|\xeb\xee\x9c\xb1\xa4\x0c\x01\x1d\xfc*\x19\xd8\xd37\xd3\x9b\xd3C\xcf\xc1v\x83\xc6[\xd0\xce\xdeI\x02j\xddS\x8erO\xaf6\xb5\xd8s\n\xf6\xe2\xd7&amp;\x8f\x857\x19\r\x91\xc8=b\xbb\x8d\xab\xba\x1b\xdb\xc2P\xb9%?\x07\xeb\xc1`\xab\xe8\xbf\x10\xe9\xa8\xa5\xe0j\x94`\x8d\xfe\x0e\xbef(\xcf\x0f\xfe\xd4\xa1\xed\xd2\x16\xb9h\x91T\xec[\x97U\xe1bDr\xf9\\\x90)9\xd4\xdd\x866V\xebI*\xb44\x0e\xdf2t\x16\x1e\xce}\xc9\x87\x9djj\xb4J\xaa\xf3\xceE\x9c8\x06\n\x12\xed\xf3a\x99G8\xbf\xec+\x9c\x93\x85.\xfc\x98\'c\x11\xd1\x0f\xcb\xb6\x80\xbe\x17\xc6\x9e\x9eC,\x96\xe4\xbdna\xdbdxT\xa9m\x0f$5\xed_\xa3Di\'\xab\xf1|\x8a\xf2N\xe8\xce\xf6M\xd2\x07m\x0c\xd6\xd2\xe8B\xd9\x95 \x87,\xd69mN\xc9(\xf2\x8bIdN\x13Yg\x17)\xef\xd2\xc0\x9fvj\xd9.\x85\x03Y\xef\xe7rD\xa0s\xdeN\x02\xb08\xd7\xe3\x9d\xcc\xac)\xfcO2\xab\x1c\xdc\xc4\xbda4b\x94U\xb7j\x85D\xbd^J\x08\xe0t\x08\xd1\xeb\xc9\xd3\xdeT\xf1\xd3!\xf9\xbc\xd6n)\xab\xf0\xb9\xcd\xd5\xecjkd\xdcw=\xd5\n\xbb\xcb\x06m\xc6\xc4d\xa1mq.^/\xc4B\x95\x15\xbbR\xf1\xe8\xcb\xb0b\xb7\x87)\xf1\x15\xa0\xa9\xae\x19\x1f\x92\x1b\x90\xb7\xa7\xccC\x07\x9dL\xc3|\xaf&lt;}\xe53\x84\x90\xbf\xa3_;\x01\x06\xb0\xbd\xd1b\x94X\x8fjX^F\xc7\x0b\xda\xeby\xa8\xab\xf2\xdf\xe8oj\xfbp\x81\t\xcd\x9dI\x9e\xb6-hG\x86x\x80c\x0b\xf8\xcfH\xed\xe4_n\x08\xa2B\x829\x00\x8f\x9e\xbd\xe4\xa0\xe0\x03\xf0t|\x07)\xa3\x80s\xedPf\n\x07\x9d\xe2~\xa1\xbb\xdbo \\j\xe55\xac\x04\x98\xf1\xd3\xf5\xf6\xdcr\xd9\x0e\x01\x88C\x8e\x11te\xf54\x89\x05\xaf\xcb\xf4B$\xd5\xd3\xcc\xda\xa3\xc2\xf1a\x1a\x15\xcd\x8a\xa7\x0bo\x0e7\xa5 )\x1fU\x95\xc9G\x85\xaa\xc3z\xc0\xc2\x16\xf5\xe57A\x8b'</t>
  </si>
  <si>
    <t>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</t>
  </si>
  <si>
    <t>b'\x92\xf7\x08h\xec\xa2\x08\x92d\x8b\xd4et\n\x99\xea'</t>
  </si>
  <si>
    <t>id the Head; "but that is my answer, and until the
Wicked Witch dies you will not see your Uncle and Aunt again.
Remember that the Witch is Wickedâ€”tremendously Wickedâ€”and ought
to be killed. Now go, and do not ask to see me again until you have done
your task."
Sorrowfully Dorothy left the Throne Room and went back where the Lion
and the Scarecrow and the Tin Woodman were waiting to hear what Oz
had said to her.
"There is no hope for me," she said, sadly, "for Oz will not send me home
until I have killed the Wicked Witch of the West; and that I can never
do."
Her friends were sorry, but could do nothing to help her; so she went to
her own room and lay down on the bed and cried herself to sleep.
The next morning the soldier with the green whiskers came to the
Scarecrow and said,
"Come with me, for Oz has sent for you."
So the Scarecrow followed him and was admitted into the great Throne
Room, where he saw, sitting in the emerald throne, a most lovely lady.
She was dressed in green silk gauze and wore upon her flowing green
locks a crown of jewels. Growing from her shoulders were wings,
gorgeous in color and so light that they fluttered if the slightest breath of
air reached them.
58
When the Scarecrow had bowed, as prettily as his straw stuffing would
let him, before this beautiful creature, she looked upon him sweetly, and
said,
"I am Oz, the Great and Terrible. Who are you, and why do you seek
me?"
Now the Scarecrow, who had expected to see the great Head Dorothy had
told him of, was much astonished; but he answered her bravely.
"I am only a Scarecrow, stuffed with straw. Therefore I have no brains,
and I come to you praying that you will put brains in my head instead of
straw, so that I may become as much a man as any other in your
dominions."
"Why should I do this for you?" asked the lady.
"Because you are wise and powerful, and no one else can help me,"
answered the Scarecrow.
"I never grant favors without some return," said Oz; "but this much I will
promise. If you will kill for me the Wicked Witch of the West I will
bestow upon you a great many brains, and such good brains that you will
be the wisest man in all the Land of Oz."
"I thought you asked Dorothy to kill the Witch," said, the Scarecrow, in
surprise.
"So I did. I don't care who kills her. But until she is dead I will not grant
your wish. Now go, and do not seek me again until you have earned the
brains you so greatly desire."
The Sca</t>
  </si>
  <si>
    <t>b'"\x06\xd3X\xe4C?\xce"\xd4\xe1\xf3o\xc4c\x03\xb6\x82\xcd\xbd\xff\x95\x91\xfa\xc7\xcb\x1c\x88\x80q\xeeT\xe1G\xf0\x0b\x15\xb4\x84J\x91\x0c$\xbf\xdc&amp;\x15\xc4\x9a\xcav3\x84\x94\x16rhx\xe8\x03\xe6\xba\x7f\x16\xcc\xd7\xe5\x02\x99\xa3\xb7\x89B-\xfc\xf6i_\xbbn\xd9Yg\xe9\x00\\N8\x1c\xbb5v"I.\xef\x140\xce@0\x84\x8c\x04\x04NO\x13\xb6,\xe8\xa9e\xaf\x8d\xae\x92vM\xb3\x12\x17\xf2\xe9\xa0\xea\x9f\x9e\xb9\xad\xaf\x80\x05\x1d\xbf!J%\x98\xe1\xfdV\x04\n\xee%\xb3jg\x98m\x8b\x89\x1e\x8c\x90\x17\xc5s\\\xd9\x83\x1f\x80\x1b\xd8\xffr\x1b_vV\xc1=-O\xe9p\xf3\x8c:g\xb4\xb8\xa8\xee\xf1\xea\xa2\xb8\xe7\x85o\x0c\xb1\xdd\xe9%\x91\xa8\x87{\x03\x19$=\x89\x85\x82\x92\r\x05\x051\xe8\x1b\xd8I\x190\x85\xb4\x8e`G\x980xy/\x08\x13\xdbb\x80r\xa8\xcd\xdd\xe1\xee\xfa\xd4zT\x8c\xe5\x8a\xd4J\x0f\x9b_u\\Y\xa6\x1e\xf7\x08\x9b\xf3\xe9\x9b\x80\xce\xa03\x08\xff\x10\x8d8U\x0b\xa5\x94\xbbjX2J\xd8\x89V\xcbX\xf9@s0\x00\xdd\x0e\xac\xabJ\xa6h)\xd3\xc1\xfe\xd6\xaa\xb0\xc2\x92&gt;\xfa\x12\xfc\xbe~\x93\xfa\t\xcc\xa4\xb1\xda\x1f\x0e\xb1\xd8\xa2\x13\xb8D;\x08\x93\x1d\xc0&amp;\x14\\[\x8e\xc7\xc27|$\x1e\xa9\x9f1S\xdf^\xd8\x07Y\xbd/\x14\xef\xcc\xac\xd3h@\xc9o\xc1\x99\x95\xa7l\x15;\xb9\x16\xbf\xb5.\xe0\x1dN\x17v\x9d\xfc\xb0\x1a\x01\x08\xd9\xbd\xc9\x89\x19A\xfb\xb4\xa3&gt;\xc2[\x05_\xa9\xfe6\x0b\xdb\xd8p\\\xf4\xe2\x82\xa79k\xac6\\\xe3\\\x8a\xf7l\x99T\xaeWq\xc2\x1f\'\xa0\xb9,\xcf=\x12H#\xbf\x87\xca\xbb\xb6\x9b\xe6\xe8\xa4H\x95P\xad\x8f\x948\x89\xefNM\xfax\'\xe1\x7fd\xfb!\x0fF~V\x8f$\x18\xb2\xfb\xfc\x9b\xd7.\xf1\xe2\xa4\x00/%j\x985O@Yl\xaf\xef\xdc\x0ft\x90\t\xfe)\xfa\xbeE\xf4#\xb9\x85wa*\xd7|\x86\x0f\xaca\x01X\x80\xca\xd5+\xf9\xc2#\x89\x81\x82\xe5\xe9\xc3\xe5q7\xa2\xb5\xc6\x03\x89\xa1\x9c\x05\x1d\xafm\xf5\xf7`&lt;\xee\xe9n\xd0?Z\x06\xa1\x80m`o\x0b-\xf4\t\xd0\xbd\xac\xa6[ \x97\xdc\xfa\xd9\xcc\xb3U\xdb\x81\xd0\xbe\x95L&lt;\x04/bU\xa1\x00\xff\xdbn\x8e$}12^\r\xf5\x7f\xb71\x96\xb6*\x1c\xec\xbf\xe8\xb5\x8d\xad\xb0\x7f\xb1g\x90\xfdO\xf6\\\xda\x8d\xbbv\x1d\xe0\x12\xd4\xfb\x1b(w\x80\x88\xf7\x02\x13X\xb2Y~\t%\x84Y\xc0D\x1co\x810g\x84\xff\x96\xf8\x8c\x83v;\x12\xa4\xe2\xdd_\x12\t[?&amp;\x7f\xd6u\xd5\xbcJ;\xd5\xf6*\xbc\xb2\xa51\x10\x9c\xb2\x8e&lt;.9\x06\xdf%\x1f\xa6\xdf\xc1\xf7D\xd4\xb3\xba\x16m\xe9\xf5\n\xf2\x13^\xc7\xcak\xaa\xd7\x80\x7f*XdMK\xdc\x0c\xdf\x10g\xf6u\x92\xa1t\xfb\x8b\xd8\xec\x81\xb4+\xe7A\x05J\x85x\xa1\xb9\xa1\xe1\xc4i\x01\x10\xf6\r\x99\xd5\xbf\xe1B|\xab \xf1\xd0`\x8d\x87@\x05e\xcf5\xaf\xa8\x0c\xaa\xcb\xa12\xe2\x08\xad1\xa1\xb1:\xfc\xe0\xe5\xb6^~1|\xe7^\xf0\xe7\xfb.\xde\x04?l\xfe\xff\xd4\xa3\xd9\xfe)++S\x11$\xcdj]\xcaXZ\xe6h\xc1\xd1\x06\x8d\xa1\x1b\xa4\xa85\xb8\xe7\xf0\x13\x9a\xb1\x1a\xb7\xd4\xa7!\x0b\xc4\xf37\x84\x17\x0c\x10B\n{\x1c\xc1]\xdd\'\xdaD\r\xef,k(\xf9\xf6K\xb1\x98J\xdc\x91{\xd4\xff_\xfb]\xc2\x90\xe5\xf7\x15\xb1\x0fj\xb3\\\xb0\xd7&lt;3\t%\xd4A\x16U\xe6\x9b\xf8//\x0f8%d~~\x8e\xe0\x07x).\xde\xdeD\x04\xc9&gt;\xf3\xc90\xcf\x92\x89\xb0I{\xc7\xea^\x80\xf6\x1ec\xd0\x9e7\xef_\xfeA\xa7\x13\'\xde\x8d(\x02\xe2\xba\xc7c\xc2H\x9fh\xbd\xff\xec\xb2B_\x04\xba\xc6F\x82x7\xd2~\xc4\x8f]\xbb\xd0\x08\x0f\xdcv\x1b\x1e\xff\xd0\x08\xb8\xe6oFfD9K\xd8\xd6\xb6\x1e\xf6\xba\xb9\x81\xd6.*\xbc/\x14X\x12\xd6\xd2\xed\xe5\x8f1j\xc0\xab\xc5\xb5\xb8\xbd\x0c\x9db\x03\xce\xd9\x89\x83\xb4\xe7\xa7\xcd\xf4A\x93\xf0\'7\x8aq\xa8G\x8e-\x15R\xd9\xae\xdbA\xd1\xa5b\xe6\xb1n\x9b]x\x1b\xcb\x95\x83\r\t\xa1\xab\xa5 X\rh\xa9\xb2\xdfP\x82\xc4Pc\x08\xa9e\xcc\x81\xc1\xf2\xffX\x9e\xf6?\x19L\x86\xe9\xf9\x8a\xebL3\xccqy\xc0\xc0r{\x07\xbat\xe5\xdfT\x8f\xc0\xdc\xeb"\xb5T\xb6\xfe\xe3\xf5`v|\xf8\x08K\xf4#\xd1\x92\xda@\xf7_\xfb\x96;\x95n\x93E\xdb\xf2z\nS\x1e5\xde\xd3\x07[\xff\\\x82\x89m\x03\x12\xe8\xa7\thg\xb2;\xef\x80\xa9&lt;\xaa\xaa\xa4P\x83\xc6\xff[h!~\xe1\xe8s\xb0\x10\xd4UH\xb9\xf4\x02\xba\xff\xd4\x17\x9b\xd9\xe5\x00\xf6\xd4$\xd1\x14]\\Yo5\x86\xbd+x\x85\xc2R\xff\xae\xe7`\xd7\xe3\xd2\x88\xd1\x8b\xc6/2\x84P\xa2\xc9}\xf2d.\xc1:\x12\xd5Qc\xa8\xf1%\xc0\x08\xd3\xe8\x88\xf8;\xf4\xed\xe8\xdb\xedq\xe7\xaf&lt;\x8bVG\x06%\xe2\xe0\x84veA\x99\x80.\x052\xe5\xfbb4n\x1c^P\x9e\x1f\xbb\xe5%O\x89\xa8\xb8z\x05O\xcb\x8f8\xc5\xd5\x01\xe5\xe0(\xcb\x83\xb4a\xf2B\xc2\x02_\xabc)]IfF\xc7\xa9\xe4[\xe4{\x1b\xb0\xe6p"T\x91\x9bv\xae\x8f![y\xaa\x87\x0e6\xceD\x10\x9bY\x1c\xacB\x84|B\x91\xda\x8a\xe6\xc4\xa5o\x82\x01f\x8b\xcc\xde\xe1[\x08/\xd3\x80\xecn\xe4{\x90\\\xb3\xfc\x9dz\x03\x02\xc2\xf23\xed\xf1\xc8!s\x88\xf1\xff\x14\xe2W(\xae|\x13t\xf1\x9a\x1e\xdcsc\xb7nD[\x91\xa4\x14\xec\xcd\xd7\xb2:\xda\xcc\x9fw\xab;\xea\xd9w\\\x82pm\x0f\x8d~\xd2\xadpd\xfa\x9f\xcb\xe6\xf5\x86|qS\x9d[\xcf\xa8.\x7f#8\xff\x1d%\x84\x83\x1c\xbe\x1bb\xee\x08\'r\x15l\xcb\x9e?\x8d2\xb4\x91\x8b\xff\xab,\x92{\x17\x0c\x16O\x82\x92\x89\x91\xf2\xf6,+\xd1\x81T\x9ch\xa8\xe7P\xc4Ulh\xa6\x02f\'\xad\x8e\x1b\xcc\x11\xd7\xb9\t\xec\xf4O\x02\xdf\x88v,\xdbF\xb7_\xec&amp;\x8f\x14\xbb\x8d\x95\x13\x03\xcd{\xdd\x00\xc4\x1b\xc5\x8at\xc2~\xe6\xd7\x18\xbe/\xc1\xc0\xf2\xb5S\x1a\r\xfa\xce\x9d\x91_A\x85\x1d`g\xaf\x96x\xf7\x17pm&lt;I\xe0\x9c8\xea\xcbK\x82\xb8\xb8OU\xfb\xe5\x1a\xf2&amp;`\x18\x96\xe5\xd4Z\xb8\xfdfA/)\x08Y\'\xe8#s\xa6 \xe6\xcb\x9f\xea@\xdb;0\x853\xa4\xef`\xf4\xb1\xe0\xdb\x86\xe1\x9d\xdc\x07\xd7c\xe8\x0f6\xbb\xfdhu-\xc9\xc3gi\x97\xe5\xc1\xe1g\x11\xef\x8aQ\xd4=\xc5\xfeF\xec\xb9`\x1a1eS\xfa\xeb\xecD\x8d\x06\xa0\xe9\x80\x94\x1a\xde\x8c\xad\x0b\x9b\xcd\xad\xdb\xa6\'E\xb4\xd3Q\x9e5\x84\x86\x8aG\x8aws\x1fk\xbb\r=\xca\xb7)\x99+alx\xd4\x95\x85w\x9c\xb0F\xec\xbe\xd1\x97\xd6`y\xda\x0f\xe2x+jS\x1f?oK&gt;|\xe03\xef\xd3Zb\xd0X7\x1ab\x9b\x87\x10\xdc\xa4"\x87\x96\x11\x1d\xd5C\x9d-\xbd]\x858\xe6\xc1\xa7#\x8e\xc2\xfc\xf4@\xc8Q`\x1dP\xbd8\x93p\x1e3\x82g\xbf/\x05\x16}\xaa\x1f\x1b\xebcdU\x897O\xa6\xc5Z\x1ez:\x8b\x18\x99_\xb0\xcf\x96`\xb5\xd6\xef\xf8\x1b\x02 \xae\xb1\x0f\xddN\x08\xa1\x05V\x82\xdeG\x03\xf3\x02\xc2J\xb7\xac\xb7\xd7\xe5Ei\x06~\x185\x903+\xa9\x8a\xe2\xfe\xc7\xad\xe4\xd0\xc1\xfb\xf3\r\x1aSY\x0609\x12\xd7\xf9\xcf\xa8("\xe8\xf2D\xa5\xcaB[0"\xed\xfd\xbe\xee\xd3\x95]\xd2}\x15\xb3\x82\xe4X\xb4,W\x0e\xd6\xed\x81\xd5\xfcm\x8c\xb2O\xea\xe5\x18\xcf5\xf4\xf4\x89\x1f\xec\x8dmi&amp;UI\xfd\x93\x8c\xde\x92\n1\xda\xb8l.\x13\xa7g\r\xa5\xddvj\xf4\xc2Z\xcao\xa0\xf1\x03C\xc6A\xab\r\xd7\xd7\x18&lt;\xab\x03\xe5\xebxE\xca\x92\xd02\xdbB\xc7F\x9fp\xd7H.\xb1&gt;.\xec\xe4\x14\xd4\xa6\x8c=\xcb\t\x05\x93X\xb7h\xe9\x05\x05\x8b\x98\x9e\x96B[&lt;\x99\xfbQ\xff\xf3-\x86\x85\xe5\xe9\xe1v\xb60++\xfeo\x9eo"\x0c\xdb\xad=F\xe1K4\xbc\x8d\xc2\x19\xcd\x9c\xcf\xf9\x1d~\x8cE\xf3)\xab\xef\rM\xe9\x13`\xde8\x00\xf4\xaf\xa7\x8e\\vs\xfe\x03\x92\xda4\t{\xd5 \x97t\xce\x85\xc6\xe0\x97,\x9a\xf4\x85\\\x05\xca\xff~i\x1f\xe8\xf0v\x86=\x8bt\x93\xd1\x81\xe2\xa33\x0b\x90\xde\x90O\x15%\xce\x8c\x8f\x0c\x17\x1fw\xf8u\xec \xa9g\xa9\x7f\xeb\x16\x04\xdf\xad[\xf2I\xfe\x03ddi\xd9l\xf82\x9db]\xa6\x9e\x9c\x97P/\xfa\x12\x9e\x7f\xd9O\xbd\x96M\'\xf6\xe3\x82_U\x1c\xe9\xe3&gt;\xd3xpi\x93\x89\x1aj\xa8\xb2\xae\xf8\x0ej]\tV{\x82\xff\xef\xa7\xe4c\xb7\xc0nK\x81\xd7\x10y\xc3\xca)v\x15O\xbb\xdd{\xda\xb0\xa2|\xe3\xf3\xb9\x8d\x0bz\xce\xda\x00\x97\x8a~g\'c\x14\x99\xb4\xc5\x1b\'\\\xf0\xf8Z\xaa-\x87\xc9\x912\'\xb8\x01u|\xfd\'\xc7x&gt;P\xa8r\xd3\nF\xc8uNTI\x8fl\x0f^HGuNV\xbc\x9d\x894_\xe2\xbb\xb0\x9f.\x8dkq\xee\x19\xf4r\x8f\xf9\xb2T\x1f\x9d\x8f\xfd\xbc\xad\x81Y\xb8\xc6Q\x19dN\xb9\x8cn3\x02w\x8b\x1cz\x9e\xc3\xb3\xe1\xa9\xec7\x1c\n\x0b&gt;\x88\xdd\xc0\xfb\xf0\\\xb1\xd7\x01[\x92\xd0\xdc\xf1\x85\xf6?o6\x1d\xa9\x0ej:\x0c\xc2rP\xc3Zv\x83\x11km-F5V\xee\xbaJgj\xb7\xfb\x14\xdc\x17\xd6J\xea\t\x01\x0f\x17$\x88\xb9\xc7I7\xa3'</t>
  </si>
  <si>
    <t>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</t>
  </si>
  <si>
    <t>b'"\x06\xd3X\xe4C?\xce"\xd4\xe1\xf3o\xc4c\x03'</t>
  </si>
  <si>
    <t>with a look of such frightful contempt that he
 nearly fainted.
 'They are,' he snarled. 'Silence all,' he called gloatingly, 'for a mother's last
 words to her children.'
 At this moment Wendy was grand. 'These are my last words, dear boys,' she
 said firmly. 'I feel that I have a message to you from your real mothers, and it
 is this: "We hope our sons will die like English gentlemen."'
 Even the pirates were awed; and Tootles cried out hysterically, 'I am going to
 do what my mother hopes. What are you to do, Nibs?'
 'What my mother hopes. What are you to do, Twin?'
 'What my mother hopes. John, what areâ€”â€”'
 But Hook had found his voice again.
 'Tie her up,' he shouted.
 It was Smee who tied her to the mast. 'See here, honey,' he whispered, 'I'll save
 you if you promise to be my mother.'
 But not even for Smee would she make such a promise. 'I would almost rather
 have no children at all,' she said disdainfully.
 It is sad to know that not a boy was looking at her as Smee tied her to the
 mast; the eyes of all were on the plank: that last little walk they were about to
 take. They were no longer able to hope that they would walk it manfully, for
 the capacity to think had gone from them; they could stare and shiver only.
 Hook smiled on them with his teeth closed, and took a step toward Wendy. His
 intention was to turn her face so that she should see the boys walking the
 plank one by one. But he never reached her, he never heard the cry of anguish
 he hoped to wring from her. He heard something else instead.
 It was the terrible tick-tick of the crocodile.
 They all heard itâ€”pirates, boys, Wendy; and immediately every head was
 blown in one direction; not to the water whence the sound proceeded, but
 toward Hook. All knew that what was about to happen concerned him alone,
 and that from being actors they were suddenly become spectators.
 Very frightful was it to see the change that came over him. It was as if he had
 been clipped at every joint. He fell in a little heap.
 The sound came steadily nearer; and in advance of it came this ghastly
 thought, 'The crocodile is about to board the ship.'
 Even the iron claw hung inactive; as if knowing that it was no intrinsic part of
 what the attacking force wanted. Left so fearfully alone, any other man would
 have lain with his eyes shut where he fell: but the gigantic brain of Hook was
 still working, and under its guidance he crawled on his knees along the deck as
 far from the sound as he could go. The pirates respectfully cleared a passage
 for him, and it was only when he brought up against the bulwarks that he
 spoke.
 'Hide me,' he cried hoarsely.
 They gathered round him; all eyes averted from the thing that was coming
 aboard. They had no thought of fighting it. It was Fate.
 Only when Hook was hidden from them did curiosity loosen the limbs of the
 boys so that they could rush to the ship's side to see the crocodile climbing it.
 Then they got the strangest surprise of this Night of Nights; for it was no
 crocodile that was coming to their aid. It was Peter.
 He signed to them not to give vent to any cry of admiration that might rouse
 suspicion. Then he went on ticking.
 CHAPTER XV
 'HOOK OR ME THIS TIME'
 Odd things happen to all of us on our way through life without our noticing for
 a time that</t>
  </si>
  <si>
    <t>b'c\xe95\n\x10\xffA\x85'</t>
  </si>
  <si>
    <t>63e9350a10ff4185</t>
  </si>
  <si>
    <t>crew of the 
 other most likely going round by shore to cut us off." 
 "They'll have a hot run, sir," returned the captain. "Jack ashore,</t>
  </si>
  <si>
    <t>b'V\x0e\xba\xce\xae\x1c\xc3KO\xa5\xe3\n\xdf\xfd\x9a\x98Gi\xab2\r\x8e\xd4\x94\x03\xce\xaf\x14Z\xce\xca\x83e3\xc4\x98\xe5\x1e\xbc\x0e{\xb1\xbf\xd3\xf0\xdc\xb5\xa23\xf3\xb1]\xa1E9i\x8e&gt;\xc6&amp;\xf01\xf8{\x89\x7f}\x80\x95mN\xe7-M\x0f\xb4\xee\xe6X\x0b\xb1\x9c\xb0\x12\xe5v\x8eY\xcek \xbe\x1b;\\kX\xe9\r\x00s\x04`\x03\xda\xb6\xde\x81\xd8\xd3(\x9e^\xbd=\x96\xd5D\xcb5\x95\x97\x9a\xc6\xb26\xb0\xf7\x05\x0c~\xfc\xc2d\xa0\xc7\x1cB\xb6J\xba\xd5\x9aIn\x94Iz\x96\x9f\xabi\x01\xd4n~\x16\xef8u\x18\xa0\xd9}G\xbezh\xe1\xe1h\xa3\x0f\xc3\xf1e\xfd\xaa\x9c!\xf0\x96\n!\xf8\x81\xb9\xedE\xe5\xc1Xp~\x1fI\xd3\xc2\xba\xc4\xe9\x15\xd2\xef\x9b\xd6\xc9\xf1\xd74\x87 \xea\xe1\x1aF"L\xcakb*a\x83\xb3w\xdam(\xee\xda~\x10[F\x14\xf1\xb4\xdc\x0en{ahC\x93\xc0,\xf2\xd5A\xf9\x8e\x8f\xdaR\x87\xe40G\xa9\x11X~\x80VMy\x8f~p\xc6\xaf\x1ef\xc3\xef7\x998\x9c\x830\xaa\xcd_\x99\x08\x0c\xe5ZV\x04\te\xa5W\x9fx\xe9[\x87\x01\xd8\xac\xa28\xd7\x0e\xe8@\xa4nm\xb1j.&gt;\x8c(\x95i:j\xb5\x93X`\xe9\r\x17\xf1wM\x1d%\xea\xde\xb7QW\xbfel\xecsdT\x96i\xa8\x85\x83\x9ba,s\x88?\xc0,\x83A_\x05\rw8%\xe1\x86\x00\xe9(\xaaj&gt;\xb4\x88\xb1\xf0I\xe2 \xa0\xa3)\xf8$\xc3\xc8nL\x85\xb8p.\x00\xbc\x9b\x96\xc0\xdca\x92&amp;\xaf\x18\x8d\xae\xb2P.\x81\xc3}\xa6\x88\x18rw\xe4\xbf\x0c\xe7P\x98\xfa&lt;\x0c\x0b\x9d5\xd0Ed\xa1\xfd\xc0\xe7\xed\xdb;\xd51@*;\x9ay\x82M|$\x95}f\xc2mh\xd6\'\n\xbb\x1a\xb3\xb6]!\xcc\xc8M\xcdL\x8a\xa5G\x8b\xb0&gt;\x07\x97\x18$\x1e\xef3\xdf\xc8\x11\xa05p\xcaV\x99\xce\x1f\xbb,Y\xc6\xe7\xf6\x9a\xb5G\x01\xff8+\xf4'</t>
  </si>
  <si>
    <t>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</t>
  </si>
  <si>
    <t>b'V\x0e\xba\xce\xae\x1c\xc3KO\xa5\xe3\n\xdf\xfd\x9a\x98'</t>
  </si>
  <si>
    <t>is villany.'
 'In spite of Montoni!' cried Emily eagerly: 'what is it I hear?'
 'You hear, that Montoni is a villain,' exclaimed Morano with
 vehemence,â€”'a villain who would have sold you to my love!â€”Whoâ€”-'
 'And is he less, who would have bought me?' said Emily, fixing on the
 Count an eye of calm contempt. 'Leave the room, sir, instantly,' she
 continued in a voice, trembling between joy and fear, 'or I will alarm the
 family, and you may receive that from Signor Montoni's vengeance,
 which I have vainly supplicated from his pity.' But Emily knew, that she
 was beyond the hearing of those, who might protect her.
 'You can never hope any thing from his pity,' said Morano, 'he has used
 me infamously, and my vengeance shall pursue him. And for you, Emily,
 for you, he has new plans more profitable than the last, no doubt.' The
 gleam of hope, which the Count's former speech had revived, was now
 nearly extinguished by the latter; and, while Emily's countenance
 betrayed the emotions of her mind, he endeavoured to take advantage of
 the discovery.
 'I lose time,' said he: 'I came not to exclaim against Montoni; I came to
 solicit, to pleadâ€”to Emily; to tell her all I suffer, to entreat her to save me
 from despair, and herself from destruction. Emily! the schemes of
 Montoni are insearchable, but, I warn you, they are terrible; he has no
 principle, when interest, or ambition leads. Can I love you, and abandon
 you to his power? Fly, then, fly from this gloomy prison, with a lover,
 who adores you! I have bribed a servant of the castle to open the gates,
 and, before tomorrow's dawn, you shall be far on the way to Venice.'
 Emily, overcome by the sudden shock she had received, at the moment,
 too, when she had begun to hope for better days, now thought she saw
 destruction surround her on every side. Unable to reply, and almost to
 think, she threw herself into a chair, pale and breathless. That Montoni
 had formerly sold her to Morano, was very probable; that he had now
 withdrawn his consent to the marriage, was evident from the Count's
 present conduct; and it was nearly certain, that a scheme of stronger
 304
 interest only could have induced the selfish Montoni to forego a plan,
 which he had hitherto so strenuously pursued. These reflections made
 her tremble at the hints, which Morano had just given, which she no
 longer hesitated to believe; and, while she shrunk from the new scenes of
 misery and oppression, that might await her in the castle of Udolpho, she
 was compelled to observe, that almost her only means of escaping them
 was by submitting herself to the protection of this man, with whom evils
 more certain and not less terrible appeared,â€”evils, upon which she could
 not endure to pause for an instant.
 Her silence, though it was that of agony, encouraged the hopes of
 Morano, who watched her countenance with impatience, took again the
 resisting hand she had withdrawn, and, as he pressed it to his heart,
 again conjured her to determine immediately. 'Every moment we lose,
 will make our departure more dangerous,' said he: 'these few moments
 lost may enable Montoni to overtake us.'
 'I beseech you, sir, be silent,' said Emily faintly: 'I am indeed very
 wretched, and wretched I must remain. Leave meâ€”I command you,
 leave me to my fate.'
 'Never!' cried the Count vehemently: 'let me perish first! But forgive my
 violence! the thought of losing you is madness. You cannot be ignorant of
 Montoni's character, you may be ignorant of his schemesâ€”nay, you must
 be so, or you would not hesitate between my love and his power.'
 'Nor do I hesitate,' said Emily.
 'Let us go, then,' said Morano, eagerly kissing her hand, and rising, 'my
 carriage waits, below the castle walls.'
 'You mistake me, sir,' said Emily. 'Allow me to thank you for the interest
 you express in my welfare, and to decide by my own choice. I shall
 remain under t</t>
  </si>
  <si>
    <t>b"\x93\xa8IX\x8b\xd7\x85\xa4\x13\x01:\xa1h^\x8a\xfbY\xd9\xbe\xa1\xd4'@\r02\x97\xa6\xd3\x97H[*\xe9\xa8\x07\xc6\x99\xe7X\xb8\xc0P?\xa0\x19\x80,\x0cxq\xbb\xe2&amp;\x98\xae#\x86\xb18`\x1dz\xe7"</t>
  </si>
  <si>
    <t>93a849588bd785a413013aa1685e8afb59d9bea1d427400d303297a6d397485b2ae9a807c699e758b8c0503fa019802c0c7871bbe22698ae2386b138601d7ae7</t>
  </si>
  <si>
    <t>b'\x93\xa8IX\x8b\xd7\x85\xa4\x13\x01:\xa1h^\x8a\xfb'</t>
  </si>
  <si>
    <t>e in size of an organ or its parts or
even of an individual cell. Generally, growth is accompanied by metabolic
processes (both anabolic and catabolic), that occur at the expense of
energy. Therefore, for example, expansion of a leaf is growth. How would
you describe the swelling of piece of wood when placed in water?
13.1.1 Plant Growth Generally is Indeterminate
Plant growth is unique because plants retain the capacity for unlimited
growth throughout their life. This ability of the plants is due to the presence
of meristems at certain locations in their body. The cells of such meristems
have the capacity to divide and self-perpetuate. The product, however,
soon loses the capacity to divide and such cells make up the plant body.
This form of growth wherein new cells are always being added to the
plant body by the activity of the meristem is called the open form of growth.
What would happen if the meristem ceases to divide? Does this ever
happen?
In earlier classes, you have studied about the root apical meristem
and the shoot apical meristem. You know that they are responsible for
Seed coat
Epicotyl
hook
Cotyledons
Soil line Cotyledon
Epicotyl
Hypocotyl
Hypocotyl
Figure 13.1 Germination and seedling development in bean
2024-25
168 BIOLOGY
the primary growth of the plants and principally
contribute to the elongation of the plants along
their axis. You also know that in dicotyledonous
plants and gymnosperms, the lateral meristems,
vascular cambium and cork-cambium appear
later in life. These are the meristems that cause
the increase in the girth of the organs in which
they are active. This is known as secondary
growth of the plant (see Figure 13.2).
13.1.2 Growth is Measurable
Growth, at a cellular level, is principally a
consequence of increase in the amount of
protoplasm. Since increase in protoplasm is
difficult to measure directly, one generally
measures some quantity which is more or less
proportional to it. Growth is, therefore,
measured by a variety of parameters some of
which are: increase in fresh weight, dry weight,
length, area, volume and cell number. You may
find it amazing to know that one single maize
root apical mersitem can give rise to more than
17,500 new cells per hour, whereas cells in a
watermelon may increase in size by upto
3,50,000 times. In the former, growth is
expressed as increase in cell number; the latter
expresses growth as increase in size of the cell.
While the growth of a pollen tube is measured
in terms of its length, an increase in surface area
denotes the growth in a dorsiventral leaf.
13.1.3 Phases of Growth
The period of growth is generally divided into
three phases, namely, meristematic, elongation
and maturation (Figure 13.3). Let us
understand this by looking at the root tips. The
constantly dividing cells, both at the root apex
and the shoot apex, represent the meristematic
phase of growth. The cells in this region are rich
in protoplasm, possess large conspicuous
nuclei. Their cell walls are primary in nature,
thin and cellulosic with abundant
plasmodesmatal connections. The cells
proximal (just next, away from the tip) to the
Shoot apical
meristem
Vascular
cambium
Vascular
cambium
Root apical
meristem
Shoot
Root
Figure 13.2 Diagrammatic representation of
locations of root apical meristem,
shoot aplical meristem and
vascular cambium. Arrows exhibit
the direction of growth of cells and
organ
G
F
E
D
C
B
A
Figure 13.3 Detection of zones of elongation by
the parallel line technique. Zones
A, B, C, D immediately behind the
apex have elongated most.
2024-25
PLANT GROWTH AND DEVELOPMENT 169
meristematic zone represent the phase of elongation. Increased
vacuol</t>
  </si>
  <si>
    <t>b'\x0b\xeari\xdfn\xb9:{\xff\xd2\xf4\xa8\x9a\xda\xee\xc4\xe8\xc2lg\xa1\xf0\x86^F\xc46\xb3R_\xfb\xb4!\x06z]\x9e\tZi-\x19fD\xd8\xc6\xa5]\xc1\xb3\xdeWs\xdaS\x86\xdb\x82\xd6\xf2,\xfa\xf3\x97\xdb\x05\xd2?b\xbdcB\xcdq^~W\xfa\x0bI\x19\xc7\xd0\x04|\x90w&amp;Z h\xa0\xa1bj\xfehm\xb4\xfa\'\x98i4Gw\xef\xac_\x99Z\xd9\xa1 \x0f(\xfek\xa48B\x18\x8d\x1a\xa9\xd7\xf6f\xd1\xfc\xe3%%\xc9C\xc0\x18\xa2\xccd`\xca&lt;ay\xe8\x0f\xe4\xb9\x0c$\x88\nW\x9cr\xea\n\x07\xb7\xd2\xea\xce\xd9\x02\xfceU\xb2t\xc2\xb7\xd9\x01\x9b\xa4j\x04\x88Br0\x01\xcd\x9d\x82z\x1e\x16\xdd\x07m\xa4\x0fn\x1e.\xdc@\xab\x02\xcd\xfc/\xc0h[\xb2\x8a\x95Q\xcd\xebN+\xf2\xb9\x8dyT\xf0\xa0\xf7\x08\xbb\x83\xdea\xe7\xfe\xc7\x84\x11Zj\xf1\x00\xac\xbf\xb0\'\x8a\x1bj9\x10\xc9\x89\x99C\xabv\xf6\x88\xc2\'\x7f\xa1\x05n\xb5ni\x8f\xe6\xf1\xea\x16\x8c.]\x10\xde\xff\x84)\xb23\xef\xa0\xc3kB\x1a\x8b5\xa3\x96IT\xcc\x8f\xf5\xea\x9c\x9e\x9b\xc6\xb9E\x91\x15\xa0*\x8f\x05&lt;O\xe6\xbb\xf7i/\xe6\xdf\x86A\x84\x7f[\xd3Yh\xecC\xf6D\x8a\xd1\xe8\xfb\xa1\xa1z\x0cc\xa5{\xd9y\xda\xb4i\xddOQ\xb1\x16N\x00A\x92\x90,\x87\x1c\xa8On\x07\xc5\xf1W\x06]kn\x07\x9d@\x03\x13\x84\xa4\x1aa\xca\xd6\xbb;\x8cK\x1f\xc0v-\x00S\xd4\xc0$3\xc1\xc1\x1d\\\x90c\xef\x0f\xa0=\xec\x8f?\x80\xff\xd6\xdeq\xbdM\xb2\xf4?\xa5\xcd*\x04\xb8$\xb4e\x9d\xad\x1dV\xaaNH\xfb\x0b\xb3qL\xb2\xafJ\xfd=\x14\xd8\x1b2g\x11\xc5n-\x03\xe8&lt;\xfc\x95&amp;e\x9aly\x191D\xe7SE@\x00~De6\x8c\xd9x\x84(2\xce\xa7\x9585`M\x99{\x05H\xa8LZ;\xcaH\x97I@\xc7KsE\xb0\xc5\x81\xf1\xbba\x1d\x1f\xb5\x17q\xc2\xceO\xf8\xee\x9f\xff\xfe\n\xdaP\xf4\x92\xfc\xb1\x12\x08\xebq#\x807\xca%\x81:\x92\x8e\xa6J\xe3Y\xe5\xce\xed\x83I?\x15\x93y\t5\x15\x13\xaaN\xd1;3\xb9\xb3\xe7\xfb\xa7zi\xe6@ \r\xdba\xe3\x98\x99?{\x94\xa1\x96\xf8\xa87\x86y\xda!x^P\xf5\xf2\xc8c \x154[\xb6\xbb\xacD\x06\x8b7 \xbae\x9a\x89.\x8b\x87\xac\x0eX\x18\x1f\xd6\xa8\xd5\xb7tPR\xd4  \r\xb0\xb0SE7\x84O\xde\x15\'i)\xed\xf5\x02\x15\xf1\xb9\xe4\t\xee\x92\xb4([F\xa4Kq\xabs\xe1X /+\xa4\x13\xa8)\xb6a8-YU\x81H\xa4\xd4a\xf0*$w\xcd\xd1\xb1\xaa\xe2Z\xbbJ\x99%\x02&lt;\xf8#\xddm\xa4a\xfe\xf1\xadt\xd68\x90\x15\x07\xef\x82\x10\xaf\xb2P\xe4\xdf&lt;\x03r#c\xe9RS\xe4\x1b\t\xb8\\%\rTB{\x181\x1d\xb9)\xfb7\xb6(\x89\xd0\x91a\xc5\x1e\xfe.\xf67\x99\x8f\xc9,\x8bh\xb8\xec0m\xfb\xc7\x938\xedQY\xa7a\xe9\xae\xd1)\xc3\x0c\xfd\xbc\xbb\xb08+xD\x88\xb9+\x08\xf4n\x11^\x93\x9d\xc2\x8f\xd0-\xe4\x8cQl"\x99V{M\x91\x9f\x9c\xae\xc1/7\xba\x0f\xe2\xd7\x93:\xaf\xde\xc5\xcep0\x95\x8fw\x95\xc1\xe0G\x1eaLF\x9b\x876\x11\xe0}X\x8b\xeb%0R\xe5A!\xffz\xadB\xd4\xb2\xfa\xe0e\x82\x17\xbe\x94R\xf6\x7f\xc2\xbdFf[\xea$\t\x81\x7f\xe2_\xc1\x8a%\x11\xa6\x19R\xd8n&amp;/\xfb\xe7vD\xeeT`}\xf0\xde)\xcc\x9d\x87\x88\xab\n\x80N\xecn\x11\xc8n\xcd\xbb\xb8C\xc4\xf6;4\xbf\x90d\xcc\xe9#\xac\xee\x83\xd6m\xe5\x8en~\x93#rH\x1eH\xb0m\xc3\xaf\x83\xce\x0f\x14\xc5i\x7f\x00\nmIFG\xa6\x14\x11\xd1\xe6\x00-,~\x8b\x0bE\xe1\x10i]He\x1f`\xf5\xbdZ\x1f\xf1\x7f!\xdehV\x116\xd2\xc8\x10\xc5\xd0\xafr\x91\xe5n\x9fO-_C\xe6g\xb706\x0b\x11\xa1x\xaf\xd1\x01\xce\xb1\x11\x89\x1b\x9c?\x90:\xe7\x8dVl\x9d\xf9\x98-\xeb&lt;\xfb\\\xa6\x92\xaf\xd3W_\xf2\xd8\xeb\xcfL\x08\x97\xcf\xb5V\x1a\x8d\x01Gd=\x98\xc6\xf05\xcd9t}\xbb7\xb46R\xd4\xadm\x83\xc4\x9as\x08\x837E\xecH\x1f\xd9\xaa\x9b\xc2\xe7\x8b\xa3\xbdyF\xf3\x11h-\x82\x98In+\xd2=+^\x18H\xe7\xcc)\xaf\xd6\x17\x88s\x08\x84N7\x19\x03\n&gt;\x92Z\x08?\\3\xba\x89\xe0|b\x80\x9c\xf7\xe7\xd7\xe1P+s\xd5L\x9b\x9b\x02/\xf0K59\x021\xb59x\xc6 \xb4\xe21\xe2\xdas\x87\xbd\xd6\x85\x80\x12\xe7a\x9a\xf2\xd5f\x00\x1c\xf8(\xf5\x99p\x9d\t,_\x06\x1cxa\xc3\xf5$\xe8+\xa6Y|6\xbf\xdf\xa0l\x0c\xbd\xd3\xf8\xf5rw5\x8c\xd2\xf2L\xa2p\xf3_\x0068\x12\x84\x06\x06]Q\xfbJ\x84\xab#\x07\xfaPT\xd1\xd3\xd9\x98\xdf\xcb\x88`\t\xab\x8a,\xcd\xa7x`\xb7{\xdd\xbf\xcb\xe5\xe6\x93~8\x10\xa0\xc6\x1f\xc4b\x1b\xec\x00\x81BD\xadJ3t\xefu\x81\xf7\xa4\xec\xfb\x82\x91\xdbc\x02\x93\x8d?!\xd2;\x06\xd3\xbf{\xca2{ \xad\x01\xa8N}\xee\xdd&gt;\xa8m\x06\x16\xb9\x14\xbe\x04\xff\x83\x01\xe2\xff\x17\xdf\\\xac|=I\xd1\xf8"\x98\x87\xe7\xa4\xafc&amp;J\xd4~&gt;\xfa\x87\xc3\x00\x82hX\xfe\xb1B\x1eluig\x11\x8d\xd1F\xb2o\x15\x0f\xd4\x7fl\x9e\xe59\x80!2\xe0\x89\xe9\x04\xd3b\xae2\xffs\x83k0\x92\xa1\xf4\xad\xe9\x7f\x0c\x07\xd2\xc7\xf6R\xae\xbe\xb0\x96\xd7\xf5\x1f{A\xb4\x87|\xcf\x1d\x12\\\'+\x1c\xfb\n\xdc66\xd2\xd0\xf1\x9d\xe1\x8a\xc25\xb2E\xb4~\xfd\xf1\x9f\x91\x9a:\x8d\xa6\x8b2\xb4\xb2\x86\x86p\xbd\xef\xfc\xb1a\x05\x0e:\xd3Y\xbdEh\xdaf\x8f\x89\x1c;k\x8b\xef\xc8b\x9d\n\x89YzT\xa6\xde\xda\xab\x18\xbf\xef/\xab\xe2\n\xbci\xdc\x16xcr\x1f\xf4\xcf~yNp\x90[\xc2\xbd-5\x83,\xdf\xb6\xa0\xc4\xa7\x0c:xN\x04ZQ2A=\x7f\x1f\t\xee{\x1e\xb9,\x9d\xd4\x17\x9a&amp;ptjn\xee\x18[\xd4\xdd\xcc\x94\x02R\xd0\xbd\xf7o\x04a\xffg\xd7\xa53\x8f\x08\xcb\xd1\x93\xbdQ\x11SR=\x81\xa4\xf4\xe3~f\\\xae\x8d:U+n\x94\xb6\xe6\x1ek\xf6\x95\x0f:\x8f\x94l&gt;\xdf\x9e\x05&gt;\x8d i3&lt;g\xbe5\x96\xb5\x7fl-_\x1cbnv\x81`\xd3^\xbd\xf5\xae;\xf1D~|9\xead\xbc^\x92$\x10\x898lb\xe9t\x9ey\x8e,\x08\x1e\x1ay\xb8&lt;\xe4\xabe\x0c:\x11]R\xde\x84\x9cOt\xa5vo\x9d\xa0\xc9Dbj{!O\x0c\xa5]@\xa3t\xb2\xea\x8ephD;n\xc0|\xa2\x19\xe5D\xff\xa2+\xe8\xff9\xfa1\xdf\x9d"\xb7\xe9X\x14;\xf7p;&amp;"d4[r9l\x03\xb4\x81O\x85\x99\\\x99/\xa6\x1e\xfe\x01\xb9\x7f\xe9p3\xf8\\\x0f\xea\xea-\xc5\x1b\xc2\xd5\xa3i6\x96c\xe8\x19B\xf3\x0f\xecCX\xa7\xf3\x06\x01\x1d\xfbCk\xde\n\x12\xe9\x94h\x8e {\x0fm\x1f\x07\x9d&gt;:\xc0\x1eU\x00Qm\xa6\x18\xe0h\t\xa4R\xb9\xf7[\xb0\xee\xa6XL(\xd0\x0f^\xc1v\xa4\xba{\xed\xd3\x92\x18t,e&lt;\x05\x91\xde:\x11\x0b+\xe1\xec=\xdb\xfc\xa3\xae\'a\x1fr1\x12\x87\x80\xf5R\x97\xd4\xf3u%\x98 d\x10\x04i\xf6G\xc3\xaa\xdb\'\xa5\x1d\xe6WOe&amp;\x99\x8c\xbd\xa1\xa4 \xe9\nYW\xedXat\x15f\x98\x04\xbc\xf8\x83\xb6Bk6&gt;\x89\x9aw\x99|\x1e\xd1\xa0\xd2\x15\xfd\xfd\xe8OMoN\xe0\x1d.~\xbf\xcf\x7fN\x10\xcaN\x0b\x8c{\xad\xed\xad\xb0\\\x87I\x15\xb6\xfb\x88`\x07\x00q\xf8l\xd4\x9a\x8bq\x8b\x96&lt;f\x00)$\xe2d\xae5e\\\\`\xee\xd1\xee\x95&amp;G\xa0\xe6\xf5\x8a\t\x88~a@/\xd3}\x9e\x15;\xa2g\x01TQ\xe0\xf5\x93 \xa9m\xac| l\x0e\x8dM\x10M\xaa\x94\xd2*\x10*d\xfb\x80W\xb7\x0e\x88\xf6;\x9d\xf2\xda\x97\x17C\xb5(\xb6wy\xeb\xc0\xa0ST\xb2\xd1\xb4\xf4\xd3\'&lt;\xee\x95\xa1I\xc4\x0b\x8c\xfb0\x1b\x14\xb36\xad\x929\x05~\xf9$\xba\xf9#\xc7\x92J\x9c\xc3\\c\xee\xc5\xe2\xb7p@\xf1b&lt;-*\xb2\xcd\x8b\xd2\x19P\xb8\xef\xb4\xf2f\xdd\xd47\xf5\xa4\xf4\xbe[\x16\xab\tL{\xc1\xe0s$\x18\xb5\xd9.\x16c!U\xba\xf13)\xdf\xf9\xdc\x94\x90\'Q\xc3\xe0\xa6\xe2q\xe1\xb0\xde\xf6-\x824\xa4d\xec\xa0/\x8d\x9a\xc5\r\x12\xb1r\t\x9a\xcf\xbdP~\xe1\xcd)\xb7x\xb9\xaa\xb8\xd7\xb5\xfb`c\x15wT\xa3\xa2\xd0HD\x85\xeb\x1e\x0e\xff&amp;!\xbd\x1b\x1b\x8e|&gt;\x95\xe4\xe8\x9d\x92\x10+\x11\xb1\xd3\xb1P\xc3\xca\xb8a\x19g\xd5\x1e*`(\x0b\xe0\xd8 \x87(*\xca\xe1\xa2\x08\xf4y\xf4s\xa2\xf4\x01\x01\xa7\x1cn3\xf8\xdb\xd7\xb5G(\x9b\x93ag\xbe\xbda\xa13\xea\xa7H\xcd%\xb0W?i\xb9&lt;\xc6\x1a\xb6w\x89\xf3\xe7[1\x1f\x9cC\x8f\xdc5\xee\x98\x19\xc1\xcb1v\x84\x89\xe8\x08cl;\xed\xf5\xfaI\x8a\xc1~-\x01\x93\x9a\x8f\xfa\xfa\xec\xce\xe5KU\xd8\x7f/\xa9\t\xd7O\x19\xee+\x02\xf5\x10\xfe\x07{\xa3\xcf\x9d\x8d\xddX\x0e\xebV\xf8\xf1\xbbF3\xd9\rF\xcc\xa9xmgR\xf7\xa5\xc4 \xe7\xd5\xec\xbc\x15\xd6\xbc\xb0Y:\xf1\xa8+\x0c\xd0x\x1b\xea\x08MG\xbf*\xf6=\xce\x08\x90\xae\x12\x07\xf9\x1a{\x8f\xba\x1d\xb4*\xeco\x01G/\xf6\x03\xd6\x08\xa8q\xe8\x1f\xd5\x066\xdc\n)\xa6\xe8h\xc9|\xb0M\xf9\x1ds\xb9e/\x05XH\x17\xd1\xf9\xea\x18\x0e\x19\x9fF\xdc\xb2SS\xa3\x83\x0c\x0e\xfb\xde\xbaZ\xedU/\xac\xc2\xd6^\x0b\x02\xb0\xf7\xdd\x7f\x1c^\x97\xcb\xd4\xd4go\x98U\x8e\xe9\x9fWj\xafu\r\x9d\x9d\xdek\xcc\\\x13\xc0\xeex\x0b\x8cx\xc9G\xebK\r\n\xe9\xcb\xb1\xc3\xef8$\'+^\xbbZ8\xbd\xbd\x9fc\x02.]X\xb0\xad\x87\xdcG[\xd0i\x82\x84\x93\x03jQ\xd2\xc4\xddd\xfc0Hj\x80}\x9b\xcd$T\x9dV\xbf\x07\x13e\r\xe6\x96\x01\x1a\x89\x9d\xccM\xf4\x97\x07\xaa\x89\x1f\x1e\x9b\xe7\x87\xbdc\xcd\n\x9f&lt;f\xb4\x0f.\xa6\xf97\x03\xb7\xedW\x96\x99\x9ad\x97\xd2\xfek\x86 \xf8Q[\xf9\x10x\x02\xba\xe8&gt;\xc2n\xe3/\x82\xcb\xb5\xe9\xcf\x02a\x93\xe9\xd1}Q\xb2\x16\x83\xbe\x17\xfccK0\x7f"\x8e\xad\xe4\xa9+-Dy{\x04;\xb0\xa6(\xa4B?d\t\xea\xed\x04w\xc4\xd1x\x9b\xc9\xa8.\xb36w\x94\x81PWtb,"Z}9Q\xd8\xb9\x92\xab\x93\x9e\xe7\xf8\xf7\xca\xb8\xa6\xc0X^\xddp\xc6\xc8\x96\xb3\xf7\xc6i\x18\x04\xe7\xb4)\xb3\xde\x8e\xec\xd7144\x08\x96\x9c{\xc2o\xab\\\xb6#s\xe9s-s\x9f\xd6\xda2:\xd6\xc2&gt;eK!a\x89\xd7\xc0\xf3\x97\xca\x8dq\xdcV\xdd\xc8T\x8a}\xa1\xe2\xe1\x1b\xf2\xecswj=\x0c\x8e\x8a7,L\xcc\x0e\xa9\xa7\xb7\xeb\x931\x1dN\x12\xd1r\x83\xe7\xfe\xdb\xd8\xe8\x18\xb8d\x84*\x0e\xa0=\xa9NF\xcf\xd8n3L}\xed\xa5Atj%\xa1a\x89\xd2\xf7\xc5\x9d\x96\x9a\x9f\x0e\xae\xa1@W\\\x8c\xf8\x89\x0em4\x9c\x96\xc6\x81;\xe0\xdd\xdd\xa2-\xa8\xe9\xff\xc7\x84\xdb\x10AsMQ\x04\xd6\xee \x8d\r\xe4 (UP)\x9fZJVM\xbd\xb5\x8a\x01\xdc\x08q\x121\xa0\xf1\xae\xc1-\xd0\xf9\xaa\xa4\xaeH\x07T\xd3\xcd\xc7O\x0cf\x0b\x87\xc3\xf6\x83W\t2\x14\x06elB-\x19\xa2\xd2:\x05P$\xa2=(\xacKm\x1a\xcc\x07?"\n89r~\x06\xfb\x9e\xaa\x9d/\xcfH\xdb03\xf7\x1cd%\x8b\xf3\xb1_M"\x87=\x8fQ\x9d6\xdf\xf9\xbc\xd5OW\xcc\x9a\x97\x86\xd5]:\xeb\xfc \xf11\xf2\xd18\x90s\xc6(\xc6\xaa\xceDW\xf3\xf6\xa7\x19|\x01\x9daJz\x90\xb9\xa7\x10#\x085:\xcf#\n\x0f\xf0\n\x89D\x08\xc8\xe8\x8f("\x01L8\xe0\xb8Z\xb7\xa1\xaa\xc4r\xc5\xc2\xc0\x97V\rP|\xe4u\'\x0b\xd9d\x08\xe2MR\xa5-v\x9aK\xdf\xe9\xa9\x15\xf5"\xfee?-3\xb5\x11\xe5@\x1a\xb0,U\x9f\xd1\xd4\xa3\xa7\xab\x98\xd6\xd2\n\x9a&gt;\xfetE\xf2x"N\x03\xd8\xa7rF\x0c\xce\xa4O\xb3n\xab\xf7s\xf1yg\n\xfci\xf8\xf4\xa6N\x86A\x95\xd6B\x1c\xe4eM\xf8\xb2\x14\xb8\xb7S\x00l!\x8c\xbc-H\xccrx\xb1\xa4\x9b\'\x92K\xdc\xd4\xa2\xbd,\x96-\xe0\x1b\n\xd6V\x8c\x16\x997\x19W\x97\x1aa;\xb7\xf6\xd2"\xad"Q\xe7\x10etc\xa5p\xb0\x90.L\xc6\x04\xb0\xb1\xfc\x15\xb2Zw\xe5\x18]\xb3\xb6%\xf9\xcaY\x96\xda\xaf\x1f\xa5\x95\x1c\xdb0\xe1G\x96\x93\xd8t,\xc5\x921\x8doN\x94\xd5\x1d\xcd{\xb9\xa7\xdd\xfc\xcd\xf2\x87\xf0\t\xbbi\xec\x18H\xf1\xf1P\xfey+\xd2\xb1\xc9B\x06b\xe6:\xd8\xd6\xd1\xf1\x10j\xbe\xd7\\\x9a\x1e\xc4(\x13b\xd9\xa7\x01\x19\xeb\x8aM\r0\xd5k\xc18\xe4DEk`\x0f~\xab\xe0\x00\xc6[\xd9\xa7\xbf\x85\xee\x12\x15f\xb7\xaf\xcd\xf0\xb9nRKm&gt;G\x89\xb6O(2\xd2\x8e\xe3\x88pT\x10\t%\xea_&amp;\x10S\xf3\x08\xc7t0X:\xe8\xcc\x89\xe0hx\xba\x14z\xd5C)\x06\x0c\x1eJm\xefM\x85\xd6X\x11\x12\xc21.&amp;\xa4\x9c\xaa\xd9R\x8f\xf5\x9e\x99\xc9cl\xad`\xc7\xb1\x9f\xcc\x7f\xdeP\x83@\x08p\r\xfe3\xdc\x9e\x86b,(\xdd\x95\xd6\xe7\xc8~\x980\xba\x0c\xae\xc5Dg\x05\xac\xf3Q.\x81N\x92\xfe\x9dw?\xd1H~\xb0}\xda\xfd\xa2+\x01\xdd\xd3\xcb{XL%\xe9-&gt;\xf1\xce\xb6-r\xa9uv\xc7\x0c\xe9(\xdcu\xf8\xf8\xd8\x07Z\xb8@Z\xb8$&gt;)k\xf5\xe5\x9e\x12\xd1\x81\x12\x18d\xb1\t\xd1j\x8eym\xbdOF\xdd\xe6\x81\xb1p\x99/\xeb\xb02\xb6\x969q\xb3\'E\x0c\x0b\xab\x97\xd3E\xa9jy\xbb\x17s\x15\x81i\\v\xb9\xba\xb8?\xb7\x159\xa1!\xad\xf8v4\xa9\xbar\x14\x90\x19\xcb\xc5\xb0+\x91\x8b\xb4\x98\xa0\x08\xd1K\x85\x9ft\xab\xb7n\xd3\xa2H?\\\x18!?6\x9aC?\x02&lt;\xceZ\x1f\xbf\xfaY\xeb\x04\x89~\xee\xees\x82\xda\x83\x8b\xd3\xcf\xd3V\x02\xc2\x07\xe5'</t>
  </si>
  <si>
    <t>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</t>
  </si>
  <si>
    <t>b'\x0b\xeari\xdfn\xb9:{\xff\xd2\xf4\xa8\x9a\xda\xee'</t>
  </si>
  <si>
    <t>ed the log-house and set 
 about counting up the stores as if nothing else existed. But he had an eye 
 on Tom's passage for all that, and as soon as all was o</t>
  </si>
  <si>
    <t>b'+V\xc8\x17\x14\xb6\xae\xec0\xe8z\xa3!\xd0GJa=\x18\xd4\r\x1bb\x07\x85\xc9E\x0c\x7f\xd1\x7ft \xab\xe8\\\x98^\xe7\x03\x93\xd7\xb9\xad\xb8\nF\x90l\x02\xe6\xb2\xe3\xd3\x18\xbeW\x19\xe98AC\x81\xc4#B\x12\x10\x95|\x07OZzZ\xa7\xf6\x1a\xef6\x95\xa7\xd4U3\xfary\x08+\x138\x99C\x83e@\x04\x0fR\xc1A\xfcu\xcc\xf3&lt;\x7f\xc9[\xec\xf3 R\xc4J\xf4~Jk\xe0\xd1\xe5\xf7K\xf4\xbd\xfdk\x17\x1f\x82\x1b\xb1`u\xac=\x8d\xb8\xc9y\x82\x86\x93\xabL\x939\x85\x8f\xd9\xbd\xf0\xed\xb9\xe3\xc4\xab,\xadM\x15eo\x04\xd6.\xc4a\x08$\x01a\xdb\xac\x89\x84\xc9\xa1\xfc\xa6\xa2`\x91\x0b\xb7\xfa&lt;\x1c\xf1\xf4R\xdfI\x18:\xc4\xef\x1f\xb3\'\xb7\x99\n\xcb\x18\xcb\x1b\x8b\x83\xf1\xb6z\xfb\x98\x0e!21zy#\xd3\x9ej\xb6\x87\xfc)i\x03\xa3\x85GAzK;p\xfag\x9bF\x12\xc0\t\xab\\I&amp;\xa6\x1emZ\x10\x8b\x92\x08\xf2Y\xc1QK41\xec ba\xf9RSI8wb\r\xabl\r\xf5\xe4\xab\xb4\xc8\x8e\x11\xad\x04\xe9\x86{5\xb3M\x149\x81\x85J\xa7\\\xd6\xf3\x1f\xcc\xdb\xd7s\x1eN\x1e\xeb\xfat\xaa+\xf5.\x9a3\x06\xbf\x8et\xc6Y&lt;\x7f\xa5\xa1\xb7\x99HfM\xf4\xcb\xe1j\xf8A\xeb\x821:@\x83\\\x8b\xc0\x92\x92\xfcd0\n\xdd?\xad1\xfb\x8c\xed\xf3\xbf\x82\xe5\x19\xd9\x19\x0f\'*:_e\x02\x9f\xc8\x91\xfa1\xf3b\xf6\x9b\x06m\xae\xf5\xed\xcd\xa1\x81PY\xe9\xb3\xb8\x14,\xe2Z\xe93\xfa2\xee\xcd\x1b\xf0\xac\x03\xae!\x88n\xac\x8d1\xd4Jr1\xba\x93\x13\xca#y=)\x1d#L\xa3*hNn\xb6\xcfDW\xfc\xd7\xcdA\x8b\x0bB:\xb6o\x04\xce\x9d0\xb8\x03&amp;G\xc7\xeebhb\xa0[\xeb\x08\xab\x81"\x13\xa4|\x05\xe0\x96\x12\xe4\xa7\\\xaf\xcd\x81\xf9\x15\x87X\xe6*\x97\xcc\x91\x08i\xb1\x1d\x9d\xcc\x94\x0c\xa3\x16\xda]\xe7\xd5'</t>
  </si>
  <si>
    <t>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</t>
  </si>
  <si>
    <t>b'+V\xc8\x17\x14\xb6\xae\xec0\xe8z\xa3!\xd0GJ'</t>
  </si>
  <si>
    <t>as if killing parties was a 
 waste of time. Howsomever, sperrits don't reckon for much, by what I've 
 seen. I'll chance it with the</t>
  </si>
  <si>
    <t>b'*S\x07\x8b3%\xaed6r\xd0\xfc\xc85\xaa,\xc4\xce\xf0H\xad\xd0\xee||o)\xd3n{C\xf6\xdd_\x1b\nq49\xbc\xa6\xa7\xf9\x18\xd2\t\xc0\xbc\xdb\xf9\xd7\x1d\xd6\xcf+6\xae\x12y+\xd12})\xc3\xeb\x7fn\xa5\xebeTh\xf3\xb2 \xe1\x1d\x85s\xcf\xf1\\\x86\xaf\x07\xd7\x97\xd6\xf5\x13\x97\x19n\x8bT\x04\xa6\xdeu\x9b\\Z\xce\xa6!t?N5+z\x06\x1f\x8dI\x93xw\xcc\xad\x1f?\x85\xf5\xd4\x7f\xf7Z^\xc2\x1aq\xf5IK\xbf\x98\x06\xe1c\x16\xdc2v\xdb\x10%\xdbO\x1f~r\xa6\xd6\xb3\x98M\xc7\xd2^\x82\x83\xe9[\x16\x90\x906G\x12@H\xeb\x0c\x98\xf38H=.\n\x9c\x7f\x14\x01V\xf6\x0b\xe9\x9e\x12\xa9\xbe,\x84aY\x85\x15\xf68!\xf9\xf3\xc4\xd3\x83\xa2\x93\xab\xbdv\n8R\x10\xe49\xd5\x8b~Y\x07l\x1d\x9a\xfc\xcd\x00\x04\xd8\x8fP7\xd1m\x07Q\x91\x19Kh)Q\xf1\xcdh\xc6/\x14Q\xedG\x97\xc7^\xdd\xe6\xbc\xc3\xc3\xf6\xd5^\xd1\xacd.\\_\xd8\xb39\xd7Q1j\x9a\xd0\xe7\xbe\xae\xff\xca\xd4&gt;M^\x197\xa5\xdb\x07\x03b\xe5\x10\xcbB9\x9a\xd3\x1b\xcb\x18~&gt;\x80\xba&gt;_\x88\xfe\xf4\xc2\xf6M\x82zg\xc7~\x1f\x0c\xf7\xd5g\x15\xb6\x03\xc0(4\xe7\xa5\xad:^I\xcb8\x91\x9b\t\x07\xb2E?E\nL\x1c\x1c9\xca3:n&gt;\xda0\xae\x89Qt\x7f\xff\x08\xc9\x8cY\xf8\xf3\x86L\x93*\xd4\xf5p\x85\xdd\x98l\x81h\x84\xf8\xa8H\xdc\xe3\xe2*\x1b:\xd6\xab\x19\xb5\xc2\x03f\xba\xe7cI\xb0\x8ep%w\xc3\xdcC\xa2\xee\r\x04\x13\x80\x00\xc3`\x14/\x01\x91\x17{G&lt;\xae\x8f\xd0Iq\xd3/i9"\x1a\xe6\x14\xf2\x11\xd6\xed8\xc7\x84\xc3\x1b\xd7W\x85\xac\x1f\x17\xc34\x19Q\x92\xa0\xc2l\xe4Qu\xaf~\xff$G\x00\x06\xa7A\xe0?A@\xd2\xb7\x98\xb8.\x86\x91]\x08\xe7\x0e\x04\xcd\xb9g\xa3g\xad\x02\xb6}\xb0)m\x13iU'</t>
  </si>
  <si>
    <t>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</t>
  </si>
  <si>
    <t>b'*S\x07\x8b3%\xaed6r\xd0\xfc\xc85\xaa,'</t>
  </si>
  <si>
    <t>plications of wire wound resistors are similar to those of composition resistors with the exception of the high frequency. The high frequency response of wire wound resistors is substantially worse than that of a composition resistor.[7]
(x) Foil Resistor
The primary resistance element of a foil resistor is a special alloy foil several micrometers thick. Since their introduction in the 1960s, foil resistors have had the best precision and stability of any resistor available. One of the important parameters influencing stability is the temperature coefficient of resistance (TCR). The TCR of foil resistors is extremely low, and has been further improved over the years. One range of ultra-precision foil resistors offers a TCR of 0.14 ppm/Â°C, tolerance Â±0.005%, long-term stability (1 year) 25 ppm, (3 years) 50 ppm (further improved 5-fold by hermetic sealing), stability under load (2000 hours) 0.03%, thermal EMF 0.1 mV/Â°C, noise â€œ42 dB, voltage coefficient 0.1 ppm/V, inductance 0.08 mH, capacitance 0.5 pF.â€
(xi) Ammeter Shunts
An ammeter shunt is a special type of current-sensing resistor, having four terminals and a value in milliohms or even micro-ohms. Current-measuring instruments, by themselves, can usually accept only limited currents. To measure high currents, the current passes through the shunt across which the voltage drop is measured and interpreted as current. A typical shunt consists of two solid metal blocks, sometimes brass, mounted on an insulating base. Between the blocks, and soldered or brazed to them, are one or more strips of low temperature coefficient of resistance (TCR) manganin alloy. Large bolts threaded into t</t>
  </si>
  <si>
    <t>b'\x16:\xde\xc9\x95\xb9\xedjS\x91\xd1\xff\x99\x1e\x1b\x9c\xe5\xdf\x13\xf1\xcf\xed\x93\x87\xa5\xc6\xc1V\x91\x9c`v\x02\xcd\xf2jDi\xf8\xe8\x10\xae\xca\xa1\xc8\xe3\x82\xc6h\xf3!JXt\x1e~\x8f\xccA\x1b\x1d\xd4\xac\x0b\xf9\xd4\xaa\x13t\x9a\'=\x95\xeb\x04=\xc5\x9dC\xf8\t\x94\xd0j\xf8}\xb7\xe1\x1b\xc6au\\\xdf\xe4\x9b3\x80\xe5jM\x7f\xb7\xe6\x8b\x87*\xe3\x84\t\xf7VK\x0b](\xd0_\xea7veVV\xc2o\xd7yd^\xb1\xed2Kta\x9b\xb5\xacWo\xe4\xafS\xa7\xb8r\xbe\x8d~`\x07\xce\x07\x83\xdd\xe0\xb9`\x93yzCY\xed\xb16\x8e\xad9?\x8e%\x06S\xa3\xb4\xb8\xeeUi\xa4\x02\xa7"qM\x05jZC\xbex\xb9\x8a\x1c\x0b~@"\x0bm\xba\xd1\xe61\x13\x01u\x83\x0cO\xe7\xb7\x8b\x98@A=\xe8\x9c\xff\x86\xe3WX9d\x99\xe2\xa4\xf0\tew\xb2\x14p~\xbb\xc5\xf1\xfaW\xebR1R\xa2\x0c\x0b\x0f2\xf5\x99\n\xeeY\x01\xa1\xae\xc1\x80\xfa\xb6Y\x00\xd9\x8aR9\x8dk\xa9q\x03\x9ew8\xe4\xdb\x1dR[\xde+\xaeb\xc1\x8d\x00\x93C\xdb\x0c\x04o\x89\x0f\x17I@\x8eJ\xf4 \xa7g\x8c\x98]\x86\x1c\xc6T\x9eD\xeb\xd1\xf8#\xf0\xd0\x13\xe0`F\xa1\xf0\\6\xe3t[\x04II\x8b\x9a`U\x1f\xa7\x8f\xc0\x8d\x04e\xd6H\xa9\xcc\xa2\xd3\x9e1z\xcc\x01\xf5\xbfj\x8a\x13Kn\xd9\xc5\xab\xe2f\xa2\x9aK\xe1\x8b[$O\r\xf3\'n\x83q|\x98C\xdd\xef\x1bS\xcc\xa4\xce\x91\xa8L\xe5\x95\xe4\x89n\x14\xadG\xa6\xb4\xad\x19\xf9\x97\xad\x02\xddy\xcd\x91\x17\xa7d\xf4\x89\xe9\xb6?\x07\x1c\x16k\x85L\xe0\'\xcea\xb8\xc3\xf7\xaf\x01\xc4j\x92\xd0Jz;\xef\xe9\xe5\xef}\x86\xfe\x00\x1c\x89\xfd\xcd\xa3\r\x85*|%\xc7\xc5\xf5\xfb\x02\'9\xe61\xa4\x82%?\xb7[\xa9\x03\xb9\xb6\x1dS\x10\x86\x8c\x8b:&lt;:\x04\xc8p\x0c\x9cv\x02,ZS!\xf2\\,\x0fZ\x86^\x81\xce\x81k\x1b&lt;v\xb7\xb83\x9f\x18\xf7&amp;\xd2N\x81E\xc6\xe6\xda\xad\xda#q\x8a\x02\xc7\xc2\x9a\'\xec\xcc\x8aF\xc51\xcd\xa0|\xd2\xfd^\xc6\xdeU\xa6\xd0\xb8\xd5\xf8\xeep\x8c\x18\xaf\xbbo5\\\xce\xe5\x8f\xea\xadU\xeez\xa4\x99%n6p\xdcw\xd1W\x83\xc8\xdc\x15\xaeS\x879\xb1\xf3\xac\x84.q\x82\xda\xfc\x9989\xdd\xb5\xdffw\t\xafK\xd8\xbf\xf4\xbc`\xbbg\xf7\x8dWe\xf3\x8d\xba\x05"\xc9\x0f%\xa5\xaf\x81R\xd3\xed\x0f\x1e\x13N\xe0\xe1\xa5\xfa\x95\xf8\x8dAw=Y\x9c\xcd\xa5\x9d\x13\x9e\xa8\xbd\xd1Dv\x1f[\x14\xb1GP\x7f\xcc,\xd1\x82b\x9aNw\xc3^\xa7\xd7\xcay\x92\xa8\xe8`;\xf0\xa7\xfb\xc3\xee\x9d\xf9\xbb\x86\xc9V\x12q\x9a\t\x9ag\xbb\xfe\xc5\xab\x13\x91\xe5p&amp;\x9b\xd16\x13\xa8\xe2\x1a\xb2&gt;"\xa4\xa8nQ(\x11\x9d\xb8K\xdfO\x92\x83\xa4\xbc\xccPp\xd0\t\xde\x1e\xce\x13\x15\xb7\x156&gt;\x7f}\xdd=b]\x1f\xbb)\xacVR\xe6\x97\\W\xc6\x9a.\xac\xa3\xddz\xea\x1a\xb8\xe8\n\x12\x1b\x9f\x8b\x95+r\xa0\xd4\xf12\xc74F\x95K\xe8\x96\xbb\xd7Tv\xd2|\xc0H\xa1,]\x17z\xa9\x10:\x07\x92\xf3,\xed\x0e+\xd2\x8f\x10\x08\x06&gt;m!Czak\x82g2\t\x00\xf5\x1dd(\x82\xe3\'\xf0\xe0\xb7_\xc2}\xfb-\xf4\xf4\x01\xaf\xb5\xdb$~^\teE\xfe\x92\xc5\x10\x94=\x92\x15\x85j\xd4\xceP8|\xbf\xb8\x12\xbc\xf77\xf4?3\xcf\xe2\xe0\x8e[\xc6\xd2\xf8"\xfdQD\xc7\xbe3;\x17\xd1a\xdd\x01\x92\x9b\xbf\xda\x95\xd9\xac\xb6\xe4w$\xc3pq\x7fs:A3\x0f\x96F\xff2\x93\xc60g&amp;k\xafay\xd3\xb4\x8f\x86\xf2\x87\x92\r\xb4m\xc7\xd8\xb7\xc7\xee\x8e\xaf\xdc%\xb4\xbb\x8dh\xaee\x8b\xbd\xaaa~\xcc\xd3q\xe0\xf0$\xf0\x18\xf3\xe5\xb6\xe3\xad0\xb6\xed&amp;HO\xdf\x1aG}\xe7\x92&gt;\xc2\xcb\xeb\xc59\xb04\x12\xd9&gt;\x88|\xd1\x84\xe6\xce\xc6P\xa3\xec\x8d\x8d\xa7&lt;\xe7\x13\x0f^\x1b^\x97T\xf4{\x068(\xab\xedn\x82k\xa6J\x832\xd2\xd5l\x1d&amp;\xf7\xd2LG\xe3?rF\nOF\xcd\xab\xe7N!"JV\x81\xa7\x0ft T\x1a\xa2\xe9\x02\x83\xd2\xf6\xa0\xc2\x9av\x12\x16\xa7\x9b\x99X]\xb1\xee\xf6\xcf\xa7vbW\xf8l\x1e\xfc\xc7w#\x83\xe1\x02\x16\x06\xeaz\xc0k!\xeb\x83A\xcc\xc3=\xf5b\xa6(\xf1\xc6\xd3\xe5\x89{\xbe\x88\xbd\xd2\xe0\xae\xda\x7f\xc4\xa7\x9e{a\xbb\xd3\xf9\xc4\x90\xa0\x80\xa3\xabP\x06\xaf\xf5\x0eoo\xe0\xa8\xbe\xb9\x89DQT\xbfF\xec&lt;k\x8b\xa8\xd87\x9aSsf\xd3\x9f\x9c\xa9\xe7"l}a\x05\xe7\x9bY\xf8\xb4\xd5\x9aI)\x9dJ\x19!\xde%\x91\'\xc7\x00\x1c\x15v\xb6\x8eS\x92s\xd932\xc1\xec\xb3\xa4\x90b7\xb6\x04\x16\xe7\xd5y\x81q\xca};\x95:\x96\x06\x9c\x0c\xb6#\xf6\xde;x*\rPNM\xd8\x89c`\x8c\x8e\x035\xe9\xad\xc7\xfa\x81\xf7eU\x0ftL/\xbf\xb2:\x8cqdo\x94\xe2\xa8\x19-fs\xc5T\x1e\x9c\x06FRd\x83:.\xcb&lt;\xcf\xd0\x93\xdda#"\x98+\xc5L\xabH\xb2\xa7\x84\xa4`\xf28\n\x93Qy\x95\x07\x80\x03\x9bV\xfc\x9e&gt;h!\xc8\xd0\tp]\xd3\x1c\xb9\x80\x91\x89\x9a\xdal\xbfN+\xa8\xd1\xf7\xbb\xd0\x04R6\x03\x06\x9f\xd8\xacM\xeb\xa6[a\x8f!\xe9\x8c\xc9\xc66b\x9c\x88v\xf9\x96|\x08I\xf7\xb2\x03\x04\xe6L&gt;\x99\xddQC\x07\xbf\x9c\xfa\xfb\xcf\xbd\xcf\x82i\xfc\x07\xc5\xfb\x83J\t\xaf{v\x88\xf6&lt;\xffIj\r\xce*\xf3\x16\xfa\x19jvDp\x97\x1bX#\xa73_\xc1\xfcN_\xc1e\x0cv\xde\x84ul\xe3\xfa\xad\xceE\xe9;s\x99\xdfj#\x12t\xb6/L?\x17&lt;9\xbaoh\xdc\xf9\xc1\x92\x83\xf5Q8\xd7\x97\xd0\'=\x17g\xfe\xf8c6\x10O\x96^\x89\xca\\\x9d\xfa\xb5\xce\x7f&gt;\x8c\xbc\t/\x94=\xf24\xf0\x87RQ\xb9\x95\x1c\xd4\x9f\x14r\xb7\x12\'\x83\x0b\xcc\xa1v,\x9c\x8bj\xbc\x81\x05#l&amp;?i\x1e\xe5B\x89U\x0e\x108\xc7\x05\xd8\xbbr\xcb\xb0h\x10\xad\x90Q`\xcal\xcf\x82P\x87\xef\x14\xbfE\x07\x95}qH3\xb54\xc5u\x90\xe4\xea\xc9\xed\xd2\x9fv\x8f\x8bk\xcb\x99\xa9\xcbO\x9b\xb7\x97\x05\xf9\x1aJ\x1d\x17P\xe7\xb4\xef\x99\x1f0dg\x95G\x03\x15g."Io\xb3\xd6\x917\x8d\xbaI\x94mP\x9a\xa8\xd7\x01\xae5\x18\xbc\xf7\xf5\xac'</t>
  </si>
  <si>
    <t>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</t>
  </si>
  <si>
    <t>b'\x16:\xde\xc9\x95\xb9\xedjS\x91\xd1\xff\x99\x1e\x1b\x9c'</t>
  </si>
  <si>
    <t>scale the business further. Remember the
 formula to get to $1 million: three to five products, at an average price point
 of $30, each getting twenty-five sales per day, equals a million-dollar
 business.
 Once you reach twenty-five sales, your job becomes following up with
 those customers to get reviews. Weâ€™ll talk about that in a later chapter, as I
 donâ€™t want to teach you to sprint before you start to walk. Your only job right
 now is to take a sale, and the best way to do that is by stacking the deck.
 Entrepreneur Spotlight: Marvin Lee
 Marvin Lee was a registered nurse with a very high-paying job from
 which he was almost fired.
 Management was moving everyone around, and Marvin soon
 realized his job was in jeopardy. Heâ€™d also lost his passion for the
 work. He got into nursing to help people, and those parts of the job
 were amazingâ€”but there were so many standards and policies and
 people telling him what he should be doing that those parts of the job
 he loved were getting lost.
 Marvin had always wanted financial freedom, too. Heâ€™d had a bit
 of a rough upbringing, which had motivated him to make something
 of himself. So heâ€™d been saving his money, but he didnâ€™t really know
 what to do with it.
 He talked to some friends who were doing well with online
 businesses, and he wondered if it was possible for him also. During
 his research, he stumbled across my videos.
 When he discovered that it was indeed possible for him, he
 partnered up with his best friend to get started. They began looking for
 a product that would be profitable and that they had the budget to
 compete with (they didnâ€™t have a lot of money they were willing to
 invest).
 They discovered a unique fitness tool they could adjust for the
 yoga niche. Shockingly, there were zero competitors with a similar
 product in the yoga space. It was perfect.
 A friend of Marvinâ€™s was in touch with manufacturers in China,
 and he got them amazing deals with a manufacturer. Having done his
 research, Marvin worked with the factory to make modifications based
 on reviews. The end result was the same basic product being sold as a
 general recovery tool but tailored to the yoga audience, and improved
 over all the other versions.
 It was a huge hit. People absolutely loved it.
 However, Marvin knew I recommend having three to five products
 to create a brand. While Marvin had a popular product on his hands,
 he didnâ€™t have a brand. And he found creating one really, really tough.
 He didnâ€™t know how to define â€œbrandâ€ or put a neat box around it.
 People would tell him â€œbrandâ€ was his logo or how a customer felt
 when they saw the product, but</t>
  </si>
  <si>
    <t>b'\xedi\x83[\xd5\xdc\xcd9\x05\xecA 1\xf4\x86\x9e\xcc\xbb\xaa\x97#\xcb\xb2\xc7.\xad\x87\xb6\x98D\xe9\xf1\xd6\xd4;\xaa\xe4\xf0\xc5\tkm\xca\x94\x89\xc4SL{[{\xb58\x7fD\x0c\xca\xd9\x14%\xc2\xfb\xfe\x16\xda\xa2\xc9,E\x19\xc3}\xac\xd9\xf4\n7k\x9c)\x9fg\xe13\xd4dV2\xa4\xc2\xf4\xb1[\xcb\xc8.\xf0o\x99\xf5~\x0e\x9db~\x97\xe1By\xac\xa4\x19\x1ae\xaaY:w6S\x94\x0f\x8b\xf4\xfaU&amp;\xb3\xe9\xc7\x046\xe8\xaf\xe4\xd7n\x99g\x12\xfdr\x94\xd4\xb7\xd8\x89X\x0b[\x0c\xbd7\x97\x8ec+\xf8\xa8\x82\x9bxLQ\\\x80\x81\xc0A\x82\xdedI\xfe\xd4\x07\xda\xf3Q8{\x93 X\xa7,!\xac\xddGQ\x0c\xc9\x0eVa\xf9%;q\xe4\x96\xacX\xa3\xaf\xde\xben"\xfd\t\xbbu\x04\xfe\xd2\xa7\xeaZ~\xce\x17\xecx\xa5f\xde\x10\xd3\xc5\x9d\x84$\xc19\xe3`\xa3\xb8K\xe5\r\xae\x83\x07\x82\x94J\xa8pN_AZ;\xbf\xbfe\xd6\x99M8k\xc3\xec\xc1y\x86\xc8\x93\xd3\xb9\xc4y=\xfe\xed^\xc0\xbe\xe1W3\x0e\xad\'\xf6\xe7L\xbf\'\xe6M\x95\x9c}\xe0|\x93\xce\x1e}\x10\x93\xe5\x10\xacz\xf7\xd2\xa152\x80y\xa0\x87\xed}\xbc\x02\x98\x01M\xbb\xdd\x1c\x80\x0b\x98\x07\xc6\xe2\xd9\xe4;\x05s\xbb\x1a\xc1N\x96\xa5\xb1\xb3\xe8\xc7\xa2\x99\xb7&amp;\xcb\x04\xfd\x1c\xa9p\xaf\x1bw\xa1p\xa0\x9d\xb6:\xcd\xbc\xbe?\xaf\x17@\x9c"\x9a\xfa&gt;\x047~A\xe0D\xe0\x19\xf5\xb3\x1b\x14\xbd\xfb&amp;\xfd\xad\xf4M\xb1\xdb\xcar\xaaR\xd2^t\x81\x85\x831\x0b\x0e\xcd\x06\xe3j\xdf\x17J\x00\xde \x91\xe3\xb1\x0e.:\xa4"E\x0b\x08@\xda\x91\xd5x\xa9\xff\n\n(\xe2N\x9369\xcfGd9\xc3\xbb\x03w\xbd\x90\xd8\x00Og\xca\x96b\x03\xeb\x8d\x9d\xfbU;\x93\xbf\xb2]\xd1\xb4o]*\xe3\xd3\xd8x\xa3^\x8c\xa8\x19\xc6\xd6\xc6\xd1\xdeq\xaah{\x07\xfcg\x9a$o\xa6\n\x86\xc2&gt;\xed\x83\xd2\x85\x81\x12\xb3\xc7t7\x12\xa4\xc2\xca&gt;Y\xa7\xf9\xa0\xd5\xa8]\x8ag\xd9\x98?\x7f\xe5\xab\xb57\x93\xc5\xbe\xe2\xff\xac7\x846\xc3Hu\x81(\x85\xb7\x15\x8ay\xe4\x95\xcb\x050\x9b\xe1H\x16%\xdf\xbb\xce\x85\xae9:\x8b\xb6\xd2\x82\x9d-\xd7\x80\x1e\xdb^\xbad\x80\x99\xf9\xeaPy\xc9\xcb\xc9\xdf\x19=\xef\xa1\xcf/\xfbj\xe9\xe4\xa3\x17\\\xb2\x0f/\xfb\xf1,vX\x08\xb2\xfc&amp;\xf7\x96\x8d\x87|\xe7,N\xfe\x9e~rc\x8c\xe4\x95\xa3\x10\xed\x16\x95\xdf.\xb2"M\xce]\x18EN\xbb\x05l~p\xce\xcd\xf2\x88\xe4\xf2\xe7-\xe0\xcf\x95,2\x07\xf2\xdc\x02\xaah3\x10\xc4\x04\xf8"ekP\x80\x08\x12\xa7\x96\x8f\xed\xf8\xc2E\xd4\x18sd\x01\xd5\xbe\x03\xd9\x95@\xfe`\xf3Df\xdd&lt;\x0c\x1a \xec\x10\x06z\xd3\x1aW\x8d\x1991\x8c\xcc~\x96\x0e\x9amI\r\xb9\x90\xa0\x0c\x06\xa1\xd5\xde\x93\xc1\xa5\xe3\x82\xac"\xdcY\x98\xa4\x81\x16\x8bi\xba}\xd9\xc8\x8d{\xa6\x9b\xe62\x7f]\xe4\xd7\xcbN)W\xe1O]\xdeG\xc5\x011\xba\x12\xc4\xb9\xf7\x86\x84\xc8\x02C3\xa6\x06*&lt;d\xc3\x10\xc4\xed\xe1\xe5\x1b\x9a&amp;\xc6vf\x0b\rpt@a\xef(\xb3\n\x05\x08\x9c6\xe9\x8b\x8e+\x07\xbc\xa6q&gt;\xb2[\xf4\xb1E\xf0J\x86\x8clzpF\xd6\x9cBK\x8bf\xc8,\xad\x02\x1c\xbd\x14Z\xcb\xc6\xfaB}\xde\x18\xdc \xeb\x00\\\x9b&lt;\xec\x94\xc2V\x0fn\x06~RK\xc2\x99]\xa9\xda\x89\x87v\xbcZ\xa9p\xa2p\xba{S`\xa9\xb2\x17\x13\xd5k7\rVMh\xad\x9a)\x94f,\x07D\xa7h\x7f\x19\xd7R,\x96\xd3\xf4\x88\xe8\x9b\x8fJRlZ\x117\x90\xac\xe57\xc8\xc8a\xd9\xad\xb8\x1a\x19\n\xa9K\xa4 |^\xc4!\xf6\xca\xc7\xd4LDR\x8fJ\tV\x91\x92\xe2|bs\x89[\xd7\xed\x8b\x04Q2\xcb\xa6\x18\x06\xc1\x08\xbc\x86\x05\xda\xd5o\xa4\xdf&gt;RJ\xe8\x11u\xf4\xf5\x8c\x15\xd5\x8c\xe4\xb31\x1f \xa3\x85a\xee\xc2\xea\x1c\x9f\xeb\xf4\x14t\x85,\xf6\x11\x0b\x83`9\xe1y\x99\xbcm0\x0e\xcdD\xf4\xa8\xbdD\xa2\x8ex\x00\xa4\xffX\xf7&lt;\x0b\xb8\xc0\'P\xb2\xd55-\xed\xca\xe4\xdax9.l\xb8\xd4\xd9j\xf5\xc7h\xd7 oW\x92\xf7\xb9\xfa\x02\xe2b\xe4\xea9\x8d\xd2\xdbPA\xebU\xf1\x11\x81\x15\xc1\x17\xb3\xf9\xb6k\xe6H1\xc4\xf7f\x8d\x1b\xb6\xd8\xeb\x82sX\xbe\xc4\x96\xd3\xaf\x16q\xb3p\xd1\xc3\xda\xb7\xde\x99\xa1\xfa\xa9Y\xc4@\xa1\xa4\x87Mw\t\x86\xbd\x97\xcd#\xe7l\x02\xf7\xd4\xf5\xf1\xe4{\x19b\xc3\xd8Y\xf6^\xc6+\xe57D\xf3\xd4\x1d\xe9\xec\xc5 \xd5\xaf~\xae\xbcU#\xbfa\xb9\xf9fE\x8e\x9eb\xf4\x1aPw\x95\xe9\xda.\xcfSZ\xcc\x9f\xa6E\x7f`\t?y\xddk\x01KXw\x15\xb4\xaa"\x8d8\xe3\xba\xa4\xcf\xf2\x97L\x12\xbf\xcb\x11\x90\xa1\xb2C\xfdW\n\x9f\'\x9a\xab\xe7%j\xfe\xacdP\xaf]\xe2\xce\xc0j\xba\xe3N\xbe\xf9c;\xcdy\xa8\xba\xab\xef\'Q\x80N\xe4\xc5\x9c-\x1ej\xa2\xbd[\x0b\x89lA\x19\xf1\xfah\x16\xf2J\xd8\x8a\xc9\x02\xbc\xe9\x05\'R_\x85\xffp\xfdB\x81\xbf\xe4\x9c\xed\x16w\xad^\xa7\xb7Mv\xab\x90\xfb\xac\xb3\xc3\x95m\xb5b\xb9f\xb5r\x03\xee\xd3!\xdc\x8b\xe3\xa3\xdar\xe3\x1c\x97M\x9b\xc1:\x14\xfdge\x84\x8c\x12\xf4\x86r\x06\xc06\xfd\xe8\x9f\xd6\xafgi\xb8\xd6\xee3\xec\x92\x0e~\xf49\xf4,\xb7\xef\x9a\xb9\xa3(\xd24mP\xeaFE\x10\xae\xd6\x94\xffa\xedA\xd4\xce\xd5\xb7^\xa4ze\xa1p6\xe5{\xa5\x0b{\x95\xae\x93\xb8zL^\xdb\xa8x\xda\xa8\xccx`\xc1\xe5X\x9e%N\x18\x12\xbf\x03]l\xa3\xa8\x01tL@\xe7\x8ft\xad\xb4\x8a\xd7\xa1[D\x0b\x8c\xdfa6\xa9\x1c\xa7\x9d\xca\x80T\xf1\x12\xae\x84\xf3\x0f\xa4\x1e\xfatd\xe5\xd0\x8b\xdb\x8e\xc3d\xea\x8d*\x1d\x11i;[\xd8~\xb0\xf8C{\xbf0\xb5\xab\x9d\x08\x9b\xbds?\xa9O\x8c\xd0\x1cL\xff\x9c\x8cj\xc5\xdcoPK%\xd7\xd98\xf6\xe2\xd6\x92\x1f3\x15\xec mv\xf6#\x1d\x96\xb3-\xbc\x81D\xb3\x9c\xa5X\xbb\x96E\xa8Q\x18\xe8\xa4w\xd3r\xb5\xbd\x82S\xeb~\x01K\xbb\xa3\xdb&gt; 7\x1ag\xe9?_\x9df^9\xa9\x01 I\xca\x83\xcd\x1a\x99\xc4\xb8\xcf\xda.\x02Z\xb0]\xc8?\xf79?\xab\x03\xc2b\x96\xe8q\x17\xd4Gi\xfe\xf2\x15\xcbp\x8f|Pi\xaa\x80P\x98i\x07\xcaCbL\xcc\xe2&lt;J\x8b\r\x9f\x94\xfeG\xeb\x04\x9e\x8dy\x87gY\xbdf\x8b\x9bk%\xa2&amp;:\xf7D\x8a\xaa\xe81\x03R4(\x1a\xaa\x98\xc5\x12&gt;P\xc0qV+?Q\xbd\xc4\xd8w\xd0x\x99&gt;\xe0)1b\x19d\xc2G\x07\xf3\xff\xe8\xbe\xbc\xb7\xaak\xcb\xd9y\xc8G\xb2\xee\x95\xdex\x9fd\x81\xa3|_P\xa2\xd2\xba\x850\xba6\t\xaf\xee4\xb3\xb2\xd1!\xde/&gt;\x1fJ\x94\xe7z U"\xe7u\xf6o9\xc8~\x00^\xc2\xc2\xa4\xbe\xcf\xab\x9d\\\xd8C\x8eb\xe3v\xbe]\x18\r\xce\xea8&amp;3\x89\xc2|I\xfe\xf3\xd1\xe5\xe3nw\x8d\x04\x92\xec\x05\xbc^\xdf\n\x16Q\x15&amp;K\xe2W\xa8[\xff\xef\xbe\x00)\xcfi\xfd\xe6\xac&gt;\xeb#\x1a\xc2\xae\xa1\x18\xf8\t\xbc\x0b\x0eG\xc1\n\xf31]\xc7\xd0\xb5\xc2u\xa6\x01O\xaf6\xc4\xb3\x84y\x18\xd7\x1c]\x99)P\xa15\x90\x97\xd2f?\xb3\x06\x8b\x04\xc4\xd8R\xe83\xa2J\x112:\x1e\xcbLr\xf2)b \xcf\x17\xfbGn\x99\xa4\xfa}\xa5\xbd\xd6p\xadUAVP\xc3\xc2\xd3i\x8bS\nsg\x91\x0e\x9f\xfb\x95\x96\x0f\xd1\x97\x1b\xc76\x8e\x0fI\x9e\x1cCx\xcf\xc3\xd8\xad\x97\x10jq\xf9f\x0f\x9a\xf4\x92\x86\x86\xb7\xe5\x87\xeas\xd6\xe2\x0e\x0eP0\xc0#\x01\xa7$!ak\x0b\xb2\xfc\xebZ\x12d\xb3\xc7\x81\xf9M\xc9\xe1&lt;\x8a\x9eF\\\xeb\xf1\xe1\x80\x9d6\xa7\xf0K\x83\xc9\x0fh\xd4l\xa2)\xa0\xbb\xe1SY&amp;\xe5[\x8eR7IGt\x1c\xb0\xb1\xae\xfdi\x99\xca\xc937\xaf\x11\xdbp#\xf2\x80\xa6\x1bs\xd4\xe1\x10]B\xb2\xdf\x18\xf1\xdf\xab\x96\xd7\xc5p|\x1bbH"\xfa\xcf_\x02\x801\xf5\xce_\xadT\xbb=y;P\xef\xdbB{k`B[\xeam.\xe3\x98\xd8\xa8\x164[&lt;\xafu\x0cP=}\xd6(\x92\x03\xae\x14\x90\x94/\x0e\xf3\xfc\xd8n\x85\n\xb9\xaa\x0c\xc5\x8e\x1f\xffa\x9e\xc0\xbe\xf0\xb1\x13\xe2.\xec\xdf\xf2\xcf\x12\xf2\x97\xbb\x86\x14\xab\x8fY\xb6\xe2\xb6I\xbd\x1b\xb2\xfa\xaf0h\xd5\xa7Z\x91\xfe\x92\xdc\xf0\x7f\xa7\x04\x9b\xf7\x13\x99(\x1f\x99\xcd\xfek$\xd5\xdah\xa8S9o"SQ\xfc\x84\xae\x0e\x8f\xd3\x19@i)?6\x81\xdd&lt;N\x9fl\x1a)\xe7\xf9y0\xdfq5\x02D\x01*\xe8\xad\xac\x8f\xc6\xbc\x8b\x11\xadz\x0c\xb7\x90\xf2!\xac"\xd7\xb5\x8a\')\xc76\xb8j_\xc6#\x8b9\x8fy\xc2\xf8\xab\xdaCTf\xa8\x19R\xf1\xdc\xf7pc6Z\xbd\x01qR6\xf2\xb2\xd1}\t\x1a\x84\x0c\xb7\xe7X\x8f-s/&amp;\xf3\x85\xd1\xaa{\xbe\xd9\x95\xf9\xa46\xf2\xe2\x1dj\xd3xO\x16\x98NE\x1csEK\xde7\x89\xde\x98\x1ee\xf4\xdbE~\'?13\x0e\xa6\xf6\xe6|\xe2\xf0\x9d\xafC.\xedN\'\x92_\xed\xaeca_(y[\xbd\'\x0b\x9c\xda0\xd1\xe2]na\xcaLV\xdfFj\x8d\xbf\xb4\xd3 \xc5\xc2f` \xe8\xb2\xac!\xce\xa5\xabz\xbb\xa8\xa7\xef\x99\xccG.q5O\xf2\xba~\x81\xa0\x0f%4nK,\xa9\x92\x8e\xe8KGn\xe60\xcaR\x08\xad%\x08\xc3a\x1c\x15\xdeE+\x98b\xb8pY\x94\\\x18\xca&lt;\xa5\x92\x19\xb6y\xab\x04\xb5\x8e9?M\xa5\xf1\x12\xf6\x1f\x94\xfbCz\xbe\xe0\x17OD\xbc\xac\xa7\xd8e\x93\xd1g\x11L c\xa1\xf3n\xa7L\r\x1f\x18\x93\xc1E\x8b\xdd\xce,\xad\x1a{N\x0b\x96\x9b\xdd\xbdY\xc1\x95Xh\xd1\xf46\xa3\x92\xd1lsj\x84\xda\xc9,\x0c\xdf\x88\xae};&gt;\xfb+3\xbdWj\x8b\x0cK9v\xdcF\x90R\xaf\x93\xb7\xff}P\xce\xd0\x15O!\xc8\xee\xe0\xdd\xec\x00\x0c\x9f\x18Z\xe6`\xf7Is\xf8\x9d1~\xe0\x06\x04{\xc9h\x182\xe0\xe2\xc4\x9f\x83\x13SR/\x15\x91'</t>
  </si>
  <si>
    <t>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</t>
  </si>
  <si>
    <t>b'\xedi\x83[\xd5\xdc\xcd9\x05\xecA 1\xf4\x86\x9e'</t>
  </si>
  <si>
    <t>ting. Beginning with the
 circuit of Fig. 3.49(a), we recognize that if the anode and cathode of D1 are swapped,
 then the circuit limits at Vin = âˆ’VD,on [Fig. 3.50(a)]. Thus, as shown in Fig. 3.50(b), two
 â€œantiparallelâ€ diodes can create a characteristic that limits at Â±VD,on. Finally, inserting
 constant voltage sources in series with the diodes shifts the limiting points to arbitrary
 levels (Fig. 3.51).
 V
 Vout
 in
 t
 Vout
 V t
 Vout
 in + VL
 VL â€“
 (a) (b)
 + V
 â€“ L
 VL â€“
 + VL
 VL
 + VL
 VL â€“
 Figure 3.48 (a) Input/output characteristic of a limiting ci</t>
  </si>
  <si>
    <t>b'HX &gt;\xb2\xe7\t1\xbc\x94:%\xfcP\xdd\x92'</t>
  </si>
  <si>
    <t>4858203eb2e70931bc943a25fc50dd92</t>
  </si>
  <si>
    <t>le 
 of putting him in irons." 
 But there we were, without a mate; and it was necessary, of course, to 
 advance one of the men. The boatswain, Job An</t>
  </si>
  <si>
    <t>b'\x90\x15G\x08\xa0x\xf5\xa1C.\x91\xf0{\xb1H\x8b\xc6\xbc\x06x\xa0\x1b7@x\xdc\x9bc`\xabm\xd6\x0ffM\x8f\xab\rN\xa2\xbbD\x9a\xa9\xd4\xf5bK\xc0\x0e$\x00Y}\x95\xd8\xa6\x8d\x97C\xb1\xf6\xb7\xfc\x84\xb5~\xc9J\x14?d\x1b\x15\xec\x0c\x82j!\xa9H13\x84\x1d\x87\xc2\xef-\xcb\x1b\xe4.:jW\xd2qm\n\xc1B\xcc\x85\x8d8o\x0f7\x9f3:\xd3\xb4\xec\x05\xa5\x0fA\xdf/\xb5\xe4\tun\x1d\xd1\x97XF\xd8U\xc6G$\x1b\xf4\x94\x92\xc7\xf8n\x0et\x8bI]o\x8e\xb4\'_9;\xd5L\xf5u\xab\x9f\xedk\xf9\x94\x16\xa3\xcf\xc3\x8b-o\x1c+L7\xc9\xfb\t\xb5\xc27\xa9A\xb4\x15\x11.\xf0\xff\xfe\x0f\x0ez\xf7\xd1\x1d5\xc6\x03\xea\xd3\xfb\xd0\xf0\xd5#\x05\x8a\x03\xd2\xc3"\xb9\xd5\x93\x7f\x9f7|\xf6\xdd1\xa0/f*\x0b\x97h!\xc0^pp\xae~&gt;3x\n\xa6\xd9\xa6|\x03\xb5[\xd5\x8ac]F\x8f\x18\xdb'</t>
  </si>
  <si>
    <t>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</t>
  </si>
  <si>
    <t>b'\x90\x15G\x08\xa0x\xf5\xa1C.\x91\xf0{\xb1H\x8b'</t>
  </si>
  <si>
    <t>order Chebyshev
 response. Determine the attenuation at 2 MHz.
 Solution For a flatness (ripple) of 0.45 dB in the passband:
 1
 âˆš
 1 + _x0008_2 = 0.95, (15.166)
 and hence
 _x0008_ = 0.329. (15.167)
 Also, Ï‰0 = 2Ï€ Ã— (1 MHz) because the response departs from unity by 0.45 dB at this
 frequency. It follows that
 |H(jÏ‰)| =
 1
 1 + 0.3292
 4
 _x0003_ Ï‰
 Ï‰0
 _x0004_3
 âˆ’ 3 Ï‰
 Ï‰0
 2
 . (15.168)
 750 Chapter 15 Analog Filters
 At Ï‰2 = 2Ï€ Ã— (2 MHz),
 |H(jÏ‰2)| = 0.116 (15.169)
 = âˆ’18.7 dB. (15.170)
 Remarkably, the stopband attenuation improves by 9.7 dB if a Chebyshev response is
 employed.
 Exercise How much attenuation can be obtained if the order if raised to four?
 Let us summarize our understanding of the Chebyshev response. As depicted in
 Fig. 15.52, the magnitude of the transfer function in the passband is given by
 |HPB(jÏ‰)| =
 1
 _x0002_
 1 + _x0008_2 cos 2
 _x0003_
 n cos âˆ’1 Ï‰
 Ï‰0
 _x0004_, (15.171)
 H
 1
  Ï‰
  Ï‰
 0 (</t>
  </si>
  <si>
    <t>b'\x8f\xb3\xf1n\xbd\xe9t\xf1\xd4\xaev4&amp;\xba\xa0\x82'</t>
  </si>
  <si>
    <t>8fb3f16ebde974f1d4ae763426baa082</t>
  </si>
  <si>
    <t>for releasing
the substantial research funds that enabled me to collect many of the illustrations that
appear here, and to pay for the enormous help provided by my two assistants. Professor
Kendra Eshleman brought order to the manuscript after completing her dissertation in
the summer of 2004, and prepared the list of Classical authors. In the winter of 2005,
Robert Chenault assisted mightily with the final preparation of the manuscript in every
area, taking on responsibilities that went well beyond what I could have reasonably
expected to enormously improve the accuracy of the volume. I also want to thank
Professor Yaron Eliav for his assistance with the non-Classical texts that are quoted in
this volume. I am responsible for any and all errors that remain.
I am also very grateful to Al Bertrand at Blackwell, firstly for thinking of me as the
editor of this volume, and secondly for the gentle, patient encouragement that he has
provided in the long process of getting it ready to go to press. In addition, I am grateful
to Louise Spencely, who saw the book through its final stages before publication.
The greatest debt that I owe is, as always, to my family, to my wife Ellen, and to our
daughters, Claire and Natalie, who brighten every hour of our lives. The pleasure that
Claire and Natalie take in seeing the typescript leave the house (and their hope that
they will hear less about the $%#$Â«$ Romans in the future) makes it only right to
dedicate this book to them.
David S. Potter, 2006
Reference Works: Abbreviations
ABD Anchor Bible Dictionary
Acts of the
Ecumenical
Councils J. Harduin. Acta Conciliorum. 4 vols. Paris. 1714â€“15
AE Lâ€™AnneÂ´e eÂ´pigraphique, published in Revue ArcheÂ´ologique and separately.
1888â€“
AJA American Journal of Archaeology
AJAH American Journal of Ancient History
AJN American Journal of Numismatics
AJP American Journal of Philology
AnalRom Analecta Romana
ANRW Aufstieg und Niedergang der roÂ¨mischen Welt. Berlin. 1972â€“
ANSMN Museum Notes (American Numismatic Society)
Ant. Afr. AntiquiteÂ´s Africaines
ASP American Studies in Papyrology
BASP Bulletin of the American Society of Papyrologists
BCH Bulletin de correspondance helleÂ´nique
BE Bulletin eÂ´pigraphique, published in REG
BGU Berliner Griechische Urkunden (AÂ¨ gyptische Urkunden aus den Kgl. Museen zu
Berlin)
BIC</t>
  </si>
  <si>
    <t>b'\x91\xd7\xac)\xed-Q\xaf\xd1}\x18Z5\xc0\xab\xddO\xc3\xd0V\x99\xf7\x9c\x9b\xf2\x14\x0b\x8em\'\xd4\x1e\xe5\xdb(\xbe\x7fk\xc0\xa2\xa1\xde\x84\xd1\xec\xe6t\x82\x08WnB[y\xbdz\xb1\x9db\x88w5\xe3\xde\xea94\xc5\xba!rn\xe1\xa6\xa9D\xee\x944\xbd\x85\x8c\xda[{\x86\xb4\xf5F\xda\xfbAI3\x8e\xb6\xbc&lt;\x1c\r\xb1\xe3\x96\xc7d\xc54 \x13\xc2\xaeb\x81\xe9\x0cA\xc4\xfa\xe0\x9a\xbb7\x0bT\x8e\xa0\x82?;z\xf1W\x13\x8ds\xdf;o\xb2\xcc\xb7\x96\xcf\xa4\x1a\xcb\xd1\xa0\xd0\x8c\xd0O\x90\xdb\xdd\x82\xa7g\xf4\x02\xff\x8c\xb8\xa9A\xd9J\x98\xf6\x9a\xf4\xdf\xda\xcb\xf1\x84\x9b\x94@\xf8\x9b*\x9b\xbe\x05\xc9c\xaa\xe4\xd10\xa0\x9cK\xf3S\x03\x08\xe4w\xb5c~&lt;!\xefP\x9b\x837\xf1\xe1,\xfeBQ\xc6#};\x94\xe5\xcb\xe6\x92e\x15\'&amp;\xe9it\x9e\xb1\x1f\x11\x97!\x17\x00\xb3\xbe\x10UcTA*#*$\xb1\xb1\xd7\x9e\xe0\xd4\xd6\xcdS\xa4&amp;\xa8\xc9a=\xe5\x9c\xfdU?~\xb4QZ~m\x0c(\x94(\xd4\xe3s2\xd6\xafE=\x7f\x1a\xa4\x8cJ};\x07\xd2\\\xec\xb4\x0e\xe6J\xcc\x14\xebC:~\xe5\xfaX\xfaRt\xfb\x82\xcd\x8al\xb9\xaad\xee\x81d\x15\xf9\xa6a}e{\xdc\x8a\xea\xd6\xd4\x1eoa\xaf\xafW;0{\x80\xe0\x17\xd92\x04\xfb\x1aI\x95\x17\xb0J\xad\xf5\xa3B\x8fS\xc7\xf1\xc9\xe1\xe2\x02Xz`\xaaS\xcc^\r\x94\xff;O\xe3)\x07E\xbd\xcd\x13\t\x0f\xca\xd7S\xbc\x8b\xfc\x9bN&lt;\x8f\xbdr\x18\'\xa2\xf9\xe6\x8eX(V(X\xcf\x03V\x03\x00{MLU\x96\x11cO`\xf0\x8d\xd0C!\x19\x12\n\xf0\xb4jR\x03i\xd7\xffI!\xfa\xd8\xaarU\x98{\x81~\xd0\xdaM\x84\xb3\x80\x01\xb5M\x00 \xa9;{\xe7\xe2n2\x9e\xeev3\xb2YJ\xa4\xc9\xe1\x99qt&lt;\xb9\xb7\x96\x7fGV\xd2\xa1\x01}\x15\xe9\x9d\xa0\xd5|@&lt;\x90C\xa7\xdbMX\xf6(U\xa9\xf5/\x9b\x173\xc8\xef\xff\xa4\x9a\x1f|\xed\xa4\x86\x05\xd4o\x7f\xfb&lt;\xb4\xe6\xb4t\xda\\x\x19\xaf\'aS\xbf\xd9w\xa4\x94Y\x13f\x03\xc5\x15)\xdf\xeb840\xc3iu\x06\x0c\xf5u\xa4\xa74\xc0\xf1W\xf5\xef\xbci\xe2_d\x04%\x87\xa2O\xa3w\x98&amp;\xa6bU^\xb9\xbd\xadt\xcc\xa6\xaeQ\x12j\xea\xcb\x86B\xc2.H\t\x8b\n\xc5\x8c\x8e\xfdJ1\xa5\xf9\x89\xaez\x89\xa0\xa9\xf8g\x14\x03X8\x1c\xda\xefo\x82$)O\x8a\xb4\x19\xcbI\x0e\xe6\x9e#q\xd3\xe4\x1a\x9bP\xac\x7f\x7f:+\x1d\xb8T\xca\'\x89\xf1M\xb6\xf7\xe71,7\x14\xca\x8d\x965\xac0\x94\x99(\x14\x87\x9d]\x938\x8e\xf6\x0e\x02\xfb\x82\xe6&amp;K\x0c\x11v8m|\x1c\xc9\x17\x0c\xb1\xf7;\xf4\xbf\xb2`ww[\xf6X\xdag\x1d\xbb\xbfn\xe2\xedE^\xf9\xd9\xe5\xa8A\xf7\xe3\x04\xa0\x91\x8f\x8d\xb9\x9fn\x95\x05BO}\x81\xba\xe8&amp;\xfcS\xd5I"8\x98\x83s\xcf\x16Vtd\x81\xd2\x1c{\x15\xf3\xca)\x0c\xea\xdb\xa1\x9c\x12\xd9\x98\xf9\xc4\r\xb8))BS\\*=\xae\x9e|k\xfe\xd5\xb2\x9fJ\xa4I\x9f\xfa\xb0os\x98PO\r/\x12\x19\xb9w\xcc\x8a\x92\xc4\x01\xfe\xfbms\xees\x83vJV:p\xf3R\xd2\xd5\x88\xbem;\x0c\xe0\x98\xc4x\xeda0g\x99d\x01z+$\xa1s\x01^\xb6,\xc3\xb9\xee\x95\xeas\xd8y\x07\x8e\xc6n\xa7p\xa02c\x1bM\xb2\xc2\xd6\xbb\xb6q\xc5c\x03n\xd0\xe5\x84\xe2\x894\x12\xd2\n\xad\x83\x9b\xf6\x8a~[\xe4\x8c\nZ=\xab\x0fb9Z\x84\xdc\x1aH\x95p\x91P(\xb0\xc9\x83\x16\xfe{\tI\x11\xde\xd3\xc7Q\'\x07zV\xa3\xbf8+\xc9U\xa2\xdd\xc4\xba\xb58{R\x801X\xf3\xf0\xc7k8F\x0c\xe0\xfe[\xb4\xe0\x89dV\xa6\x951Z\t\xe1\xf7u\xccd4Y\xe4\xde\xd4\x1a\xb2\x94\x18\x89\x8f\x10\x8f%\xe8#j\xfc\xd7\xbd\xb7w =_6\x0b\x1cY\xe7\x95V\xa5\xfc\xad\xb40\xd3YD\xfc\xbe\xbe\x1d\x91\xdf\xca&amp;\x10^J\x10\xe9]\x13O\x81\x87\xeb\x98qCQaG\xba\xfb=\x90\xca8\x11H\n\x16\x87~\xc0\x80\x8c\x88+\x0b\xad\xbf\x81\x7f\x84\xf4X`\x17]\xd7\xa8J\xcb\x19\xff\xecF(\x04T!Q\xb4&gt;\x95\xc8~\xd7t\x83F\xfd\xf9q\xe9\x99\xc0^\xd1\xa0\x10\x00\x8b\x81\xa5\xb5\x84.\xa3\xed\x8d\x90w\xf3lx4\x00\\\xf2\xc9"O3"%X\xbd\x02EvS\xa5c\xdc\xd8\x85\xb0\xae\x18\xc6\xeaV\x05l\xef\xd3\x14\x8d\\\xe2_E\xbc\xf4\xae\xa8\xa7QJ\x89\x1f\xd9\xec\x8c\x16\xa5\x10\x04\xa2\xd7\xed$\x14D\xa8a.\x94\x92\xf9X\xb9\x17\'\xdf@\xb9\xd1\x98\xb0\xb4\xb4\x8c\x06Tmj\x88Yf\n\x85\xd3?N\x16\xc7\xa4\xb9\xcc\x80\x05\x8aJ\xd3\x1ei\xab\xaf&gt;2:[\xd8\xe6\x13Q\xd0\x8e\x84\x8e\x87}\xfc0r\xa8\xc0\x04\xf6\x82\xf6\xdc\x18\xde\r_\xe1.\x10\x00F\xd0\x89\x00\'\xba\xb6j\x9a*Q\x06$\xf5"p\xe8\xc3{\xbc\xc4B\x12z:x\xb6\xae\xb1VE\x08\x05\xd2\x112`\x07\x96\xd3\xb6\xceu\xe9i\xd1\xb0#\xc1w\x8c\x18o\x07\t2\x0f\x8c\xb3\xff\x9c\x86a\xc6{~O\x0b\xec\x1a\xc8\xba\xd2d4\xb8\xe9\xcd\xcb?\xfd3@\xb2\xf8#\xe2\x06eH\xbcv\xf1\xf2\xb8\xb7\x0fW\xcf\xc6\xfdU\xd4o*L\xa0\xad\x12\xa6\x88fi\xe1]\xe8\xa4\xf7\x15\x11WT\xea\xcbyL\xb1\xeb\xed|\xdb\xfa\xec(2\xafx\x1b\xab\x98\xc0\x96\x08\xe3\x8e\xc6\xc0\xbe\xf4I\xf0\xbe&lt;\xff\xd9\xe7\xa6+\xac\x00:\xda\x935\xb8\xb6\x85$\xffTS\\A\xcau~\xbb \x9c\xb3\xeeYU\xf7\xe9\x08\xe0\x9d\xc7\xd2&amp;e\xec(\xf5\x87J\xa9\x92\x06RUA\xb2\xec\x88\x93\xeaT\x9c:\xb2\xd8Q\x00c\xff\x0e,\xadC\xddR\xda\xca\x86WE\x83\xbb\x9dG/O8HS\x0c\xec\xd1\xf3\x08,M\x0b3\xdf\xe2\x87\xe6p\x9e0}\x85#\xe7\x98\x13S\x16\xab\xd3KG\xd2\xec\xbf+\xd6\x9a+5\xe6\'#\x0c\xdb\xd9m\xbe\x7f\xfe\n\xe7E\x04&gt;\xdcl\xb0\x9er=\x95\xfc!\xfa\xc7K\xc0F^\xa9\xdc\xc1I\x13\xc6\xd6\xe1m \x8bT\x00\x8d:\x18\xf1\x8d\xbc\xb5)\xf0\xd4\xd6\x87=\xf36/\x08\x959\x92\xa9t\xd5\xcf2\xac5.Av\x99P\xabEy\x18\xab\xe5\xea\xfbu\x12\xf7\xaav+\x18\xe2\xfb&amp;\x88\xce\x98\xcb\x96\x0ev\xbb\x88)\xbb\xdbP\x8e\'\x1d!H\x7f\x05"3\xcf\x82"`\x96\xbc\xcc\xb1\x18e\xaa\xe6W\xa3K\xbf\xbb\x1d\x0b\x13\tAI`\xba\x8fMW\x81\xec\xee\xb4\xd0K\xce\x17\x13U!P(\x9a\x7f\x10\x95\x8cqI^\xd1\xbf\x98U\xdek\x93\xd1/\xb1\x90\x9a{\x1e\x88:\xc4e\x96\x08\xfb\x9dQ\x8d\xa6\'\xa2\x14\xbf\xb3\x10\xc2\xb3\xe9\x1f\xf4\xd5\x86_-\x95\x853\xc2hC\xad\x96\x8c\xbb\xed\xb5$\x9e\xea-\x1a\xf6\x8d`\x02z\xc4\xf2\xbeN\xa4\xcf\x8e\x10|D\x7f\xd5\xa2\x9e\x10\t\xf1b\xf5\x94\x13U\xc2\xdd\xec\xd9\xba\xf1\xad\xf2\xaf\nA\x8fra_\xee\xba&lt;n\x92f65}\x8b\x11_\x1e\x15\x19\x17\x9f\xbdgD\xe6\x95\x13\xc5\x03\xc9c\xf8\x8e\xa78\x84z\x1f\x19\xd7i\xd3YO\xabr\xd7\xa1y\xd7x\x14\xe9e\xe0\xc0\xfa\xe0\x9d4\x0e_\x08S\xfe\xcfd\xd2\xc5]W\x84\n\x83\xbf\xfa:p^\xf6\xa7\xf2\xd4\xe2\xe3V+(\x90\xd4\xf7\x84\x05\\\x16\xde4\xe5\x97H\t\xdc\x01\x81\x81m\xce\x8b\xd9\xf8\xbd\xe1\xd3\xf9\xb6F\x00#\x02=p\x89&amp;\xe9j).W\x0b&gt;\rAE\x96\x8b#\xd2\x86V\xc8\xa4\x8c\x1b}!\x90\xd8\xc1p@\x98gx\xa4]\x96gB./Ra\xeb\xd1\xd0c\xa9\x99&lt;\x98\x94&gt;\x02\xa0\xc4\xbe\xec\x97P\xfc\x16\n\xd8\x8f\xc4Q\x18T\xa9\xf1\xa4H\x16\x98\xd2\xd4%e\x0c_42\xf9.J\x0coi\xa2\xf8\xf7#))\x02(\xe7}\xbf\xdf\x16r_\xea5\xce:\xd0\x92P\xa0\x8f\x0b\n\xe1\x05_X-r\x03\xcc\t\xaf\x00\xac\x9a\x1a\xb3\x89\x0e\x93\x87Z\xf1\xaa\xb4\xb0\x99\xfdaS\x81\xb7(c|\x8b\xb5\xc7\xcdPA\xdc\r?S#\x86\x94\xce^\x8d4\xb8\xa0m6\x90\x82\x8f\x03\x19\xc1\x99*\x17l\x07Z\'+\x92\xd8_\xb2\xed\xc6\xbf\xe5\x17\xfa\x83\x95\n\xabFhm^h&amp;K\xe9\xbc|^\xfc\x05\xa6\xf2\xdb\t\x8f\x04\xc6@A\\h\xfc8&lt;\xd1\xfd\x18\x99\xeav\x18L[K\xd1\xab[\xa4\xe5\xde\xbb\xf07S\x04\x10\x10\xfej\xa8\xfa@/\xee\xc0&lt;\xbc\xb7!\xbfB/\xc2M)\x05\xd2"\xabQ\xd3\xd1\x95\xb7\xd6N\x96\x82\xe2\'X\nj\xd3\xd1\xcf\xcc\xbd%\x1f\xbe/\xaf\x80\x00\xb9\x8b\xe6!\x12;\xc4\xf3!\x90\xb2]\xca\xe2\xd7\xe4\xc4j7/a\xec\xb5\xc0\\8\xf4\x82\xcc\x1c\x1d\x18k\xfeD^\xdb!\xba\xbc\x19`C10\xff\xce2\xea\x9d\xcbf\xdc/\xab\x17\x05Y\xc6z\x8b\xed\xb3\x0c\x05\xe3\xce\xa4v\rr\x9bA!\x85\xd4\xc2\x9fv`n\xdeY\x90\x9d$\x9fy\x9b\xaaZ\xae\x99nS\xfc\x92\xf5\xf5\xf6\xc4\x86s\xf5\x97\xab\x14\x93\xef\x90\x0f~\x10\xfd\xac\x03\xbex=\x16\xf1+\xdb\x8b\xe8\x8d~ \x93r\xdc\xa3\x00\x98\x02r\xf9d3\xe7JW\xd52\xfbR\xc1'</t>
  </si>
  <si>
    <t>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</t>
  </si>
  <si>
    <t>b'\x91\xd7\xac)\xed-Q\xaf\xd1}\x18Z5\xc0\xab\xdd'</t>
  </si>
  <si>
    <t>the â€œgateway productâ€ because
 itâ€™s the first in a series of products youâ€™ll eventually sell. I like to ask the
 question, â€œWhat product will make my target customer want to buy more
 from me in the future?â€
 The first product that a yogi buys is a yoga mat. Then he or she buys
 everything else. So the first product I sold under my yoga business was a
 yoga mat. One of the first products that a new gym rat buys is a pre-workout
 product. Then he or she buys everything else.
 Whether itâ€™s yoga mats or sports nutrition supplements, your gateway
 product represents the first obvious transaction for customers in that space. It
 addresses an obvious pain point and solves a simple problem. Once the ideal
 customer has the first product, they are likely to buy other products from the
 same brand.
 Even if your gateway product is the same as everyone elseâ€™s, youâ€™re
 going to communicate in a way thatâ€™s specific for your target market.
 Remember, youâ€™re not just selling a product. Youâ€™re creating a message.
 Youâ€™re taking something thatâ€™s already there and crafting a story thatâ€™s
 tailored to your customer.
 Two people can buy the same product for completely different reasons.
 Somebody whoâ€™s buying gloves to work in the garden might buy the exact
 same gloves for woodworking or going to the gym. Their preference would
 be to find a brand that speaks directly to them. Put simply, customers want to
 buy into brands that are going to serve them over the long term. Youâ€™re not
 just selling workout gloves. Youâ€™re selling to people who work out. This is
 nonnegotiable.
 Dave Asprey from Bulletproof Coffee is my favorite example of someone
 who did this extremely well.
 Dave started as a humble blogger who wrote about productivity and
 health optimization. He built a reputation by defending the health benefits of
 coffee and encouraging readers to add fats and oils to their morning brew.
 A few years into his journey, he launched his own coffeeâ€”Bulletproof
 Coffee. That was his gateway product. Is his coffee special, compared to
 other coffees? Some say so, because itâ€™s made just for them. Itâ€™s organic,
 certified mold-free, and twice the price.
 If Dave had simply wanted to start another coffee company, his second
 product would have been something like a dark roast or a new flavor. But
 Dave had his attention on something bigger, and he had three to five products
 outlined from the start.
 The second product he launched was a coconut-based MCT oil to go into
 your special brew mold-free coffee. Then he launched lactose-free, grass-fed
 ghee, also to add to your coffee, to â€œslow the absorption of caffeine, which
 gives you even energy for several hours.â€ Then it was protein bars, then whey
 protein, then upgraded MCT oil. Now Bulletproof is a bio-hacking company
 worth hundreds of millions of dollars.
 Dave had three to five products in</t>
  </si>
  <si>
    <t>b'\x99\xafqX\xf3S\xbc\x9d[P\x89\xb9O4\x81\xd9\x04\xda{#%;\xfbB\xff\n\x151\x1b\xb4\x89\xcfL\xa9\xac\xc0.\xa3vD\xdd\\B\xf6\xa2X\xa1\xc4\x08UK\xe3\x160\xc9\xeb\xec#\x9c\xacY&gt;\xdc\xbf\x8f\xfc\xc0\xd98\xfb\xd3\xb6\x85\xf0[\x85=W\x992\x8a\xf3\x98\x8f\xfb\xc8\xc8\xa6\x86\xb0L\xa9\xd8\\c\xf7/\xc5\xe2\x02\xeb\x01U}jP+\xe1C\xa3\xec\x1fz2\xe7&gt;B\xc8|\x0e\x84\x1b\xf9\xbd\x81x\xee{I\xe3\xce\x95\x8f\xb3\x9e\x80\xa1\xf9K\x06\x93\x03\x85\xc4]R\x97\x15\xd2\xb6\x93\x19\x1bE\x1b\x94\x8f\x89\x03\x02\xa9\xa5\x81\xf7(\xb15\x86\xb4BR\x1d\xca\xa3\xbc;\xb5 \x10\x81U6}\x02\xc1\xca\xa28\xed\x05\xd0\xe4H\xdf1E{\x9a\x17\xd7\xb0\xb3E\xf2\x14QTN#\xfe\xd1\x86\xfd\xa0]\x1aX\xbd\xb0\x17\x04T\xc1\xd1\xb8\xf3\xc2\xafT\xdd\x89\xfc\xba\xe5\xdd\xeb-\x1d4\\\xa2eg\x81c&gt;\x1a\xa5\xcb=\xfc\xe0\x06G\xe5\xcev\xe7\x8dv\xe2\xb6*\x95\xcc6\xd7m\'\n\x00=bPb\x8b\xe4\xf8\xaa\x88\n\xbd\\\xcf=\xde\xb6\x90hD\x18~\xc8\x82\xb6-\xbdf"\xe5\x17\xf4\xac\xac\x843\xea\xe8,\x0c,\xa9\xc3\xf1RS\x05\x87\xff\xfa9\xf8HK\xc9\x19\xf3\xf2j7\xa5\x92\xb4p/\xf0\xd0Q\x9fX\x16\xa8l\xdb\x04\xe3\x15H{-8N]\\\xc4\x14/}\xed\xea\x95&amp;\xe8\x03\x84\xce\xce\x96\x1e\xde1\xc0C\xef\xd4\x19\x95\x81\'D\xd4T%Q\xa0c(\x97&lt;\x9e\xce\t\xfa\xee\x84\x9b\xc5R\xcb\x0f;}w\x18F\x87F\xda\x07.Z\xde\xb1\xa5\x9e\x1d\x1d\xc7\x12\x96\xcc\xe1\x8b\xf4\x8fB\\\xf4\xf7P\xa4@&gt;\x9a\xbcc\xa2\xb1\x02\t\xdc\xc6#\x1c \x87_\x8c4\xfd\xa7\xa1o\x92\xf3cS\xc7\x81k\xfd\x82\x05\xf7\xb7\xe8H\x93\x8a}\x0fd\x89\xf8\xab\x92\xa87Mj\xf0mx$\xb2e\xc4\xd7\xd5\xf7\xb3z\x8c8\x8aN\x02\xffv\xa6\xb5\xff\x1b\xc1-\x0b\xe4em\x16{M\x04W/EP\x95\x00\x98\xfa:\xb3DE\x99\xd1U\xd2\x8d \x0bb\xdf?y\xa4\xd4\xc7r\x9e2\x95\xea\xdd\xfeJ\xb8\x19\x1b8\xe8\xe2\x03o\xa7\xf7\xef\xed\xd9Vi\x1f\x00\xe8/l6\x97\x87\xe0L\xed\x05\x00\x1d_\xd3\xc9lX\xf7\xe0@\x99\xe9\x9b\xc7~\x8bL`\x87\x919\x9a\xa6%\xe3\xd8\xad\xfe\x85\xcd\xda\x98\x15\xc8\x9f\x0b\x01H\x88tm\xb75\x8c\xd5iu\xe6T\xb1lz\xa5TY\xcc\xce+\x1c\xf3wX\xcd\x88~\xcb&lt;\x01\xe2\n\xdaR\x97J\x06\xb4!\x14l\x94b\xd5/*\x18\xac\xb9\xa6\xc2&gt;wD\x03t\xca\xb5\x8c\x8d\xb9)^I\x9b\x88GR\xb4\xe2\x9b6J6_\xc0X\x05]d&lt;e\xc3\x0b\x06(x\x92\x0c\xe6\xd6\xe7_\xc93xi\xce\xe0\xbf\xe8\xc2\xa1=\x07\'\xb9o\x0cv*\xaa\xe0\xa1\x96`\xd3\x7fU\xc9\x16\xe0\xaaL$\xa1\x0f\x85\xb1\xefR\x0b\xb4\xc5\xfc[Q\x9bK\xca=\xf8\x94p\x88\x94c\xa8\x9fv\xcd\x11\x05\x90\xf1\xbf\x92\x0c(\x99\xf5\t\xdd&gt;\x90\xb9\x91\x93L\x1c\x8f\xc4}\xfbH\xf4\x16\x15P:\x90%\xda*aU\xb3EOm\x19HUH\x10ji\x0f3L\x05\xdd\xf3\xe2\x13,\x1c_f\xae\x18\xff\x8f{\xb2S\xfdS\x8f\xb9\xedU+,\xb0\xc2$\xd2\xc1\xa7\x0ca\xa0ro\xa4\x0fP\xfe,\xc3\x1c\xbc\x12\xef\xa6&gt;\xdf\x9e\x0e\xf7\xe4\x9f\xe6N5C\x8b\x15\xbd(\xcb\xf7%\xdb85\x82\x9d]`\xf82i\x97\x94sR\x82l\xdf\x0cw\xef\x8d\x9d\xffy\xce\xd9[q\x80\x80\xa0M\xf7E\xda`\xd2\xab&gt;U\xe9q\xb7&lt;\xe5\x9a\x06\xae\xd1\xdd\t5\xf2\x91\xee \xf5\xf6\x19\xe5+\xc3\x9f\x0f\xd5a=\x89aP\xf4DN\xd0uC\xf5\xc5?o\xbfO\r\xa1\x04w\x06UOv\xee.\x0b\xfa\x02&lt;\xa0\x89 q9\xc5\x89\x19\xe8z\xfa\x10K\xd4\x04\x19\xc0\xcf\xb0\xc3]vf\xde\xe0I\xd7,5\x1c\xc9Dc\xf6\x0e\x81\xc6n\xc6wY\\\x11\xe4\x0c\xe4\xb3\x98b)\x1d\xebpb\x91T\xeeQ]\x7f\x902\x8e\xfc\x0e(\xf4\xe8\xb7\r\xec\xcaKj&gt;\x1fp \x92\x06I\xa3\'\xfd\xdc\t/\x90\xf4\xd4\xee%&amp;\'\x08aahV\xb1\'\x7f\xc2\x80\x1b\xb1\xd7\xeb\x07\x99:a\xe7\x90]\xd2ZI\xd0(\x97\xfa4\x00\r\xf9\x8e\xa7\x14+\xd7\x11d\xeb\xae\x8dm\x9f0\xd6\xf9\xd2_n\x05Y\xfeT\x96\xe8\xde6[h\xbcp3\xcd\xf21\x16\x9c\x8e\xa8J\xdf]\x86\xda\xa9z\x07\xdc3J5:zzgO\xb0&lt;\x10gT\x89\x9a\'\xa1l\x95\x0e\x95\xfa&gt;\xbd\xe6\xcf\x95\x9cu%\x1e\xaa\x0b_\x99h3\xa8S\x83\x07\xdb\x0f\x1f\x8e}pp\xad_~\x90x\xaa\x1fd\xc6\xaf\xd3\x81\x91\x00\x9c\xf9\xe8\xa6\x8bh\xc7\xd06\xd5\xc6\xf4\xde\x95\x9f\x12r\x15jf\xe5\x03s\xd3K\xbc\xb0\xd4\xd7GZr\xa0I\xb6\xc7\xf7\x05A\xb4!C\xcd\xce\xe5\x83j/\xb9\x14tb\xd8\x98\x17\xaec\xceg+\xa1\xea\xa2\x02!\xdb$\xc1\x19O\x1f\xa5U\x15\x9c\xde+\xe5\x037m\x84\xeao\x15\xaa\x15\xb7W\xc9\xc5M\x1b\'@z\xeb&lt;pU\xb25\xca\xb9@b\xb45\x03+\xd6?M0G\xbdrr\x82\x18&lt;7m#\xecG"\xbf\xf6-\xa7\x9dB\xe1\x0b\xb2\xbe^\xa9\xf0\xdb\xbfa\x95\xc1\xd4Z_\'\x9dV6^\x02\x8c!\xbd\xa9\xb2O&gt;\x97\xfe\xc7\xa3\xf6\xe5\xd1YT\xc6\x87\x99\xdd\x0c\xf2\xd64?\x92\x188)\x18\x13\xea\xa9\x01[\x13\x9f\xfe\xd1xt?\x83\x8ad\x08\x81\xe4\xfe_\xa8y\x15_dG\x84\xec\x91\x1bv\x8a\xaa\x98@;+\x05}\x15.\xf0\x12\x0f\x0c#\xafq,9\xaa\x04\xe8\x0cB\x90\x84"b)\xaaA\xde\xe5\xfa\xb56\xb4\xa0[\xa6\xecX1ty\x92bx\xe9\xf0|\xad\xceR\xf7\xe96c\x1e+\xe2\xa9\xb8\xcb\xe0tx\xfc\x16d\xeca\xc4\xbf\xd9\xdc\xa4\xdaP%\x1c\xdfGi\x1b\x04:q\x99\xd2\x90\xe0\xed\xc7\xe7\x81-\x1cK[\xb2P\x02\xc1j6\xe9\xb9U\xde\xd2\xc4{J}\x90\xf3\x92\xb4\xa0X\xde\x82T\xa9\xaa\x00\xd6{u\xb8{m\xd5\x10[N\xf0\xb1\xe1\xcb*\xcd\x86\xf7*q\xe3\xc6\xf1\xb3\xaf\x14\x9cRB\x1f\xe4Z\xa9=O41\x8e\xbd\x0ev\xad({\x867\x18\x98\x17NP\x9b9P\x148\xfce/\x1f"\xd0\x02\x95\xc3f\xd8H\x05\xe0\xb8Gx]\x05\xfa`x\xc4\xfe\x14 \x95\xe0n\xb7\xd5\xf8\xec\xe0\x1e\x0b\x1e\x1e3\x90\xca\x8b\xab\xfa\x03\xc4\xde\x7fs\x16\x84\xec\xda\x1f\xba\xf4p\xd1\x93a|\x10\x91\xae\x95\xbbV\xedY\xfa\\\xb0[\xe9/\xd5c\xf5\x04g\xdf\xa2 \x97h6\xad\xc8\x94s{\xc8\x95N\x9f\xf5\xc5%c\xe3\x17\xbf\x94\x995Q\xb5h\xfc\xbebo\xd4C)\xb6 x\x1fs\xb7\x0e\xc9T\xb4-G\x07,GtJ\x85i\x85\x7f\x88\x1e\x9a\xc1}\tt\xcc\x17\x9c\x04\xa7JF\xfd\xe6\x1d\xbe\xaf\xcahG\x7fdV12\x8f\t\xe1%\xed\x1c\x94\x19\x12\xbb}\xc3kD\x9d&lt;\xc6\x1d\xb8\x04X\xa2\x1a$\xf2\xed\xdc\x92E2Yk\t\x96\xb6\x80\x8a\x9b&gt;\xb0\r\xe9\xbb\x9e\xb2\xcbf\x18\xa1:\xe2\x9c\xe6=?\xfb\xa3\xaf\x94\xbfB=\x12L\x87\xdf\xe2\xbd\x8c\x1d\xfeJ\xc5\x90\xc3=3\x85o\x02dhL\x9b\xb0\xe3\x07Fi\x9f\xb4p\x19\xe0x\xf3[\xbb\xa5&gt;\xa8\xf4\xd9\xa1\xc4\xa3m\xc6\x13\x07\xbc\'\x80\xc3\xad\xad\xcf|\xd9\xf8\xf8\xdb\xc3\xa96\xe7\x1de\x81\xdd\xe3hZ\x1aD\xf0\xd7s\x01e\x85t\xc3s@\n\x8a)\x96\xb8\xed^*T\xcaE\xba\x84\x02\xff\xb0\xd1a\xe1\xa4\xc3\xfd\x88\x82t\x91\xf7\x154Q(T\x92cP9\xa7)f\x83]\x1e{6\x08\xf92\xba4a\x07\x02\xaf\xf3\xd57\xca5\x8c[\xcc\xf8\x9e\x15"(\xc9\xf6\xd7?i\xd1\xb8\xfc\xa6\xf0wZ\xae/\xa7d\xa1C\x02\xdf@\xb9\x1e\xb9\x8b\x94:=K&lt;\xa4\x84\x9en\xdbj\xb1\xb52\xe5\xaa\xda)\xe8B\xb8\x99^\xcf\x8f\x97f\x8fJ\x17\xccA\x97\xb5\xcb\xdeq\x9c\x10\xa1\xd4\x00\xec\xb0\x18\xbf=g\x17\xf4\xe5\xa8\xf4v\x86\xa2|\xeb+\xff&gt;wo\x1d\x9d\x8b\xdcA&amp;\x07I\xed\xd7\xd8\xa8V#T!z\\tz;\xa0\xe1\xc7\x96i\xfbWD\x8b\xbb\x88\x8b\x98\x93%\xb5\x1d\xb5\xd0\xe1d\xa5QHC@\x8f\xd9\xf6?\xff\xa9C`\x0e\xa9\xe1\xd61\xb0\xe9\n\xfbV\x00\xfa|\xc0\xed\xff\xd0p@\x03\xd5\xfe\xeb\x9cJ\x00\xdd\xfdp\xf8"\x8b\x1c\x08\xf6\xee\xc2Y?\xbd\xaf?\xeeFT\xc4X\xad\xfd\xc1\x19\xef\xf37\x9e\x1b\x0b\xa5X5\xe1@\xc8\x19\xd9L\x9f\xfd)\xd4=\xf2\xdc\x87\xb3\\\x84\xb3)b\x0b\xea\xf0\xd0\xff\xc7\x1c(-\xcbvE\xec\x19\xa1\xbe\xbd\xbc\xddF\x836\xf5M\xa7\xe9\x81c\x15\xe5\x8f5G\xb6\xf4#W\xd9|\x89\xfe\xcb\x1d\xa5B\xab\x01@\xfa\xea9E.N\xa1\xf3uac\xb0\xda\x00\xf9\xc5M\xad\xa5\x16\xf8c\xd1\r\x82\x1c^\xa6\xa5,\xd6\xf5\xe1\xeb\xf8\xb5K\x15\xe0\xa8\x03\n\x91\xd9c\x9c\x08\x84\xbbBt\xed\x95\x9b\xd4\x89([^k\x07\xd2F_Q\xf0\xee\x10\x86\xf5\xd2f\x00\x03\xee\xb5\xae\xc3\xd15\xbb\xab*&amp;:\x1f\xfe\xe0\xdcX\x81\xda\x04/&amp;\x9b}\xb6\x11\x9c\xeev\xc3\x18\xe3\xa3\xb9\x81\xcd\x97\xf4}\x1c$\t\xf5\x8a\x04Y\x10!k`\xac\x023o\x85%\x1c\x8cI\x1d&lt;\xe2Y&gt;\xc4\xdb\x81\\\xb4{\x05\x89\xde\xc5O\xe5A\x9b\x0e\xb2\x95?\'\x84\xfc)\x8d\x82\xee\x8a@y\xdd\xd5Gy\xc9H^+5\xbaPB?&amp;/s\x84@\x97\x86\xd1\x13_sH\xe4\xc6~C\x15\xaf\xa3* \xdc\x0b\xee\xb9\xf9\xb2\xcb\x9a\xd3\t\r\xde\x9b=*\xcb\x16UO3\xe5v/\xf2K*+c\xaeO\x9d\xc4\xb1-\x0fu\x8f\xa5\x7f\xed\x8a\x02\xfd\xe6\x8a#\x1e\n\xa6oR\x01k\xfcP\x01\x03Q\xc9w\xa0\x05U\n\xbb\xa1\xba^\x19:\x1d[sk\xb0\xcbu\xb8\xc46u\x1b4\xc1\xc1\x1f(\x00\xd9a\xb0\x00\x0c\xa4\xd6&amp;f\xd6\x8e\x88,V+\xa2\x0c\xed\xe7\xc8\xbeE\xac\x87\xc6\xa7W\xe4H\xd5^|y\xae\x8ds{\xd3\xac\x91:\xda0J\x91\xcc\x1b\x1d\xa6C\x89M4\x12\xa9\x81\x1dE\xeb\x83\x8bO\x9e]\xcdt\x96\x80^L\x90\xc7Q\xe0\x9dr\x18\xba\xae\xb3\x00\xd0"v\xd8\xe2\x99\x8d\x07\x8c\x01\xd7\x83\x9a\xa0\xc3\xdf@\x97 \x04N\x9d\xa2_\xa5\xa0\t\xe2\xd7yK\xf6\xce!\xa9\xbe\x94C\xd8\xfb\xa5`\xddW\x15\xafXW\x11\xb2\x84\xe3w\x18&gt;\x8d\xdfy\x95\x1d\xef\xbf\xfe\xe3w\x90$\xb4\x80\x87\xe23\x13\xac$\xe0|+t\x9a\xcf0\xc3\xd8\xb7\xa6a\xf5\x92\xcd\xc7#\x05\x99\xa8\x8d\x07\xb6 \x98\xa5hp\xc8\x82d\x1dG\xc7\xb1%I\xb46\x82\xf3\xd2\x95\xef\xfe\xfc\xbf\xf9\x1c\xb7\x94\x12K\xa6y\xfb\xca\xc5\xf9\x83\xe7\xd6\x86\xe0\x1c3%\xe5G\xaf\x16\xc3a\xe7-f\x95Y\xc2[\xa5\xbe\x82\xb5\x9b\xb5\xa9\x8fl\xb9\x01\x8e\\\xdb\xc1_\x07\xb8\xc9\xe7X\x02\xc1\xbdsx\xcf\xc4t\xb6\x88)\xb0\xfb\xb2\xd3\xd1[Y:p\xf3[\x18\x8f\x7f\xc2\x8fZH\x83\xf5\xfa\xb5\x03\x9d\xf1\xe9RN\x9aQ\x87\xcc\xf5jJ_\x06\xcc\x01\x0b-\xf2\x07\x94\x96\x0egD=\x85\xdf\xb2\xbeKT\x05\x1d\xa3\xaf\xf7D\x9d\xc3\xc3L\x1c\xfd&lt;\x93Q\x82n'</t>
  </si>
  <si>
    <t>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</t>
  </si>
  <si>
    <t>b'\x99\xafqX\xf3S\xbc\x9d[P\x89\xb9O4\x81\xd9'</t>
  </si>
  <si>
    <t>humbug, 
 I declare I think his conduct unmanly, unsailorly, and downright un
 English." 
 "Well," says the doctor, "we shall see." 
 When we cam</t>
  </si>
  <si>
    <t>b'&gt;\xff\xd1\xbc4\xf3wZ&amp;\x0c&gt;R\xaa~\x7fm\xb5l\x00!\xba\xf8\xb7h\xfe\\\x93\xe4\xc7&lt;\x86\xb7\x9b\xe0\xc0\xbe\xa2\xcfl\x12u\xe3\x01w\x1bZx2\x9c\x1b\xeb\x1d^L\xf1\xe8t/Z\x93\xe8\x8b/O\x88\xc2\xfdr\x18\x89(e\xf1%\xb5\x1c\xd2\x8d\xcb\xe9F\xb1\xb3U\xea\x02f\xa7\x89\x15\xbcFI@\x0b\x96\x85&gt;\xc8l\x93xn\xc6\xab\x9c+\n\xecG\x9c\xcd\xcd\x14\xc7X\x05aAw\xcfgq\xb3\x15\x84+;\xf5\xbfD\xca\xaa*\xace\xf9D\x9e\x9b4U\n\xd3B\x9fs\x19\xbe\xc2\xfe\x13|&gt;\xc6\xc3x\xd4\x14\xb9\x9b\x03WF\xd1\x90\x03A\x8aq\xf4V\xab\xc2i\xbe\xc9\xe1\x04D\xc2\xe0\xc6\x84c9\xddf(;\xe2]\x04\xadL\x8c\xbb\xf2\xd6)\x8e\x82n\x17\x1d\xde\xd7\x1a\xce)\x82\xb1\x14\xe8,\xbdtR\x11O\xbf\x94\x99\xc2$#0$\x83z\x87~\x14V\xf5\xd3\x14\xee,e\xf7\xa1\xd7v\x8a\xc4\x8c\xe5\xf9\x9f\xa4 /\xb8\xfd\x1e\xfc\\W51\x90\xd4\xa6\x13\xe3\xac\xe7\xde\xdf\xc6\xe3\xafK\x1bI\x93\x90Q\x95\xd0o\xa3\x962\'\x8fX\xfd\xd5\xa5\x85\xff\xfe2\x82t\xcb\xc5\x94\x08@\xeeOkZ\nTi\xd1;\xa2\x1f\xe3B\x05WX!)\xae\x82\xf0d\xf0\xa2\x1b_\xd8]\xe7\xca\xd8\xfa\xbf\xc6\x19A\x86\xb6\xf0\x9es\xcb\xe8\xb6\x0e\xea\xfc\xd6!\x85\x02\x05\x05t\xd91\x98[\x8a\x1199E\x92\xcf\xb6A\xaf\xd4a\x16\xee|\xf3\xb7\xa2\x1f.\x81R\xb3\n\x15d\x8a"\xbc\x90\xf8J\x1dVs\x99 \xe4\xbc\xda\x1e\xc1\xa5l55\x08\x02K&gt;\x9b\x03\\$\xaa\xad\x8f\xa6\xfd\x97\xaa7f\xa8\xf3\x90+\xd2\x1e\xc9I\xde\x90\xa7\x81\xa75^U\xb0\xff&lt;cy\xe5\x8f0\xae\xa7&gt; \x99V\x87\x91\xa9\xc5\x96\xda\x9d\xdd\xb9\xd1#\x85\xec\x18J\xc1_p\xde\x81k\xab\xad~n\x17\xffyu|\x12\xab\xb8\xcb\xa1]\x1d6\xf4N\xc0\x89\xf28d6\x0fv\x8f\xe4\x83\xd1\xbd\x0fW\x97\xf0\x1c\xf1'</t>
  </si>
  <si>
    <t>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</t>
  </si>
  <si>
    <t>b'&gt;\xff\xd1\xbc4\xf3wZ&amp;\x0c&gt;R\xaa~\x7fm'</t>
  </si>
  <si>
    <t>tance of Christianity, Christians had to serve as soldiers. The Biblical
commandment that â€˜â€˜thou shalt not killâ€™â€™ was no bar to service and at one of
Constantineâ€™s first church councils, at Arles in August 314, the assembled bishops
agreed to excommunicate soldiers who put down their arms in peacetime; military
The Transformation of Government 199
service was clearly a necessity (Opt. App. 4, canon 3). However, even under Christian
emperors, most troops remained pagan, drawn from the countryside where the
majority were non-Christian until at least the end of the fourth century. Some
veterans greeted the emperor in 320 (or 326): â€˜â€˜when he had entered the headquarters (principia) and had been saluted by prefects and tribunes and by the viri
eminentissimi, he was acclaimed, â€˜Augustus Constantine, May the gods preserve
you for us. Your safety is our safetyâ€™ â€™â€™ (CTh. 7.20.2). The elite regiments of the
Ioviani and Herculiani, created by Diocletian, still occupied the most privileged
positions in the army at the end of the fourth century. But throughout the period,
the army remained an instrument of the state, whether used by Galerius to
destroy churches or to persecute Christians and Manicheans or by Constantine
to destroy pagan temples and to enforce persecution of Donatists.
As with separating secular and religious, distinguishing civil from military is difficult. All arms of government service were described as militia, though this could be
qualified as militia armata and militia officialis. The persecutions of Christians in
Caesarea in Palaestina Prima were carried out by the governorâ€™s office sending troops
to investigate, using census lists created for taxation purposes. The overlap is exemplified by the office of praetorian prefect, usually held by two equestrians. Their
backgrounds varied, though some were lawyers, like Hermogenianus under Diocletian (Corcoran 2000: 85â€“90). On occasion, prefects commanded the comitatus, as
when Volusianus led an army of Maxentius against Alexander in Africa in 309, though
most did not have extensive military backgrounds (Zos. 2.14.2). More usual were
their other military duties, including recruiting and provision of supplies for the army,
comitatus, and government officials, as well a</t>
  </si>
  <si>
    <t>b'8\x8a%\x98\x80\xef\xab\x11&lt;\xee\xd2\x8b"\x9b\x1b\xb0\x0b3\xa5|!\xb6-\xea\xba#\xc9\x16\x0e\xc7\xd8&amp;\xac\xbb\xa3\xcc\xad\xd5\xa4\xdf\xa1\r\xf3\x83\xb1X-\xa8\x02\x16f\xe2\xb9\x82\x1a\xb2\x06:Xy\x9e\x8aM\xdd\x91\xb0\x0c\xd06**\xa5\x96\x87\xd09\xb4\xac\xa9\x96{\xf7E\x85+\xd6\xf1S\xd8}\xd1r\\&amp;b\xcd\x8d5\x8b\x8aD\xf4.\xf0\x1a\xb5c\xef0=\xbbl\x03v\x96\x058\x95\x8e\x8b\xfe\x88\xf4\x1d_\x9b^ZM\x98r\x06b\x85\xf8\xbc-\x87\xce\xe5!\xa1\x02\x82\x94e\xa4\xdf\xcd\xbb89\xf9\xd5#\xfa\x02\xeb!\xcf\xd1Z\xa8\x19]&lt;\x13\x12\x97\x8f\x9f\xc2\xfa\xa6\xbc\xbe\xc1\xb3\x99\xdd\xedC\x9f\xc9"\x04\xdf\xc3\xba\x1f\xb0J\xcf\x0b\x9e\xb8\x9b\xf72\xd4\x1b| \xa6!\xa8f\xefFe\xbb\x11A3\x97g\x7f%\x1be\xa5\x13p\xb2\x1a8\xdaSB\x04\xb4\xa5o\xae)\x9c\x9d6\x9b_O\xdfh\x9bD\xa4b\xea\xa7\xd0\xf0\xe8\xc3\x96\xbaK\x10\xf8\x89\xe1\xf9\x07\x18\xb0\x90h\x8eK\xe0V\xe6[7\xe8\x9d\x05m\xde*6\xbc\xe4\x95\xdb\x9b\xef\x86j\xdf\xdb\x80\x8a\xbap\n\xe9\x9b\xd8D\t\xb5-\x07{\xe53\x9bbz\xf6\x0eZ\rf\xb3kJ\x99\xbe\xaa\xa4\x9d\x08\x95\xf1\xcb\x9d\xbc\xf1\x0e\xa6\x0e$\xc4K?\xbe^\xeb\xd9/0\x8era\x83\xdfg\xf8\xc5A&lt;"\xb87\x86F\x0fa\xd2H\xe8\x8b\xec\xbb\x17\xf9\xe9M\xdb\'\xa2\'\x9a\xbfv\xfcW\x84\xa1\x05\xcb\x994\xe3b\x86CY\x82*\xe7\n\x0f_\x9e\xcb\xfa\x1e\xbfK\x88\x9eT\x96yJ\xa9DS3\x7f\xee \xf8\xaez%K\xe5\x02\xab\xcf\x90R\xe5\x8dym\x86\xdf\x02Vp\x11\xbaHb\x07\x81\xd2~\x97@\xb6^2.\xcd\xad&amp;\xb5\x1eiL&lt;\xee\x17\x97`\xd3\xc0\x8fa\x83)+\x9ac\x03W\xadT\xfd\x16Tu2\x04]\xcc\x04K \x8e=\xac\xf9\x06\x94\xf0R\xb7\xa3\xa3-\xe3\xe4\x0e\x14\x1aC\x0bJ\x93?%\xef\xf9\xa6s^\xb0\xe7\x1f\xf4\x84\xe5\xceC\x93=\x17&lt;\x1e\xc7\x05\x15\xdf\x8f\xe9\xfa\xbb6V3i\'\xfd}\xe2\xc3.\xdd\x95.|\xa4R\xa4\xc59\xa3#W\xb4tz/\x84\x9c\'\xae-6\x88.\x8a\xf5\x10%\xf4\xa2\xe7\x85!kb\x97\x84\xa9\xc5\xf5\xb1\x16K\xcd\x08\x90\xccF8\xd9K\xc0 \xe7a\xe9\xbe\xb5\xba\x1ag \xd1\xbe3\x0b\xa1$`\xe1\x0f\xd7\xcbh\x19\xfb\x9c3\x9a\xae\xc7c^\xc4\x91\xee4q\x9fL8\x87\xe6\xa7\xbe\xc3\xdel5\x90\x0b\xc9\xb0X\x84\x8f\x15\xc2\xfdX\x0eI\xac\x1d`\x0e\xbb\xb7\x8b\nm\x0e\xe3\xdf!\x90&lt;\xb7pU[l\xbbO\xe3\x8c\xce\xc1\xfcBV\xa3\x05\x9c\x1e\xfdwK.\x0c\xb35e\xc4#\xfe\xb0_\xf3\x0b\x05T\xee\x10\x93\xc1\xae\xa3\xea\x07\xc6\x1b\xc15\xa1\xdd\xf1\xf6\x8c\x9a\xe7U\x02\xc0\x03\x0e\x0b\x83\x7f\xab\xc2\xe8\x8behj\x90Xr\x0e\xc7\x91\'\xdc.\xb7\xe6M\xc3\xd4\nv\x84\xc7K\x99}\xf0\x9eb\x81\xd7\xb8\x15\x1ew\xfd\xdc2\x9fKu\xc4\xa8\x1a\x1fVZ\x80Hvu\x87\x89s\x89\x17\x8a\xa5hj\xce\xb1\xea\x18\xa2\x9f[r\x07\x0c_\xa2\xf8\x83s\xaaF \xbfR\xba\xa7\xbdv&amp;a\xd9\xe6\x7f\xbb\xc5k\xcb\x15\xbeo+a9\xfb\xe0\xc9\xc5\x02#\x05\x01&lt;\xf9H\xbcI\x180\xd51n\x08\n\xee}:\x1e\xe1\xf7\xb7:\xab)m\xa5\x95\x00\x82\x96F\xcfwo+w6\xc6=\'\n\xf6H\xcbtj\x07\xb4C\xfc\xd3\xe7\xd0U\x83\xb9\xc9+\x13K\x03S^\x8b~\x99(;\xa4J]\x16\xfb\x87\xe2?%\x01\xff\xdc\xf3q\x8d\xbc\x0f~\xab\x9a\x87J\x03\xc1\xe7\xa3\x8e\x9a\x95z\xa3`\x91\xc5\x99`$\\l+9\xa4;T\xb6)\xc9+\xad\xf3,\xb9\n\xa0\xcf\x14y9\xf2\xd6]\xfe\xf3r\x18\x7fr\xdf\x1c\x1a\x940\x00\t\xb7sY\xa2\xe8e\x8f\x96\xb3\xc8r\x08"\xf1y\xbe\xedz\xbf\x96"A \xff\xce\x85\xf5\xae%\xf0\xb0\r\xd7\x01\xfa\xd1m}\xf1\xff\n\xdc\x8e\r6l\xd9\xae7\xbf\x96\x97\x83 3Z\x90\xc4\x08x\xc8\x8ar]\x8e\xd6\x05(\xa8\xed\xce3\xb2\x9a4a*G\xc0\x9d\x9f\xcc\xa1\x17\x19\x03\xd7\x1c\x92\xa8u\xad\x1b\x8f\x0e\xb5Ci\x06\xbb\x08\xee\xf9Y\x13=\x8e\x9b\xc4\x13oh\x7f=\xd5\n\xae\x95\xbc\xd7M\xd1\xed$\xec\xa2\x19\x0b\x12\xa3q\xe9\xd3O\xae\xe4\xecu\xe5\x98n\xdb]U\x11\x9f\xcd\xa6\xa1\x9a\t?\x80\xc7\x10Mdl\x1e\x7f\x00\xc6\xa0u\xca\x8dv\xc8/\xf9\xf2\xd1\xb9)Kb\xf3\x1c\xf3\x19.\xc8\x1e#K\x98\x8c\x12\xb0\x91[\x04\xd1\xa3\xec\x93\x84OGi\x87\xbb\xfa\n\xe5)&lt;A\xf0\xa4n\xa1\x87\x84\x95\xc9\xc9\xbc\xc4\x0e8|W\xca\xc6ww\xda\x9f\xaa\x13\x9c+\x9b\x8d[\x95:\xf0UlBqs\xc3\x8e\\hi~\x07\x1c\x91\xf9\xda\xd4Q}\xf2\xe0\xa9\xa1J\xe3+\xb1)w\xe8\xbd%\x0c\x06~\x12\x7fP\x91kx\x15\xbb\xe4\xf4/7jz\xa4\x19]~\xf9\x9f\xc2GJ\xdb\xc1l\x1du\xf7\x1f\xd2\xde\xd91\x8b\xc7,\xb6K\xf2\xb8\x86\x88Z\x18P\x98F\xc0h\xae\x17\xffc\x13@\xad\xe2\xa6]\\%J\xac\xd6\xd4\xa21\x83\xc9\x15\xae^l\x96\xfa\xfa\xcc\x1f\'r\x8f\x98=g\xbe\xf9\xc0\x19wW\xd7\xfcH\xbf\xbc\xc1@\xb4l\xbe\x07\xbc[\x0ex%5NCu\x1e]M\x08\x92-\xab\xb5G\xd7\xcc\xf5\x9aQ\xc98\x91\xfeY6Vl\xa7\xdaxs\xbdg\xc5"\xfbP\xac\x88\xa2\xc7\xb5\'\x03\x94\xab+^\x0e\xf4\x88m\xda\xd2\xd7\xae\xdfx\x96d\x88\xac9\xa9\xfd\x10*\xab\xb5\x05\xed\xa9\xa7\xd4\xd8\x9cq$\x9b\x00\xcd\xea\x9fE\xb9mz\xd6\xd5L\xe8\x1b\xc9\x96\x15iE\xed\xa2M\x89\xe9\xd5\x9d\x97s/KW*D\xf4\xd9@\x87b\xb3\x1d\x7f\x1d\xfc\xe7\xddz\xf6T\xc0Xm\x9ff\xa6A}\r\xa4\x01\xe6&amp;H\x1f\x14{/\x9a\x1d\x0e|\xc7y\xae\x93\xc7ZF\xbf9\x9a\xd4\x9b\x816\xb3\xe1\xa5k;\x18\x91\xc52\xfd\x8f\xf9k\x10&amp;\xab\x91\xff\xe7\xa4p\x1cwX[\xc5\x11\x08\xb1v\xaa\x04,T\xbe{5\x0c\x1e/=7\'\xc0\xb9\xf3\x9d! \xba\xbf6O\xae\xaa\xc2\xa0I\x1eP\x1d\x08\t\x87\x19\xd4\xca7K\xa1\xbcPk0x\x9fh0\x01c\xfb\x01k\x1a\xa8\xd8\xd3gEO\xf9w\x80\xe2w@T\x88::k&lt;\x81 D\x01zE5h\x80\xe6\x86]`t\x08\xf4\xd7\xbbD\xbc\xae\x8c\x86md\xf2\xc3\x17\xfe~\x92\xd7\x02\x12#\xb5qh3\xc13\x81\x8b\xa32b\xec\x17\x90\xb1\rH\xbc\x902\xbf\xa1k\xbb`\xa8\xec\xf7\xcf\x9b(\xf4HG+\xa1\xe0\x828\xdb\xd2\xb5\xcf\xf6\xa2\xf94\xac7\xade-\x0c\x18\xd3ys5n\xb2\xea\xee\x99=k\ng\xc4\xc8\xcc\n!!\xde\xf6s\xee\x93\xad\xca\x1a;A%\x05\x91\x86\xcda\x15\xf1\xa0\xdbQ\xca\xed\xc8\xbaZ\xd2\xfc\xb5\xfe*"\x04\x03\xb0\xdd\xfe\xa4\xdd"=\xc0o\xc0\x8f\xc8\xbc`\xc7\xd9_\x8f\x9ag\xdd\xacC\x8f\xad\xd8\xfe\xed\x16\xb7\x17\xc5)\x81iXi\x96\xb5\x10\xde \xd38j\xef\xf4\xfb\xcd\xe4\xae\x9b\xbf\xce\xc3\x19\xf7\xce\xe7X\xe3}O\x86\x9fB=^\xcd`N\x03\x05s\xec/\x13\xdbJQS\xca\x0f=\x9b\xab\x07\xddB~\xbc\xfa\x80\xc9\xff\x07&amp;D\x83#k\xc8\x90"\x03\x07\xdby\x1e\x84\x99\xb7\tX\x9c\xc0ZTgS\x12\x89\n\x15o}\xc6K\xe1\xe6\xfa\xfc?\xe1\x8e\xeb\x0eG\x0c\x12\xe5H\xd6\x08y\x86 \xeeS^\xb1y\x872\xeb\xd9&gt;\xe7\xf2\xfa\xa1&amp;\xb5\xcd\x8b\x99\x1f\x86W\xe8^\xa1~\x02\x08\xba\xd1g\xe0A!\x8f\x1fKF\xa2\xdb\xdc}\x88\x81/\x9ahf\xb4\xd7\x05U\xf9\xbe3\x1e\xa9;\x83\xbe\xe6\xa1R\xb4t\x89x\xf6\xd6.&lt;\xd4Zr\x16H\x8f\xde\xfaz\x9b\x0exu\x94-\xe3_\x97\xb5\xa9M1\xf6\xb5\x89\x8d\xcc\xad\xf7%\x1d\x05k2\'\xe9\xba\x00\x15Hd\x1f\x8b\x8aU\xdfA0\x86\x91\xee\xcah\x8e\xbf\xcd\x90\xe5zOT\x8e\xaf\xfb5\x91\x92\x14\x06\t\xd8\x8f`\xa3J1\xe0zW\'\xa4\xff\x8b\xa3\xf0\x07\xb2\xff#\x9e#wL.#\x84;\x16D\xd9\x0b*\x84\x123h\xb6\x8b(A\xddN?\r\xfc\nP\x8d\xd9\x83H\x8cfv\xe1\x17\xcbR\xad\xb8c\x83K\xb60!\x8f\xb9\xaa(uC\x1b\x07\xc4-C\xa2-\xf5\x10\xbe\x0e\x12\xee\xf7K\xc7\x05\xe5\x9eCQ\x1dw\x0b\xb4NY\xa6Q\x03\xc6_\xe4\xff\x8bl5h\x9e~\xbd%\xff\xcb\xb9r\xf8\xcf\xd7\x14\xff0\x08sa\ti\xd4\xcc\xe4\xda\xc7\xd7\\9\xba\x91\xa9\x15\xf3\xefr\x90\x13f\x01E\x83KZ\x1b\xd4F\xd4\xe2E \xa8xz0L\xd2\xe00V%\xce\x16\xdb\xea{-\xeeo\xac\xe3\x8e\xa3\x18\x9f`)R\xd3\xee].\xb2\xca\x9fi\xae\xcc\xfe$\xb3\xae\xe7\x84\xf95\xb9\xb5\x99\xb5\x8f\xb1\x91\xaa\xd9v\xfb\x0f\xf1o5t\xfa{.\x11"\xbf\x10\xdb\x1e\x89~\x88\x1f\xcc\x08H=\xbc\x1c\xbd\xc9\x00\xc1\x08\xfc$O\xe5\x11\x81\xbby\xd7.\x08\x9cd\xb3\xe8]\xae\xb2\x96'</t>
  </si>
  <si>
    <t>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</t>
  </si>
  <si>
    <t>b'8\x8a%\x98\x80\xef\xab\x11&lt;\xee\xd2\x8b"\x9b\x1b\xb0'</t>
  </si>
  <si>
    <t>back here next week with ten reviews on your product. I donâ€™t care how you
 do it, but come to the call next week with ten reviews on your product.â€
 I knew that â€œget ten reviewsâ€ was a small enough task that he could
 figure it out. I also knew that if I gave him some big, complex strategy he
 was going to continue to struggle.
 When coaching a new entrepreneur, I
 have discovered that 80 percent of my
 focus is getting people not to do things.
 Donâ€™t build a new marketing strategy.
 Donâ€™t hire a new person. Focus on
 making sales, getting reviews, and
 building your audience. I had to talk Ken
 out of a bunch of â€œgood ideasâ€ to get him
 to focus on one thing: Make a few sales
 and turn them into reviews.
 â€œDo whatever you have to do to get those reviews,â€ I said. â€œIf you have to
 order pizza three times a day and pitch each delivery guy on buying your
 product, then I guess youâ€™re going to eat a shit-ton of pizza. But do not come
 back to this call without having ten reviews.â€
 The next week, he waited until the end of the call before he spoke up.
 When it was his turn, he quietly and calmly reported on his progress: â€œWell, I
 did what you told me to do.â€
 â€œOkay, great. So what happened?â€
 â€œWell, now Iâ€™m getting seven to ten sales a day from people I donâ€™t
 know.â€
 The rest of the group waited for him to celebrate, but he just looked
 blankly through my computer screen.
 â€œWhat do I do now?â€ he asked.
 â€œKeep going!â€ I told him, more excited for his success than he was.
 I think Ken was waiting for balloons to drop from the sky. The progress
 felt slow to him, but it was building. His snowball was rolling. It was just
 enough to get his product moving, and the momentum grew from there.
 When I first got stuck at five sales a day, it felt like I was climbing a
 mountain with no support. It seemed like it was going to be an impossibly
 long journey. I recognize that youâ€™re at the base of that mountain, too. It feels
 like itâ€™s going to be an exhausting slog that takes forever. But when youâ€™ve
 stacked the deck right, and your brand starts to snowball after launch, that
 snowball builds more quickly than youâ€™d thinkâ€”and that momentum will
 continue as long as you keep the momentum going.
 Youâ€™re in the People Business Now
 I remember very well the time I got my first order from a repeat buyer. After
 buying one time, the same customer returned and made three more purchases.
 I was so curious, I felt compelled to pick up the phone and call him.
 He answered, and I just launched into it. â€œHey, my name is Ryan, and you
 bought my product on Amazon. I was just wondering if I could ask you how
 you found it and what you think.â€
 â€œRyan,â€ he replied, â€œI love your product.â€
 I wish I had recorded it because it would have made the best testimonial!
 But Iâ€™ll never forget the feeling. Knowing som</t>
  </si>
  <si>
    <t>b'h\xc2\x9e\xbc\x03\xa8\xa1\xd6(\xd4\xd9\x92\xff\x049\xfd\x80/\x99\xa5\xc3\xdei0_\x95\xfa!&gt;\x9b\xd0\xd6\x8dG\xe7\x8a\xc7\x1f\xa0\xd7Q\xd6h\x9d}\x9dq\x0c\x88\x03\x9e\xf75\xdd/\xf2\x00\xe6[\x06h\xee\xc0\xb5\t\xb1\xec\x9c\x11\xe0\xfe\xa1;\x01&lt;\xaeQ\x14\x06\xc0\x9dD\xde&lt;o\x8b\xb2\xc4_\xe4\xe0\xf7G\xb2\xa4\x08/m\x93%!H\xf2!\xf5\xa6\xa9\xa0S\x92\x98p\x90Y\xd4+b\xe1J\x8c\xfb{\xdd*=\xcd\x00i\xdf\xd9A\xd8H\x9d\x9b\x19t\x1a\x98\x98\xa7\xdb+\xdc\xe8mv\xc7\xc0\xc2\x02\xe6\xfe\xb1\xf9\'\xce\xf1O\x909\x1b\xc7\xb6\xb4ty\x0et\xb5\x03\x9aX\x85Q\x9cS\x03\x88*\r\x0f\xaf\xc6\x11\x16\x93\xb3v.\xad\x99\xe6\xaaG\x00\xcfSW\xe0+\xbf\x11\xe7\xac\x03\xcb\x06)\x96\xef\xbb1\x0f\x8a\xa6\x8a\xe3\xe9\xf8\x8c\xc0\r\x86\xf1\xe3!\xb9G`\xbf\xe7g\xe3\x0fB&lt; \x13\xa5u\xc6\x9aQ\x84U\n\xaf\xb3\x98\xf9\x9d\x9apf\xb5\x0e#9\xaa\xf3\xde\xf2\xb7\xd4\xd5\xefZ\x15\xa6\x96\xca\x10\xf7\x13\xe6wx&lt;PW\x98`lK\xe4" \xb8\xd6L\x9a\x14\xd0J\x08\x14tm"\x1e\x91:\xad\x15}\xca\x82bn\xd2\x96n\x80Om\xe4\xa3\x7fxn2\xda\x0e\x7f\x8d\x0eDSp\x95Q\x8b\xa9\x13LT(t\x02c\n\xeaQ\'\x04G\xf5\x8fk\x8bYdq%\xb6m`\x94\xffo\xf40\xe3\xb1E\x15u\xe4,\x9f\xe9Z\xaa\x0f\xed.d\xed?``?\xf6\xebC\xf3\x028\xba\xd7"}\xa4\xbf{\x83[\x0e/\x1d\xfc\x12\xc0\xcag\x18\xda&lt;\x04\xe4\x84\x93Z\xfa\xe5\x11\xc1[\xbby\x8b\x9a\x0cd\xe6\n\xcd\xffs\x00A\x0b_\xd3)C\x0e\x8aU\xd0\x9fwRm^\xee\xa4"A\xd7\x03J\xda\xb9\xa6W\xc2#\x8e\xc9\xa0\xb8\x99z\x1c\xf3#`\x16\xd6G\x06\xd0\xfa\x8e-\x98\x05G\x8b\xd3\xd7B%J\x07f\x18\x81\x8f\x98\xffr\x18\x92\x9dk\x88\xfaK\x1e\xaf\xd8\x914\xae3w}\x1f\x19\xee\xca1\xfbm\xf4CT\x16\x17o\xc45@\xf5\x8e|\xcbo\x98\x0c\x0e\'\xceA\x95n\xa2:\\{\x02\xe35\x8b\x8eg\xfe\x17\xbe\xb9NC\x96\xd5Z\xac\x96\x11\x17\x90\x14%\x9d\xcb\x02\'\xf0\xebz$\x8d\xb1=8\x9c\xf5;\xd8@\xdea^\x00\xe8p\xde\xc3 \xed\xfa\x8fr\x11\x83\x88\x07\xadx\xaa\x00\xf4l\n\xebq\xbbas\xbf/U\xe1\xe5I\n\x9c\xf7X\x80\x89x\xf4CIK\xdfr\x1cAr\x80\xa6\xbd\xb3gt\xcc"\xf9 [\xae\x9e\x99\xf3\xc0\x0b\xe1\x0f\x8dd\x91K\x00M\xc6R4\x7f;U \x0c\x86\xf5\xda&amp;\xbf\x92\xdb\x94\x06W\x029&lt;\x85\xe9+\x93\xae\xcb\x9bX\xf0\x94\xce\x91\xc5\xbd|F\xb8x\x0b\x88y\xffz\xb1v@\xb7\xba2\xf1b\x91|(\xa8\x1d\xe87\xfa\x0f\xb7\xbbd\x8c\xe7\x0f\x15\xd9;\x8dQ\xaf\x85\x16$\xd5\xdf]\x9d\xa5\xc9\xf8s#7\xc0\xe9\x92\x02\xe0\x90V\xf3\xa8\xf0h5\xd0&lt;M\xb7\x82\xfd\xf5i\x13G\x05P5\xf5\x82].\xe9\xe0\x0bU&lt;\xc5w8\xc7j\xa2\x0f`\x7fB\xfa\xbb7\xb0\xdf?\x8f\x8a\xe6|\xecP)%\x1b\xfeI\xc3\x10\xeeJS\x9f\xec\x1c\x19\xde\xbbV8\x0f\x1a\x1c)\xa2!d\x89]\x98\x1a\x8b\xe4\x87\xdebL\xe6\xf5\xeb:j\x8a\xc9\xcc\xeePv\x14\xf0q\x93\xb0X\x14\x892\x9f\ro\xce@\xff\t\xd4\x13\x04\xbf\xe9\x87&gt;\x10\xa1P\xed\x88\xe4\x9a;{\x8a\xb1\x0b1H\xe6\xf0\xcc\xd9\xe3\x82\xe8\n\xb2\xb6\xb0\xf6\x1bK\x0f\x83\xcbmT?\xe1\xd2\x88.\xdb\x19\xedK\x06\x18;\xa6\xfa \xd6f\xe8\xca\xd8\x94\xf5?@\xb9\x10\x0f\xa7U\xd5\xa9\x9d\xab\xdb\x04\xaf\x1c0\xc9\xe7\x17G\x1e\x90\xfe\xbe\x96\xae\xf1\x11\x82\xb2\xde|6\x02V\xaaj\xcd\x89Z&lt;\x085\x9b\xfd\x98\x03\xeer\x8dJhL\x96\x94\x84ldis\xedZ0\x92\x05^\x89\xab3\x84\x84=B\x89\x13\x1eX\xf25\xc1\x9eO"\xa8.\xb4}[\xf5\x05\xc1"\x80\xed\x0b\x92\x84\xd7\x1e\x06\x0b@\xe4\xf1\xdd\x86K\r`\x01\xf8i\xd4\xe3\x9bid\xdc%7\x14M;R\xbdLO\x8d\xed\xa5&amp;f\xe7g\x92qp/\x1fn\xb5|\xf2\xcb\xfe\x18M\xa5ysa\xf2\xe4\x81\x16\x8aY\xbd\x0b\xad=\x91Iz\x82\x9c+\xd5\x14\xf1\xe8\xb0\xa4\xd1\x12\xa5\x1a\xa1D\xa0F#!\xefOQ\xf9\xf5\xad\xbd\x98\xf6\xb3\xbb^\x8eK_\t\xff7\xa7\x0eu"\xd8\xdc&gt;(\x93\xf3\x86\xe2\xbd\xf6\x856s(\x07\xeeb\x1c\xd8\x98\x14g\x0f\x8a\x9d\xf4\xb5\xf5\x9c\xff\xad\xcb\x1bX\x93\xb6\xc0\x8d\x9a\xa2\x8d\xe3\x8c\xe3\xd4\xa3\x14\x91A\x97Uv\xe7\t\x00\xc9\x1ey\xc0\xda\x06z)ij\x90\xde\xda\x11_U[\xca\\\x90\xb46+\x97\x87\xf7X;\xa5\xdao\xd4\xef/\xc5EK(\xb7\x00i-\x1b\x95U\x1b@\n&amp;XI2\xf4\xe0eF\x92%\x80\x08\x7fI\xd2\x94`9=\xfd\xdb&amp;M\xdaW\xd8\\j\xe7E\xf6\x17\x90y\xcdq\xa1Ts3\xa5\xcd\x7f\x0e\x80u\xdc\x10-gS\x9e\x9eL\x91\x9c\x86\xc0 \xda\xf6\xd1\xe2\x06\xd8$\xd2=h\xbc\xd5\xdbLw\x9d\xec\xd8\x14\x9e\xf7\xc7\xf4\x8cd\xaf\x1e\x1cm8\xae\xad\x1b\x0eni\x9a\x17R\xcc\xe2\xa8\x01K\x91\xb9Rl\xfaV\xa6\x03\xa0l\xb6K&gt;\x11\xae\x89\xaan\x7f\x93-\xfe\xb9,\x15I\x12w\xcd\x99\x03]\xa1\xa8\xac?\xfc\xd2\xca\xa9\x8c\xe8XP(k%\xb8\x0ehN\x13\x85][\x82\xf9\x94X\x141\x0c\xc1\x1e\x81a\x066\x18\x15\x10\xb4\xa5\xf7\xec(\xd7\x98\xc2+\xb6\x9b\xa0o\xcb\xcc\n\xbb\x00\x18\x87\x13\x039\x8d\r\xb0Z\xcdW\xf9\xb6JZ\x99AB\xd3\x86Y\xdfuU\xee^1\x98\xaa\x9f0e5\xddN\xc4K{\x05\x8a\xfa\xe3}\xcf\xfd\x9f\xb5\xddn"\xa4E\x95\xd7G\xa7\x04\xdb4\xc0\x8e3\xf3\x92\xc4\x1d\xfa\x88\xe4\n\x13\x01i\xba\xfe\xcb\xa7\x95\x04\xab\x96B$\xa6\xf0\xaa\x0f&gt;_w\t\xf6_"*j\xd5g\xe1\\\x85\x15Nh\xfe\x07(v`\xcfnw O\xbd\xe4\xfc|\xe6\xf1\x08\xfdA\xf8\xd0\xf6\xc1(,\xb8\xac}\x10\xa4\x01\\u\x1d\x19d\x9d\xdcg\xf0\xb4\x07\x10\x10\xec\x16\xf9\x84V|?\x05\x11\x9b\xab\xb4\x1aOuj\xe6\x0b\t7\xa3\x94.\n\xa1}F\xce\xfb\xa0\x0f\x08\xb2\xda\xe1J&lt;Z\x1bF\xe1\xa2\xf3\xea\x0f\xe9 \xcc\xf6\xa9;\xd1\xe7JH\n \x88\xb4\xebd|\xbb\xb2\\\xe5\xcb{\xe4\xa3\xf0\xf9\xff\x150iTZ\x8c\xd1M9\x95\xf7\xbbyG\xe2Hf\x98\x12{(\xb7C#a\x8b\xb6\xb5\xeb\x9dq\t\xdc!\x85\x8cB\xcczG\x9e\x02\x94\nT\xaes\x86\xfb&lt;\xfe}\xb5\x9e\xcd00p\x15\xd6\x04\xc7y\xaf=fHC\tytX]g$\x811\x87\xe3\x02\x98GA\xdeu\xe1\x13\x98\xc8\xe9\x18\xc74\xbfz%D\xe7v(K=\x03\xc9\xe8\xb5\xbc\xa3j\xd81\'\xd7q\xba\x0f\x91*A\x9b\x841\x9b\x9a\x96`x\x1a\xed\xd9\x12N\x9f\xe2\xd1\x83\x1b\xbe-|\x86\xa8\xaa3\xfd\x91\xa0\xda\xb2:H\xf9\xfb\xe1K\xd5\xfa\x8d\xa7a\x18E\xcd\xbf9\xc1\x8em\xec\x05\xd9B\xf6\x9d9;T\xa3j\x89Z\xefs\x90-\x8e\xf2\xb7\xddT\x9f\x0c\xd1\xdf9\x9fxA8\xa0\x06+k\x1e\xd2\xb2\r\x9c\x9aC\x8c\xd8\xcf\x95\n&gt;\xf20\x9f\xef\x7f\x1dZmU\x80&lt;.\xe1\x9e*\xd42\x0cP\x8c\x93\x9adrK\xf0\xbd2\x915\xa44F\xf1boxi\x7f(\x0fJf\x15N)\xdc\x05\xa2\x90|s\xea\xc2B\xe5R\x86?^\x98\xd2\x90\xb5\xe7q*\xe5\xed\x08\xa9W,5\x18\x11\xa5.\xdc\xa5,\xc72\xdcV\xc9P\x0f\\\xe00\xcbi\xbb\x00~\xf4\xb2\xa0\x89\xa9#ZL\x1c\x05\xa4\xc4\x03q\xa4-\xfa\xa7\xa2\xe9h\xb9r)oh\xe4\xa5\x0c{\xa99\x1e \xa0u"\xbd\xdd\xcc\xda\x10\xc4\x9e\xd0\x93\xcc\xa9^\xe8\x83q\x11O\xfd\xae&gt;k\x86{L=)&amp;\x08#\xa9\x0f\xe6}\xeb9&amp;\xf8s\xde\x9f"1\xa0\xe4\xcc\x0f\xf46\xf3.d\xb0.\x16\xa1\xf6\xfd\xebe\x8f\x1a\xd7\xa0{\xfb\xa4\xf3\xd6\xdb\xf9\xbe\xb6\x0fx"\x88\xdf\x8c~\xac\xb2eo\xbd.X\x9aYB\xa6\x83e\xc2\x9e\x1c\xc5\xf2m2\xad\x84\xdc&lt;\xbc;\xec\x85\xcc\xd2&amp;\xbb`\x97\xdd\xe1\xf9\x92d\x0b\xa2v\xb8\n\r\xcd\xf1z\xfc\x02\xb6\xf3\xba\xed\xc4\xf7e\xb6\xf9"^\x82\x9e\x80N\x81:\xc8\x91\x10E\x14\x0f}\xe5\x1b\xf6+Lc\x9f\x1c)y6\xbc\x82\xf2MC(N0\x8a\xdf\xfe_\xf49\xfb!\xb7V\x87\xe0\x07\xd5\xf4\x01\xa8\xe8\xdc\x88\x86\x84:AI\xf6\xdcV\xef\x04;H\xd1%U\x0f\xab\xf0\x15\x18n\xa8\xf6m\xae\x89a\x83\x05\x84\x1b\x0cE\x91\x08\x1e\xeas.\x92\xed\xf2Nv\x02\xea\x0bK\xfd\xc62YL\x05\xc26rW\xa8\x7f&gt;\xef3\x95\x8d3(\x8f0L\xb74\x9a\x84Q\xce\xc4\xd2\n\xaa\xd3D\xd4(nlB\xa7\x8a&amp;\xff\xf8\xbaJ|v$]\xc1u\x1f\xde\\\xf3\x99\x8f\x1c\xcd\x97\xc5\xc0\x8e\x8f\x9c\xe2\x84!0v\xb5g\xf1\xdfXIH\x8f\xa5\xa2h\xab]u3\xc1 \xa0\xbf\xb9W\xcc\x11\xeb\x11\xaf\x8c\x89\x19X\xad\xfd\xe5&lt;,\x04\xb5\xc6\xff\xb9\xa1\x839\x1aG\x86dqD\x8asL\x8a\xae\xaa\xf3pe\x05\xf8\x9d\xa2_\xf2c\x86\xc9\xcc_\x0b\x88\x1e2\xf2\xe4\x8e}\x1c\x94\x0b\xf1\x89-\x86"\xd5\x030h\x94\xa7~H\xc8nh\xe4d\x1a\xef\xaa\x086\xb5\xe1`\xe5{\xc0H0\x18K\xc5\xfeP\xd5\x0b\x0e\x9c|\xfd\xe3\x9c\x16\x13g\x0bq68\t\xbbu\xff\x92\xae\xfa\xda)\xa4C\xa3!\xe2\x12\x06\xa0\x11}\xb7\x12H\x83\xc4fb`&lt;\xe0\xc0\x0e\x9c\xc5\x85\xf0\x160;\xa8\x1a &lt;\xd7\xc1\xb1\xda#\xcc\x81\xa0\xd6\xe2o\x10\xf3X\x16\xf3\x8f\xf4~\x0bG.\xe3\xaf"p\xd5\x18\xb3*8\xa5\xfe2;Q\xd0\x84\xb4a\xdd-y\x7f\x08s\x98HYyYzW!vJz\x95):\xae\x87k\xcf\xcc\xc0\x17\xba&lt;\xca@\x1ajZ\x84c\xa3$\x89\x12\x08\x06\xa0$K\x11A\x88\xd0g\r\x11Y\x8f\xc7C}\n\x1a\xd6\xad\x14\xfe\xcf"&amp;\x80\xf1\xcf\xf0\t\xaeG\x1fF\xd7.\xe5NC\x848Wb\xbegg K,3\x10\x916?D\x1e\xc2\x9d\xf3A\x13\xaaV\xd9I\x1a\xc5?\xdc\x95\xca\x82\xaa.\xc1\x07\xcd\xfa\xe7~\xd3\x8f\x05\x13\xe1mjs\xd9\x8bC\xb7M\x87\xd0\xdf&gt;\xa3\xb2\xcd\xc2\x94\xbe\x15\x95\xaaF\x85;W\xc5\xd4D\x87.\xcb\xcd\xc6\r\\2\xe6\x04\xb3\xcd\xe7\x93Wc\xc6\x1ce\xe42\xf3\xb5\xdbf\x01\x89\x03w&gt;\x08*Q\xe3\xe9\x89y*\x15^b\x08Wx\x9c\x89\x10zP\xb7\xdd\xc2U\xd86\xd3\xc5\xb9\xf9\xa4G\xe82\x0f-\xa5\xa4\xd2\x82\x8b\x85\xf6\xc0&gt;\x7f(\xc9\xc5\xdf\x7f\x95\xb4{\t\x01\x96\x85\xd5^\xe4yu\xb4\x9f\x17\xfe\xe1v\xf4\'\xcd~\xa7\x17]&amp;a(\xdb\xb9\xd4\x9ea\x9c\x80\x0csnr5sY\x99v\'y\x01\xb9\xd80\x063q\xbc\xa0\xadV\xb1\x0f\x8c\xc8&amp;\xb0P0^\xe3\xf2\xa7\xabO|\xff\xc5|\x7f\x9b\x90\xb8#\xe3TZ\xcd\xa8\x19T\xcf\xf4Z\xe3\x84\x11m\xfe"4Dov\xda~\x14\xa2\'\x8fE\xb8l\x04\x85'</t>
  </si>
  <si>
    <t>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</t>
  </si>
  <si>
    <t>b'h\xc2\x9e\xbc\x03\xa8\xa1\xd6(\xd4\xd9\x92\xff\x049\xfd'</t>
  </si>
  <si>
    <t>ying open before him on 
 the deck, his face as white, under its tan, as a tallow candle. 
 For a while the ship kept bucking and sidling like a vicious h</t>
  </si>
  <si>
    <t>b'|\x82\x01\x99\xffA+\xfb-#\xa8\xd2\xb6\x0cg\xbf\xaaU\xfc\x13[\x16Q4v\xb2\xd8\x18tJ\x9e]G\x15G\xc0\xbd`e\xf0\xa9\xa1\xfd\t\x7f\x0e\x0e\x10\xc7\xc3\xaa\xfa\xbe2 \xb3\x8aB\x97\xddL\xa9\xc1\x83v\x1d\x95,\xcbY\x12\xe5\x17\x0bZ\xeb\x85\xa7&amp;\xc1i\xed\x99:6&gt;m(\x85\x04\xfa&gt;\x9d@[!\xba\xa0\x07e&lt;Z}\xcd\xf8\xf1=\xb1\x05!\x91\x02\xac\xab\xc2\x9bo\xf6\xc0I|\x1e\x1f4ve\x7f=],\x84wq\xa2\x11\xfd\xab;\xbc0\xc4\xe7\x1c\xceL\x87)\xc7_\xdbz\xc5\xdd\xd9\xda\xd1\xfd\x82\xb3 \x007\xadh\x0e\xea\x03\xd3\xec1\xacR\xc0\xffw^\xe8\x00\xecCqn\xc5\x1aE\xe6D5\x14\xdeQ\xf5\x8a\xd6\xc7B\x97\xa4\x17\xb0\x95\xe2?\n\xca#\x90\xef\xe2m\xfe\xf9\xe2\x16\xcd\n\x15\'\x00\x18\x88\x83\x84s\xc2\x91B\x8c\x82\xb1\x8f\xd1\xcb\xc8y\xe4\xa4}&amp;\xbc\xc41\x89\x9fF\xc0 \x1f\xc8\x89\xb8k\x1fX\x91\xf5r\xa8\xa5\xe5\xea86!oh\xba\xa4X\x18\x05\xbd/\xef\xc5\xf0N\xe6Y\xcd\xf2m\x96\x9f\xd8b\x1a\xab\x91\xbbB&lt;\x888\x98\x8b]\x8b\xb7\xb7\xcd\x04\xf9\x1d\x84-\x85\xd8\x1d\x9b\x8d\xa0\xf4\xabl\x07\xff\x84m\xf6\xce6\xfe\x91\x0b\xb2\xac\xa7~z\xdaky\xab@\x9e#&gt;\x7f\x92\x99\xa9\xcaxl\xe7\xbb\x00TM_\x93O8\x95\xb7\x16\xbbF\x13n\xc9\xdb\xe1\xcb\xcfS\x8e\xe0\xb6\x93\xb0\xb2\xb1\x952\x1d]\xe5I\xff\xfch\x824\xe7J&amp;^\x91$\x1deC\x00\xd1;\xbc\xde\xe1; ,\xf5bh\x96D\x91G\x02\x9b\x1b\xca\xa7&amp;wo\xa4\xdd\x91%,5-\xb7R\x12\xb3Z\xb9\'\xf8\xfaAm\x17\xc0\x94*{TO,:\xd5~\xeaXg1\x8dF\t\xf6\x1b\x87\x1bA\xa0vr\xc0"\xce`\xe9\xf4\x1c\x12\x1ek\xef\x9f\xa4\xc3\x9e\x0b;,\xb2\x10M\xd8\xd7\xf6%\xf3\xfa\x7f\x1d4c\x90\xcc\xf0)r7\xe0\xf8\xb2\x9b\xc3\xcc\xf5\xb4\xb6\xea\x82P"'</t>
  </si>
  <si>
    <t>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</t>
  </si>
  <si>
    <t>b'|\x82\x01\x99\xffA+\xfb-#\xa8\xd2\xb6\x0cg\xbf'</t>
  </si>
  <si>
    <t>â€“90; Corpus Iuris Civilis,
477â€“8, 481; Digest, 481â€“3, 490;
Praetorâ€™s Edict, 485â€“6; role in modern
curricula, 478â€“9; sources of, 483â€“90;
use of in provinces, 189â€“90, 305â€“7,
323â€“4, 481â€“2
leisure, see otium
Lepcis Magna: and Oea, 278; and Septimius
Severus, 268â€“9
lesbianism, 338â€“9, 341, 346â€“8, 351
Lex Hadriana de rudibus agris, 146
Lex de imperio Vespasiani, 146, 485
Lex Irnitana, 124, 185, 189â€“90, 257â€“8
Lex Manciana, 307
Lex portoria provinciae Asiae, 122, 184
Licinius (Augustus 308â€“324), 169â€“70, 197
Livia Augusta: portrait of, 77â€“9 (with fig.
4.1); position of, 117
Livy: on Aemilius Paullus, 177â€“8, 400;
Periochae, 30; on sources, 413, 417; view
of Roman history, 415â€“18
Longus (novelist), 465â€“6
love: idealized, 315, 318â€“19; in novels, 456;
poetic images, 319, 445â€“6; same-sex,
333â€“43, 346â€“8
Lucan (poet), 415, 447â€“8
Lucian (satirist): career, 461â€“2; on cities, 464;
on historical writing, 457; on sexuality,
336, 340; True Histories, 455, 459, 464,
468, 473
ludi: privati, 276â€“7; scaenici, 254, 276
luxury, 356â€“8, 363, 520
Macrinus (emperor 217â€“218): accession
of, 136, 142, 154; and the senate, 16
Mani (religious leader), 160
Marcus Aurelius, see Aurelius, Marcus
marriage: adultery, 316, 350, 493, 522, 560;
age at, 318; age discrepancies between
partners, 318; in art, 89, 345; divorce,
314â€“15, 321; and family structure, 56â€“7,
274; forms of (Roman), 313; sexual
relations within, 343â€“5, 350, 499â€“500;
of soldiers, 219, 223
Mars Ultor, temple of, 77, 123
Martial (poet): corpus, 372, 451â€“2; and
Domitian, 441; on sexuality, 335, 344,
347, 522; on spectacles, 401
Masada, 92
Maxentius (usurper 306â€“312), 168â€“70
Maximianus (Caesar 285â€“286, Augustus
286â€“305), 166â€“9
Maximinus (emperor 235â€“238), 143, 154â€“5,
219â€“20
Mishnah, 332, 584â€“6
Mithras/Mithraism, 160
Momigliano, Arnaldo, 8â€“9
Mommsen, Theodor: and CIL, 48â€“9, 101,
478; and Corpus Iuris Civilis, 477â€“8,
490â€“1; on role of soldiers, 138; Staatsrecht,
2, 479
monotheism, 590
Montanism, see Christians/Christianity
mosaics: depicting novels, 462; in
synagogues, 568â€“9 (with fig. 28.1a)
municipal status, 189â€“90, 257â€“8, 264,
268
MuÂ¨nzer, Friedrich, 3
Musonius Rufus (philosopher): and
Epictetus, 532; on sexuality, 344
Neoplatonism, 524, 527â€“8, 532, 534â€“8,
540, 619
Nero (emperor 54â€“68): finances under, 67;
habits, 122, 395, 404, 517; and Latin
literature, 447â€“9; overthrow of, 67, 123;
preferred drug, 510; spectacles, 401, 428
Nerva (emperor 96â€“98), 127â€“8
New College, Oxford: importance of for
ancient history, 6â€“7
Nicomedia: and Diocletian, 168, 197; dispute
with Nicaea, 246
NÄ±Ë†mes: Augusteum, 265; as mint, 39
Numenius (philosopher): influence of, 527,
535, 537; on Plato and Moses, 524
Odaenathus, of Palmyra, 162â€“4
oracles/books, 423â€“4, 433, 554â€“5; see also
Chaldean Oracles
oracles/oracular sites, 232, 470â€“1, 522â€“3,
550, 555, 559â€“61
Origen (Christian theologian), 457, 525,
615â€“16
Index 687
Orosius (historian), 31
otium, 82, 369â€“71, 385
Ovid (poet): Amores, 445; Art of Love,
446; Fasti, 446â€“7; Medea, 441;
Metamorphoses, 446â€“7; on sexuality,
334, 343, 346
â€˜â€˜paganism,â€™â€™ 544â€“5; s</t>
  </si>
  <si>
    <t>b'\x82\x04Ps\xde\x82\xf1\x18\x86\x85\xb0\x8ewD&amp;k\xfb\xa2\xa4\xd8-\x03Y\xd2e\x944b\xa8\xab\xfe\xb1!\xd7\x8bHU\xabf\xd2\x9d\x19\x1b\x1e\xe6Sr\xe6\x1f\n+\x84\x9ax#\xe4f\xd2\xb6O;&amp;.\x10DN\xeev\x1c\xf6\x96\xcd\x80\x14+\t\xd6f\x19\xd8X\t\xf6\x04\x87\xb2U\x1a\xfe;k\xd3\xebH\xdfD\x18\xb90\xfd\n\xc3\x8a\x8d\xd7\xcb*\xa1j\xdd\xcar\x80\xe6V\x11\x9cL\xf00\xf8a\xf4\xb5\xfc\x9e\xfa!^\xcd\x10\xa9\x8f\x068\x8c|,\x08\xe2C\xec\xf0y\xfa\xadX\xfa\xe4E/\xd1}\xb4\xde\xae\xf5\xa0n\x80\xd8\xbd\x9f\x0c\xe2E\xe0%\xa1q\x1a[\xa2\x08\xf4\'\x82f\xbc\xcd\x98n\xd72\x0f\x8dNKg\xdc-\xc9\x9b\xbf \x92\x03\xfd\x98u\xe8\x04\x1f\xe5\xfb\xae\xce\n\xf5T!PL\x1c\x88\xcf]-\x02\xe9k?\xf6\x13\xafK\x85\x01s\x16b\x88`\xabj\x1b\xc3\xc1\xd0\xc6\xf7\xee$D6\xeb\x8b(\x95v\xd9\xda\xa5\x86\xb00\xaa\xec\r&gt;\xb7\xfb\x17\xf9\xea\xe0\x9e\xa9$g2\xa7\xbf\x12i3\\\xc2\xf5\xb7w\xa4\x94\xc1E_#i1?(/\xb2S{\x10xm\xe0\xd2\x9e\xa1O\x86K\xd0+\xd46\xa5\x8eg\x17\xf4+z\xbe\x93\x00\xc1\xd0\x05\x12\xd7\xd3\x17C\x89\x9a~\xb0E^U\x88T\xf8f\x93\xe6\x1b\xd2{\xf8c\xac\xcc\xa8ch\xa8\x1a\xe8\xb6\xf3&gt;\xf7\x00\xfb\xaf]\xbd\x89\xbb+-0\xd5\xd5\x1f%\x1e\xf4\xb4\x91\xe4\xe8\xd0\xc1\x11AV\xf7\xd96\xfe\x1049\xbd\xef\xe7^\x08\xffz%S1e\xf7\x18\x18\\0[Rp\xa4\xd9:T\x0c\xb9\x7fE\x8e\xed\x14\xbd\xb6\x1fN\x91\x04c\xa8\xae\xf2\xc4\xb2\xab\xb8R_\xf6\x829\xab\x8c\xfc \x8b\x90c\x96\xd7)\xb6?[\x9b\xa5\xe5&amp;$g\x150h\xbd\xb2sn\xb7\xea\x91\x1d\x80\x00\xc7\xbd\xf4\xc2 Q.nH\x92\xb3\x05\x02\xdeeu\xca\xb9\xea\x1a\x12\xec\xfa\xa4\xaf\xcc\xfdE\xe7\x9f\x95\xd6&lt;F\x0f\xec\xd5\xa5{,0\xdf\xcb\xb9&lt;I\x0b\xbeM\xa8\x9b\xdfc\xae&gt;\xa0[\xd9Q\x99,{:\x9d\xdb= \x1c\xea-\xd1\x91@\xb9\x1fE\x97W\x02\xce\x10\xae\xaf\x0f\r+D\x82\n\xac\xcf\xb0j\x01\x93R\x13S\x1d\xe2\x96\x13\n\xcb\x89\xd2!\xbe\x06gf\xc3\x7fn\t\xc7\xb8\x96\x95~&amp;tL{*D\x96\xce\x0e/\xf0\xc2\x1e\x1c\xf6\xa9\xb0\xea\x83\x1e\xa5h\xd2\xd0\\A\xca\xc0\x08\x1e\x87}\xb1\xf1\xf1\xfd\x88A\xa6&lt;[n\xa0[\xb2SS\x10\x1c\x1bF\xe2\x0e\x89#\xc7\x92\xc9\x9cN\x13\x8b{\x7f\x99\x91\x1d\x89Y\xe4\xad@\x11\x1e\xe4M\xbb\xfb\x06\xc3\xf9tl\t5\xb3B(|P\xea\xc8 \xde\xe7\xe3\xfci\x03\xfc\xf4}v\xd2\x19N\xc4\xd7\xe2pC\x1eE\x02\x9aUz\xf0\x14nGO\xbe\xb0\x9cF\xef\x9e\x7fhU:\x98\xba\x95&lt;0\xd9\xd6\xef~\xa6\xc2\xb2^\x04\xe4\xc3\xf7\xf9\x05\xa2\xb4!\xcdA\x99\xcf\xeb\xf1t\t\x98g\x8a\x15\x8d\x06\xd2\x93\xe6v\xc4\xf1\xe3\x0e\xc5\xfa&gt;\'\xe5\xfe\xbb#H1\x8c\x89\x0c\xe9\xdd\xfb\xa1\x8e\xaf\xbc\x85\xae\xc7\x1b\xd9\x1aOa\xddP\x81\x8eP\xe8\x93\xed\x86\x0b\xa7\x05\x10o\xac?\xfc\x86D\x02Tw\x82\x17\xde2\xae\xd8\xb2\x80+\xeb\x10]\x17@i5\xb9N8\xbc\xf0I\xaf\xdc\x1by\xd8\xf9\xeb/\xacr\x14\xee\xc1\x1e\xb7nO\x03\xa5Ra{\xae\xe0/\xb9\x9cY\x1f\xbc\xa3\xc7\xf1nc\xdd\xfbj\xf8\xb0\xea\x0fB\xd3m\xab\x87\x8a9\xbd\xd31\xd2)\x8f\x17\xfe&amp;u/h@d\x9d\xb9\x0e(\x18\x19\xc7\xeck\xb0\xfbg\xe6:k\xd7\xd6\x08\xdaz\x95~\xdf\xd0\x10pwt\xc2\x8d\x88\xbd\xaa\xfd9S\xf1\xa2pL\xf0PO#\'\x80\r\xe5w\xf3g\xa0%\xa9\xda3\x16;H\x07=\xbcb\xee7\xf5\xb6\xab\xe0g\xf7T\xe8)[\xc9/D9j\xc1nR#=\xf3`%F]7\xb4\xda\x0b\x92\xd7\x18d$\xa6"\x87%\x9e;\xbe\'\t\x7f\xc4\xa7\xed\xf7~\xe7\xb0\x8a\xcfa3\'@\x83\xc1\x12\xb8\x87\xb2\xe1\xc1=4\xf754"(0\x03\x90\x7f\x13\xd7\x13\x1e\xa3\xa6\xcd\xc2\xa29\xfa\xc7\xe9&lt;\x93&amp;\x9cp|\xe6\xe7\xb5\x99\xe9\x8d\x94M\x91\xfb_\xfd&amp;z\x07\x93\x90v\xe8\x07\xee\xd4\x071\xfe\xb6%Dr\xa5\xab/\xf3\xbf\x92@\xc0S\xfc\xa5l\xcd\xc1\x14\xd4\xba\xde\xaa\x80X\xf4\xd7\xd4\xc1h\x8b\xd7\xa3pn\xbd.lW`j\xd1H\xcc\xe5A\xa2\xdf\xbb\x8f\x9d\xafcH\xbe\x8a%\x96jQ\xfc\x91\xe4\x87\xe3i\x150n\xc7\xe1\n\xb2\x8f\xa7@\xf4,^\x0cY\x1a\xe0R53\xb6\n\x83\xe4\x1c\xe4\x9f\x03%\xa8r\xc9\xd7\x0f\xc9}\x14\xc3 \xea\x96\xb5\xeb\xbf\xcb\xa9\x90}xa}\xf8H\xbb\xc7b/\x96\xa1\x00\xb0\xc4\xd5\xd9\xdb&amp;\xe17\x90|\xc6\x00|\xcb\xe1z\x01\xf3\xbb\xf3]\x9dz\x06\xa4\x10*YC\x91d\xca\xbb\x93O\xcd\x93\x80\x94\'S\x7f\x0bs\xa4@%\x9a\xd1-\xff\xab\x9d9\x96\xd7\xf9\xc3\xa5\xa8\x0b\x0f\x0e\xd8\xe4\x81\xe9\xd0B\xd6\xc1\\l\x83\xb7IS\xa7\x0b\x82\x0b\xae\xfc\x9d\xa9E2\x8a\x94\x8d\xb4Y/\xce\xd7\x17\xd8\x13\x1e,;c\xcd\x95\xa0\x86D\xfe\x17\x0c\x89\x1cv\xd7UO\x94\xbf\xb4#\x17\xc6\x9e\xa6M\xd4Qi\xb4\xf70\xf2\x16\xea0\xc2\xd4\xe3\xb2\xdc\xfb\x98dt]\xdeX\x93\xca^\xb7JP\xedX\xe1\x9f\x0f\xf6\xfeO\xb9w\x15%\x9b\xf9\xb5\xe9s\xc2;\xcc3"{P\xf4\xde\x82\xa0\xe4\x1d\xfa\xa9\xcc\x16E\x18E\xe1+X\x80\xdc9\x8f?\xae\\W\x89\xa9\x96\xee(\xb26L=\x9a\x8f+\x81\xb7\t\xc4\xf5\x8f\xf4Y\xc0\xc4`\xfc\x9a\x0bZ\x1d`\xed:\\H\x96zR\xb2\x95d4\xa4H\x8a\x9f\x86\xba\xc0\x8e\x8ff\x93\xb4\xb8)\xe1"\xfb\xa0\xd7O\'*+i.:G\xa4\xe5\xd0\xb5\xd8Z\x0f7\x1au9\xcb\x11RH\x85$\x96\xcf"\xff,*\xf3\x1e\'\'a\xe0s\x95\xf0Ii\x88O\x83\xa4\xe6\xf0Z\x19\x7f\\\xc0\xa4\xd8_\xf3}\x85\xf2\xfb:\xacU\x05/B\x81Z04-\xb8glE\xd5s_\xa0\xaf\x13\xfb\x80\xec\xea\x9e\xb1Y\xa1x\x7f\xc7/\xedr&lt;\x05_\xfa\xf9f{\xfb(4\'\xc4\x9b\xe0,\x9c\xb2\xcb\xcdH+g\xe67\xf2\x05b\x93\x9a\x8d}\xd7(\xe4\xb8_7@tm\xc7\xaaJ\xf1\xf1\x19+\x841\xa6d\x89\xa3\xf9\x02\xb4\xce\xcbO3Q1W\xe7\x93\xacC0W\xd4\xdc\xf7\xc54I\x9d\x0c\x12\xacs\xbd\xa8U\x91\xa3\xe1]\x1f\xdd1\'\x9f4&amp;\xfc\xf0l\xd2K\x0c\xc3e\x99\x12}:\x1a^\x0fe\xb1\t+B\xd6rqL\xf0\xaeIc\xb0\xa3\xf1Z\xeaS\xff\x80\xbf\xa4%\xcd\xa2\x08`\xb2\x0cf\xe2\x10\xae\x03]@\x00?K\xc8\xf1\xfe\xfd}\x16\x17\x86\xf7RO\x91\xd6\xdd^\xe4k\x01\xa4\xbc\x8c\xff\xbb\xfd\x16\x8e\x8b\xfcP\xd7\x82s\xab:3\xed\xdc\n\x9f\xad\n\x7f\x1e\x13S\x80\xa8\xee\xaa\x19P\xabV}\x91\xd4\xec\xbf=2\x9d5~\x10\xf2\xc2\xb9\xe2\x11\x9f\xcf\xc0\xc1\xf4-\x03\x94\xafc&amp;\x0b\xc6\xb8K\xa7\xd5&lt;e\xfc*)6\xb1d\x0ft/\x1c\'D\n\x92\xe1\x04\xa0{\x92\x96@)\x9b\x1c\xbf\xa0\xb4N\x8b\x15B\xc2\x17\xff\xe0t\xc9\xa6\xd7K\xdf\xb8\xfb`\xd6\x1c\'\xd9\xa4I\x9c\xbbc\xd2\x9c\x7f\x10\t\x85rsb\xc1mxt0-\x12\x83\xd4\x8fc\xf4\xe7m\xc0\xb4\x106*\xd7\xee\xd7G\x1b]K\x1b%\x8a\xeb\x92Z}\xbe\xa0\xb7\xd0\xfd\x83\xe3C"&lt;\xff\x83H\x8d\x04^\xc5\xa2\rV*5Zk\xa8K\xe1 \x89\xe2\xa1\xeeO\xe6\x9aB|\xc8pG(k\x93 \x8aM\x14\xa1\xbe\x8e\xcd\x8a\xd9\t\x15 =xmh\xd4\xc6G\x01\xc2m\xbc\xd2@\r/Q\x9d\x9b\xb7\n\xee\xeb\xf5m.\x80\xf8mdj\xdd\xa5\x92\xd8\x85\xb80\xaf@\xfdH\x83\x1a!\xb6\x86X\xb4\x10\xefX+\xbbH[t\xe8\x90N`\xdd\xeeg\x10\xd05\xbd5\xf6V\xddt_\x08y-\x1d\x17.\xfe*\x10\xdam\x9e7\xee\x0bw\xff&amp;Ql\x9e\xe1\x8ekd\xc2\xba\xbe\xd7`\xc3,\xb4\xa3\xba\xe8\x7f\xfd\x87\xd6t\x83\n0\x1a\xf4\xb0\xeeXS,\xd5\xaf\xfd\x00\xb0\x87\x13Nv\xa5}\x08 \xf7Z\x8e\x81|\xaf\xed.xp\xef&gt;\x1e\xd5\xd6,#B\x06\xde\xb2\x94\xb1\xdf\xad\x9c\r^\x08\xac\xdf(@\x0bL\xab\xa7\x04p\xd5[\xe2j_\xea\xba\x08\xa7/\x17\xd7O\xd4\xafKA"o{\xae\x0e\xaa\xc8ZN\x82\xdc\xcaY#uw\xb7\xd7\x80\xad\x15\xed\xde\xb3\xb1]0\xb3l\xb2\xe4\xe3\xf9M\xb7\xfc\xdf\x94H\xe55\x1f\xe9l-8(\xacA\x1b7\xfbX\xf7\x91\xe1\xb3\x85&gt;V&amp;\xa1F[\x1d\x9c~\xce\xd2\xd1\x1e\x15h\xdc\x92\xd9\x023\xeam\xfaeB\xb6\x17\x88\x8f\x0bY\xb3J\x10\xf5"\x84\xa1\xab\n3\x17\xddN\xb6\xaaKr\x9bK\xc4\x82\xe2\xc3\xc1Kv\xa2=\xba\x8cNGc\xcf\x9d\t\x87\xeb\x07x\\^\xad\xd8Z\xffd\xbb\xa5s\xcc\x89\x95\x982:\x02"=\xfa\xc4\x08\xd9\xfa_6\xdc\xa7`\xe0|\\\x8d\xba\xe8c.\xfe\x83\x92\xc1\xc5u\x97/\xfb\xa8\xcd\xddE\xa2\xe2\xd0\xc2m#\x8a\xe6\xaeM\xec\xfb\x08B\xda{f$\x05\xbd\xd0\xf5\x9b\x91)\xe8H\x11\x1d\xcd\x9d\'1M\xd0X\xffa\xb7\x89q\x83H,\x8d9\xf8\x8b\x1d\x805\xc36\x82\x95kzj\x99H\x7f_B\xd6\x15b\xa5\x91Y~\xbb+90\x9f\xfa\x83\rO\xbe\x11\xfeL\x15\xfe\xc5A\xbc\xb9fq\xb9\xe1\xa3R}*Oc\x11\x97s\xe2?n~m\xf6\xb7m\x9fb&gt;\x9fk7\x107\xb4\xa54\xd5\xb8\xb2\xba\x82\x8a\x9a\x0c\xbe\xdco\xe0\xb4\xa4\xed\xfb\xc2\xc5NU\x84\xd3L\xcb\xfdC\xaa\xd7\x99\\\x1f\x8d\xbf,\x91\x14B\xb6\x9b\x1a\x1e$7!\xc2\xd7\xa3$\x0c\x00h\xe5k\n\x9d\xb6f\x95\xab\xe1\xc8"y\x93:\xd7&lt;\xd0&lt;\xc5\x82\xa4\xf6\x96&lt;:\xc5\xce@\xa3g\xfb\xfb\xbd#B]U\xd3\xb8\xe4d\xf6\xc9/!N\xa9\x18v@,B\x00\xeb\x0c\x88g\xba\xb58\x1c\xc6\xf6\xd6\xc4r;\xb9mV\xc1\x96\xa0ep\x91\xab\xa0\x1c\x99\x0c*\xc4\xf8w\x0e\xf0\x9a\xae\xd9\xd2PX\xcb$\xd8q\xdaE-\xbcY\xd2;\xdd)\x1b\xccl}"&gt;\xea\x8b\x85\xbb\xf85\xc7\xfd\x02\x0c\x17\x19\x9f\xf5\xa5\xcdE&amp;\x0f\x961\x95\xc4\x1c\x7f\x17\xc5\x1d-+\xa3\x1b\xc0\x1d\xf2\xb2\x96\x0cGN!\xe3w\xd3o5\x08CR\x81\x1e\xbbg\xfd\xac\x16\x80M\x06OI\xa1\x85\xfc\xa5\xceV\x18\xf6\x90\x85\xd4\xf7&amp;\x14\xec\xce;\xfeZ\x8c@\xbe_|\x96\xa8+\xad\xf9?\xbd\x82\xdc\x84u\x86\xdc\xd9\xc2R\x1b\xceo\xa1\xa1\xd0\xe4\xe98T\xaa\x1c\xfdT\x8bW\xe2s\xcb\xdf\xb1\x15\x98\x9b\xd7\x7fiXn\xfa\x87\xfc\x03\x07\x9a}\x87\xda\x96FPWN\xe58c\xd63K\xb5#\xb3\xf91\x9f\x08\x17\x93\x8amA\x11^po\x90\xf93\xd1\x18\xa9\xf5\x12k\xd2\x1a\xca\xd2\x96\xfaVe\xdc\x97\xf8&lt;\x1c\xf9M\xd3-\xc0S]\x96\xf4I\xd7\xf7\x83\x94\x17\xf20\xc3\xe2\xd0JP\xbb\xca\xa2\xe9\xf7,\xb7o\x8f\x15\x8a\x98\x0e\tN\x173\xa6\x12\x04a\xdbp7\xe5\xf38]\xc9\x0cxE\x0e\xe27`\xf8!\x7f\xcao\x80\x90\x04\x1a\xb7h\x98\x17\xe6kM\xc8\xc2\xdc\x96\xf9\xc7{\xccY_\xf6)\x8cA\xf1F\x94i\xfd\x17l\xf0\x9c-\xb2\xcd\xf3\xc6Rx\x83\x82@h\x08\xf9u\xe6!Q\xf2\xfc,U\xf7\x12\xaeZF=\xb8\xdbx\xe6\xa2\xff\xe3\xe5M/\x00\xd4%j\xdf\xab\xae\xa6\xd3\n\xe3\xf1\xe3z\x1az~\xca\x8c\x1b\xda7CT\xcen\xe6"\xf1\x1cl\x7f\xcc\x08\xa2\x80\x17\xd7a%%\x98\x03\xcb\xcac\x1c%\x08\t\xba\x93Z$G\x16P94\xfe\x85?o(c\x9a\x01gG\xd2Fj\xdc\x06\xf4\x13\xaeIXw\xb6\xefy\x07R\xd5p4j\x95\xcf\xe6\x0fs\xae\x83pZ+T\xb2\xeaj\xdd\xb5\xdf&amp;\x00|U\x0c\xd2\x81\xe5\xbd\xda\xec\x98\x1d\x1fe9\x8aB\xfc\x15\xe1n\xff\xb11\x1a\x16\x1f\xad\xac?\xd7%\xb8\xff,\xa3V\x8d7\x92\\\x171\xe8^\xda\x18\x02@Sy\xb3G\xd8\x7f\xde\xc4\xf2)\x99e\xa9R\xb7\x85\xac\xf6\x8c\x067\xb7\xe5\x91\x14\t\x17\x8a];z\x05\xb52\xa4\xaf^e\x1fa\xfd\xaa\x81t8)f\xef\x92l\xbd7\xe12\xc3:\x17\xe0\xfaw\xd9\x82\x08\xb1\xc73\x08\x84I\x0f{_J\xe4|t\xc1Z\x8et\xc2:\xf6@\xda\xbd\xfcR\r\xd0u\xc4l\xe6b\xc6r\x891So?\xcf\x13\x9c\xfa\x9b_\xf66\x10\xcb$d{\x9a"Rt\xdb\x05\xbb\xf5&gt;\xe3\xe9&amp;pWP\xf1\xa2\xf8{\x0f\xe3\'\x0fKq\xb0\x19'</t>
  </si>
  <si>
    <t>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</t>
  </si>
  <si>
    <t>b'\x82\x04Ps\xde\x82\xf1\x18\x86\x85\xb0\x8ewD&amp;k'</t>
  </si>
  <si>
    <t>this was the truth about mothers. The toads!
 Still it is best to be careful; and no one knows so quickly as a child when he
 should give in. 'Wendy, let us go home,' cried John and Michael together.
 'Yes,' she said, clutching them.
 'Not to-night?' asked the lost boys bewildered. They knew in what they called
 their hearts that one can get on quite well without a mother, and that it is only
 the mothers who think you can't.
 'At once,' Wendy replied resolutely, for the horrible thought had come to her:
 'Perhaps mother is in half mourning by this time.'
 This dread made her forgetful of what must be Peter's feelings, and she said to
 him rather sharply, 'Peter, will you make the necessary arrangements?'
 'If you wish it,', he replied, as coolly as if she had asked him to pass the nuts.
 Not so much as a sorry-to-lose-you between them! If she did not mind the
 parting, he was going to show her, was Peter, that neither did he.
 But of course he cared very much; and he was so full of wrath against grownups, who, as usual, were spoiling everything, that as soon as he got inside his
 tree he breathed intentionally quick short breaths at the rate of about five to a
 second. He did this because there is a saying in the Neverland that, every time
 you breathe, a grown-up dies; and Peter was killing them off vindictively as
 fast as possible.
 Then having given the necessary instructions to the redskins he returned to the
 home, where an unworthy scene had been enacted in his absence. Panicstricken at the thought of losing Wendy the lost boys had advanced upo</t>
  </si>
  <si>
    <t>b'N\xbd\x89\xb1\xa53P\xfb'</t>
  </si>
  <si>
    <t>4ebd89b1a53350fb</t>
  </si>
  <si>
    <t>so
 are M3 and M4.
 (a) Neglecting channel-length modula_x0002_tion, calculate the voltage at node N.
 (b) Invoking symmetry, determine the
 voltage at node Y.
 (c) What happens to the results obtained
 in (a) and (b) if VDD changes by a small
 amount _x0004_V?
 I
 P v CM
 M 1 M 2
 SS
 VDD
 M 3 M 4
 N Y
 Figure 10.93
 10.75.We wish to design the stage shown in
 Fig. 10.94 for a voltage gain of 100. If
 VA,n = 5 V, what is the required Early volt_x0002_age for the pnp transistors?
 498 Chapter 10 Differential Amplifiers
 Q1 2 Q
 V
 I EE
 Vin1 Vin2
 CC
 Q 3 Q4
 Vout
 Figure 10.94
 10.76.Repeat the analysis in Fig. 10.56 but by
 constructing a Norton equivalent for the
 input differential pair.
 **10.77. Determine the output impedance of the
 circuit shown in Fig. 10.54. Assume
 gmrO _x0007_ 1.
 10.78. Using the result obtained in Problem 10.77
 and the relationship Av = âˆ’GmRout, com_x0002_pute the voltage gain of the stage.
 Design Problems
 10.79. Design the bipolar differential pair of Fig.
 10.6(a) for a voltage gain of 10 and a power
 budget of 2 mW. Assume VCC = 2.5 V and
 VA = âˆž.
 10.80.The bipolar differential pair of Fig. 10.6(a)
 must operate with an input common-mode
 level of 1.2 V without driving the transis_x0002_tors into saturation. Design the circuit for
 maximum voltage gain and a power budget
 of 3 mW. Assume VCC = 2.5 V.
 10.81.The differential pair depicted in Fig. 10.95
 must provide a gain of 5 and a power
 budget of 4 mW. Moreover, the gain of
 the circuit must change by less than 2%
 Q 1 2 Q
 R
 V
 Vin1 Vin2
 CC
 R C C
 Vout
 R E I EE I EE
 Figure 10.95
 if the collector current of either transistor
 changes by 10%. Assuming VCC = 2.5 V
 and VA = âˆž, design the circuit. (Hint: a
 10% change in IC leads to a 10% change
 in gm.)
 10.82. Design the circuit of Fig. 10.96 for a gain of
 50 and a power budget of 1 mW. Assume
 VA,n = 6 V and VCC = 2.5 V.
 Q1 2 Q
 V
 I EE
 Vin1 Vin2
 CC
 Q4 Vb
 Vout
 Q3
 Figure 10.96
 10.83. Design the circuit of Fig. 10.97 for a gain of
 100 and a power budget of 1 mW. Assume
 VA,n = 10 V, VA,p = 5 V, and VCC = 2.5 V.
 Also, R1 = R2.
 Q1 2 Q
 V
 I EE
 Vin1 Vin2
 CC
 P
 Vout
 Q
 R1 R 2
 3 Q4
 Figure 10.97
 10.84. Design the MOS differential pair of Fig.
 10.29 for _x0004_Vin,max = 0.3 V and a power
 budget of 3 mW. Assume RD = 500 _x0005_,
 Î» = 0, Î¼nCox = 100 Î¼A/V2, and VDD =
 1.8 V.
 10.85. Desig</t>
  </si>
  <si>
    <t>b'!\x05:\x19?\x7f\xff\xd6\xab\x91\xbdP\xfb\xe8\xdd\xcd'</t>
  </si>
  <si>
    <t>21053a193f7fffd6ab91bd50fbe8ddcd</t>
  </si>
  <si>
    <t>her emotions, and she burst into tears. Remembering the
 delicacy and the tenderness of St. Aubert, the happy, happy days she had
 passed in these scenes, and contrasting them with the coarse and
 unfeeling behaviour of Madame Cheron, and from the future hours of
 mortification she must submit to in her presenceâ€”a degree of grief
 seized her, that almost reached despair. Madame Cheron, more offended
 by the reproof which Emily's words conveyed, than touched by the
 sorrow they expressed, said nothing, that might soften her grief; but,
 notwithstanding an apparent reluctance to receive her niece, she desired
 her company. The love of sway was her ruling passion, and she knew it
 would be highly gratified by taking into her house a young orphan, who
 had no appeal from her decisions, and on whom she could exercise
 without controul the capricious humour of the moment.
 On entering the chateau, Madame Cheron expressed a desire, that she
 would put up what she thought necessary to take to Tholouse, as she
 meant to set off immediately. Emily now tried to persuade her to defer
 131
 the journey, at least till the next day, and, at length, with much difficulty,
 prevailed.
 The day passed in the exercise of petty tyranny on the part of Madame
 Cheron, and in mournful regret and melancholy anticipation on that of
 Emily, who, when her aunt retired to her apartment for the night, went
 to take leave of every other room in this her dear native home, which she
 was now quitting for she knew not how long, and for a world, to which
 she was wholly a stranger. She could not conquer a presentiment, which
 frequently occurred to her, this nightâ€”that she should never more return
 to La Vallee. Having passed a considerable time in what had been her
 father's study, having selected some of his favourite authors, to put up
 with her clothes, and shed many tears, as she wiped the dust from their
 covers, she seated herself in his chair before the reading desk, and sat
 lost in melancholy reflection, till Theresa opened the door to examine, as
 was her custom before she went to bed, if was all safe. She started, on
 observing her young lady, who bade her come in, and then gave her some
 directions for keeping the chateau in readiness for her reception at all
 times.
 'Alas-a-day! that you should leave it!' said Theresa, 'I think you would be
 happier here than where you are going, if one may judge.' Emily made no
 reply to this remark; the sorrow Theresa proceeded to express at her
 departure affected her, but she found some comfort in the simple
 affection of this poor old servant, to whom she gave such directions as
 might best conduce to her comfort during her own absence.
 Having dismissed Theresa to bed, Emily wandered through every lonely
 apartment of the chateau, lingering long in what had been her father's
 bed-room, indulging melancholy, yet not unpleasing, emotions, and,
 having often returned within the door to take another look at it, she
 withdrew to her own chamber. From her window she gazed upon the
 garden below, shewn faintly by the moon, rising over the tops of the
 palm-trees, and, at length, the calm beauty of the night increased a
 desire of indulging the mournful sweetness of bidding farewel to the
 beloved shades of her childhood, till she was tempted to descend.
 Throwing over her the light veil, in which she</t>
  </si>
  <si>
    <t>b'\x15\x12\xed\xae\x82\x81K&lt;\\k:\xa5\xfd\xbbP\xd0=V\xcc\x98]\xbb\xb9k/\x81\x9a\x13\xba\xd2\xab\x05UF\x93"\xb7Z\xa1\x96\xdbC\x94\xb1\x92"\xaa\xde"\x16\r\xc5\xdcI\xa2\xe5\xf0~\x8ay~\xf7^\x01'</t>
  </si>
  <si>
    <t>1512edae82814b3c5c6b3aa5fdbb50d03d56cc985dbbb96b2f819a13bad2ab0555469322b75aa196db4394b19222aade22160dc5dc49a2e5f07e8a797ef75e01</t>
  </si>
  <si>
    <t>b'\x15\x12\xed\xae\x82\x81K&lt;\\k:\xa5\xfd\xbbP\xd0'</t>
  </si>
  <si>
    <t>tional growth rate.)
 t0
 market equilibrium, given that the price level cannot do so by dropping immediately in
 response to the money supply reduction. In that sticky-price case, an interest rate rise is
 associated with lower expected inflation and a long-run currency appreciation, so the
 currency appreciates immediately. In our monetary approach example of a rise in money
 supply growth, however, an interest rate increase is associated with higher expected infla_x0002_tion and a currency that will be weaker on all future dates. An immediate currency
 depreciation is the result.5
 5National money supplies typically trend upward over time, as in Figure 16-1a. Such trends lead to correspon_x0002_ding upward trends in price levels; if two countriesâ€™ price level trends differ, PPP implies a trend in their
 exchange rate as well. From now on, when we refer to a change in the money supply, price level, or exchange
 rate, we will mean by this a change in the level of the variable relative to its previously expected trend pathâ€”that
 is, a parallel shift in the trend path. When instead we want to consider changes in the slopes of trend paths them_x0002_selves, we will say so explicitly.
 394 PART THREE Exchange Rates and Open-Economy Macroeconomics
 6Some of the negative evidence on absolute PPP is discussed in the Case Study to follow. Regarding the law of
 one price, see, for example, Peter Isard, â€œHow Far Can We Push the Law of One Price?â€ American Economic
 Review 67 (December 1977), pp. 942â€“948; Irving B. Kravis and Robert E. Lipsey, â€œPrice Behavior in the Light of
 Balance of Payments Theories,â€ Journal of International Economics 8 (May 1978), pp. 193â€“246; and the paper by
 Goldberg and Knetter in Further Readings.
 7The price level measures in Figure 16-2 are index numbers, not dollar amounts. For example, the U.S. consumer
 price index (CPI) was 100 in the base year 2000 and only about 50 in 1980, so the dollar price of a reference
 commodity basket of typical U.S. consumption purchases doubled between 1980 and 2000. Base years for the
 U.S. and Japanese price indexes were chosen so that their 1980 ratio would equal the 1980 exchange rate, but this
 imposed equality does not mean that absolute PPP held in 1980. Although Figure 16-2 uses CPIs, other price
 indexes lead to similar pictures.
 8See, for example, the paper by Taylor and Taylor in this chapterâ€™s Further Readings.
 These contrasting results of interest rate changes underlie our earlier warning that an
 explanation of exchange rates based on interest rates must carefully account for the factors
 that cause interest rates to move. These factors can simultaneously affect expected future
 exchange rates and can therefore have a decisive impact on the foreign e</t>
  </si>
  <si>
    <t>b'0D\x02 ,\xb0\xf4\xef\xdcM\xf8\xd2\x87~\xb9\xef\xe2v\xed\xa9=\xf5\x8e\t6\xa595]\xdd(l\x15\x81\x80\xdb\x02 W\xf5pZC\xbb\x970\xf6ZR"Rr\xa4f\x12\xb5\xe8\xefqX\x90Q\r:\xa0\n\x8a\xd5\xa5\x14'</t>
  </si>
  <si>
    <t>304402202cb0f4efdc4df8d2877eb9efe276eda93df58e0936a539355ddd286c158180db022057f5705a43bb9730f65a52225272a46612b5e8ef715890510d3aa00a8ad5a514</t>
  </si>
  <si>
    <t>b'0D\x02 ,\xb0\xf4\xef\xdcM\xf8\xd2\x87~\xb9\xef'</t>
  </si>
  <si>
    <t>payments connected with international trade
 Râ‚¬
 R$ - (E$/â‚¬ e - E$/â‚¬)/E$/â‚¬.
 R$
 7
 In discussing spot and forward foreign exchange transactions, some textbooks make a distinction between foreign
 exchange â€œspeculatorsâ€â€”market participants who allegedly care only about expected returnsâ€”and â€œhedgersâ€â€”
 market participants whose concern is to avoid risk. We depart from this textbook tradition because it can mislead the
 unwary: While the speculative and hedging motives are both potentially important in exchange rate determination,
 the same person can be both a speculator and a hedger if she cares about both return and risk. Our tentative assump_x0002_tion that risk is unimportant in determining the demand for foreign currency assets means, in terms of the traditional
 language, that the speculative motive for holding foreign currencies is far more important than the hedging motive.
 CHAPTER 14 Exchange Rates and the Foreign Exchange Market: An Asset Approach 337
 make up a very small fraction of total foreign exchange transactions, we ignore the liquid_x0002_ity motive for holding foreign currencies.
 We are therefore assuming for now that participants in the foreign exchange market
 base their demands for foreign currency assets exclusively on a comparison of those as_x0002_setsâ€™ expected rates of return. The main reason for making this assumption is that it sim_x0002_plifies our analysis of how exchange rates are determined in the foreign exchange market.
 In addition, the risk and liquidity motives for holding foreign currencies appear to be of
 secondary importance for many of the international macroeconomic issues discussed in
 the next few chapters.
 Equilibrium in the Foreign Exchange Market
 We now use what we have learned about the demand for foreign currency assets to
 describe how exchange rates are determined. We will show that the exchange rate at
 which the market settles is the one that makes market participants content to hold exist_x0002_ing supplies of deposits of all currencies. When market participants willingly hold the
 existing supplies of deposits of all currencies, we say that the foreign exchange market
 is in equilibrium.
 The description of exchange rate determination given in this section is only a first step:
 A full explanation of the exchange rateâ€™s current level can be given only after we examine
 how participants in the foreign exchange market form their expectations about the
 exchange rates they expect to prevail in the future. The next two chapters look at the fac_x0002_tors that influence expectations of future exchange rates. For now, however, we will take
 expected future exchange rates as given.
 Interest Parity: The Basic Equilibrium Condition
 The foreign exchange market is in equilibrium when deposits of all currencies offer the
 same expected rate of return. The condition that the expected returns on deposits of any
 two currencies are equal when measured in the same currency is called the inter</t>
  </si>
  <si>
    <t>b'0E\x02 "\xf4~\'u\xd0\x07-f\xc4*\xbc\xa6iB*\'\xbe\xb6G\xb7\xd7\xed\x89B\xbf\x17\xe9\xc5\x89\xafM\x02!\x00\xf6@ \xe1\xa6\xd8$&gt;W\xd2^\x12\x8dL\x85\x00\xd8K\xa5\x02\xc6\x1d\xedC^\x0e\xf6\xfd\xdd\x17\x86~'</t>
  </si>
  <si>
    <t>3045022022f47e2775d0072d66c42abca669422a27beb647b7d7ed8942bf17e9c589af4d022100f64020e1a6d8243e57d25e128d4c8500d84ba502c61ded435e0ef6fddd17867e</t>
  </si>
  <si>
    <t>b'0E\x02 "\xf4~\'u\xd0\x07-f\xc4*\xbc'</t>
  </si>
  <si>
    <t>ers, and audiences, bringing your business to the level
 of a respected brand.
 10. Acquisition. What does it look like to sell your business? There are
 many buyers out there hungry for what youâ€™re building. Hereâ€™s where youâ€™ll
 learn how to navigate the process, lock in your payday, and decide what to do
 afterward.
 For many of the entrepreneurs I work with, when it comes to starting a
 business, itâ€™s not their first rodeo. Trouble is, they can see the hundreds of
 different routes to financial freedom. They often dabble in a few: For a while,
 they dance with real estate investing; then they try Kindle publishing; then
 they land on affiliate marketing. It goes on and on. That confusion keeps
 them stuck. They can clearly see the various business models they can choose
 from, but the choice is the obstacle. Thereâ€™s a lack of clarity around which
 model (or which product, or which direction) will get them all the way t</t>
  </si>
  <si>
    <t>b'nl/JM\xfb\xbb\xc0\xb5m\x98\x12\x85\xe3\xb0\x93\xe3\x83\x1fg\xdb\xfb\x113\x03\x9d\x81\xd8\xa1A\xe3t\xebo\xed=\x8ai\xcf\x7fU\x18\x84\xbf_\xf2T\xb5rD\xa1\xf9\x1a\x9dS[ccX\x1c\x1f\xd7\xa7\xf6\x0c\x0c\xb06\xf9\xe7\x91G\xfcm\xd0&amp;\x12:\x95\x88\x94\xfe\xd2x3\x87\xcb,\x06=\xcb\xaar\xa8\xa8e\xae\xbeZ\xfdJ\x88jr\xf1\xe1v\x19\r\x95\xb1\x9aO|M\x8c\x1f\xb0M\xe7\xe2\xc0!+\xb8\xa4\x1c\xedK\xeeJ\xe7/\xa4w)(\x84\xbb\xef\xda\xc2\xa2\xbbU\x1f\xbaU\x06\x19nw"\xd7p\x1e\x12h\x02\x8bI\n$4yo\x87*\x05\x1f4\x91\xf4\x8e"I_^)\xcemm]\xe0\xbf$XKI\xd0Q\xb7\x87@O?}\xc66\x8d\xd5r\x82\x8aF\xdd\x176fJBs\x97\xb3\x0e\xef\xc9e2\xa0-\x07q\x082=\x89\xa45\x81\xdf\x1e\xc4\xab@\xc6W\xfe\x98z\x9d\xdeN\x9f\x17\xb2JM\x17+x\xe3\x13*\xeb9\xa807\x8b\xe5&amp;\xde5\nq\x97\xfc&lt;4\x87\x13\x15W\xc1\x17"(\x19\xcb\x84GD\x88\x91"q\x97\xd5\xaa(\xb44bs\xc4\xa5\\\x8f\xdde\x03\x8c\xa2\x11R\xd8\xc3\x91\xc4\xb1\xd2E]\x92\xfb\x83\xaa\xd8\x19\x13@X\x83\x8b\xdc\xdd\x03\xdd/b\xf8l;J6\x04\xf1\x7fj3\xc3L&gt;]m\xb3(\x9f+5\x1fxC\x02\xf8r\xd4\x08\xfb\xd4k\xd66\xbco/]\xbb\r\xd0\xfd\xb3:G\xf4Q1(\xa4\xa8 \xfe\xa7\ncb\x83\xa6%\xfe\x81}\xa9\x96\x11\x9b\x13\xc4\xd9\x9e\x97\x7f\xdf\x96\x87\xb3\x8d\x1cc\x1bG\r\x1d&lt;\x11"\xb3:m\xcb\xce\xbe\xb7\xd1\xaf\xba\xe5e \x94\xadp\xdb\x994\xe5-X\xb2\x8ek\x1d\xe8G\x0bA\x90r\x80\xa9\xd9\xc8Cuk\xf7\x97v\x1f}\xaa\xfa\xdb\xf7}\xebC\xc8~\xa0\xe9\x05\xd7y\xc1\xe9y\xc8+Eo^0\xd7xO.,EUe\xf1\x00\xfc\x19\x92(Pk\x04"\xae\x8c\xdc\xc9\x06\xd0\xb2\x94\xaf\xed\x91\x87\x95\x9cr\xeeK*\xff+x,z\xa5e\xa6\x02\xf71\xa1^\xe4\x143\xc0\xf61"Lw\x18\xe6\x82\xfe\x01j\xdd\x0e\x0f\x01\xe8\xb0\xb5$\xdd\xaf\x8c\x01Nd\x87D\xd7]\x16\xc3~*TB\xd8z`\xd74\x13\xfa\xbe\x1c\xe8\xa2\x03&gt;\xac]q\xfb\xa5O\x98E\xee\xeb\x0f\x95`o\xa6\xc2\xe4\xb2\xccN\xd7\x8c\x1d\xee\xc7\xb0\x08\x02\xfe\xf7\xb59\xee,\x8dS\x08\'\xeb\x14\x81Q\x9274\xb8\xf9\x80%\x88\xec\x98v&lt;\x92\xa5kSF\xff\xbe\\\x13\xf9b\xa52\x9a\x82\x92\x84\xedlk\r*\xad\x11\xe7\xbb\xfb#E%\x889\x99\x99\xe3\x8e\xd4\x19\xd8\x0cbOj\xabLBT.\xc2&gt;\x8aM\x15rQ\x883VWB\xc6)\xa6\x94*\xfeJX\xbe\xa8\xd0\xb7\xedzx_\xc5\x81\xd2\x9d\xd5\x03.\x06\xd4[\xf9 \xfc7\x14s\x82\xce\xb1\xc9\xcc\x83\x82\xa9*\xea[\x13\x96\xe1\x1c\x8c\x97\xeb\x03.\x8et=M\xb8\x88\xa4M2b\xa6\x8f3\x18\xa4\x96\x1e|]\xfd\x88\x07IC\xd0}\xdeI\t\xe6\x9e|Q\xd2\x02[\xbf\x85\x85\x83\xc7\xdd}\x9c\xf7I\xa7\xc4\xdb~\xf1+\xebd\xc9\xda\xaa\xa7\x1f\xe2\x82\xa2\xde\xed\xee1\x88Lh\x8c\xc9#\xc2\xd1\xb1\xdd\x00z?\x8f\x06\xdab\xdd\xff\xab\x83\xb3\x99f\x90=\x9f\xfa\x1e\x7fk\xf3\x88}\xb9\xb1\x0b\xc0-I\xc8s&lt;\xb3\xe5\xb8/\x03\xba\t\x0c\xde\xfct=p\x1f\xc3\x89\x01TA\xc3L=\x87\xedcm\x18\xda~\xc3\xbb\xb1-G\xeb\xa5\x18\xe7\xc9O\x94\x08}\x98\x08(\x1b*\x8d\xbf\xb5\x95\xee&lt;\x05b\x84yT\xde\x0c\xf6\xb6a\xc8\xd7\xd9{\xe4XS\x17'</t>
  </si>
  <si>
    <t>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</t>
  </si>
  <si>
    <t>b'nl/JM\xfb\xbb\xc0\xb5m\x98\x12\x85\xe3\xb0\x93'</t>
  </si>
  <si>
    <t>se a currency board typically may not acquire government debt, some argue that it
 can discourage fiscal deficits, thus reducing a major cause of inflation and devaluation
 (although Argentinaâ€™s experience in this area provides a counterexample). The high level of
 foreign reserves relative to the monetary base also enhances credibility. However, other fac_x0002_tors, including the banking sectorâ€™s increased vulnerability, can put the government under
 pressure to abandon the currency board link altogether. If markets anticipate the possibility
 of devaluation, some of the potential benefits of a currency board will be lost, as
 Argentinaâ€™s experience also shows. For just that reason, some Argentine policy makers sug_x0002_gested that their country adopt a policy of dollarization, under which it would have for_x0002_gone having a domestic currency altogether and simply used the U.S. dollar instead. The
 only loss, they argued, would have been the transfer of some seigniorage to the United
 States. But the possibility of devaluation would have been banished, leading to a fall in
 domestic interest rates. Ecuador took this approach in 1999, and El Salvador did so in 2001.
 For a country with a legacy of high inflation, even the most solemn commitment to
 maintain a currency board will fail to bring automatic immunity from speculation. For
 example, Hong Kongâ€™s long-standing link to the dollar was fiercely attacked by specula_x0002_tors during the Asian crisis, leading to very high interest rates and a deep recession. Thus
 currency boards can bring credibility only if countries also have the political will to
 repair the economic weaknessesâ€”such as rigid labor markets, fragile banking systems,
 and shaky public financesâ€”that could make them vulnerable to speculative attack. On
 this criterion, Indonesia and Brazil probably do not qualify and Russia certainly does
 not. With its lack of wage flexibility and undisciplined public finances, Argentina ulti_x0002_mately failed the test. Developing countries that are too unstable to manage flexible
 exchange rates successfully are best advised to dispense with a national currency alto_x0002_gether and adopt a widely used and stable foreign money.15 Even then, they will remain
 vulnerable to credit crises if foreign lenders fear the possibility of default.
 1 5For a clear overview of the theory and practice of currency boards, see Owen F. Humpage and Jean 
 M. McIntire, â€œAn Introduction to Currency Boards,â€ Federal Reserve Bank of Cleveland Economic Review 31
 (Quarter 2, 1995), pp. 2â€“11. See also TomÃ¡s J. T. BaliÃ±o, Charles Enoch, et al., Currency Board Arrangements:
 Issues and Experiences, Occasional Paper 151 (Washington, D.C.: International Monetary Fund, August 1997).
 For a skeptical view even of the case for dollarization, see Sebastian Edwards, â€œThe False Promise of
 Dollarisation,â€ Financial Times (May 11, 2001), p. 17.
 646 PART FOUR International Macroeconomic Policy
 Lessons of Developing-Country Crises
 The emerging market crisis that started with Thailandâ€™s 1997 devaluation produced what
 might be called an orgy of finger-pointing. Some Westerners blamed the crisis on the poli_x0002_cies of the Asians themselves, especially the â€œcrony capitalismâ€ under which businesspeo_x0002_ple and politicians</t>
  </si>
  <si>
    <t>b"0D\x02 Q'1o\x064y.\xa3\xea\x1a\xecf\xf0\xf6\x86\x9a\xe5\x88\x13\x0b\xd5aZ?:\xc5\x0f&lt;\\C&amp;\x02 YZ\xe9v0\xc5\xc9\x1e\xd1l&amp;q]\xc6?E\xa6\x13Mo\x86Kr,# \xc2\x9a\x94/\xdf"</t>
  </si>
  <si>
    <t>304402205127316f0634792ea3ea1aec66f0f6869ae588130bd5615a3f3ac50f3c5c43260220595ae97630c5c91ed16c26715dc63f45a6134d6f864b722c232020c29a942fdf</t>
  </si>
  <si>
    <t>b"0D\x02 Q'1o\x064y.\xa3\xea\x1a\xec"</t>
  </si>
  <si>
    <t>all bad: or, rather, she was all bad just now, but, on the other
 hand, sometimes she was all good. Fairies have to be one thing or the other,
 because being so small they unfortunately have room for one feeling only at a
 time. They are, however, allowed to change, only it must be a complete
 change. At present she was full of jealousy of Wendy. What she said in her
 lovely tinkle Wendy could not of course understand, and I believe some of it
 was bad words, but it sounded kind, and she flew back and forward, plainly
 meaning 'Follow me, and all will be well.'
 What else could poor Wendy do? She called to Peter and John and Michael,
 and got only mocking echoes in reply. She did not yet know that Tink hated
 her with the fierce hatred of a very woman. And so, bewildered, and now
 staggering in her flight, she followed Tink to her doom.
 CHAPTER V
 THE ISLAND COME TRUE
 Feeling that Peter was on his way back, the Neverland had again woke into
 life. We ought to use the pluperfect and say wakened, but woke is better and
 was always used by Peter.
 In his absence things are usually quiet on the island. The fairies take an hour
 longer in the morning, the beasts attend to their young, the redskins feed
 heavily for six days and nights, and when pirates and lost boys meet they
 merely bite their thumbs at each other. But with the coming of Peter, who
 hates lethargy, they are all under way again: if you put your ear to the ground
 now, you would hear the whole island seething with life.
 On this evening the chief forces of the island were disposed as follows. The
 lost boys were out looking for Peter, the pirates were out looking for the lost
 boys, the redskins were out looking for the pirates, and the beasts were out
 looking for the redskins. They were going round and rou</t>
  </si>
  <si>
    <t>b'Ux\xe4\xe5g3\xfc+'</t>
  </si>
  <si>
    <t>5578e4e56733fc2b</t>
  </si>
  <si>
    <t>le
to know about him: they reflect the status that he attained through the performance
of his duties. The career inscriptions upon which our knowledge of the equestrian
career are based cannot tell us how people carried out their jobs, and how the
administration that they were part of actually functioned. If we want to see what
equestrian officials actually did, we need to look instead at the papyri.
3 The Egyptian Question
The nature of the source material
Despite recent discoveries outside of Egypt, the most obvious fact about the study of
papyrology is that the vast majority of surviving literary and documentary texts come
from Egypt. The peculiar climatic conditions of Egypt have ensured the survival of
tens of thousands of papyri, and even as more papyri, or similar documents, have
come to light from elsewhere, it remains that we have nothing comparable in scope to
the wealth of material that comes from Egypt. The concentration of the evidence in
one part of the empire means that historians must decide what is primarily relevant to
the particular conditions of Egypt, and what they should regard as being illustrative of
the broader issues of social interaction within the empire as a whole. Although this
discussion will be limited to actions in the official sphere, the same general rules hold
true for interactions in the private sphere.
The survival pattern of papyri
The survival of papyri is uneven both in space and in time. For instance, with the
exception of some notable finds of carbonized papyri in Thmouis and Boubastos, we
have almost no papyri from Alexandria, the provincial capital, or the Delta, the most
densely populated part of Egypt. What we know about this area comes from papyri that
somehow found their way, mostly through the migration of government officials, into
the chora, the Egyptian countryside. This anomaly is further complicated by the
uneven pattern of survival within the chora itself. Documents that shed light on the
administration are, for unknown reasons, thinly spread in the first century, but become
much richer in the second and third centuries, up to the accession of Diocletian.
Geographically, the distribution of the evidence, at least in its current state, is also
problematic, because it comes from only two sources: firstly, the ruins and trash-piles of
a handful of towns and villages in the Fayum, located on the fringes of the desert that
literally dried up in the later Roman period; and secondly, from a few local centers of
imperial administration such as Hermopolis, Antinoopolis, and most importantly
Oxyrhynchus, as well as some, very limited, evidence from Upper Egypt or from the
60 Traianos Gagos and David S. Potter
deserts to the east and west (Bagnall 1995: 26â€“9; Habermann 1998). Such an uneven
pattern in the survival skews our understanding of Roman administration in Egypt:
while there is rich documentation for the study of the local administration the evidence
is very scarce at the central and regional levels.
Importance of the papyri: â€˜â€˜archives,â€™â€™ â€˜â€˜dossiers,â€™â€™ and
individual documents
It is now some 30 years since Alan Bowman made a powerful case for the role of
papyrology in understanding Roman history b</t>
  </si>
  <si>
    <t>b'\x8agIP\xdf\xfe3\xc0\x0c\xf3\xf6\xd8!}\x8d\x9f\xfb2\xd9A\xd7O3\xe9\x14\xd8?\x8c\xfd\xf7\x1b\xca\xaewt\xd8\xed\xa8\xc7\x19\xef\xb9\xfb.Fh\xe5H\xf1\x0b\x19\x7f@&amp;4\t\xecl\xfe\x82\xe2,\x0cy\x00\xb2\x05\x1e\xbc\x1cbz5u\x02\x0b\xc8!\xf5\x82j\x0fG\x8a\xdc\xe0\x90CS\xb7k|\xa7\xe5.B\x8d\xd0\x08\xa8\xec\xcf\xda\xb1&lt;\xa1\x90E\xe9\x9a\xdb!\xa6\xfbb\xcbp\x82`\x85\xba\x9f\xfe\xb8e3\xbf:w\x89\xcf(B\x8fr\x9c,\xb4\xd2\x84\xd8A?\xab\x1d6S\xbe\x08\xc7\x01\x00\xf8h\xe6\xee\xe1\x1b\x81u9\x19\xd3\x0c\x90\xf1\xcaVA\xe7/\xa9hH\xf5\xeek4\x10\x8b\x08\xd0\x82&lt;\x8e\xa1(v\x96\x8c\xd2u\xb4\xd1W\xc2%),\x0c/\xe1V2\xcc\xaa\xac%\xbc\xfb\x1347p\xa3\xca\x91#\tP\xb9Oeup/h\xac\xdf\x11*{\xed\x8fx\x0b+[\xb4\xaf\x06\xf5\xb4\x01\xdd\xe2w?p\x02s&gt;t\xa8\xb6\xe3\x00\x12/{-5\xa2J`Z\xc7R\x83O\x0cl\x00\x80\x87Bx+\x9dK\xca\xe1\xa2\xadZ\xfd\'\x06\xaf\xbfN\xd0\x1e\xc9,}\x1e\xde\xfd\x9a\xf5\xd2a\xd1\x92&amp;\xf7\x15\xfb\x18\xbe{\xb9\xb7x\x93\xae\xfb\xe7\xb6\x03\x07\xcfA;Lg\xbd\xd5Ox\xa22\x82N\x1d\x14RL\xee\xd1`%\xcd\'\xbdz\xb4!\xd1\xbc\xd7/R\x90\x8d"8^\x96\\ "\x87c\xa4\x88-\xf5z\xc7\xae\xb5u\xeec\xd1T+\xb4\x02\x8b\xb1\x86d@\x8dou\xdb\xa7\xd9T\t\x03&amp;\xe6\xeb\xbf\x87\x88\xb9\xbc\xf1\xce\xe8\x96\x8bk\x83\xa6\xc4&amp;n\x1d\xbb\xb3H\x8b\xe4\xb8\xb1\xdd\xb85\xf9\x85\xbfOl\xca|4\xbf\xdb\xec.rHY\xeb\xb5\xc7\x07\x80"k\x0f?\x97\xbe\xfc\x94$XV\xcf\x91Cd&lt;;8\xcd\rTv+@\x02n\xbc\xe1\xddM+*5~\xb6\x0c\xd6\xd1\xbd+&lt;\x85@\xb1\xc1\x89\r\xb5\x9a\x1b\xcf\xa2s"\xffzpP\x87\xf7\xc1E{v!\x9c\x80\xb1C\xe7\xf0+\x07\x18\x13\xac\xb6\x89\xa5\x98\xdcA\xa7\x01\xa3\x1b\x13\xf6\\U\x93Z\x1c\x0e\xc9\xa4\x8a\xbb7\xe8\x1c\\wt\x1dt\x15\xa0\xc37\xb3\x17u&lt;\xaf\x03\xee\xd4\xed0\xcd\xde\xa9\xbd\xd8oL8d\xa8\xa3 \xb8Q9\x11\x90\xc6\x12\x00\xe5\x8f\xe5_\xce\x9e\xfc\xf3\xceo\xec\xd9-\xf0n)\xa7\xd5\xb33\xdbX\x8f\x07\x16\x1fX\x18w\x1c\x88\xc9\xea+Q\x17"h\xe68\xa4\xb3\xaaYw\xd5\xff\xc6:u5h/\xfaxNqo\x808\x12\xba([\xc7o\x07\xaag\xf9K\xe3\xdd\x1571\xdc\xe6\xb8\x82\x86\x88\x88\xa2HQ\x8fYK\xab\x0b\xae\xc85\xcb\x84\xbf\xa2kD|U\x9b \xcc\xc5\x0ec\xf4\xa2\xb9g3\x0e\xdb|\xe6g\xba\x8a\x8e\xf6\x91\x90\x8e\xa1\xf2\xc8\xb5\xe0(9\xd3\xe6A\xcaj\xf0d\xb6\xeb\x18\x97q\x913\xa8t\x91H\xba\xc2\x8e1\x9bE\x923\xe3\xa8@l\xa1\xa0IC"6Le\x88\x94W\x0bf\xa9\x16]\xd49\xda\xd4id\'\xeb\x02`m~\xa8\x9bM,!\xce\xa8\xc1?s\xab\xbd}=\x89\x98Y@\xfd\xac\x04\x93\x1c\xfd0\t\xb6\xe3\xe3\x96\x80\xd6\xccs\xe1\x0c[c%G\xe3\x9fx\xb4\xe4\x0f\xfd\x87,l\xe5\x01r)&lt;R\xd0\xfb\xc9Y\xb8\xdd\x91\x86\x19\xf0)*k\xad\xee\xf89lr[\xf9\x08\x1d\x1b\x01\x84T\xb03e\x9e\x884Z\xa8\xa2\x1ea\x07\x93\tO1d\x10\xe5\xf3\xdf\x89_\x05M\xb0k\xf7G\x11\xa4\x1c&amp;p\xc4\xd8\x93\xdaQ\xbb0\x855q\x19I\xe1\x0f\x9fYc\xf7\x15\x9a\xee\x95\xea\xa4\xdd\xa8]M7\x05C{Fg\x8a\xd7T\xa8\x95@\xde\xf0\x93\xa6\xfc\xf3\x17\xf2s\xd0\xfc\xc1\xa29\x86\xe1E\xf0b-\xaa\xc7\xfe*\x96Ze\xe3\xe9\x8dv\xe62\x9b\x03Ot\x1c!\xdd\xa8\x06\x04\x0b,\x1e\xe7;RA;\x94\x0c\xdc\xf3\xba\x03o\xc6\x85S\xa0\xa0\x84}\x9f\x8d\xa1\xbb&amp;\xae\xdcK\xbd\xaf\xe2\xa1\xbf\xab=\x98Y\xf8\xac\xde\xc8\n\x18\xbd\xd2\xc1\\\xc30\xe8u\xda\x8d\xbe\x9d\xba.O\x04{-a6\xc4m\x15`\xef\xdd\x82\xb5\x9c\x90\x8e\xa5\xfe\x8f\xbe8,\xe4\x8f\xdb]\x91a&gt;(\xfaq4\xd7\xca\x9dY1R\x87\xb6\xd6\xfc\xeav\xfa\xa7\x14\x12\xbe\xfc\xee\xfa^\xa2\xf2#\x10\xb9\x99(\x02\\\xe9 U@\x9a\xef\xdf\xbe\xd3J\x87\x8a\xe8TFl\xb1gk\xe4\x17+\x99dn\x92l\xd2o\x8e\xa3\xbal2\x1d\x86\xb9\xaf\x8a[\x97\xcb\xe0\xe4\x88\x17\xe3T\xe5v\x9c\x00c/\x92\xef\xba,M}\x95\xce\xa7\x02q|\x16:u\xed\x86Y\x9e\x13,\xf1\xb6\xffR\x01\xdfC\xd5\xd9\xb3n\x14\'\xf0,\x0b\x8f\xae\xf8\xba\x86\xa2N\x82\xa4\xec!("^\xa3v\xee6\xfaqc|`\x074\xdf:\x00\x80\xa3\xac\xf8\x85\x90J\xaa\x9c\xedczG\x94\x96\x97\x98P6\xb8{\xc3&gt;,8\x1b\xf8\x85P\x87`\xfb\xf7\x0b\x07\r\xadI\x9f$ {@\x93\xc7\xa6\x16\x97\x068\x1ac\xc5\x86\xf5\xe6\xb0\x15\xff\xfe\xc0\x18\x100\xa3r\x8a\xfb\x1c^\xe6\xb01)\xf4\xcf\x8ed\xcf\\\xb5\xd28.i\xb6\xef\x10\x19?\xcb\xb0R\xd9\x93\xbf\x05f\xd2(&lt;An\xa4c\xd2\xea\t\xd8\xad\xd8\xcb\x99\x9e\xf4\x93\xb0\x8a\xa7V\x14h\xb6\xfbO\x0fp\xf2\xc2\xf0\xcco\xc5\x90\x06H6\x86z&lt;\x95-Z\xfa\x03\x17\x1f\x19\x19\x90\x97\xa5\x80\x12\xdd\xd6q\xab^\xf0f+\x9d;z&gt;\xa2%\x89\x9f\x97\x1a\xe8d\x9d}a\xefx:_\xff\x91\x9b\xd9\x8aB\xc5+AT\x01\xe7\x8f\x93o!\xd6Qk\x84\x1d\t,t\xfd\xf4{\xf8J\xc8p\x99*\x03c\x8b\x02\xd89\x8d\x8d3S\xc0\x7f\t/\x8a\xa7\x1f\xf4\x8a\xae9\xe64&gt;z\xb7\xfc\t\x1f\xec\xb0\xda\x90O\x9f\xaa\xfeY\x0bK\x9d?%s\xa3\xc0\xf2\x14\t\x16\xfeC\xd9\xbdt\xc5\xd9\x01I\xe5*\x18&gt;\x1b6\xa5\xe7\xb5Z\xc8\xf6\xa7\x9d\xe5\x1c\xd3\xa7\r\x0f\xa8\x8f\x0c\x16\x81\x8f\x88\xfaM \xca\x99\x03&amp;\xe0\x96\xc64{\xdb\xf4\x03\x0b\xcd\x95G[UcU&amp;\xed\xd2\r\x91\x88;\xe1-\xb7=Y!\xfc5sF\rr/\xfb\x9c\xd8\xc6\xa3\x916\x84\xad\\\xb0\xb6\xca\xb1\x84\x85\xac\x99zRZ\xe4E3_\xc7\xf7\xc7\xc8\xc9\xcf\xe4RW\x861\xa4\xd3t\xd1d\xac\x8e\xd7]BI\x10ZZ0B5\xf8\xf6]\x1a\x88\x1d&amp;PERc;\x92&amp;e\xd2\xe5@\xba\x98neO\x91\xd6\xe4\xe5\xc1\xf9\xe9\xe4mh\x15&amp;\x04S\xc0\xdfv\xa9\xae\xa9\x17\x82\xc4\xb7#Q\x83\x080\xc8\x0e\x08a\xafj\xbcx\xc5\x9d\x84\xa0\x0c$\x8a:\xe6\x99a\xfc\xa6\x0b\x04&gt;\xcd\xf1%\x89\xdaN,\xf6\xdcC\xe0\xfag}\xf4\x9b{0}\x0f\x8b\xf4%\'\xc4\\\xaf)\xc3y\xb5k\x06\xaa\xa0\x94\xf172\x83\xb3\x1d\xbc\xb3e\xb7\xe5`\xa6\x06H\x99H\xc5\x9c=\xde-\xb4\xff$\x85\x88AV2\xdd\xdc\xbb\x94\xa1\xdb\xd4\x85\x88\xcf\xef\xa1\xe6\x85)VU?\xb7\x19?\x14\xf7|\x0bL\xb9\xbaFWJ\xdd]\xb8\x9drw\x953I#\x9cmu\x91H\xc9\xdc\xac\x07\xc0\xc9\xbf"\xd1%hv\xc8oe\n\x802\x94\x8b\xfe\xd3T\x98\xce\x87\x19\x96\xff\xa1G\xd9\xd6{\'\xcf|\xf2\xa0\xe0\x93\x8c\t=\xeb\xa5\x8cG\xfa(\xb9\xd9|D\xc5d\x05m^\xe1\xc8\x9bS\xe4\xdfQ\xfe"[\xc0e8\xd2JnX\x88b\xe2\xf3\xee\xc0(6\xab\x8c\xb5S\xd2\x15\xc4\x90\xd6\xcd\xbe\x95\xe7\xbc\xbf\xe3V\x88\x17\xb1\x879#\x8a\x83J=\xd7\xe0)\\(Y5s\x92[\xc0\xfe\x0e!a\xdan\x1d\xf3\xce\xd8\x19\xb8J\xd2o\xba\xd9\xd3\x86\xads\x9eN\xae`\xefi9\xed\xef\xffS\xd6\xdf\xa4\xfd \xf1t\x1c\x1b\xa1f\xa3\xa2*\x8a\x16\xaaCo\x8d]\x7f\x1f\xdaK\x0f\x16\\\xb3\xdcH\xb4O\x89\xd4\'\xe8\xfbV\\\xe8\x98Q\xa6#\x84\xc9\xfe\xe9^\x97.\'\x11_C\xb7\x8cGJ\xe4f\xe9\x94\x05\x08f05\xe4\xd1\xc4\xf0\xb9\x01Ik\x8dZL[\x04\xae\xf6\x11\x89\x13\x16]j\xf9\xbd+\xed\x10M7x\xd1\xf3\xe8\xaf\xb3q\x9c\xbaYk|)[\xa9\xab\x85\xa0.\xc56.\r\xf4\x8d9\x805c\xf1\xbf\x16\x8d\x00\xb4\x95\x06\x05\xa0\x17p&lt;\xd7\xaaQ\xc5\xa0\xac*\t\xfd\xbd\x13\x88\xa0\xc2\x9f\x8f\xdb\x7f\xfc!DY/m8\x11z&amp;\xd8\x02:\x89A\xbep\x15f\x86\x04yX\xb2\xfe\xed\x86\x9a\x9cP\x8e\x90\xa9@\rt\xd0\xd6\x96\xd4\x13\x8f\x1f[\xe2\x04\xf1\x19\xa7F)L\n\t7\x05\xdd\xb0\xf7 \x8fT\xa1\xf72\x8e4\x8eO\xbas\xae\xdfU\x80s\'K\xff5`\x01Q\x93\x92R\xf1\x13\xcf/\xe1\x08\x17\xe9E\xbc_\xb89\x92\xd6\x01h\xd0A\x01\x1amAd\xd9N\xcf\xbc\x01\xfb\xf4\x98\xf1\xbfa~H\xe9\x96)\xf6\xb1g\t\xfc9\xf1)C.\x8b\x011\xfbW\x11Q\xce\x13[X\\\xbat_\xab\x97\x98\x8e\xc7\x18\x15\x90\xc2c7\xb7{\xa0\x18?\x8eO&lt;e\xd6z|`\xd4j\x95\xbdvN\x17\x81\x99}\xe5z\x1f\xbb\xb6d\xd6\x1co$UQ\x1b\xcb\xe6\xcc\x1b\xb3[\x9a\x9dJ\x9d\xc7Cx\xc9\xbf\xad/\x8a\xa0\xc2F\x13\x13\xe2\x1cP(h*\x8f0\xf7\xda\xf4t\x1f\x8b,&gt;\xdf\xf0\xce`.\xbbQ\xa3\xc7\x1c\xcexK\x97%8\xcb\xc3\xef\x8e$;N\x05,\\-\xc0\x1f\x1a\xa8\x03\xf2\xf7I\xd8\xdfL\xdb\xc8\xd4\xa1R\x0f\xb1\xc1\x14"\x98\xd7\x1c\xe0 \xf3\r\x0f\xbc\xec\xd9M\x16\xfe\xc5\x9c9\x18\xef\x19\xc1\x10\x98w\x14\xff"\x8c\xad\x8f\x8bW3\xf2\x1f\x94\xe1#\x8f\x03\xb5\x1c\xa2/\xee&gt;\xc2\xf7\x8c7=\x00\x1c1\x12\xfeW\x17B\x98\xe5\x06\xa6\x9b\xd4\x0b8\xf5)@\xd5\xde\xe8]\xa9"\x91\xe8\xa6\x13LK\x1aB^\x9d\x8d\x17\x1d\xc8\xb3W\xab\x99\x87\x98\xeb\xcdn_\xb2~\xe1/\x1a\xed\xe2\xfaM\ro\x9b\x8f\x13A\xfe\x12T\x18\x0b\xf2\\\x0b\x03\xce\xde%\x16\t\x90\xe1\xb1&amp;\xa4Qi\xea\xc1\xf2\xc0b\xe0\xd2\rr\xc0\xa5\x10h\x1d"\xd9)\n\xaa1\xeb\xe1\xd3\xf9w\x90\xef\xb8t\x84\xc2X2\xf2;\xaf\xe7.\x93\xe2y\xbd\xb2]\r\x14\xca]\xe8\xa8\xa0\xe7[\xa4Y\x92%o\x9b\xfb\x8cp\xec\x85\xfe+\xf0\xbc\x01\xb9j\xd5\xca\xe3\xdfoE\xe8H\x9aQ\xbaM\x8f\xc4\xd2\x17(\x1e\xcd\xf2\xc5\x86\xaa\xbb\x94\xc4c\\\xb8\xff\xab\xacB\xda8\xd7\x0e,\xa0\x85o\xde\xff\xcc\n5\xd1\x8c;tX\x98\x92\x92e\x9e\xc5\x08\x9b\x12\xd6C\x84\xe2gh\xa8\xc4W]\xc1[u\xea-\xccY\x91\xfc\xcc\\R\x12\xb6\xba\xea\x80\xabHK\x05\xf5\xce\xad\x1eg\x0f\xdd\x0f\x0e\xe6\xbfB$\xec\x83\xb4\x8d\x81\x9cXM\x1fm\x02\x93\x8b\x92\xa3\r+L\x05\xb4\xbc\x97\x9d\x87\x81\xff\x08\xd0\x12\xee\xc6\xda\xbf]G\xf0y\xe6\xa8\xbaf\xfd\xa5O&lt;-\x1a\x87$\xb9\x0f\xe40^\xae\x16Y\x12\xd5\x93\x94\xcd\xbd\x0fJ\xa8\x05G&amp;\xd9\xe4EM\xb5\xb6\xed\x06\x95\xc0\x89R\x89\x07\x8f\xb6\x9a\xc6\xf7\x9fK;\xbf\x80\xb7\'J\xe0\xb7\xd4\xf6\xa4g\xce\xba\x02\xf5\x1d\x8d-t/,\xe2\xd0\xbf`\xc1;\x9c\xc1\xa9t\xef\xb5\x8d`\xbc\x16\x01t\xd5\x0cx\xc4\xc9k\x9c+\xb2\x0e\x08\xf5&amp;\x8b\xb8\xfeg\xdep[\x7f\x9c\x81\x1b\x9a\xfa\xd5bD\x14\x1b\xa7T{&amp;\xba\xb1\xd3(\xb0\xe1?\xca(\xd2\xba\xf1#\xfa\x93\xbe\x0f\xcb\xf7\xc3\xea8\xee\xe2\xfb\xa6"\xe1a:)a@\xab\xd1\xe3hOzF\x14\x8fI\x15\x86FJ\xb5\xa3\xb3\xd6\n\x1aj\x8b\x87 \xae\xb1\xc8\xc0\xf6\t\x8fxB\x0fX(\x88\xc7N\x0b\xdf%A/\x0e\xd9\x9a\xc1\x8f\x0c#-i\xf5\xde\xce6A[\xa8\x1d\xcb\xe7H\xa5\xfc\xd5\xc8\xae\x0f%\x8b\xc1\x1eu\xab\xf6\xe8\xf6\x89\xe61\xbb3\xe3pF\xbe\x9a\x9d\xea\xf0\x10\x8c=\t8\xa3\r\x81v\xc4\x88\x93\xd1\x87b\xe8\t\x95\xd9\n1(\x93\x14.\xa6\xe2\xd0;)_/?\xd8\xf31\x95\n\x1d\xeb\x1b\x80\xcbI\x90\xdaO\xd5s\xd1\x9a^\xcce\xd4\xa2\xba\x94;\xd3\xd4\xe19\xab(\n\xcb\xfd\x05\xf9[\x99L\xdew\x1c\x0b\xfc\x10\x0c\xf0\xdd \xf3\xdf&gt;/\xf4$\x9e\xe8\xc5\xf8\xf1\xeb\x1a\xba\x89\xd1=\r\xd8|\x86\xb6\xbd!t\xef\xae\xb4x\x15h\x19\x0c8O\x01\xfcN\r\xd5\x83b\xb4\xa7\xdb-3dn(\xee\t(\xc5\xf6s\xc9\x1c&gt;\x00\xe5\rh(\x7f\xe3o\x10\x8fJY\'A!\x14\x1f\x05\x8c4\xe20P\xf5\'\xd5rI\xad\xd2E\x8b@\xad\xbc\x98\x16\x87\xa9\xca\x88\x93\xcd\x8bj+\xe3\xc9\x8bP/\xee\xa8jCp\xd6{\x92\xd5\x90\xa7\xe8\x9e\xe7\x8e!:\xd9$\xa8;\x15|t\xbf\xdb\x97]\x83]\xf9\xbc\x0cD\x9d\xea\xcfW\xd4.]\x10\x03r8\xba\xe9h:R_o4\x0f\x90\x1dj'</t>
  </si>
  <si>
    <t>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</t>
  </si>
  <si>
    <t>b'\x8agIP\xdf\xfe3\xc0\x0c\xf3\xf6\xd8!}\x8d\x9f'</t>
  </si>
  <si>
    <t>, but not the differential output [Fig. 10.44(c)].
 In summary, the above study indicates that, in the presence of input CM noise, a finite
 CM gain does not corrupt the differential output and hence proves benign.4 However,
 if the circuit suffers from asymmetries and a finite tail current source impedance, then
 the differential output is corrupted. During manufacturing, random â€œmismatchesâ€ appear
 between the two sides of the differential pair; for example, the transistors or the load
 resistors may display slightly different dimensions. Consequently, the change in the tail
 current due to an input CM variation may affect the differential output.
 As an example of the effect of asymmetries, we consider the simple case of load resistor
 mismatch. Depi</t>
  </si>
  <si>
    <t>b'C*\xed~o\x00.I\x80-\xff~1\x16&lt;\x8d'</t>
  </si>
  <si>
    <t>432aed7e6f002e49802dff7e31163c8d</t>
  </si>
  <si>
    <t>ects of Money Supply Changes . . . . . . . . . . . . . . . . . . . . . . . . . . . . . . . . . . . . .369
 Empirical Evidence on Money Supplies and Price Levels . . . . . . . . . . . . . . . . . . . . . . . . . . . . . . .370
 Money and the Exchange Rate in the Long Run . . . . . . . . . . . . . . . . . . . . . . . . . . . . . . . . . . . . . .371
 Inflation and Exchange Rate Dynamics . . . . . . . . . . . . . . . . . . . . . . . . . . . . . . . . . . . . . . . . .372
 Short-Run Price Rigidity versus Long-Run Price Flexibility . . . . . . . . . . . . . . . . . . . . . . . . . . . . .372
 BOX: Money Supply Growth and Hyperinflation in Bolivia . . . . . . . . . . . . . . . . . . . . . . . . .374
 Permanent Money Supply</t>
  </si>
  <si>
    <t>b'0D\x02 \x1a=\xe3\x0e&gt;F\xb8\x11&amp;\xad\xb2\xb2\x08\xd1\xe0v\xaa4\xdc\x01\x0b\xb9\x89\xef}\xb1\x7f\x86$\x17\xaf\xc3\x02 +\x99%\x1f\x0f`\xff\xfb\x0e\xc0\xfc\x85\xca\n\xf3D\xbc\x0b\xce\xb0\xa5/\xf7\x9a3\xb8I\xd7b\x1e\xbaR'</t>
  </si>
  <si>
    <t>304402201a3de30e3e46b81126adb2b208d1e076aa34dc010bb989ef7db17f862417afc302202b99251f0f60fffb0ec0fc85ca0af344bc0bceb0a52ff79a33b849d7621eba52</t>
  </si>
  <si>
    <t>b'0D\x02 \x1a=\xe3\x0e&gt;F\xb8\x11&amp;\xad\xb2\xb2'</t>
  </si>
  <si>
    <t>r in it.' However,
 they had set off in such a hurry that there was not a pocket between the four of
 them.
 He had a happy idea. John's hat!
 Tink agreed to travel by hat if it was carried in the hand. John carried it,
 though she had hoped to be carried by Peter. Presently Wendy took the hat,
 because John said it struck against his knee as he flew; and this, as we shall
 see, led to mischief, for Tinker Bell hated to be under an obligation to Wendy.
 In the black topper the light was completely hidden, and they flew on in
 silence. It was the stillest silence they had ever known, broken once by a
 distant lapping, which Peter explained was the wild beasts drinking at the ford,
 and again by a rasping sound that might have been the branches of trees
 rubbing together, but he said it was the redskins sharpening their knives.
 Even these noises ceased. To Michael the loneliness was dreadful. 'If only
 something would make a sound!' he cried.
 As if in answer to his request, the air was rent by the most tremendous crash
 he had ever heard. The pirates had fired Long Tom at them.
 The roar of it echoed through the mountains, and the echoes seemed to cry
 savagely, 'Where are they, where are they, where are they?'
 Thus sharply did the terrified three learn the difference between an island of
 make-believe and the same island come true.
 When at last the heavens were steady again, John and Michael found
 themselves alone in the darkness. John was treading the air mechanically, and
 Michael without knowing how to float was floating.
 'Are you shot?' John whispered tremulously.
 'I haven't tried yet,' Michael whispered back.
 We know now that no one had been hit. Peter, however, had been carried by
 the wind of the shot far out to sea, while Wendy was blown upwards with no
 companion but Tinker Bell.
 It would have been well for Wendy if at that moment she had dropped the hat.
 I don't know whether the idea came suddenly to Tink, or whether she had
 planned it on the way, but she at once popped out of the hat and began to lure
 Wendy to her destruction.
 Tink was not</t>
  </si>
  <si>
    <t>b'\xd2S\x07\xe8}G\xfb:'</t>
  </si>
  <si>
    <t>d25307e87d47fb3a</t>
  </si>
  <si>
    <t>rdens again and out into the walk outside the
long ivy-covered wall, and she walked to the end of it and looked at it, but
there was no door; and then she walked to the other end, looking again, but
there was no door.
"It's very queer," she said. "Ben Weatherstaff said there was no door and
there is no door. But there must have been one ten years ago, because Mr.
Craven buried the key."
This gave her so much to think of that she began to be quite interested and
feel that she was not sorry that she had come to Misselthwaite Manor. In India
she had always felt hot and too languid to care much about anything. The fact
was that the fresh wind from the moor had begun to blow the cobwebs out of
her young brain and to waken her up a little.
She stayed out of doors nearly all day, and when she sat down to her
supper at night she felt hungry and drowsy and comfortable. She did not feel
cross when Martha chattered away. She felt as if she rather liked to hear her,
and at last she thought she would ask her a question. She asked it after she had
finished her supper and had sat down on the hearth-rug before the fire.
"Why did Mr. Craven hate the garden?" she said.
She had made Martha stay with her and Martha had not objected at all. She
was very young, and used to a crowded cottage full of brothers and sisters, and
she found it dull in the great servants' hall downstairs where the footman and
upper-housemaids made fun of her Yorkshire speech and looked upon her as a
common little thing, and sat and whispered among themselves. Martha liked to
talk, and the strange child who had lived in India, and been waited upon by
"blacks," was novelty enough to attract her.
She sat down on the hearth herself without waiting to be asked.
"Art tha' thinkin' about that garden yet?" she said. "I knew tha' would. That
was just the way with me when I first heard about it."
"Why did he hate it?" Mary persisted.
Martha tucked her feet under her and made herself quite comfortable.
"Listen to th' wind wutherin' round the house," she said. "You could bare
stand up on the moor if you was out on it tonight."
Mary did not know what "wutherin'" meant until she listened, and then she
understood. It must mean that hollow shuddering sort of roar which rushed
round and round the house as if the giant no one could see were buffeting it
and beating at the walls and windows to try to break in. But one knew he
could not get in, and somehow it made one feel very safe and warm inside a
room with a red coal fire.
"But why did he hate it so?" she asked, after she had listened. She intended
to know if Martha did.
Then Martha gave up her store of knowledge.
"Mind," she said, "Mrs. Medlock said it's not to be talked about. There's
lots o' things in this place that's not to be talked over. That's Mr. Craven's
orders. His troubles are none servants' business, he says. But for th' garden he
wouldn't be like he is. It was Mrs. Craven's garden that she had made when
first they were married an' she just loved it, an' they used to 'tend the flowers
themselves. An' none o' th' gardeners was ever let to go in. Him an' her used to
go in an' shut th' door an' stay there hours an' hours, readin' and talkin'. An' she
was just a bit of a girl an' there was an old tree with a branch bent like a seat
on it. An' she made roses grow over it an' she used to sit there. But one day
when she was sittin' there th' branch broke an' she fell on th' ground an' was
hurt so bad that next day she died. Th' doctors thought he'd go out o' his mind
an' die, too. That'</t>
  </si>
  <si>
    <t>b'\xb3\xb4\x92@%$\xb1\xd8\x01\x1f\xdc\xb3RCt\x91b^\xfe\x82\xf9zL/\x0e\xa2\x85/\x00\xd8\xa4\x9bM\xe6(D\xeb|x.\xc6\xb1-\xe2\xd8c=\xf5\x9a\xe6\xff\xf2el\xaf\xe3\x99\x884\xf5]\xff$513\xf1\xff\x9d\xd1\xa2\x97\xf4\x80n(\xc7\x02d\xcbt*\xeb`\xf1o\n\x05,+_fC\xdc\xbf\xed*\xfb[,\xc7v\x82\xcdQ\x00\x0c\xae\xbb8)\xe3\xc6\xc5f_\xe0m\x9a\xac\xef\xad\xa3\xb1\xa4\x8d\x15\xee\xa7\x85kV\x87\x15\xff\xbc\xcb\xd1\xef\xa9\xab\x92\'=\x15\x83\x08\x04\xba Hv\xc5\xa0\xd4\xdd\xaa\x9d9\x87\xe2\xb1ALb_J]\x85d\x94\xc7\xdf\xd6\xfb\xf3N\x82a^QI\x05^\x13\xdd\xd1\x93\x1f\xe2\x86{\x11v\xc3Si#U\xe3\x05\xea\x0b\xbe\xee~\xe6t\xb9J\x96J\xc0\xf46\x0b\xb6\x8b\xb9\xa9\x13\xb6\x17k\xcdW\xc6\xc0q5\xc9\xbc0\xd82\r\xc06\xfaiw_\x8d\xf3\x18\xa3\r\x94O\x86U@\xbcK\xa8\xc9\x92:\xc8\xcd4\xf2\x05\xf4Kx\x11\xcc\xde\xa0G\x8a\x83.V\xb5@\x9a;br\x9d]c|\xcd\xfe\x8e\x05yy\x86\x14\xcbg\'\xcc*\xaam\xa4\xde\xdd\x9f\xd4\xbf\xd4%7%\xa0\xb4\xd1\x91\x0e[/\xdf\xc2`\xdfr0\xa2\xe4#\x8b{\xdd$,\x8d\x111\x88\xe0\xa8\'IVK\xb8\xe9H\xc0\xc6\x11\xe0\xd3R\xa6\x0b\x83\xc1C\x12\x1a}`\n\x0bQ\x16\x01G:x\xd8\x1b\xa2X\x87\xd0\xce\xd7F&lt;\xa9f\x06_\x9f&lt;M\xd1\xd5F\x0c\x8a\xdb\xc6\x99\xdcRx\x8cZ\x1a#\x99\xdc\xc8\xe0\xba7\xbcM\xf6\nc\x0c\x81\xfa\x9d\xa2\x82\xf9&lt;\t\xfe\x9fqA|\xaa\tZ\xf2\x8d(:B\x11\xd8x\x0b^m\x1a\xd8\xf7\xf2\xa2\xc5\x9f\x8f\x92\x81\x8a\xb7\xb9r\x1f&lt;\xc3\xf6gV\xd6S\xb7\xa3\x134v#\xb0\x87\xa18}&amp;\x88\xead37\xce\xb7\xc3\xb6s\xafr\xce^2K\xe5\xb8\x1bt.\xe9\xf4~[\xfb\xad;Q\xfcx\x89\xf2fq\x0b\xe7\xda\xcb\x02\xef"\x03{\xb5\xb0\x15\xbf]CY\xb2+\x053j\xb2\x03\xda\xb3\xa1\xaa\xd2g\x04\xb1\xc9\x15\tha\x1b\xa4s\x1f\xadq\xd4\xd4\xe12\xbb\x85\xd2\xaf\x17P[\xf6n\xc2\x07\xe4D\xdb\x9f\x87T\xa6a*Y\x88\xce.s\'\xc9B\xc7\'\xfb\x92\xd8\xbb\xcc\x8dhe\xad\x8d\x8e|\x1b\xd3\xed%\xd1e\xa7\xc4S\x11\xf9\x1f9\xa5q\xec@T\x93\x89.\xcb(\xd7\xb30\xe8\x9e\x8a\xfa\x04\xf7\x00\xc4\xff\xbf\x915U\xd9%\xaf\x04\xc3\xad\xf5\xa3\xb2US\x85\x0bH=\x8a\x00\xf5X^R,&gt;\xfe\xd8\x0c\x9d\xad\x85\xddE\x81H\xf3\xd8\xe1\t\x83\xdb\xf6\xaa\xbe\x8bt\x07\xa4\xa9\x06\x1e\xff\xf6~\x98&amp;\x9b\xc2\x1c\x11\x91-,W2\xbc\x01\r\x18\x9d\xf6\xb6w\x00\x9a\xd0-\xd7\x9e\xe6\'\x92\x05\x94L\xd6\xe5\xbd\x04\xde\xa7\xd4}.\xb2`\xd3\xff\xcf\xb87,\xca[\xa7\x81\xb8\xa7bQ\x15\xb7\x86o\x99\xaf9\xae\xa0\xb8\x9a\t\x82f"VC\xa4\xf0a\x8c^\xce\xea\xdf\x1b\xce\x9aC\xeb\xc5\x84\xd4\x19^\xef54\xc1\xfb\xe4\x1a\x0e\xe83,\xbe\x157\x02i\xcf\xbbbR\xa0\xe6VQa-k\xbe(\xd4\\%\x17\x10Mf_#|f\xc3\xa2\x85.\xa8V\xfb\x1d\x08\xfb\\E%\xd9G\x8b\x81=U\xe3\xa7\x8f\x01\x80\x1e\xd2\xb0\xb3WC\x9c\xa8\xf1S\xa9\x86\na|\xcf*6\x89&amp;\xe0m\xb3\x1a)var{\xe7\x1bHR\x15W\xdatw&amp;\xd4\x14\x06\xd6\x8d\xb7\xa5\x14\xeb\x7fQ\x96W|\xd6\xd8\xe5\x05\x92D\xa9=+\x1f\x11\xd2\x8c9\x0cy\x93\x06\x9d\xe8\xda\xb7:\x15|JH\xb6\x1b\xfc\xac\x9f]\x9b[t\xa0S\xd8\x82\xcc\x11"\xb8\x8f-^\xb8\xacx\x97_\xcf\xa0\xe7\xc7\x9eT\xc4\x81f\xab\x19\xcc"d\r3\x97\xb2\xa3\x8c\xf8\xf7\xefJ\x1dc\r\x06h\xac\xf3\x14\xeboB\x13\xc63\x8a\xc3\x17\xe4D\xdf\xa6\x82\xd9\x88\xb1\'\xd3WX{V\xae\x81\xb1\xa33\xcdG\x944\x9b\xa4\x11\x92Z\xd0\x0e\x9a_\x1e\xa7RG\xe5\x88ME\x1e\x1c\xc7\xe57V\xff~\xa7\xda\xc74\x07M\\R\xb7\x19\xd5\xef\x83\x06\x7f(\x0b\xc2 \x049XG\x1c\xfe\xa5\x8a\x87\xc32\xb2\xefg\x19\xdf\x9d\xaf\xc0\xa9\x0f\xb4\xdaK\xcbSK\x17E\x99_\xda3x\xfeV \x87\xae\x8e\xae\xf9\x84\xb1X\x052\xda\xad\xe8\xa9x\x83\xf7ap\x85-RZ\xfd\x87\xc1\xe7p-C\xc3G\tk\x17\xc79l\x9d\xd7\x8d\xf3\x02\xf1&gt;"\x96J\x18%\x1b\xc0\xf8\x9a&amp;\xae\x1dr\x87hJ&gt;\xd39\xb4%\xc1w\x1d\x10\x10r\x87\x91\x1ft\xbct`Bm\xaa\xf4y\x12\x82\xee\xf6H\xc8\xe2%x\x95\xdf\x08\xc8F$\nE\xc1\xd1#y-o5\xce\xa5\xa5A\xd4\x96\xcc\xef:\x88DHZ\xbf]\xcd\x02\xf1\x18\xa0\x1b\xfcl\x03\xf3r\x7f\xac\x9d6\xf6a\xec\x8d%\x01\x84\xd5V\x97ah\xa7U\xc0\xa0q\x03\x92\x91L\xf2\x12\x91\xc7\xaf\xdb\xad\x9cd\xb6\xd8\xa2\t7&amp;\x18e\xe3\xf6\xa1-\x12\x85C\xe7\xc6\x07gd\xa5T2&amp;Hu\xe6"\x1cC\xc4\xf5\xc6\x9b\x05"\xc5\xb4\xb6\x96\xd1\xa3\x14\x89&amp;\xc4*\xac\x1d\x1bR\xc7\xd8\x18\xedq\x1a\x1d\x0e\xf8\xc9\xbe\x88\xb6\xfc3\xcb\x1eG\x06EIs\xde\xb6\x85\xf9\xf9\xb9\xe4y\xd1\x9a 5b\x17\xfcdR8\xdaF{\xd6\x0e\xc2\xfd\xa3\x8dG\xac\xf4\t\xe9\x06q\x19\xa3\x9c\\\x89\xc2O\x91\xd69\xcf\xc4\n[\xf9\xaa\x1d\x88G\x17\xcehP\xc3\x08\x0c\xafo\x9b\xc6\xb0\xcdw\x10\xf1h\xe3\xa0\xbb\xed\xd9\xd4a\xad\xecAh\x11\xcf\xb0\xb7\xed.8Y\xb6\x03\xbf\x96L\x98u\xa2\x91\x03\xcad=\xa7_\xd2&lt;v\xd9\xe7r\xa8\xae\xc64\xd6\x98\x0bF\xe4\xfa\xbdW\\\xd8_HjN\xa0\x89\x04\xbb\xc46\xcd)\x96\x90\xaa[\xd1\xb0\x7fI\xce\x18\x05\xb7\x91\xd5\xf1\tl\xb2\xa4\x9c\xff\xfd-\xfd)\x1d21T#jD\xe78PZ\xaf1\xc9\xf8G&gt;(\r\x0f\xcf\xd2O\xae\xa1_\x06\xa1/\x00g\xe5^\xfa\x04nR\x97Px\xac)mG\xe5\xaf\x86cuPn\x95\xcc\xe7\xb6\x05f\xe3\xf2D\xe4\xe57\x1e\x81(&gt;w\xae\xe3\xb9m\x06k\x16\xc4\xde#\x96}\xf2\xb1\x87/\x8f\xe6M\x7fu\x14G\x0c\xb0y|\xfaQ\x94%\x8e\x8e\xad{\xab\xff\xd4\x8a\xd9W\xf1\x93\xa9#i\x9f\x80Q0m\xf1 \xc7\x83z _\x81T.\xea\xdf\xfb\xcd\'\xeb\x94GY"\x83\xc5\x87\xae\xfa\xd0\x13\xd3j\x18aM\x16N\xa8\x00\xabDE\xb8\xa5\xe9\xe8\xb1|\x12\x1f\x07\xc6j\xef\x00H\xf2\x01\x94\x8ed;\r2\x11\xb7,\x1a\xe4\x10d\x830\x80\xe0qky*M\x03j\xd6\xb8\xaf\x81\xbd\xc8"\x89\xb2v\xdf6\xce\xef\xba\x08}x\xbas\x16{|\x12\xeb\x97\x17\x1a\xe0\xf9\xdd\x91wB\xddV\x96\xfbL\xdb\xdc8\xe3\xfc\x07n\xb7\xafD\xea\xf5\x07\x17d\xe2\xf4S\xb2\x1bY\x11\x80&lt;\x8b\xb8\xc6DMx\x11\xd91S\xe6f\xe1\xd3\x89\x0beB\x90\xd6_\xe7\xd5\xb3\xc8\x98\x06\x99\t\xb5dc\x17^\xb1\x07\x97M\x19\xf0vD\xd0\xb6\x08\xb3\xedv\xe6\xbcl\xe3J\xcbE\x8a\x19?\xb3\x7f\xa1\x89\xcbn\xefj\xb0\xcd\xca\xbb\xd9"\x7f9\xb5\xb7\xc0\x82`=l\xc1\x15\x7f\xfb\xe7`\r/\x88\xd2\x05l\xdd\xa1\xda\x85\x83\xae(\xdbq\xcad\xae:\xac\xca" \xf8Lra\x7f{\x12\x84x\x9e\x02+\xff\xef\x16Sw)fx\xcc\xa6\x0e\x1e\xed\xb7\x8cj\xa2WN\x82\xe9H\xb9\xcd\x12\xbf\x81\x8bW\xb4\xa7t}\x8cp\n)Y\xaf\x84\xf7\x1f\xedJ\xdb\xb1\xab\x13ww\\\xbf\x87\xca\xb6\x8fz=\x90\xa8\xa3\r\x83\xf0\x91N=\x1dM\x87\x98\n\xe5\xb0l\xd3K-\xb8\x120\xc6\xd9\x98\xb2\xac\x11Z\x0f\xb6H\xb1P\xba\x08z\xf9F\x04\xde\xc1\xec9\xb6{\x99uV\xb1z\xceY\xda\x92\x9d\xcc\x115\\2\xed`\x04j\xb0\x10~\x7f\xd9\xd4\x00\xcf\x03\x1b\xb9s\x13*\xe4\xab n\x10\x96Q_W\x1eL\tR\xe8\x924\xbdS\xc4k\xa2\x95\x1e\xab\xdc\x12\x9a,\xae)\xde\xbb\x0b\xc4\x8aE\xae\x7f\xc0\x94\x94nvO\xc4\x1e\x0bB\xab\xe0\x1d\xb7\xc3\x1f\xf3\xea\x1b\xc2&lt;\x10M\xc2e\xdc\xcdwBU\xc4\x07\xd6\xc9\xfeh\x1f\xb5\x81&lt;)_\xa5C\x85\xe7F\xd3\x9a\xc5\xe6J\xd5\x81\x08c\xba\x92\x0e\x0bC\xc1j$\xb73HR\r\xf1_\x95H\xfa\x0coW\x82X\x03\x07\xa2 \x8bW\x93\xc6\xf8\xedo\xdcA\xef\xf4\xf6\xdc!\xb5\x10\xdb\x86jE\xc1\xd9\x19fK\x1c^Z\xcd\x96J\xed\xce)\xbf\xfbu^q4\xcfh\x1f\xc820\xe2\xae\xd7\xc4\xee\xef\x0c\xfc\xd5\xf8\xa1\xe5u\x96\xb6\xb7&amp;\x07\xd2\xa6\x8a-z\xcc8\r\xb5k\x04\x0e\xbd\x87\x8c\xeb\xce\x9b\x93\xcc\x1a\x00\xcc\xf4\xa6\x1b\x02\xf9\xa9\xe8\x96)\x81U4\xc4tEJ\x97e\x914\x81\xb8\xfa\xe4\xf0\x9e)\x99\xf0EMl\x85\xe1+2\x99\xc2~\xad\xd5\xe9\xb0\x1a\x1by*6\xb8i\xa9*3\xb4 \xe723\xeb\x0e\xf9\x91\xb3\xd6kB\xcb\xa8e\xd1~\x81\xbb&gt;\x12\xc4\xc68t\xd7\xc7.\xf3\xe4=\xa4\x95\xe5\xb8J\xf5\x07c\xbd\x07i\x98\xd9\x868\xee\xfd\x1f\x9c$\xee\x05OT\x05u\xd6*]\x80\xcbJw\x11\xe0\x95\x9e7U+\xf3\xb6~\x89X\xce\xe7\xac\xedE5\x1a|\xcc\xc7\xd0=\xbb\xc7\x90n\x91\x9f\xa2\x8c\xd5\xfe\x11\xf0|rN\xf5\x93 \xb9$c\xb7\xd6\xbb\x84\x1d\xf8\xa0\x05\x06EHP&amp;\x07\x9a-\xad\xeb\xb4\r\xed\x80\x9dr\xab\xb8Qc\x14\x84WrT\xf4\xc0f\x80\xf3~\xd3QI\xf5k(\xec&gt;A\njDc43\xe6z\x0e\xd5\\*\xb3\xba\xb6\xce/\xcb\x00L\x82\xf3\xfdU\xf7\x8c\xee\xa1\x0ce\xbc\x1a\x8c_\x12%\xd8\x1a*\x94&amp;fX\xa0l\xb5 \xff\x88\x05\xfe\x11M1\xe9\x01\x88jjW\xfdF\xfb\xd6{Bi\xfe\x00\x11\xee\xa9\x1cy\x04I\xe4\xbaS\xd8\xc4\xd6\x9b\xec\xc1Y\x84\x83\x82S\xd1F\x92{\x86\xbd\xb3\x1f\xdeM\x0fIg\x0b\xc5\xadI\xa5\xe1\xcf\x19\xc3\xcf\xce\xbdg\x80Z\xc0\xf0\xfc{\xae\x9cp$C\xef\xec\x99Q\x93\r3wc\xc2Z\xcf\x87\xc7\x98\xc0J\xd5+\xac\x9d\xea\x1bl\x90\xaf\xf0\x00\xe5\xb46\xf1\xda\xd0{\xa4\xaa\xc5\ny\x80\xee\xed\x1d\x8fU\x07\xf5Y\x1ajz\xd1Y\x95&amp;\x92\x82\xd4\xa7\x01\x19L{\xf3\xfe\xef}\x8c\xc9\x8e\x1d\x1c\xc4\xb5\xe2\x9b\xc5\xa4\xa0\xfe\x90\xa4\xce\xc8\xdeb\xc9S\'\rM\x03X\x8a+\x9e\xeeUX/{&amp;B\xab\xb8d\xfbz\xce\xf4t\xacW\xd8\xe1BX\xe7\x8d\x06\x83\'\xaf\xba0\x9d\xfa\x9c\x9a\xd0\x9f\xce\xd3 \xe3ds\x8f\xd9 \xfc\xba4\x15\xa0s\xc5\xaf\xa9\x16\xa2M\xc75\xcemruh\xaa\xba\n\x03\xe0\x81\xcb&gt;,\r\x1f\xa1\xdfV\xd1\x1e&amp;\x15\xf5\xd0\xe9\x95\xb2\x99&gt;\xba\xd3\x90\x8c\xd4\x8e]\xc2\xe5\xe2\xdd)\xbf\xd3v0\x1f\x95\xa6$\xb6\x06\xbd\x85\x86\xd0\xc9s\tF\x9f\x0e\xf2\xac}\xa8\x7f\x10l\xaa_l\x9d\x1bILI\xed\x91\x04\xe8\xcb\xa1qZI\x8d9\x80\xbd\x82QY\xa1\xb0K\xe2$\xc1\xf9\x1e\xde\xa5\xa7\xe7\xf31\x15\x86\x10\xe0\xd34\xf3L\xdc\x1a\xf8\xd1\xfb\x8b\xc0\x1buEHG\xcf\xf3\x19t\xe5\xb38\xdf\x95\xdd_\x7f\xda\x04\xb2\xd3Zj\xd0/?F\xd0r\x8b\xfb\xbd\x94\x89\xd0\xd9\x12\x16\xd0;_MQ\x15\x14\xb2:\x17\xa3f\x88\x1c\xe6\xd7\xa5+\x0e\xed\x0bl\x0c&lt;\xb6\xe2\xe1\n\xd8\xfc\xfe\x1bn\x08\xa5\xd5Bx\x11\xc7\xcf:\xbaz\x8b\xd6-RZ\xfe@\xf3\x19\xf3\x04\x93\xba{\x1cV\x8eKA71\x1fC\n\xcd$\x9e/\xbe\r\xe1\x95\x93\x99\x9c\xc3{\xd3\xf6_"\xbf\xad\xc9\xeaLVP:l!\xfb:\x89\x04\xf6\x18\x1cB\xa6U\xb4f\xc4\xcf\xcb\x99\xb4\xca=\x99\xd6\xd7\x0e\xf2\xd61*o\xe1\xc8A\xad\x95\xa7\xd7\xb7\xd0\xc9\xb3\t\xb2\xa2p\xca+e\x99&amp;\xcc\'~\xc5\xd7S\x1c\x99Z\x07:\xb7\\\x9e\xee4&gt;\x1f\xcb\xaff\xea\x14\x0c\xf5\xaev!\x02\xa3\xaf\x8f\xc3\x17\n\xb3P\x03~F=\x8d=K\x8f\x04/s\xb4\xfa\xb8\x7fY\x9d an\x950%\xe9x\x0b\xcf\x94\xff~=\xa5\x1b\x03 \xfd\x8a\xce\xe1\t\x89\x8b\xbc\xcb\xb5\xbe\x12\x84\xfb\xe5\xbesY\xae#k\x99?55\x8c`\x1f\x14\xc4\xa5~J\t\x1fc\xe5\xc5W^\xe9d\xd1\x82h\xf2\xd9\x95\xaa\x03\xf92\xc2\xa2\x82\x7f\x93\x0e\x1aP\xb5\x1a\xa7kL\xc5\xee$\x93\x0c\\E\x82kt\xb4\x0b+0\x0f2h\xb7\xe2\xf1\xc2\xac/\x92^\x9f\x12\xbbu\xefU`\xe6$\x9f\x8e\xa9\x8d\xea\xfc-K\x9a\x92p\xd2S\x9a;\x94\xf6^7\x93\rqv\x8d\xb8\x0b\xcc\xab\x90p\xe4\xac\x9c5\xcc* \xa5\xfes\xe9\xac\xfc?ZA\xca\'\xce\x10\x8f4\xc6\x16\x01Wq\xaaTcY[\x0f4\x89\xfe,~\xb7\xb6\x08\x15\xea\xb5E\xd1\xd81o\xf8\xd7\x0e\xbf\x14\xe2\xecd\xf8\xb3B\x9d\xf6\x17\xf8\xfaX\x99#\x1f\xadE\x97\xc3\x01\xe4\x15\x8b\xa0\xb1\x1f\x84\xb5\xd7\x85\x89\xbb|V\xb3@\x05\x94\x93B\x185_!\xd0\xf2q\xc8\xf6\xe1\xe96\xc8\x9b\xf6\xf7\x05,\xee\x8d\xeb_\xdd\xfdiWv\xf0\xd9:~8\x9aNO\xb6\x7f\xae\xba s\x1f\x7fFO\xce\x8ec\xe4WQ\x08\xc5\xdd\xe3D\xf6m$lyS8\x86\x8e\xa6\xc6M\x1f%J{)\x94=5\xe4\xfe\xfcy\xf4`\x7f\xac\xc8[W\x04:\xd2!\x1fTY\xff\xc5M\x03\xca*H\x80\x17S\x14\x013\x97\xf7\xc0\xb8\xc4\xb30\xbe^6(\xdaaV6\x8a\xb1\xd5\x9b\x07,\xe2\x05\x83\x9f\xfa\x98Hr9;67\xa1MjQ\xa2\x16\xa8\xd8\xcd\x04\xb4-\xfdZ\xdf\xdci\xc0\x11~\xef\xc9\x83\x11W+\xc7?oq\xee\xdeh\xf3\xe1\x9f\x85d\x1b\xa9~u\xd9\xec\x06\xbdX\x10\xf9\xffILc\xd0\xd78sQM+\x1bj\xa3`\xb2\xe9\x1f\x87\x81l\x1b\x15\xe77s&gt;p\xf0k\xc0\x92\xc3\x01d\x1d:\xff\xf1=M\xf2\xa5\xdb\xef\xd6\xbb5L\t'</t>
  </si>
  <si>
    <t>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</t>
  </si>
  <si>
    <t>b'\xb3\xb4\x92@%$\xb1\xd8\x01\x1f\xdc\xb3RCt\x91'</t>
  </si>
  <si>
    <t>lf had been spoiled, but she could see
quite plainly that this mysterious boy had been. He thought that the whole
world belonged to him. How peculiar he was and how coolly he spoke of not
living.
"Do you think you won't live?" she asked, partly because she was curious
and partly in hope of making him forget the garden.
"I don't suppose I shall," he answered as indifferently as he had spoken
before. "Ever since I remember anything I have heard people say I shan't. At
first they thought I was too little to understand and now they think I don't hear.
But I do. My doctor is my father's cousin. He is quite poor and if I die he will
have all Misselthwaite when my father is dead. I should think he wouldn't
want me to live."
"Do you want to live?" inquired Mary.
"No," he answered, in a cross, tired fashion. "But I don't want to die. When
I feel ill I lie here and think about it until I cry and cry."
"I have heard you crying three times," Mary said, "but I did not know who
it was. Were you crying about that?" She did so want him to forget the garden.
"I dare say," he answered. "Let us talk about something else. Talk about
that garden. Don't you want to see it?"
"Yes," answered Mary, in quite a low voice.
"I do," he went on persistently. "I don't think I ever really wanted to see
anything before, but I want to see that garden. I want the key dug up. I want
the door unlocked. I would let them take me there in my chair. That would be
getting fresh air. I am going to make them open the door."
He had become quite excited and his strange eyes began to shine like stars
and looked more immense than ever.
"They have to please me," he said. "I will make them take me there and I
will let you go, too."
Mary's hands clutched each other. Everything would be spoiledâ€”
everything! Dickon would never come back. She would never agai</t>
  </si>
  <si>
    <t>b'\xd8L\x1c\xc2\xe9\x11\xd1\xa2\xd5\xa4G\xeb\x1a\xdbP\xda\xd4\x0c\xfd\xa8\xcf-\x81w\xe8\xbd\xb8z\xcf\xf1\xeb\xf0w\xddtd\x96D\x166bV&lt;\x1f\\\xa2\xb0\\\xb8\xe0\xfeO\xd3\xc9\x958\xb1\xbf\n\x18\xf2\xe1\xfc\xf3\xb4\xb3F\xe4\xdc\x1e\xa1\x85I\x05\x8d`\x91!\x92X\x07)\xf5W\x1a2\xe6?*\xdb\xe4\xc9\x8d|\x1c\xf9\xaa\xe2BEd\xd4\xf7\x8a\x17N\xa8\\9\xc3\x11x\x1a\x1f\xa7\x981z\xd5\xe7\xf9\xc4\x89Y"A\x06A\xb4\xb9^\xdc\x91O\x1fQ\xc6\xa1&lt;R\x9b\x87\x9a\xb4D\xb6\xda\xd4}\xe6\x846\x93\x9a\x1a\r\xee\xd6\xd4\x8a\x8d\x0e\x03\xbe\xabu\xee\x87\x18\xa1b\x18S)Wu\xb1\xd01\xd3!\x0e\x04\xcb\x8f\x13\x00\xb2\xee\x9b\xea\x06\x1a\x95?\x19\xa3\xb2\xbb\x88W\xecb3\xdcP\x18\xa2U\xf7D\x7f\xf0V\x18\xf1\x7f]\xd8\r\x81\x9f\xee\xd8\x06\x1cJ\xbf\xad\x99\x92x\x047:\xd4j\x9fMeHgq\x17\xb5\xb80\xea%g`\xcd\xc2\xa3^\xec\xd2\x16?L&lt;\xc5\xb9^\xf7\xa3\xc1A\xc8\xb3\xfa\x02\xb0\xad\xf0.\xb2\xf4\xc0\x10\x80\x9b\xb9|S?\x0f,R\xf3q\xe9\\(p\xe9\xc3\xdf\xc1\x0cU\xf4\xdfK|Q\xee\xc0\x9b(BL*H[\xba\xa3%C\xff\xb4v\xbd\xf4\xb6\x8fP\xa2\xb7\xb4\x82y.\x8b\xa4\x88z\xa3}\xa1\x92\x1bt\x10\x94x\x01\xfe\xb9\x11\xac\x16\xec?\xf7\xd1\xd5B,\xa1\xf8\xac\xdaJ\xcb\xca\xae\x98\xc4\xab\x86(\xc5\xb9\x07cv\xfd\x93\x7f\xa7c&amp;\xa6&lt;\xa70\xd4@\xed#\xca\xca\xe5\xb2\xe9\xc3\xf01\xec\x98\x89\x90\x90=\x18\xd1\x12\x15\xf5F2\\\xa1M\xd4oe\xcd($\x9f,27\x03\x9e\x1f&lt;\x1f\x94\xac+/\xf3J2\\\xfcM\xb8)\xb4\n\xb1P\x11+\xa7\xf4\xf9\x94|!J\n(Q\xe8$\xb4Z\x15\xe4\x1a\xf3\t\x8a\xf3\x19\xe2\xbe"\x84\x8a&gt;\xae\x83\xf7siH\x01:V\xf3\xc6\x11[H\x13\rM\x81\x8b\x90\xc3\xeaX5\xb2+$\x98\xd1\x91\xa7\x18\x9b\xfdJ\xf5\x0e\x1b&gt;\xcd\xa9\xea\xebH\xe8\xac\x15\xaf9\x93\x1f\xc7\xa5\xafJ\x8f\xc5\x1e\xa5\xa9\'\xfa~V)X3\xc4\xe1\xce\xb0i\xdf`\x03\x93\x0f\xf8Y\xd8\xa6\xca\xcaV\xdb\xff\xee\x90\xe0\x84\x90\xfd\xbf[\xc4\xaa:~\x81\xa0\x8f\x0eS\xf7\xff\xfe\x18oS\xc2\x85nYw9\x83\xc4\xadZs\xf8_\xe2\xe3\xec\xd8\x15\xbe`\xbf\x9fz\x91\x9eOb\xd89 \x18\xe3b\xe2\xed\xa0\xf9\xa8\x04\n\x8e\xb7?g\x90\xaa\xf3\x8cC\xf3&lt;t\x9a\xb5:\xeaCp\xf3A-t\x8aY\xeew\xfb|#\xdca\xceP\xd7\xea\x1a\x1ch\xd0\x00:\xe9\x1b\x179\x07\x90\xa1\x19\r\x90\x01T\xca\x80A)=\xc3$li\xb1\xb3c\x1f\xd4\x06\x1f\x1a\xae\xe7\xb0\xe50\xc3Z5\xf3\x0fW\x87U7\x7f\rPd\x0e,u0\xffj8j\xc6y/\x10a\xbf\xef;\xb1?\xc3)~q5e\xccU\x1b\xcf\xc1\xd5\x89Pu\xac]\x9b\x83\x19\xbb\xdd\x8e\xd7|\x92\x91VfKb\xac\xf5\xf0\xb5\x04&lt;V\t\xef\xf5cn\xbf\x89\xd3p\xdc\xc3F{7.\xdc?\x8b$\xcc\x9c\x0e}\xdb\xd5g{%)-E\xa5F\x92~\x11\xa6\xb9\'\xe3\x1ed\xa2\xc8;F8\xa4 \xa1\x16\x03[\xf5\xddw\x9f\xa7\x0eL"\xea\xee(&gt;=W\xe5\tzaS\xf9\xa2\xf5\xbd\xd2\xc2C\xc0\xa7vJ\xd3l\xc0\xfbHR) \x0e\n\xb9\x93\xc6\xe0\xc4\x9a&lt;o\x875J\xc3\x90\x10\x16\xc8E\xfd\x9c\xc6\x11\xc9\x8aU\xfd:_\xd7\x86\xefn1\xe9\x94[\xfd,\x10n\x1b:}k\xd4~\x11\xbd\xc3\xf1BD4\xca\xaf&amp;\xd55\x12~\xeb-\xe9\x00\xb9\x06\x04:\xa8#\xb9\xa2\x07\xa5y\x18\x8b\xf1T\x85\xffK#\x9b\xeemd6\xccM\xc7\xcc\xc7/\x02\x86\x0c\x0c\xdf0\x82\xcc\x9b,\xac\xc9\xfby-\x00*\x86\x99=P?S-\x15\x05\xd7\x124;\xd4\xf6\x19\xcey\x17\xf8/\xf8\xea\x15\x85\x08\x8eQ9\xfe\'{\x8c\xaf"v\xd0:\xf5\x1c\xea\x85\x8fX\x02gi\x11DmZEAg\xc8\xea\xc4n\x81\xb2\x11\x93\xa9\xc0=\xf77\xbb8\xb6\x99\xa6\xb3\x13?\xebo\x85Qu\xd8\xe4\x86\xd5\xed\xe6=A\x10:\x85\x11\xf1\xc8\xd9\x8b\xaa\xafPj{}\xe0\xca\xdf9\r\x9ba\x14\\\\\xec\x83?\x01m\xd2\x1f\x12\x0c@4\xa4J\xc3\x90\x10\x16\xc8E\xfd\xb5g&gt;3\x11_\xdd^1\xa9\xcepcY\xc9\x1e#\\\xdb.\x14\x93"\xb8\xe1TZ\xc6\x151QQ\x02\x01\x02g\xc3\x9d\xb8Z\xeb\xbf\xd8\x89\xe0_\xa6\x97\x96\x0b2\xbb\x1c\x9a\xa9f\xfbw\xcc\xf1\xaf\xe0b\x19\x95\xaen\x18\x91V\xc7\xda\xb4\x98\xc0w\xd4\x88o\xfc2\'\x04b\xae/\xbeW\x94`&lt;\xa9A\n\x12\x0e\xa6\xe7A\xb9\x0e\x8d\xf8\xe3u\x9d&lt;\xe9\x88\xc2K\xac\xdbv)\xfc*\x9f\x890U\x94\x03\xba\xe24;\xa2}e\xaf\xe4\xafGPf\xf2l\x98\x81\xb7\xb7Y\x17\xc8\xb8yC\xc3\x1f\xd2r5\xf3n3\xed\x02\xf1\x16?\xbf\xc1!h\xdf\xd8\x17]^\x07\xd5\x9a|\xdes#\x98\xb5\x00\xeek1\x81v\t\xf2\xa8\xe4\xa2&amp;C\xe4K0p\'\x82\x9b\xea\x03\xc9\xfeo\xfd\xc2\x9a$\x05\xc5F\xbf\xb0p\xa6%\xdf:\xb0a\x94\xbf/*\xe8\x0b\xe3Qcu\xbd\x9c+\xa9\x91\xdaz\x19\x13\xddh,[\xf1\xaa\x84\x16\xf2\xd7\xb9p\xce366\x06\xf7)I\xe2\xcf\xf6\xe7q\x94L"\xfe\x8f\x1a\xd0\xe29\xdfw\xde\x9et`\xedz\xf7\xdd\x15\xbf\xa3\x9b\xe4\xd0\x15o\xe8\x980\xce\xae8\xe5k\xba\x99\xd9\x8e\xaa\nEol\x8a\xb6\x91\x87 \xd1\x0bovj\x01\xdc\xaa\xfa\xf7\xdc\x8b b\xcf\xac\x97\x82NU\xaaf\xe9\xab\xab\xa3\xd3\xfe\xaa\x7fH0E\xe7\xf0\x12|\x0el\xabE\x0b\xfb2h\xb1\x05`\x0e\xc2\xa856\xe60\x9e\xbe\xac\xaa\xcd\xb5\xa3\x92\x80gg\xe4o!\xb6[Y/\xb9\xbf\x1be}\x07\xfdq:qg\x08\xb9}\x00\x18\xcf\xfb\x01\x11\xe7\xca\xc1\xc2\xe5\xb8\xf7/\xaf&lt;\xdeZ\xabJ\x02C$\xd7\x18P\xd2\xee\xc0\xe8oc\xe8g\xe5\xb4K6\x96\x82p\xd9r\nK\x178\xed\xc9\x84Cs\x84,\xf5S\xd8\xdbrQ\xa0:\x9f\x03#9!UA\x96\x12\xa7HB$\xbeXt\xe7,BSb\x8fP\x05\x88\xa1uj7 \xf9w\x04\xbf\xa4\xab\x03\x1f\x95+\xfc\xc2"\x04\xe5N\xb3\xc5\xe8N\xb8\x9b=\x9e\xd4\x9b\xea\xbe\xac\x7f\xcc6\xa1\xfb\xbe\x94\x12\x9b\xa7\x1a\xbb\x87Yr\xbcCi\xa9\xfd\xb6\x04\xddXn\x0eH\xbd\x01o\x82\xbc\x8c\xc5)k7\xf8\x91\xe7S\x9a\x8c\x17\x10\xc3\xf4R\x88\xf8yX\x18\xf5\x87\xe87\xb7RT\xdf\xff\xe0|\xb4\xf6\x8aQ\xe1l:[\xba\xda\xf1\xc2\x02"+\xc5}:]\xa1\x8b\x8fn0\xec\xc4\x89\x16\xe4\xa8\x86\xb1]\x9d\x17\\\xc1\x89i\x1dc{M\x8c\xe3)\x18\xafx\x9cZc\x93\x93-\xa8]\xfd\x98\x08Xu\x9a\x89l\xca~\x08d\xbaW\xf6\xb6A]\xee+`U\x95lO\xa4\xb7\x15\x99\xa0\x7fX\xe3\x8e]\xbf\xbb\xe9e\xdc\n\xe2\xde\xd6GE\xeb\xc6#\xc2\x104\xb2% \xc0\x00\x10\xae\xff\xc2d\xf8H\x9ao\xf5\xee1[h\x9a\x18\x0eo#\tz}\xadq\x85\x95N\xe8#g\xb7PR\xd7\x9b\xc9\x02'</t>
  </si>
  <si>
    <t>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</t>
  </si>
  <si>
    <t>b'\xd8L\x1c\xc2\xe9\x11\xd1\xa2\xd5\xa4G\xeb\x1a\xdbP\xda'</t>
  </si>
  <si>
    <t>e much short of
 two weeks to do it down the Mississippi on a raft. Jim was working his
 mind and studying. Pretty soon he says:
 "Mars Tom, did you say dem clocks uz right?"
 "Yes, they're right."
 "Ain't yo' watch right, too?"
 "She's right for St. Louis, but she's an hour wrong for here."
 "Mars Tom, is you tryin' to let on dat de time ain't de SAME
 everywheres?"
 "No, it ain't the same everywheres, by a long shot."
 Jim looked distressed, and says:
 "It grieves me to hear you talk like dat, Mars Tom; I's right down
 ashamed to hear you talk like dat, arter de way you's been raised.
 Yassir, it'd break yo' Aunt Polly's heart to hear you."
 Tom was astonished. He looked Jim over wondering, and didn't say
 nothing, and Jim went on:
 31
 "Mars Tom, who put de people out yonder in St. Louis? De Lord done it.
 Who put de people here whar we is? De Lord done it. Ain' dey bofe his
 children? 'Cose dey is. WELL, den! is he gwine to SCRIMINATE 'twixt
 'em?"
 "Scriminate! I never heard such ignorance. There ain't no discriminating
 about it. When he makes you and some more of his children black, and
 makes the rest of us white, what do you call that?"
 Jim see the p'int. He was stuck. He couldn't answer. Tom says:
 "He does discriminate, you see, when he wants to; but this case HERE
 ain't no discrimination of his, it's man's. The Lord made the day,
 and he made the night; but he didn't invent the hours, and he didn't
 distribute them around. Man did that."
 "Mars Tom, is dat so? Man done it?"
 "Certainly."
 "Who tole him he could?"
 "Nobody. He never asked."
 Jim studied a minute, and says:
 32
 "Well, dat do beat me. I wouldn't 'a' tuck no sich resk. But some people
 ain't scared o' nothin'. Dey bangs right ahead; DEY don't care what
 happens. So den dey's allays an hour's diff'unce everywhah, Mars Tom?"
 "An hour? No! It's four minutes difference for every degree of
 longitude, you know. Fifteen of 'em's an hour, thirty of 'em's two
 hours, and so on. When it's one clock Tuesday morning in England, it's
 eight o'clock the night before in New York."
 Jim moved a little way along the locker, and you could see he was
 insulted. He kept shaking his head and muttering, and so I slid along to
 him and patted him on the leg, and petted him up, and got him over the
 worst of his feelings, and then he says:
 "Mars Tom talkin' sich talk as dat! Choosday in one place en Monday in
 t'other, bofe in the same day! Huck, dis ain't no place to joke--up here
 whah we is. Two days in one day! How you gwine to get two days inter one
 day? Can't git two hours inter one hour, kin you? Can't git two niggers
 inter one nigger skin, kin you? Can't git two gallons of whisky inter
 a one-gallon jug, kin you? No, sir, 'twould strain de jug. Yes, en even
 den you couldn't, I don't believe. Why, looky here, Huck, s'posen de
 Choosday was New Year's--now den! is you gwine to tell me it's dis year
 in one place en las' year in t'other, bofe in de identical same minute?
 It's de beatenest rubbage! I can't stan' it--I can't stan' to hear tell
 'bout it." Then he begun to shiver and turn gray, and Tom says:
 33
 "NOW what's the matter? What's the trouble?"
 Jim could hardly speak, but he says:
 "Mars Tom, you ain't jokin', en it's SO?"
 "No, I'm not, and it is so."
 Jim shivered again, and says:
 "Den dat Monday could be de las' day, en dey wouldn't be no las' day
 in England, en de dead wouldn't be called. We mustn't go over dah, Mars
 Tom. Please git him to turn back; I wants to be whah--"
 All of a sudden we see something, and all jumped up, and forgot
 everything and begun to gaze. Tom says:
 "Ain't that the--" He catched his breath, then says: "It IS, sure as you
 live! It's the ocean!"
 That made me and Jim catch our breath, too. Then we all stood petrified
 but happy, for none of us had ever seen an ocean, or ever expected to.
 Tom kept muttering:
 "Atlantic O</t>
  </si>
  <si>
    <t>b"]\x91\xec\xda\xe0\xceG=\xfc#d\xdde\x9f\xb9N\xb6\xd0\x87;\xf8_\xa3\xc4V\x8b\x8e\xcd\x0f0u'"</t>
  </si>
  <si>
    <t>5d91ecdae0ce473dfc2364dd659fb94eb6d0873bf85fa3c4568b8ecd0f307527</t>
  </si>
  <si>
    <t>b']\x91\xec\xda\xe0\xceG=\xfc#d\xdde\x9f\xb9N'</t>
  </si>
  <si>
    <t>l their names for it. That hill 
 to the nor'ard they calls the Fore-mast Hill; there are three hills in a row 
 running south'ardâ€”fore, main, and miz</t>
  </si>
  <si>
    <t>b"\x1ei\x831\xe3\xe7\x02G\xa7\xcd\x01^@\xb4\xc5\xcd\x8e\xad\xb4*\xaf\xf4\xdb\xffyE\xd9\xa7n\xa3Y\xaf\x9cs\xceB\x01\x07\x19\xce?\x0c\x90\xaa~\xb4!/g\xdb\xf35\xff[\x9551\xcb-\x90\x17?\xa1;\xeat\xae\xbbj\xbbPn\xfc\x02'\x8a\xab\x9b\x19\xd9r~\xb8a\xa6s\x94\xb0\xf3-\xdaGf\x15A\xca\xb5:\xb0\xb3\xa6\xab\x1d\xa9R\x8f!:Yc\x05\x83s\xfb\x1b\xd0j\xc8\x02e\x9d:$c\xda\xd1\xe7g\x1f\x80W\xe5c[\xef\x7f\xbc\x04J\x98\x99\xbd\xad\x14\xbc\x84\xfe\x1a\t\x8f\x92\xe5!\xd5\x14\x888[\xe3'\xabc\xc3s\xaa\xbf\xfaA\xe3iJ\xc7yr\xf8\xcc\x94\x10\x1b\x90\x1b\x8f\x05^\x17\xb2L\xf5\xbbT\x9f\x088\xb7l!U\xa4\xf3!kK\xd3-\xd8\xc1\x8bUQcH@\xee\xe8iuv\xb1\x18\xd6\xf1\x1a\xab\x97\xb8X\x8dX\x99\xf3Mg\xf8\x00\r\xd3C\x19\x97\x98/\x96\xeb\x8e\xd0\xb8\xd1\xc8W\xecc\xa6LwPs"</t>
  </si>
  <si>
    <t>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</t>
  </si>
  <si>
    <t>b'\x1ei\x831\xe3\xe7\x02G\xa7\xcd\x01^@\xb4\xc5\xcd'</t>
  </si>
  <si>
    <t>once;â€”so
 remember the alternative. This young man has the impertinence to own
 149
 to me,â€”he owns it! that his fortune is very small, and that he is chiefly
 dependent on an elder brother and on the profession he has chosen! He
 should have concealed these circumstances, at least, if he expected to
 succeed with me. Had he the presumption to suppose I would marry my
 niece to a person such as he describes himself!'
 Emily dried her tears when she heard of the candid confession of
 Valancourt; and, though the circumstances it discovered were afflicting
 to her hopes, his artless conduct gave her a degree of pleasure, that
 overcame every other emotion. But she was compelled, even thus early in
 life, to observe, that good sense and noble integrity are not always
 sufficient to cope with folly and narrow cunning; and her heart was pure
 enough to allow her, even at this trying moment, to look with more pride
 on the defeat of the former, than with mortification on the conquests of
 the latter.
 Madame Cheron pursued her triumph. 'He has also thought proper to
 tell me, that he will receive his dismission from no person but yourself;
 this favour, however, I have absolutely refused him. He shall learn, that
 it is quite sufficient, that I disapprove him. And I take this opportunity of
 repeating,â€”that if you concert any means of interview unknown to me,
 you shall leave my house immediately.'
 'How little do you know me, madam, that you should think such an
 injunction necessary!' said Emily, trying to suppress her emotion, 'how
 little of the dear parents, who educated me!'
 Madame Cheron now went to dress for an engagement, which she had
 made for the evening; and Emily, who would gladly have been excused
 from attending her aunt, did not ask to remain at home lest her request
 should be attributed to an improper motive. When she retired to her own
 room, the little fortitude, which had supported her in the presence of her
 relation, forsook her; she remembered only that Valancourt, whose
 character appeared more amiable from every circumstance, that
 unfolded it, was banished from her presence, perhaps, for ever, and she
 passed the time in weeping, which, according to her aunt's direction, she
 ought to have employed in dressing. This important duty was, however,
 quickly dispatched; though, when she joined Madame Cheron at table,
 her eyes betrayed, that she had been in tears, and drew upon her a severe
 reproof.
 150
 Her efforts to appear cheerful did not entirely fail when she joined the
 company at the house of Madame Clairval, an elderly widow lady, who
 had lately come to reside at Tholouse, on an estate of her late husband.
 She had lived many years at Paris in a splendid style; had naturally a gay
 temper, and, since her residence at Tholouse, had given some of the most
 magnificent entertainments, that had been seen in that neighbourhood.
 These excited not only the envy, but the trifling ambition of Madame
 Cheron, who, since she could not rival the splendour of her festivities,
 was desirous of being ranked in the number of her most intimate friends.
 For this purpose she pa</t>
  </si>
  <si>
    <t>b"'\xf8\xba\xceQ1J\x91\x93g\xf1\x1aoQt\xb5\x9c\x10@:\x9d#k\xff\xa9\xab\x92\x16\x97G\nG@\xb3n\x8a*\x01\xa3\xfbxu]\x18^[\x8f\x08tp\xb1\x15\xd8\x83\xeeR3lJHH\x8b\xcbb"</t>
  </si>
  <si>
    <t>27f8bace51314a919367f11a6f5174b59c10403a9d236bffa9ab921697470a4740b36e8a2a01a3fb78755d185e5b8f087470b115d883ee52336c4a48488bcb62</t>
  </si>
  <si>
    <t>b"'\xf8\xba\xceQ1J\x91\x93g\xf1\x1aoQt\xb5"</t>
  </si>
  <si>
    <t>sen, and an old sergeant
 placed at their head.
 â€œThanks, captain,â€ said Mr. Fogg.
 â€œWill you let me go with you?â€ asked Fix.
 â€œDo as you please, sir. But if you wish to do me a favour, you
 will remain with Aouda. In case anything should happen to meâ€”
 â€
 A sudden pallor overspread the detectiveâ€™s face. Separate
 himself from the man whom he had so persistently followed
 step by step! Leave him to wander about in this desert! Fix
 gazed attentively at Mr. Fogg, and, despite his suspicions and
 of the struggle which was going on within him, he lowered his
 eyes before that calm and frank look.
 â€œI will stay,â€ said he.
 A few moments after, Mr. Fogg pressed the young womanâ€™s
 hand, and, having confided to her his precious carpet-bag, went
 off with the sergeant and his little squad. But, before going, he
 had said to the soldiers, â€œMy friends, I will divide five thousand
 dollars among you, if we save the prisoners.â€
 It was then a little past noon.
 Aouda retired to a waiting-room, and there she waited alone,
 thinking of the simple and noble generosity, the tranquil
 262
 courage of Phileas Fogg. He had sacrificed his fortune, and was
 now risking his life, all without hesitation, from duty, in silence.
 Fix did not have the same thoughts, and could scarcely conceal
 his agitation. He walked feverishly up and down the platform,
 but soon resumed his outward composure. He now saw the folly
 of which he had been guilty in letting Fogg go
 alone. What! This man, whom he had just followed around the
 world, was permitted now to separate himself from him! He
 began to accuse and abuse himself, and, as if he were director
 of police, administered to himself a sound lecture for his
 greenness.
 â€œI have been an idiot!â€ he thought, â€œand this man will</t>
  </si>
  <si>
    <t>b":\x00\xcd\x8c\x9a\xf7\xb7h\xf8\x13\xbc\xd2\xd7\xad\x1d\xc0S\x88^'c\x89\xf2\xd7\xba\xf0_\xf2\x02H.c"</t>
  </si>
  <si>
    <t>3a00cd8c9af7b768f813bcd2d7ad1dc053885e276389f2d7baf05ff202482e63</t>
  </si>
  <si>
    <t>b':\x00\xcd\x8c\x9a\xf7\xb7h\xf8\x13\xbc\xd2\xd7\xad\x1d\xc0'</t>
  </si>
  <si>
    <t>tent requirement as, 209
 Regulatory arbitrage, 606
 Reinhart, Carmen M., 629n, 649n
 Relative demand
 curve, 31
 relative supply and, 116f
 tariffs and, 125â€“126
 Relative derived demand, 42
 Relative PPP, 387
 Relative prices
 after trade, 30â€“33
 demand and, 113â€“116, 114n
 determining, 30â€“33, 61f, 117
 distribution of income and, 60â€“62, 61f,
 78â€“79, 78f, 79f
 effects of rise in, 116f
 equilibrium, with trade and trade 
 flows, 118f
 exchange rates and, 323â€“324, 323t
 pattern of trade and, 90â€“91
 relative supply and, 114f
 in specific factors model, 59â€“60, 60f
 supply and, 28â€“29
 Relative supply, 28â€“29
 growth and, 121f
 of labor, 43
 production possibilities and, 112â€“113
 relative demand and, 116f
 relative price and, 114f
 tariffs and, 125â€“126
 terms of trade and, 119, 121
 Relative supply and demand, worldwide, 31
 Relative supply curve, 31
 Relative wages, 35â€“36, 40â€“42
 defined, 35
 determination of, 43f
 equilibrium, 43
 in multigood model, 42â€“43
 specialization and, 40â€“42
 Renminbi (Chinese currency), 651
 Rental rate, wage rates and, 97, 97t
 Rent-seeking, 222
 Research and development (R&amp;D), U.S.
 subsidy of, 272
 Reserve currency
 defined, 484
 mechanics of, 485
 in world monetary system, 484â€“486
 Reserve requirements, Eurocurrency
 trading and, 598
 Reserves
 demand for, 489â€“493
 in developing countries, 637â€“638, 638f
 foreign currencies as, 484â€“486
 interest cost of, 491
 official reserve transactions, 312â€“313
 regulatory asymmetries and, 594
 requirements for, 596
 Residence changes, by region (1990s),
 575, 575t
 Resources, 80
 allocation of, 88â€“89, 89f
 natural, 624
 production possibilities and,
 88â€“89, 89f
 in two-factor economy, 88â€“89
 Returns
 dynamic increasing, 149â€“150
 excess, 274
 in foreign exchange market, 336â€“337
 from trade, 168t
 Reunification. See Germany
 Revaluation, 474â€“475
 Revenue, marginal. See Marginal revenue
 Ricardian equivalence, of taxes and
 government deficits, 305, 306
 Ricardian model, 36, 37, 111
 defined, 26
 empirical evidence on, 45â€“47
 specific factors model compared, 56
 Ricardo, David, 2, 5, 21, 26n, 305, 386
 Rice imports, tariff on, 233
 Richardson, J. David, 397n
 Rich/poor gap, 620â€“621. See also Wealth
 Risk, 332, 498â€“500
 defined, 332
 in foreign exchange market, 336â€“337
 with international capital markets, 8
 money demand and, 358
 Risk aversion, 588â€“589
 international portfolio diversification
 and, 675â€“681
 Risk neutral, 676, 681
 Risk premium
 defined, 481
 foreign exchange market efficiency and,
 613â€“614
 Risky assets, international exchanges of, 4
 Robinson, James, 655
 Rockoff, Hugh, 515n
 Rodriguez, Francisco, 263n
 Rodrik, Dani, 263n, 268n, 649, 649n, 656n
 Rogers, John,</t>
  </si>
  <si>
    <t>b'0F\x02!\x00\xfe\xfe\x87\x1d\x1b\xf2\x15&lt;\xee\xe7\xee\xb1^\x1c\xcc\x1a\xc1+AE\xd9%\x9f\x00\x87\xc8\xf9\xc9CW\xbc0\x02!\x00\x9cf{\\\x91ZB \xa4\xc4\x13\xd5m86+%\x9f\xe4\xa0(\x02G,\xbe\x1f%\xb9:\xba~\x0b'</t>
  </si>
  <si>
    <t>3046022100fefe871d1bf2153ceee7eeb15e1ccc1ac12b4145d9259f0087c8f9c94357bc300221009c667b5c915a4220a4c413d56d38362b259fe4a02802472cbe1f25b93aba7e0b</t>
  </si>
  <si>
    <t>b'0F\x02!\x00\xfe\xfe\x87\x1d\x1b\xf2\x15&lt;\xee\xe7\xee'</t>
  </si>
  <si>
    <t>sun at its zenith.
 Mr. Fogg asked him if it was not too late to notify the Reverend
 Samuel Wilson, of Marylebone Parish, that evening.
 Passepartout smiled his most genial smile, and said,
 â€œNever too late.â€
 It was five minutes past eight.
 â€œWill it be for to-morrow, Monday?â€
 â€œFor to-morrow, Monday,â€ said Mr. Fogg, turning to Aouda.
 â€œYes; for to-morrow, Monday,â€ she replied. Passepartout hurried
 off as fast as his legs could carry
 him.
 309
 C H A P T E R XXXVI
 In which Phileas Foggâ€™s name is once more at a premium on
 â€™Change
 T is time to relate what a change took place in English public
 opinion, when it transpired that the real bank- robber, a certain
 James Strand, had been arrested, on the 17th of December, at
 Edinburgh. Three days before, Phileas Fogg had been a
 criminal, who was being desperately followed up by the police;
 now he was an honourable gentleman, mathematically pursuing
 his eccentric journey
 round the world.
 The papers resumed their discussion about the wager; all those
 who had laid bets, for or against him, revived their interest, as if
 by magic; the â€œPhileas Fogg bondsâ€ again became negotiable,
 and many new wagers were made. Phileas Foggâ€™s name was
 once more at a premium on â€™Change.
 His five friends of the Reform Club passed these three days in a
 state of feverish suspense. Would Phileas Fogg, whom they had
 forgotten, reappear before their eyes! Where was he at this
 moment? The 17th of December, the day of James Strandâ€™s
 arrest, was the seventy-sixth since Phileas Foggâ€™s departure,
 310
 and no news of him had been received. Was he dead? Had he
 abandoned the effort, or was he continuing his journey along
 the route agreed upon? And would he appear on Saturday, the
 21st of December, at a
 quarter before nine in the evening, on the threshold of the
 Reform Club saloon?
 The anxiety in which, for three days, London society existed,
 cannot be described. Telegrams were sent to America and Asia
 for news of Phileas Fogg. Messengers were despatched to the
 house in Saville Row morning and evening. No news. The police
 were ignorant what had become of the detective, Fix, who had
 so unfortunately followed up a false scent. Bets increased,
 nevertheless, in number and value. Phileas Fogg, like a racehorse, was drawing near his last turning-point. The bonds were
 quoted, no longer at a hundred below par, but at twenty, at ten,
 and at five; and paralytic old Lord Albemarle bet even in his
 favour.
 A great crowd was collected in Pall Mall and the neighbouring
 streets on Saturday evening; it seemed like a multitude of
 brokers permanently established around the Reform Club.
 Circulation was impeded, and everywhere disputes, discussions,
 and financial transactions were going on. The police had great
 difficulty in keeping back the crowd, and as the hour when
 311
 Phileas Fogg was due approached, the excitement rose to its
 highest pitch.
 The five antagonists of Phileas Fogg had met in the great
 saloon of the club. John Sullivan and Samuel Fallentin, the
 bankers, Andrew Stuart, the engi</t>
  </si>
  <si>
    <t>b'\x1e]\xfd\x93C\xf9i\x85He\x1d\x9a\xe1\x9dM\xba\xcc\\T\x07\x0c\xda\xd8L\x7fE\x03\xe3\x01\x1dl\x16'</t>
  </si>
  <si>
    <t>1e5dfd9343f9698548651d9ae19d4dbacc5c54070cdad84c7f4503e3011d6c16</t>
  </si>
  <si>
    <t>b'\x1e]\xfd\x93C\xf9i\x85He\x1d\x9a\xe1\x9dM\xba'</t>
  </si>
  <si>
    <t>ence Band
   1.0
1.0
1.0
Figure-5
(i) At absolute zero
At absolute zero temperature all the electrons of semiconductor are held tightly by their atom. The inner orbit electrons are bound to the nucleus whereas the valence electrons are bound by the forces of covalent bonds. Therefore at this temperature no free electrons is available in semiconductor. Hence the semiconductor crystal behaves like a perfect insulator.
 Basic Electronics
59
                 (i) Above absolute zero
When a temperature of semiconductor is raised, some of its covalent bonds break due to the thermal energy supplied to it. The breaking of bonds sets those electrons free which were engaged in the formation of these bonds. Thus at higher temperature few electrons exist in the semiconductor and they no longer behave as a perfect insulator.
Now if some potential difference is applied across the semiconductor as shown in fig.-5. a tiny current will flow through the circuit because of a minute quantity of free electrons existing in the semiconductor.
3.10. PN Junction Diode (Semiconductor Diode)
A pn junction is known as a semiconductor diode.
 Anode
Cathode
Conducts
Diode (P-N Junction) Forward Blased
Figure-6
It is also known as crystal diode since it is grown out of a crystal (like germanium of silicon). A semiconductor diode has two terminals. Its symbol is shown in fig.-6. It conducts only when it is forward biased i.e when terminal connected with overhead is at higher potential than the terminal connected to the bar. However when it is reversed biased practically it does not conduct any current through it.
3.11. Depletion Layer
A region around the junction from which the charge carriers (free electrons and holes) are depleted is called depletion layer.
DEPLETION REGIONS
     ANODE
P-TYPE MATERIAL
N-TYPE MATERIAL
CATHODE
ELECTRONS
 HOLES
JUNCTION
Figure-7
 60
                 3.12. Potential Barrier
A potential difference built up across the pn junction which restricts further movement of charge carriers across the junction is known as potential barriers.
3.13. Forward &amp; Reverse Biasing
When a pn junction is connected across an electric supply (potential difference) the junction is said to be under biasing. The type of biasing can be
depletion region electrons holes electrons holes
â€“++â€“
 (a) Forward
â€“+ +â€“ (b) Reverse
Figure-8
(a) Forward Biasing
When the positive terminal of a d.c. source or battery is connected to p-type and negative terminal is connected to n-type semiconductor of a pn junction, the junction is said to be in forward biasing the following points are worth noting, when a junction is forward biased:
(i) The junction potential barrier is reduced and at some forward voltage (0.3 v for germanium and 0.7 v for silicon). It is eliminated altogether.
(ii) The junction offers low resistance to the flow of current through it.
(iii) The magnitude of flow of current through the circuit depends upon the applied forward voltage.
(b) Reverse Biasing
When the positive terminal of a d.c. source or battery is connected to n-type and negative terminal is connected to p-type semiconductor of a pn junction, the junction is said to be in reverse biasing.
The following points are worth noting, when a junction is forwar</t>
  </si>
  <si>
    <t>b'\x10\xb4v\xd8\xc4\xf8\xe0\xdeb\xd0:\x05\x8a\x03\xcbI\xbc2\xe2\xed0q\x8b\xe0\x96\xaevf\x91\xb6Z\xa0\xb4\xee\xb1GZ\x8c\xe2\xd9K\xa6\xf4Ty\xad\xac\xfb)\xfd\xb0VM0C\x04i\xf2\xe1\x98\x02\xbc\x0e\xbe\x1dQj*\xf2\xde\xb2\xc0\xe6\xe3\xa8\xba\xeb\xd4\x1a\xd3\x1c\x90\\\xc7\xf8DM\x9f\xc7\x9ev\x82\xd7\x81\xb4 \xd8{\x02\xd4\xdd\xc5P$\x1b\x8d\xd6\xa5\xc0a\xd8\xab\x99H\xdat\x8e\x03r\xbbt\xfd\xbeVLh\xb8VnI?\xfd\x8b\x15\xa9SQ\x7f\x81\xa7C\xb0\xe1\x91_\xa8\xcf\xdc\xe7\xcc\xc8\x04\x9e\xcdY)\x02\x1f|\xfd\xf5\xd2\x08\x03ITf\xdd\xdc\x9eN\xcd\x8b\x89\xd8Wn\x0f\x11\xd9\xa7;\xc9\xdeog\xd3\xb1M\xe3\xfa\x9d=Z\x05S&lt;E\xa4\xe3\xb8\xdc\x07&gt;\x1f\xea6%\xe2L\x8f\x00\xaf\xbc\xf1\xc5\xcf\x8e?\xb2\xe4\xbbC\x94\xfb\xe6\xb0\xf2\xe9\xa3\x9ek\x89\x96\x16\xcc+\x85\x0b\xc3\xc9\xd5\xac\xcd\x00\t\xdaI\x9c9\xc9u\x88\xebt\xde\x98\xc3\x89g\x069@bo\xf3B}\xbb\xec\x84\x94\xfe\xfe\xab\xef\x8bc\xef\x19~\xa6\xed7\xdbf\xf6\x01\x19j\x84\xec\xda*\xfc\xc2\x80\x0ccD\xb2\xb6\xa3\x1f\'VD?\xcb\xc1\x88\xde\x9as\xde\xb5+\x05\xe8\x82\xf2\x88\xe9o\xda}w8\xcd\x98\xe1\x8dWUlF\xcd\x05y\xe5\xa2\x03pw0\xc9\xb8\xde\xaf\xe9\x94+\t%\xed\xd8\x1e%;\xe5+*1!p~Ck\x05p\xd38B\xad\xcc\xb0\x85x\xdb67\x16\x0fT\xfd\x9e\xb0I\xe7\xa6\xbf\x0b\xda\x80\xddLE~\x03\xa78nm\x18\x8f\xc1\x8eu\xc3H\xe3\t\x06\xc9,\x19\x84\x1a\t\xe2!\x9b[\xc0P\xaa2\xeabr\x1cN\xe5\xd7\x1f\xeb\xbd\xa4\xec)7\x19\x8d\x7f\x8a\xab\x8e\x97L\x9e\x0b\x16^\xb2#`\xb4\xaa\xc2k\xf0*\xc6\xa9\xf0qW\xdc\xc8\xc9aB\xa6&amp;\xb2\xd7\xa1^\xbd\xd9\n\xeb\xb9\xa8\x11\xafFo\x94 &amp;\xc7\x93\xa6\xee\x86[\xdai\xfa\x17\x0e\x9d-rn$\xa5\xaaU;U\xeaO=\x0c\xd9\xcb\x80\x07\xf0t\x16#\x9c\x07\x04\xaa&amp;\xb9\x18#\x0e\xe3\xce{\xf0Y\x89\xb6\xbd\x8c\xdc\x06\xdc0\x97\x95\xd3\xc01\xc2\xe1\x80\xa3X?\x9d\xc7y\xb1\x19\x103J\x0c\xb7\xd7B\xfd\xc6\x9f\x0f\x07\x1dx\x14p\x05,/\x07\xf8\xf8*\xf3\xf4\xd5U\x1f\xd4RUm,\x15\xa7\xe5\xcbQ\x8c\xd9\xe2\xe84B\xc5V&gt;#M\x00]\xc2\x05j\x08\xad\xcbl\xf2V\x06\x8a\r\xee\x96\xff\xd9kN\x0c\xee\xf6\xb6\x9ap\xdf\xf2?\x85\x16^aK|ep\x0ce\xb9\x81\xd6\x86\x9b6I\xc8\x82\xc7\xfbYg\xc1\x86\xf8*\x8a!\x98\xa3\r\xed\x13\xa3\xe2\x99\x85\ri\x07Py?\xc68\x1c"\x9c\x8eXf\xe4&amp;E\x81\x9d\x81/\x92\x81m\x07\x95\x16d}\x915\x9a:\x88`H88\xb0k\xd4\xc2\x14\xb6h\x19\xd7\xd4yg\xfa\x0b$8\xc0Q%lEU\xa0\n\x13Y7\xaf\x04` \xdb\x07\x7f\x17M\xd9\xb0\x01k\xae\xb3\xa1\xf57\x7f)\xc0\xcb\xe4\xc7{\xc9s\xc9\xff\r\x18\x10S\xbbO\xad\xcewI\x11\xddI\x1dJ\xa0\xe2\x82DT\x19\xb67|nt\xf9K\x89\x89$d\xb5\xaf\xdb\xfc\x05\tn\xb8\xe8\x11t\xab\xa9\xc1\xbd\x1d\xe0\xd2\xea`\x10\x99\x8b\xa9|D\xc0.\xd00\xa1L\xf5\xed\xef\x8fjk\x07\xab6Z!\xc3\xd9$\x1d\xef\xca\xd9CSB&amp;l-"\xd4\x1dE\x0e\xdb\xe1\x01\xf7\xfc\xf5\x83y\xebSP\xe28\\d\xfa\xba\xcc\xe6_\x1e\xc1\x8bmi\x93\xbdL\xcfFCYS|\x15z\x17\xf9mt\xadb\x06V\xc8\xf3z\x18\xfe\xac\x0f:Y\x87\xaf\xc5\xe4\xc7f\x9f\x1eU\x15\xd8A]\x87\x7f6\xca/D\x9fy?\xfc=!\xdd\xd7\xf4\xf4:\xb6\x81\x98\xd7X\x07[\xadC\x82Bq\xa5 ?D\xb9\xf3\x9c\xcbQ\xf5\x16\x0e\xb5\xacU\x9b\\\xd9\x10\x82\xf7`\xcc\xeb\x8b5\xa6`8\xf20#\xdc\xa0\xb3:\xf9s\r\xad\x96L\x8bj\x99$k&gt;\xba.\xe1:gE"\xaf#\xbc\x93\xa7\xbc\xf9\x1c\xb6&amp;\xd0\xf0n\x18\xa3\x99\x98`\x10\x16(\xfb\x1e\xb3\x81\xa7z(\xb9\tH\xa0\xcc\xca\xf4\x18/G\xe6\x1f\x93Xp%\xe5f\xbb\xf8\x88l\xfa\xb6\xc2\x05\x92P\xe6p\xf4z\xf1}\xe5\r\x89\x06\xe4 \xcd\xf58\xf67\x93\x01\xfe\xc4\x83\xf5&amp;\x9bZ\xc3Ww\x0f\xf7l]6[\x02n\x04\xd1\x1b\x14\xee\xdd\x11\xe3j\xc0\xa9\xde*\x16\x8a\xf3\x9e\xcc\xeaIi+\x1e\xda-s\x00\t+T\x9d\xc1\x92L\x81\xc7\x03\xc9\xfe\xc3\xbcK\xc0K\xb3\xbf\xf2\xbde!\x0f3\x13!\x04\x10Z&amp;\x87()\x89Qmd\xb3\x11\x10\xab\x0e\x0c{\xc6X\xa1!\xbc\xfa)\xdf\xc9\xca\x90I&amp;\xf8\xc5bxJ\x1e@\x95u)\xf5\xc8\xc7\xbb\xe1v\x9f`\xd9\x97`\x88{\x90\xf6\xabf\xb1Y\xd7\xb8\xb6\xdc\xd0o\xb8\x9f)\x0f\xde\x95 p[\x9e,v\x0b\xd1\x96\x91PO2\xbafL4\xbd2\rn8\xd7\xcdA\xca3\x90\xcc:o\x91\xba7\x0f:H\x19J8\x1d\x00\xd3A\xfa\x8b\x0f\xe3\xdd\x9d\xbaT\xb4\xcbl\x99xJ\xb0!\xf3v\x82,`\xef\xb3\\1w,:\x06i\xbbRJ\xca\xe5C\xa8-~\x8b\xa3D\x84\x0c\x08#\xa3\xbd\xf0\xa4\xf4J\xccz\xfe\xe6\xc8+\xa3g}\x11\x1f\xdd\xfb\xa6\x8b\x16\xed@&gt;\xe4&gt;\xdd\x07j_\x7f\x08\x9fq\xa4\xe0[\xe1\xe6d\x80\xc8\xf6r\x97~\x16\x9fk.g.\xcb\xd5.\xe3!jp\xb90Z#\xb75\x8d\xd7\xbd\x81\xd5\x86\xb7\x08\xee\xc80\x87\x03b\x1f\x82\xc6?\xea\x0f~5H.\xce\xe9\xf0\x0b\xed"\x0c&amp;F\xdf\x86C\xdfQ&lt;Xh\x91\xf7\xb5\xab\x99\xf8\xcf\xa0\xb3r\x92=\xe8j\xa1x\x93@2\xfd\x81VU\xd1\xb6\x01\x1b|\x1e\xd4\xbb~\x17\xd3\xa4\xde\x8f5\xa66\xec\x15\xb5\xbf\xdbz\xe0\x18$\x99\x9efI\xa5p\xbf\x1d\x88+\x7f\xb7t\x0b\xf9\xc6(\x8b\xbbc\xdd\xc4\xce\x85P\x1e\x91z\xfa\x08W\xda\x8c\xbd\xad\xa4\x97\xdch\xd9\x15j\xdb\x1eb\xc9\x9e-\xad~\xd6\xc8\xdf\x7f\x13,\xea\x8b\xc9%i\xc6\xc6\xf3A\x8e\xcc5\xc0\xc6\xef\xc76.\x88,\x07-\x8c\xa3\x80\xb3\xda,\xda\xea\xfdz\x11\xa7\xcd\x00\xb7\xa1\xdbB\x1d\xbb\xe5\xffQ\xda\x18\xbf\x82\x91&gt;(\xf4\x15\x05\x9eO\x9c#\xa6g2\x80K\x9et\xc5(\xd6\xb4\xf1s:G6C\x81\x01+d\xf2\x8c\x9a_\x19\xc8\xad\x16\x91\x19q\xf6eMO\xe5\x86\x98\x9b\xf3\xca\xb7\xe6\xb7)\xda\t\xf8\xb08\x07\xc3\x9e\x91\xe7:\xbe!\xf4\xe7K\x13\xe2\xfb\x00g\x92\xd7\xb9G\xc17\xf4\x12[\xc8\xc4\xe0\x91\xf2\xe0\x8f\x82\x08\xb7&lt;G\xdd!\x12\x81\xb8e\x9f\xac\xe7&amp;\xc7\x91|\x90\x06\xe7k\xef\x12\xba;\xf2\x16d\xa7\x9f6\x9ag\xff625\xaa&gt;{\x16\x1dt\x1b\x80\xd3\xd0\xa8\x81~_\x06\xd2t+\xa1\xc6cO"\xc4\xbcS\x1d\x95\xc2^\xf1\x14\xdfs{\xa5\xcf\x17_\x978\xd8~e\xce\xcf\x10\xdb\x0c;\xd2\xe0J\xad\xc8\x89\x18\xc9\xc1@B\xd2\x8e\xfd\xef}k\x16\x80\xbcS\xe2\xbb\xbfV\xf9\xeb\xbff\xb5\xba(\xf2gTi?6\x1b3\xc4k(\xd5\xc2\x84\xd2\xd4\xad\x04\xc8I&gt;?@\xe9\xd6\xf2\xb0\xb1F9C\x1c\xa2Y\x8f\x80\xaf\x10\x97 \xc7\x1f\xa4\r.\x00\xd3\x9ff\xc5\xc7\xe4\xd4\xaa{ea\xca@\xf7\xcbnN;\x85\x1cV,\x81ZUo\xf3\xa7\n\x1e\xc8#\x94\\x\xe0\xddD\xe1!&lt;4\xab\x8d\x1da3\x85\xc9i\xf7S\xfb\xe5\xea\xef\xd0"wO\x8ckh}\x05X\x191%\xb8U\x80\x87j\x7f\xe7D\x923\x11 \xbe%\xc08F\xb8\x88\xd71\xc5x\xb7}\xc28\x9d\x12\t\x10\xd5rL\x8b\xe8 ?\t\x96\x06\x11:\x8b\xc1@Qm;I\x1bd-Z*\xcb\xa5Hy{\x95\x89\xc6\x08o\xb8\x17(\xd0\x84\x97B[\xacX\x03Y\xae\xfa\xff\x94/\xe1\xd2\x02&gt;h5\x80M{\x95\xf06\x9a9\x19o\xd2\x1bIR\x97\xbf\xcf\xe0\xe8\x0e\x17en5\xc9\xe0-\xe1;\xa42j\xb0\xeb\xd6\xd5"\x85\xa7{n\x84\x06\x06\xbbd!X\xe1\xf8\x0f\xd81l\xd1\xa6\xb8i0\x12\x86:\xe5b\x8e\x83\xbam\x81\xf2\r\xf9L\xe1\xc1\xa4\x95Z\xa3\xb9\xa1p\xe5\xa5\x0fi\x8a+\x80\x03\xd5\x81\xfa\x1b\x12\xe6H\x93\xa95\x05zep\xf3\x8cE\xa4\x0b\xb95\xf6\xcb\x844\xa07u\xd6\xa6\xb9/c\x1fms\x92\xd5f\xdcW\x0b\xfad\xd0\x91\x84\xad\xbf\x9b-\xc1\xcb\xb5\xd5\xfaJ\xfd\xefM\xb3\x03,\xd0\xec\xf5\x82\xe3:\x9f\xcb\x15\xcc&gt;\xf1\x05\xa5\xf8=&amp;o\x8e\xf4\x10\x95\xc0\x00E\x1aN\xbd\xbc\xaf\xf8\xffE\x92\t&lt;\x9c\x18\x12n\x14\x8b\x1d\xebxq=\xa6ql\x8d\xdf^\xb1\x10\xa3\xc6\x1c\x96:\x10\xf9l\xc2\x14\xd4\xad\xbe\xaf\xd3+\xba\x8ar2\x99\x00s/z\xca\x10\xd4$\x87M\xe7#4?A\xd5&amp;P\x1b\x82Y{#}\xf5U!@`\xe6e\x1c\xd2\xb2\xe3\xf3\xbd\x1f{\xdbbY\xd5\x7fi]\x16\x149r\xf8~&amp;\x05\x82\x91\x85\xb3\x1d\x86\x8b\x8c\xd2Gu\xba\xa8\x8d\x08\xa7\x9d/\xd0D\xa6\x82\xbe\x011@\xf9~\xa2\xa6\x8f\xed\xf2V!I\xc1\xab\x01\x99\xe5\xd0e^O\x04\xf2S4\x85B&amp;\xc60\xcdem\xe7\xa2\xf5\x18l\xe7\xc4Z\xbe\x1ep\xecr=\x9cAP\x0f\xbe\x03\xa9\x16\x1c\x95\xad\x84\xe9\xe10\xbf]\xf1\xc0\xf1a\n\xd2/\xc4\xe3\xa3\xf8z\x7f\xe58.\x12\x94~\x98t\x95\xdc#n0\x88\x93\x01\x0b\xba\x16\xde\xf7I-\xce\xc1\xae\xf7\xccQ%\x1f\xbb(\x1c\x1b9\xc0\xa4M\x12\x0bNw\xf2h\x1f\xc08\xb2:\xb6a\xdc\xf5\x05 \xcem\x99f\xd1\x05\xed\x85\xbe\xacEWN\xc8,\x04 O\x95&amp;w\xa0\x90\x167O\xc4\xf6N\xa8bT}\x02\xea\xdf\x9dk{\x83\x92U\x90[J\xf3j\xe22aF\xb7\xdet\x8d\xae\xda\xdaJ\xb9\xcf\xdcb\xef\xf0\xe4\x82H\xd2\x18\xb3\x84:\xa1/D6O4W\xeaX\xd3\xe8\x9dZ\xfa0\x06`\x8c\x0f}cw\xea&gt;\x90\x86\x17\xc6MnK\x8e\xcc`\x8e\xf6`d^\\\x8c\xa54\xe4\x87\x11\xaf\xcd\xd6\xa9y\x94j\x18\x0c\x9eo\x1b\x10\xf6e\x9f\xe1\x8cP{(\xb1\xa21\x19\xee\x06\x91H\xf3W\x9e\xe0d\x8f\x1d\xa2w=.\xafN%\xcee\t\x8b\x92\xd7\x8co7\xb2\x9e\xa2o\xcbv)@\xd7F\xb4\xd6\xb2\xa8\xb8\x195\x13\x02\xb9\xd1\xd9\xe7\xe0\xa0\x1b\xda\x12\xa8\x81\xfb\x94yW~,\xfa\x11X\xb6\xf4\x93by\xa4\xef; `\xda[/\xce&lt;3\x04\xce\xbb\xdes\x0c\x1d\xdf\xc6T\xce\xd7`4\x0b^\xbb_\x02s\xf0|\x1c&gt;\x93d\x95\x8e\xe1\xa0\xbc\x0f\xa2\xa4\xdd#\xfe\x89\xb1b\x12"\xf3\xe5t\x1c\x19R\xabw\x94%R%,fy\x1bV&lt;P*l`\xb3\xd3\xf3\xf9\xf0\xe0\x06\xc0\x99g\xb6Sm0\x1aa\x95,\xad\'\xd2\x82 \x0c\xc2\x84\xf4\x9f\x06\xb2\x04\xbd\xa6\x9a&lt;\xe0\x8e\xd4\xa9\xa2\n\x9ex\x89\x06g\xde\xe9\xabm\x83\x04H\xf2*}\xe1aWh4\x13A\xaa\x0f{on\xc7J#\xe1-\x1f\x8f\xe0\xf0\x8b\xf6.\xbao\xbfE\xf5\xd3\xff\xe7\xdc\x1a\xc9\xa1\xc2H\xdf~)0\xc8\xd0\xea\x94\xddi\x16\x93Ur\xcb\xa3\xe4\xc8\x8cf%\x97\xf9\xf4\x19\x99\x0f\x859{S\xcfq\xa0\x87\x92\xf0\x1b%5\x1a\xd3\x15\xe5M[e\xd1\x1b\xfe(\x15\x0b\xd8c;f\x0e\xadL \xba8\xaa\x16\x87\xce\x8a\x88\xe8+\xe2w\xd0\x12\xaf\xe7\xfb\xd8\xd04\xcf\x0b\x88\xe3\x10#.\xa6\x9aW\x99\x93M\xef\x83\x94\x0f\xbd\xe4\\\xf8\xcdJ\x92\xeb\xd0g\xcf\xa4\xdb@\xb6M\x99fN\xdef\xd6\xf1\xb0\xad\xc97\xd50\x8bwRe\xa0!\xa8\xcfFE]\x04+\x06\xd9Lx3\xc7\x92_?\xfc\xb1O\xdf\x83\x90,K\xfbu\x86\xfe\xf2\x82\xbe\x11R)\x1e\x85\xd5\x9fV\xd5?\xbb\x82\xec7\xc1k&gt;\x17=C\x19p7\xe9\x03\x9e\xc3\x19*\xfd\xf8\xeb\xf8\x0c\xeb\xca6U\xb2\xdas\xd0\x03S\xfc\x16\x97\x11\xef*^{\x18\xf9y5{*\xfeL\xeb\xe8l\xe9\x87\r\xccu\xc41\xf7@\x18\x949\xb5\x85\x0c\x8es \xf0\xb9\xa62\xac%\r\x1e&amp;\xb6\r\xc1MU\xe9 s\xa3\xfe\x8d\x07t\xf8o\xa1T\rd\x8b\x7f\xba\xe6\x04Y\x1fE\xc9\x8b\x9bSys*uS\xc3\x8a\x82\x01\x15\xdb\xae\xfb\xcd=\xdaf\x04P\xc6\xc0/\xfe\xfb{E\xca\x0c\xdf\xae\xf0\xe8\xd6o\xf5\xfb\x7f\x90\xea\xdf\xd4\xf3O\xb0\x1d\xa8\xa25\x86\xbf\xac\x93\xa7\x0c\xf2\xb19\xee\xa7e\xe3\x0el\xb1d_x\x8eST\xb8\xb5\xbc\xeb\xed\xa1@aK\xb7\x02\xf2\x0c\xe4)\xdc\xaa&lt;\x02\xf7\xa64\xb0#\x04\xc5\xb7\x10\xb9\xe4\xe8y\xb3\x12\x83\xe6\x19\xb3\xdc\xc1\xc18w\xe9\xe6\xad\x1d\xe4T%\xf7i\xfe\x97\x15\xd1\x08\xa1\xf6\xb3\xe4(\xca\nK\xd6\x97/\x1a\x0c\x071\x85\x8e\x9aL'</t>
  </si>
  <si>
    <t>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</t>
  </si>
  <si>
    <t>b'\x10\xb4v\xd8\xc4\xf8\xe0\xdeb\xd0:\x05\x8a\x03\xcbI'</t>
  </si>
  <si>
    <t>would
 have seen it, lamp or no lamp, for he was far too knowing an old horse to run into
 danger. As it was, he was very much hurt, the carriage was broken, and how John
 escaped nobody knew."
 "I should say," said Ginger, curling her nostril, "that these men, who are so wise, had
 better give orders that in the future all foals should be born with their eyes set just in
 the middle of their foreheads, instead of on the side; they always think they can improve
 upon nature and mend what God has made."
 Things were getting rather sore again, when Merrylegs held up his knowing little face
 and said, "I'll tell you a secret: I believe John does not approve of blinkers; I heard him
 talking with master about it one day. The master said that 'if horses had been used to
 them, it might be dangerous in some cases to leave them off'; and John said he thought it
 would be a good thing if all colts were broken in without blinkers, as was the case in
 some foreign countries. So let us cheer up, and have a run to the other end of the
 orchard; I believe the wind has blown down some apples, and we might just as well eat
 them as the slugs."
 Merrylegs could not be resisted, so we broke off our long conversation, and got up our
 spirits by munching some very sweet apples which lay scattered on the grass.
 24
 Chapter 11. Plain Speaking
 The longer I lived at Birtwick the more proud and happy I felt at</t>
  </si>
  <si>
    <t>b'\xca\x1e\x08\xde\xd8\xc6\xad\xfd'</t>
  </si>
  <si>
    <t>ca1e08ded8c6adfd</t>
  </si>
  <si>
    <t>or some time.
 'Who are you? How dare you? Go away,' she cried.
 'You are to get up, Tink,' Nibs called, 'and take Wendy on a journey.'
 Of course Tink had been delighted to hear that Wendy was going; but she was
 jolly well determined not to be her courier, and she said so in still more
 offensive language. Then she pretended to be asleep again.
 'She says she won't,' Nibs exclaimed, aghast at such insubordination,
 whereupon Peter went sternly toward the young lady's chamber.
 'Tink,' he rapped out, 'if you don't get up and dress at once I will open the
 curtains, and then we shall all see you in your nÃ©gligÃ©e.'
 This made her leap to the floor. 'Who said I wasn't getting up?' she cried.
 In the meantime the boys were gazing very forlornly at Wendy, now equipped
 with John and Michael for the journey. By this time they were dejected, not
 merely because they were about to lose her, but also because they felt that she
 was going off to something nice to which they had not been invited. Novelty
 was beckoning to them as usual.
 Crediting them with a nobler feeling Wendy melted.
 'Dear ones,' she said, 'if you will</t>
  </si>
  <si>
    <t>b'5\xf6\xcb0\xbd\x19\xda9'</t>
  </si>
  <si>
    <t>35f6cb30bd19da39</t>
  </si>
  <si>
    <t>ich everybody agreed.
 Great companies have secrets: specific reasons for success that other people donâ€™t see.
 THE MYTH OF SOCIAL ENTREPRENEURSHIP
 Cleantech entrepreneurs aimed for more than just success as most businesses define
 it. The cleantech bubble was the biggest phenomenonâ€”and the biggest flopâ€”in the
 history of â€œsocial entrepreneurship.â€ This philanthropic approach to business starts
 with the idea that corporations and nonprofits have until now been polar opposites:
 corporations have great power, but theyâ€™re shackled to the profit motive; nonprofits
 pursue the public interest, but theyâ€™re weak play</t>
  </si>
  <si>
    <t>b'\xe1\x86-\xf6_5\x9dL+KR\xae\xb9\xc7\xd0\x14\xc5/\xb1@1?\x1cZ\x8b\xf7LX|\xf90\x13}\xbf=lQ\xfca\xa46\xd0\x0bbxD\x05\xbe\x07\xcd\xe6\xe2\xefF5\x99\x1c2\x7fqs\x07\n\xd1\x0bg\r1\x0c=At\xb03\x87\x90)`\x08&lt;\xb8/\x00"\xfd\r\x87\xb7wE\xc8\xe3\xfa]\xd9&amp;!3\xb8\xc6\x15sr\x85\xf9\xb7#\xb4A\xceYe\xccW\x11t\xa6;\xb6\x99\xcc\xf7,\x92\xcf\\\x98n\xd3\x01\xb5?\x1d\xad\xbbwm\xeb5?\x8cI\x8b\x89\x16t\xe0\n=UD\x02\xa28\xb6\xaf\xc1\x12\xda\xca\x85\xd3\xf2\x0c\xa1Ve\xfb\xd1\xe2\x9d5X\xfb\x0bD&gt;\x88\nX\xe3m\xef7\xb9\x96\xe3J\xf8X\x7fo8\xcc\xe6 \x0c\xd1h\x89*\xc9z\xb0$\x90"\xe1\x1c(\xd8a\x82\xbc\x1fG\x9eD\xa8\xa2\r\xa4\xae\x8e\xdd\xef\xf02\xea\xf4\xdc"H\x0em\xb6\x10\xdcE\xb2\x1c\xb1o\xe2\x96\x93\xd6\xea^\x875u\x19\x83s\x7f\x90\x1b5\x12\xe7\x8e\xa7\xc1\xeb\xfe\xc1\x1ah\x035\xe2\xd4\xee\xc0,s\x8b\xb8\xe8\x96\xf0\x0b\xc9\x8e\x96\xc0\xd2\xce\xf8\x9a=\xb4f2U\\Hrj\x1d\xadop\x12\xf6&amp;!\xaa"\xfe\x9fF\x02\xb0\xad\xce@\xaf\xe4\xcf\xd3&lt;\x04\xdf\xa5\xa3\xb3#\xd2\xee/\xc5}\xee\xccs&amp;\xbc\xc7ZdF0"P\x97\xc2\x19\xa9\xb86\xe9\x8eB\xfc\x91\x8a\xa6\x95$\xbf\x88b\x9dn\xf1\xbaZV_\xb2P\x1b\x9cZr7\x99\xe9\xe1O\xc1\x8cgJ%\x16\x00\x0b\xea\xe4K\xc5\\\xf9$\xac\xc1K\xc0\xa9`j{y\xfd\xaa\x04\xc37\x8c\\^:\xebA\xbe\x83EB\xfb\xc3pw\x1e\xef&lt;a\xea\xd2\xb8\xef\xdb\xfb\n|Cs\xa6ba}\x10\x13\xe6=1\x0c_\xcf\xab\xca\x14\x0c\xa2\xec\xfe2\xfe\xab\xc1\x85\xa8\x07\xba{\x96\xdf]\x00\x95e&amp;\x9a\xf3\x91L\x95\xec\xd9m\xc0\xf2\xb1&gt;\x98\x15\xad9\xfb\xe9%\x8cS\xf1\x00\xffm\x80P\xe8\x18cg\xe3\xf6Zl\xd2\x83\'\xd7\x1d\xdb&amp;}\x93\x94\xfam\xa3\xcb\x99\xd3TR\xe4\xdcF\xcfc\xa9\xa8\xbb\x88\n\xe7l\xa8\x03?FD\xa7\x0e\x93^K\x90F\xfb\x15,z\xf0\xaf\xbc\x9a\x94\x0cG\x925\xf0mi\xbalD\'m\xa3\nb\xc6\xd2\xc1\xfb \xa2-\x15:c\xf1\xa5\nu\xf4\xa6\x1b^\xdd8\xb8\x13\xb7\x1d\x00\xab\x81(\x03\xf5\x1d{\xf0\x1d\x12\xf7=\xe1f&lt;=\xb8z\xf4\xbc\x8fI\xaa\x81\xc6v'</t>
  </si>
  <si>
    <t>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</t>
  </si>
  <si>
    <t>b'\xe1\x86-\xf6_5\x9dL+KR\xae\xb9\xc7\xd0\x14'</t>
  </si>
  <si>
    <t>e met one of
 those traveling carts hung all over with baskets, rugs, and such like; you know, sir, many
 horses will not pass those carts quietly; he just took a good look at it, and then went on
 as quiet and pleasant as could be. They were shooting rabbits near the Highwood, and a
 gun went off close by; he pulled up a little and looked, but did not stir a step to right or
 left. I just held the rein steady and did not hurry him, and it's my opinion he has not
 been frightened or ill-used while he was young."
 "That's well," said the squire, "I will try him myself to-morrow."
 The next day I was brought up for my master. I remembered my mother's counsel and
 my good old master's, and I tried to do exactly what he wanted me to do. I found he was
 a very good rider, and thoughtful for his horse too. When he came home the lady was at
 the hall door as he rode up.
 "Well, my dear," she said, "how do you like him?"
 "He is exactly what John said," he replied; "a pleasanter creature I never wish to mount.
 What shall we call him?"
 "Would you like Ebony?" said she; "he is as black as ebony."
 "No, not Ebony."
 "Will you call him Blackbird, like your uncle's old horse?"
 "No, he is far handsomer than old Blackbird ever was."
 11
 "Yes," she said, "he is really quite a beauty, and he has such a sweet, good-tempered
 face, and such a fine, intelligent eyeâ€”what do you say to calling him Black Beauty?"
 "Black Beautyâ€”why, yes, I think that is a very good name. If you like it shall be his
 name;" and so it was.
 When John went into the stable he told James that master and mistress had chosen a
 good, sensible English name for me, that meant something; not like Marengo, or
 Pegasus, or Abdallah. They both laughed, and James said, "If it was not for bringing back
 the past, I should have named him Rob Roy, for I never saw two horses more alike."
 "That's no wonder," said John; "didn't you know that Farmer Grey's old Duchess was the
 mother of them both?"
 I had never heard that before; and so poor Rob Roy who was killed at that hunt was my
 brother! I did not wonder that my mother was so troubled. It seems that horses have no
 relations; at least they never know each other after they are sold.
 John seemed very proud of me; he used to make my mane and tail almost as smooth as a
 lady's hair, and he would talk to me a great deal; of course I did not understand all he
 said, but I learned more and more to know what he meant, and what he wanted me to
 do. I grew very fond of him, he was so gentle and kind; he seemed to know just how a
 horse feels, and when he cleaned me he knew the tender places and the ticklish places;
 when he brushed my head he went as carefully over my eyes as if they were his own,
 and never stirred up any ill-temper.
 James Howard, the stable boy, was just as gentle and pleasant in his way, so I thought
 myself well off. There was another man who helped in the yard, but he had very little to
 do with Ginger and me.
 A few days after this I had to go out with Ginger in the carriage. I wondered how we
 should get on together; but except laying her ears back when I was led up to her, she
 behaved very well. She did her work honestly, and did her full share, a</t>
  </si>
  <si>
    <t>b'\xbd\x94]\xea_m\xb2\xe5'</t>
  </si>
  <si>
    <t>bd945dea5f6db2e5</t>
  </si>
  <si>
    <t>slanting
under the trees when they parted.
"It'll be fine tomorrow," said Dickon. "I'll be at work by sunrise."
"So will I," said Mary.
She ran back to the house as quickly as her feet would carry her. She
wanted to tell Colin about Dickon's fox cub and the rook and about what the
springtime had been doing. She felt sure he would like to hear. So it was not
very pleasant when she opened the door of her room, to see Martha standing
waiting for her with a doleful face.
"What is the matter?" she asked. "What did Colin say when you told him I
couldn't come?"
"Eh!" said Martha, "I wish tha'd gone. He was nigh goin' into one o' his
tantrums. There's been a nice to do all afternoon to keep him quiet. He would
watch the clock all th' time."
Mary's lips pinched themselves together. She was no more used to
considering other people than Colin was and she saw no reason why an illtempered boy should interfere with the thing she liked best. She knew nothing
about the pitifulness of people who had been ill and nervous and who did not
know that they could control their tempers and need not make other people ill
and nervous, too. When she had had a headache in India she had done her best
to see that everybody else also had a headache or something quite as bad. And
she felt she was quite right; but of course now she felt that Colin was quite
wrong.
He was not on his sofa when she went into his room. He was lying flat on
his back in bed and he did not turn his head toward her as she came in. This
was a bad beginning and Mary marched up to him with her stiff manner.
"Why didn't you get up?" she said.
"I did get up this morning when I thought you were coming," he answered,
without looking at her. "I made them put me back in bed this afternoon. My
back ached and my head ached and I was tired. Why didn't you come?" "I was
working in the garden with Dickon," said Mary.
Colin frowned and condescended to look at her.
"I won't let that boy come here if you go and stay with him instead of
coming to talk to me," he said.
Mary flew into a fine passion. She could fly into a passion without making
a noise. She just grew sour and obstinate and did not care what happened.
"If you send Dickon away, I'll never come into this room again!" she
retorted.
"You'll have to if I want you," said Colin.
"I won't!" said Mary.
"I'll make you," said Colin. "They shall drag you in."
"Shall they, Mr. Rajah!" said Mary fiercely. "They may drag me in but they
can't make me talk when they get me here. I'll sit and clench my teeth and
never tell you one thing. I won't even look at you. I'll stare at the floor!"
They were a nice agreeable pair as they glared at each other. If they had
been two little street boys they would have sprung at each other and had a
rough-and-tumble fight. As it was, they did the next thing to it.
"You are a selfish thing!" cried Colin.
"What are you?" said Mary. "Selfish people always say that. Any one is
selfish who doesn't do what they want. You're more selfish than I am. You're
the most selfish boy I ever saw."
"I'm not!" snapped Colin. "I'm not as selfish as your fine Dickon is! He
keeps you playing in the dirt when he knows I am all by myself. He's sel</t>
  </si>
  <si>
    <t>b'P\xa8\xf6\xcf}\x9d\xd1\x1b\x9b\xdb\xb0\x1b\x1c\xa2\xf0\xc2\x01S\xa4\x9b-\xb2Vz\xdb/\xd7\xbdh\xb4^\xbcnF3-\xa5;\xac)~\xbe\x11\x8e\x99\x0b\xc7\xad\x88\x81\xe9\x8d$\x002q\xd1\xa4N\xea\xe0z7\x03\'\x89\xe5\xbe+\x9bi\x83\xbf6\xef\x0fF\x87B[e\x86s\x83\x1e\x0b\x086,\xf2\xdax\x93\xa7-e\x8cDH\xd1\xb3\x0e\xcb\x1f\x82VJ\xeeW%\x9a`\xa8\x95\x8b\x12X-a6\x97g\xa6\xa1\xfa\xe4\x99\xd8`\xcdi\xb3\xc8F\xaa\xec\xac\xd9F\xcc\xea\xcb\x9c\x87\xe3\r\x04 \x9a\xdc\xbec_\xb5"\xf74\xe1\x06\x95\x80k\xcd\x1d\x85\x0e[\x0f\xbb\xb5\xc6*k\xa68\xf5\x1a\xf2Y\x00\xbd}\xd1\xb9\xef\x9f\xb0\x1d\x13\xff=\x95\x04\x05\xb7e\xcbKo\xdax\xc3\xe2\xf7\x88\x95\xb6W\xee\xado\xb0\xc3A\xabx\xea\xff\xcd\xfb*\xf2\xe6\x1075@\xc9\xfa\xe3mJ\x97\x8b\xa4\xca\x064\xa3*XE&amp;\n\xbd\xf9)ZH\x9ex\xbef\xfe\xf8&lt;\xb1\x97h\x12rB\xd7;[\x13\x1dQ_&amp;_$\xc8&amp;\x91\xe4\xe3\xa6\xc62\xfe\xb4\xde\xf4%\x82\x14 \xdd\xe4\x07\x91\xd55\x03\x04C&amp;&lt;\x08\xbf\xc7\x85\x82\x1c\x01\xf6f}\x85;8\xffvL\x06\r\xf6\xa6\xb8*V&gt;\xef\xeb\xf0V\xf8:\xe9\r[\xda\x9d\x03\x8dQ\xae\xe3\x00\xa7\x0e\x99\x13\xe1\x90^A\xcf\x83o52p\x93\x10\x0c\x8e\x1f\xc0j\x81\xb7\xa9\x0f\xa3;J,uLp\x14\x03"MpX\xf6\xa5\xdc0\x02\xda\xec\x015\xd0;\x90\x02\xc7\xa4C\x13O\x80\xe1z\xe4\x8e\xa76\xae6\xde\x00xGIp\xf9\xc6T\xa1k\x8a$\x8e\xf0\x92c,\xd9\x98\x10\xf3\xe8\x98\\\xce75\xb5\xac\xf8\n\xdb\xd4k\xe6\x9c2$YX\x9c\x19F\xe5\n\xe1o\x18x`,M\xb4\x12\xf9~\xff\xa3g\xae`\x94\xf0g-r7s\xa3\xfaD\x8c\xab\x84N\x04\xdf\xfa\x19\x06\xdbz\x0b\n\xd2}\xd5C\n~,\xbcx\x8e\xc9BF\x0f\xfd\xd2I"\x8c\x10\x08\xac\xe7\xa6;l\x8d\xd9\x9em\xc8\xd0\x16\xadQCu\xa8}H\x06\x99\x9fvtK\xb1\x1d]\x97\x8e\xc0%\x8d\\\x03\x85*\xad?\x02\xb4\xb9\x96\x9c\xa1KP`\xa1/\xcc\x84\x99F"@\xf3&lt;8qX\xb2\xda\x8a\xc0\x99\x03\xe1?fZ\xeb\xcc\xe7\x8f\xc5\xb0q\xa4bY\xa7\x9c\xe2\xf7\x86\xde\x8d\x91\x8e\xc9^\xad\xac#\xc5Dp\xa4~D\x1cRY\xe8\xae9\xad\xec\xb9n4\x8d\x94\xd1\xa7R~u\xf9\xbb\x99\xd2\x02\x05\xf8\xa1\x0c\xa7M\x17d\x1dm\x0f\xbe\xd7[\x9bR,\xccS\xeb\xcfl\x97\xa4\xac\xd4\xc1\xff\xe7\xa8\xb6a\xc9\x02N\xf1c\x8e\x9b\xba\xbb\xc8\x85\xf3\x9f\xdb;\xe4\xba\xa2\xe3\xde\xf2\xba\xa4\xabz\xcc4\xec\xd5,E=\xb2\x9b\xe8\x17\xdb\xac\x9e\x12\x9eC\xd4\x19g\xf6\xc4\x84h\x19\xe4\x1d\x83\x04\xec.!\xb7T\xe8d\x9d:\x8cV\xbb\xa4~\x94\xc7\xde\x9c\xc6Q\x89mR\x94\xee&amp;\xc8\x0f2\xd8\xaei\xa9W\n\xa2\xc2\x10\x06U\x9cyA\xd2\xce\xc6\xf3\xd9\xad\x05\xd7\xc3\x87\xe71\xa4Y\xab\xe5\x98!W\xc5[\x15M\xbd_EJ\xbc\x05\xa2T{\xac\x04wg\x9e\xa3\xfa\xb0\xec\xd9\xeb[\xd3\x97\xb0\x9a\xb2-\xb6e\x97G\xba\xfe\xece\x94\x9a\xc6\xf0\xac\x18]\xc6\xfa\x7f\xc7\xdc\x18\n\x90\xb4C\xad\x9c\x1f\xe6\x8c\x8fgs\x9c\xa9\xd7f&gt;\xab\xb1W\x8f\xb5&amp;RI\x92\x898\xb0\xc1\x8d\xc3M\xcf\xe7\xba\x8c\xab\xee\xb2&gt;\xe2P\xbe5\x1b\xbc\x05\xae\xbb\xa4}&gt;\x15c\xbf\x18\xc5\xc7\xea\xf8K\xae\xabZd1\xa9\xf5+\x19**\xde\xda\xa3\xf0\xf7\xec\x92| \xdc\xb9\x83~\xd6\x82\xd6"O\x90E\xd2\xdck\xba\xd7+ll\xb3-\x8c\xa7}j\x03\x1e*E\xa3\xdfD\x03\xb4\x11\\\x9c\xe4&gt;e^\x15\xb8|\x84\xa18~\x1fF\xd0i&amp;\x1b\xb8E ?\xecP\xe6U-\xc6\xe1\x15\\\xeaD\xf7\xdcA\xe0\xbcEN\xed\xc7\x93C\x99\xad\x07\xae\xc5\xb7\x19\xbd73\x9e\x86\xa7\xde\x98H\x0f\x03\\\x99\xa5N\xffF\x8f\xcbm\xd7\xcbO\xeb\x91\xf4K\x91^\x14\xb5\xa9\xb8\x02\x1d\xf2&amp;\xd2\xed\xda\x99\x0b\xf5\xc1#\xee\xff\xe29*5\xfb\x13Y\xf2\x89\x10\x84\x98\x05\xd3\x9ci\x06\x0bu\xd4W\xd1\xca\x9d\x92\x04\xa4\x05\x1c \xc6_Pc\x81\xb6Q\x86\x87R\x8e1\x88\xe8\xf0\x99&gt;E[~\x93\xb6\x022C\x94ZT\xe9\x82\x9c\xb4\x02\xf0\xaf\x83\xb4\xed\xf4:\xc8K7\x0f\xc5RY[P!\x9e%V\xdf\xec\xaa\xa3\x9bgZ\xe4:"9\x19\xf6\xacb\xd7n\xc3\x98\x890\x0f\x893\xc2\x93:\xfe\x18\xdfM\x8d\xe8\r.\xa8\x8a\xad\xd6|k\x82\x9d\x02\xb49yA\x02&lt;\x8f?a\x87\xc3n\t\x10X\xf6\x8fJw\xde\xab\xd3h\xb2P\x86\xc0\xea}\x1b\xd4\xbc\xe6{\x97{\x88\xd0\xd2\x8e\xa2\x16\xa8\xcd8ve\xc7D^\x97X@8\xa9\x06\xcd"\x19\xa4\x93&lt;\xb9Te\xf3\'r&lt;{\x10\x82\x15^\xa6\x9d#C\x90\xc0\xf7f\xec\x0eE\x95\xaa\xd3\x97\x83\x1d\xd4\x97\xb7\x18\x9c\xfd\xb3\x84\x1aSQ\xd0=\x98\xe4\xf9\xd6Q\xaeY~\x95O\x19\t*\xa5CP\xbc&lt;\xc6\xa3\x15\x9f\x8f\xae\xbb\xe1\x88A\xfa\tm\xfa$\xffn\x11\xaaS\xe6\x92\x8f\x80\n\xe7\xd8v\x03\xd5\x9f\x16(7\xa0%\xe2\xf9\x13RE\xd7\xe44\xdf\xb2S\xd9%&lt;=&amp;n5q?\x1f=N\x00\xa1T\x86\xbf-\xdc\xdcg\xb2\xf5\xe1\xf4\x95t\xd1(g%n1\xa6e\xc0\xc3\x8d\xa5K5\xf2\xedE\x00\xbb\xed]\x0c\x8f\xf1X\xdbSK\x11\xf6\x80\xe1\x07\xd6\x8e\xf4\xe8\xa5\xe4\x94\x18o\xce\xff4\x817\xaa\x0b&gt;\x9fU\xc6\x95\xb0 v\tj3EJ\xc4\xcf\xcc\x1cZ\x0c\xa8\x9ae\r\xf3\x81\xc8\xe4\x0bv\xa2T\xdd\xc5\x9f\xd9r\x03\xc8-X\xb7\xc2\x0c\xa5\x85\xc8\x84\xbeYl\x97`\xd9\xe7Iu\x05T\x8a\\z\xd2\xc2\xce\xed\x80\r\xa4\xbd\x91Rt\x80\xf0\xeb\xed&amp;3gxp\xf7\x9aA\xe4\x8b\xfbM\x84akJs\xa6\xbfp\xb6\x7f_;\x92\xbb\xcb*\xb5\xb2c,\xcf\x12\xd5\xea\xf7\x13\x03\x9boT\xb4\x7f\xcdp\nH\x07#M\xd3!\xa0G\xc0U\xa9xb\xe9=\xd5\x1b\xb7\x08\x08\x90\xe6e].\x07\x08\xa7\xf4\xfc\xdeeX\xe0h\x88+\xe4\xf3\'\xc2\x7fia\xa0w^\xac\t\x16&gt;38\n,\xb25qT\r\xb0B\x10\x0e\xc6&gt;\x96\xd4H\x88\x91\t\x17\xbc\x0f\x0fT\xa6\xb5\x16\xfe\xc2tU\x8a\xcfH}\x9d_\xfa\xb8]\xd4\n\xbd\x97\x00\x0c9_\xbb\x84\x19.\xe3\xccAo&lt;\x0b\xc2@\xdb\x07\t\xe4\xb9\x8f\xe98\n\xea\xc4:\x0b\xd4 \xbac\xf2\nhr\'\xe5\xeb\xe0\xce&lt;\xabsN\xdb\x0c\x0cv|f\xd2\x1f\xb6\x19U\xbd\x0f\x92.\xeb\x1d\xb2MaN\x05\xdfv\x870\xa90\x8b\xe7bs!\x14\xa7\x13\x14N\x1es0K\x97\xc6cB\xfeO\xe9-\xcd\xcdg\x17\xd4I\x9d\t\x8f\xa7!\xb3\xc8\xe5\xfch\xfdA\xf0S?\xf4y\xff\xe4\xe5\xacFX\xaf\xc9T-,\x0c\xbd\xee\xfaB N\x85!{\xeaQqP63\xab\xe5\x991\xbao}oN-\x12\xaf\x1e\xd8\x90!1\xa3\xe0u(o\xbe\xbc\xe0 \xc5\xf6-\x19\\q\xe7f\xf1F\xdd\xcf\x10\xa9d\xfa\xdd\x86\xc8\x87,\x8f\xa9$\xae\xec\xb9z\xaa\xd7\xf0oNX\nl[9\xd7\xc0\xcf0\xe7\xfc\xeeiu\xfa\xa4\xe9k\xc5\x8b9\xc4\x9ayF\x9e8\xa0:j]\xf4\x95\x1b\x96 \xcc\xa8\x11j\xbe\xa0\x12e#\xe9J\x84\xf22lF\xf5@\xa7\xab3\x05\xf1o\xc7\r\xa4\x97\xdd\x80\xbcZ\x9a\xc47\xf93\x91+&lt; \xef\xf0\xa5\x88\xe0t\xd14T\xd1\x1c\xa89x\xd6\xa8\x06\x03\xeb3\xa1\xccsPA\x9d\x0b\x87\x19\xe0k\xc8\t\xa5\x88\x14\x92\xde\xd8&lt;N\x85\xbc{C\xd0T\xe5Y\xab\x87\x8d\x06\xbc\x82Q6\xc9\xf3w\x86\xaeW\x85\xfd\xf5\x9f\x82\x01.\x11\xa8\x8a\xa9^\xd4h&lt;\xe2k\xb9\xcf\x05I\xc5\xe0\x1b\xd3\xa0\xd0v\xe8\x9c\xe7?\xc6ib\x9d\xf3`\x97\x1c\xf7nS\x17\x10\xb7]\xe3\xf3\x18J\xdc\x1bo\xef\xfdZ\x95qT8gV\x8by\xddLY\xbdI\x17\xbb\x80\x9f&lt;\x91\xfa2&amp;\x05/\x0f\xf9\xc5=\xeaY8\x8am, \x8f]\x92\xddY\xea%\xe9\xce\x0c\x95\xae\xce&lt;p\xac#z\xa7iW7 \xab\x19\xdb*\x91KhD\xa3\x19\xa5&amp;O\x19\xf0\x1c\x12u\xf8h]M\xbe7*b7\x08\xe5\x95b\x00\x16\xb1\xd6\x1d\xfe\xb1\xdb\xb1DJ\x90T#\xf3O|\xaa\xc1\x92\x13\xdc\xf3T\xfe\xb7\x0be4`OgHZe\xc1x\x81:L\x9d_%%\xa3x\x88\xb1\x9c\xe9\x96\xed\x0c\xf6e0\xed\x94\xcffA\x9e}\x1b*N6^\xd5!j\x88Z\xdb\xd7\xb7#F\xa6F\xdfL\xea\x9d5\x1f\xfd\xab\xdf\xcc\x10KC\xf5j#F;\xce\x82\x92\xf3\xa9\xd7\x02\xc56u\xa8\xac\x16\xff)\xd44R\xb3\xe2\xba\x92\x9b\xb9\x90O\xbf\x08\xa0\xe4Z\x02 \xcdJ\x88\x19\\@*K\x9c\xb1\xca\xbcQ\xf9\';\x8a\x94\xd1\xd1\xfb\x98%}\xa3\xbfX\x10\x1d{\x93\xc4\x04\xfaV\x0c\x8dW\x1a\x1b=VX\xcf\x80L\x08z\x17\x96s\xd7K\xaf\xc0\x9d\xd0\xbd\x0c\xd1%\xa7\xb4M0+\r\xc9R\x05\x97\xcf\xf9\x01\xdc\xc1\x04\xc3T&lt;\x95\xd4)F:g,%\xeb\x1f{\x01\xbf\x9a\\\xd7\x15\xd2\x15\xb6\xce\x11\xa8\x81\xa0\xa8\xdcR\xcb\xcb8\xc8KEf\x91\xb00A\xad\xa2\x84\xc3\x84\xbf\xa8\xe5\r\x90\xd0\x0fG#\x9cIPx\'\xe8s\xc4\xae\xe4f\xc3\x9b\xde\xfc\xdd\xf4\xd9\xce-\t\xc6D\xfd\xeb\xa6U\xa9\xdc\xa2#$.*\x9eC\n\x10=z[\x10\xbf\x8ePt\xdcUK\xf2+\xbc\xa7\xbf\x1b\xb1(\xc8]\xdeY\xff\xf6d\x01!\xac|\x97\xa6(\x8a\xb7L\x83\xa52\x8fH\x8d3\r-\x82\xd4E\x83\xc7\x94 3!b\xa7~\x17X\x8e\xc8\xd3\x18\x9d\xa3\\\xf7\x9b\x8d\xf1\x02\x97\xfdU9wIy\xb7Y\xa7vz45\xfa\xb2\x9b\xcf\xc8[#\xdb\x01\xcc\x0c0\xa5"r&amp;\xb3\x93\x93\x87\x8a8{e\xd9\xac\xb9\x0eR\xc8G\x04=\x88p\x96y\xc5]OJ\xf1\xe2\xcb\xf7\xb3(\x14!\x9bg\xd6\xd01C&lt;w\xb6\x14\x1f\xa2|!\xb3\xaf\x16\xac\xb6F\xcc\xd5\xe8\x07\xb3\xd0M\xe0\x980\\"\x97\x1f\x0cB\x85hTH\xed\xb2\xef\x1dA\r\x07f\xdc\x94\xe4\x96\xfe\xac\r\xf8\x8eR\xf0@\x98\tK[M\xb6HALx$\xd2K\xc2-Zr\xccFK\xf5\xed\x12\x07\xa8{\xa4\xf0\xfa\xec\xbcr]-@\x8c\xc5a-\xe2\xb2u\x10\xbcJ\xa2\xeb4\x92N\x18\xbe\xad\x04\nr\xee\r\xb5\x17O\x14\xca"\xc66\xa0\xb6w\xa8\x99\xd06\x05\xb9\xd4\xe5Py\x0e\x08\x82\r\xe0k\xbb\x1dV\x94\xae1\'\xec&lt;E\xfe\xcd\x05\xed\x16\x08\x8d\x018y\x98\xae\xd5\\\xe9r\xab&gt;\x87\xb0\x99gj\t\x17]\xd6\\\xcc\x88\xb4"\x05V\xe6\x04p\xa5\xc1\xc4\x10W\x8fa&lt;gI\xa6\xfd\\\xc6\x87T\xa0KX\xeeu\xa4*\xb3\xcc\xf6j?\x81\xb11\xbb&gt;\xa1+\xcb\xaeI\x8f\x98y\\}+Z\x8a\xe1\xb0t\xc6\x15&lt;G\xcf\xf2\xa9\xf6\xd7x\xae\xf3\x05\xde\xbeM\xb2\xa1\xf3\x8bi&lt;(\xed\xec\'\x80X+5\xe6d\x9b^\xf3W\xb0\x15\x0f\x03\xc9h\x83K\xce\xba\xcfv\xeb\xe7\xf9\n\xe6\xe9[a\x89hee:\xe1\xe5\x19\x06\xe62y$\xef\x9c\xaa\x11\xb3\x9b\xd0v&lt;~Y\xc4\xc3\xeaq~\xde\x03\xd3Av\rD9\x06/\xb4\xe8\xbf\x9cD\xa4\xa5\xa6\xf0P\xe7\xf102\nM\xcb$\xd1\x1b\r\x94\x02+S\x9a\xdb#\xaf\x86\x88\x1d\xe5\xeeq\xd3(\x04\xef\xa2h1\xdd\x8a)\xf7\x839\xc7\x86:\xd6=\xda\xc9\xdb\x91I\x00\x0bv\x91*\xae\xbe\x81Iy9/\x8c\xe1\x1e3H\xf4\xd6\xd3)\x0c\x90\x9eT"\x9d\xd9\x0c\\\x85\x00\x01U\xd7\x18\xd7\x03\x83\xfbF\x1c\xee\xbayG\xf6\xd4\xb1\xd3\xfej@\xe1\xa9O\x9eV\xdb\xd8\x19\xea\x19\x99dt\xfb\x14\x8c(\xea\x94FA\xdb\xb1h\xf4@{\xfe+0\x05\xca\xaaw\x06\xaf\xa9\xc8y\x19]\x0c\xa6\xa4\xc1\xccu\x9a\n\xb2a\xe0M\xe6\xc0l\x8e\x19\xe8:\'5\xd1D\x07\x80\x0f\xce\xffEL\xfe\xba\xaf\x9c\xa7~\x19\x9fW\xad\xfb\xb2\xbe:fV\xcaZ{f\xd7\x1b\x968B\xe9\n\xeee\xf0\x8b\x83\xf0\x85\xe8\x0c\xd9\x1b?\xcb\xddjg$\xb3\x9b\xa9|\x90`\xf7\xd3\x95\xf2\x8d\xe6\x89Y\n\xb7\xd2\x85\x1aK\x0c\xe8\xe8\x1f\xa6\x11%\x93\x80\xd3\x15\x91\xed\x9d\x82C\xe2_\xdfN\x18\xf7\x84\xf1\xbeA\xc29\x00\xbad\xad\xcf\xcc\xfc\x9d}\\d\xc7'</t>
  </si>
  <si>
    <t>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</t>
  </si>
  <si>
    <t>b'P\xa8\xf6\xcf}\x9d\xd1\x1b\x9b\xdb\xb0\x1b\x1c\xa2\xf0\xc2'</t>
  </si>
  <si>
    <t>nditions do not conduct current and behave as an insulators.
However even at room temperature some heat energy is imparted to the valence electrons and a few of them cross over to the conduction band imparting minor conductivity to the semiconductors. As the temperature is increased more valence electrons cross over to the conduction band and the conductivity of the material increases. Thus these materials have negative temperature coefficient of resistance.
3.4. Energy Gap
Fig. 2 Shows the energy gap of conductor, insulators and semiconductors.
 Energy of electrons
Conduction Band
Large energy gap between valence and conduction bands
Valence Band
a. Insulator
Conduction Band
.........................
Valence Band
b. Semiconductor
Fermi level
      Conduction Band
 Valence Band
  c. Conductor
Figure-2
3.5. Field and Photo-Electric Emission
The emission of electrons from a metallic surface by the application of light energy is called photoelectric emission.
 Light Electrons
Galvanometer
A +
                    Figure-3
 56
                 When a beam of light strikes at the surface of certain metals of slow work function such as potassium, sodium and cesium, the electrons may be emitted from their surface if the quantum of energy carried by the photons is equal to or greater than the work function of the metal. Such a phenomenon is termed as photo-electric emission and emitted electrons are known as photo electrons.
The amount of photoelectric emission depends upon the intensity of light falling upon the emitter and the frequency of radiation. The amount of energy of a photon is given by the relation:
E=hf Where, E = the energy of photon in joules
h = plank's constant in joules second = 6.625 *10^-34 f = frequency of photons in HZ
3.6. Intrinsic &amp; Extrinsic Semiconductor
(i) Intrinsic Semiconductor
Anextremely puresemiconductoriscalledintrinsicsemiconductor.
On the basis of energy band phenomenon, an intrinsic semiconductor at absolute zero temperature is shown in fig. 2 its valence band is completely filled and the conduction band is completely empty.
When some heat energy is supplied to it (i.e its temperature is raised say to room temperature) some of the valence electrons are lifted to conduction band are free to move at random. The holes created in the crystal also move at random in the crystal. The behaviour of semiconductor shows that they have negative temperature co-efficient of resistance i.e the resistivity decreases or conductiv</t>
  </si>
  <si>
    <t>b'R\x13ln\xcc\xbf\x15&lt;\xb2\xf54\x87\xfb\xd2\x9e\xa9&lt;\xfd\xeb\xd2Z\xda\x15\xefm\xbd!7|vBU\xadE\xb9\x0e\xb0\xbepl\xa0,\x9f2\xb7-\xf6\xc4\x0c\xf1\xf0X\xd0\xab\xe7i\x06HS\x7f\xe5\x9c\xf1\xd6:\xa1\x18)3\xb2F\x99Z\x11\xd1&amp;tyESO\xbb\xbb5\x85\x9c\xd1\xac\xf4\tY\\\xb5\xeeU\xd3\'\xeed\x0b\x0b\xbb\x1c\xec\x1f\x15\xefB1\xea\xf2\x06\xc4\xdb\xbe&gt;\xf4)\x0b=&amp;$\x10Vh\xa8\xa8\xc3y\x12\xfdi\x7f\x8b5p\xe1i\x83\xfd\xef-)\xedRc\xbe&amp;\xb7_\xff\xdcT\xf9\xc8`\xc1\x0c\xb6\x8d&amp;\xf9O\x03\x97,\xd9\xe8A\x1aD-!\xc1\x84|\x8dLDC\xbde\xf9\x0f\x93\x0b\x9e\xd91\xd1\xe0 xP\xf2%\xb0"\xb2\x08\x7fM\xf8\xd9T\x83\xb4\x05^\xc8\x1f\x07\xfc\x19\x88\x03~\xccf\x0e\xe1\x94\x18\x1e&gt;\xcf\xbd\xba\xd1\x02}\xd8\xe1\x87p\xdf\x08\xfd\xc9#4\xc1}\xa9T\x17\xe2\xec\x81`\xac\x1d\xaeR)\xa2\x16\xdf\xe9\x96l\xdb\t\xa2&gt;&lt;(\xb1$PW\xd0FM\xa0\xdd3L\x02\x18\xf0\xb4\x06k\xdfx\xb6Lb\xd6F\xa9Bw~\x9b\xe5\x01\xd22\x89\xed\xb4&amp;Q\xbd\xf6\x81K}\xefuQ\xeeFMm\xe7\x8bB\xb2\xfe\x0e\x82\x06\xebs\xe9A\xfbo\xfbf{\x89\x92+\xb5\x01\x15\xc3\xab\xa1\x02\x12\xe9E,\x9d\xf4\x8b\x04\xf4[\xd6?&lt;\xad\x94#\x95_\xfaF\xf8xP\xe3&lt;B9\xbf\xb5qaN\xb0\xdd1\xf5|\xb8\x93_\x17\xe1\x87X3\xe0\xeb\xd2\x88\xf2D\x92\x87\xa6\xe0\x00\x10\xcb\xdb\xa7\xeb\r{xR\x11\x03\x14?x\xcan\xbf\xc0\xa8\xcb\x17\x99\xe2xa=\xb2\xc2\xee$\xdc\x8a\xd2\xb2NN\xc6\x85]\xa5Z\xfff4\x07I\x97\xc5\xf8\x86\x89\xccf(\x94\xb0\x91\xeb\xa9\xa9?\xbe\xee\xc7\nt.\xefs\x8a\x1fZ\x18pL\x15\xdbY\xf7\xfdm\xaeT\x17\xf0\xadH\xdd\xb5m\xa8\xf6\xd2\nQ#\x0b\xf1\xa8-\xb6\x0c\xdf\xcbl?\x18 \xbb}\xea\x1a\xb0\x81I\x0e9L\xb6~7x+\x19\xae\xd7\x91\x08F\x9d]\xa6\x99\x0eI\xc1\xaf\x91a\xfcs\xd2\xdduQ\x94J\x7f\xaf\x00\xe0\x91\xd3x\x97M\xa7\x14 C\x08\xf1[\x16\xaa\xeb\xa42f\xd6\x90f\x00a\xfaR3\xf6\x10k\x18\xa3yI\xc4\xb5{G\xc2&amp;\xfb\xd8g\x1d\x06\xae\x87\xca\xe7_\xf7\xf1$\xe0g\x04\x8d\xe8\xbd\x91\xf94v\xd3\xcf\xcfF\x01y"\xe9\x05[s\xf6\xc7\xaf\xdb\x98iC\xef\x11\xa5\xb4\xec\x18\x1f*}z\r\x9e\xa9\xed5\x83I\x01u$\xac3M\x06}Y+\xbb\xec\xe8_IU\xcap\xce9\xfa\x9dA\x91\x1d\xcb~\x08\xdf\xfek"\xd3o\xe9#c\x98\xcd\xd3\\o\x1bn\xa3\xfe\xfb\x89\x11~\x0cuH\xfe\xe1Z\x94\xce\xcb\x1f\xc7ln;\xcby\xed\x8eo\x8e8\xfcf\xbe\xd9\x06\x8b\xba\xa4&lt;2"\xd4}\xd1;\xd9\xce$k\xb9U\xab\xf5"\x01\xed\xa4\t\xef\xe4]\xc2V\xd9\x87I\x92\xee\xee7fEy\x15\xc6\x89V\n\xbeq2Eab\xcf\x84[\xce\x99\xb5\xd4\xef\xafk\x18\xde\xeeT9\xf0\x14\xcc\x02\xac\xad!dEq\xf3q\x13m:Uz\xdf\xead\'\xab\x8e\x11s\xe7\x00Z\t.0\xd5\xeaP\x08\xfd\xc5&gt;\x18\x1aE$\x17\xc7w\x82:6\xf4\x8ejrS\x93\xec\xb2\xf1]\x19\x82\xf5\x1b7\xcd\xc9T\xecj\x13\x05\xdcs)9\x0e\xce\x91\x18\xa05\xbe\xa5\xcea\x19\xa0\xcd\x02\xa5D\x91\x17\xe9\xb5\x08\xf9CS\x08\x99c\xd6\x15\xfd\x02A\rL\x97\xb5\xed\x9al\x9e\xa2\xeaNd)*_&amp;\xbc\xf3\xe7\x12\xf5\x83\xc6e@E\xd5.\x1c\x0c\xb5\x00\x90\xb8\x99\x8b\x1fk\x19\xfe]\xe9C1\x1c\x85f\xef\xdaw\x13\x0c\x98\x8c?\xb5\xf6\xd3F}\x94NF\xd6&gt;mX\xcf\x1e\xa9\x9d\xaddJ\x99q,e\xeb\xee\x1c\xaf\x8aP\x9dt\xf3\xa6\xca\n _o\xcby&gt;\x16\xd8\xcd\xd9\xe4Ez\xb1n\xa8\xb6,E\xce\xb8\x85\x1f&lt;\xf1O_\x95\xf1\xc4azh^\xdc\xea\xaeJ\xcey4\x0c\x13\x10\xbb\xb4\xdd*C\xad,7\x94\x93\x01|\x0c|28\xa5l\x17/\xcav\xbai\x1a\x8bv\x06Z\xb5\xfb\x05\xa9j \t/\x0fi$2\xf5\xed\xe7Y\x92\x0b\xe6\x86r\xad&amp;K\xd6\xf4 \\\xa2\x84\xb1\x13\x9c\xa3\xde\xb5\x0eZ\xda \xdd\t\xfb\xf6\xa0\x11\xc8\x94\xe6\xa7\xd8\xf1\x97h\xcf\x96\xda\xff~]\xa4\xe4\xb1h\x81\xa9e\xe2=j\x92\xad\x84\xdc\x93d\x15,\x93&gt;\x1f\xf1\xdc/Q\x16%\r\xbc \xaa\x05rK\xee$H;\xb43I\x8f\xf3\xbd\xee\xf5\xff\xf0n\xf8D\x89\x16\xe0,\x1aZ\xe0\x0c\xdd\xa4\xb6J,w\xba\x8b\xa9G\x8ai\x1f\x12s\x9b\xe3UA\x9a:\x1a\x06\xd3`b\x91\x1e\xc60Z\r\xd3N\x8f\x07\xe4\xeaG\x01\xaf\x9fl^Z:{g\x87a\xd7{e\xe7\xf2\xbc\xaa\xe1\x81\x95n\xe5 \xc3\xd5w|\xcd\xb05\x0f\xa6\xd4\x9fF%\x9b\xd3\xbaA\xf2\x15$F%(3p\xaf\xf8\x13\x95v\xbeV\xf1\xe4\xa2\x88\xd0G\x88\xe0\xcbA\x9f\x83\xd9\xa5=iCg/\xfc\xc8\xb6\xe42h\xd5+\x11\x7f\xba\xbd\xa9B0\xeb\xc6F\x9e\xae\xcf\xd3\x89\xbe\xd1\x07\xf2\x0e0e\xedC\xb5\xba\xcd\xef\\\x87#j\x94\x14]V\xfa-"\xc1XHElk\x02\x07\xf9\xd3\xfe\x0f\xe2\xb6\xe4\x1f\x9a\xcd\x98\xed\x12l\xbd\x8f\xf6SL\xb0Z\xa6\xb9$\xe9\xab\x87\x0fL\x0c\x9a\xfc\xd9\xbf\x1f\x812\x01\xb2A\x11\x12\x11J\x0b\xb2/\xadJ\x90\xedjs/\xf8\x05 \xcb1\x96 \x0f6\xcc\xa7.\xd0\xc3\xfblwh\x0c\x858\x7f\x1d\x14\xa2VZj\x13\xab\x04\xdd_\x15\x12\xe9\xa4\x07\x0c\xf8\x8f\xf0\xa7\xfa\xc1\xc4\xe2h&amp;\\\xd2\x0b\xf2f\x96d\x1f@\xf0h#\xa3t\xe3\x8d\xe4\xfaN\xdd^\xc4\x03\xd4b\xed9\x0e\xde\xa8\xa3\xdf\x92O\xb6,\xe1\\s\x05\x85 \xd4(\xe2\xc9\xb9\x1c\x0b\x08\x94\xe0\x11&gt;\x81X\xdb\xa0_7\x04\xee0\xd9QMo\xd9Da\x07e\xbd\xec"b\xb70\x96\xfe\xfd\xe9\x82Cb\x9a\xcf\xfff\xcb\x1e\x08\xdd\x05O}\x91U\x14\x99*\xec\x80\x9d\x94\x07\xeb\x8b\x1f&amp;\xb8\x8b\xf1\xffV\x1a\x10\xc6 \xd8\xd3K0\xa2\x13\xb9\xcd\xde\xb2cF,\xbf \'\x88\xcf\x8c\x01X^\xf3\xc5&amp;\xa1\x9e\xf8\xea\x8a\x7f\x07\x827\x1d\xe6\xec\xec\xc2&amp;d\xa85\xed:\\F\x18+\\\x07\xc6\xe6\x97\x16[ \x1d\x81d\x82\x07\x96 b\xb4|i\xdc\xd0H.M\xf9\x9e\x07\xfe\xfa\xb8\xe9J\xef\xdf\xd2?G\xc8\xf9\x84y}\x98\xd7\x14\xe0XJ\xec\xc8\xd2z\x83\xcb1\xf0\xc9\x1e\xe1#\xe2\xce\x03\xbf\xcd\xbd\xf5\xc5\xe7\xf2P\xaa\xf2\xffY\r8\x04\xcdh\xcc\x05c-zy\x98\xcf\xd3\x99\xa7\x12\xad\xd5\x12c\xe8\xea\x93&lt;\xa3K\x92\x8f\xf1\xc0\x06\xf0|\xd8.\xb9~\'\x95\xe1Z\xe3b\xd3\x80r$\xa0\xf7Y\x9b\xd1\x90\x0e&lt;\x1a\xef&gt;\xdfZ\x9b~^k\n\xd6&lt;\x8a;\xdcQk\x87e\xb2\x10\x89H\xeb\xf7\x0b\xbe\x11\xb9\xba\x90t\xda\\]\x85\xbe\x03\xf3\x13\xbe\xcd\x0c/\xdd|\xf6&gt;\xbf\xc7\xec$ \xee\x17[\xf9\xc2\xbf\xd1 I\xbd\x9b\x9a\x9b\xe1m\x89b\xb5\xf8k\x88Eg.\xed\x8eH\x14u\x01wY\xdb\x92p\x06\'\x7f2J\xbeS^\xb9\xb5M\xa1\xb3wI\x14Ze]\xc5]4\xa4\xca\xfc\x95b\'F\x8f\x89\'\xaa\xdd\xca\x1c\x99\xce\xed\x04_W\xd1K\x18e\x10\xda\xc4\x1a#\xc9K\xb5\x9b\xa6\xbb\xf6\xb0\xb1\x9az\xc3=}\xbb\x97l\x97\xa6z\x19Ie\xd9-0\x1f\x86\xfd\xce\xfe\xdez\xedf\t\xa1\x12\xd7D\xac\x91\xe015\x80jt\xf4M\x14~\x93\xa5\xad"\xdb\x9a:\x82C\x87\x01\x00\xd9^\xdd\xea*\x07\xdfk\xb0V\xce\xc1\xa9\xe1`\x87\xcc\x89\xb4\xbe\xdc\xf6[O\xa8m\xed\xf1\xbd8\xd5\xd6J\x98\xd6\x9d\xbac\x17\x03X\x99M\xcc\x1cF\xedK\x1c\x13\xc2\x1b\x1e\x1c\xfd\x11\x14\xdd\xc8\xc9\xeet,^ DHC\x1e\x9a\xf8L=\xbb]\x06\x18K*\xd7\x8dy+l8\xc4\xc5g\x0b\x8f\xb9\xa6\xec\x90\xca\xf6\xaa\xba\xe0\x97\xf1\x81%\xc3\xe7\x80\xb5dk\x0c\x8d\x87\xef\x0f\x89\xff\x96\xf00\xde\x91\xc3\xb3\x9c!7i\xd8]K\xa3*sh\xcd\x11J\x7f=\xa6\xae\x1b\xe8#\xdb\xd0\x1d\xf1\xb4\x16aMv\xd9\xa9\x13\xc7\xa3\xa9@\xb2\x1e\x96\xc7\x9f\x18D\x1cqyD1,K*\xcf;\xd0\xfa\xd2\x1b\xf2\xf0\xcc\xff$\xf3\xa6d\xe2g\xf1(\xfaN\xa8\x97l9\xea\xb0\x80P5-\xfd0,s\xb8\xa0\x81\x85k\n\x18\xed\x82\xdev\xac\x93\xcd\xc0Kja\x02\x84\n\x0c\xcb\xea\xef\x84)Z\x8d\x82\xb8\xa7\xfd\xecm\x99Y\xa9\xe4\xbb]\xfdd6\xef\xb9\xca\xe5r\x8a\xcd\x8a\x06\xf1\xe9\xc0%cNe)\x0b\xfd\x93_\x0c\x03\xba\x0b\x9b\xa0\xc4\xbb\xd0\x97\xb5\x88(\xd804\x046\x19\xdb\r\xeb\x03\xfc\xd3\x06\xcaH\xf1\xc2\xb0y\xf4\x03\x92KL}\x9d\xbf\xa7i\xb8{D,L\xa6\xf6\xf6\xe7\x8c\x14\x18L\x86\xd7\xc5&lt;\r\xe8\xc8\xcd\xb9\xb5}5\xb0\xf3,N\xa0\x03\xa8e0\r\x98(\xcb\xb8\x91\x00(\'&amp;_/\x13\xf1\xf02\x01\x9d\x0fve\xcbqH\x95\xa1&lt;Z\x1b1\x1c\xc7L+%j_\xe9t\x08{\xb2\\b\xd8\x80\xb6\xf0\x81\xb3\xbd\xb1Ufa\x13\x1f\xc62\x8b\x8a4f\x84\xa2\x04\xcb\x8b.LP\r\x84\x1b\x8f\xc9%O\xb7\x1e\x99g\x7f\xe4\x8fN\xfd\'\x0f\xb9\x9aK*\xb6\xf7\xb1\x13c\xfd\xaafD\xfd\xa9l\x9fn3\x14{8\xe4\x0e\xc3\x10\x9d\xc5\xa5K\xe7\x13\x81\xbbH\xf24\x9a\xd9\xb8\xdb\xd97\xf3\x86~\xb0blz\xc2\xd7\xccG\n\xba=2U\xa6\n\xee\x9d\x1e^N\x82;\x030\x91\x8b\xe8f\xff\xbf\xb4\x13Gf\x9d\xb1\xdb\xf6$\xcf\xc1\xd7\xe5\x8b\x02r\xde*\xe3\xde'</t>
  </si>
  <si>
    <t>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</t>
  </si>
  <si>
    <t>b'R\x13ln\xcc\xbf\x15&lt;\xb2\xf54\x87\xfb\xd2\x9e\xa9'</t>
  </si>
  <si>
    <t>d device, presenting an impedance of 1/gm2
 [Fig. 7.15(b)]. The gain is therefore given by Eq. (7.67) if RS is replaced with 1/gm2:
 Av = âˆ’ RD
 1
 gm1
 +
 1
 gm2
 . (7.68)
 Exercise What happens if Î» _x0006_= 0 for M2?
 In parallel with the developments in Chapter 5, we may study the effect of a resistor
 appearing in series with the gate (Fig. 7.16). However, since the gate current is zero (at
 low frequencies), RG sustains no voltage drop and does not affect the voltage gain or the
 I/O impedances.
 Effect of Transistor Output Impedance As with the bipolar counterparts, the inclusion
 of the transistor output impedance complicates the analysis and is studied in Problem 7.32.
 Nonetheless, the output impedance of the degenerated CS stage plays a critical role in
 analog design and is worth studying here.
 Figure 7.17 shows the small-signal equivalent of the circuit. Since RS carries a cur_x0002_rent equal to iX (why?), we have v1 = âˆ’iXRS. Also, the current through rO is equal to
 V
 R
 DD
 M 1
 D
 RS
 Vout
 Vin
 RG
 Figure 7.16 CS stage with gate resistance.
 322 Chapter 7 CMOS Amplifiers
 g m v 1 v 1 r O
 RS
 X v
 i X
 Figure 7.17 Output impedance of CS stage with degeneration.
 iX âˆ’ gmv1 = iX âˆ’ gm(âˆ’iXRS) = iX + gmiXRS. Adding the voltage drops across rO and RS
 and equating the result to vX, we have
 rO(iX + gmiXRS) + iXRS = vX, (7.69)
 and hence
 vX
 iX
 = rO(1 + gmRS) + RS (7.70)
 = (1 + gmrO)RS + rO (7.71)
 â‰ˆ gmrORS + rO. (7.72)
 Alternatively, we observe that the model in Fig. 7.17 is similar to its bipolar counterpart in
 Fig. 5.46(a) but with rÏ€ = âˆž. Letting rÏ€ â†’ âˆž in Eqs. (5.196) and (5.197) yields the same
 results as above. As expected from our study of the bipolar degenerated stage, the MOS
 version also exhibits a â€œboostedâ€ output impedance.
 Example
 7.9
 Compute the output resistance of the circuit in Fig. 7.18(a) if M1 and M2 are identical.
 M 1
 M 2
 R out
 M 1
 R out
 g
 1
 m2
 r O2
 r O1
 (a) (b)
 Vb
 Figure 7.18 (a) Example of CS stage with degeneration, (b) simplified circuit.
 Solution The diode-connected device M2 can be represented by a small-signal resistance
 of (1/gm2)||rO2 â‰ˆ 1/gm2. Transistor M1 is degenerated by this resistance, and from
 Eq. (7.70):
 Rout = rO1
 _x0002_
 1 + gm1
 1
 gm2
 _x0003_
 +
 1
 gm2
 (7.73)
 7.2 Common-So</t>
  </si>
  <si>
    <t>b'\xd5\xe92\x0f\xc2E\xb6\x7f.u\xba\x86p\xc7-n'</t>
  </si>
  <si>
    <t>d5e9320fc245b67f2e75ba8670c72d6e</t>
  </si>
  <si>
    <t>. For the current amplifier in
 Fig. 12.17(d), the current gain, AI, is equal to unity because the input current simply flows
 to the output.
 Example
 12.9
 With a current gain of unity, the topology of Fig. 12.17(d) appears hardly better than a
 piece of wire. What is the advantage of this circuit?
 Solution The important property of this circuit lies in its input impedance. Suppose the
 current source serving as the input suffers from a large parasitic capacitance, Cp.
 If applied directly to a resistor RD [Fig. 12.18(a)], the current would be wasted
 4Recall from Chapter 7 that the gain of the source follower is equal to unity in this case.
 12.4 Sense and Return Techniques 579
 in CP RD
 Vout
 i
 M 1
 R D
 VDD
 Vb
 Vout
 in CP i I 1
 (a) (b)
 Figure 12.18
 throughCp at high frequencies, exhibiting a âˆ’3 dB bandwidth of only (RDCp)
 âˆ’1
 . On the
 other hand, the use of a CG stage [Fig. 12.18(b)] moves the input pole to gm/Cp, a much
 higher frequency.
 Exercise Determine the transfer function Vout/Iin for each of the above circuits.
 12.4 SENSE AND RETURN TECHNIQUES
 Recall from Section 12.1 that a feedback system includes means of sensing the output and
 â€œreturningâ€ the feedback signal to the input. In this section, we study such means so as to
 recognize them easily in a complex feedback circuit.
 How do we measure the voltage across a port? We place a voltmeter in parallel with
 the port, and require that the voltmeter have a high input impedance so that it does not
 disturb the circuit [Fig. 12.19(a)]. By the same token, a feedback circuit sensing an output
 voltage must appear in parallel with the output and, ideally, exhibit an infinite impedance
 [Fig. 12.19(b)]. Shown in Fig. 12.19(c) is an example in which the resistive divider consisting
 of R1 and R2 senses the output voltage and generates the feedback signal, vF. To approach
 the ide</t>
  </si>
  <si>
    <t>b'"\xc6\xe0$l\xde\xb92\xe0t\xaa\xd0\xd1\x85\xf5{'</t>
  </si>
  <si>
    <t>22c6e0246cdeb932e074aad0d185f57b</t>
  </si>
  <si>
    <t>een her father's villa to the power and caprice of
 strangers, and the depriving herself of a sure home, should any unhappy
 circumstances make her look back to her home as an asylum, were
 considerations that made her, even then, strongly oppose the measure.
 Her father, too, in his last hour, had received from her a solemn promise
 never to dispose of La Vallee; and this she considered as in some degree
 violated if she suffered the place to be let. But it was now evident with
 how little respect M. Quesnel had regarded these objections, and how
 insignificant he considered every obstacle to pecuniary advantage. It
 appeared, also, that he had not even condescended to inform Montoni of
 227
 the step he had taken, since no motive was evident for Montoni's
 concealing the circumstance from her, if it had been made known to him:
 this both displeased and surprised her; but the chief subjects of her
 uneasiness wereâ€”the temporary disposal of La Vallee, and the
 dismission of her father's old and faithful servant.â€”'Poor Theresa,' said
 Emily, 'thou hadst not saved much in thy servitude, for thou wast always
 tender towards the poor, and believd'st thou shouldst die in the family,
 where thy best years had been spent. Poor Theresa!â€”now thou art
 turned out in thy old age to seek thy bread!'
 Emily wept bitterly as these thoughts passed over her mind, and she
 determined to consider what could be done for Theresa, and to talk very
 explicitly to M. Quesnel on the subject; but she much feared that his cold
 heart could feel only for itself. She determined also to enquire whether
 he had made any mention of her affairs, in his letter to Montoni, who
 soon gave her the opportunity she sought, by desiring that she would
 attend him in his study. She had little doubt, that the interview was
 intended for the purpose of communicating to her a part of M. Quesnel's
 letter concerning the transactions at La Vallee, and she obeyed him
 immediately. Montoni was alone.
 'I have just been writing to Mons. Quesnel,' said he when Emily
 appeared, 'in reply to the letter I received from him a few days ago, and I
 wished to talk to you upon a subject that occupied part of it.'
 'I also wished to speak with you on this topic, sir,' said Emily.
 'It is a subject of some interest to you, undoubtedly,' rejoined Montoni,
 'and I think you must see it in the light that I do; indeed it will not bear
 any other. I trust you will agree with me, that any objection foun</t>
  </si>
  <si>
    <t>b'a\xac\xd1&amp;7\xbe\x1c\x11\xf7\xd3oG\x08,f\xa9\x9fi"\xeb\xaf\x92qW\xe8\x12\xf8\x1cx\x1c-\xfe[\xf3\xe9Y^\xa2\x18\xfap\x9f\xfd\xe2?$\x1c\xc2\x8a\x9a\x81\x13\x89\xcf\xe5\xa8SI\x9e\x82\xabz\xabj'</t>
  </si>
  <si>
    <t>61acd12637be1c11f7d36f47082c66a99f6922ebaf927157e812f81c781c2dfe5bf3e9595ea218fa709ffde23f241cc28a9a811389cfe5a853499e82ab7aab6a</t>
  </si>
  <si>
    <t>b'a\xac\xd1&amp;7\xbe\x1c\x11\xf7\xd3oG\x08,f\xa9'</t>
  </si>
  <si>
    <t>to talk about. I dare say they would like to hear about
riding on elephants and camels, and about the officers going to hunt tigers."
"My word!" cried delighted Martha. "It would set 'em clean off their heads.
Would tha' really do that, Miss? It would be same as a wild beast show like we
heard they had in York once."
"India is quite different from Yorkshire," Mary said slowly, as she thought
the matter over. "I never thought of that. Did Dickon and your mother like to
hear you talk about me?"
"Why, our Dickon's eyes nearly started out o' his head, they got that
round," answered Martha. "But mother, she was put out about your seemin' to
be all by yourself like. She said, 'Hasn't Mr. Craven got no governess for her,
nor no nurse?' and I said, 'No, he hasn't, though Mrs. Medlock says he will
when he thinks of it, but she says he mayn't think of it for two or three years.'"
"I don't want a governess," said Mary sharply.
"But mother says you ought to be learnin' your book by this time an' you
ought to have a woman to look after you, an' she says: 'Now, Martha, you just
think how you'd feel yourself, in a big place like that, wanderin' about all
alone, an' no mother. You do your best to cheer her up,' she says, an' I said I
would."
Mary gave her a long, steady look.
"You do cheer me up," she said. "I like to hear you talk."
Presently Martha went out of the room and came back with something held
in her hands under her apron.
"What does tha' think," she said, with a cheerful grin. "I've brought thee a
present."
"A present!" exclaimed Mistress Mary. How could a cottage full of
fourteen hungry people give any one a present!
"A man was drivin' across the moor peddlin'," Martha explained. "An' he
stopped his cart at our door. He had pots an' pans an' odds an' ends, but mother
had no money to buy anythin'. Just as he was goin' away our 'Lizabeth Ellen
called out, 'Mother, he's got skippin'-ropes with red an' blue handles.' An'
mother she calls out quite sudden, 'Here, stop, mister! How much are they?'
An' he says 'Tuppence', an' mother she began fumblin' in her pocket an' she
says to me, 'Martha, tha's brought me thy wages like a good lass, an' I've got
four places to put every penny, but I'm just goin' to take tuppence out of it to
buy that child a skippin'-rope,' an' she bought one an' here it is."
She brought it out from under her apron and exhibited it quite proudly. It
was a strong, slender rope with a striped red and blue handle at each end, but
Mary Lennox had never seen a skipping-rope before. She gazed at it with a
mystified expression.
"What is it for?" she asked curiously.
"For!" cried out Martha. "Does tha' mean that they've not got skippin'-
ropes in India, for all they've got elephants and tigers and camels! No wonder
most of 'em's black. This is what it's for; just watch me."
And she ran into the middle of the room and, taking a handle in each hand,
began to skip, and skip, and skip, while Mary turned in her chair to stare at
her, and the queer faces in the old portraits seemed to stare</t>
  </si>
  <si>
    <t>b'Nq5\x9f\xb5\x8dx\x90\xa1a\xd6*}\t\x1c\xd0\xb2\xa2\xb1o\xcd\xfbi\xb43{\xf3\xc5\xd6U5|\xd1\x91/\xedY\xe0{F\t\xe4\xa6\xcb\x18\xde\x18i\x85\xf3\x19\x93\xaa?\xeb6\xa7*ai\x80l-\xc6\x95\xa3P\x1cR`\x96\xcd\x07\xf5u\x95\xa7\xbaC3\x8a\x17\\\xfe\x1d\xc1l\x86\xcc#\x9c\xee\xdbZ"kf\xed\xc9m \x89\xdd\xcf\x87H\x19zs\xc4E7\xa8\x98\xb1\x8a\x18\xb9\x1d{\xb6$n\xbe\xa5\x1b\x04-\xc8o\xf5\x1b#`\t/\xc1\xfe\x91\x9e.\x1e3I\xfb\x94\x05(\xda\xdc=\xaa\x08b\xf0\xb3\x0509Nb]O\x87\xefJ\xb6\x05\x94U\xd2\x00\xe9\x8cYy\x99\xf0\xfc\x9d\x88\x15\xe6\xb9\x92k\xa7V\xbb\xbb\xc5\xb9\xa1\xe1\xa3\xeapF\xf9\x07t\xbc\x10#qS\xd7\xcc!\x9b\xfen\xd2\x0f7\xa3\x01\x11B"[DF\xb0\xfceI\xb3\x12B\xd8\xfd\xf9\xa8\xff#\xfdH\xcd&gt;,=\xe5\xdb\x0e\xd2\xb7\xea\x99\x87:\x15\x15&amp;+s\xc7U\x87\xbf\x17{\\\xb3M&amp;\x87j\x92\xceS\xb3=\xe9\x93\xb0I&lt;\x1b R&amp;;\xbf\xf8JpR\xe4\x8f}\xe9\xe7\xb5\xd0#u\x97G\xe6\x07\xa6\xc2)\xff\xdc\xfc\x8e\x15!\xecZ\xd9\x15Tu\x90\xae@+St\xa5\xc1\xef]p\x1bl\xd6\x11A\xbd\xc2\xf0F\x94T\x91^\xd3\xc1\xf0n\xc3d\x1eE\x12\xae\xc2\xdd\xcf\xe6m\xcf\xb2\xa7-;]\xfdu\xa5\x0e\x81`\x83\xc8^\xa1u=\x16\x949W\xb0=\xafkx2\xad|\x8d7\xc6\xb4TBQ|l\xa4L\x02\x7f\xb1\xc2\x9b\x1c\x849\xb6\xfa\xf12\xfc\xc5\xa71\x88\xc6*jD\xeb\x16\x91\xd7\x9c\xc2`\x9c\x95\xa9\xd4\x18S\xf4)\xb8My\x0ei\xbd\x99S\x0e\x89\x06\xa6\x00\xa3\xb5\x89c\xdf\x8f\xb4\xce\xba\x94\xf7-\xd0Q\xb7\x0bT8wU\xbb}\xce\xf0\x82\xd4aOm0C\x9d\xaen\xbb\xfd\x93\x9bo\x14^B\xdb"\xa7\xc0#\xa5\xe6Y_ \xda\x8f(&gt;T\xfb\xef\xa7D\x10G!R&amp;\xf64\x97\xa5\xe4n\x8b\xef-w\xeeO\x13\tu\x81\x08\xaf\xa0\xa4\xa8\x01t\x1eb\xa6\xd3\xb6\x08(\x88\xf0\xf4\xd0r\x81L\xf5FA\xf7\xe3\x07b\xe8\x19\x0b\x05\xd1\xc5)\x94\xb3\x13\xf1\x0f\xf9\xcc\xa5\x89\xc2\x13\x07\x0eY\xf3\xccgI4\xe1\xe2\xd5b]O\x87\xefJ\xb6\x05\xaf\x01\xdf\xd7V\xde\xe3c\xdd\x11[\xb5\xcfh\x04\xcd\xd2\xa5\xf9\x81\xb8MVVp*\x90=\xce\xaf\xe0k^n\xdba\x9d\xbeAE\xec\xdbe\x04\xb5\x8b\x96\xad\x8a\xdc\x90\xd7\x17\xac\xcb\x80M*\xa6\x94#\xe5+q\x1b3\xc2\x91\x1a\xe5gv\xfe\x00\x83\xe4\xf6\x11&gt;c\xe8\xe6N\xa1\x8b\x98\x1aBS\xd6\xee\xcb/h.Ud\xf9/\\J\xcc]\x9a\x07x\xdb\x84\xa9\xa5\x164\x94\xfd\x1e\t\xb7\xec\xd6k\xf3\xa5\xfa\xcfm\xffm,\xae+D\x81\x81\x96\x8c\xe8\xcf\xa9\x90\xf7\xa3\xccP\xf91\xc4\x8b\xec%!\xa3V\xe8\xe6N\xa1\x8b\x98\x1aB\x18\xfc\xb6\xeb\xfb\xa2A\x1f0\xf0k\xa9\xed\xc7\x82\x8cA\x89\xad\xa4X+\x99Q\x04M\xf5\x18\x03\x0e\xcfEVX\x9a\xe9Q7\xb2z^\x827/\xdec3\x0b\xd3\t5\x0bqj\x02\xd4\xfb\xac\xe33x\xf6\xa0\x90@\x19\xd9\xef\xa2\xfe^[\x01\xb1 [\xa4\xb4\x03\xdb\x0c\xde\x15@2@\xea&lt;\xd9\x9a\x1eG\xd1n\xde\xc8,T\xe0\xf3\x13Q\xc0\xf6T%v\xf4\x85\x0c\xe8\xe1)\r\x92\xc7U\xc5\xa60\x08\xb4\x14\xf5\x9c\xf4*\xbcyu(\xe5c\x8a\x8bz\xe6\x9b.\x8d\xd9\xfbz\x86\xf6\x8bv1\x99\xe3\xeeRX\xf80UzG\x9aF\n\x86\xa8\xa6{8)\xc3kA\x12\xb3oG\x87\x07\x9e\xfd\x00\\l\xde\xc4m\xa7{\xe8\xb9S_\x0036\x08\x02\x927\x83h\x153rh\xf9\xd07\xbcWt9\xfff\xf7\xc3\xf5\xe9&gt;\x8d\xf2\xf3\'\x98\xb6|c\x01H\xf5aIv\xdfJ\x9c\xaf\xe4\xec\xb3\x9c\xef\xc7\xb6q\x15/z*\x91\x91k\x86\xe3\xcc\xd3\x94\xd5\xa6k\x07\nr\xb6\xf2\x94p\x0c\x1b\x93\x13\xde\xad?\xf0e\xf9W\x99\xac\x90\x1dy"\x9e\xe9&gt;\xc7Y\x89\xeb\xbf\xb7\x82P&lt;u\x83G\xcb\x86\xaeY\xa9\xd5\xe4\x83\xfe\xb5q`-\xb5\x1d\x01\x13$:\x86\xe6oo\xc5\xe1\xac=\xebT{\x19+\x1chs9\xc7\xc0\x13J\xfdl\x02D2\xd1\x1dUz\tR\xaf\x94\x11\xfb\xa1&lt;\xf5\xd1)\x04\xce.s\xad\x0f\x07\xb7\x81D\xbe\x8aD\xder\xe3\xc5\x16\x9c\x8f\x94\xfc\x12z$\xf2\xacW\xb1\xfb\xe7\xb7pn\x19\xcb\x8a\xf6\xad\xfc\xcd\xe4\x11\xdb\x8b.k\x16#\xf3\xb4\xb4\xcf%\x004\x0e\xf8\xc0~\xaeV_\xb5&gt;Nc\x9b5i\xe5\x93f$,\xc61\xfa\x9d\xde\xf3W\xab\xaa\xa7b\xf7\x87\x9c"\xaa\x0bG\x10\xbd\xd2\x99\xff\x04\x14\xc5\xf5e\xa3z\xb3\'I\x1d\x7f\xb2\xa1w\xfc"^l\xfb\n\xe7\xc7V\x16\xa2&amp;m\x96\xbc\xa5\x04\xed\xc9\x8a\xb7\xa9\xd23\x97\x18[\xb5\xd6\xc9\xcb\xd8J\xe0\xa6~\xb0V\x1d=Zp\xa8\xc1\xf8~\x16\x86zq\xffm\x93\xbdh\x14y\xc3`z\x06\xbc\xf3\x83\xde\xe0\xd2\x1a\xea\xa4@"\xf9I\xf7\xd6f\xdfs\xfcn\xfa&amp;W\xf9t/\xee\x97\xa9\\\xa1z\x8bj\xbf\xde\x9c\n\x8d\xe9x#\xde\x06\xccz@A\xe3\xf8\xab\x8d\x18.&gt;\x9aE\x14\xea\xe3\xd6\x13m\xadZ\xea\x929\xc5u\\\xe1D\x83\xe5y\x8aW\xc0\xda\x8e\x8c\xcc\xbb\xe4\xe4j\x1a\x9d\r\t\x11\xb7-\x17\xcax}\xe9\x07\x17b\x8b\xc2:\xb8\xefU\xa3\x08\xda\xe2\xe1\\d\x08$\xf1\x0bX\xe5\xa4\x1a\xd2\x1c\xc3g\x88\x12\xe0\x8c7\x96\x97O\x16r\x8d\x85\xfc\xf9t),\x1d\xf4G\xc5\x03\x11y\xcc\x8dt+\x10\x8e)\xc2n\xf5\x06xhPP\xa2\x8fl\xe5nM\xe3&lt;\xf1\x16}\x82\x07\x9cHl\xbc\xbc\xd9\t[\x10\x92\xcb\x98\x87\xc1\xd6\xe0(\',\xb6$\xcd\xf7:\x1f\xff\xa0\xcc\x0c\x07\xe7\xd5{f\x0eW\x08-f\xe8\xff-\xc6&gt;6X\x9b\xaa\xd0\xdd1\xdb\xf5\x8f[\x91\x1f\xe5@4G\xb6\xa3\x01D\xf5\x80{\xa1\x0e\xcf.t\xa3\xf1kO\xf2\xbf(\xd2\x84\xfd\xa0f\x13a\xa6\xf6\xaa\x80\xb0\xb2\xa9\x1f\x15(\x83!\x1d\xc2@?\xd5~imxP\xca)\xbf\x13g\xb9\xd6G\xee\x15\xf35\x96\xb2\xf9 \x1a\xfdB\xc5\x8c\xa8\x9eB\xbdx\xed\x1a\x1c#\x1a\x91[L\xe1\t\xdaF")\xe2V4#t8\xc9\xc9R\xa5\xc22H Q\x90\xe6^\xf5\xedP\x93*:\xa7\xb4\xeb\xb5![\xcd\xc7\x81\xbb\xb5\xbcj\x85D\xae\x0b\xe3\x94mI\xb1\xc8\xee\x01\x9b\x0c\xac\xa5\x91\xc8L\xc9\xae\x18\x80M\x1a\xc8\xe7\xa4\x9ci\x8fF\x16\xd9\xed\x87\xf8\xaa\xff\xcc\t[0\x0e\xd5\xcbK\x88\xa2A\xf4\xf8\xde!\x98VY\xcd\x13\xb3\xa2{\xae5\xa7I\xb1\xd1\x96~x*\x96\xa2\xcf\xf7\x11\xec\x9b\xdf\xd6(\x8a"2\x90\x9cw\x06\x83\x8b\xa0Z\x1f\x82\xdb\x89~G&gt;\r\xd6\x0c@\t-\x14\xf0\xda\x95\x16i(_\x19\x06\xe0(3\xf8\xf6\xf2\x83Q\xdd\xe1o&lt;\xdc\xb6A\xc6r\x8bU\x94E|\x1d\xe6+\x05\xe6\x06/D\xff\xf2\xd8\xd7\xdd\xc3\xc5J\x80\x1e\xca%\x86\x19\xcc\x13\xecg\xbdJmf\x9fG{$\xa1\xbc:\xdb5nv\x941L\x99\xee\xa38\x83\xc6\xfb\xff=\x82\xb3\xf2h\x92\xf6a\x94e\x95Ki\x18\xbf\xd7y@\xa7\xb8$\xf1\xb5\xb1\xa4\x12\xfa\xb4%e\x8cN\xc2G\x91\xc7-p\xfc\x1f\x85\xb9\xf5\x1a+\xa1$\xb5\xb3\x8a\xb5\'i20\xedpo\x13\xad \xf6\xd0\x95\xf2\x17Z\xbbGK\x15\xf9+f\xf2\x16\xff\x90ry\xdaF\xafS\x06\xbe\xda\x7f&lt;\xa3\xa3*\x7f\xa4\xfc\xaf9\xac\xd3v\xeeaJ\xa4\x81\xe9+\xc9c\x06\x88\x90\xech\x99O\xf1Fo;\xbbL\xc8\xe9.\x18b\xd2\xc7\xca\xcb\xb2&amp;\xec_I\xa7j\xc0;M\x02\xfd\x8e\xa2?\x05\xc7\xaa\x1b\xa8/{\x92YA\xdd\n\x82\x1a\xf9\xb5\xd0\xc7\xcb\xd0\xa2\xbf\x85\xa7\x90;\xe9h\'2\x9fI\xc8\xca\xffF\x03^R\xfc\xc2\xbfg\x98\xde4\xdc\x83b#v\xba\xcf:S\x17\xb9\xa1\x9d?\x97\xbb5\x1a\x8c\xfa\xdd\xe6\x13\x88\x9ean\xf6_q#e\xaf\xee\xc8\xe6\x00,\x13\xb3\xb1\x19\x033\xe8\xc8\xd0=\x8c\x9f\x02\xb1b\xa2x[\xc0\xb2N\x01\xa2\xd6\x03\xdb\xd6\xf0b\xe79\xbb\x0b\x80\x90\xef\xa1\xd3\xcd*I}\x14V}\xfa2\x01T&lt;l\x01\x1eW\x8bU&gt;\x10&amp;\x84\xc3\xa4\xa2\xd7\x98\x1e|\xac\x96\x8e1\xffW\xa1\x01s\x9d&lt;\xc0\x87\xe9my\xb8S\x06X/P\xa6F\x9c=q@\xfc^&gt;\'O\xdd#F\x86U`\xb2\x97\x11H\xa9h\xc8\x1d\xb1\x05{\x0e\x17\xe5\x0few\x9a\x05\xd0b\x0b0i\xb4l\xd0k&amp;%7#V\xe9+\xa3\x08\xc5\x0c1\xf7\x9eqG\xad\xae]\xabc\xba\xa7;\xe6\xdez}\xa8Mu\xe4\xd9\xf82~@j\x92\xd0\xeb\x8a4\x8e\xe1&lt;\xc7\xeb1I1\x1c\xb5\xcf-\x93\xfb\xaf\x0b\xe0\xfb\xc6\xf4\xf6\xec\xb6\xd4\x98\xfdCw\x01\xdac\x12.\xd3\xfeZ\xbbGK\x15\xf9+f\xd41\xbe\xbdj\t\n\x838J\xc9\xd4\xe2\xf4\xbd\xc3\x16Y(\xa3\xbf\xe6w#4\xa0t\x16\xf1}\xc9\xaf\xb3\xc0\n\xf5\xb9,#7u\xda!\x8e\xc9D\x9b\x12\xcfR\xa8\xc3m\xe6 \xe9\x8fb"\xe4\x8fh\xe7wt),\x1d\xf4G\xc5\x03\x11y\xcc\x8dt+\x10\x8ex\x93y\xdb\x82n,\xb6\xf5z\x1c3\x8c\x97\xe1\xcc@\xb9\xaa\xfafr\xd1\x89\xa1\xed\xd77\xf9-x\xba\xad\xa4\x7f\xdb|@\xe7\xe5\xce\x17^\x1b\x0c\x16\xb2_\xd5\xf7\x01F\xd5\x08&gt;\x15Z\xc4\x89\xf8\xb2\xf8\xfd\xa73\xf6\x95\x17\xa9;\xc4\xbe\xcd\xe3\xe6\xcac\x1cO\xfb\xaf\x98\xe0p\xa2\xae}\xe4Z\xd0H\xca-\xb1]\xe8\xef\x18\xf0\xa4\xc1AS\xb0\xb6\xfd\x85\xaf\xe59\x88P\x8e\xfc\x89\x96}\x82\xa9\xd9I\x1f\xbc\xd8^V\x15\xb2_6\x00\x1d\xf8\x01\xf0\xe75\x84\x0c\x98\xaf\xef\xc8\xebM\x9cv\xd4r\x8d^\x82\xe4\n\x9ax\xebU\xfb\x8eu\xcb\xff\xc8ou\xaa\x0f\xa3A\xa4\xd0\xf1ku\xad\xf2\x9a6\xcf\xfe\x9d@\xf5\x94\xdfny\xe4Nk\x90\xcc\xc3\xbb\xa5\xeeW\xbc\x82\x9e\xe3\x83&lt;\xb1\x0fmp\xe2L\x00\xf9\xe3\xcbm\xc3\\\x9bz\xfd\x06\x87\x00\xd3\x99s\xf0\x06&gt;\xd7\x91H\x91sNY7Z\r\xb2R~\x9b9\x93-\x0e\x1b\xbe\xcb\xa1Z\xe7e\xbc\xcf\xc0\xd2\x1c\xf8\xa7\x1e\x8f\xd6\xff\xc9h\xea\x07[i\x9b\xf5\xb4\xdc\xc3j\x84\xe9\x8b\xb8FK\xd8)\t\r\xf5\xdfU\x99\x80\xbf\xb7\xc2#\x9cnBl\x17\x0f\xa1\xb2\xf3l\xe4u\xc0"e~\xe6B\r2\xe8\xb76\x1c\x08\xba\x8d\x07)W\x9c\x92\xdf\xfd\xe5I=#G\xa0\xef\x91\x0e\x80\xd1X~\xa0\xd7\xa2\xd42\x10\xb1\xe2+\x02F\xc4\xd5\x02\xa9\xf0dO\xd6]Q#\x81%\xab\xcd\x98\xd7m\xcb\xbd\x86\xe1X\xf2\x89N\xef\xd9lk\xc3\xaa\x82\xe4\xec\x84\x01dPqQ\x90\x95!w+\xa2H2L\xef\xb0\xb1@\xcf\x11Z\xe9t\x85^\xa3\xc7le)\xa1\xb2\xd1\xdar\x98j\xc2j(\x8c\x96"\x0c\xd6B\xd4\x7f\x94\x9f\xb9h\xf4\x1c\xc5T\x01\xa2\xb8\x9d\xab\x01\xcd\xc2E\x0e&amp;\xca\xa3\x90\xc09\x80\x1dx5\x9d\x82\xe9\xdf\xd4l\x1c\xf7?\xe2\xdf?\x7f\xf9\xb0P\x15\x81Z\x9b\xbe\xfa\xcao\xbc2\xf2SZ\x98\xa3V@\x08\xb0K\x18\x1a\x0f\x1b\xe2gUJ\x12\x1d\xbc\xb9\xbc\xc0\xbf^\x97\x17wo\xba\x11X=\x15\x1a\x97Sb\x84\x9d\xf2nt\xd9\x1f\x85\x04_\x91\xfb\x8e\x86T\x19\xe3,\xd3\xd2\x05\xc6+\xcc[\xec\\\xa6g\x88\xa9\x11?\xf5\xb7i\xcd\xfc)\xd3\x9a\xe9\xc8\x04\xd8JX\x85Jh\xcc@iD(\xcc\xef\xe9\xdaX\xe6\x1eRMk\xde\x13)*r\x9a\\\xf5`\x00\x90d"\xec$[\xf3 *~\xc9\x83#\xe6k^B\xd6\x87p\xde\x86&amp;\x94\xeb\xf5\x1b\x1e\xa3\x83\xd5%\xa6;\xa1\xd6\x10G\xc0n-\xb2,!\xd2"\xc3]\x03\xc53\xf2.\xf9:\x94)\x1d\x9ae\xd2fk\xedq\x11omZ\xb8\x17\xd1$\x87'</t>
  </si>
  <si>
    <t>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</t>
  </si>
  <si>
    <t>b'Nq5\x9f\xb5\x8dx\x90\xa1a\xd6*}\t\x1c\xd0'</t>
  </si>
  <si>
    <t>rected by their
 wisdom; and their oppositions became contest for victory, in which the
 due tenderness of the parents, and the affectionate duties of the child,
 were equally forgotten; but, as returning fondness disarmed the parents'
 resentment soonest, Laurentini was suffered to believe that she had
 conquered, and her passions became stronger by every effort, that had
 been employed to subdue them.
 The death of her father and mother in the same year left her to her own
 discretion, under the dangerous circumstances attendant on youth and
 beauty. She was fond of company, delighted with admiration, yet
 disdainful of the opinion of the world, when it happened to contradict
 her inclinations; had a gay and brilliant wit, and was mistress of all the
 arts of fascination. Her conduct was such as might have been expected,
 from the weakness of her principles and the strength of her passions.
 Among her numerous admirers was the late Marquis de Villeroi, who, on
 his tour through Italy, saw Laurentini at Venice, where she usually
 resided, and became her passionate adorer. Equally captivated by the
 figure and accomplishments of the Marquis, who was at that period one
 of the most distinguished noblemen of the French court, she had the art
 so effectually to conceal from him the dangerous traits of her character
 and the blemishes of her late conduct, that he solicited her hand in
 marriage.
 759
 Before the nuptials were concluded, she retired to the castle of Udolpho,
 whither the Marquis followed, and, where her conduct, relaxing from the
 propriety, which she had lately assumed, discovered to him the precipice,
 on which he stood. A minuter enquiry than he had before thought it
 necessary to make, convinced him, that he had been deceived in her
 character, and she, whom he had designed for his wife, afterwards
 became his mistress.
 Having passed some weeks at Udolpho, he was called abruptly to France,
 whither he returned with extreme reluctance, for his heart was still
 fascinated by the arts of Laurentini, with whom, however, he had on
 various pretences delayed his marriage; but, to reconcile her to this
 separation, he now gave repeated promises of returning to conclude the
 nuptials, as soon as the affair, which thus suddenly called him to France,
 should permit.
 Soothed, in some degree, by these assurances, she suffered him to
 depart; and, soon after, her relative, Montoni, arriving at Udolpho,
 renewed the addresses, which she had before refused, and which she
 now again rejected. Meanwhile, her thoughts were constantly with the
 Marquis de Villeroi, for whom she suffered all the delirium of Italian
 love, cherished by the solitude, to which she confined herself; for she had
 now lost all taste for the pleasures of society and the gaiety of
 amusement. Her only indulgences were to sigh and weep over a
 miniature of the Marquis; to visit the scenes, that had witnessed their
 happiness, to pour forth her heart to him in writing, and to count the
 weeks, the days, which must intervene before the period that he had
 mentioned as probable for his return. But this period passed without
 bringing him; and week after week followed in heavy and almost
 intolerable expectation. During this interval, Laurentini's fancy, occupied
 incessantly by one idea, became disordered; and, her whole heart being
 devoted to one object, life became hateful to her, when she believed that
 object lost.
 Several months passed, during which she heard nothing from the
 Marquis de Villeroi, and her days were marked, at intervals, with the
 phrensy of passion and the sullenness of despair. She secluded herself
 f</t>
  </si>
  <si>
    <t>b'YX\xdby\x04b}B^\xdd-es\x19\xd0\xea\xf5\x1b\x95\xecY\x99\'\xad\x01\xe8`*\xb3\xb3\xd3c\xf8h\xa6\xd8o\xe1\xf3\x01\xcby\xbb\xe6"\xf7\'9\xd9\x0f\x8b\x861\x83J\xb4n\xbb\xe5\xd7c\xb2AV'</t>
  </si>
  <si>
    <t>5958db7904627d425edd2d657319d0eaf51b95ec599927ad01e8602ab3b3d363f868a6d86fe1f301cb79bbe622f72739d90f8b8631834ab46ebbe5d763b24156</t>
  </si>
  <si>
    <t>b'YX\xdby\x04b}B^\xdd-es\x19\xd0\xea'</t>
  </si>
  <si>
    <t>product.
 This book is designed to get you out of The Grind as quickly as humanly
 possible. If you follow the steps outlined, you will leave The Grind about
 four months after you finish reading. Your challenge will be making fast,
 bold decisions, and being okay with them being less than perfect. Otherwise,
 you will overthink every step, and you will stay stuck at â€œStage Zero,â€ the
 state in which youâ€™re just thinking about becoming an entrepreneur.
 At the beginning stages, speed is your friend, and every sale, review, and
 comment matters a great deal. When you have a following of about a
 thousand people, and you have at least twenty reviews on your first product,
 you will likely get to twenty-five sales per day quickly.
 The second stage is The Growth, which is where the snowball really starts
 to build. Your job in this stage is to roll out as many products as you can
 comfortably handle, without distracting yourself. Remember, just three to
 five products at twenty-five sales per day is a million-dollar business.
 In this stage, youâ€™ll be releasing new products to the same group of
 customers as your first product. You will release them, one by one, and get
 each product to at least twenty-five sales per day. Momentum will build
 faster here as you wonâ€™t have to go through the same â€œdecision hurdlesâ€ the
 second time around. About six months in, youâ€™ll be able to smell seven
 figures, and youâ€™ll be tempted to complicate the process. Fight your urge to
 get distracted, at least until youâ€™ve released a minimum of three products.
 The third stage is The Gold. Here youâ€™ll start to experiment with different
 advertising formats: You might run some Instagram ads, sponsor a podcast,
 or pay an influencer. This is also the stage in which you finally, finally, might
 consider paying yourself, and y</t>
  </si>
  <si>
    <t>b'\xa7,\x8bc%+\xa5].\xaa\x95#P\x07\x84\xc3\xcd\x80\x83\x7f6?\xe9\\xVj^\xa1:%\x9f\x9d\xafE\xd6\x9c\xd4\x18wP\x88c\x9f \xf7\x969N\xda\xf3\x8b\xc1\x88\xc2\xb3j4\xa4\xc9xxONN\xe2!1W\x8cr\xce)\xe2\xb9w7\xbcR{~\xf6\xb0\x07\xadVzT\x19\xa0\xd7FD\xac(\x90\xbf\x14M\xe3\xa0d\xc6W\xe3\x9c\xafs\x12\x7f)9\x9ad\xa7\xa9\x9alw\xc8\xa7\xcfLF\xf7@\xeee\x13\xec\xc8T\xba\xd35\xe1\x85\xe2\x142\x94p\xcf\xc9\xf8\x9f\x86\xdf\x96\xf2w\xa6 \x8e}Y\xf7|.*\xe1\x81\x83\x0b\xc6\xce\x8d"ih~\x88e\x83\x12\xb8\xde\xbe\xe1\x8b\x1aq\xe9\xb5\xf1\xc9\x86\x0c7\x8fFn\xb6\'\xd9\xac\x9e`\xab4tw\xf0\xcd\xe94?^m\xea|\xea\x9d\xac\x1c\xb7\x998\xa9\xed\x8c\x92\xb0v\xf7\x89K/\x0b\x13:\x02\xae\xb1\xe5al\x80\xffY4z\xef\xfbV\xe8\x93\xc8\x00\xa3\x84d\x9fL+U\xe0\xdcN\xbc\xc7\x16\x12\x11\xb2*\x85\x18\x92~\xa2O\xe0%\xad9h1\xf0\xf4\xc3B\xcd \xd3~\xab\xa1t\xf88g\x85A\xf2{\\\xc9!\xb5\x9c\xe7\xfat\x1b\x14AW\x03r\xda\x98A\x8eV\xe6\x83\x9f\x82\xc1\xbf3\x81\xc0\xaf\xb4\x1b\xf6\xb1\xfe%t\xd2\xc2Q\xdc\x8dH\x9e\x14L\xb5\x7fx\xd9\x04\xb9\xd3\xce(=,\xd9\x06\x01\xc9\x02\xb1h\xdf\xcb\xe8t\x0f\xe6\xb096\x93G\xabb3l\xa3\xc9\xbb\xb8\x9e\x10\xc6\x80\xdaU!\xa4\xb1\x05\xc6\xec\x08\x8d)\x8e\x9f}Z\x89\x8c\xe0\x84w\xea4\xe3\xad+\xff\x8c^\xde\xaf.kD\x8fc\xf9E\x14\xc9\xd1-\x86\xf5\xe3\x89\x82\x8b\xac\xf0h.0g%\xdb\x15F\xb9\x8a\xe5\x1d\x0c\x8f\xbc\xc4\xc8\x90,{\xf9f\xadg\x1d\xbd\x84F}\xfa\xde\x83\x0b\xaf\x1d\x07\xf2\x07\xfa\xc9\x804\x16\x8e\x8dLH \x18\x88\\\x99\x81\xff\x13u\xf0u\x15\x18"\xc6\x12VK\x0c\xef\x0e\xe7\xae\xff\x13 \xde\xa5"*\xda!\xc9PveE\xd6\xfd\x13D|@K!\x80\xbd9\x06\x99#\xe4\xa4\xe7\xea.\xa4\xdb\xf0\x98\xba+t\nbyV\x13y\xe4\xc5\x99\x85au\xff\xf9?\xcf\x92n\xdd\xaa\xc6&gt;\xec\xe0\x00~/+\xdb\x83@\x8a\x18\xf4\nd\x02\xb6\x13Y\xd2\x05\x96$\t\x91\x9f4\x18\x1b\xb8\xb6\xd1\x0e?}\xfa\x82\xf2\x81C\n\x02[\xe5\xd8\x11vOZb\x9aH1\xa1\x8b,\xf3p8\xedF\xd4Z\x8fNG\xb1\x12!\xf4z7\xae\xf2\x83\xedD17~\xb3`\x97n\x90\x00\xde\xa4\x92\xa4B5\x020\x18\xdc\xfe\xde\x06\xa2\x9b\xf7\xb2\xf5\xa7q\xfa!\xa11\x0c\x02ryw\x1f\x9d\xca\xff\x97\xa1\xf5Y\xc2\xe6\\\x1f\xa0{.(m\x16c\x9f\xb7&amp;\xd6H\xcb\x18\xf62\xd0\x10\'\x96t\xda\xeb\xc8e\xafF\x87\xdd\xd6T\x12_\xd5+\xbd\xb5\xb3T\x01+\xbe\xe5a\xbc.:\xeaq\xd0V\'YWks\x91\x85\xfb\xff\x17\x89r\xe6\x10\x9a\x9ec\x12\xc1\x98f/8\xfdUO&lt;\xe2IKc&amp;\xd1\xfau\xd3\xb9jD\x03)URn\xd37\x1aG\x0bl!\x9d9z\x90\xcd\xbdHz\xe6\xd1s9\x14\xe8wb\xfa\xf7\xae\xfe2\xb2\x81\xe3\xa2\xa8\xb0\x9b\x96\xefV\x91\x10\xf0\xda\xe61.\x93\x8e4\x05[)\xd9\x1a\x9f\xa001\n\x1cz&lt;ev\xa7\xbe*\xee\xd1\xf4Y\xc6M\xe6\xd6jt\xf4O\x86\x80D`k\xde\xd1\xa1g\xcbg\x062qK\x03\x10N\nG\xc8i\xde\xe0\xd9\xe1ww\xa0L\xca\xb6\x80N7\x8b\x00o\x1e\x88\'2\xd2\xe6\xf4v\x05.\xbbm\xb3L\xd5\xd5\xa3/n\xa7\xcf\xe8\x84\xa5\x85\xb85P\xcf\xa5\xd9I:\xc74E\x12J\xabdb\x9c\xabR\xb3X\xc7\xd4M\xff\t\xb9\xba\x8b\xd7\xa7\x89\xc0`\x92\xcb\x895\xdb\xc0K\x8dp\x1bEP"\xbe\x9c\xefY\xd9\xcb\xca\xba`\xa2[\x13\xe2\xfa &amp;\x16\xe8\x85\xfe\x0e\x15\xe3\xbf\xc3bO\xecj_(\xb1T\x0f\xcf\xb5\xc3e\xffC\x94\xe90\xc5\x144\x10t\xd8_\xe6}\xc94\\\xf6\xdd\x99\xbb\x10\xce\xa7z\xe6E\xf2\xd0RkQ\xa9\xd9\x13`\xa0k\x19\x81n\xd4\x0fs\x00\x81\x11S\n\x16\xfd\x100\x06\xb4\x7fj\x9d\xe3^8\xc3\x9f\x94\x17\xf0\xe9\t!\xcf\xd4\xda\x86~\xa4\x00\xc9\x0e\xedX"\x14u\xa5-\x0c+\xcf\xc0E\xc9\x94\x9e\xd8a\xa2\xd2\xae\x0b\x12\x89\xc7a\x84\xd6\xda\xbc\xca\x0f\xd3\xb7\x9d\xd8\x06\xe1\xb5G\x14\xbc\x1d\xfa\x11\x16\x9a\xc8:\x05@\xd9L\x9b\xe4\xd5=\\\xac\xe3\xff \xdf\x9a\x18\x90\x95\x85\x08T\xd4\xd2\xeb\x1aY\xe1K\xc5(%4h#\xb8weS`u\xe0\xc6L\xb9f\x17\x9a/\x1e\xea\x1b\x82\x9b\xc8h\xb1Eu\xa6`f\xe8\xd5f\xb9l\xddY%\xff\x1c\x8ch\x87\\\xcfVR\xc1\xd5N\x82\r\x06|p\xc7\xeb\xd0&lt;\x1dn~\xabJ,\xf9\x99l\xb9GJ\x83\xdb\xb5\xa9vA\xbb\xbdTO\x17\x12\x94\xb9D\x06)G\x1c\x14\x1e\x97\xf5\xacY\x07\xb7\xe7k\xdan=O\'\xd3\x7fcy\x9f\xc5?\xde\xc6\x08\x84c%K\x13\x87\xdf\x83\x8c\x15x_\x82\xe1\x81Y&gt;\xea\xdf\x18l\t\xd3\xb4T\xf4\x1b\x1e)\x84V\x8d\xc1$\x9bt\xf8\xa3^\xa6\xa7\x01\t_\xd4\xcc\x0ct\xafc\xa4\xf1\xad\x90&gt;m\xa9\xadJ\xd1.1\x93\xac\xfdg\xbc\x0c\xda\xc8,\x95\xc5\x12q~M&lt;\xf8 UZ\x93\xf5\xf4qM\xf3\xa6\x8a\x9cKi\x0b\'\x08\xc6\xec\xa8bm\x10\xc0l)\xa2e\x98\xb8/\xaeRN\xce]b\xcb\x88\x17C\x07\x07.#\x84\xaa=\xed;V\x84\xe8I\x1a\x87\xd7N\xb6\xd7\xc7\x17\xce\xdam"3iG\x15i"q\x92\xa7\x95\x94n;\xcc\xc8\xc9/\xdc\xc5\xa7\x07\xff\x12\x92\x9a\x91\xe3\xeeH\xf7l\x87\xb9d\xc6\x85\xbb\xc7\x1d\xc4\'\x8a:\xadF\xb7\x02^\xe1\xe7\xa4\x8b\xc5\xbf\x85\xba\x05\xdb~\x06\xceuj\xa7\xce\x0b\x90\x1be/\x19=kx\x9a\xe7\x97\xf0\xf1s\x8e\x18\xd6|\xd9\x1al\x10N\xd1+\x83k\'\x02\xfcF\xd8\x91}\xab\x91\xa7zm\x19K\xb1W/\xf5\xee\xb1\xf3U\xf9\xdfFXS6d\xf0W\xe9\x91?\x08`\nFv\x1e\xc1\x0b\x8f\x11lj\xcd\xe6\x00\x1c\xfb\x9b\x8d:\\\x02\xb3\x0ed\xceLf\xc6\xd5U\x15&gt;\x91\xc8j\x82-\xd6\x05o\xce\x97\x196\xbf\x0b\xae:_mg\xd7\x19B\xe1&lt;\xafz\x1e\xcb\xadi\x1a\xe5\x90l\x04\x11\xb0n\xbc\xe8\x91D\xce\x9d\x0e;\x0fJ\xb0\xa3M\x13\xbe]\xa8\xc8O\x86\xb4)/\xccE\xedG,\x1aU\x9cBf\x0e\x9c\x193`\x8a`\xe9j\xe8~\xfd\xc4#\xe6\xd1u\x00}\xbb\x9657_\xd7\x8a\xad\x84\x03~1\xd7\xb1a\x1b\xe1\xa2\rokr\x1fS\x07\x8c\xe9\x8b\x07X`\xc9\x89+\x1b\xa1\x0b\x0f\x0e\xdb&lt;\xea\x9dTm c\x1dS\xe8&lt;\xb3\x98\x9a6\xeeI\xa5\x14\x1d\x19\x81\xd57\xe7\x06D\x8e\xd2\x1c\xfd\xc1\xaa\x8d\x1d\xeem\xb2\x06/\xecK\xd9\xb4)Z\xa5\nz\xfb;t\xb8\xbaw\x1e\xac\xba\xaa\xc4i"5c\x87\x02\xc6\x9c\xe7\xf7_\x99\x0e\xfeq~\n\xcd\x0ck\xd3\xd6YS\x1b\'\xd8PB\x91m\xc63L_T\xfb\xe1\x95\x08\x91ii\\\xdcp\x07\x9d\xbd\xdb\xe8'</t>
  </si>
  <si>
    <t>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</t>
  </si>
  <si>
    <t>b'\xa7,\x8bc%+\xa5].\xaa\x95#P\x07\x84\xc3'</t>
  </si>
  <si>
    <t>tha' never seen them?"
"No. Everything is hot, and wet, and green after the rains in India," said
Mary. "And I think things grow up in a night."
"These won't grow up in a night," said Weatherstaff. "Tha'll have to wait
for 'em. They'll poke up a bit higher here, an' push out a spike more there, an'
uncurl a leaf this day an' another that. You watch 'em."
"I am going to," answered Mary.
Very soon she heard the soft rustling flight of wings again and she knew at
once that the robin had come again. He was very pert and lively, and hopped
about so close to her feet, and put his head on one side and looked at her so
slyly that she asked Ben Weatherstaff a question.
"Do you think he remembers me?" she said.
"Remembers thee!" said Weatherstaff indignantly. "He knows every
cabbage stump in th' gardens, let alone th' people. He's never seen a little
wench here before, an' he's bent on findin' out all about thee. Tha's no need to
try to hide anything from him."
"Are things stirring down below in the dark in that garden where he lives?"
Mary inquired.
"What garden?" grunted Weatherstaff, becoming surly again.
"The one where the old rose-trees are." She could not help asking, because
she wanted so much to know. "Are all the flowers dead, or do some of them
come again in the summer? Are there ever any roses?"
"Ask him," said Ben Weatherstaff, hunching his shoulders toward the
robin. "He's the only one as knows. No one else has seen inside it for ten
year'."
Ten years was a long time, Mary thought. She had been born ten years ago.
She walked away, slowly thinking. She had begun to like the garden just as
she had begun to like the robin and Dickon and Martha's m</t>
  </si>
  <si>
    <t>b']0\xfaZ\x8e\x847=\x90\xf2u\xb3\xe0\xa1\x8f\xbfc\xe8\x91&amp;\x84N\xe4fv~\x94-y\xbb\x9e\xfa\xdag\x91z\xc3\x8ac\x9aK@\xaf\xa2\x84\'\xec\x0c\xad\xdd\x92\xcb\x1c\x0e\xb0y\xdb{\xad%\xd92mB\x1cs\xce\xff\x0e[0D\x8dZ\r)\xe2\xe1\xc1}\x87\xa5\x9e\xc1z\xd8\xfb\xd1\x1b\xa0\xa6&amp;d\x05"\x02\xc6\xd2\x81\x04\x99,\xe4\xb8\xb5"\x87O%#e\xe8dY\xd0&lt;\x82Zm~^\x85\xa0}\xc4\xb1-\x94\xd2\xfci3\xce\xa8\xfa\xb8\xdcg\x82r\x98 \x9f\x9c\x8b\xedLC6j\xae\x14\x90GCo\x1f7\xf1\x98U\x0b\x7f\x1cgE\x08\xed\xec-U\x04H\x8a\x86#\x97\xb0:\x82\x0c\xd69\x0e\xfd\x18\x08Q\xc5\xd1ko[\x94#\xeb\xfc\x03\xb96\x9b\x03@\xee+D\x03\xde\x9b\xc9&gt;-\xf6D\x06\x86\xf0\xf5\x98\xa9\x07\x08$(\xbc\x1e\x936\xa5\x8bi\xb7\xc9\x00\xbf\x1fs=\x0cRu}\xdc\x8a%t)\xc9l\n\x02TYlL\x19\xba\xd6\xd1C\xcd\xd2\xdc\xcaMD]I\xbfd\xa0\xdc\x99\x86\xd5\xf1\xae\xe4:U\xa7|\xce\xbe\xb5\xaf\x8f\x9c\x1f\x06\xd8\xf8\xc6\xc2\xa5\x1f\x15\xda\xa1\x9ce/(\xa8\x86\xb6(\xa48%&gt;\x8b\x89\x1e\xa8\xdb)\x8f\xdf\xbf\xbd\xd2o\x17\xb5\x83\xa7\xe4\x94"\xb0\xa6\xe2\xca\xa2?\xcd2\t\x1e\xc6T\n@\xac\xf6\xb6\xc0\xfcU\x91I\xec\x81\xe5\xd9M\xcf\xc3:\xb5bc\x0b\xee\x0c\xa6\x07q\xec\xb9\xaa\x7f\x9b\x03\xf6u\x18\x93C\x1f\xb5\x8f\xc2`\xf9\xed5\x89JpKE\xd9:B\xeb\x06\x11\xa5\xee\x1a&amp;\rq@r\xcb\xa3\x8fj\xcd\xa4K\xaaw\xd0Q\xbb:\xbb\x91\x9e\xcf\x9f\xd8#p\xcd\x13\xe1\x15\x12\xd2m\x9c\xa0?\x85\xc4\xfe\xe0\xbc+\xc9\x81\x17\x95\xa74{\xa8\xf6\xdbR\xe2N\xa8\x1f\xfesg|.\xc5\x07\xc9\x94\x1bb\x1e\xda~\xcej5\xcc)\xdeK%\xca\xce\x1c\xeb\x13\xa3/\x10\xce\xef~\xd4\xfb_\x8aM\x00\x9c.\xba!\xfdK\xad~\x15\x00\xb8v\xd3\x1bs\x15\x8d\x07\x98\xadS+Ai~`h\x8cz\x87\x91\x10\x04\xdelu\xecx\xc0\xdbD0\xb6o\xab\xb7I\xd7u`W\xab\xd8G\x8d\xbb/\xcf\x04\x9e\xb8\xaeU\x12\xa0\xc1\xe8\x08\xe6X\xda_\xc3\xb6\x10\xe7\xb4\xb5\x99\\\xee\xd9\xc3\x1f\x1e\t\xd3\xea\xc6\x00\x03a\x0b/NG{o\x13\xceI\xdbx\xf6!\x07\xb4\x1a\xd0\xd6\x00|D\xa5\xbdQ\x0c\xa7\xd6\xe6\xd5(Qwr~i \xe6\xc5[\xc3\x1c\x95\xcf\x16V\x88g\x0c\xaa/\x10\x9eU\x8b\xcf\xab\x97\xe1(\x1e\xafl\xdb\x9f\xd6\xd0\xfa\xf3\x06m\x05\xd0gd\x9d\xeb\xfcx\xad\x87\xde\x8bw$V\x00H\xf2&lt;%\xf9\xb8\x7f\x958b\xd9\xa8~\xad\xc1\xc2\x1eJU\xaa\xa1\xd3,\x92\xdd\xf6A\xbd\xce\\\xef\x8d\xa6\x8b\x0b\xe7\xcc\xe7\x9f\x83\xb0hd\x0b&gt;,s\x9cH\xcem\t|&lt;\xebT\x07\xbd\x04\xf3\xebX\xd9\x85c\xc5\x8d\xb23\xe6I\xfbo\xb4G#\xcc\xff\xe4\xc7t\xd2k\xc5\x92\xf7[\xabM\xd5]6\xa6:`\x89x\x06@\xc0\xafa\x06\xf4.\xd3\xbd\x1b\xb8~\xb2\x0fU\xf6\xdfG\x84P\xc3\xb2}\xbaN\rIF\x82\x84\xb4\x94F\xf7\x1a&gt;+ID\x9d\x8a\xc7\xf2R\x1d{0\xdb\xf2\xe3\x16\xa5\x01\r!b\'%\x99\xb0\x8c\xe6h\x0e\x1e\xd7\x0e\xe3\xaaUx\xee|N\xc9\x98h\x08\xd9\x04\xd5\xa1toS\xef\xa5\xa4\x1b\xad(_\x12\x83\x14\x82\x01\xc1\xd6\xc05D]d\xb7\xc2\x1b\x01{+\xaedU\x16]\x03\x94\xba\x01\xd1\x8fJK\xaf2\x84\x93u\x1c\x8f\xba\xb9\x16\xc0\tl\xe90p\xb5\xa6\xac\x938\xf1s\x84\x1e\xe3-\xcf\x92\xe1]\x91*K\xda\xce\x03\xc8\x8c)U\x1d\xc0\xb2o&gt;\x809\xad8\x1c\x93&amp;\xf6\xf0\x0b\xcafs&lt;x\xc7\x1f\xbd\xd4:[\x8b\x15\xf9\xa9\x16\xa3T&gt;\xc3O&gt;\x8a\xde\xa5\xaa\x97\xde\x9c;2c-R\xd4\xb2W\xc7\x877\x7f#G!5\x0b\xf7\x16~]\xc2\x9cV\x14\x11\xeccs@&gt;\x1duV\xd0\xe7\xb9B\xf1j\x81kk\x89\xd3\xcc\x9d\x91GrK\xf8\xd4\xc0\x10\xd0\xefP\xb7pp\xd2j\xa3\x9b\xd0\xb4\xdeV\x8ax\xcd\xd7\xedR\xc8\x90\x0fYe\xb2\x88k\x7f\xd8\xd2\xe1\xe9\x18\xd5e\xf2\x85O\xae\xaa\xc9q\xfd\x18\x08Q\xc5\xd1koT4L6$\t\xde&gt;8\xef\x82.\x91\xfe\x9ba\xaa&lt;j\xd2\xf2l\x11\xd4(E\xf9b\xcf\x19\xdctl\xed\x10\xb8\x11G\xd1\xdd\xb0\x9d\xf3\xa6\xd6\xf5\x85\x0b;\xfe\x8d\x9c\xf2\xf07\xe0O\xe8]\x91[\xe4\xa9\xc1\x96\x10\xe7^!B\xc2\xd6\x0bd?\x15\x87\x1a\xe4\x98\x8f\xb6\x14\x91\xe7\x06\\\x8a\xe7\x99\x03E\xc5\xec\xda\xd4\x0b\x05\x96\xa5;\x8a\xeb\x14\xa2TK\xdeO\xc43&gt;J-\x93J\xde#+\xce\xe0\xc4d\xc3\x84\x1aj\xf9s\xf3\r}^)\x1d\x80Z\xee\x8f\xae\x1d\xcef\xb8K\xba\t\xce\xed\xd8w\x86)\xae =\x9d\xf8R9f\x85\x86\xa2\xf5\xb4\xc2\x90\x83z?\xcc\x04\xff\xc2n\xbd\xef\x87*\xc2\xde\xff{\xd7\xbe\xb2\x89\xd3\x10ktd\t\xf9\xc7u\xd7\x13\xaaWv\x9a\xf1\xa2\x89\x9b\xb7\xa1\xfd\x893\xde_\xf2_;At\xae%\x83\xe42\xfc\x96)\xdej\x1a\x87t\x989N\xf1\xc5\xb5\xec|5\x81$\x95\xa2\x1d\xdbGi`\xaa\x81U\xe20\xea\xd3\xd2\x11\x7f\xf8t6\xcc\x05\x15\x04\x96yrQ?\xec\x88\x10&gt;\xba\x9d=\xed\xf9\xce\xf1\xd8\xd9\x89TW*\xbd\x07\x13\xe9\xad\xd9+\x1ah\x8bj\'\x8d\xbf\xe5\xcc\x14P\xd7UP\xb3\x10\xaeM\x18\x9e\xa8\x01\x19b\xda\xdc#\x02\xf8\xcag\x0f\xb8#8t\xbe\xa2U\x9f\xa2\xcd\xfdH\xd3r\xcfJ\xdcl\xf8\x12r\x9eh\x1554\xdbK\xd2o\xc0:\x8dM\'G\x84\xfb\xa9F\xb8\x95\x9c\xc5\xa8\x05\xd8G\x9d\xa5`6%\x14[I\xb2\x97\x907\x11\xbe\xf4\xd2\x97\xe8\xf1\xc3.|\xf3\xdd\xf0\xe0\x8dvd\xabL^){1G\x9f\xde\xd7/At\x98y\x02\x10\xf6m0o\xff\x03\xb9s\x00"\xe5\x80\x0c\n\xb7\x03\x7f\xdf\xdc\xbd\xbf\xee\xa1\xac\x0c6"\xa0DIs\x81\xe7\xb6w\xe9\x08|\xe8\x1dzK\xa6\xd4\xc9\xea\x1f\xf5\xb6\x14\xff\xe5\xb3\x91\x11aS\xd3\x84\x8d\x83mvGF\xc4\xf2\x97\xd7k\xce\xf5\xca@\xb7\xf2cU\x02\xc1\x1d\xafD\x00\xf0&amp;\xc5([\xa34[\xda\xab\x942kt\x13\xec0\x9f\x8f\xcd\x9b\xbbB|\xd0\xe8\xcf\xaf\xcfwFY]\x97&lt;\x99\x02\xe1\x08wz\\\xa4&gt;\xa0\x06Y\xcc\x07\xfa\x84IV\xf8\x98$Z\xfd4\x83*J\x97\xdb\xbeX\x19l\xfd\xd5\x91v)\xcbW\xfd\x0b\x1cm\x80h&amp;I\x03\x0el'</t>
  </si>
  <si>
    <t>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</t>
  </si>
  <si>
    <t>b']0\xfaZ\x8e\x847=\x90\xf2u\xb3\xe0\xa1\x8f\xbf'</t>
  </si>
  <si>
    <t>eld,
 At which the wizard passions fly,
 By which the giant follies die.
  COLLINS
 Madame Cheron's house stood at a little distance from the city of
 Tholouse, and was surrounded by extensive gardens, in which Emily,
 who had risen early, amused herself with wandering before breakfast.
 From a terrace, that extended along the highest part of them, was a wide
 view over Languedoc. On the distant horizon to the south, she discovered
 the wild summits of the Pyrenees, and her fancy immediately painted the
 green pastures of Gascony at their feet. Her heart pointed to her peaceful
 homeâ€”to the neighbourhood where Valancourt wasâ€”where St. Aubert
 had been; and her imagination, piercing the veil of distance, brought that
 home to her eyes in all its interesting and romantic beauty. She
 experienced an inexpressible pleasure in believing, that she beheld the
 country around it, though no feature could be distinguished, except the
 retiring chain of the Pyrenees; and, inattentive to the scene immediately
 before her, and to the flight of time, she continued to lean on the window
 of a pavilion, that terminated the terrace, with her eyes fixed on Gascony,
 and her mind occupied with the interesting ideas which the view of it
 awakened, till a servant came to tell her breakfast was ready. Her
 thoughts thus recalled to the surrounding objects, the straight walks,
 square parterres, and artificial fountains of the garden, could not fail, as
 she passed through it, to appear the worse, opposed to the negligent
 graces, and natural beauties of the grounds of La Vallee, upon which her
 recollection had been so intensely employed.
 'Whither have you been rambling so early?' said Madame Cheron, as her
 niece entered the breakfast-room. 'I don't approve of these solitary
 walks;' and Emily was surprised, when, having informed her aunt, that
 she had been no further than the garde</t>
  </si>
  <si>
    <t>b'\xb9\x11Qm*\x80!9\x87r\xaf!\xab\xf3\x01\xc6\x13\xa2]\xfbi\xa8\x8f\xac\xca\xda\\\x85B3T#:\xd9\x8f\x11\xd7\\\xdd&lt;\xe5a\xe3\x8c\xf2\x92_\x1a\xac\xee\xb7/9\x0c\x9c\tF\xb7\xe5m\x17\xfa\xc8\xb9'</t>
  </si>
  <si>
    <t>b911516d2a8021398772af21abf301c613a25dfb69a88faccada5c85423354233ad98f11d75cdd3ce561e38cf2925f1aaceeb72f390c9c0946b7e56d17fac8b9</t>
  </si>
  <si>
    <t>b'\xb9\x11Qm*\x80!9\x87r\xaf!\xab\xf3\x01\xc6'</t>
  </si>
  <si>
    <t>under way
 again for Yokohama.
 Fix decided that he must warn the English authorities, and
 signal the Rangoon before her arrival. This was easy to
 do, since the steamer stopped at Singapore, whence there is a
 telegraphic wire to Hong Kong. He finally resolved, moreover,
 before acting more positively, to question Passepartout. It
 would not be difficult to make him talk; and, as there was no
 time to lose, Fix prepared to make himself known.
 It was now the 30th of October, and on the following day the
 Rangoon was due at Singapore.
 Fix emerged from his cabin and went on deck. Passepartout
 was promenading up and down in the forward part of the
 steamer. The detective rushed forward with every appearance
 of extreme surprise, and exclaimed, â€œYo</t>
  </si>
  <si>
    <t>b'\xca\x92f\xe8\xc2\xceh\xf9\xcf\x1ckt1g6\x18{5\x1b;\xa2\xa7\x19\x12m&amp;\x92\x93\xa0\x8aF\x92'</t>
  </si>
  <si>
    <t>ca9266e8c2ce68f9cf1c6b74316736187b351b3ba2a719126d269293a08a4692</t>
  </si>
  <si>
    <t>b'\xca\x92f\xe8\xc2\xceh\xf9\xcf\x1ckt1g6\x18'</t>
  </si>
  <si>
    <t>774, 790â€“791, 810,
 812, 818â€“855
 Transconductance, 137â€“140, 178, 187, 208, 234, 273,
 287, 290â€“291, 298, 315â€“316, 319, 403â€“405,
 408â€“410, 447â€“448, 453, 463, 475, 527, 576â€“578,
 592â€“593, 643, 656, 666, 686, 691, 767, 777,
 809â€“810, 819, 821, 829â€“830, 845, 886
 concept, 137â€“139
 definition, 137, 140, 196, 402
 Transconductance gain, 577â€“578
 Transfer function, 368, 375, 380â€“381, 502, 509â€“511,
 514â€“515, 522â€“523, 528, 532, 535, 547, 551, 564,
 569, 579, 614â€“616, 620, 644, 646, 654â€“655, 657,
 720â€“721, 727â€“729, 735â€“736, 741, 744, 746â€“748,
 750, 761, 768
 filter, 368, 707, 712â€“715
 frequent response, 505â€“508
 Transformer, 59, 91â€“92, 98â€“99, 440
 Transient analysis, 10, 121, 877â€“880
 Transimpedance, 576â€“578, 584, 589, 591
 amplifier, 576â€“578, 584, 589, 591
 gain, 577â€“578, 590
 nonideal, 577
 Transistors, 1â€“2, 11â€“12, 27, 30, 35â€“36, 59, 64, 79, 86,
 123â€“12</t>
  </si>
  <si>
    <t>b'C\xaa\xa2HD\x8a\x0b\xe6p\x89i\xff\x9d1?y'</t>
  </si>
  <si>
    <t>43aaa248448a0be6708969ff9d313f79</t>
  </si>
  <si>
    <t>glishmen on
 their travels, and the hospitable efforts of the purser, the time
 passed quickly on the Mongolia. The best of fare was spread
 56
 upon the cabin tables at breakfast, lunch, dinner, and the eight
 oâ€™clock supper, and the ladies scrupulously changed their toilets
 twice a day; and
 the hours were whiled away, when the sea was tranquil, with
 music, dancing, and games.
 But the Red Sea is full of caprice, and often boisterous, like
 most long and narrow gulfs. When the wind came from the
 African or Asian coast, the Mongolia, with her long hull, rolled
 fearfully. Then the ladies speedily disappeared below; the
 pianos were silent; singing and dancing suddenly ceased. Yet
 the good ship ploughed straight on, unretarded by wind or
 wave, towards the straits of Bab-el-Mandeb. What was Phileas
 Fogg doing all this time? It might be thought that, in his
 anxiety, he would be constantly watching the</t>
  </si>
  <si>
    <t>b'17\x91d\x19I\xa9Z\\DS\xd8\x8bs\xfe\xed\x1f;\x0e\x1a\x99\xe3\xcb\xa7\xba\xf5c\xd9A\xa6\xeb\xd1'</t>
  </si>
  <si>
    <t>313791641949a95a5c4453d88b73feed1f3b0e1a99e3cba7baf563d941a6ebd1</t>
  </si>
  <si>
    <t>b'17\x91d\x19I\xa9Z\\DS\xd8\x8bs\xfe\xed'</t>
  </si>
  <si>
    <t>he
 international capital market. The international capital market is not really a sin_x0002_gle market; it is instead a group of closely interconnected markets in which asset
 exchanges with some international dimension take place. International currency
 trades take place in the foreign exchange market, which is an important part of
 the international capital market. The main actors in the international capital
 market are the same as those in the foreign exchange market (Chapter 14): com_x0002_mercial banks, large corporations, nonbank financial institutions, central banks,
 and other government agencies. And, like the foreign exchange market, the in_x0002_ternational capital marketâ€™s activities take place in a network of world financial
 centers linked by sophisticated communications systems. The assets traded in
 the international capital market, however, include different countriesâ€™ stocks and
 bonds in addition to bank deposits denominated in their currencies.
 This chapter discusses four main questions about the international capital
 market. First, how has this well-oiled global financial network enhanced coun_x0002_triesâ€™ gains from international trade? Second, what has caused the rapid growth
 in international financial activity since the early 1960s? Third, what dangers are
 CHAPTER 21 Financial Globalization: Opportunity and Crisis 587
 posed by an integrated world capital market straddling national borders? And
 fourth, how can policy makers minimize problems raised by the global capital
 market without sharply reducing the benefits it provides?
 LEARNING GOALS
 After reading this chapter, you will be able to:
 â€¢ Understand the economic function of international portfolio dive</t>
  </si>
  <si>
    <t>b"0E\x02!\x00\xd9\xd2\xab\xdd\x93\xae\x95\xf5\xbbK\xc93r\xf9zj\x1ad\xff\xf4\x9f\x96\xd6\xdc\xf5D\x8d\xe5\rVy\xb5\x02 I\xfc\xc4'\x1dc\x0c\xe65\xa8LnI0\x9e\x1c}\xcf\x8b\x08\xe7\xb4\xe4,\xc5\xf1}&gt;\x90\xb4]\xce"</t>
  </si>
  <si>
    <t>3045022100d9d2abdd93ae95f5bb4bc93372f97a6a1a64fff49f96d6dcf5448de50d5679b5022049fcc4271d630ce635a84c6e49309e1c7dcf8b08e7b4e42cc5f17d3e90b45dce</t>
  </si>
  <si>
    <t>b'0E\x02!\x00\xd9\xd2\xab\xdd\x93\xae\x95\xf5\xbbK\xc9'</t>
  </si>
  <si>
    <t>unmoved. Yet, why should I torture myself with the
 remembranceâ€”why do I linger here? Am I not ruinedâ€”would it not be
 madness to involve you in my misfortunes, even if your heart was still
 my own? I will not distress you further. Yet, before I go,' added he, in a
 solemn voice, 'let me repeat, that, whatever may be my destinyâ€”
 whatever I may be doomed to suffer, I must always love youâ€”most
 fondly love you! I am going, Emily, I am going to leave youâ€”to leave you,
 forever!' As he spoke the last words, his voice trembled, and he threw
 himself again into the chair, from which he had risen. Emily was utterly
 unable to leave the room, or to say farewell. All impression of his
 criminal conduct and almost of his follies was obliterated from her mind,
 and she was sensible only of pity and grief.
 'My fortitude is gone,' said Valancourt at length; 'I can no longer even
 struggle to recall it. I cannot now leave youâ€”I cannot bid you an eternal
 farewell; say, at least, that you will see me once again.' Emily's heart was
 somewhat relieved by the request, and she endeavoured to believe, that
 she ought not to refuse it. Yet she was embarrassed by recollecting, that
 she was a visitor in the house of the Count, who could not be pleased by
 the return of Valancourt. Other considerations, however, soon overcame
 this, and she granted his request, on the condition, that he would neither
 think of the Count, as his enemy, nor Du Pont as his rival. He then left
 597
 her, with a heart, so much lightened by this short respite, that he almost
 lost every former sense of misfortune.
 Emily withdrew to her own room, that she might compose her spirits and
 remove the traces of her tears, which would encourage the censorious
 remarks of the Countess and her favourite, as well as excite the curiosity
 of the rest of the family. She found it, however, impossible to tranquillize
 her mind, from which she could not expel the remembrance of the late
 scene with Valancourt, or the consciousness, that she was to see him
 again, on the morrow. This meeting now appeared more terrible to her
 than the last, for the ingenuous confession he had made of his ill conduct
 and his embarrassed circumstances, with the strength and tenderness of
 affection, which this confession discovered, had deeply impressed her,
 and, in spite of all she had heard and believed to his disadvantage, her
 esteem began to return. It frequently appeared to her impossible, that he
 could have been guilty of the depravities, reported of him, which, if not
 inconsistent with his warmth and impetuosity, were entirely so with his
 candour and sensibility. Whatever was the criminality, which had given
 rise to the reports, she could not now believe them to be wholly true, nor
 that his heart was finally closed against the charms of virtue. The deep
 consciousness, which he felt as well as expressed of his errors, seemed to
 justify the opinion; and, as she understood not the instability of youthful
 dispositions, when opposed by habit, and that professions frequently
 deceive those, who make, as well as those, who hear them, she might
 have yielded to the flattering persuasions of her own heart and the
 pleadings of Valancourt, had she not been guided by the superior
 prudence of the Count. He represented to her, in a clear light, the danger
 of her present situation, that of listening to promises of amendment,
 made under the influence of strong passion, and the slight hope, which
 could attach to a connection, whose chance of happiness rested upon the
 retrieval of ruined circumstan</t>
  </si>
  <si>
    <t>b'\xf7\rl\xa6\x8c\x89\x1f\x1bF\x0b\x01D|\x7f\xc3\xbc\x02\x9b\xc6\x87\xef}c2\x1al\xb3\xf1\x8ab\xcd#\x8a\xe1\x05\x8fx\x08\xb1R\xe9\xbd\xda&amp;\x91(\xbf~\xd8\xf5\xe4\xd5\xbf\x9c\x89\x02\x9a8\xbb\xa0\xf9\x01\n\x18'</t>
  </si>
  <si>
    <t>f70d6ca68c891f1b460b01447c7fc3bc029bc687ef7d63321a6cb3f18a62cd238ae1058f7808b152e9bdda269128bf7ed8f5e4d5bf9c89029a38bba0f9010a18</t>
  </si>
  <si>
    <t>b'\xf7\rl\xa6\x8c\x89\x1f\x1bF\x0b\x01D|\x7f\xc3\xbc'</t>
  </si>
  <si>
    <t>aced hat 
 was set on the back of his head. 
 "Here you are, my man," said the captain, raising his head. "You had 
 better sit down." 
 "Yo</t>
  </si>
  <si>
    <t>b'.\xd3%~rq\x11\xb4H\xe8.F\xcd\x97\xfb/t&amp;K\xe1\x16\xa2\xe6\x7f\xfe\x1d\\\xec\xa6\x8cSLs\x90\x04\x89t\x94hU\x1e\xf8\xb7M\xe53bvS\xa6@\xef\x14\x91MaI)\xd1\xa0f\xe5\xb3\xa6\xac\xc8G\x10,\xbe\x89\xce7\xb9\xc0h\xd5h\x89\xfe\x92v\xb6\x17\xff\xd3$\xaaC &amp;o\xb1&lt;\xa4\xeft\x02\x0c\xa7u\xd2\xc8\xd4\xe5\x9d\xe1\xc6\xdf\xb3\xb88\xdd\x91\xf3\x852\x05\xe5\xc9\x03\xd9\xbcx\xe9\x99\xa4\x9d\x85\x1e\xc6;C\xf0\xbd\xbbh+V\n4E\xdc\xa4p\xcc\xb5`8\x18Y\x96\xff\x02\xe2\xb4\x00\xde\x0f\xac\x97\xcd\x83I\xe4\x9e\xefV\x00\xdfyx\x8b\xaa\x95\xa0\xd9\xbe\xc4\xd4\xc9C\x90h\'\xb9\xad\x1b\xf2\x99`n\'\xa0\x96W\x1b\xdd\xb8\xf8V\xa3\x95\x8a\xbc\x92\xdb\x13\xb9\xd9\x08L\xf2\xa4\x99\x0b\x98\xf5\x0cF\x8a\xe6\x84\xb3\xb9\xb4\x05\xaf\x90\xafO\xcf2\x9c\x92\xc6\x10A\xecL\xd9\x1d\x86\xa5\x14\x10x`X\xcf\xb0g&gt;\r\xbf\xbf,\xa9C\xe0\x94fE\xd7\x85\xf8m8~}0\xd6@WBX\xe6\xcd\xfa\x10\x8el\xa1\x1b\x86\xaf\x9dr"\nAG\xef\x1f\r\xe9\x82\xce\xfel-\x08K\x9e\xd5?}\x9a\xee\x98,a:\xe9\xd4c\xb4\xf5\xae\xe7e\x89\xf5\xc5&lt;\xd2~&lt;2S\x7f\x0cE\x83i\xab\xe7\xca\x03)N\x02;\xbc\x8f\xdd\xa1*M\xe9\xd1\x1d\xb7*\x94\xcb\xcf\xe5\x03c%\xda\x8e\xac\xfd\'e\x10\x95\xe1\xca\xb8Z\x90\x89\x1b\xcc\x84\xd6\xc8\xb6)\xf5\x8cF\x80\xbd\xb7\x95zD)V\xd8(\xf1\xe1\xdf\x9fi`\xa3\x86Q\xab\xe7\x07\x9e\xe1\x86&amp;\xfa\x9c\xd43\'Lo\xec\x8e\x1eB\x18#\x8et$N\x8d\xc8\xe3\xb0\x1dC\xb0\xbc\xd7&amp;b/~\x89\xe0R\x97\xdc\xe4\x1c\x8a\xa2\xa2\x1a\x9e\x02\twG\x01\xfe\xd1\xbd\xb3V?\x86\xe7C\x183f\xdd+\x95\xa8x\x8c\x08\xe0\xf9)\nw\xc7\xb8\x13\x8c\x9e1\x85\xf6Hq|\x941\xd6\x0e\xec*cr\xf9\x1dH\x02MdE\x18\x17\xf3\x18'</t>
  </si>
  <si>
    <t>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</t>
  </si>
  <si>
    <t>b'.\xd3%~rq\x11\xb4H\xe8.F\xcd\x97\xfb/'</t>
  </si>
  <si>
    <t>etched child. Circumstances, however, were very kind to her, though she
was not at all aware of it. They began to push her about for her own good.
When her mind gradually filled itself with robins, and moorland cottages
crowded with children, with queer crabbed old gardeners and common little
Yorkshire housemaids, with springtime and with secret gardens coming alive
day by day, and also with a moor boy and his "creatures," there was no room
left for the disagreeable thoughts which affected her liver and her digestion
and made her yellow and tired.
So long as Colin shut himself up in his room and thought only of his fears
and weakness and his detestation of people who looked at him and reflected
hourly on humps and early death, he was a hysterical half-crazy little
hypochondriac who knew nothing of the sunshine and the spring and also did
not know that he could get well and could stand upon his feet if he tried to do
it. When new beautiful thoughts began to push out the old hideous ones, life
began to come back to him, his blood ran healthily through his veins and
strength poured into him like a flood. His scientific experiment was quite
practical and simple and there was nothing weird about it at all. Much more
surprising things can happen to any one who, when a disagreeable or
discouraged thought comes into his mind, just has the sense to remember in
time and push it out by putting in an agreeable determinedly courageous one.
Two things cannot be in one place.
"Where, you tend a rose, my lad,
A thistle cannot grow."
While the secret garden was coming alive and two children were coming
alive with it, there was a man wandering about certain far-away beautiful
places in the Norwegian fiords and the valleys and mountains of Switzerland
and he was a man who for ten years had kept his mind filled with dark and
heart-broken thinking. He had not been courageous; he had never tried to put
any other thoughts in the place of the dark ones. He had wandered by blue
lakes and thought them; he had lain on mountain-sides with sheets of deep
blue gentians blooming all about him and flower breaths filling all the air and
he had thought them. A terrible sorrow had fallen upon him when he had</t>
  </si>
  <si>
    <t>b'\xfe\xa9a\x03\xeeJg\x14\xffZ\x85fX\x84\xf4\xcc\xe4\xcc\x89\x96\xcb\x00\xfa\x85j\xfa\xe9\xff\xbf\x04\x07\xf0\xcdvW\xe3&lt;Rx\x96Enw\xc4\xe8P`\xf4\x95\xcf\x90R\x14#\x17\xb2\xb6\xf2\x94\xabB\xeb\xc8I\xf6\xff\xc5\xe9\xb87\xfau\xb1\x94\xe3\xdb\x98\xcf\xc7\x92\x8cH\xc1G\xf3\xbb\x16\xee\xc12F\x93\x8a\n\x146\x8c\x8dF\xcfU{eg\xc2\xccA\x08\xf3\xddB\x07\x8d4\xf9\x04dOS\xf8\x82\xb3!M\xdb)\xbc\xde\xb7UK4_\xff\xbd\x12\x81|T\xaf\xc1n\xc2B\xfb\x95\x8d\xa8qdj\xfa\xee\xc6\xb4\x12(\xa4\xb7\xd6\xd1\xaf+\xfe\xe4\x96PE\xc2\xf6\xdcK\xccR\x1e\xde\xc0qd)\xe9\x9cS\xbb\xe3n\x80X\xc6\xc1\x8eq\x15\x0e\xff\x9c\\LcX|\x11\x88"\xf8\xc2\x90#%\xd9\xdf\xc5\xcd8\xcc\xe1\xe7\xe5\x8dp)\x87.7\xf1\xc5\x0b\xe5\x17\xc7VH\x9c\xe0CX\xff\xact\xf8E \xf8F\x18\r^\xd7\xbd\xa5\xef\xdb\n\xdd\x94\xa8)\x9f\xe1\xd7\x15q\xb2\xf5 \x7f\xe9\xeb\x9b-\xb4sN\xab\xd7T\r\xca\x1a\x8fd[zF\xab\'\x90W\xab\x9e\xa23\xfb,)\r\xf1\xfcH\xb9X\xfa\x98i\x861\xacnQ\x94\xc6#z\x91O\x9cb\xb5\xc2\x19\xd7\x82\x06\x0e\xc1v\x9d\x05\x8c\xa0HZw\xac\xf5\xdc\xe4\xff\xbbZ#\xbfd\xc0C+\xeaX\x03\xaa\xac\xe4\x01\xc6\xe4]\xe0\xb6]T\xc9\xb5\xd9\x15\xd3aL\x9f\x9en^i6K\xc1}&amp;6+\x00\xa8\xbd?\xb6\xd8\xac\xec{#\xc3T\xbd\xcb\xfc]\xefA\x19\x157-\xe2\x89\xabl\x9f\xfa[\xd3\xedmP\xe8\xba\xef\x11\xa0\xa2\x81\x83\x85[\xa7\xb6\xbf\x89\xe6P\xbd\x93\xc1\xed\xd9B|\xa7\x93\xa5Y\xac*$\x9d\xc7\xd6\xc9\xf6\x87\xd5\x15\xb4OL\x94|\xfd\xf5\x0f\xd5,[w\xcf\t\xfb\xab{o\xe1h`\xe1\x16 ?\xde\xdb\x10\xb0\x8c\x08#\xbc\x82\xc4 \xe9\xb1x6t!\xc5\x1a\x0b\x87\xd7L-\xf2t\x10u\xc0\xe8W\xf0\xa2E{\xe0&lt;\x1a\xf7X\x10\xb5Hqr\xe0"\xb2.\xa5]\xf9\xbe*\xad4\xe7\xdd\xb4cMDW\xe2\xb8z\xdc\x1dV\xc7#h$\x91K\xc57\xb7d\xbd[\xb5\xac\xd3\x1c\xef&amp;\xa3\xc0\xee\xb5\xc5\x9c\x96!P,\'\x88]\xda\xc0\x81$b\xbd\x1b\xb2\x02\xf8\x9bq\xa0\x1b\x03\xd8\xc0\x1f\x9b\x90b\xb1\xfe\xdcL\x90\x08\xc3i\xd7\xd1\xea\xf2r\xdd\xd7\x8e\r\xe5\x88YwE_\xc9\xec?Bl\xa1\x06\x82\r+\x97q\xc1\xe2\xffv\xacI\x94{\x96kx\x8ff\x8e\x81B\x10%;\xda\x13\to8\xed\x0c\x12PK3\xd3C\x9d2gC\xec3Qm]1\x96aJ\xc3\xbe\x8dL\xb3}st8\x1a\xbf\x19\xebu Hwm\x8e\x1fP\xe2\xe1\x96\x9f\xfd\x1bEl\x9a\xb9\xb8\xab\xb2\xf3\xf8J\xb5\xaeS\xc0#\x10\xb2\ra\xe7\xbf)\xfe.\xb6\xcdF\x11\xbe\x0f&lt;\xec_\xd5\x97_\xf8\xbd\x12\xc7$\xe4\x95j\xb2\xa1W\xcc\xb4\x1e#y#Bgc\x83\x9b\xe3\x12\xe7\xb2\xfb\xa3`\x06\x1f\x12c\xc2\x80\x03\x96\xf3!\x82:\x92\\q\x87L\xb9\xac[=\xd8\x98\xccc\xe2iix\xbe\xe8\xf0\xd5\xd8\x19\xbdp[\xc7-\xac\x04~\x7f\x92"\xca\x91\xf5\xa5:\x0b\xfd\xbe6z\xc4\xe7\xa2.Y5"\tO\xferu\xe1\xd7\x08aL\xe1\x8f\xbf\xddc\xff\x0e7\x9aO\x13&gt;\x83\x8fa\x13x=\x08J\xcb^j\x17\xcf\x81\x06\xe3\xefn\xde\x1f\x8e\x0f\xf6\tCI\xcdi)\x88\x0b\x96\x99\x88\xcc\'\xcel~\xb52\xf5~\xb4\xc4\x02\xa6\x167\xaa\x1a \xa5A\xae\xa1+c\x19\xba\x8e\xaa,?\xa8\xef\x82\xcaM\xd3\xa5\x13\x1du\xb1\xf2\xc1p3\xae`\xb2\xcb\xeeX\xba\n\x17\x83\xf0\x1bW|\x05\xdcr\xbd\xdc7\xea\x11\xac\xcd\x04\xf0\x81c\x85\xb4\xec\x9e\xad~\x8f&lt;\x18\x07\xfbK\xee\xd5\rE\xab\x9f\xdd"\n\xa7CWE\xecQ\xcb\xe9@u\xe1l)\x196[i\x87\t\xe8Hkh\x87Y\x00\xfa\xe5\x9b7\xa8`&lt;\xe3\xc3\x01\xc9\x95K\xbc2\x0c\xa1\xdc\xc8\xe7\x19\x11\xed\x17\x82V`\xa0J\x89\xca\xec\xc1\xd4\'S7\xb6\xccBP%F?;\xbey0e0F\xc6\xbb\xcd\x0b\xe6\xab5U\x9d\xf7P\xc5\xb4\xed\xe3P2\x1dH6KP\xb6\\\x1a\xcbN\xac\xbfZV\xb4\x10\xc3\x0cm^\xbf\xdd\x99\xa9\\(%\xf5B,\x94\x06\xea!\x92\xcc\xd8\x16=|&lt;\x01\x00l+\xa5\n\xeb\xbd\xb2\xfa\xc6\xcc\xcf\xe87\n\xa0]\xbfJ!\xbe\t\xbb\x01\x94c\x8b\xa9Q\x02pS\t@\x9c\xdf\xeb\x92\xce\xf5\xe7\xfc\xac\xbd\n\x0cU\xe6\xfb\xb0\x9d&lt;\xcf\x18\xff\xefo\xe3\x19\xdb80T}\xeb\x98^\x94\xf0\x0c\xea\xa2\xc3^\xa9\x08)\xc7\x8fU\x87\xb4\xf7\x87\xef\xf0L\x895\x97\x02\xa7(\xc2\xfc\x05i0b_\xdc\xb5@\x9d\x11`\xf84\x1d+\xbd!B\x98}=$\x04?\'M\x8bT9V\xd9\x91\xcf\xe6\xaef=\xa2}\t\x90?\xa7\xf6\x1c\r\xa6\x96t\xeb\xb7\xd4\x08\xb1\xcf\xba\xfd\xbd1\\\x9e\x83_\r\xe3\xe5S\x8e\xbb\xa0%\x1f/\x08o-\x9a\xc9\\9\xd5j\x05&lt;zU\xb5\xee\r\x89t\xb2\xc1\xc1x\xef\x1e\xe1\x0c\xe0\x83i\x9c\xfbf@\x8cm\xbf\x19\x94\x86\x87+\\\x047\xf4\x06Yuc7\xd1\xf8%a\xa7\x04\x871\x8a\x01\x998\xe9\xe8\xd4\xc8\xb0\xb0\x84\\N9\xc2P\x0e\xd2\xf2\n=\x90\xc81B\xf4z\xcdun\x84\x10\xb5\x92\xea\x81_\xb8_\xb6\x1eU$\x8c\xa2\x06I\x94\xbd\xb9\x15\x98!%\x97\x03T(\'R\x9c\xfc4\xcc?\xcc\x1c\x1b}\xe2\x95p\xb2\xc8\xa7\x07C\x12\x9d\x0b\x11J\xc5\xa0\xda\xa3\xa2:\xb7\xe8\xe7\xb5\xea\x9b\xca\xb7.\xa5\xd8\x19\xda\xde\xc5R\xdf\x02\x8ef\x17\xf2X\xc0\x18#p\xb2\x9a\xa0\xd4VT\xf0k\xfc\xc9%\x8d\xa8~\xd1E\x02\x8f\xc6\xc46o\x1b\xd3\xe9\x1aX\x1b\xa1~\xafVY\x96\xae\xd7yc3\x01q\xb4\x05Q\t\x83\x92\xca\xe0\xf6=CMN/\x8cvx\xefy\xc8|z\xc2\x97\r\xc2\x19\xd3\xcb\xdd(\xc0M\x8dd\xf2\x07\x92@\x8b}%t]\xa4\xe4^*M\x99\t\xc3a#N+\xcd\\,\xfd6@M\x12\x07\xbb\xd57i\x8fU\x85\xc1\xbe\x94\x04\xe4\xf8|J$\xfd\xf3\xa7v\xc3\xe2ETJ\x0e\n\xc0\xd0\xb9\xdbh)\x16\x90\xd0\x8b\x94\xdb\x8f\xd6l&lt;4\x19\xd4\xceP\xfc\xad=edT\x9a\x97\xd7\x05\x7f\xd7\xfeM\xf4\xb1\xe4\x1a\x8f\xc6\xb5\xe8#=\xf7&lt;I\xb0\xdd=\xea\x07\x18\x1b\xde\xa5\x91\x80R\xeb@;\xc5\x1ed\xd2xQ\xd0&gt;5\xe1 |\xab\x9bv\xbe\xd3\xd9\x90=\xbd\t\xb5\xf2\xc7W\x1a\x90\xe0\xf0V\x97OL\xc4x\xbc\xa3Ym;3\xfe\x12\xf7b\n\xcc\x16\xf9\'P\xe0\xf3\xaf\x9c\x95\x84\x97h\xac\x8d\xb2=&amp;\x05)#\x8a\x96zG\xb9\xda\xc4\x87FV\x03\x99#j\x84\xca\x0e\xd9{c\xe6\xba\xe1W\xae&gt;\x18\xf5\x94Z\xc21\xe9\x81\x1e\xd4H\xd8\xd9\x80^f\xfb\xe8\x17\xa8 |U\xeb\xb5\xdf\\\x11i\xe8L\xedM\xff\xef\x1bDm\xc3&gt;\xf3\xf9\x9a\xee6\xeb\xd7\x96\x08\xdb\xad\xe1=\xb0/+\xce\xa4&lt;v\x1d\xf7\xda$\xc8M\x9f;\x96\xf9\xd0CY\x85\xc2X|\xb6\'\xdd\x01\xb2\xc2\rq\x17\xbc\x89\xd9\xea\xa8\xa7\xeb\xff\xfd5\xce\xf3\x116\xd4=V\xe0\xeb\xae\x9b4\x01\x03\x93\xa3a\xf5\x9b\x89K\x02\x05A\x85\x91.\xc0l\x1a\x14\x9e\xf8\x1dh\xa8U\xa7\xa4@\xd8K\xa3\xa7\x08\xb0\x08\xc7\xa6p\x1c\x0e,=!\x8e@\x84\x86\xd2\xc0\xea\x91Q\xf5\x05\xdb\xac\x93ou\xe2\x03\xfc\xf6\xd7!X@1\xc4\x8c\xd2P\x08j\x91yn\xdcN\xa0\xdaz`\x02\xefp\xba\xba\xe1\x94\xc2\x03\xf0\x9d;D\xbcqS\x9c\x9d:I=m\xd4\xfe.\xb3\x96\x08]\xad l\xa0\x01\xf2\xc2,8 \xf2SS\x99?\xb9&amp;J*Z\xed\xabK!\t1\xc8\x87W\x9a\x99\xbb\xe8[\xa2 d\xd8\xa10\xdc\xa20\xc1\x18X\x7fX\x16\x8f\xcf\xa1\x03\xae\x07\xfb\xf7\xc5?\xf4\xe5i\x7f:\x99\xce\x08t;\x1d\xe8K\xf8=$\x89.\xa5o[\xd9\xb0a\xc9N;2\x85V*1/\xa3sTt]EK\xaa\xf9X^\x1d\xedZ\x9e\xad[\x9d\x8f\x88\x81\x0cS\xd8\xcd\xfe\xbb\xaf&lt;\xc6 q((\xa9\x10\x19~\xa1/\xbcC\x8efbG\x94\xef\x1f\xd8\x92)\xd7\xb6\xf6\xca\xf83\xee\xfay\xff-\x86\xe1;\xb3\x85\xa8H \xe5\xcc\xe9\xe0\xb4l\x97\xedOQ7\xcd\xa2py=\x81eoub\xca\xd7\x0c\x0e\xe27\xfaY\xb2\x19\xdf6\xad?\x0b\xe0.\xd6\x8f\xdb\xe9|\xe7!\x81~\xdd\xebW\xa1*\xc2\xea`\xda={\xafM\x13I\xa8\xdd\xa3Pi\x9e$\xcd\x11h374\x03\x17\xb9\x06\xeen\xd6G\xd0"'</t>
  </si>
  <si>
    <t>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</t>
  </si>
  <si>
    <t>b'\xfe\xa9a\x03\xeeJg\x14\xffZ\x85fX\x84\xf4\xcc'</t>
  </si>
  <si>
    <t>cle of our bodies is
 on the strain to keep our balance; and, added to this, the fear of falling is more
 exhausting than anything else. If the roads are very bad indeed our shoes are roughed,
 but that makes us feel nervous at first.
 When the weather was very bad many of the men would go and sit in the tavern close
 by, and get some one to watch for them; but they often lost a fare in that way, and could
 not, as Jerry said, be there without spending money. He never went to the Rising Sun;
 there was a coffee-shop near, where he now and then went, or he bought of an old man,
 who came to our rank with tins of hot coffee and pies. It was his opinion that spirits and
 beer made a man colder afterward, and that dry clothes, good food, cheerfulness, and a
 comfortable wife at home, were the best things to keep a cabman warm. Polly always
 supplied him with something to eat when he could not get home, and sometimes he
 would see little Dolly peeping from the corner of the street, to make sure if "father" was
 on the stand. If she saw him she would run off at full speed and soon come back with
 something in a tin or basket, some hot soup or pudding Polly had ready. It was
 wonderful how such a little thing could get safely across the street, often thronged with
 horses and carriages; but she was a brave little maid, and felt it quite an honor to bring
 "father's first course", as he used to call it. She was a general favorite on the stand, and
 there was not a man who would not have seen her safely across the street, if Jerry had
 not been able to do it.
 One cold windy day Dolly had brought Jerry a basin of something hot, and was standing
 by him while he ate it. He had scarcely begun when a gentleman, walking toward us
 very fast, held up his umbrella. Jerry touched his hat in return, gave the basin to Dolly,
 and was taking off my cloth, when the gentleman, hastening up, cried out, "No, no, finish
 your soup, my friend; I have not much time to spare, but I can wait till you have done,
 and set your little girl safe on the pavement." So saying, he seated himself in the cab.
 Jerry thanked him kindly, and came back to Dolly.
 "There, Dolly, that's a gentleman; that's a real gentleman, Dolly; he has got time and
 thought for the comfort of a poor cabman and a little girl."
 91
 Jerry finished his soup, set the child across, and then took his orders to drive to Clapham
 Rise. Several times after that the same gentleman took our cab. I think he was very fond
 of dogs and horses, for whenever we took him to his own door two or three dogs would
 come bounding out to meet him. Sometimes he came round and patted me, saying in his
 quiet, pleasant way, "This horse has got a good master, and he deserves it." It was a very
 rare thing for any one to notice the horse that had been working for him</t>
  </si>
  <si>
    <t>b'I]5\xbb\xc8\xc3\x82L'</t>
  </si>
  <si>
    <t>495d35bbc8c3824c</t>
  </si>
  <si>
    <t>peed and silence I could manage, to the more open portion of the wood. 
 As I did so, I could hear hails coming and going between the old 
 buccaneer and</t>
  </si>
  <si>
    <t>b'\x1a\xce?JG&gt;\xcc\xeb\xa85m\xa9=wd\xa9\xac\xf7\xa8\xf6yZ\x15\xee\x1e.\x1c&amp;r\xf7\xe1\x9e"\t\xfdc\xfe\xf4~\xb7XK^3\xf1\x19\x17\x80\x93\x03\x05\xc8\xa7y\x12\xd2@\xdfmq1\x80\x19:\xf6\xc9\x12U\xcc\x9c\x90\x17\xd8\xe1b\xabf\xee4\xa7\xeai\xbe\n\xb5\xcf2\x8a\xeb;\x1c\x04\xd1\\\x19YY\x08Q\x04\xf8\x1d\xdd\x1b\xe1K\xd2\x14\xf1\xd8/k\x06\x86\xb4\x15\xb8\x95\x9e5g!b\xf6]\xe2\x81\x89m+\x95\xb2\xe6M\xb5\x0c\x92\xb5/\xec\x99\xac\x84\x00\xcb]?6\xb2\xfaaKf\x89e\xa3p)5\x91\xe8\x86h\x1d\x81\x9d\x82\x17\x9f\x14\x17\x1du\xea\xb6\xf3h\xda\xc82|?\xa4I\x80\x112D\xd5\xc3\x1f\x9b\xcd\x00W\xbf)\xcb\x82\x80\xe7gv\xfb\xb4\xfaI\x84\xd7BG\xaa\xb8\x0b\xa6\xf7)\xfcu\x11\x9dp\x07RM\xa1Z\xd7\xfc\x83\xca\xe6D\xfb\xa2\xbc}\x9d\xd0F\xfd\x95\x83C\xa6\xf5\xe5\x16#q\xe7\xb8\xb6p%\xbd\n\xe5\n\xcc2\xa2\x8b\x1b\x9c\xa7\t\x13\xac%\xb5G\xaa\xa4\x9dM\xe4:7\xf4\xb1*E\xbe\t\xd7\x85+\xf1\nO\xc3;\x84\xd5p\xd3\x91\x91\xd6\x08\xb5\xef\xd0\xf8rx\xed\x1a@\xa4\xe90\xe3f\x15\xe1\xed\xf2\xb1[vHn(\x980b\xf4\x13\x1epv\xb8\xbc\x1c\xf2\x14\xc22\x9f\x9a\xabT\\\x02\xea\xdb\xde\n5\xf3\x1c\xfdz\xb9\x97E@0_W$\x00\x07\xb6\xda\x00\xf0\xc4b\x18@\x86x\xd9\xca\xd3\x85=\xf9@\x19\xb1\x95O\xceOS\x12\x1dS+\x1b\xe0+4~\xf7e\xebJ\xef\x89&lt;\x92\\\xc4\xac\xee\xa0\xd6\x85\x13\x8cI_\xeb\xe7N9\xeb\xb2\x18\x07!\xdfl\xfbl\x1eN\x0bl\xa9\x10u\xddsS]\xf5\xfa\xaf\x1e\xf3=\xe1G\x16\xd6=Q\n\x07r\x89\xed2\xb23o\xfe\xdc\xd9\xba\x01\x965\xf60[8h\xab\xf3gL\x90\'9b\xe6\\\x1f\xe8\xe4qu\xd7\xfc6\xed{\xa4\x01\xfc\x01\xc6b4\xf1\xb8L5\xd6W@\x88\xd5"&lt;'</t>
  </si>
  <si>
    <t>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</t>
  </si>
  <si>
    <t>b'\x1a\xce?JG&gt;\xcc\xeb\xa85m\xa9=wd\xa9'</t>
  </si>
  <si>
    <t>," said the captain, "better speak plain, I believe, even at the risk 
 of offence. I don't like this cruise; I don't like the men; and I don't like</t>
  </si>
  <si>
    <t>b'\x8dHT\xb2\xfa\xe7*\xbb\xadK\x18C|\xa2\xaa\xa7\xaa]U\x81\xebf\x06\xd14\xf98\x10\xe8\xdbk\x99`e\xc0\xb6g\xb9\xed7\xfa\x99\x98\x02{\\1\xc3\x7fk\xa8ibC\xe4Wy$\x08\xd8&amp;x\xac5\xf3z.=\xe8t\x1e\xeb\xa0\x93\xe4\xf7)U\xe3\x13\xbf5\xb7\x8d.\x85w\xd5\xbcSf\x95\xfc(\xaf&lt;\xd4\xde4\x94\x06\xab0\x7f#\xbe\xe0\xd7\xff\xb0]pfYz\x05\xfaP+\xc7\x8f\xbe\xfe\x8d\xdd\xa7\xbfR\x02\x8c\x89\xae0\x12\xa5?\x81\x05\xf9\xcb#\x92\x86x\xda\xa1\xd1\xa8\x1b\xb3\x9e(\xaeSxG\xbd\n\xe3^w\xee\xe0\x94\x8a\xce.\x12\xce\xe8\\mq\x02\xc4\x10_X\xe4\xfd\xf0\xe0\xec]s\x17\xd6\xafB\x1c\xe0&amp; \x18\xdb\xa3\xd9"\xf2?=e\x11\x81S\xa7\xbbI\xcc\xc0Ga\xd9\x83\x0b\xc1\x94o\xd0e\xda\xa2\x8e\x15P\xc9\xa9_\r\x1d\x81\xe8\x92/\x03)\x91C\x99#\xee\x95b\x1a#I\x1cru\x8e\xe9\xf1J\xc9&gt;\x00'</t>
  </si>
  <si>
    <t>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</t>
  </si>
  <si>
    <t>b'\x8dHT\xb2\xfa\xe7*\xbb\xadK\x18C|\xa2\xaa\xa7'</t>
  </si>
  <si>
    <t>ons employ the topology shown in Fig. 3.61(a) to â€œsampleâ€ Vin
 across C1 and â€œfreezeâ€ the value when S1 turns off. Let us replace S1 with the level shift
 circuit and allow I1 to be turned on and off [Fig. 3.61(b)]. If I1 is on, Vout tracks Vin except
 for a level shift equal to VD,on. When I1 turns off, so does D1, evidently disconnecting C1
 from the input and freezing the voltage across C1.
 C
 Vin
 Vin
 D1
 t
 Vin
 Vout
 C I 1
 D1
 C
 CK
 D1 turns off.
 D1 turns on.
 I 1 CK
 I 1 CK
 I 1 CK
 Vin Vout
 C
 VCC
 1
 1 1
 1
 Vin Vout
 C1
 (a) (b) (c)
 (d) (e)
 t 1
 Vout
 Vout Vout
 Vin
 t 2
 Figure 3.61 (a) Switched-capacitor circuit, (b) realization of (a) using a diode as a switch, (c)
 problem of diode conduction, (d) more complete circuit, (e) equivalent circuit when I1 and I2 are
 off.
 112 Chapter 3 Diode Models and Circuits
 We used the term â€œevidentlyâ€ in the last sentence because the circuitâ€™s true behavior
 somewhat differs from the above description. The assumption that D1 turns off holds only
 ifC1 draws no current from D1, i.e., only if Vin âˆ’ Vout remains less than VD,on. Now consider
 the case illustrated in Fig. 3.61(c), where I1 turns off at t = t1, allowing C1 to store a value
 equal to Vin1 âˆ’ VD,on. As the input waveform completes a negative excursion and exceeds
 Vin1 at t = t2, the diode is forward-biased again, charging C1 with the input (in a manner
 similar to a peak detector). That is, even though I1 is off, D1 turns on for part of the
 cycle.
 To resolve this issue, the circuit is modified as shown in Fig. 3.61(d), where D2 is inserted
 between D1 andC1, and I2 provides a bias current for D2. With both I1 and I2 on, the diodes
 operate in forward bias, VX = Vin âˆ’ VD1, and Vout = VX + VD2 = Vin if VD1 = VD2. Thus,
 Vout tracks Vin with no level shift. When I1 and I2 turn off, the circuit reduces to that in Fig.
 3.61(e), where the back-to-back diodes fail to conduct for any value of Vin âˆ’ Vout, thereby
 isolating C1 from the input. In other words, the two diodes and the two current sources
 form an electronic switch.
 Example
 3.38
 Recall from Chapter 2 that diodes exhibit a junction capacitance in reverse bias. Study
 the effect of this capacitance on the operation of the above circuit.
 Solution Figure 3.62 shows the equivalent circuit for the case where the diodes are off, sug_x0002_gesting that the conduction of the input through the junction capacitances disturbs
 the output. Specifically, invoking t</t>
  </si>
  <si>
    <t>b'\xd9\xc5\xca\x84\xd59JT\xb8\xc3$_0\xfbu\x05'</t>
  </si>
  <si>
    <t>d9c5ca84d5394a54b8c3245f30fb7505</t>
  </si>
  <si>
    <t>conceal my suspicions to the end. 
 "Some wine?" I said. "Far better. Will you have white or red?" 
 "Well, I reckon it's about the blessed same to me, shipmat</t>
  </si>
  <si>
    <t>b'9\xeb\x8e\xd0\x1eL\x03\xb5\xecI\xf3\x9c\xa0\x1bH9\x1ff\xbd|.@\x1ca\x83\xdb1\x8c%\xe6\x0b\x89\xc9\xa1\xd4\x83\x03\xae=\x8f\xe66\xa7E\xea$\xa8\xd8\xa9\xdcp\xef\n\xd9\xb4,s"o\x91\xd8\x14\xa2\xa6\xac9Y\xa3\x18N\xed\\C\xed\x13A\x8b\x93+d\x7f\xf8\xb1\xfd"\n\xa5\xc0\x813}\x821\xf1\xd2N\x7fD\xa0\xabfUW\x86\xc0\xaeO}O\xe9!=\xda\x8a&amp;$\x93\x915~c+\xd5A\xcf\x0e\xedZ\xaf\xfa\x9a\x8cd\x0f7B\x8c\xc2]\xe2|\x8fYi\x11\xf9\x1b\xa0:\xfdd*\x8e\x9a\xdb\xc1\x1bQ\xe6qE\xce@\xf1r\xa3*\x1b\x95\n\x80\x995\x0b\xe7\xf0\xa8\xd7L\xa5\xf3\xbb\x1a\xba\xc5\x8f\xfa\xe7z3H\xe1b+\x02\xb7R\x84S\xda\xcc|1l\r9\xab\xb1\x14\x8cPk\x19\x1dss\xae\xa5x\xe0\x97\x81\xdd\xdf\xa1\xc3(B5\x89\xcf\xeb\x13cIH\x9c\xf4*\xf2\x8c1\xfa\x85P\x08|f\x11\x87\x88Sr\xfd\x19c\xa5\xd2K\x16\x02j\r\xcci\xa0\xb3\x85\x1b\xb8\xd4\xf7\x97:b\x03\x0c/\x9d=\x9d\xc6\xd9j\x94\t\xad\x9a#\x85\xcb\xa5M@\x05C"d\x8a\x1c[\x04\x1e\xf4\x9b\xb5L8\xa9s\x19\x96D\xfe\xdf\x92\xc1\xd7,&amp;\xf8Tk\x04\xe4-\xf5$\xbc\x90\xe4\xdb\xe0=KQIwS\x9d\xddPn\xb9\xa0J49;\xe6\xab\xb6\xbe\x98{\x96t:\xb0\xce\xab\xcfE\x80u\x94{\x99\xbdX\x94\x81Xt\x1e\xb2\xfe\x0c6\xc4U\x83\xfc-w1\xbaJI\xa0:D\xd3*$\xbd\xf9\x94T4\xfa\xc3\x0c\xdc\xaf\x1b{R\x96K\xbcC\x12+\xcd\xb4T\x94\xe7\x97S\x95\xa5S\x06\x16\x9e\x88\xcd##\x9c\x1f\xad\x07\x81\x97\xa7q aHh\xd2f\x11[\xa7Hp\x98fF\x96\\~\xed\xa9rC\x1d\xae\xf5(\x81b\xac\xfaO\xc1\xab+\xfbk\xd5\x8d~\n\xe9\x18\xe5\x0e\xb4\x97\x8b\'\xab\xc0\xef\xde\xf0\x0b`z\x1eI\x0cu28\x16\x83b\xc3o\xc1\x15\xf1L\x88\xf2\xf3'</t>
  </si>
  <si>
    <t>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</t>
  </si>
  <si>
    <t>b'9\xeb\x8e\xd0\x1eL\x03\xb5\xecI\xf3\x9c\xa0\x1bH9'</t>
  </si>
  <si>
    <t>l of 
 danger, for the buccaneers turned at once and ran, separating in every 
 direction, one seaward along the cove, one slant across the hill, and so 
 on,</t>
  </si>
  <si>
    <t>b'}R\xf49\xbb\xf3\x7f\x1bv\xd7f\xfd\xbd\xa7\xa5\xcc\xa5/\xe5B\x89\xbbE\x19I6P\xcc\xd38\xe4w\x8c\xc3\xfc\x88\x15\r\xf9\xa9\xe7&gt;\xc9\xf5\xb3\xfe\xb1\x98\xafWH\x7f\xb7i\x8ezH\x1e\xb4\xe1\xf5\x92\x94x\xa0v+\xee\xb8#t\xb0\x82\x0f\x01\x1d\x9d\x97\xb7\xdb\x14\xfbP,\ty\xbd\xda\xe0\xffY\xc9sm\x89\xca\x15\xe7\x1b}\xbd))\x95\x88\x1a-\xf6\x90Z\x7fgb\xec\xbdm?\xfe\xf6\xf36\x02\xe1\xf4S\x9eg\xb2\xff#z\x00\xd3\xe3\xea\xb2\xae\xe27(\xbf\x1bL\xb1\xb17\xce\xd0\x86R\xc27\xd0\x82\xa1\xe5\xe2\x1a\xb9\xe6\x04${z\xe9\xc3\xa7{\x0f|\x0f\xb2\xf1\xcc@\x07\xc8\x1d\x9b"E\x15EnXW\x1bKV\x83\xee\x84,\xa9p5\xf6\xd6\xae[\x86V\x80\xa4\x92\x86\x08\xd5\xaa\x86.&gt;\x8d^\xdc\xed\xa3\xfb\xafd&gt;Zvm\xa27\x05\xb2T\x81)`1C\xc4\x14T\xac\xa7\x8c\xf6\x8e\x8f~\x90\xeaH`-C8\xe16O\xc3}'</t>
  </si>
  <si>
    <t>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</t>
  </si>
  <si>
    <t>b'}R\xf49\xbb\xf3\x7f\x1bv\xd7f\xfd\xbd\xa7\xa5\xcc'</t>
  </si>
  <si>
    <t>to have bolted away; and one at least had 
 seen a little lugger in what we called Kitt's Hole. For that matter, anyone 
 who was a comrade of the capt</t>
  </si>
  <si>
    <t>b'\xb2x\x93\nZ\xbb\xf9\x9b\xd5\x0e8\xbbL\x81f\xb9I7\x11\x95@rP&gt;*\xb4MB\x10\x81zg\xfd\x91\x80\xc7[\x04\\\x8a\x1dx\x06J\x03m\x98\xe6\x8c\xf8&gt;,A\x17\x0b\x0c\xb8~\x8985\xa8\xff\xe7c0h2\x06Ohu\xfc\x8b~b\xf0\xb1\xe8vY\xff\x9a\xf5\xe4\x9d\xc8\xeb=p\xb6\x1a\xe2\x14\xdcV\xae\x9022\xa7]t\xba)\x97\xe4\x02\xd6\xc8\xc9\x00\x90p\xb0\x8d\xd2;\xa0\xa8w\xe1b=\xc8&gt;\xd2\x0f\xec\x8e\x9a\xa0I\x06} \xc55j\x17\xd9\xbe\xe4\x9f\xf7Q\x86\xa2X\xf0\xd6\xbb\x8a\xa6\x01\xbd\x1f\xc6\xe4\xbbx\xad\xce\x179\xd7\xb7L\x8f\nb\xe3\xaa\rr\x0b\xdfX\x9d\xac\xb0\x9e\xd9\xca\x83\x10\x80T\xdf\x0bdY*C\t\xfc\xb5lf\xd1\xce\x1c\x94U2\xe7\xb8D{\xdf\x90\xf4\xc4\xed\x00\rw\xbb\x01\xdb\xea\xe8\x06!\x0fi.F\r\xb3J\xfcv(\xc8\x1f\x0c&gt;\x90\xc8\xc3\xfaN\xe4&gt;}?\xae`8\x0e4}\xc9\x9a\xde8+\xc3Ut\xa9\x91*Z\x95O\x14ab\xa8[^Yoa?\xa4=\x16\xe81\xea\xef\t\xdb\x93\xb0\xa1A\xbbp\xcc\xb1\x11\xeai\xbb\x99Ut\x0c\x0b\xf1\xa7\x99q\xe4\xb1\xff\x08\xf8z%a\xb9\xb4\n;\xfa\xa0V\x1fe&lt;6\x8dJ\xf6\xd7]a\xf9L\xb0H\xca9+cV{@\xdf\n\xd2\x8d/\x1c\xe1\x7foB=\xf7\xb6=!x\x9bV\x8cm\xac\xe3\xe1\x13\x98\x9f\x96\x1e\xeaEj&lt;\x03&lt;\xcd\x95\x08\xa4\x1db\xa2j\x96\xedJ(~\x89b\xaf*\x97d\x05\xc4\x93$\xeb\x8799\xbe\xbc\xaf|\x14\x1d\xb7\xb1V\xb5\xa9\x91\x13\xbb\xa1\xfd\x8d\xcbZ\x1b\xcfq&amp;\x98\xa8\x186q\x1d\xda\xf5Z\xfe\xc7\xb95\xe0X\x13G\xe7\xc3[P\n:\xdc\xd9\x05\x0c5\xc7\x04\x01\x804\xd9y\xafO\xcd\x88\xbfY\xdf\xa5\xa1\xfe\x00\xb8\x173\x15\x99\xe1\x8ed\x16\xe7\xaa\xb3\xba\x96\xe6T\xe5\x1ef\x98|\x97t\xed\xfc\xc0\xbb\xce\xbd\xaeQ\x16@x\x9b=\xf58\x84'</t>
  </si>
  <si>
    <t>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</t>
  </si>
  <si>
    <t>b'\xb2x\x93\nZ\xbb\xf9\x9b\xd5\x0e8\xbbL\x81f\xb9'</t>
  </si>
  <si>
    <t>and croquet utensils having been sent on
beforehand, the party was soon embarked, and the two boats
215
pushed off together, leaving Mr. Laurence waving his hat on the
shore. Laurie and Jo rowed one boat, Mr. Brooke and Ned the
other, while Fred Vaughn, the riotous twin, did his best to upset
both by paddling about in a wherry like a disturbed water bug.
Joâ€™s funny hat deserved a vote of thanks, for it was of general
utility. It broke the ice in the beginning by producing a laugh, it
created quite a refreshing breeze, flapping to and fro as she
rowed, and would make an excellent umbrella for the whole
party, if a shower came up, she said. Miss Kate decided that she
was â€˜oddâ€™, but rather clever, and smiled upon her from afar.
Meg, in the other boat, was delightfully situated, face to face
with the rowers, who both admired the prospect and feathered
their oars with uncommon â€˜skill and dexterityâ€™. Mr. Brooke was a
grave, silent young man, with handsome brown eyes and a
pleasant voice. Meg liked his quiet manners and considered him
a walking encyclopedia of useful knowledge. He never talked to
her much, but he looked at her a good deal, and she felt sure
that he did not
regard her with aversion. Ned, being in college, of course put on
all the airs which freshmen think it their bounden duty to
assume. He was not very wise, but very good- natured, and
altogether an excellent person to carry on a picnic. Sallie
Gardiner was absorbed in keeping her white pique dress clean
216
and chattering with the ubiquitous Fred, who kept Beth in
constant terror by his pranks.
It was not far to Longmeadow, but the tent was pitched and the
wickets down by the time they arrived. A pleasant green field,
with three wide-spreading oaks in the middle and a smooth
strip of turf for croquet.
â€˜Welcome to Camp Laurence!â€™ said the young host, as they
landed with exclamations of delight.
â€˜Brooke is commander in chief, I am commissary general, the
other fellows are staff officers, and you, ladies, are company.
The tent is for your especial benefit and that oak is your
drawing room, this is the messroom and the third is the camp
kitchen. Now, letâ€™s have a game before it gets hot, and then
weâ€™ll see about dinner.â€™
Frank, Beth, Amy, and Grace sat down to watch the game
played by the other eight. Mr. Brooke chose Meg, Kate, and
Fred. Laurie took Sallie, Jo, and Ned. The English played well,
but the Americans played better, and contested every inch of
the ground as strongly as if the
spirit of â€˜76 inspired them. Jo and Fred had several skirmishes
and once narrowly escaped high words. Jo was through the last
wicket and had missed the stroke, which failure ruffled her a
217
good deal. Fred was close behind her and his</t>
  </si>
  <si>
    <t>b'4\xb8Y\t"\x1f/\xa5\x93\xce$H\xf3\xa3\xb6x\x8a\xe7`_\xfeM\xf3uA\xba\xa3\x84\xa9\xca^lM!\xa0k\x1e\x15\x97_\x17O\xf0\xc6?\x81\x82\xbe%o\x1c.\xdf\xce\xbf\xb3\xb5\x8e\xd7\x87)A\x8c5\xcd\xfd\x1e@\x9c-I\xd50d\xe4\xd0?%\xfaj\x89+#\x7f\xdf\xacD/\xb9a"\xf91\x1fL\xd6\xd5\xe8\xb7(\xfc\xe3\x81\xd0\xce\xc6\xde\xach\xaf\xad\xae\x07\xa2\xfa\n\x0e\xfc3j\x92\xa5\xb6\xf5\xbc\xfb\x18\x94\xb5e(\xc9%\xa2\xd2\xc0\x19\x07\x04\x04\t\xf1\xafr\x9a~%\x07\xdc\xa2\xccPC\'\x9c\xef\xc3\xdf\x87\xd9$\xd9\x0eB\xeeo\xd0\xc8\xfa\xcf\xd2\xef\xc3\x12\xa0L\xd7\x93\x93\xd8\xc4\x01\xeafE\xa4M\xd6\xd4\x0e\xde\x03\xf3\x93\xff\x84\xf1zap0=OG\x86\x8f\xec\xf5\x1f\xc8M\xdb\xaf@^xz\xc8\xbe\x0ec\xd8\xe09\xd6\xa4\x15\x15\x1b\x9fS\xe5B\xa6wGo\xab&gt;\xa6\x11\x9bB\xd2\xbe\xb0\xed\xb2\xb7!\x90$s\xa8?aV\xfb\xae\x9a\x98\x9aF\xed6\x18\xbd\x89\x8a\x86\n0G\xb7\xabG\xadu\xb7\xcef\x81\x86\x87\xdc\xe8\xa3\xa0g"a\xa6\xfd\xb7S\x89\xaf\xe6\'ej\xf9\x8agu\xf7\xf1\x96^K\'"\xfd\x88\xeba\xfdz\xf4C\x1e\x12&gt;C\xd10\xf5A8g\x08\x80\xaaM\xb5t\xa2:\x92N\xe3R\xd4lC\x90\xe2\xdd,\n\x95V\xb0K\xb9\xde\x1e\xca\x02\x7f\x82\xebi\xd3\xb9\xcbsaC\xd9\xc5\x03\x90SQ\xdb\x90\x90\xc4\r\xe9%$\xe4\x80\xa0\xa0]}moi\x85\xa4\xd4\xd9\xd1\x9b\xab\xee\xd4\xc8/\x02\x1a\xb3\xbbP\xe7\x9c\xee{\x99\t\xdb$(\x86\x1d\xea\xd1\x9ft\xe8\x0e\xf8zJ,\xfd\xa7\x91T\x0c\xfe\xf2Q\xeb\xb2\xf5~\x0e\xc0\xc3Q\xdb\xb6\xd3q?\x1d\x7f\x00\tw\xb9\x87a|\xbd\x95\xa1g\x81\x9cM\r\x8b)\xc6\xd9\x05\x02\xa3\xf2\xd5\xd4\xc2\xbdp\x96\x99\xfa\xe5&amp;yH\xee~R\xd1\xaa\xf8\x0f\x9aHY\xcb\xee\xd8\x18\xd6\x8e\xec\xac\x1c\x03L\x1a;\x86\n\xe9\xab\x9979\x9b[`!\x06\xa3\x80\\{\x1b\x08\x0e\xfa8@\x87~\xad\x8b\xfc\xfd\x9e\xea\xd6\xfb\xa5\xc4\xe8\x13\xd4\x11\x11\xdd{\xc9\x98\xef\xe7\x89\x9d\xb4\xdf\x1c\xe4\xa2vY\x03Z9dI\xe5dt\xb9i\xae7\xa8}\x84\xa7\x17\x89\xcb\x01=\xe5\x97\x94\xb7\x94\x13\xe7\xd7\x15(t\xbccN\xa2,\x80\xc2$\xa6\xea\x06\xb8j(\x0c\x04\xf8P\xab|\xb7\xab:\x8f\xb7\xb0=\x16\xdd\x94hNz\xd6\xe5\xc8\x91\xfd\x10i]&lt;\x8f;c~\x18\xe0:\xe9\xfcY&lt;\x18&lt;\x10\x19\xe7\xd7\x83\x9e\xd7@;\x83\xf2\xcc\x18\xda\xbb\x7f/\x05\xda\xa4\xcb\xcf\x08\x81C\x97%\x96/2dA\xed\xcb\x15W \x87\x03BM\x88\x81\x8c\xe7\xd0\xc7DUS\xa5\xbcZ\x19\x88\xcf\x91|A;\xf8VX/\x11v#xAl\x08\x91\x83i\xbbI\xc7\xe8\xaf]\x8e\x84\xf17?7\xa4\x94#-.\x1e\xb5]\xe4\x01|&lt;+\xda\xee5\x82\xa0\xb1\t\x9b\x15\xd77\x85Uc\xc9%\xca\x11\x9b\xa9"l(^\x15j\xd1\xe9\xda\x86\x1b\xfc&lt;\xbd\xc7)\xdc\xe8\xfa\xc9\xdb\xf0u\xda\xe0\xcaPp\x1c\xce\xd7E\xc82-\r\x89\x19b\x1d\xc4\x81:&lt;t\xbe\xb0uz\'?\xca\x88\xcc\x96\x05k\xe4V[\xee\xa7&gt;&lt;\xc4y\x14\xa6\xb1\xc0dW\x08`,\x00\xfd\xef\x16kF\xfb\xc5\xd8p\x86a\xa3\x86\x87\xfc\x13J\x87\x11\x82&gt;\x94x\x91\xb5\xd1\xf8\xb7\x90m\xb4+l\xae\x96\x96\xc8\xfa\xe2\xc4\xbd\xf3\xe6T\xe8\xcb\xfb7\xa9\xe6]a\x1c\xa7"I\x7f\x9d\x0bp\x8b\x84\xb0c\xd9sUMjI{):o\xf2#\xb4\xaa\x84\xcd\x86\x1d\x13\x82V\xc7-!\xc3\x92\x08\x1c\x838\x1aq\xb9\x9b\xee\xa8u\x87A\xf24b\x82/\x1c\xd7ek\xf1\xe5\xd6\xb0\x83\x03\t\x94r\x11\xbfO@c\x92#\x1c\\r\xf5\x837\x8bJ$b\xd2\xd2\xbcL\x1b\xd6\xab\xef\xcf+\xfb\xaa\x8c\x8b\xf1\xf7\xb0\x07\xe7m\xfe\x10\xb0\x9c\x8c]\xe4J\xb3\xd3\xc6\xeb\x85{\xef\xbc."\x89%\xdeju\x91\xddz\nW\xad\xd2\x87\xf9!\xaf\xc3Y\xbe9\r&lt;~90\x01\x10&amp;$X\xfbl\x87\xb0_\xd3R\xa5\x06\x9d\xeb\xeaYm\xc9n\xde\x01hX$(Z\xbd\xff\xf5K\xb5\x80\x89\xa5\xeb\xbe\xd5]I\xd6d\x80M\xa4Lv\xd0\xae\xf6\xf6\x8d`\xca \x95k\x8e\xe7"\xa3\xd3&gt;W\x1b\xab\x15\xc8W\xf78\x08\x08\xbb\x11\xb9w\xdcy\x7f@\xb3h\x8a\xe3T\xe3\xe0\xa1\xe3\xa2\xc1\'\xed\xb6\xb4\xb8\x94q*\x1dw\x17I\xcb/\x82i@\xfe\xd4{Q\xfd\xca\xc9\x90C\x1e\x81G^h%\x87s\xda\x10\xcc\xf1\xc2^\xf7j\xe4\xfb\x7fS\t\x11`d\x87\xb9\x83&gt;+\xb6\xd9k1\x17\x03a\xe0H\xe5\x05\x92\xa1K\xb3\xcd\xd9*\x12l{4\xd1x\x95\xe0\xd1\xff\x9f|\x1f\xac\x06N\x99\xdc&lt;$Zw$\xd7?\xac\xea\xc9w\xe2\xc0\x80\x9f\x0b\xf7\x8e\xf1 \xc1\x99\x8c\xbda\xfc"\x89\xc7\x00IC\'\x8a\x19\x14\x9e\xaf\xbdZ\xa4NS\xa5\xbej\x04kIB\x1b\xdfo\x839\xd3&gt;\x0b0~\x01\xba\xba\xdf\xba\xf4\xb6\xe0\xb7!~N{\x15\xe8\xcc\xb3|\x0fS\xa6\xa3g\xc2\xb3dQi\x1d,\xe3\xae\xf1\x84\xb2E\xd5\x7fv4)\xa5\xc9\xfc\x00F\xf9\xa4\x97\x11OSG\xd3\xf1P\xe6\r\x89\xf8A\xe4\xe8\xce_\xb1\x03\xa6\xdc\xf4\xcbe\x9d.\x17\x81\xe8!(bD^\x19\xcc\xba\xbb\x1b\xcf\xa2.\xea\\\xd4\x17\x80\xc3\xf6\xbb\x91\x13o\xe5\x1f)/Z\x8e\xce\xd5t^\x81\xddF\xad\xec\x19\x06\xf1(\n9i\xc0\xb8!\xd1\xfe\xd7.\\p0\xedfpxn\xe1\x0f\x15\\\x14\xbf2\x0e\x9c\xf4\xc2\x13\xc3\x80\xba\xa3\xe8_/\xd2&lt;e\x8d\x05\xb6{\xca\xdb\x0e\xd2s\xdf\xb4\xe2\xbcO\xeef\x14~L\xfc\xd6\xb4_z\xbdO\xd9[k\x1e\x07\xf6J\xa9{F\xf9\x0f\xb09\xbdD:\x053\xa5\xf1\xceX\x97\xff^p\xeb\x1b&amp;P;ZK\xb8\x00\xca\xe4\x1f\x1c\xb9\x0e\x1f\xf6?\xd2\xd1&lt;Z\xf6P~\xf2\xbb\x1b\x86\xa0\x88\'\xbbi\x80,\xac_3\xe0gSJ\xf4\\\xb3i\xcfO\xfeX\xb5\x06\xc4\xa3\x8dL\x81\xdb\xa9\x8d9G\xed\xce\xa6\xa71\xbbKc\x17\xb4\x1b\x8b\xc1\x94y\x8d\xafm\xfd\r\xdf\x9c\xa5\x9c+:\xcd\xe9\xec\xb8#\xcci\xadz\x8e+B\x1a\xa6\xe6iql\xfcC4e\xab6\x05h}\xd8\x9a\x9b&gt;$\x94j\x10\xd6\xebA\xd8%V\xee\xc0N\xe9\xa4\x0f\x86\xa5:\xa2mz!\xf2+\xe2\nl\x00\x13\xd0\xe7$P\xf2\xbe\x90P\t\x0f#\xe4\xec\x99\xcb\xccG\x1cR\x1aSC\xe90\xc5\xf4\x9c\x06\x9fV94\x8f\xb4\x82\x9a\x9e\xc4\xbc\xd0\xdd\xce\xfb}`\xb7\xfa\x939|\xb6\xc4\xba\xa5\\U\xe0q\x1f\x1c\xf4\xba\x10k\xc7B\x1d[\xa0\xaf:\x02\xa0\xa8\xd8\x1f\xc4+DO\x7fl\x97\xf9\xb4\xd0\x03\x10\xbf\r~M\xd5r\xc6\xc5[\xb8t\x11s\x0b\xd1}\xf1\xf9:\xe3\xdc\x8e\xcek\xd4\xedH"\xb6\t9\xb5\x1a\xd3\x07u\xcf\xf2\x92\x05\xd8{\x8b\xe1\xe9\x96\xa5@\xed\xc3\x0fn\xaf!\xc4\xdc\x81Hx\xb2\xef\tN\xff\x18)\xe2\xfd\xc77\xa7\xc5\x18m\x8d\xa6%\xa2\xc5\xad,\xc8\x9f$n\xcff\x19&lt;\x91r&gt;2\xfd/\x9d\xeb\x81\x9aS^\x8eRqf\xfb\x8eB\xacg\x85\xd9\xe4\xa7?4\xa5~Xp\t\t\xd7\x05MC8=\xbb\xeb+\x94\x88S\x83\n\xf9\xff\xbedN5`\x90\t}\xae~N\x93V\xa1\xf7\xdb8\x0e\xe0e%f\x10\xe5\xd3\x91\xb5m\x87\xd6\xd0\xe7\xbe\xf6\x07&amp;OU\xab\x12\xd2(\x9b\xa5\'\xa5\xf4b\xfc?\xc6@\x90\xeam{\xaf\xa7_\xa4]\xb7h\x06\xcc\xfb3H\xe6\xecU6\xd4\x18P\x02&lt;\xff`\x16\xc2\x01\x92\x90\x10\x1f\x97\x8e\xaa\xc5\x80\xe5T\xaftd\x0c\x0f\xc4^ymn\xfey*"6\xed\x9efq(fk0T\xec%\n\xfe\x82\xcf\x91\xe3\xb9\xd25\\\xc7q\xed\xe2\x0f\xb9a\xf2\xbed\xf2g:1SX\x1cn\xe0\x99\xfex\xb8F\x8e\xa1&lt;\xcb\x1a!&amp;V\xd8\xf8\xf2\x87C\xd1u8\xe8PpM\xd8k\x10If\'\xfd\xe1\xf03tycq\xd08\x1f\x0f\xc8C2I+\xc7(\x97-\x8cy\x12\x91\xbd\x95\x83\x9c\xb9+\xbft\xe0\xb2b\x01\x19L\xde(\x80\x1ac\xcf\x1b\xba\xe29\x16\'\xe5/5\xa6\r)\xd0\xae\x0b\xe2\xce\xef\xf1\xe6\xa1d\xe2\x96\x8f\x95&gt;\xdd\xa8\xe4\xfcC\xd5bpd\xe7\xb1\xca^%\xd9\x05\xdfF\xe4\x10\xa5\x08\xc4\xb7\x12\xd2P\xc7\x7f^\xc2|\x1a\xfc\xe0\x80\x8b\xae\xeaD\xe4i\xe9\xd1,\xe6n\xb0A\x91\x8a`6\xc6S\xc6&amp;\x0e\xc2\xecv\xb6\x1e\xda\x14`-\xef}\xb0\x020\x99i\xbd\xd9\x88^\x13C[Z!\xcf\xf3\xd3\xe6\x18\xba\xea\x952\xacZ\xa2B.\xe6o\x1a\r\xf1Y\xd2]\xff\xbb\xc02\xc3\xcd\x93\xa1v\rL\xde\x00\xf1\x88\xa1\xee\xf0\x9a\x9e\xf24\xa5\xe3\xa8\x95\xdeK\x0e \xc0@\xbe\xb3+\x18}hz\xb5\x96\xfc\xb9\xb3\x89\xa0&gt;4\xfc\x03\xbf\x0fq\xdb\x13\xae\xfc\xf6\xee\xb5\xe6\xf4\xef\nPF\xe7p\x9f\xf44L\xc8Z\'\xd2y\x02\xb0\x07\xcf\x8d\xd7&gt;\xbe\x8e\xc0\xdb\xc4\xe9\xeff,\x8c\x0f\xa6SK\x96\xbb\x95\xcf\xea\x1b\x15L\xb9\xd1\xbb\xed\x94\xa9\xa6\x13\xca\xdb6\xf8|\xc7\xf3\xe3\xb5Bi\xfc\xe3X\x05\xa90\xc0\xb9\xb3~\x0c\xe4\x10\xf7\xd0\x86tX$\xa3\xb8\xf02\xe4Q\x9e\xd6\x9bZ\x83\xf4Q6V\xcd\xb0\xb9\xfa\xaf\xd1\xf9\t\xb2\xe5\x99\xa5\xeb\x032\xe0\x95\xc1\xef;\xdf\xff\xc0\x9d\xa5K\xc7O\xd0v\x01\x81\xae\x8d\tF\x97\xce\xcem8V\xa3\xc1\xec#;%\x97\xe4k\xfb.\x06\xdf\x06\xc8Z\x01J2"\x92\xca\xb0M\xe6\\\xf8\'\xc0^\xc1\x13;\xa81D\xa7&gt;$N\xe3-\x17\x9c\xbb\xb90\r\x8b\xca\xb9\x8b[\xc3\xa6\xf8\x11\xd4-\x99\xc6;=~\x00+\xd8w\xfe\xea\x0534\xddq?\xc7g\xe12x.\xe6]\x07\xff~\x9a\x17\xe3\xd4\x89\xe5!\xd3\x7fSjb\x1c\xbf\x88\x17\x03\x8c\x9c"\x06\x1c\xb0jkT\x8cws\xb3\xdc\xb4\x8b\x01\x14\xf2)\xe4r\xe4^\x85\xef\x8cK\x07\x9e5\xa5v\xf5\xc8\xb1\x05\x9b\x1c\x13k\xf7\xd0\xd0\x92\xd3\xcdgp]\xf3\x7f\xcfI\xeb\x85v}\x8c&gt;\x94\xb7o\x00\x00\xa0x\xea\xab\xc8K\x955=\x1fI\xa8\xdb"x5q\xd4\xa3\nyp\xa9\x9b\x91qz\x19\xe3\x02|\x1c\xa25Z\x85\xa8\xe7\xc33\xa24J#\x98\x96\x1d\n\xc5\x91\x8ek[\xb8\xa46\xa1M\x16\x14\x1c\x99\xac\x04W\xf0\xd1\xad_\xd7_::@?\xc7K\x92"\xf4t\x1eF\xcb\x06\x14\x06\x84LZ\xc0s\x1a\xcf\xbf0f\xe63\x080\xe6^\xb0\xf0#U\xbf\x93\xb5\xc1\xf9\x17\xeaT\x10Pew\xdf\xe7\xb0n\xf8\xb9\x0cG\xc2\x04\xca\xf5K/\x1e\xd5D\xd5\x0f\x8f3\x86Ok\xbb\x14\xf4'</t>
  </si>
  <si>
    <t>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</t>
  </si>
  <si>
    <t>b'4\xb8Y\t"\x1f/\xa5\x93\xce$H\xf3\xa3\xb6x'</t>
  </si>
  <si>
    <t>to fields inside dielectrics are not so easy to translate,
  because of differing definitions of displacement, susceptibility, and so on; see
  Table C.2.)
  The Biot-Savart law, which for us reads
  B = Î¼0
  4Ï€ I dlÃ— Ë† r
  becomes, in the Gaussian system,
  B = I
  c 
 dlÃ— Ë† r
  r2
  r2
  (SI),
  (Gaussian),
  (C.3)
  (C.4)
  where c is the speed of light, and current is measured in esu/s. The Gaussian unit
  of magnetic field (the gauss) is the one quantity from this system in everyday use:
  people speak of volts, amperes, henries, and so on (all SI units), but for some rea
 son they tend to measure magnetic fields in gauss (the Gaussian unit); the correct
  SI unit is the tesla (104 gauss).
  One major virtue of the Gaussian system is that electric and magnetic fields
  have the same dimensions (in principle, one could measure the electric fields in
  gauss too,</t>
  </si>
  <si>
    <t>b'Qu\xedJ\\\xdbTO\x80\xce\x04\xaa\xc5\x1a\n\xa6\xd01\x81\x9c\xe9\xba\xac\xb8ca2\xab"h94'</t>
  </si>
  <si>
    <t>5175ed4a5cdb544f80ce04aac51a0aa6d031819ce9baacb8636132ab22683934</t>
  </si>
  <si>
    <t>b'Qu\xedJ\\\xdbTO\x80\xce\x04\xaa\xc5\x1a\n\xa6'</t>
  </si>
  <si>
    <t>rpose. The fog had now buried 
 all heaven. 
 As the last rays of daylight dwindled and disappeared, absolute 
 blackness settled down on Treasure Island. An</t>
  </si>
  <si>
    <t>b'\x01\x91\x949\xa8d\xe0O4\xfe\xbe\xf5cB\\\xd7\x8c\x87#\xc6\rx^\xd2\xe4s\x11pb\xcf\x14\xf7\x7f\x99\x90&gt;\xc6\xe5\xf2k\x9c\x0e\xcd\xfbs\xe4\x10\xe1\xd8\x00w\x8e\xaf\x0e\x1b\xafN/y\xb1!\xf9\xad\xb1\xe9\xde\xda|\xd2Hf\xd0GO\x07\x06\xf6\x87\xc7$\xd0\xb2\x18r\xec\x0c\x0fg\xaaD-h3\xf4PS\xfb0\x01iP\xab\xe6}\x9c\xeee`1\xd5\xfc\x11=\xa8\xa4\xaf\xb9\xa1\xa1\xd8\xe6)\xa2\x17^g0\xcf\x1f\x04x"\xdaoD9h\xfe\xf4]!\x8f\xf8\x03\xa9L\x9f\xc5\xd6\xbf/\xbc \xc5\xc2k\xcd\x0b\x85\xe3\x10\xa2\x06\xfc\xb3\xf8\xa1\x13\xab2\xf4\xa7\x001\xc3,}X\xf5s\xfb\xd1\x85:\xfe`\xe7\xb5\xec\x01_\x03^\x8f\x01\xf191\xc4\xb4\xe3\xee\xcf\xe1\xd1\xdaO \xf7w\xdbk\x18\xc8\xfa\x90\x91\xd1\x12\xfd\x0e+\xd6\x04\x92\xe7 \x88\xc1\xaf\xe5\xabi\rH@2\xba&gt;\xe7\xe6\xd3\xfd/\xbc\xd4$\x9f\x11\x0f\x13\t\xa06\x9cU'</t>
  </si>
  <si>
    <t>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</t>
  </si>
  <si>
    <t>b'\x01\x91\x949\xa8d\xe0O4\xfe\xbe\xf5cB\\\xd7'</t>
  </si>
  <si>
    <t>e outputs of the circuit?
 Sec. 13.3 LC Oscillators
 13.19. Repeat the plots in Fig. 13.13 if both L1
 and C1 in Fig. 13.12 are doubled.
 13.20. In the circuit of Fig. 13.12, assume
 Vin(t) = V0 cos Ï‰int. Plot Iin(t) if Ï‰in is
 slightly below Ï‰1 or above Ï‰1. (Hint: con_x0002_sider the magnitude and phase response
 in Fig. 13.13.)
 13.21. Compute Z2(s) in the tank of Fig. 13.14(a).
 Compute the pole frequencies.
 13.22. Determine the pole frequencies of Z2(s)
 in Eq. (13.13) and sketch their locations
 on the complex plane as Rp goes from in_x0002_finity to a small value.
 *13.23. In this problem, we wish to determine
 how the tank in Fig. 13.14(a) can be trans_x0002_formed to that in Fig. 13.14(b). Compute
 the impedance of each tank at a f</t>
  </si>
  <si>
    <t>b'{oB&lt;\xd4\xaa8{|}%P\xb1[j\xfb'</t>
  </si>
  <si>
    <t>7b6f423cd4aa387b7c7d2550b15b6afb</t>
  </si>
  <si>
    <t>y a euro
 deposit with dollars and at the same time sell the principal and interest forward for dollars,
 we say you have â€œcoveredâ€ yourself, that is, avoided the possibility of an unexpected
 depreciation of the euro.
 The covered interest parity condition states that the rates of return on dollar deposits
 and â€œcoveredâ€ foreign deposits must be the same. An example will clarify the meaning of
 the condition and illustrate why it must always hold. Let stand for the one-year
 forward price of euros in terms of dollars, and suppose per euro. Assume
 that at the same time, the spot exchange rate per euro, , and
 . The (dollar) rate of return on a dollar deposit is clearly 0.10, or 10 percent, per
 year. What is the rate of return on a covered euro deposit?
 We answer this question as we did in the chapter. A deposit costs today, and
 it is worth after a year. If you sell forward today at the forward exchange
 rate of per euro, the dollar value of your investment at the end of a year is
 The rate of return on a covered purchase of a
 euro deposit is therefore . This 10.3 percent per year rate of
 return exceeds the 10 percent offered by dollar deposits, so covered interest parity does not
 hold. In this situation, no one would be willing to hold dollar deposits; everyone would
 prefer covered euro deposits.
 More formally, we can express the covered return on euro deposits as
 which is approximately equal to
 Râ‚¬ +
 F$/â‚¬ - E$/â‚¬
 E$/â‚¬
 F$/â‚¬(1 + Râ‚¬) - E$/â‚¬
 E$/â‚¬
  ,
 (1.158 - 1.05)/1.05 = 0.103
 ($1.113 per euro) * (â‚¬1.04) = $1.158.
 $1.113
 â‚¬1.04 â‚¬1.04
 â‚¬1 $1.05
 Râ‚¬ = 0.04
 E$/â‚¬ = $1.05 R$ = 0.10
 F$/â‚¬ = $</t>
  </si>
  <si>
    <t>b'0E\x02 \x199\xafckR\xeb\xe0\x8b\x81\x7f;\xedX&gt;\xc7\xb1\xa9\x82\x01\xd2\x95\x85a^\x9b|\xd7L-\xd3\x87\x02!\x00\xee\x1a:i\x08\xc7\x0f\xec\x9b~4\xe5\x8a:{g\xba\xd7\x0c{&amp;\xcb\xe0\x8a`\xef\t\xec\xb0E\xb9Y'</t>
  </si>
  <si>
    <t>304502201939af636b52ebe08b817f3bed583ec7b1a98201d29585615e9b7cd74c2dd387022100ee1a3a6908c70fec9b7e34e58a3a7b67bad70c7b26cbe08a60ef09ecb045b959</t>
  </si>
  <si>
    <t>b'0E\x02 \x199\xafckR\xeb\xe0\x8b\x81\x7f;'</t>
  </si>
  <si>
    <t>nd louis d'ors, and guineas, and pieces of eight, and I 
 know not what besides, all shaken together at random. The guineas, too,</t>
  </si>
  <si>
    <t>b'@\x81g\x95\xa5\xa7\xf2\x80\xfeV\xfa\xc9KS9{\xc3\xe2\xa5\x11\x9a\x8d\xe0I\x932\xc2\xe4\xdc\xab\xea\x11&lt;\x83~b\xd8\xbc\xa7\xd6\x03\xd4\xe0\xea\xde\x1d\x96l\x88Q\xe8 \xb0\x04}v\x15\xfc~\xaeM-\xfd\x1e\x91\xb1D\x9b\xd2\x8eD\x17\xf8R\xc3.\xf5nf`B,yac\xe8i\x98\x1e\xc3\xef\xad\x7f\xf8\xde\xf6\xc6!d%\xaf\xd7\x1e\x99\x17\xaf\xfaEU=\x8c\xee51\'\'\xf5i\xbe\x84\x8ah\xfc\xf6\x04\n\xb77\x90T7\xd0\xd6\xad\xf7\xf5\xc1\xd8\x93\xb1_\xbar\x06\xc7p\x14D\x8e\tm\xa7\xb0\xcc\xc6\xe8\xe9z\xde\xd5\x14-\xe6\xc2\x1b\xd2\xfe\x90pP\xef\xc4\x80D\xeb\xeb\xa6[\xccYN\r\xcaj\xfe\xc0"\xa91\xe8]Rl\xd86\xb9\x80\xf7\xef4\rE\x19E_\xeeZ\x0f\xfa\xed[\x06j\xe0\xa5\xb8\xadB\x88\xa8\x91\xff)\xcd\xf7\xba\xe5\xb8j\x05\xb1\xb6\xc7Z\x17O,\x83:\xf3i\x1f\x9c\xe2\x15\xf0\xea\x85\xa9\x9at\x9ddg \xab\x1d\xd8K\xa8\xa9{\xac\x1c$mS\xaczwc\xc5\x8f\xc8\xe4`a\xdf"\xd7\xfeRc\xd27\x1bl\xcd\x07\xd5\x16&gt;-(n\xd1\xfa\xfaO,B\x90\x04\x81g\xf2\xdd\xedJ\x1a\xdb0\xf9\xe1\xedws\x88L\xd5\xe5D/\xbc\xbe\x9e\x8e\xbfyMv\xbe\xc2\x94C\x06G\xcb"\x05\x12\x97s\xcb\x0c\xc3;\xad\x9ckD\n\xe5%\xad\x99\xcd$\xcb\x983\xe3\x94\xcb\x9d\xac\x18\xbe\x14\xfb\xbf\'\xfb\xd1\x80\xf8\xe1\x9b\xfc&lt;! z\xf0H\xa3t\xe8,\xe3\xf1&lt;&gt;G\xd24QI\x05\xc8\xd3\xbe\x88\'4+\x14Y\xec\xfe\x93\x80\x9a\x17X\x81\x02\xac\xb1\xde|\xec\xc5\x8e\xdbQ\x9d\x84R6arQ\xb9@)"\xd3\x17\xa3L\xa2OLs`\xa4\xba\x93\xbe\x0b\x9fq\x8c`\x9eY\xb5\xa5\xf9\xfa`P\x1d\xd15\x82\x90g\xae4\xe5\xcf \x0e\x12\xbd\xb1\x10x\xee;\xa0\xba\x9e\x91s\xde\xe0=@\x12\x0c6G\xaf&amp;\xcb*\xdcY\x82L\xb3\x05bO\x91C\xfd#\xd0'</t>
  </si>
  <si>
    <t>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</t>
  </si>
  <si>
    <t>b'@\x81g\x95\xa5\xa7\xf2\x80\xfeV\xfa\xc9KS9{'</t>
  </si>
  <si>
    <t>during the Q&amp;A session at SellerConâ€”a
 conference for Amazon sellersâ€”one attendee asked, â€œIâ€™m launching ten
 products right now. What would be your suggestion on how to do that
 without overwhelming my audience?â€
 â€œSimple,â€ I said. â€œYou donâ€™t. You canâ€™t. Your audience will absolutely be
 overwhelmed. Donâ€™t do that. Sell one at a time.â€
 He pushed against me, but I stood firm. Donâ€™t launch ten products at the
 same time. Launch one. You will make more money and maintain more
 momentum. To get the snowball going, you need to reach twenty-five sales a
 day, and itâ€™s difficult to do that when youâ€™re watching and pushing ten
 products.
 Itâ€™s also just poor optics. Ten products on Amazon with only a handful of
 reviews each isnâ€™t as powerful or trustworthy as one product with lots of
 glowing reviews. Do one</t>
  </si>
  <si>
    <t>b'\xf4.3m`#\x0cK&amp;\x80\xa0\xee\x0c\x88~D\x16\x80\xd6\x0b\xaa\xa3\x88o\x19\x1f\xa4\xcf\x01|\x06\xe1\x06\x924\xcdNg\xd5\xc1\xb0\x14\x98G}\x9e\xb6&lt;\xb6(\r\xe6G\x90&amp;\xcc\xaa\xfe\xb0\x06\x8a\x1c]\n##{\x07\xb6F\x99&gt;?I4\xa4\xfa\xe2F\xbe,\x03Nn\xb14\x0c\x0cB/\xdc\xe3\xbd\xac\x1e&lt;t\xa7\x92n\x92\xfe\xa23@\xef\xf3C\xcc\xb0%\t#\xefe\x1c)\xbbD\xce\x95\xf0\x98\xa1,\xea\')!\n\x80-j\t\xfd\x9e:\xd8@8\xb6\xfc\x1a\xa7\xb5\xb0\xa7\x9e`O\x1fQ\xe5\x9ap\xa0\xbd\xf5OO\xeaR\xf7\xe2W+\xcd\xf7"\xab]6c/dL\x89\xc9\x8b?\x0fc\xe8$\xf9\xce\xa7\xd4\x9c\x86"Y\x9e\x0c:\xf1*\xdd\x8bN\x90\xab5;\xc9\xfasU\xe9c\xec\xb2/a2R\x80\x84X\xe8k\xcfk\x88\xa4\xe3\xf0bj\xc2hk /\x9f\xfeE\x17\xd2L\xd3\xe0\xd1ex\xc5&lt;ES\xb1E\xff@\xa5\xcf8\x96\x1c\xee\x85\x0f*\xb2\x13B\x0c\xde\x1e\xf69\x80\xb5\xca\xec_\xba\x06\x81L\xf0\xbfZZ\'\'\xcc\xe1 \xffU\xe2\r\xf3\x9ey\x9eH)n\xba\xe3\xb3\x0e\xa4\rO\x95h+\xe1\x960\r\xc4\xe2\x9b\xf2\x8b\xb5!+\xc5\xdd\x84\x85\x9f|v,\xcd\x8c\x89\xb6F\x89\xef\xa5=\x90\xa1\xd1\xf2x^\xf0\x0e\x96q\x02\x15\xb3J\xab\xf4\xc4\xf4\x8d\x14\x14\x088\xd7l\\\xeb\xbf\xa8\x8c\x00F\x9b"^*\xbf\xf4\x98B\xc1sg\x1c&lt;\xee,\x8f\xe8\x98\xa3\x04\x88\xce\xe3e5\x94\x8bz\x7f\xcb\x19UZ\xbd\xb02\x82\x8d\xff0q\x8a\x93G\x87\xa7?%U\x15%\x11\x85\xba\xe3\n\xd4\x93i+\xed\x03\xdb\xd5\xff\x9dw\xf6\xfd\xa0\x89E\x03\x1a\xaaL\xc1\x10\xea\xa8\x95\x7f0\xf9\x8b\xe8;\x123X\xee\x10B\x9a\x10\xf5\xebM\x17O\x868~\xa1N\x9f\x18\xb8TqE\x04\x96\xc0\x8b\x1cdF\x05u\xadK\x14\x90u\xb9\x06\xe5\x14T\x95\xc9\x80\xeb\xa8\x971a\xba\xe8s\x0f\x1f\\\xc5a\xcc\x01\xcb\xad_\xcfZ\x91\x02\xfco\xd0S\xf2\xe6\xa5\x9fS\xed\x02\x1c\x9f\xa8\x93G\xd4y\xda\xee\x1a:\x86\xfb;R\xb4\xba\xc6oy`\x9aG\xdb+\xa5\xe6\xc3\xb7\x04\x9a\xe5w \xa6w@\xe6b\xd8J\x0b\x01\xdf\x0e\x8d\xc1\xb6\xe2E\xcd\x84\x07\x8bv\xc5L\x12\t\xf3\xd6PW\xfc\x96bBg\xe8\xc8\x0f\xb2&lt;\xb3N\xa1L?}X\x11iWg\xe4\x16a\xe0M\xaa&gt;\x9f`\xc3\x85\xda\xfa\xd4\x96\xc2?1"\xedz-W\xfc\x15\xa4\xea4\xc1\x9f\xf5\xb4\xf0O\\\xe7\x10\x08\x92fe\xe7\xceR\xfe\xb2\xfb\x08\xc5\xf6]\x06KPW\xce\xbd\xadt\x85\xfe\xc2}\x93\x886N\x13\x83\xc1\xa81\xf7\xb2\xecl\xbd\xb8w7\x8e]D\x0736\xc4\xc7k\xfey\x8f\xa6\x83\x0c\x13\x13\x19\x01\x9d\xb11WcT\x14\xc5\x91\xe5\x81\xf3hq\xfb`\x0fE?@@\xf9F8\xf5\xf1\x83E\x91Wez&amp;&amp;\xfb]\x08\xa6j\x81\xc1t}\x9bQt\xf2I\xca\xce\x81\xdf{\x19\xb07&gt;&amp;\x95@\xe8\x8a@\x0f!\x16E\xdfAx\x10\x8d\xf7,`\x1fN\xec:\xe8*vE\xb4\x03\xc8\x1e\xe3\x03B\x12-\xa8\x88\xd6\xa1\xa3\xfe\xef,\x10\xb6\x9a\xa2\xfd\x86\x94\x0be^\xe0\xe0wG:\x93'</t>
  </si>
  <si>
    <t>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</t>
  </si>
  <si>
    <t>b'\xf4.3m`#\x0cK&amp;\x80\xa0\xee\x0c\x88~D'</t>
  </si>
  <si>
    <t>d by
 your good opinion, but'â€”and she hesitated,â€”'the mistake of this evening
 makes it unnecessary for me to say more.'
 'It does, madam,â€”alas! it does!' said the stranger, who, after a long
 pause, proceeded.â€”'But you will allow me to shew my disinterestedness,
 though not my love, and will accept the services I offer. Yet, alas! what
 services can I offer? I am myself a prisoner, a sufferer, like you. But, dear
 as liberty is to me, I would not seek it through half the hazards I would
 encounter to deliver you from this recess of vice. Accept the offered
 services of a friend; do not refuse me the reward of having, at least,
 attempted to deserve your thanks.'
 'You deserve them already, sir,' said Emily; 'the wish deserves my
 warmest thanks. But you will excuse me for reminding you of the danger
 you incur by prolonging this interview. It will be a great consolation to
 me to remember, whether your friendly attempts to release me succeed
 or not, that I have a countryman, who would so generously protect me.'â€”
 Monsieur Du Pont took her hand, which she but feebly attempted to
 withdraw, and pressed it respectfully to his lips. 'Allow me to breathe
 another fervent sigh for your happiness,' said he, 'and to applaud myself
 for an affection, which I cannot conquer.' As he said this, Emily heard a
 noise from her apartment, and, turning round, saw the door from the
 stair-case open, and a man rush into her chamber. 'I will teach you to
 conquer it,' cried he, as he advanced into the corridor, and drew a
 stiletto, which he aimed at Du Pont, who was unarmed, but who,
 stepping back, avoided the blow, and then sprung upon Verezzi, from
 whom he wrenched the stiletto. While they struggled in each other's
 grasp, Emily, followed by Annette, ran further into the corridor, calling
 on Ludovico, who was, however, gone from the stair-case, and, as she
 advanced, terrified and uncertain what to do, a distant noise, that
 seemed to arise from the hall, reminded her of the danger she was
 incurring; and, sending Annette forward in search of Ludovico, she
 returned to the spot where Du Pont and Verezzi were still struggling for
 victory. It was her own cause which was to be decided with that of the
 former, whose conduct, independently of this circumstance, would,
 however, have interested her in his success, even had she not dis</t>
  </si>
  <si>
    <t>b"\x02\xc8\xb1\t\xdd \x03\x17,\x9a\x91\xf7}\xd1\x8a\x0c\xe30\xf8\xda8\x16\xb7Kd\x04\xfd\xea\xf1\x13UU\xc43\xf54*\x85\x95\xdb_\r\xab\xe0p\n\x01\x89\x91\xa2F\x19W\xb8\xb60\x8c\xb2\xdbK\x89'W\xe9"</t>
  </si>
  <si>
    <t>02c8b109dd2003172c9a91f77dd18a0ce330f8da3816b74b6404fdeaf1135555c433f5342a8595db5f0dabe0700a018991a2461957b8b6308cb2db4b892757e9</t>
  </si>
  <si>
    <t>b'\x02\xc8\xb1\t\xdd \x03\x17,\x9a\x91\xf7}\xd1\x8a\x0c'</t>
  </si>
  <si>
    <t>arms are easy found, in the sand-hill, N. point of north 
 inlet cape, bearing E. and a quarter N. J.F. 
 That was all; but brief as it was, and to</t>
  </si>
  <si>
    <t>b'3a\xd0\xd8}W\x0e\xb2\x15\xf9\xaf\x10\xd8\xbd\xbc\xc747\x01\x95\xdbC\xd4\x91$\xe7\xd4\x04\xee\x87\x11kn\xd0\x8d\x1d\xaa\x8f\xce!\x963\xb1\x8d\xca\xaa\xcd\x0f\x05\xc3-$Z\x840\xb4\x1eTdiG\xfc\x17\xaa\x12[b\xb8\xae\xda\x88n);S\x90\xb5\xc1\xcblt\x82\xb3\x18\xa7\xc4|7K\xaf\xd0Q\xbd\x10\x96b\x7f\x8f\xcbc\xf1\x03#\x9d\x92\xd2\x8a:\xca\xdf\x853\xcd8\xfd\xeb\xce\xe9\xa3lC\x86^Rtu\xd3pC{w\xafY{W\x10\xce\x8a\xf2\x84zVE+s\xf5\xabQ\xf4E\xe6\x86\x9biaK\xe9\xcbs\x01\xc0\xbb\x93|\xc1-\xb1P\xc5P[7\x14\n\x17\xac\x8a\x938\xbd\xae\x06\x06\xa7B:\x87)\xa8lWP\xb4\x9f\x8e3\xc7J\x97\xa2\xe3n\x93\x9c8\x87\x89\xb3m\x8b=u\xce\xf6\x9f.\xcc\xe9\xcb\xf4]\xf8\x1dM\xdfh\x8b\xaa\xf4Rwd\x04\x17\xc4\x08\x99\x08f\xf4h}\xc8\x83d\x9d\x12\x9f\xbd\xc9&amp;\x83@ia\xd6'</t>
  </si>
  <si>
    <t>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</t>
  </si>
  <si>
    <t>b'3a\xd0\xd8}W\x0e\xb2\x15\xf9\xaf\x10\xd8\xbd\xbc\xc7'</t>
  </si>
  <si>
    <t>ifting his thin chest to draw it in, and his big
eyes looked as if it were they which were listeningâ€”listening, instead of his
ears.
"There are so many sounds of singing and humming and calling out," he
said. "What is that scent the puffs of wind bring?"
"It's gorse on th' moor that's openin' out," answered Dickon. "Eh! th' bees
are at it wonderful today."
Not a human creature was to be caught sight of in the paths they took. In
fact every gardener or gardener's lad had been witched away. But they wound
in and out among the shrubbery and out and round the fountain beds,
following their carefully planned route for the mere mysterious pleasure of it.
But when at last they turned into the Long Walk by the ivied walls the excited
sense of an approaching thrill made them, for some curious reason they could
not have explained, begin to speak in whispers.
"This is it," breathed Mary. "This is where I used to walk up and down and
wonder and wonder." "Is it?" cried Colin, and his eyes began to search the ivy
with eager curiousness. "But I can see nothing," he whispered. "There is no
door."
"That's what I thought," said Mary.
Then there was a lovely breathless silence and the chair wheeled on.
"That is the garden where Ben Weatherstaff works," said Mary.
"Is it?" said Colin.
A few yards more and Mary whispered again.
"This is where the robin flew over the wall," she said.
"Is it?" cried Colin. "Oh! I wish he'd come again!"
"And that," said Mary with solemn delight, pointing under a big lilac bush,
"is where he perched on the little heap of earth and showed me the key."
Then Colin sat up.
"Where? Where? There?" he cried, and his eyes were as big as the wolf's in
Red Riding-Hood, when Red Riding-Hood felt called upon to remark on them.
Dickon stood still and</t>
  </si>
  <si>
    <t>b'Hm\x9bh\xa7\xfc\xb0\x05\x1b}hKd\xb2!gKH\xc3\xa7\xc4X\x02$\x12\x18\x14\x9cH\xb1\x90\xb9\x07\\c:\xdd\xb5\xeb\x95\x7f1y\x86\x8d1\xb7\xd3M\xbb\xe2+\xe1J\xb0u\xa1Z\x1f\xf7\x19z\xf9\xa1\n\xfap\xee\x92\x87\x0b\xa0\xb5\xf9\x891\x9f\x0b\xca\xbeU\xacs\x9bT\xabu\x84c?\xd9`\xa2\xd4\x13\x82\xff\x94\xf9\x12h\x10\x17\xa4\xd7HM~\xd5P\xb6E\\j\x90\xccm_\xe8d$\x05w\xc1O%\t\xc1y\xdb\x87\x0b\xe2\xa8\xe5\\\xe7\xcc"\xf2\xe4\x03\x12\x02\x86\xf2\x8d\xfbz\xc3\xaa\xae\xfeT\x90xI\xa1,;F\xdeO\xb0\xd7\xa4\x04\x04f\xaf\x1f\n\xc0\xe1\xd5\'=B\x9c\x1b\xbd\xb5\x9a\xb2\x9a\xd77\xeb\x92\xf9\x167\x91\xc4\x86\x93\xf7\x0fMe|\x88x5G\x08\xd6\x7f\xab(\n\\R \xa7t\x118\xde\xc7k\xda\xee\xe5\x0f\xf09\x0b\x0e\xc7&gt;5\xb9\xe3&lt;\xeb?\xc9\x08&amp;\x0f)\xfe\xcc+\xf4\xc3\x98&gt;&lt;7@ \x88N\xf6\x98\xa0th\x15\x8e\xb1\x95\xe2\xad\x0c\xfd%\x1d\x1c+a\xcd\x83\x94\x85\'aZA&amp;o3\x7f\xdb\xeb@5\xbd\xa1\xcd\xb9\xb7\x1a\xe82\x80d\x15\xe0\xb5\xec\x12 \x1e\xde#CK6\x0bZ&amp;O\xac\xff\xc3\xdd\xa3\x18$\x0e\x9d\xe2\xba\xf7\xb3r\xe2\xe0\x01K\x9e\xf6\xedj\xf1\xb0\x8e\xc2-]\xa16\xc5\xde\xbb\xaeW\xe0\xac\x98^\xa8&gt;\x9e\xf3&lt;\xfa$\xa0\xeeH\xc2M\xf1;\xe3K\x16\xd86\x00\xe0\xcd\xda\xeaj\\~/\x87\xbf\x00R\xf6K\x80\xa7\x82\xaf\xd5\x9f\xccS\xabJF\xc7`Em\xc6\x915\xef\x81\xc5\xa1\xa4\xfcH\xcd]B\xe6\xbc\xfc\xfdV\x87*\xd3\xe1\x8c\xb1\xf9\x03\x9eC\xd6%\x03,\xa6;\xf7\x0b\xa4Qj7\xa9\x99\x96\'\xd3db\xcc\xd8V3\xb3\x92\x80*6\xf8\xa0\xdbg\xa3\x8e\x84lM/\xb8\x8c\xdf\xe7\xddV\xef\x8dtI\xd3\xecA\x92&lt;2\xed&amp;\x0c\xb8\xcee\xe3\x94\xbe\x912\xd7U\x86I\xd3\xcb\x16\x0f\xc6\xe3\xb3\x13\\\xa3\xaa;\x9a\x18\xb7\xcfs\x04\x0cN\xb1:o\x116\x17w\x0fCD\xe2\xe6\x99\x1fz\xc0\x0f\xd4\xcc\xf0\xa9\xd9\xc8\x80\xabZ\xca\xfd\x8bS\xb3\x8e\xb9c\x1a\xabC\x00\r\xa9\x08\x17\x01\xffz\xb2\xf5S\xec\x8fSZ7\x9f\x127\x12d\xecM9N\x18\xdb\xf5Z\x97\x8d\xf2&gt;9\xd1^\xbdD6-\xf1\xf8\x1a\x16Vw\xccB\x19\t\xca@\x84\xea\x1c\xf0\xb3\x8a\xb7\xdc\x89\x96O\\\xd0\xb1\xcc\xf1\xb8=\xe6\x16\x93?\x05(\xc8\xc4\x8e%\xcb{\x0f\xa7S\xb7\x16\x08\xf7e\xbf\xff\x06\xf1\xe8\xfcs\xb3[\x8b\x9f\x1e\x1e!-\xb9\xe5\xea\x91_H\xec\xce\xd2a\x14\xaa\xd9"\xa6\x92O\xb4\x84\x8a\xe2W\x9c\xb5i\xee[\x86\xc2\x0e\xe0iV\xed3\x8e\x83Y\xe4V\xa2J\xab\x14&gt;\xce\xae ]\xea\xda\xbc\xa9\xe6\x98\x07\xa1\nu\x91\x7f|\xdd?\xa8\xea\xab\xd1\xf0_\xac\x17\rd\x9e\n;R\x0b \xa6Ah\xd2\t\x9d\xb2\n\xe8\xee6ER\x99\x9b&gt;\x83\x1f\xc05\\\xa1c\x86\xfcld2\xf0\x0f\xf5\xbc\x0e\x1a\\w\xf1\x08^p\xf0\xa0\xc8y\xe5\xb5z\x1f&lt;\xbb\xb0\xa3\x01&gt;Jf\xa7#\x0b\xc5\x89Og\xc1\xa1\xa4*\x92\xf3\xb1\\\x8c~\xf4\x8fdK\xd5{\xd5\x07\xe6\x8a\xeb\xfb9\xf5A\x8a\x1f\xad\xb1\x02\x83\x03,\x13\x9c=q\xec\xc3_\xa27\xc7]e\x9f\x92wrD5\x94`\x18\xab%\xde\x13\x17\x05?o\xa4\x1c\xb0\xf7;\xbd`\xfc\xffZ\x90p6\x12\x0b\xf6\xfc\x18\xd9e.\xad\xb2\xc8:\x1a+\xcdQ/\xe9\xff\xa4\t\x86\xe4\xe5\xf1D&gt;\x12\xe0\xc8}\xf1\xb2\xc9\xc9k\xd0\xe1\xb2T *\xf8K,\x15\xa5\x9f\n\xcb\xd8\xa3\xce\x071\x93y\xdc&amp;\xae\x9d\x949\xf2\xc0\x18`\xb9P\xa4v\x8dR$\xc4\xe7\xf9\x05\x10#1\x9b\x14\x02\xb7\xacK\xbe\x05\xe2\x02\r\xc5\xf5\x82q}i\xa7^\xc4\x8d\xd6C\x1e:\xba\x05\xf2\x9dr\xd0\t\xe3\xd8#\xf2\x83\xcc\xae%\x9ct\x80\'C\x8b^5)5\xa3[_\xde\xc1\xab\xae\x8e\xa69-J\x911\x81\xcb\xca\xa7\x9d\x19\xc5\xf7gN\xadg\x01\x13A\xd1\xe5\'\xfew\x83\xf3{\xc3\x18A\x7fJ\x88\xf3\xa9Z\x08\x13\xe2\x88~\xa6i\x08QYv\x88\xb2\xf4\x85fgb\xdc\x033\x86z#\xfb@@\xad\xc1`\x83`AL\xff3cy\xb7\x9c8\x02L\xb7\xe3\xbe\xf4w?\x93lGa\x13s\'\x85Xd\x97A\xd3EK*\xdd\x1b\x96\xb7\xd7\xde\x15\xb6vdQ\xe6\xfc\x0eyf{`\x94a~\x1f?\xd7P\xb4P\x95\xe5GR\xf5\xfc\x16~\xc0\xfcO-\xfb*\xd4\x9b\xf5\xf6k0\xefz\x1d`\xee4B\xf7\nb\x84oAjb\x05\x00\xf0\xb5s;\xe9\x15zP\xcf\xfbnP\x1bS\xff\xad3-k\xea\x16\x049\xa5\x14\xdcue\x1b\x81\xe1\xe8&amp;\rY \xf8\xec\x81J}\xd5\xd2\xc24\xa0\xb1\x1d\xa2\xf10\xa3\x10\tY\xfa1\x1f\xce\xc5{\xc9\xaf\xc4o\x82u\xe2\xf4\xfb\xce\xd0\xe5\x8biT\x07\x9a\x82\xcaK\x81\xc1c\xb6.H\xf8\x01*5\xe1H\xf3\xd1Y\x95\xef\x96:\xf0\xd3\xc5n\x9a\xd9\xb4KW\xea\xdb\xa7\xfd\xf7v\xa3\xfc\xbc\xef@ \xf6\x1d\xe0\xf1 \x19_a\xe7\xab\'x\xec\xfe\x01\xe2\x16\x03\xe3w\xfdl\x7f\xf6\xa5a\'B\x1a\xc4\x1f;\xaf\x85y@\xb8$eJ\xd0\xab\x91d\xaeV\xc9\x06\xec\xed\xbar\xab\xd9\xebF\xb2\xf48\x17\x1c#\xf7\x8a\xcd\xef\xfa\xadg\xc8\x9f\xb8\x8c.\xb7\xd30r{\x1d"Q@\xa47\xf9\xfdX,\xbb\x07n\xff.\xab$\xccB1`k\xa1\xef\xc5\xd7\xf2\xc8y\xc7\xdfRc\xf2L\x89B\xd7B\xcc&lt;\x95\xaa\xf8\x9a*T\xdb\xf6p\xe8\xa4\xd718\xf68\x18sb\x13_\xd4\xf9\xab\xfa\x8ex\xa2\r7\x99\xc6)YW\xe8\xdf\xba\xa2\xfa\xd5\xec\xb2\xe3\x7f\xd0\x04&amp;W*\xcb$OX\x0f\xc4X\x13`\xf6C\x87\x05\xb5@2\xb1&lt;\x7f~P|\xdf\xb0\x93\xee\x0ep\xe5\xa9\xf4\xa6\xa1\x98\x8d\x82\xb5{\x99V\xf4\xcb\x7f\xa5V\x06G\xa9\xb8\xf9\x92\x17\x08\xd6F\xff\xc6\xe5\t\xdc\x01\x9bj\'\xad\xfd\x93\xa6\xd4T\x9f\xab0\xf3@\xba\xc4\xd3\xc6Z\xcc\t\x91\x88yu\xe3\xfc\t\xed\xb7\xf8\xbd\xd8\xec\xe1\xa3\x12`\xce\xc9\xc0\xeff&amp;\x12\x1d\xfc\x90\x94\xe7\xb8p\xb7\x93!\x0eJ\xbax\xcf,\x17\x89EP\x06&lt;F\xbe\xab\xc9\x94\xf8\xa3\xc6\x0fTg\x8a\xf7\x9cd\xf0*\xff\xd1\xb5\xe68\x95\x97\x9e\xbb\x89\r\xbc\xdf^\xa8n\xa2EG\xd7@\x04t\x01P$\xcb2J\x0b\xf5\xfb8\xdd\x0eZA\x0e\xc0\x81c\x90q\n\xbdg\x89A$\xea\xc5\xec\x94_\xf1\x14\x0e\xe8\xd9sO\xf9\n\xb8\xfd\x92\x9f\xa7Gb\x125\x8b\xd0=\x18\xe8nS;\xf3\x11\xf6p\x1a\n\xaejn\xea@\xbf\xa5.7\x84\x8d\xe0\xf1\x85\n9\x87\x0c!\n\x8c(\xda_h\xc2\x81\x88)\xcd{\x90\x85\x90\x80\xfe=\xca{\x96\xbd\x00\x1aJ\xf8I\xba\x8aJ\xb7\xc1\x07\xe8|8K\x87\x0f`\x0b&lt;\xc3\xa2\xf5\x90\x11\xadg\xa3\xecV\xb1\x9e9\xf2\x88'</t>
  </si>
  <si>
    <t>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</t>
  </si>
  <si>
    <t>b'Hm\x9bh\xa7\xfc\xb0\x05\x1b}hKd\xb2!g'</t>
  </si>
  <si>
    <t>carriages, you would. But not you! I 
 know you. You'll have your mouthful of rum tomorrow, and go hang." 
 "Everybody knowed you was a kind of a cha</t>
  </si>
  <si>
    <t>b'ws\xac\xfb\xe91B\xde\x89\xd2\x8ab;\x8e\xbb\x85*o9*d\x07\x94\xcb\xab\xf7\xaaJ\xdb_\xa7\xa3\xb6[\x91\xd3\x85%\x01\xda\x92\xf6\xa4\xc0\xb4\x16\x96h\x95\x925\xd4|\xd1i\xd0y\xeaM\xe32\xe9\x15\xc4\xde\xd6\xf4\x11\x06k\xac\r\x8f\x8a[\xaemxz\xc8\x85b\x83\xc4\x14\xc7J\xd9\x07\x1a\x87Q\xc72ly\'\xf3:\x93\xc9\xee\xae\\\xee\xf5\xa5X\xca\xb8\xab\x99\xa3\xe1\xfaV:\x95\x16}\x12\xd7\xb0EH\xa6RW\x1d\xfa\xfbo\x15\x197\xf4=\x883@U\xec=\x15\xbf.^\x1bn\xc9.o\xe6\xb4\xc1\xf0Y\xf9\x7fKx\xb0\x0b@\xbe\x17\xc6\xfe\x05\xc0"\x18\x99\x07\xb7\xcbF\x00~\x9f8\xe4\xd2\xf7\xe4K\xa9f%b\x876\x1a\x13~\xe4\xfb"\xe5\xcf\x03\xcfff\x9a\xcb\x92\xb3\x13\x87I4h\xcd\xff\x88H\xf6r2JQ\x84\xb3J\xd2\xc8k\x97.!&gt;Y\xdcC\xb2\xb2\x00\x81\x87\xa4}"\x9eZ\x8d\xa0\x17j~P\xc6b\xe46\xec'</t>
  </si>
  <si>
    <t>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</t>
  </si>
  <si>
    <t>b'ws\xac\xfb\xe91B\xde\x89\xd2\x8ab;\x8e\xbb\x85'</t>
  </si>
  <si>
    <t>ish to design the MOS cascode of Fig.
 9.73 for an output impedance of 200 k_x0003_ and
 a bias current of 0.5 mA.
 (a) Determine (W/L)1 = (W/L)2 if Î» =
 0.1 Vâˆ’1
 .
 (b) Calculate the required value of Vb2.
 9.57. The bipolar cascode amplifier of Fig. 9.74
 must be designed for a voltage gain of 500.
 Use Eq. (9.53) and assume Î² = 100.
 (a) What is the minimum required value of
 VA?
 (b) For a bias current of 0.5 mA, calculate
 the required bias component in Vin.
 (c) Compute the value of Vb1 such that Q1
 sustains a collector-emitter voltage of
 500 mV.
 M 1
 M 2
 Vb1
 Vb2
 R out
 Figure 9.73
 V Q
 Q
 b1
 VCC
 I 1
 1
 2
 in
 out
 V
 V
 Figure 9.74
 9.58. Design the cascode amplifier shown in
 Fig. 9.75 for a power budget of 2 mW.
 Select Vb1</t>
  </si>
  <si>
    <t>b'\xd7K\xa5R\x00\xbe\x80VD\xb7]\x06\xfd\x01\xd4\x85'</t>
  </si>
  <si>
    <t>d74ba55200be805644b75d06fd01d485</t>
  </si>
  <si>
    <t>first (1973â€“1975), 533â€“535
 second (1979â€“1980), 536
 Oligopoly
 collusive behavior in, 159â€“160
 defined, 159
 strategic behavior and, 159
 Olson, Mancur, 230, 232
 One-factor economy, 26â€“36
 One-factor model, 36. See also Ricardian
 model
 Onshore-offshore interest differentials,
 611, 612f
 OPEC. See Organization of Petroleum
 Exporting Countries (OPEC)
 Open economy
 imaginary, 299â€“300
 macroeconomic policy goals in,
 505â€“515
 national income accounting for,
 298â€“306
 policy trilemma for, 648â€“649
 saving in, 303
 trilemma, 509â€“510, 510f
 Opportunity cost, 25, 28, 358
 Optimum currency areas, 557â€“558,
 566â€“578. See also GG-LL</t>
  </si>
  <si>
    <t>b'0E\x02 \x10p\xfd\'\x82%\xf2\xbd)5\xfbB\xd9\xfb\x8b\xbd\x7f\xb7\x91\xa1\x00\xd96"\xdd\x93D\xe1zE\xae\xc4\x02!\x00\xce\xeag\xf1\xbf\xaf\xd8\t\xc0j\xd0\xc1k]\x03\x9e\xb0\x11\xc0\x9bi\x81\x07\x1d\xf6\x0e,\x90 \xb6\x13\x86'</t>
  </si>
  <si>
    <t>304502201070fd278225f2bd2935fb42d9fb8bbd7fb791a100d93622dd9344e17a45aec4022100ceea67f1bfafd809c06ad0c16b5d039eb011c09b6981071df60e2c9020b61386</t>
  </si>
  <si>
    <t>b"0E\x02 \x10p\xfd'\x82%\xf2\xbd)5\xfbB"</t>
  </si>
  <si>
    <t>, ma'am; I am right glad I happened to be here. Where may
 I take you to, ma'am?"
 "To the Paddington Station, and then if we are in good time, as I think we shall be, you
 shall tell me all about Mary and the children."
 We got to the station in good time, and being under shelter the lady stood a good while
 talking to Jerry. I found she had been Polly's mistress, and after many inquiries about
 her she said:
 "How do you find the cab work suit you in winter? I know Mary was rather anxious
 about you last year."
 "Yes, ma'am, she was; I had a bad cough that followed me up quite into the warm
 weather, and when I am kept out late she does worry herself a good deal. You see,
 ma'am, it is all hours and all weathers, and that does try a man's constitution; but I am
 103
 getting on pretty well, and I should feel quite lost if I had not horses to look after. I was
 brought up to it, and I am afraid I should not do so well at anything else."
 "Well, Barker," she said, "it would be a great pity that you should seriously risk your
 health in this work, not only for your own but for Mary's and the children's sake; there
 are many places where good drivers or good grooms are wanted, and if ever you think
 you ought to give up this cab work let me know."
 Then sending some kind messages to Mary she put something into his hand, saying,
 "There is five shillings each for the two childr</t>
  </si>
  <si>
    <t>b'\x85\x02\xbd\xc9\x90\xe6\xbd\xa8'</t>
  </si>
  <si>
    <t>8502bdc990e6bda8</t>
  </si>
  <si>
    <t>neers left
 established semiconductor companies to start firms that manufactured capital goods such as
 diffusion ovens, step-and-repeat cameras, and testers, and materials and components such
 as photomasks, testing jigs, and specialized chemicals.... This independent equipment sec_x0002_tor promoted the continuing formation of semiconductor firms by freeing individual pro_x0002_ducers from the expense of developing capital equipment internally and by spreading the
 CHAPTER 7 External Economies of Scale and the International Location of Production 141
 costs of development. It also reinforced the tendency toward industrial localization, as most
 of these specialized inputs were not available elsewhere in the country.â€1
 As the quote suggests, the availability of this dense network of specialized suppliers
 has given high-technology firms in Silicon Valley some considerable advantages over
 firms elsewhere. Key inputs are cheaper and more easily available because there are many
 firms competing to provide them, and firms can concentrate on what they do best, con_x0002_tracting out other aspects of their business. For example, some Silicon Valley firms that
 s</t>
  </si>
  <si>
    <t>b'0E\x02!\x00\xd1\xa6\xbc\xe6\xa6n`S~\xa5\xc5B2\x80\xbb\x88\xedI\xae\xaa\x9f\x91|\xa6\x89\xe5\xe3\xdfj|\xd5T\x02 ^\x84\x1e|xU\x8e\xe317\xeb&amp;3]\xa82\xea\\n\xd6\xe6\x8a j@T\xcc\x98\xbc_K\xb8'</t>
  </si>
  <si>
    <t>3045022100d1a6bce6a66e60537ea5c5423280bb88ed49aeaa9f917ca689e5e3df6a7cd55402205e841e7c78558ee33137eb26335da832ea5c6ed6e68a206a4054cc98bc5f4bb8</t>
  </si>
  <si>
    <t>b'0E\x02!\x00\xd1\xa6\xbc\xe6\xa6n`S~\xa5\xc5'</t>
  </si>
  <si>
    <t>mermaid caught Wendy by the feet, and began
 pulling her softly into the water. Peter, feeling her slip from him, woke with a
 start, and was just in time to draw her back. But he had to tell her the truth.
 'We are on the rock, Wendy,' he said, 'but it is growing smaller. Soon the water
 will be over it.'
 She did not understand even now.
 'We must go,' she said, almost brightly.
 'Yes,' he answered faintly.
 'Shall we swim or fly, Peter?'
 He had to tell her.
 'Do you think you could swim or fly as far as the island, Wendy, without my
 help?'
 She had to admit that she was too tired.
 He moaned.
 'What is it?' she asked, anxious about him at once.
 'I can't help you, Wendy. Hook wounded me. I can neither fly nor swim.'
 'Do you mean we shall both be drowned?'
 'Look how the water is rising.'
 They put their hands over their eyes to shut out the sight. They thought they
 would soon be no more. As they sat thus something brushed against Peter as
 light as a kiss, and stayed there, as if saying timidly, 'Can I be of any use?'
 It was the tail of a kite, which Michael had made some days before. It had torn
 itself out of his hand and floated away.
 'Michael's kite,' Peter said without interest, but next moment he had seized the
 tail, and was pulling the kite toward him.
 'It lifted Michael off the ground,' he cried; 'why should it not carry you?'
 'Both of us!'
 'It can't lift two; Michael and Curly tried.'
 'Let us draw lots,' Wendy said bravely.
 'And you a lady; never.' Already he had tied the tail round her. She clung to
 him; she refused to go without him; but with a 'Good-bye, Wendy,' he pushed
 her from the rock; and in a few minutes she was borne out of his sight. Peter
 was alone on the lagoon.
 The rock was very small now; soon it would be submerged. Pale rays of light
 tiptoed across the waters; and by and by there was to be heard a sound at once
 the most musical and the most melancholy in the world: the mermaids calling
 to the moon.
 Peter was not quite like other boys; but he was afraid at last. A tremor ran
 through him, like a shudder passing over the sea; but on the sea one shudder
 follows another till there are hundreds of them, and Peter felt just the one.
 Next moment he was standing erect on the rock again, with that smile on his
 face and a drum beating within him. It was saying, 'To die will be an awfully
 big adventure.'
 CHAPTER IX
 THE NEVER BIRD
 The last sounds Peter heard before he was quite alone were the mermaids
 retiring one by one to their bedchambers under the sea. He was too far away to
 hear their doors shut; but every door in the coral caves where they live rings a
 tiny bell when it opens or closes (as in all the nicest houses on the mainland),
 and he heard the bells.
 Steadily the waters rose till t</t>
  </si>
  <si>
    <t>b"\xb8~'gh\xa5\x00)"</t>
  </si>
  <si>
    <t>b87e276768a50029</t>
  </si>
  <si>
    <t>erstand how overwhelming it can be to think
 about an exit. Just as building a million-dollar business seemed impossible at
 one point, so does selling a company, even after youâ€™ve hit the million.
 Whether you decide to sell your company or scale it into the next Onnit,
 Bulletproof Coffee, RXBAR, Quest Nutrition, Honest Company, or Procter
 &amp; Gamble, you need to understand how big of an advantage you have. If you
 follow the process in this book, you absolutely have an edge over othersâ€”
 even the big companies that are dominating right now. People who have
 come from big business can only think big. Theyâ€™re thinking about scaling
 rather than thinking about creating good products for people. Theyâ€™re
 tempted to focus on the end point and think about the macro (building large
 departments and a scalable revenue engine) rather than thinking about the
 micro: people, customers, problems, and pain points. If you spent your own
 time and money directly engaging with your audience, listening to what they
 have to say, and forming the companyâ€™s mission and moves with that
 feedback in mind, then you have the ability to overtake the big guns very
 quickly.
 When the world was run by huge b</t>
  </si>
  <si>
    <t>b'Mr[\xa6\xcdXo\xf7\r\xcd\x04\xd0Y\xc9\xd7\x81\xcd\x06\x1f\\\xf8\xc5\x81\xeas\x1fS:\nI]q)\xde\x19~"Y\xb1\xdbC\x14\x99q\x92\xb6=\x12\xe8Dg[9\x06M\x87\x89l\x00\xc2\x91\x1e\x16\x1e\x84\xf8\xb4\xc7J\xaeF \xe5y\x9e\xd0f\xe9\xeaH\xbf\x9a\'\ne\x97-2\x9d1\xf0\xdc\x1bi{\x0b\x9f\xc4\xef\x92~\xddV\xc5~\x15\x95\xa1\x1eVoy\xd1C\x1e\xc4\xe6\x85\xac\x1c\x9fW\x1c\x90\xb6\xcd\xb7\xc9\xdc\xee\x0fj\x01\xaf$\xe8~Ny\xaeO5\x0fw\x8b\x9c\xe9NB\x99\x9f\xb5\xc1\xc3\x0b\x9b\xf2\xc1?\xe7\t\xf3!g\xdc\xfc\xc16\xec\xce\x8a\x89R\xb1pP\x90WL\xcb;:\xbcr\x81\xc8\xd1?+\x13\xb8\xde\xa0iY\x02\x1a\x90\xd3R\xe6b\x19"i\xad\xc4\x03\x04)Hm9\xf7\xe0\x9d\xdf\xf3SV\x96R\x07B\xf9\x91\xe0\xa6\xc7\xa2\xc4\xa6\x05\x9d\xfd\xb7\xc2\xc6R\xe7\xe5_\x8bi\xad\xf6\xcb,\x1b\x0b\x8fff&gt;\x95m\xea\xe7f\x86\x03u\x01\xa2\xc0l\x80\x9e\xa4\xae\x92*\x93\xe0\x17\x03Zi\xdb\xb4\xf8\xc5\x8b&lt;G\xf6\xecHtX\xbe\xb7\xd1(\x8b\xd5\xf9\xd0\xed\xca\xb3\xeci\x89\xd9\x8a8\x98O\x83\xe1P/\xb1\x9c\xa7B\xd5\x9c\xd8\xfe\xc9x?\x07\xd6N\x06\xe9p\x15\x99\x9b"y\xd1\x8f\x10\x88\xecu\xa7\xd9\xacr}B\xb0\x193\x02D\x7fz\xc7\xa2\xe6\xe0\xcf\x94\x99\xa3J{\x9c?\x811\xd6\x02\xd1\xe0\xe1\xfdq\x81k9\xbfU\x9a\xcb\x94I\xa5\x05|\xe24\xb27Y\xf5\x94}$\x1cN\xb5\x94\xc0\x1a\x0b\xeb\xa0=,\xaaw%T\xd9\xcec\x08\xd3]\x96\x8d\xd6s\xea\x11\xb0\n\x7f\xfa\xd4JW\xc17N\x9aw\xf4\xab\n\xa7\xcf\x8a\tIL\x0bb\xb16\x92P\x0f\xa7\xff\x13\xd3\x8e\xf6\xa3\x87\xb7f\x9e\x8cK\xf4A\xd2\xda\x85\x0fa\x15,nQ(\xfe\xfad\xa3#D\x87\x18\xdah(\x01\x8e"\x0e\xc2@8n\xf7a`\xaa\x1b\xaf!\xe0d\x86\x92U\x04*\xd3\xd8\xd5F\x0f7\xec\x8e\xae\x10L1\xa1\xabG\xd8\xe0NGB\xe5\x07\xc6f\xb7\xe2\x7f\xca|1$\x96\xff!\xe2\xd2\xac\xa5\x96K\xa1?\xfe\xe6/\x87\x7f kg\x02\xba\xbc\xf8\xee\xc5L\xcd\xa5\xfe\x01\xd1\x9f^\xca\x8b,(\x0f\x03\xe7\xa6\xb3\xec\x02\xd0\x85&amp;*&amp;\xf2H\xe7\x1f\xcb\x02:W@b\x0c+\x04\xce\xbd\x7f?\xd8\\\xca\xb7n\x00 aQv\xd6\xfbHT\xaa\x85\xcd\x98\x80A@\xda\xa0O\xfa"m\xf1x{fN\xee\xe3\x1f_\x94K\xb4N%\r\x80\x90\x00f3U\x96\xb0\xeeTUD\xb0\x1b\x03_\xcd-l\x8f\xe3w\xba\xfe\xef;\xb8\x0b\x9e\xc7h3@&gt;\xdf7\x9b\xe8LV\xd3\x94\xeb\\\xe1\xa9S\xf1\xce\x1bt\xc7v\xed\x18\x0f]\x9d\x88\xa7\xc6t\xab\xcb\xb8\xeb\x13\x1c\xab\xbb\xe4\x8a\x8e\xfa\xa2\xb8\xfd\xa7\xde\xe9\x9a{{\xa9\xdck\xc4B\x80\xe0\xc3\x9d\xea/k\xf0KE\xd9H\x18\xc8X@D\xad\xbf\xe8\xa6sn\xb6\xe5\x96\xc1Z\x1c\xcf\xb5\x98\x0ehM\xee4\x81d:\xd3#?P\xb9\xf3\x8d\xce\x1f\xe9\xa9\x11\xceO&amp;\xc3\xcc\x95\x0e\xff\xff\x1e{\x032\x07\x88\xdc\xc2\x96\xfc\x14\x16T5iV\xc2[N\xcfhIN\x1a\x11a1\xce{\xdb\xd9\xe7DI\x85\x86\x8d8%?l\xa4TeQ\xaa(\x01\x10\x19\x9a\xbbC\n:\xbb\xdd\xbb\xe80H\xfbZ\x95\xdb\xc8\xe2:\x82\x1c\x06:\x14\xfc\xaf\xa8\x14\xfd\xba\xfe\x12(\x82`8\x0e{n\x04\x90\x1a_\x18\x9bp\x16\xe9|`\xc2\xbaCO\xc5\x8ehO\xd9\x10,\x99v\x83\xb7\xf2\xf6\r\x98\x99C\x1f\xc2\xfc`\xea\x88%#\xc4J$pi\xdbH2\xc1S}\xccc\x0f\xb3\x80_\xeb\xbd\xdd\x9f\x10\x89%s\x94\xdc \r\xb0\x86\xdc\xff\xf9\xc97C\x07\xb7+\xbe\x89Y\xd7Q_Bj\xc2\xad\xf9U\x90\xf97\t\xac\xe7\xb59\xcb\xb2\x02\x0c{"{[\x1f\x9b8\xcb\xef&gt;\xe9\xfcp\xbb\xf8\xadd\x1c\x1a5\xd5\xcbk\xd4u\xa4\xd8\x167\xc4\x7f3b%\x07\x80o|p\xa7\xda\xc8\xc1\x13\xcb\xf4\xa7\x11-\xb6\xf3\xad)\xea;zo%`\xe4\x938\xfd\x1f\xe5A\x0fC\xb3W\x96\xb5\xdf\t0\x8b\x12d\xd5\xd1\x01r\xb7\xdd4&gt;\xf7K\x94\xe1\'\x87\xf8\xec\x85\x0ff\xaf\xf3\x98v\xae\xbf\xb2H/\xf6\x15,\xb1&lt;\xf1\xea\xae\x8eSl?9y\x18\xc8\x9fT\xfa\xe5\xe5\x04T\xa0\x1a\x97\xa0\xfe\x0bQ\xcf(\x9b!\x8c\xf17\xd5Z"\xc3\xb1JF\x7f\xdb\x18\x15\x92eP\xaf\x82\x97\x07\xa2\x97\xa5\x9d\xc0\xc9\x06-.\xdb\n\xdd\xe9p\n\x9dA\xb8\xc9sb\x8a~\xe5\xf8\xcf\xac\x9b\xc4\x12\xc2\xb5Y\x7fB\xd81\xa9\x08t\x19\x0f`w8'</t>
  </si>
  <si>
    <t>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</t>
  </si>
  <si>
    <t>b'Mr[\xa6\xcdXo\xf7\r\xcd\x04\xd0Y\xc9\xd7\x81'</t>
  </si>
  <si>
    <t xml:space="preserve">
for the grass was so thick that it hid them from sight. However, by
carefully picking their way, they got safely along until they reached solid
ground. But here the country seemed wilder than ever, and after a long
and tiresome walk through the underbrush they entered another forest,
where the trees were bigger and older than any they had ever seen.
"This forest is perfectly delightful," declared the Lion, looking around
him with joy; "never have I seen a more beautiful place."
"It seems gloomy," said the Scarecrow.
"Not a bit of it," answered the Lion; "I should like to live here all my life.
See how soft the dried leaves are under your feet and how rich and green
the moss is that clings to these old trees. Surely no wild beast could wish
a pleasanter home."
"Perhaps there are wild beasts in the forest now," said Dorothy.
"I suppose there are," returned the Lion; "but I do not see any of them
about."
They walked through the forest until it became too dark to go any
farther. Dorothy and Toto and the Lion lay down to sleep, while the
Woodman and the Scarecrow kept watch over them as usual.
When morning came they started again. Before they had gone far they
heard a low rumble, as of the growling of many wild animals. Toto
whimpered a little but none of the others was frightened and they kept
along the wellâ€“trodden path until they came to an opening in the wood,
in which were gathered hundreds of beasts of every variety. There were
tigers and elephants and bears and wolves and foxes and all the others in
the natural history, and for a moment Dorothy was afraid. But the Lion
111
explained that the animals were holding a meeting, and he judged by
their snarling and growling that they were in great trouble.
As he spoke several of the beasts caught sight of him, and at once the
great assemblage hushed as if by magic. The biggest of the tigers came
up to the Lion and bowed, saying,
"Welcome, O King of Beasts! You have come in good time to fight our
enemy and br</t>
  </si>
  <si>
    <t>b'\xdf\xa5\x99w\x0c\xc1q\x1d6\x80%\xb31:\xc3\xdc\xf8^iE\x94\xcf&amp;\xbb\xb6\x13C\xb1Jxi\x9c\xac\xec|\x87\xe2\xf8\x82\x8a\x00\xf7\xc0%\xe2\xa1\xa9\x97a\xe0\xd1\xc1\xdb\x801\xcbH\xe3\xb6,nD\x1a\xe5\xb0|\xa3:\x1e3\x1f\xfd\x99\xaf\x93M:\x1b\x85\xc7\x96/\xb9\x0bd^Y\xf3\xac\xb9\x9f\xd8_6%\x05\x82(o\xe4\xfcWw+VG\xe3\t\xa6a\x177\x94\xa9#:H8\xad\xd3\xfde\xb3\xce\x19Z\x07\x03d\xc0\x8abt-\xe8\xc0\xa0t\xf3\x08.\x86\xa3\xed\xf7\x96\'\xc4\xdc\x13\xa7\xcb@B\xcag\xb5\x83#\x17\xca\xcf\xcc\x90\x0f\x9f;\x80\xe9}\xdf\xcc]p\xfa[\x05\x8e\x00;A4wB\xfb\xff"\xb5\\\xb0r\xc6a\xd3\x06\x11\xef\x08\xa8\xd5QK\x8e\xe3r\x8e9\xe8$\xef\x01\xec&lt;\xe7&lt;F\xae\x04\xb7\x83\xe7\xbf\xf1\xcc,\xba\xbf\x1e3\x12ljh\x1aLu \xc0\xbbv\'\x88\x1eB\xde\xf4\xad\xb3W\x04\xdcb\x82U\xb1\xd1M-S!\xbf\xc2g\xb6\xd8\xf0q\xd1\x89v\xf9S\xd7\x06\x00\xd0\xfeD\xd6\x93\x14U@\xb9\xa4\x9e\xd0\x19\x9d\xdbz\xb2\xa8SY\x7f\t\x07L\xa8\xc0\x0bK\xd7qjV\x85\xe5\xe0\tk5*\x0fR\x8d\xc9m\t\x87\xbbh[\xb1\x17&lt;|\xd0NPu\xad4s\x19_LkD\xb1C\xe3-\xc6\xc8\xeay\x9a\xf5\x1fN\x1dW\xfcX\xf1\xc6g\xbbf\x89|2\xdb\xb2\xbc\x1f\x83~\xa8\xcf\xc1\x9b*\x06\xfd\xf0\xea\xcf\x84\xafF-6\xfe\xf1\x00&lt;\x0c\xee\xda\x97f\x9e\xcbk\x8e\n\xa8\x0c\xd0\xd5i;o\xa0\x0b~\x1b[\xda\xddx\x9dv\x84"\xa5\x05\x0cPN\xad\x86(\xfbC^$\x12\xeb\x12\xb2\xb2\x02\xed\x1b\xb1; p\xdeYE&gt;=\xe9\x8c{\x16\xbf\x97E\xd8\xfd\xae\xabH\x83\xb7\xcd\xfd\x18\x91u\xc5\x9d\xd1+\xd0\x19\xed\xa9\xd0\xc8m\n\x0bY\xf2\x16\xe7\x1c\xbe$\x9e\x9d\xfbqe\xed]\xa8\x88\xfd\x0e\x89\xb4@\xc4k\xc3\x182\xb6\x1eKu\xc5\xf0\xdd\xb9\xc7\xeb6\x07\xe6\x9b\xce\x19f\xbc\n\xd6\xdd\xfaA\xa1\xcb\xe1\x89\xb5\xf3U\xab\xf7\x08\x19=\xda\xe2\x03\xcb\x89\x8d\x815\xac\xbf3\'B\xbe\xd2\xba\x11\xf2\xaf\xa0\xbf\xfcU\xdf?\xc8\x19\xf2\x03\x10\xd3\x056\xc4\x18\x91\xf9\xbeu\xa2\x1f"\xb0\xdf\xce\xa9\xc1p\xc8"5\xa0\xc9Uf\x91_\xc1\xef\x89\xf27W\x04I\t\xecQ\x9ao2\x0c\x97zM\x17\x9aw\xf9\x95!\x957\xaa\xf5\xdaf2iGf&amp;d*S\x91\xad-\xf6\xac`z\xfa\xa5\xb9\xd7\\\x9d\x1e\xa7\x0f\xdc}N]0\xe5\x9fq\xd2xT\x93\x868f\x8co\x82G\xd7\x8e\xba+\x936:\xce\xb4\xed\xca\xdc\xb5c\x96\x8a\x83\xa8\xb4\x1a\xf8&gt;\x9a"\xfa~Z\x1d\t\x0b2\xc0}i\xbb\x02Z\xb0\x18\xc0y{vx9,S\xcd2\xf4\xa0\x86j3\x17\xc7\x1b\x8f-\xeb\xab\x89\x84\xbb\x1a\x12\x1b\x1a\xf1\x85\xb5Y\xb5jtN\x03\x93\x130\x19J\x1dy\x8d\xcc\xaa\xfb\x0c\xc3W\x14\x9e\x1b\x1b\xbc!~\xa5\xc4c\xe1\x7f\x97\x93\xfd{k%\xedc&gt;\x19=\xd2\x84K\xfdW\xd2[\xef\x9eDF&gt;\x8c\x9a\x1d+c\xb3\x1bX\x81\xd7\xf2uxMH\xdc\xa0\xba\x0b\x83\xf4\xfaD\xb4B\xa9\xde\x04\xfb\xa3\xd8\x05S\xf8\xfau\x9b\xedR\xfa\xd6\x02\x07[I\xaf\x8e\xec\x8a~ \x13nT\xb3\x90u\xa6\xdb\x81\xcex\xb2Fun\x01\x0c\xdc\\\x89\xbfu\x11\xbb&lt;\xfa\x9b\xd8\xdeOSDT&lt;\x9ei\x8c%$\x01a\xfdFQ\xac\xfbJ9o\xe0\x8b\x88\x1cM\xbe\x86`Yi}CU\xe8\xc4t\xc2\xea( 4m\x1fx\xb8\xfa\n\xf6\xff\xc4*{\xba\x8cx\xab\x99"EY\xcak\xb7\xa1\x12\xcaB\xfe\xa6\x04vD\xc4[\xe9\xb7\xca\xa0\x91\xf6\x1f\x8c\xbc\x91\xf1\r\x97\xe9\xe1\xc1\x9f\xaf\xf2\x1f\x8c\n\x83\xbf\xe3\xf4\xf1K\x03\xb6\xc1\xdc\x08\x0e\x9a\xc2u\x98\xe1\x9f\xb1A\x9e\x90\x1d\xf1\xe2/\xb5[\x02\x98\xaczUm\\\xe0)/\x84\xba\xcc\xbd3x\x08\xa5\xbeO\x80u\x1c\xc2\xcd\x0f\xac\xbc\x06]\xcb\x85\xc5\x9d\x88n\x13&amp;\x04\x86\xe9\xf4\x01X\xb5\x98\x1dF$Q\x8a\xdd\xee-\xf0\xbe\xc3\x9an*\xc4\x8f\x80\x18\x7f\x88\xbcZd\xb5n\xdd\xb0\x03\x81\xe0P\xe1#G7O\x8cG\x9e\xc4\xe7R\x08Y\xbd_\x08\xdf\x0e\x9a\xa2\x0b\xf460\\\xf3W\x84\x88\x14M\x9f&gt;\x0f\xd2ZGp\x0e\x8b\x12u\xce\'f1\xec\xce\xb4f\xb7\x8c?\x95C\x8a\x10\xbf\xd1?\xc5y\xec\x1d\xe7\xb6E\x8b\xd3&lt;\x12\xbe\x15\x85\rQO\x8b|\xfe\x05\xb2\x86J\xeeX\xfe\x9a\xe3\x10\xd9Q\xca\x9ah\x80\xd8\x9d\xb6\x95\xe0\x8d\x89\xa9E%-\xb0\x87\x87\xe0=j]\xc2h\xbc\x8f\xf0\x8cpP\xa9Z\xab\x99`\xb1\x94\x0b\xc2\x9cu\xebx{C\x8a\xc7z\x19&amp;\x95%?r\x98!j\xe0\xc4\x07\xa6\xe7Sg\xa3\x97\xea\xe7\xe0\xd4\'\xe7\xb1\x959\x0f\xf9\xec\xa1i\xd1\xb7@\xab[\xff%\x92\xb1L\xb6\x1a\x9b\xf0l+\x95\r\x80B\x07\x9bY\x95\x9b0\x1b\xd7\xc6P\xe2\x0c!\x14\x88|T\x83\x8ea\'\x0f\xed\xd6:\x99\xc2PgvZS\xf4\xb8\x83!\n\x01\xbd\xc9#\xc3\x93I#V\xd6P\x9e\x11K\x0cg\xb1\x8a\xa3\x88B\x96\x19\xc2q\x0c\xfeyfce\xf9\xb7\x08D\x01\x90c\x1c\x1b~R\xd8\rdo|I\x90\xa5\xc1:\xb2\xb8[Q\x11\x13{\xab\xba\xdd\x99\x80\xc4f+4!\xbeVs\xbf\xd9\xe7\x01\x03\xb1Ui\xe8\xb7\x1f\xf8\xcd\xe8\xed\xd8\r\xae\xf6\xfe\xdc\xe6z\x1b\x0f\x14\x16\xc5EX\x92 Pf\xbf7I\xf9\x18\xe1I\xb7&amp;\xb0\x86\xd1\\\r\xe1M\x15\x83\xf3\x07lx\xd9s\xab\xc2P\xaa,\xf4E\xc5\xb8J\xce\xeet\xc3\x94;GC\x0e\xb6\x8e\x14\xb0\xc7v\xdb9)\x16Y\x7f\x80\\\xed\n\xda\x88\t\xba\x91)\xd6\xd6\xd6\x80\xe8Z\xb3D\xe7\xd6\xf0\xee\xf3\t`\xdd\xd3~\x08\xfb\x96_J\xecI\xa7\xf8x\xbe\xcfG9o\xd4z\x7f\xdb@!\x90\xbb,k\x97\x9f\xc4\x97\x0e\xb8\x95\x10\xfb\xce\xef7\x13\x86Sg\xeaC\xb8\xcb\xfd5D\xac\x14\xc4SaL\xfcy\xe7Y\xcc\xc9_mT}\xaaH\x8e\xfe\xack\xee\x17;\tN\xb8\x10\xcc)\x83\xc4\xf1\xad\x0fy\x84\x9dN5\xffoR\x0eS\xa2\xcby\xa9\x83e\\\x88\xe6\xa0\x8081\x0cL\xddju2d\xec\xf7T\xb6\xca\x8f\xa3=6\xe3uK\x9b&gt;$\xeeKwrp\x1f\x1dFM\xee\x8b\x1c\xd9\x99\xca\x1a$;\x1d\x04\xe27\x8c\xadr\x9b\xf7\xbelOUW\xbcW||s\xf3\xeb\xdb\xb0]\xb0\x8bJ\xb6\x16\x9d\xf6)D\xb7\xcc\xaf\x16@\x95\xe3#\x98\xcc\xcfc\x84\x94;\xdb?\xaaI)\xe1y\xa5\xd7Cb\x89\xf9\xb5\x85T\xc8\x1fu\x08\xd2:S\x0cG\x15\x0c\xa6\xa7\x8a\xea$\xec\nGs\x1b{\xfc+\x03\x8b%\xf4\xcf4~\x9d\xdd9\xdaI\xba9fTc\xb5\xff\xa8\xd2\xe4\xec\xb5p\x81I\xa7\xbb\x84N\xb1\xfe\xa8\xbd\xc2]\x9c\x92s\xdfh\tV\x8a\x0f\xba)\xc3!\x9b\xa3\x17Hv\x1dW\x8a,\xc7\xd6\x9d\xa7.\xe7\xec\xd1\x91\x14\x82fJ\xe3P\x13\x8a\xba\xf8\xf0b\x14\xdf\xab$\xee\xd67\xb7tw\xba\xe0\x1dh\x967uC\x98 \xa4\x0f\xe0R\xd3|\xae\x10\xe7x\xb7l\x16\xad\xa6i\xc6\xa4\x8d\xady \x0f\x97NS9\xe3\x18\xc4\xd1i\x97\xe4cR\xbdk\xd1t\xc8\xa7$\xed\xb83\x07\x0e\xe2\x14\xbe\xb8\x9b_U\x9ex5\xcb#\xf2\xbf\x8f\xe6E\xa5O\xc6\xef\x1dlJ\xba\x00\x91\xb9\x8c&lt;&amp;\x8e\x93\xd6A\xf7\xf5}&lt;V\'&lt;3\xd5\xb9\xd5\xf8\xd6\xdb\x80{\xfc\x94\x84\x89\x1c\xc3;\x1e\x055\xc1~\xa9\xfd\xa1X\xfbx]\x9a\x0c\xa9c\xd70\xe7\xb4\xa4\x95\xbc\xfdF\r\x0f\xc9F?\x84f\xeb&lt;\xbc@n\xa5]&amp;\xfc`{\xbd2\xe3,-#\x99#\xfb\xde\x13\xe3S'</t>
  </si>
  <si>
    <t>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</t>
  </si>
  <si>
    <t>b'\xdf\xa5\x99w\x0c\xc1q\x1d6\x80%\xb31:\xc3\xdc'</t>
  </si>
  <si>
    <t>ification because a countryâ€™s income in fact equals its output. Thus, the national
 income accounts can be thought of as classifying each transaction that contributes to
 national income according to the type of expenditure that gives rise to it. Figure 13-1
 shows how U.S. GNP was divided among its four components in 2009.1
 Why is it useful to divide GNP into consumption, investment, government purchases,
 and the current account? One major reason is that we cannot hope to understand the cause
 of a particular recession or boom without knowing how the main categories of spending
 1Our definition of the current account is not strictly accurate when a country is a net donor or recipient of foreign
 gifts. This possibility, along with some others, also complicates our identification of GNP with national income.
 We describe later in this chapter how the definitions of national income and the current account must be changed
 in such cases.
 296 PART THREE Exchange Rates and Open-Economy Macroeconomics
 Billions
 of dollars
 12000
 16000
 0
 â€“2000
 2000
 4000
 6000
 8000
 10000
 GNP
 Consumption
 Investment
 14000
 Current
 account
 Government
 purchases
 Figure 13-1
 U.S. GNP and Its Components
 Americaâ€™s $14.4 trillion 2009 gross
 national product can be broken down
 into the four components shown.
 Source: U.S. Department of Commerce,
 Bureau of Economic Analysis.
 have changed. And without such an understanding, we cannot recommend a sound policy
 response. In addition, the national income accounts provide information essential for
 studying why some countries are richâ€”that is, have a high level of GNP relative to popu_x0002_lation sizeâ€”while some are poor.
 National Product and National Income
 Our first task in understanding how economists analyze GNP is to explain in greater detail
 why the GNP a country generates over some time period must equal its national income,
 the income earned in that period by its factors of production.
 The reason for this equality is that every dollar used to purchase goods or services auto_x0002_matically ends up in somebodyâ€™s pocket. A visit to the doctor provides a simple example of
 how an increase in national output raises national income by the same amount. The $75 you
 pay the doctor represents the market value of the services he or she provides for you, so
 your visit raises GNP by $75. But the $75 you pay the doctor also raises his or her income.
 So national income rises by $75.
 The principle that output and income are the same also applies to goods, even goods
 that are produced with the help of many factors of production. Consider the example of an
 economics textbook. When you purchase a new book from the publisher, the value of your
 purchase enters GNP. But your payment enters the income of the productive factors that
 cooperated i</t>
  </si>
  <si>
    <t>b'0E\x02!\x00\xd1f&lt;5^L\xa7\xa6&lt;M\x04\\\xbe-\x1eIQ\x96\xa2\xc6,TGV\xdf\x98*d\xdc\x02\x8a\xbe\x02 0\xe6\xb6\xbd\n\xc8\x15I)n\xc9\xe2\x91\xfb\xa9\xb4v$\xd1\x941O[\xfc~\xabzR\xb8\x81zq'</t>
  </si>
  <si>
    <t>3045022100d1663c355e4ca7a63c4d045cbe2d1e495196a2c62c544756df982a64dc028abe022030e6b6bd0ac81549296ec9e291fba9b47624d194314f5bfc7eab7a52b8817a71</t>
  </si>
  <si>
    <t>b'0E\x02!\x00\xd1f&lt;5^L\xa7\xa6&lt;M\x04'</t>
  </si>
  <si>
    <t>at present she was keeping a sharp eye
 on Wendy. She told Peter that she had adopted all the other boys, and would
 like to adopt him also.
 'Would you send me to school?' he inquired craftily.
 'Yes.'
 'And then to an office?'
 'I suppose so.'
 'Soon I should be a man?'
 'Very soon.'
 'I don't want to go to school and learn solemn things,' he told her passionately.
 'I don't want to be a man. O Wendy's mother, if I was to wake up and feel there
 was a beard!'
 'Peter,' said Wendy the comforter, 'I should love you in a beard'; and Mrs.
 Darling stretched out her arms to him, but he repulsed her.
 'Keep back, lady, no one is going to catch me and make me a man.'
 'But where are you going to live?'
 'With Tink in the house we built for Wendy. The fairies are to put it high up
 among the tree tops where they sleep at nights.'
 'How lovely,' cried Wendy so longingly that Mrs. Darling tightened her grip.
 'I thought all the fairies were dead,' Mrs. Darling said.
 'There are always a lot of young ones,' explained Wendy, who was now quite
 an authority, 'because you see when a new baby laughs for the first time a new
 fairy is born, and as there are always new babies there are always new fairies.
 They live in nests on the tops of trees; and the mauve ones are boys and the
 white ones are girls, and the blue ones are just little sillies who are not sure
 what they are.'
 'I shall have such fun,' said Peter, with one eye on Wendy.
 'It will be rather lonely in the evening,' she said, 'sitting by the fire.'
 'I shall have Tink.'
 'Tink can't go a twentieth part of the way round,' she reminded him a little
 tartly.
 'Sneaky tell-tale!' Tink called out from somewhere round the corner.
 'It doesn't matter,' Peter said.
 'O Peter, you know it matters.'
 'Well, then, come with me to the little house.'
 'May I, mummy?'
 'Certainly not. I have got you home again, and I mean to keep you.'
 'But he does so need a mother.'
 'So do you, my love.'
 'Oh, all right,' Peter said, as if he had asked her from politeness merely; but
 Mrs. Darling saw his mouth twitch, and she made this handsome offer: to let
 Wendy go to him for a week every year to do his spring cleaning. Wendy
 would have preferred a more permanent arrangement; and it seemed to her that
 spring would be long in coming; but this promise sent Peter away quite gay
 again. He had no sense of time, and was so full of adventures that all I have
 told you about him is only a halfpenny-worth of them. I suppose it was
 because Wendy knew this that her last words to him were these rather plaintive
 ones:
 'You won't forget me, Peter, will you, before spring-cleaning time comes?'
 Of course Peter promised; and then he flew away. He took Mrs. Darling's kiss
 with him. The kiss that had been for no one else Peter took quite easily. Funny.
 But she seemed satisfied.
 Of course all the boys went to school; and most of them got into Class , but
 Slightly was put first into Class and then into Class Class is the top class.
 Before they had attended school a week they saw what goats they had been not
 to remain on the island; but it was too late now, and soon they settled down to
 being as ordinary as y</t>
  </si>
  <si>
    <t>b'\xd2\n\xb9\xa3\xdb#_.'</t>
  </si>
  <si>
    <t>d20ab9a3db235f2e</t>
  </si>
  <si>
    <t>gn currencies.
 Regulatory asymmetries explain why those financial centers whose governments his_x0002_torically imposed the fewest restrictions on foreign currency banking became the main
 Eurocurrency centers. London is the leader in this respect, but it has been followed by
 Luxembourg, Bahrain, Hong Kong, and other countries that have competed for interna_x0002_tional banking business by lowering restrictions and taxes on foreign bank operations
 within their borders.
 The Shadow Banking System
 In recent decades, a major regulatory asymmetry has arisen between banks</t>
  </si>
  <si>
    <t>b'0E\x02!\x00\xf61#9!\xfcs\x8b"\x8f\x12\xc1!\x8dD\xd7;Mo\xd45\xa3\xef\x9f\x02\x83\x82\x19\x1e\x0f\x94\xde\x02 \x7f\xecn5\x08\xb3\x92\x19\xe0\x9a\xf2d\xc9\xab\xe3\xcbT\xa6\x05\xaa\xd8\xf1\xf9r\x12d\x9c\x19j/\x106'</t>
  </si>
  <si>
    <t>3045022100f631233921fc738b228f12c1218d44d73b4d6fd435a3ef9f028382191e0f94de02207fec6e3508b39219e09af264c9abe3cb54a605aad8f1f97212649c196a2f1036</t>
  </si>
  <si>
    <t>b'0E\x02!\x00\xf61#9!\xfcs\x8b"\x8f\x12'</t>
  </si>
  <si>
    <t>edge of various types of fields.
iv) Knowledge of Cathode Ray Oscilloscope.
Assessment Plan: (For the Teachers)
     Unit-1
Topic
Assessment Method
Time Plan
Remarks
Brief History of Electronics, Atoms and its Elements, Bohrâ€™s Atomic Model, Atomic Energy Level.
Exercise: Question &amp; Answer
Two Hours
Electron, Field Intensity, Potential Energy, Current and Current Density.
Exercise: Question &amp; Answer
Two Hours
Electric Field, Magnetic Field, Motion of Charged Particles in Electric Field, Cathode Ray Oscilloscope.
Exercise: Question &amp; Answer
Two Hours
     Basic Electronics
1
                 Learning Outcomes
   Unit-1
Overview of Atom, Sub-Atomic Particles &amp; CRO
Outcomes
Brief History of Electronics.
(i) Understanding the Brief History of Electronics.
Overview of Atoms.
(ii) Understanding the Atoms and its Elements.
Sub-Atomic Particles.
(i) Identification of Sub-Atomic Particles.
CRO (Cathode Ray Oscilloscope).
(i) Understanding of Cathode Ray Oscilloscope.
    1.1 Brief History of Electronics
The word â€˜Electronicsâ€™ is originated from the word electron which is a branch of science dealing with theory and use of devices in which the electrons travel through a vacuum, gas or a semiconductor medium. Electronics is that field of science which deals with the motion of electrons under the influence of applied electric and/or magnetic field. Electronics can be classified into two branches: Physical Electronics and Electronics Engineering. Physical electronics deals with the motion of electronics in a vacuum, gas or semiconductor. Whereas, electronics engineering deals with the design, fabrication and application of electronic devices.
Alternatively we can define Electronics as the science of how to control the electric energy, energy in which the electrons have a fundamental role. Electronics deals with electrical circuits that involve active electrical components such as vacuum tubes, transistors, diodes, integrated circuits, and associated passive electrical components and interconnection technologies. Commonly, electronic devices contain circuitry consisting primarily or exclusively of active semiconductors supplemented with passive elements; such a circuit is described as an electronic circuit.
Electronics has evolved around three components; vacuum tubes, transistor, and integrated circuits. In 1883, Thomas Alva Edison discovered that electrons will flow from one metal conductor to another through vacuum. This discovery of conductor is known as Edison Effect. In 1897, John Fleming applied Edison Effect in inventing a two- element electron tube called diode. In 1906, Lee de Forest utilized Edison Effect to invent a three-element tube called triode. Diode and triode were instrumental in amplification and transmission of electrical energy. But vacuum tubes were bulky, fragile and had high power consumption. Therefore, it gave rise to another invention, and it was a prominent development in the field of electronics. In 1948 John Bardeen, Walter Brattain and William Shockley at Bell Laboratories developed Transistor and they received Nobel Prize for their creation. These metal transistors replaced vacuum tubes as this semiconductor device are compact in size, light in weight, low cost, less power consumption, fast and have longer life if operated within same operating conditions.
The concept of the integrated circuit was proposed in 1952 by Geoffrey W. A. Dummer, a British electronics expert with the Royal Radar Establishment. Throughout the 1950s, transistors were
 2
                 mass produced on single wafers and cut apart. The total semiconductor circuit was a simple step away from this; it combined transistors and diodes (active devices) and capacitors and resistors (passive devices) on a planar unit or chip. The semiconductor i</t>
  </si>
  <si>
    <t>b'\xd9\xac\xee\x07o$\xd5\xf3q\xb3\x1c\xfa\x1d\xd7\x93\x91\xb8\xbe\x00b\xea\xdf\xf7\x99s\xa4\xcd\x8bX\x1e\x130\xb6%\xbe\xe5e\x8f\x9d\x1a\xb8\xd4\x93\xc4\'\x97W5J|\xef]q6\\4\x8d\xd6\xfb\xde\xcf\x872\x89\xe7\xde\xf4&gt;\xdanQ\x82$\xa5\x9cy\xc0\xad\x8dX\x08\xe5\xf5y7\x11U(\x83\x1f\x86g\x05\x11O\x0c\xc9d\xbf\x92\xcc\x9b\nZ\xd2\x06a\x03\xf6q\xf7(y\xd2\\9\x9d\xa5\x8f\xef\x08U\xeb\xd6\xeanC\x99\xb1\x81\xdazk\xd5\xeer\x96\x90\xbb=~h8\xa7x[\xd1!\x17\xfb\xd1\xd8\xf3\x7f\xe9\xb7-\x9d\x0cw\xf2=\xb6Z\x86\xaf\xc0\xa6"2o\xc4\x8f\xc3 \x94]\x05\xa1|U\xc9D\xeeH\xcb\xd5?q6V[7\xf0\xf8\xb7Da\x07\x91&gt;$?{f\x9b|\x9a"\xc5\n-4\xca%\xe9j;s\xa0,\xb5\xd1S?9\x1a\xd0=\xad\xf2\x84\x91\xf6\x86\xb7\xbe[+\x94\x08\x0bL\x16\xae\xc8[h\xd7;Q\xc2\xad\xb8;ex\xbbh\x97kg9\x87\xb5b\x1e\xf3?\xc7\xca\x7fFp$D\xa5\xc8J\x91\x98Z/@A!Z\x93861z\xd9\xa3\x19\x94\x92\x7f\xd7u\xc6\xdb`\xde\xb2\xcf~IY\xb6\x0f\xdf\x92\xe7M\x16\x0f\x93\xb7\xfaT\x87V\x0f\xa9x\x8d\xb5=\xe5Op\x0fo\xb0\xcc\xd8s\x82T\xdd\xbb\x98\x00\x11\xc4=*[\xbb\xb1\xf61\xa5n;\xbe3D\xe6\xa8\xe7wjg4&gt;\x97\x91e\xfa\x90\x86D\xf1\t\xc0\xa4\xb7\xb8\x1dJJ\xab1\xa7t\xd1\x8ckk\xb5\x0eI\xe9y\x06q\xa0i\xff\x7f\xa5&gt;\x98\xd5\xaf\xdc\x8cgv\xfaX9\xf0\x19\xb06\x07$P\xa7\x15u\xc5\xc9\x97\x15\x96\xa1&gt;\xb4v\x08gO;\xe4\x02\xf0\x00\x17\xc5\x08?\xa41\xac\xc2\x84\x82?\xc5\x15\x06\xfa\x81\x93G\x1b\x8fo\xf0h\xc7\x9cC\x95\xfb\x00\xd4\xa6\xf4\x8d{\xec\xd2\x96w\xbdE\x10\xe0|j\xe4\x17T\x82\xb3\xdb\x0c#6\xa6j&lt;bN\xd5a\x07\x83\x9b;M\xf2\xc3\xaevW\x9bg\x10\x16\x93(\xbe\xc5S)\xf3IN:\x17A\xd7D\x8e#\xf5\xf6\xeeR\x91x\x9bv\xa5\x96bD6b-\x130H\xc0\x1f\xec\xfe\xa2e\x02\xb2\x9at\xc5\xf2\xe3\xdai4\xf6\xe0/\x9e\x14SL^\x97\xcd\x8bG\xa2\x80\x9c\xcc\x08\t.D\xdb\xff4\xb3\x0c\x98#*\xbb\x0f\x7fa\x02r@hSG\x14\x17\no\x07\xb6\x12\xa0\x0c\xa30\x0fZ;\xbf\x03\x03\xe2 \xd3\x84\xd1\xa1\x11X\xa8\t&amp;\x11.\xc0M6h\xc9\xe8J\xde\xf2\x16Zyo\xc6*K\xb7\xc9kg\xc3\xc2"\xa5WLH\xdb\xceD\x0c&lt;\xa3\xc8D\x1bE\x885\xf3\xafq\xfc\x9d%\x93\x0eE\x85\xcf\xc9\x16;?\xf1\xcb*$\xdf\x7f[E\xdf\xe5^O\xd6C\xa3A\xce\xee\x16\x1c/\x95\n\x01\x14\xdc\x90\x87\xce\xed\x0f\xc1\xf6\xf4\x92,G\x83b\xa4\xf4Pn nX\x91\x87q\xd9v\xd5\xd2-\x1e\x12\xf4\xe1\xec\xed\xb5\xc3\xe8X\xab\xb2\xf8\x01\x8e\x15\xe6\xe2\xcbGI\x17\xfab\xe6\xa8\xe9\xb6\xb8K\x9ef\xfa@\xf0\xd7(U\x912\xb4\xe2\xb9\xabx\xf5tDQ\xd1\xa5\xc7\xcd;\xc1\xf7y\xdeQ\xbe\xde?\xd8 \xe9F\x9bY\xc0{\xeb\xda\xb25S-\x94\x97\x08\xd9\x96\xa7R\xc3\xfd\xc7GV\xd7\xd0W\xe0O\x96$\x17\x13\xe3\x8d\x8dc,"\x06\xb4\xb3$\xf7\xe3\x85x\xca\x1b\xf0\xa5\x8f"G)\x85\x1d-&gt;\x0f:\xef\nr\t\x8a\x1d\x94j&lt;\xd6[\xc2\x19\xc7\x81K\x1b\xc4\x8b\xb2\xdb(K\x1c\xd8\xe9\xed\x05\tc\xf1\x16\xfb\x93\xaf\x8c\xff\xed\xdd\x1e\x82J\x1bR{\xcc$\x7f\x95\x90\xbf\xf5\xe4\xad~iP\x0c^}\xa4\xd8\x8e\xf3#t\xb4Ba\x1d\xc2v\xec\x14\xfc\x80\xf6\xc1W\xe0\xb2\xc1p\xe3k\xa88\xce\x87\xa3\xb4q2w\xad\xc0J\xd3\x86[\xc8OU\xad\xa7\xb16\x1cE\x07\xed&lt;\xe9\xebO\x8e\x05\x90\x14\xea0{\\\xc0\xdeo\xb3\xdd\xbd\r\xa4\xa1\xc63\x14Z\x1eb\xe01\x85\x11\xa0\x8e\x02\x8cA\xe8+F\xcb\xcb\xfa\xb0\xa9\x90\x88\x15Q\xca\xc1e\x1a.M\x95\xbd1\x94\xfdB\x17]0\xe7\xb0\x83\xd5\x1b\x7f\xec=5X\x87yh\x9c\xbfltF\xfbw\x93\xa7:\x81\xe5T2*}\x7f\xba\x8d*|\n\x9f.\x06\xc3\xd3\xf9\xe9\xca\x1f\x0fw\x9dv\x838H\xfcE=o\xf2\xee\xd9q\xc8\x1e\x82\xc5\x8c5\xed\xa78\xc9\x1e\x14\xc9\x92V\xab\xc6\n\xceQ\xe7ME\\\xb0A\xee\xf7hN\xfat9\xb9\xd2v;\xf6WO@\xbfP\xe6eKT{\xbe\x8d\xc7\x8c.\xe4\xf1\x97\xec{\x9a\x1d\xac\'2\x19\n\x06z9\xc2$\x95\x00\t\xb9]\x10w\x0e\xfa}A0\n\x01\xf449T\xa1=;d\x9a\xeff\x89!\x02S\xa7\x18\x88,#N\xb6\x85\xcau\x8e\xa3\xb5o\xfb\x1b\xea\xfes&lt;\xa8\xb6\xbc\xf0\xce\xd01a\x10\xc5\xd7|/\xaf\x89\xa5)u\x01OY\x10\xe3\x05\xf9$\xee\xf6\xe3#p\x7f\xfc\xce*\x05&amp;\xe8!\xcf(\x9b\xbd\xf6\xaf\xf2\x19\xb6\x80F\x9c\x04br\x07\n\xcc\xe5\x0b\x97\x88\xd0\xd4\xdf\xb7\xbf\x88\x92mZ\x98j\x9b\x82\x9fP\x85h\x95\xaa\xce\x04\x02\x8a\xbb\xe9\x1a\x05D\xe7Vy\xec\xea\xcb\xb4P\xf4\xbe,\x96b\xfc\xb7\xcfe`\x7f\xa9Z\xa9\xa2,\x91\xec\xdaJ}0\xd17\x99@A\xb4;\xe2\xa0\xa6D\xa5\xaa\xcb\x9e\xbe\x89\x9d\x97`D\xdb\x02\xb3o\x8e\xcfsQ(|\xc7\xe0%\xea\xd5\xd2\xd7m\x9f\x98\xe3\xc5\x01\x89\x89\xd0Oq\xb1\xc67\xa3!\xf4\xf2:\x12\xc7((\xbc\xf0\xa2\xab\xa0\xeb\x9a\xad\xe8se\xc6\x95\x89\xfa\xfc\xf0\x8eh8\xf3\xf1yS\xc3\x11\xf1\x17\xb0\x8d\x9d\xb6\xc56\xae\xb4\xa1*\xa2\'\x8dtZS\x85\xb8\xbf\x8f\xc2\xcf\x97\xb8\xdcp0CzO\x9a\xc9\x91t\xaa\x1dK\xfc\x91O\xc1yI\xd9o\xbef-\xe93\xb1\x81\x14y\x1b\xeb\xf1\xf0)\xab\xcf\x88d\x80O\xe9\xc4\xa6\xe2\xa1\xe5\x95p\xe5\xe6A\xf5VT\x14\x83\x9e\x88I\x05\x04\xe6} \xb8\xd1\x87F[\x93\xf8\xcdR\tL\xd2\xac\x99\xc4L\xe2\xd9\xc3\x8c\xf3\x1eE(\x8f\xe3\x9a\x16m\xbeu\xc9/\xb2\x87\xc9\x03*\xfb\x1a:\xe90\xe1P\xa9 [\xc4(\x1b\xae\xf1\x1a\xecpk\xd3\xe6m\xf7\xa58\x02\xf1\x1c7X\xa5\x98\xdb\x7f\x11\xff\'\x95\x1fO\xb0\xae!\xdbf\x1c\xcbi\xaa\xe9\x07\x96\x1c\xb6E\x1c\x97\xd7I\x9a\x16\xf1\xca]\xfe-\xa3\xe4\xbd\xde\x8ddT\x91\x11L\x8a\xfb\xe9\xce\xeec\xf0I\xef\xb1\xa1"\xaa\x06\x00\x91\xf9q\x89\xb6\xdc\xff\xda\xe6\xa4\x1c\xbd\xe6O\x8a\xbfj\xd6i\xee\xd5Q\xcb\xda\x1b9\xc5\xe9S$\xe3\xd00\xb2\xf4\x0fS9"\xa5t\x04\xf3\x90\xfd:E\xf9\xa2\xc1\x02\xc8\x1b\x9e\xba\x96\x89\xf6e\xb84A\xbfKib\x80\xc7\x80\xee\x0c\x8eeh\x9cO!5u\x15\xb7]\x8a(\x1c\x9d\x03\xa7\x8cP\r \xcdc\xf01\xc4cO\xe8\xfa\xbc\xdf`\xe3\xabN\x10\xe2\xbfz\xd1\xfd\x86\xcc\x95\x10\x90\xec\xb2#\xa6\xa9x\x02\x9a\x8aA\xea\xd5:t\xccQ\xd1C\xd7\x12\xad\x9d\xd75\xcci\xbb\x7f\x82\x91-M\x07\xcf\x91F7\x96S\xc4\x1e\x0f\xda\xd6}\x856\x95n\xe8\xa3\xa43t@\xc8\x0c\x06\xc9\x86\xe2a\x8e\x8e1\xe5\'\xfe\x83\x8e\x88\xda\x9f\x88\xe4x\xa3\xa5X\xd4Z\xf5b`1CC\xcd\xf67\xab`f\xaa\x96\xd8W\x1c\x10@\xee\x90z\xa2\xc4\xf7\xc5\x82\xd7g\xa2\xa8\xaa\x1cvv1\xa2\xb62\xb1\x96P0\xb2g\xb3\x7f\xc1\xffK\xbcT\xe9\x8d\xc9\x7fl\xb9\x886!\xac \xdc\x08\x1aK\x87O\x1c\r\x19\xe7U\xdc\xc5\xf7u\xd0\x1cZ~\n\x87G\xce\xbb\xbb&gt;\xd7\xab\x06n\x94H\x8a\x8bu\x15AQ \x97\x1a\xc7\xde\xadW\xf7\r\xf0\x1d\xa4\xbf\x02a\x8b\xb7\x0b\xf3p\\\x9d9\xff\xcf\xc9\xd2\x83\xae\xa5\xfa\xbb\x93\xac8\x87\x94\x9f\x1e3\x1a\xe2\x03\xf9_\xda^vUDz\x06\x04\xdfpc\xaewb\x15\x14\xf2\x8b\xa1\x15\xf8\r\xb39\xaa\x15\t\xa9[\x92Y\x90\x82\xed\x8a\xebGz\xea\xb3\x06\xda\xf5u|\x88\x81\xc1D6\xae\x1d\xe0\x13..\xa6J\xfb\x82\xf5\x1e\xb7\xfa\xf5\xbb\xac\x84\xe0\x15\xbdi w\x1b!\xea\x1c\x1a\x84\xafQK\xec\xef\xe9\xc5\xd0z-\x9f\xeb\xf7\xc5\xcd\x16\x951]\xda\x18\x1e\xf6\x0e\xcfv\x12\xa3\t\x1cMu\xdc\xde\x850\x1e\xb8{\x15\xc2)u\x03Bq\x19F\xfaW\x03R\xcf\x1c\xb2\xff\xf1\x92\xc3\xdc*\x92\xac^]\x12\xf7\xad%\xaa\xb4\xeb\x7f\x1f\x82`\xa2s\x1b\x84\x18\\\xc9P3h\x17\xba\xc2\x88\xf4\xb3=\x7f\x8f\xb5[\xe0\x10\x9f2|\xe5Y\x83j\x1a\x98\xf8\x03\x97\x14\x91\x86\xf6,\x98Y#\r6\x92\x16\xb1.Vo\xb3\xce\xc0x\xdc\x1a`\xfc.\xdb\xf7y\xb7\x8fW\xefd\xbdc\xc2\xfd"\xa4\xef\x8d\xd7\x81\xdf\xda%B\x96?+/\x14\x99\x81oT\xe0\x93\x02\xd7\xf9%n5\xdc\xfa\x1c\xfd\xdaF\xd0\xb6W\x96\xd6]\xeb\x98y9v\n:Y\x10Upk\xa3\x03\xd5*\x7fV0d\xc6\x9a\x16\xf63aJ\xbdF\xee\xa0\xe8\x07p\x1d\x97 \xbf_N%\xef\xbd\x0b\xf1X\xe4\x8dZ0\xf7\x10Ue5\x96:f\x15\x8c\x07_\x10\x06\xfa\x86W\xb7I\xe7\xc2\xb8\xf7\xee\x1a6G"#\xc3\x06P\xf4:b\x82rX\xb7Z\x86\xb4\x82\xef\xc2\x9e\xa3\xc2\xa7\xa5\xdd\n\xce\xb8\xfc\xf3uE\x90I\\\x80\'\xdb\xfb\xb3i\x11\xcf\xdbZ@\xd2\x0fC\x07\x8d{\xfe\xa0CEP\xac\xccxd\xa1\xabAX\xa5\x0c\xce\x08\xc9\xd1\xbd^\xbc\x82WA\xb5\x9fZYT\x03\x89\xf4\xaft\xa7(\xa0\xc9d\x19@g\xfd\x8c"\xc9\xa0\xfe\x9el\x9c\xe0\xf5f\x05\xcb\xf7%\xe6\x02\xf6\xcfU\x17\xe7\xf2\x10d\x9e\xc5\xdd\xa8\xf4\x89\xff\x88\xb3l\x7f\x1a5\xd76.\x03\xe6\xde\xf9\x89[\xd9\x83\xf9B\xdb\xffM=/\xee\xba\xdf&lt;c]c\xdd\xa6=R\xb2\xbb\x9e\xd6c\xeb\x8b\xe7\x882\xe9\x1b\x13\x01Tr\xd4\xf1?5\xe8\x8a\xde\xcd\x91\xabJHS\x82\x01h\xb1G\xb8\xbaZ\xcdP\x1c\xe0\xa5\xad\x8c\x13\xa8H\x18\x8eJ\x94\x8bq\xf9|\xfbU\n\xd9\xcf\xe0\xbd\xb4\r\x17F\x96\xb94\xb1\xe2\x16\xd7P\x907\xae\xe2\x06\xde\xa2\xbb\xba|\t\xf5\x19\xea\xd6\x8ar\xafT\x8b\xbb;\xea\xdc\xa8\xaf?f\x11\xff\x11\\\xff.\xf7\xf1\x9b\x0e\x7fS?\x9b\xcaf\x92\xaf\x07\xab\x18_\xf6\xed\x9fB1B-\x8bMju\xb2\x84y$\xb4\xb4\x9c6\xe3\xa7\xa5\x0c\xa6\xcdOB\x9f\x02\x88\x0bU\x1e\x0b\x02\xdf\xf0#zAG\xb30\x8f\x0b\xe5\xd9\xcfY=p\x9b\x8c\xecu\xf6\xe43\xb7&amp;k\xcaA\x08\xbbC\x9e\x16f\x19z\xb1\xeb@C)OKLiZ\xeb-W\xa8\x8cQ\x18\xf4\x9e\x94\xd4\x9c\xed\xe2\xc1\x85\xd5\x92h\xe0tQ\xfa\xba\xe53\xa9\xa9\x9b\xf0\x18\x8a\xcd\xd6\xe5\x02\x07^\xf1D\x03K\xb5\x97{\x04\x9a\x14\x1aa\x007\xc3\x08\xd2\xd7\xab\x97\x08L\xf2\x98:\xf8\x93\xa7\xcb\x83\xafu\xe6\x94-z!u\xf5\xcf\x895JH\n\xde\x13\xb8\xc6\x8e9i\xd4\xe1sOD(\x08\x19\xb6\x97:\xdboOil\xa0\xbf\x96\x10\x8c\xf1&lt;\xe5\x81N\xf1-+\xd0\xd2\xafB\xe8d&gt;\xe7\xd0\xea&gt;H\xa3A\xa7\xba\x98\xb2T:C\xab#\x8b\xb6\xf4\xb4mB\x87b\xcdfw\xba\xb1\xcciL\xd1kS"\x97;\xd3If\xee\x8c\x87\x8c\n9\xc5u\x95\xb8\x91\xdc\xda\xefT\x17\xfeU\x8e`q\xc7\xc2\x19\xeb\x8d\xccf\x1e\xc1\xdb\xd5m\x12\xa3x\xa1|\xd5\xd6b@\xe6\xc5\x82U\x85\xa2\x16\xe9#"\xb8\x05\xb7\x10\xf8_V\xe7\x12\xfe\'\xf6kelNO\xf1\xf7c\x06\xed_\xf63\x1b\x9c_X\x0f7U\xd232i\xf0\x95j2\xdd\xb4\xfc,\xe1^\x96N!Y=\xd7\\\x88\xe3\xf7\xed\xb8\xba\x91\'c}\xfd1;\x0fL\x8a\x80\xa5\xc0f\xce"\xb7\xf4yb\xda\xc7\x050\x00a\xd3\xc3\xdf\x04\r s\xf6\xff\xa82\xa4\xb1X\xe8B\xfcv\'rlG\xc0f\x9e\xd7B\x9f\xbb\x85\x0e:\x88\xe26/&gt;|\xd5|\x96-2itSd3\xe5\xd8[UM\x80X\xc2\x13_\xb3\xdcw\xb6\xe037\xcasa\xfe\x9b\x00N\x0e\x1a\x92\xfee\xe8\x08+\xbd\xe64\x81\xbc\x91gf\x8d\n\xcb\xcf\x9a{\xa3\xdfp\x88\xab\xe7\xdfYy\xce\xab\xb1\xf4\x81\xe6q(\x13\x8e$\x87E\x8d\x02%\xa8\x8c\x93\n;\x8a\xc5\'\xa3\x8f\x7fT0\xeeclz\t\xde\xac\xb3\xcd\x14\x8d\x12\xb0qEF\xb5\xd1\x85\x14\nG\xc59)_\x87H\x8c\x83\xe5\xfc\xdf\xb3L\xf1\x11G\t2t\t-X8\x82\xdd?\xe2\x01\x1c:\x10PFCM\\\xdcE\x8cd\xfb\'\x9e\xb9\x1e\xc6\xb8\x11\xc2\xac\xa5p\x87\xf4\xe6\xc4b\x07\x9c]\xdf\xe9\x83\x85y\xad\xe5\x86\x89\n\xfc\xf2\xfe#\xd5_\xb9\xc4jP\xa8]/\xe8\x00\xa8\xdd\xd1\x02\x8a/\xd4]\xc3h\x16\xe3Wb\x92c\xca\x9c0\xcd\xba,\xd2\x82\xc1-/\x8c\xa2i\xa5\x9du\x8c\xa3\x87\xfc\x1a!&gt;\xe6#\x97\\\x83\xfdO\x19hi\t\x1fu;\xe2\x92f\x80\xde\xf3,\xce\x1f]\xb3\xd3/\xd2\xcd\x0e4\xb7NHL\xa3\xd6o\xa6c\x9c&gt;\x05M\xfb \x1e\x06\x82\x00\x06\xbf\x0b)\x8e\x1d\xfc\x10IF\x8f\x80\xda\xc7\xbc\x85 \xed\xd8\xf45\xaf)Z\xc5!Z\xb0jZ\x81\xe2n\t$T\x19\x91\\\x07g\xbc$\xed*\x03Rt\x98\x91\xbbV\xcfd\xeei\xe7\x82\xe7\x07\x98&lt;\xb5\x19C\x9cK\x1aF\xfc\x0eO\xc9\x0fXI]`\r[k#\xeaR\xe2\xfb\xb2%}\xba\xa9\xf8&gt;\x1a\x080\x9e\xa6\xef\xeao4\xde\xb2\x9bx\xf3\xf6\xb8\x82\xc6\x98]$\xf7\xf5\xe3\xd5xN\x07\x83\xc1\xe2\x91\xc9\xcd\xac\xcb\x8eY\xbfr\xfb\x9c\xcaJ\xb8}\xc6F\\\x85\x0b\xd0H\x8f\xb9p\xc5\xb7\x9dD\x0f\x89{\x9dO\xcc\xa2v\xbc\xfdpV\x85)\x82}\x93\x8f\xff\x06\xaa\x14\x11oa\xe2o\xf42*\xd7\x86\xed\xb0gd \x1f\xd1\x16\x82\xed\x8e\xb3\xc4\xd4o\xe4Q_W\xce\xe2\x99\x7f\xbf\xca\x1f\xc6}\x0f\x8c\xb4\x9c\xe5\x1e\xd5\x0e\x93\xa6\xe4\xe5\x08\x93\xaelX\xf5\xb9gh\xb2\xd7^RA\x08\xdc\xc0\xdc\xf9\x0e\x17\xabW\x910\xc3\x16\xa6\xcay\x05\xbf`_\x89\x18\xe0\x12\x91\x85\xfb\xa6$\xa9Z\xa1\xf7?o\x0b\x178\xf4pW\xd2\xc1\'&gt;\x07\x9e\xef\t\xd3w\xe5\xf4\xb9\x8c\xd4\xa9\xb0J7\'0\xc9\xcf\xbd_s\xe9rz\xae1RI\xba/\xb8$[\xe2W\xe8ck\x98M\x0f\x05\\|\xc5\xbf\xd7\x10\xbbZ\x9f|c\x17\xe7\xfa\x0f\xd7\xfc\xffN\xc18\xd6\xab\xe3\xcceb\xf3\xd7\xb3\xda\x19Bq\xbfy^\xb6\x13\x1d\x1d\x90\xf8\xf4\x91\xd0\x08rJ\xd1\xa5-\x16;1x\xfd\x88$Gao\xb0n\xd2M\xf9ws\xa4]\xb5\xee\xcc\x9f\x1d\x1eT\xd4\x08\xd5i\x97\x9b#\x89\xf3\x7f*\xd6o\x10g\x90\xff\xfeo\x11\xc8:\xd6\xb2\x07\xef\xf9M\xdd\xe9\xae\xb4\n7CA\x00\xc8\x81\xd4\xd8C$8:\x84\xb4\x0f26%p\x15\xa4\x1f1N\xcb\xd5\xefA|j\x83\x06$/\xc2:'</t>
  </si>
  <si>
    <t>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</t>
  </si>
  <si>
    <t>b'\xd9\xac\xee\x07o$\xd5\xf3q\xb3\x1c\xfa\x1d\xd7\x93\x91'</t>
  </si>
  <si>
    <t>rimary fare. Unlike European universities, where ancient historians worked within their own faculties, most ancient historians in the United States
worked in departments of classics. What is more, even though most history depart10 David S. Potter
ments had an ancient historian (sometimes two) on their faculties, the linguistic
demands of the subject made the training of graduate students largely the business
of classics departments. Before the 1980s, when classics departments discovered that
teaching classics in translation could save them from budget cuts, many ancient
historians in these departments did not teach ancient history except in courses on
ancient authors, while those who taught in history departments were constrained by
the need to offer survey courses for history concentrators. When historians of either
stripe sought to teach upper level courses, those courses needed to suit the curricular
demands of classics departments. Even in the mid-eighties the view that Roman
history ended with the death of Nero was not considered a joke in at least one
major American classics department. The result was that when American universities
wanted to hire historians of the Roman Empire, they had to turn to foreign universities to fill their staffing needs. The sixties and early seventies saw the arrival of a
remarkably talented group of scholars at major graduate institutions such as Berkeley,
Harvard, Princeton, Toronto, Chicago, North Carolina, and Columbia who were
able to breathe new life into the subject. The one notable exception to this rule was at
Yale, where another former Harvardian, Ramsey MacMullen, gradually won the
admiration of his colleagues abroad with an astonishing output of extraordinarily
original scholarship. Finally, of course, there was the issue of the budget. The old style
courses on Greek and Roman civilization gave rise to demands for more â€“ for courses
on women, sexuality, slavery, religion, law, and spectacle to name but a few â€“ with the
result that American universities have now become hotbeds of innovation.
The growth of interest in social history that has helped shape the study of the
ancient world in American universities has led to profound changes in the way the
subject is now viewed. As I suggested above, if I had b</t>
  </si>
  <si>
    <t>b'\x8d\xb6G\x89\x14\xf9~\xc8\xf1o\xd6Af\xd9,w\x83\xfa]A\xff\xa3\x0f \x0fg\xf3\n\x9de\xd3\xe3d\xcc\x173n\xb5\xa6\xfd=Z\xfem\xaa\xad\xc8\xa9\r\x1b5\x90#\xa2s4\rP\\Y4\x08:z!HV&lt;W\xc9\\\x05\xeb\xbd\xe5\xed\x18\xc0nHw\x85\x04\xab\x8a\xb7xC\xce\x98\x1fhr\xd4\xc4\xa2\xd7\xa4\x9dY\xd6\x10q[\x00|\xb9C\xcc\xe6\x96\x02\r`\x8b\xba\xf1f\xac\x00\xe7Y\x89\xdd\xe4\x19\x98\x12\x83]\xd1\x0c2\x1b\x10\x93\xe6\xc2\xfc\x19\xab_\x91I&lt;k\xe9:\xe7\xbd\xadZ\xf7\x19\xc7\x9a\xc0\xed\x17\xacOyUP\x00V8\xdf\x8d\xf7\x13=\n\x10\xec\x0bJ\x00\x02i\xc8qd\x89\x1e\xd4\x8fD\x07\xf8\xf3\xfe\xcb&amp;\xbd\x8eq\xde\xca\xba\x92\xf3\xfdS\xfc\xe1\xaf\xc5\xd9P\xd5\xf22\xe1\x9e`\xce\xa6\x16\x9e\xe7\xe98\x8f\xc7\x8c\x15\x94&gt;\x7f\xb3\x7f\xd98&lt;\xba_\x93\x0e!.\x9e\x18\x0b\xb9\xe7\x95\xfd\x8d\xec+]W\x8f\x17\xce{\xde\x96q\x92\x8a\x13\xee\x98\xc4\xda\x0f7G\x1bc\xde\x91\xb6\xe4\xfc\xdb\xa3\xe8\x7f@\xa0\x100Pr\xee\xff\xeb\xee\xdb\xd0\x02\xd5\x960\x84\x00\t\x91\xd9{-\xb5o\xfcgjO\xf2\x9a\xa9\xd4\x8e\xee\x1b(\xaa\xaa\xa8\xac\xc6\x1b\x16\xab7B\xdb\xc4\xf6!\x93P\x81\x163\x8e1\xday\x1cU\x97\xc2`-\x19\x85l\xce\xdf\x97\x1d\xa4T\xf4X/\x9d\xf8\xf4\x04\xaf*lw{o\x9e\xc8\x8c\x111\x8dw\xf7\xfc\xef\xdcx\xf5\xbd\x17F\x0b\n\xd2wp\xcbR\x1d\x9f\xd5\xc5g\xc8\x0ci\xd8u\x99/%\x14\x8dP\x18k\xd6\xf2\xda5\xb3\x82[\xed\xfa\xf9\x9696{&lt;0\xfd\xd9\x91\xc3 D\x19r\x07"\xcb\x8c\x1e\xbc\x9c\x9e\x12\x03k\x18\xa3&lt;h\x9b\xf6\xbd}\xbc\x07\xf6\x82*\xe3\xfcz\xe7J\xd0\x15\\\x06\r;]\xb6!ey[q2\x03\x8f\x12\x10\xe7\xd7{\xb3r`yD\xb7\x8bkp\x14\xa6\x08\x14\xafDp\x87f\xe4\x99m\x97\xd7\xa9\xe1o()\xaa\xb4\xec\x18j\x02\x0b\xb8\xbc\xaa\x9be\xea\xb1v\xa7\xa0S\xd6\xaa\xf2\x0fm.\xde\xa3\xce(\xe17\xb3o^R\xd6\xd5\x073S\x05\\2\xc1\xd8\xa8 5W\xeb\x8e\x9f\xd7c$\xca\x07\xa0\xe4\xc7\x12FTK?\xe7\xf2\xdb\'\xde\xf1\xb5O\xbb*&lt;75\xad\x93\xb2I.\xf8\xd2\x1fX\x0f\xefX\xd6\x94\xaazg1\xaac\x1cK\xbc$~\xa8\x88\'\xd4W\xdd\xd6\x8f\x1a\xb7\xbd\xed\x17\xa63\x8cI,W\xad\xdck\x89\xc0\x9b!N\x8f\x86\x96p4l\x85\xb6\xf8\x01R\x126\xc0\xc7\x1cC@\x8d\xf8"Jro\x9f\x94R+\xac\x14C:\xdf\x0c\x8f\\;`TVIp\xf6\x80\xa2\xc5\xb0\x88\xf0\r\xcf\xd888\x83.\x85\x93\xeb\x04\xc1#0\x98Z%\x8a\xab\x1c:\x9f\xc7;\xf1\xa1\x93\x86\xf5\xa8\xfaCPO&amp;5zZ\xca9P\\\xa7\xa4\xb9{4Z\xcbY\xb9\xd2\xa3\xc2\'\xbb\x1dj\xc6\x95\xec\x15Hg\xe2fw\x90\xc5N\xec\xc5\x97CJ\x1d\x9b\x00\xc0\x05|\xa2\xc4\xe3\xebh\x9f\x11\xd7\xc4U^k\xe3\xbd\xc7/\xec\xc5x\xc4\xd4\xe6\x07\xa7\xbdB=\xd8\xa3\xeb\xbaTP\xa7{\x992b\xd0K\xd0)*\x08\xa7\x02\xa0\x87tQ\xfe\xf0\xf5G\x85e\x08\xf4\x8b\x7f\x14|\x8f\x19\xac\xb2\\\xaf/\xec\xd0\xbb\x99\xc6\x11F\xe8\xa9\xdd\x13n\x07,\x9f\xea\x19\xf3TQ3H\xbf\xae7\x16\xb8\xf1\xcb\x93\xdd?\x98\xec\xdb\xa1}\xca:&gt;\x140\x8c\x98lS\x0f\x15.\xfa;\xd1\xc9\xa4\xd9\x80&lt;\xb4^\xb1SN\xaee5\xc0s;\xfe\x84#\xa7v6\xe9\x94\xcb\xcb\xb8\x9a ;0\x1f\x84&gt;\xbbl\xb2\xc71~\xca\x8aC\xf4\x81\xb4AM\x0f\x1b\xa11G\xce\xc8\xaes\x8e\x83\xa1r# \xd1\\\x90-\xb9\x06\x8c,\r\xf7\xa3\xf7P\xcb\xba\xa3K\xa0\x90\xe2\x0f\x90\xf6d\x8d,\x80\xa5\xa6\x1e-\xdf\x9b\xf6]\x9d\x9aYf\xc2\x8d\xd6\xac\xc76\xa2\xd4u\x91\x14\x00\x8c\xe1\xc1R\xba2\x97\xb2\xa0\xc2\xc7;\x89\xb88^ja,\x1d\xbf\xef,K..\x8e\xf8XK\x98\x16\xaf\xb09+\xdc\x8a\xca{\x8bq\xa2E"\x89\x04|z\x9f5\xd2t\xfd\x96\x93\x06\xe2\x83;\xc5\xd3q\x14Y\x83\xb5\xb9@\'\xb2H\xe0.\x83@\x02\xf8n\xdf\xb7O\xaa\xcc\xdc\xe1\x0e"\x7f\x9d\x1b\xca\x8d\xee\x0fJ\x87\xdb\x95\xdb\x89\x97\xcc.\xce\xf3\x9a\x12E\xf4\xaa\x82 \xf8\x17\x85\xfeo\x05\r&lt;\x7fK_\xe9\xc6RT7%[k\x07\xe5um1\xe6C\xf8\x88\xd8L\x96\xc7b\xc0\x10^\xcc`\xcf\t\xf7\xee{%\xef\xf2 {\xb9\xcc\xd3\xfc\xca\xfcrN\xb2\x84\xacU\t\x16\xea\x8c\xea|\x8dip\x8e\xacJ\xf5\x1fV\x80Bp\xee\xd4\x84\x05\x01\x89{\xb8;\x9b\xe9\xe7\xd0ol[\xf2\xe2\xb7\xfa{c\xca\xdf\xd1b\x88\xa8\xeeGK\x94\\\xd5xx\xa3\xeae\x9ao\x04\xae\xf6\x9dpt\xf9m\xc4\xbf7\x93I\xe1\xb6\x05V\xe0\xc5\xd6-\x95&gt;$\x88GK@\xbf&gt;\x9b\x82\x0e\xca\x9d_\xe9\x84aqOk^og?9\xb2\x15\x19\x15\xdc7\x03v\xe8)\xab\xedvF\xef\xf1\xfb\xc1m\x11\xc8\x18\xb1s\xf5&lt;\x9f\xaboG\xdea\n\x0f\x05\xb0(LVo\x1d\x7f\xd8\xa3\xcfz\xa3\x819\x9bY\x8e\xe4\xb8\xc4\xbcl}Z\xf1G\x07&amp;\xc1M\xbe\x0f\xf3\x1bx2\x19\x9c\xb3\xa3N2\xf1\x91\xa3D\xe3\x8f\x8dO\xfe\xd1\xde\xaa\xc2R\x1b\xe6\x13y\xef\xe4\x9a\xd1\x0c\xdb\xfc\xf2\x08\xeb\xbe\x155H\x7fF\x87\xdd\xec\xed\xef\xd0\xc7\xf5\xc2Z\x9e]\xb0\x83\xa2K\x8c\xe9E\x85\xd7&amp;lm\xb4\x83\xaf\xe6m%\x04EJ\x88\x98\x84\x98I\xba\xc4\xb1\xd4\xb2\x02.i\x8e_\xd9\xa9oN\xbba~\x08\xab\xd6jS\x0bDJ\xf8%9\xcc\x1b\xca\xf2\xbee\xf0\x01\xd9\x1c\xdfgA\xea`\xd8\x7f;\xfci\xa2\xee\x11\xec\'\xd1`\x8a\xdfHgk]\xfe\xf50\xa8\xff\xb9_\xec\xa7\x87\xe5b\xebJ\x8e\xe7\xd9u\x92\xa1zi\x15,&amp;\xcb\xdaQX\xecZ\x01\xed\xeai\xef\xc8\xd4\xcc\x9a\xb45k\x9c\x81\xb3\xa0cq4\x8d\xdd\x08\xa5\xcc\xdc67I\xfc0\xd50cqq\xfb\xd8\x1c(\'p\xa9\xfb5\xc5E\xd7\x0b\x0e\x8f9&gt;\x02|\x19[9\xc9\xd3\xc4\xaeN\x17D\x97\xad\xcf\xc4\xdb\xc4\x9e+\xb0\x13\xab\xbcH\xe8b?\n\x12\x0c\x88\xa0\x0f\x9eO\xc3j\xaa\xd2~\xc7\xe4\xc5=fKZ\x1e\x7fm\xe7\xb2\x1c\x1c\xfe\xc1\xde\xc5j(\xfe\x1c\x94;\x03\x08\xb8\xc0\xcdR\xd3\x91\xc3\xf21\xe2UQw\xdf\t\xbb\x9d\xc3\x11[x4\xf4\x9d\xb7a\r\xaf\x1eI\xa1\xbc\xfa\x7fb\xa9|\x90\xd3\xc8^\x07\xb7\x7f\xf0\x1b6\xe9&gt;nD\xf8i^YxtY\x17\xc5\x8b\xdd#\xd8o\x8b1n\x18\xbf\x90\x9e/4\x13\xef.\xc5\x19\x02\xda\xf5\xfb_L\xe4\x90W\x8alu\x1c\xf7\xd0~\x95\\\x9e\xfb\x99\xc8\xb6\xe2K\x7f\xd3e\xed\x82\xb5i\xfe\x85h\r\x10\x0b\x8e\xa46\xf3\x9d\xb0\x9a\x9a\xe9\x16\xc0\xb3^\x9c0\xf5\x88(\xb7\x84L\xe2P\xbd:\xbaM\xdbstUz/UD\xddu\x010J3x:9\xc8n/\x00\xfblB\x84\xe6\xcaj\x8b\xa6\x95Y~\xd6\xe2&amp;u:\xb8B=,\x10X\x8e\xea\x12tqcA\xff\xc1]\xf6\xd6mXbKVq\xcb\\\x9f\xf0\x90f\x7f:r\xf3\x82\xd8\xc0\xce\x9b\xe4Z\x125C\xc4X\xed\xb1\xb0\x07UZz\xa9=T\xc9\r-5\x89\xec\x84\xe2\xa9\x0eLR\x9aSV\xb8\xf2[\xfcb\x97\xa5\x8d"46kD\xc8!6\x9f^\xf0\x10\xaf{\x90\x04C\xb4\xe1X\xff.=\x9e\x1dI\xf9\x91v\x1d\xaa`\xd8\x1d\xa2\x06\xda\xfa\xbeI\xc4\xc1\xc8\xe3\xf5w\x0e\xf5\xda\x18Ty\xd1+\xff\xb3\xb4-^A\xdb\xebLc\x1d\x12\x96\x81\xf2\x90i\xc2\xbb\xc0\xb0\xa2\xfbTUH\xa9\xce+\xb244\xb4\x1e;\x1bp"TA8^v\xe4W)\xc9\xddP\x14vo\x9b\xc0\xd4\xa0\x90\xdftx\xd5\xf3\xc6\x8c9\x05\x10\xf5d\xc8\xe0=\xad\xc6\xbd\x1fh\x17\x01\xf8|\xce\x8b\\\x07\x97\x8cp\x18\x14\x0f2U\x80\xbf\xda\x90\xf3\x0c\xf7\xf1D\t&amp;\xc4\xa9C\x95\x04\x8c\xbe\xfe\x1f\x1e\xc1\xde\xf6\xc6R\x8dTt\xb8\x17\xd9g\xe1h/\x14\xed\xe9\xe4$\r\xd7\x08\x97\xd0,\x80\xf5v;b\xea\xb0(\xbf\x1f\x04\xf1\xe5\x84\x8bK\xad\xbbz\xb75\xab\x81\x7f\x03V\xecR\xc0\x95\xf2jG\x14`V`\\\x04\xce\xae\xc7\xa4\xa5\xbe"\xf6\x16\xc2-1A_$\xab\xec\\\xfe\xa5#mi\xf4\xfe\xac\xb4\xcd\xbc\xca\'uR\xfbj\x9e9\x86\x94\\\x08\x8c\xce\x84DU\xef\xbe\x84/\xeb\x06R}\x84\rSJ\xc4Fzb\xae\xdf\xe7\x06D\x06\xdc&gt;UYK\xba\xdf\x7f\xe1rp\xc4`\x88\x9d \xee\x9d\x94~\xe3\x8f\x93\re\x8cTx \xc8\x84F\x18\x95R\x01.\xcd\xb0\x07\xc2R\x0e\xc4l~\xc9_~\xac\xb5e\x18\xd9\xe5\xb0\x0b\xc0j|\x86\xbcZ\xfc\xc9\xa6}\xe6"\x0f\x94\xbf\xd2\x7f\xc8\x0e\xc4d\x9a\xea\xbdl~z%S&amp;\xd2L\xed\x0cW\xd3\xf19\xf9\x175\xaa\xa9\xde\x04\xa9\x0e \xfb\x83t\xbc\xb0C\t\xef\xa3\x08\xbd|\x15}'</t>
  </si>
  <si>
    <t>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</t>
  </si>
  <si>
    <t>b'\x8d\xb6G\x89\x14\xf9~\xc8\xf1o\xd6Af\xd9,w'</t>
  </si>
  <si>
    <t>.
"I do not know," answered Boq, gravely, "for I have never been there. It
is better for people to keep away from Oz, unless they have business with
him. But it is a long way to the Emerald City, and it will take you many
days. The country here is rich and pleasant, but you must pass through
rough and dangerous places before you reach the end of your journey."
13
This worried Dorothy a little, but she knew that only the great Oz could
help her get to Kansas again, so she bravely resolved not to turn back.
She bade her friends goodâ€“bye, and again started along the road of
yellow brick. When she had gone several miles she thought she would
stop to rest, and so climbed to the top of the fence beside the road and
sat down. There was a great cornfield beyond the fence, and not far away
she saw a Scarecrow, placed high on a pole to keep the birds from the
ripe corn.
Dorothy leaned her chin upon her hand and gazed thoughtfully at the
Scarecrow. Its head was a small sack stuffed with straw, with eyes, nose
and mouth painted on it to represent a face. An old, pointed blue hat,
that had belonged to some Munchkin, was perched on this head, and the
rest of the figure was a blue suit of clothes, worn and faded, which had
also been stuffed with straw. On the feet were some old boots with blue
tops, such as every m</t>
  </si>
  <si>
    <t>b'R\xf8\xedz\xd1W\xa3n\xbfy\xc8\x1a\xfbL\xf44\xf2\xc5c6\xe1\xed\xcb\xcd[a\x11L"\x7f\x979\xd7\x12\xfd\xf5\xe0Ne\xc1ICz\xf4\xd4\x9cr\xb5\xd2\xael}\x8c@\x96\xd3~8\xdb\x9as\xdb\x17D\xab\x9c\x84\x9d\xbe\x9b\x9e\xbd$i\xf1\xd6\xf7\x14n\x89\xd5\x95H\x08dh\xc5S\xd49\x8e&lt;+\xd3w\x08&gt;=\xdb\x9e\xb0\x01\xb8*E\x1b7=e\xc3m\xd1v\xe5\x81\x81w\xa3\x8eh\xa6^\xdb"*\xab`\x15\x8d\xfc!:\xfe\x04\xa6\xd1*\x9a\x9c\xf6\xa8gr\x12\xda\n_\xe8\x04!\x98-7\x19\x98\x15\xf9\xebp\x88s\xf9x18p\x02\x15\x8a;\x8cqB\xcd\xdb\x1e\xfb,C\x9b\x10lT\x91\xa0\x13Z\x13_F\xb3\xbf:j\xc1\xf1\xd8\x0bV\x94&lt;\x80\xa9\x1d(N\x12\xca\xa0\xf46\xd8\xcd\x12\xa40\xe5MI\x8dL\xa4\xc7N\xcb\xe9\xdf\xc3\x06H\xa1k4\xbe\x07\x009g&gt;[OX&lt;t2\xcc\xc8Z\xef\xd8\xd8\x81=\x08x\xbc&gt;\xb7)L\xdc\x0e\x8a\xf8\x93\xac!\xc2g\x9b\xc2\\N\xa7l\xce\xd7\xe1\x8a\x12\x9d\xca\xec2\xa2\xd3\xf8\xc7O3No\xb3\x81\xd2Ry:\n\x13\xcc7\xe6.\r\x86\xe7Z\xce\xa9\xc7\xbe\x15\x84\xf0j\xde\x07\xcbE\x91\xdc\x0f\xadW\xc4\x91x\x7f\xb6Wb\xe6\xe2\xff\xdb\xa6d\x9a\xa1\x8d\xcfp\x0eQ\xa2r;b=\xa85_\xb9(\xf8\xbd\x1d\nN,gd\x81]\x84\x8aNe.\r8\xb7\xcb\xba\xe6_S\xc8\xe4{_x\xd6&lt;\xed\xe4\xa9\x82\xd7\xd5Z\x9a(\xbaU\xfdh&amp;\xf0y\xa4\xee2\xf7:\xb6\xe5\xb4\x1ce^\x19L\xad\xa6\xe6\xa2\xbbV\xd35\x13c;\x0et\xdb\xab.\x97\xc8\xac\x1d)\xc4Y\xa2\x9bUQ\x12\x1c\xb4\xdc\xb2\xb8\x8f-\xb7f\xd9\xd8W\x87\xd2\xe9\xc9o\x1f\xbbPE*\x9f\xc6\xe3/9&gt;\xd9\x82\x14\x9dr\xf7\x8e%\xdf\xee!\x1b[\x87\x91\xec^\xcc\x89\xc0x\xe88\x1d\xee&amp;\xd1\r[W\xfb\xe66\xe38\x9c\xdd\x92\x7fv\xef\xff\xa7mC\x12#U\x13\x9b\xee\xf9gW\xd8\x82\xdb/x\x92\xac\xbf\xb3\x1f\xb9\x9a\x90\x94\x9b\xc8$\x86\x08\xc1=8\x9e \xa4\xcc\xd1\x1e\xb9"\xca\x8c\xf2\xd3\xb0^\xca\xae\x11,\xbd@\x07\xdd\xfd\xdf_[\x1f\xd4a\x8b\xabK\x8e\xe7\x14\x942g\x14\x0f\xa9\xd3\xb3\x8fz\x98\x1a\xc0(\xffd_\x02\xd3\xa13\x07\xaa\xea\x81\xe0\x11\x1a*\r\xf1\xd3hB\xe7)\xcb2\x1e\x94r`\tgJ\xe9\xee`z\xae\xdcX\xad\xc6\xc1\xcc^{|&gt;E1\xfa0\x1fomBHUB\x13*\x9c\xbc\x06{\xfa65\xb8\xf8p\x9b0G\xeb\x12\xdev\x90\x17w\xba\xd9$\xf1\x1f8\xea\xa9_\xc1\x94\xd94K}P\x95\xc8E\xc9\xb4$\x02\xb7\x95*\x95\xe8v\xd4F\x90sX\x1ev@\x99\xad8\tYt\x94\xc8$"\x19\xd2b\x1e\x15\xcb\x96\xf6,H\x92(\xd8\x86\x93\xfb\x16\xd5\xa7\x00\x0c\x18)\xea2\xef\xe6&gt;\xe1\x19(\xc7\x88,\xa0\xce\x81\xa9\x80\x1e=\xe1E\xb2\x97\xc9L\x14\xf1\xc1\xcc\x06\x00&lt;a\x10V@\xc6m\xaa\x01\nt\xe9\xfe;\xb5\xbd/\xc6\x80\x9d\xbf\x8b`=\xcdU\xd1\xfe\x03\'\n\x15\x03\x87k^|\x9f\x7f6f\x03{z\xb7\xb8\x1e\x83V\xd9`\xbc\x15\xc1\xd4\x82\xc2\xb0\x85\xc7\x16wx[\x05e`\x8d\x19\xe5\xf6\xfe\xfd\xdbI\x960\t.AK\xd7\xb8\xcb\x11\xa7\xbc=\x91\x19{\x87\x82\xfau\xf9\xd2+b7fdr\x0c\x06\x9a|\xfd\x91\xf4{\x9f%\x03\xed\x99\xf7\xfb\xcc=\x12\xf6\xc6^s\xf4s\xa8\xcc\x08|&amp;\xa6\x8e\x88\x0e\xd6\xf3\xb4OL\xbf\x01\xcabu5\xb9\x07\x16\xb6*k\xc0+\xcf~p\x10B\xfb\x9a\x07\x01GxQ\xdec]\xa4\xf4($Z}\tB\x00e\xe6\x17oL\xba\xe4\x9d\xb2\x91\nR\x1c\xc9\xf2e\xe3\x83\x0c*e\xb8\xf2\r\x0f\xe5\r?\xd4\xa1\xf4T\xc1+.\xb9M\xeb{\x0b{\xb6,\xeb\x03c`\x7f9\x9c/\x06yW\x14\xd5\xe2)c3&gt;\xab\xb6F\x98u\x89\xe5\xd1\xa1u[\xa9\xa8\x90\xf4\x9a\x81"\x8b&amp;\xd8 \xe6\xb7%\xf5\xbdL\xfb\xaf]M6H\xf9\xa2,\x9a\x86\x1c\xeddo\xc1\xa7\xa1\x82\xab\x88f\xb47U\xe6y\x00Q\xd2\xe3&amp;\x1d\xfc\x9c\x88Ba,\xae\x8b\xfaE\xd9dO\x1f\\:\xe9\x01\xb1\x8b\xcb\x04\x87\xfc\xf6\ni\xf6\x88hH\x1e\xbfw\xdc\x00\x1f=\xef=GM\xb3\nG\x155\x92@\xc9?h\xb7\xc2P\xd2N\xa2\x13\xe6\x1b&amp;\x93\x88 \xd9\xad\xbe\xe5\x9a\x83\xdf\xf4Cohw_\x8c\x9cc\xdc9\xaf\n\x11\x10\xcd\xcf,\x03G\xaf\x02z*kQ*\xb0\xd8\x94\x8fL\x19l\x8dj0^\xce\x83\x07\xe4r\x8b\t\xed\xa6LR3\xb7\x8c\xe3\xe3\xaaXV\xe7\xbf$\x81P\xbc.N\xc7;,j\x86\xfetS\xe03\xd5,\x90q\xb4\xaf\x9e\xf7\x9d\x90\x8f/\xf3\xc0\xf9\xbfF\xac\xe7\xce9\x8cJ`\x18\xf6\x17\xa3\x19\xbe\xe7\xe4\xd0K\x06L\xc0#\xcfW\xd0r\xf5;\x9b\x01L\t}\n\xd1s\x8b\xa7$\xd7\x1e~\xf4?F\x0b1\xe5\xa2\x1eCj\xc3\xb4`\xd6\xce\xea|\xd4\xb5\xbf\xb9)D\'-\x07\xcf\x19?Y\x87\x11\xb7pw*\xbb\xa7\xec\xb4\xb2\x17\xf7\xe68\x1f\n\xca'</t>
  </si>
  <si>
    <t>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</t>
  </si>
  <si>
    <t>b'R\xf8\xedz\xd1W\xa3n\xbfy\xc8\x1a\xfbL\xf44'</t>
  </si>
  <si>
    <t>Plotinusâ€™ disciples, Amelius and Porphyry, the Academic Crantor, the
Middle Platonist Moderatus, and the Neoplatonists Iamblichus and Syrianus, the
latter Proclusâ€™ own teacher. The proemium of the Timaeus (Ti. 27d6â€“29d5) forms
the basis for the bulk of Proclusâ€™ discussion. In Platoâ€™s text, we find â€˜Timaeusâ€™ asking
a timeless cosmological question: â€˜â€˜Has the world always been in existence . . . or did it
arise, taking its origin from some beginning?â€™â€™ (28b5â€“7). â€˜â€˜Timaeusâ€™â€™ answers his own
question in the next line: â€˜â€˜It came into existence,â€™â€™ he says (gegonen, 28b7). But this
use of the word gegonen (â€˜â€˜came into existence,â€™â€™ â€˜â€˜was generatedâ€™â€™) is actually problematic for the Platonists, since the orthodox Neoplatonist position held that the
world was eternal, a point that they disputed hotly with their Christian contemporaries. Proclusâ€™ predecessors grappled mightily with this exegetical problem. Proclus
cites Alcinous/Albinus, some anonymous Platonists, and Porphyry and Iamblichus,
all on this particular Greek word.
In fact, Neoplatonists kept lists of exegetical solutions to those contradictions of
Platoâ€™s text which seemed to suggest that the world did begin from a certain point in
time. An earlier, more strictly Platonic explanation of the text assumes that by
â€˜â€˜generatedâ€™â€™ Plato must mean composite. Or again, the world could be generated
in</t>
  </si>
  <si>
    <t>b't\xbf\x7f\x05\xc2%\r\xae\x02y\xbb\x02\x90|\xe2{T\x82\x98ja\x9c\x00\x0b\xc8\x82)\x9c\x85\x8d\xaa\ncg\x9d;\xb9-\xb5U\xc8\xe8Gq\x03\x11G\x0c+w[\xd7q\x17\x80y\xa6e\x00&gt;\\dJ\xff\xf4SqEO\xb1\x84\xae\xf9VF\xb7A\xd6\xe4\x1d\x1fW\xdc\xfa\x000\xb1*\xe6`\xa7n\x7f\x91\xdd`P\xfd\xafA\x01\x07\xb4*\x1b"N\x10\xf2\\N}\xd1\x1d\x97F\x85Ab}^\xdd\x89\x03B\x96*\x0f\x86\x03\xec\xf2\x8dO\xe3/\x94\x08\xcc\xfa\xc9\xec\x199\x03\xac\xab\xe9mS\xd1\xc2#RrV\xb6:\x81t\xb1F\xecT\xf2\xe1\xc2\x8b\x0b\xd9$3\x8fX-\x07\xa4\xb2d \xa3j\xa6\xfd\xe3\x00\x84`\x11\x0c\xce\xaf\xdb\xe35\xb0\xd6O\x8e\x1f\xe5D\r\x11\x9f`\r\x83\xe6\x9e\xd6\xd6\xd2]\x99c{\x02.\x86O\xdey1\xc9\x0b]\xb3+}4\xc3\xe4\xf3`m7pdaMV\xc3\x13\xbd\x13F\xd5P\xa23\xbf\xdc\xa6\x8f\xca\nN\xb9\x91-R&amp;\xff\x1a\x93?&amp;\xb7\x01\x0b\xablZ\x8a\xd7\xec/\x8d\xd0\xd3\xae\x06p=t\xed:\xba\x0eG\xa3j\xb5\xf3\x9b\xa4\xf3\xae\xe4w\xc9 \xaa\xd7\x03\xb3\x16\xf0L\xd4VvY]G\x18\xf8:\x1f\x8b\xa6\xbc\x7f\r1\x05\x1f{\xc2\xc0\x15\x85\xec&gt;\x7f\xa5\xf2)\x7f\x0f5\x07\xd5\x9f&lt;j\xe9uD\x90\x9a\x1aPG\xfdq\xe4\xc60=\xe4\xd2z\xad5\x81\xda\xee\xb9cR\xfd\xe0\xce\xdc\xce\xa7\xfb\xce\xb9\xa3\xd2~\x8f\xd1\xb4\x9f\xf5r\x19\x87`\xea\xe4\xf3\x9a\x14\x8e jz\x8a\xc2\x86\xc8\x9f!\xe9\x8e\xb2!\x00a\xe9\xc6\xb0\x1fZzaIGM\x87sv\xc6\xfa\xb0\x04\xde;\xb4V\x06\x81\x08\x02\xed\r\xb6\xb3\xc8k\x11\x9c\x8a\xa05\xf5\x1eCG\xc0\x84Dqof{\x900\xa6\xacB\xbd\xd9+$\x80\xc7k\xea\x01\x98dy!\xeb^8\x16\x90H\xbf\xab\n\xfc\xd4\xe6\xa7\xe8\xee\xe0\xd93\x99\x07\xa6\xda\xd8\xe7\xf5\xac?\xa3\x1f\x8e_=\xb5\x05`R&gt;C\xbeH\x15&lt;\x175\x93\x00\xdd}\xea\xd20S\xc2\xe9K\xde\xdb\xb7v\x1a0\x81\xf3\x8a\xd0?\xe3\xe8\n\x94\x1f\xa6\xdb(Z\xbd#\xb2\x90V\x18\xcaVG\xc7\xedG\xb2\xd2_\xbc\xdby\xfb\xd9\xea9\xb1u\xa8\xf8\xa8|\x82y\xb0\xb3\xc8\x13{\x12:\xabb\xa7\x89^\x91\x9bn\x9fL\x14\xb9\x80\x0f\x8f|\xcc1\xc4Gs\x1d\xfb}\x04\xe4Q\x0c\xbc8\x87\xa8\x83\x9d_\xd5\xd7\x83m\xd3\x12\xdc\x91\x89\xaf\x8a{\xb5sn\x0bUs^~\x83H\xa7\xcb\xa9CB[\xcf\xe0\xaf8\x15#\xec\x06\xa5\x94\x16\n\xfc\x82mp\x84\xdf\x8aM\xa6i\x8bB\x04\xda\x1a=\xd3F@\xe7\x7f"\xe0\xe4S\xb5\xcd\xf2\x04\xa5\x8e\xf4\x13\r\xd8\xf3\x9c\xda\x99\xdbm\xed\xde\x0c\'R&amp;7\xa0\xf5\xe2\xdb\xb7\xb0\xbe\xea\r\x99\xf4\xb9\xbf\x9d\xce\x04\x8c\xb1\x11D\xcb\xd0\xa4\xde\xd4c\x98\xc3\xd1\xf0\xdd[\xcc\xdat\xea\n &lt;\x15\xd68\xb7\x9a\xb6O\xf6=\xdb=\xa1I3G\xbaCB\x94a\xf0J\x0f\xf72&amp;Dg,\xb4\x07=\xdc\xba\x14\x07\xac\xe4ZQU\xfdU\x08j6\r/1\xbfFi.\x98\xb48\x06\x14\xac\x84\xd1K_\xc8\xc6\x03\xcf\xc2\x9c\x9f\xafDUe\xcc\xb4m\x8ce\xe8]Ai\xff\x05CEC!\x83\x99k\xad\xfan\x06\xc1\xcdb\xac\xc1\xa7\xd6\x9e\xef?%\xcd"\x0f\x11\xads\nM\x8a#\xd2\x0c\x1brY\x8c\xd3&amp;\xcb-\x97^uq\x9c\xce\xf5\xc6\xdce\xc8\xd7\x7f\xb2\t\xfe6\x7f[\xc6\x15\xb5\x95\xf7\xad\xb3\xb6\xe39p\xfb\xc0g\xb0!\xa1_F\x85G&gt;\xea\xdd\t\x15\xeb\x835\xa8Zk}9fS\xd2\xeb\x04o\x08\x08\xd6\'2\x9c\xeb\x8d8GK\xb8\xd63\xc6\xf9\xec\x8cW\xad\x83\xe9s\tF\x08!WN+\xa0j\x05\xaf8\x01\x05\xe8\x01\xf3\x15D\x7f\xcbK\xc1\xf1\x9c\xbb\x95\xa5\x14\x1b~\x93\xa9\x07\xa1\\h\xe1Q\xc7\x93\xe4\xf0]\xa0\xcc\xe9P\xa21\xf0\xd8V\x97Tb\xe1\xde\xfbL/j\xc0P\xc6\xff\xc1\x9d3\xa4\x96\xdb\'\x9by\xd8\xda\xd97N$B\xc4\xffl\x16\x80\x80u\xdb\xb0pi!sd\x84\xe3\x02\x9cm7\xb7w\xfe\xf0&amp;mb?A4\xa7\x08\xdb\xbd/6z\x06\x94\x9fV\xe8B!\xde\xfa\xacz\x89\xd5\x8b\x05"CR\x85,_~\x8f\xbf\x03m5]C\xe4\x17\xec]4\xf9\xcd\xcf\xde\xc9@\x91\xe8\xc7\xcc\xf8\xe4\xbd\xf7e\x0e\x94\x85\xb2\xd9\x17&gt;\xae\x19\xdf[@\x93\xcb\xd8)\xb5y_\x1f\x8ez\xab\x12I\x9b\xebH\xdb7!D.\x0e\xb5\xf0\xc1\xcb\t\xe4;%\xac\x82l -\xef\xf5\xbe\x12\xa6\xa2\x08\xe5\xa9\xc8G\xb87\xdbL\x1e{-qI2\x19\xe8\xb2+)P1\x8e\x8e,V\xfa\x08zKL\xa8\x86\xb4R\xf7_|\xf7f{\xbeQ\x86\x0b\xa8,\xd2\xe1\xc3\xad\xc1d\x80\x7f\xbd\x9f\xed\x8c\x85\x9d2\xf8\xa3\xc6[IK\x0b\xd6\xe8\xf8\x01\xec\xcf\x87br9x\x1f\xf0W\xf8\xf3\xbb\xe1\x12\x90e\xd1P\x9b~W\x02R\xd5\xac\xee\x14HDH\xf7\xc7W\xf1\x9f9\xc3V\xfb\xa3w&gt;\xfb\xd2h\xf2\xd0\xf5\x98\x10\xd1\xdb(=q|\te\xfb\xa0\x11\xac\'\xf9,\x8d7\xc3x\x1ca\x80\xaf&gt;\x93\xf04\x08R\x89\x9e\xbe\x96Q\xec\xb0\x926\x9a\xbaNM"2y\x8e\xa2\xb3\x9cVd\x0f\xb0F\xedt\xbfzE\xf1\xab\xe1\xecL\x14\xfa1\xa5\x1c \xc7\xb2R\xab\x9c\x80\xee\xbe\xf5\x93a\xe1\xfb\xd6\x9e\xc8Q\xf9"\xfcL\x95\x1f"\xa1\xf7X4\xda\xbfSd\xc7I-\x9f\xdaH\xe3\xda\'\xf5\x07\xf4\xe7\xca\x00\xcf\x01\xfc\xd6\xed\xd6\xea&lt;\xa9*\x80\x08\x0cb\xe1\xbb\xdc\xb42\x7f\x99\xeeB\xb5K\xec\x86\x06\xe5-\xb5=u\xa0\x17_\xf7W\xe4!I/\xc0\x96'</t>
  </si>
  <si>
    <t>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</t>
  </si>
  <si>
    <t>b't\xbf\x7f\x05\xc2%\r\xae\x02y\xbb\x02\x90|\xe2{'</t>
  </si>
  <si>
    <t>, says that the bearded one is the loveliest, and he was a poet who knew
how to see beauty as well as how to make it; he would never have said so if he himself had
not first held and kissed the chin of his beloved. (Philostr. Ep. 15 [63])
As in the excerpt from Lucian above, the advent of body hair forms a conventional
part of the poetâ€™s argument to the boy, warning of the end of his attractiveness; the
attribution of pederastic desire to Homer is a sly extrapolation from the post-Homeric idea of pairs of male lovers in the Iliad. The identity of this author is somewhat
confused, but he seems to be the same Philostratus who wrote the Lives of the Sophists;
the Erotic Letters are prose poems, much resembling in theme the erotic epigrams
written by Martial and the Greek epigrammatists, and likewise addressing boys as well
as women. Especially notable is Letter 7 [44], a lengthy word-painting of the social
behavior of boys and lovers.
Nemesianus, poet, from Carthage, Rome, c.280 CE:
Whoever loves boys, let him harden his heart with steel, let him be in no hurry, and learn
to love patiently for a long time, and not scorn a prudent spirit in tender youth, but even
put up with sulks. Thus, someday, he will get his joy...(Eclogue 4.56â€“9)
Sexuality in the Roman Empire 337
This is to my knowledge the latest extant pederastic text in Latin.
364 CE: Isaac of Kellia, monastic, Egypt, 300s CE:
Donâ€™t allow the boys to remain here in this way, for four churches at Scetis have become
deserted because of boys. (Isaac of Kellia 5 [PG 65 225 Aâ€“B]; trans. and disc. in
Masterson 2001: 109â€“10)
Athanasius, exiled bishop of Alexandria, 356â€“62 CE:
Finally therefore, as the serpent was not able to take Antony in this way [i.e. in the form
of a woman], but rather saw himself thrust from his [Antonyâ€™s] heart, . . . so as a black
boy did he subsequently appear to him in a vision [as] the spirit of fornication. (Ath.
V. Ant. 6.1, trans. and disc. in Masterson 2001: 123â€“4)
434 CE: John Chrysostom, preacher, Antioch, 380s CE:
A certain strange and illicit sort of love has burst into our time: a disease has befallen us,
very serious and incurable, a plague that is the foulest of all plagues. . . . Not just the
written laws, but the laws of nature are being overturned. . . . Thus in the middle of the
cities, as if in a vast desert, males practice indecency on males. . . . Moreover the fathers of
the corrupted boys bear this in silence. (Jo.Chr. Against the Opponents of the Monastic
Life 3 [PG 47: 360â€“2]; see Boswell 1980: 131â€“2, 362â€“3)
Ausonius, rhetorician and courtier, Bordeaux, 380s CE:
â€˜â€˜Which Marcus?â€™â€™ The one recently called the cat that goes for the chickens â€“ [the one]
who corrupted the entire boyish sex, a digger at the backdoor wound of perverse Venus,
the poet Luciliusâ€™ â€˜â€˜stealthy boy-screwer.â€™â€™ (Auson. Ep. 77.5â€“8; modified trans. Masterson 2001: 62â€“4, with disc.)
This is the only piece by Ausonius that deals with pederasty, and not from the enthusiastic
standpoint of Martial (otherwise a model for Ausonius), or Strato (though Ausonius
translates about a dozen epigrams directly from the Palatine Anthology). The juxtaposition of â€˜â€˜recentlyâ€™â€™ (nuper) with Lucilius, and Ausoniusâ€™ choice of interlocutor for the
poemâ€™s frame â€“ Pythagoras â€“ puts a sort of unreality frosting on what is otherwise a lively
and original epigram. And a lonely one. Ausonius does have one epitaph for a boy dying
at the age of 16 and just losing his gender ambiguity (62), and a series on cute boys of
mythology (97â€“103), but where an earlier epigrammatist would have made the boys
explicitly sexy, Ausonius stops short of it, with a kind of emphatic ellipsis.
Shenute, abbot, White Monastery, Egypt, c.400 CE:
Cursed is he who will kiss his neighbor or a boy with lustful passion. (Shenute, Concerning the life of Monks 25; trans. Foat in Brooten 1996: 350 n. 201, with disc. 348â€“50)
(2) sex between adult males?
14 CE: Phaedrus, fable-writer, freedm</t>
  </si>
  <si>
    <t>b'I\xd8\xc4\xcf\xcf\xe2;\x90\x81\xeeg\xd6\xbc\xd1\x0cU\xb5C\x0b\xaa\xc3s\xb7\xa5\xde\x19OE\xfc\xb7\xd7\x8aS\x10\xfd\x94Y-\xca!\x99p\x9a\xc7\xdf%\xdc+\xa1_\xf1\x07g\xdep\xf54\x03}"C\xd6\xab\x8eF\x96\xf0\xa6\xa2\xa5\xf7\x8f\x12\x15|]Q^\xfas3\xe3\x8b`\xd7d\x91\x19\xbd\xb7/\xb2"8-O1\xfcJ\xd7\x15]\xe8\xe7\xf6\t\x81\x1f\xb0\xcf\xac\xd3\x0f\x00\xd2\xe1\xa0n\x01$~:\xb0\xbd\xa4\xf8\x04(\xd7#\xe8\x99T\xe3\x19\t\xdc\x11\x8f\xd9!wrKT\xcb\x98\xd8\xdc\xee:3\xae.P\x87\xecb\x8c\xc9\xbc\xfb\xdeQ\xcd\xc3\xe4"\xb6\xc7\xec\xe5\x12\x8c;7\x8c\xd8\xb6#\x1b\x8cPT\x12c\x0b-\xaf^@l\x0e`e\x96&gt;ry\xdc?\xb7\xa6\xdc\x9f&lt;\x91\xfdQ\x16I\xdb\xc1\xe7\xa2\xd03\xb2\xbc52S\x9cC\xddb\x01\x01\x91;6\xd2#U\x88\xe4\x90\x00"\xe1\xcb\x0c\xb8Q\xf1\xb9\xd2iX\xee\x14\xd3\xf1\xe8\x82\xd5C\x9b\xe5\xa1\xeb\xea@\x1e%\xda\xc4\x02q\xe0\x00)\xa0\xa0\xd6\x14\xdb\xc0\x8a=\tqR\x9a\xef\x92\xf2\xee\xc47\xb9D1\x99\x0ep\xa2Y+\xbe\xfbT\xd5y\xb9\xb0\xc5\xdfk\xe2\x9a\x10\xf9\xa6Q\x85%\x1e\xa9\xbae\xc3\xb9\xff\xab\x15\xe5\x15p\xa8\xe0Q\xb6\xc7\xcd[\x96\xb8$\x9d\x1a#v\xc1c\xaaE\x95\x16\xb8\xec\xe0\xd6m\\\xcb\x95=\x15\xfdN\xac\xa8"\xea~\xcf\x93\xf11_\xfa\x12\xca\xc6f\xbd\xfc\xe6\xe8.7\xe2Q\x1aAx\xc9\xca\x02\x1b\xc5\x83\x18"AL\x9a\xcf\xb0\xbd\x92\xfa\xa1&gt;\x8f\xff\xdf}H\xf8D\xd5\xd3\x99c\x9cf$\xc8\xa2\xf1ah\xe1\xdd\x85C\xce\xb0i\xa3\xe6\xc0L\xdc]N\x84\x16\x87\x9b\n%\xfa\xa3\r\xc8\xfb\xd8\xa4\xe8\x8f2\x97\xab\x86xl"\x03\x93\xba\xf9\x8c\x99\xab\xc1o)\x7f\xd5\xa9E+\x1bV\x1e\x18\xaa\xfc\xe1\x99J\x87Aw\x90\xe0\x8f\xb0;i\x05\xf1\nm\x88\xa3\xa9\x86\x98\x0e0\xd0\x93\xa3\xd7SR%sz\x1e\x12\xe5\xcdz\xe1\xf2\x18\x8c\xaa\xe6\xd7\x00\x03\x96f\x00O\xc3\xf2\xf4a\xc7*\xd0r\xfa5o\x82p\x0c[\xdf\xcb\xa2\x9f\x00~\xd6\xcd\x1f\xf7g\x9d|Y\xff\xddq\xab\xda\xe1f\x11\xc3\x10\xd5Z\xf3\xa3\xac\xde\x9a\xa7gyx\xd6\xb3\xa5\xbc\xf3\xc8\xc1\xca5h\xab\xcfm\x00\x94\xf1\xdd\x04\xab?u\xd3\rv{v\xa5\xd8\x802\xa7\xac\xacA\xdbt7\xbf\xf4\xac\x8b\xc1\na&lt;\xb5\xfdNi\x88o~\x88\x05`\xa4K\xd0\xd9H\xe0k\xfcFJ6\xa4\xf8\xd4+\xfe\x94w\x04J\xe6\xebk?\x0e\x04\xbd\xd7^\xc6?\xfe\x05\x19\xe05\x8d\xeb\xd0\xe8\x02\x0c\xf6\x82\x84\xde\xb6\xd2\x1a\xbdO\x9aW\x01\x89{=\xa9\x01\xa6\xcd\xba\xefQo\xc8\x81G\xdc\x80\xbd\xe0),c\xfa\x94\x0b*\x03\x04\x94\'\x8aW\xacf\xdc)%\xf1B&amp;\xf5b\xf5\xa4\xb9\x02u\xc3\xb3\xa0;E\xce\xb1\x92\xd3%km,C\x80\x83I&lt;\xf8 \x11i\xf8}\xaa\xe7H}b\xed\x8dt\x8bi\x12=\x97\xb9l\xb2\xbc\x97\'\xd10S\x8czM\xec\xc7\x10Gj\xf6\xa6\t\xb6\xda\xb6p\xd7\xc2\xdd\xe0\xe9\xcdq\xbf&lt;\xea:\xce"\x17\xe7U+P\x17U\x8f\xde\x8f*cPX\xbd;]!RF\xf2&gt;\xe9\x95\xdd\xbcz\xcf\x01Iy\xbe zl\'Iq\xd9wc\x04\x185w\x97\x9c\xbaF\xf5\x10\xa0\x93\x1aN\x91\xd2W\xadbr\xf88\xee\xd0B\xe0\x1cn\xd5\xe2[&lt;\x08\xef\x8a\xae\xbbw\xb7\x11\x13[x\r\xf8\xaer7 \xb1JK\xa0\x85\xbc+B\xe4#\x14\xf4\xb7\xc3\x94\xb6\x97m\x87n\xea1?\x03q\x10\xdfo\xeb\x02\xf61\x1f\xd9"k\x80\t&lt;\xf2\xc2=\xd5\xfd\x1c?tS\xfc\xe6\x96\xa5\xdcO[\x1f\xa3\x94\xfb\xf2\x85\xa0^\xabN:\x95,\x15\xf1\\\xc5F\x8f\xd9\xddJ\x87\xa5\xc5\x9c&lt;V\xfb\x98&gt;\t]\xb6\x8c\xd8\t\xf9B1\xb7p_v\xd7\xe0\x90U\xef\x9f\xb5\x827\x00\xa2\x97-\x81\xb5\x17%b\xd2|+3d\xcf\xab0y\x96\x80\x92{&lt;\xd0\x8ej{\x0eS\xf4M\x17,u\xfa4\xa8\xa0\xe1\xe6Jg\xd3\xfc\x88a\xe1.\x07\x00T\x16"~UQJn\\c\xfe?j\xd9\xe3\xae"yf2C\x98^\xf0\xc0Z\xe2\xf8&gt;X!\xd8\xd0\xa6\x8f}\xcfvO_\xa7\xad\x8f\xef%\xb3F\x81\x88k\t\xb7{U\x9f\xabo\x0b\xecsQ\xe3\x85\x0c3\xe8\xbbS\'x\\"\x02,5\xfe\x9f\x9fz\x0e\xa69$\x14\xa6\xe1\x1e\xb0\xb0\xbb\n\xca\x83r-\x89\xd3x\xdc\xa5\xc8\xea\xb0I\xa3PB\x0bb\xd4\x85\xceI\xf6\\\xaf\x88\x14\xd3\xc7\xb38\x99\xdd\xca\xcc\xf0\x03\xf9@m\x1e\xd6\x82.0|~\xd2\xc3\xf3\xd5U\xd29\xf1Lk\x8d\xf1\xcf\x00 0\xb5\xddG]\x99\x0b_\xe6\xc8\x81iUu\xd0h\x85\x8e\x8c\xfc{[\xf4N\x97\xbf\x8c\xd8\xe5\x9bS.\x11\x0ep\xfbM\xe4\xea\xfb=6\xd4\'}\xae\x9b\xc5\xc2\x8d\xa6K\xc0\xd2\xff-\x14\xf7\x81U\x9f4!p\x00\xc7\xfd\xd2\x9b\xe3\x7f\x11\x0b\x7f\xec\'\x85\x9e\x0e\xb9\x9c\xf3\x87D0\xb0\xd3\xbdanl\x05~\x88\xdb\xca\xb8?Zrb7q\x9c\xf1\xdd\xcf\xe7\x03?\xdf\xfa\x17S\x8c\xc7\x03Ak\x1b\xe2\x0f\xbcI\xf1\xbfT\xfbQA\x0f&lt;\xf7f^\xa0?\x1c\xa2\xdb\'\xfc\xcb&lt;/\x19t\xeb\xce\xad\x12\xfeE\xbd\xff\x03\xd9\xc79\xd6cDm\x87\xd7\xd6\x8c\x88Tt\xb6\x153h\x1a\xae\x10\xaa\x9d\xcd@^\xee\xd8\xd3M\xad{\xfas\xcd\xa6\x8f&lt;\x8b\xa8W-\xf6+\xeeQ\x95\xaa4\xbbp\xa9\x81t`=\xb3!\xf5&gt;\x80]m\xa7)wJ\xbf\x9a\x9e\x81\xb39&amp;\xeb\x16\xbe\xcd(\xfcw\xbb\x9b\xff\xb5\xf1`d3c\xfd\x92,0\xae\xa0\x8d\xbd\xe9\xc6-d!\xcb\xc1\xd9\xba\x1f\xc0\xdb\xfd\xe3\xbb\xef/\x0e\x7f+\x94\xea05\x0f\xe1]3F\xea\xadK\x04\x02M0\xa9m\xef\xbb\x9a\xc2\xa4\x14C\x86^@\xf6\xac\x94!+\xb2&lt;r\xe6\x1d\xe8\x88\xe3\x0fJ\x15\x17\x86O\xfc\xa5v,\x07aB\x01\x9b\x06v\xa4B\xc7\xebz\xbd1\x82:\xadq\x92\x7f!\xfe\xb6O\xec\xd0\x05%\xcaL\xf8\xea\x98\x81\x0e\xe6\x98\xf5,u_\x17D\xd8\rS\x06*|\xc6\x94\xddX9\xab\xcc\xf8\x9bA\xd1\x924\x18}\x12&lt;\xe2K/y+\x14I\xe4\x01i\x0b\x02\xe7\x94\xdb-\xe4\xf2\xfd\xf2\x0f}\xeb\xc3\xaex\xb8\xbe5\xc6g[4\x1a\xcbo\xfe\n9\xff\xf3\x91\xbc\xc4\x08\x82!\x17\x1e\x17\x9b\xcc\x9b\x99\xda\xc9-\x82\xe1\xbf\xf4c\xe6\xbd\x9f\xbc\x16\xe8&gt;]\xe92\xd3\xca\x05\xee\x0c\xf4\x0b5\xb2\xd2`\x10\x11qMg\xac\xd7\xd7p\x1c~\xd6\xc4\xa6\xda\xf5\xb4N\x89\xeb\xd6\xd6\xfc\x15\xdc\x87\xc6\x0c\xe6#\xc5\x1a\x0en&amp;\x83d\xe4\x0bH\xedu\xe9F\xb8\xfd\xb14\xa57\xfaJW4\xdd\xb4\x15\n=\xc6f\xb7x8\x86\x07\xfaGDy\xd5q\x07\xc0\x0b\x10\xe9\x9d\t\xd7o\xcd\x9b]\xc8y\x06i(\xf6\xac\xf3\x82\xafQ4\xace\xc9v M~\xa2\x89\xa2\x96\xd1N\xb7\xa3\xab\x18;{]m\x98\xe9\xe7\x10\xbd\xf0\xe0\xdb\xd3\x89\xf8\x86c.\xab\xd3W\x865\r\x94\x9b\xe8nI|f\xfa\xd0\xe1k\x19\xd0pH\xbdv9\xebR\x0f;\x1c\x8f\xbf\xae\x90]\x94\xb7;B\xa0\xbf\xde\xa7\x9a\xd5\xe20Y\xdb\x97\xe3)\xda\xe9\xa8tO\xe9w\xa9\xf6h\xc4`5\xcbm\xb0\xaa\x12G\xf1\x87\xb6\xb2$\xeb\xedo\xf6\xb7\x94~D\xb0\x850\xd6Y\xad\xdcmX\x0b:\xa5M&amp;f\x1aK\x0fJ\x82\x93%w\x8f&gt;\xf3\xf1J\xee\xe6\xb4\x95d\x9a\xaa_n+\x9e\xb9\x90\x8fD\xcc\x04j\x89\xe9\xea\x00\x00-\x00\x93\xe9BRy\x8b\xdc\x0e\x9a\x0bn\x8d\xc5\x0e\x01,\x08\x988\x0f\xcb\xe58\xc6?\xa3\xad\x82\x93;0Q\x1e\x13\x08\x99e\xe8\x1e\xa6\xa1\xb4\xdd\x81\xdc3\x82\x9de\xf7k\x8e\xb25&gt;`\x91c&amp;f\x85\xa3\xc7 \xd4\xb2(\x06\xaa\xaa\x0f\x02\x05\x1e\x19#\xc9h\xc2\x14l\x00\xf6"K\xf5\xfc\x94\x7f\xe1/\xcf\xb8\x1b\x1c\xa7\xee\xbc\x84\x03\xc0\xc3j\t\xe08\x0b\xc7\x9a\x0f\x9f\xbf\xf0\xab\x07\xb8\xb2\xbf\xf5\xd3\n\xd1\x84d\x8e\x80.\xbd\x9c\xe7\xdau\xa1\xcd\x02\xff\xe2\xc9\x97\xefU\xedv^\'j\x80\xc6$\x99\xe5A\x1a?\xb5\xd3\x80/&amp;\x8ekB\xc7\xbb\xfc\xd5)\xda\xfe\xa2\xbb\x16\xa3Um\x1a\xbf\xe3\xd5"\x08\xb7\xe2;-\xbe*\xe9\xa8v\x1e\xda\xaa\x84\xc5\x1a\x0fz\xe3D\xf2S\xba\xd7\x1cLb\xd4C\xe2\x18\xffSo\xa8a3?\x80h\xf5\x0e&amp;\xe4\x99\xd2\xbdJ(z\xf7!\xb7\xe1 m\xec\x19\x0f\xcf\x15^\x85V\xb2V\xe3,\xc1\'a\xe7\xaa\xd5\xce\xb7C\xf2\x93\x80\xe5w\xf60+\x1e\xe6\x1aZ&lt;V\xc8\x046\xb2\xb0V\x80\x97\x05WY\xcc\xd1*\xf9\x0b\xf5(@\xce\x15-\xa1\xd4\xa5\t\x87\x10\x1c\x15e1roF\x85$\xba\x04i\x10T\xcc4G\x97Tkp\xd2\x0b\xd4N\xa1\xe5\xef\xcf\x12\xacM\xc6\x9f-\x941\xf1z\xd7\x91\xc2\n\xd4\x89\x80_\xf2E\xda\xe1.D\x1f\xcf\n\xb6\x80\xf9\x9865\x8a\\\xc5%IH\xeab0\xb7\x14\x04\xca=\xcd\xeaj\xef=\x1a\x0fn~\xfb^;\x9f\x8d{\x88\x07}\x1b\x06\xe2\x81\x97ZBC\x8a\x0b\xb9\xd0E\xfa\xdb/+\xeb#\x16N\x11\xb8\x0bV}\x9e-c\xb7{\xd1F\x01\xd0\xa5=\x8b6K\x1c,\xbb\xe9\xaf\x81\x1f\xde\xdf\x89\xb6\xa4\xc5f\xff\x95\x9f\xabb\xd8\xd6\xc34\x7f\xa5\xee&amp;Z\xe7\xefs\x98\xdb\xdc\x7f.o\xc4.\xa2\xbb\x0edS\xee\x83\xc2m\xa0\xb4\xba\xc8#\xfbI* \r\xfdX\x7fL\xfb9Z\xe4\r&lt;\x87\xbb\x9f\x00;f\x1b\x01\xcf\xd4W\xc4\xf6\xce\xbf\xc7\xcdM\x81\x19O\xba\xb0\xd4\xd4M\x08f\xd2\x86\xdc\x94\x01\x91\xcdQ\x1e\xe0#\x94\x12$\t\x08\xe0\\\xd9\x0b\x06_\x8756n\xd2\xe5\xd5\x12\xb0\xd2\x01Q\x1e\xdc\x14\xd2\x8e&amp;\t{\x0b\xa7\xda\xa0\x8b$n\xa4\x1e\x08+\xe0\xd8,\x8e\x1b2\'\'J\xa2\xea|\xd6\x85\x98\x92\x08a\xbf\xf4\x9a\'Zt\xc3\xb3\x8a\x1d\x86\xc85!\x96eT&lt;\x1c\x80mIa\x92\x17ro\xf0i\x9f\x81\xb8cn\xf9\x10Q1\x8c\x7fR\xc7\x83{\xfae\xc7L\x10y\xb4\x12\xaf\r\xfe{ d\xb6\xd7W{_\xffG\xba\xe0A\x1a\x93T\xd3\xaf\xf3\x86W\x86#\t\x849\xec\xed\xc3J\x80rx\xe3l\xee\xed\xd0\xf9\xc9DmJ\xe8\xd4\xc6\xd9\x03Ea\xcd\xa2\x15\xc2C\xb2o\xb1c\rx&amp;\x18in\x926\xb3\x84\x13&amp;ao\xf3!\xb6\x8f\xae?\x8b\xd5|\'5\x82v\xe8\xef\xf5p\xb7^\xcdwwX/v\xb7J\x08\xd3a\xc8H\xd6|\x9d\xd9ebsu\xc5%\x92\xcd\xd7A)\xe3\x9c\x08\x94\xddy\x17\x1fP\n\xd0\x80\xadXf*\x04&lt;\xea\xb2\xd3\x15\xe3\xc5%p]\x83\xea pL\x1c\x9fd\xd2\x9f\xb3\xf1G\xf6\x12;6\x00\xfe\xd5\xefg\xf2\xdf3H.\xbd/{\xd2\\\xd5\xab\xfb\xcc#\x11\xb6&amp;n\x1b\xe7\x14\x8d\x80A2\xa8q\xc0M\x8bi\xfc\xa6\x98\x95\xa6\x02\xe9A\xd9\xb3\xaf\xce\x974\xaf[\';\x8c\x01I\x9b\xe3;m\xa9\x8f\xb7\xade\xd5l\t\xef\xffv\xf9\x84\xaa\xfa\xc7t\xc8\xa1\xfa\x10Bx:D=\x8fcL\xebA"(\xbcA\x13(!\xc0g\x94o0\xec\xd4\xd8\xe0T3\xe0\xad\x8a\xff\xae\xd8\x80\x89\x94\x95P\xb6E\\\x96\xf0\xcf_n$R\xe1z_\xdb%\xd1@u\x0f\xfc\x8ePX\x18\x7f\x91y\xa15bW\x8a\xd0\xd9\xf7\xfbw\xf2\x16\xb7\xde\x02\x13\x02\xe9\xa8\xd4\xa8o^uX\xb9\xfc\x93\xc7\xe1\xbez\xfd\xd7\xb8\xe7?Z\x1a1K\xfd\xf3\xadn9W\x17\x9e\xb2\x11\xdd\xd7\xaa3\xfc\xa9\xed$T\xef\x0egz5\xef\x0fspV\xf9\x10\xa9\xfb\xb9\xdf\xd8\x18c\x99\x88\x1e\xef\x16b#\x9d\xfbaO)A[\r9)\x06\x82\xa7iV\x90\xfd&gt;C\xd2\xb1/\x8a\xf9\xd0\x9c\xb6\x0c\x85\xecL\xf99\xae\xee\xe9v(\xf1\xaa6\x92\x8f\xc3\xe0x\xec\xb6\xfa\xcc\x93\xb0\xe7J\xb1\xcd\x0f\xb7\xaev\x80\xa4\xfdf\xf0CG\xeaW\x06&gt;%\x93\xa7\x97\xdf\xa1\xe4\x9d\xcb\x91S;\xa4\x15\x128\xfcE\x9a\xd3K\xbc8-i\xc7\x14\x99\x84\xc9\xd0\xe6\xb8\x02&gt;\x86Vo\x8e\xc4\xf6\xf5V\x1f\x1a?\xa2w\xef\x9fD\xa2\x86\x9f\xb6\xbc\x983o\x7f\xc6\x80\x18a\x02\xee{w\xa2F&lt;\xc5A~\xb8Q\x18\x84\x82c\xb6\xe3\t\xb9.\xfeg\x11%\xee\x9f\xc5\xc7\x8bHg\xed%\x87\xd4!\x98\x00?\xc6E\xcck\x13\xb4\x9bw\xf6\x97\x97\xb6\xe8\xedg\x16\xaa\xa9\x14g\x7f\x05\x13\xc4`\xe5M8B\xbe\xbd\xa78-\x8a\x00x\xea\xa9I\xc6)u\xe0m\x84\xfb\x87M\x02\x9d\xae\xd0\xca\x13\x0e\x82$}B\xc77\xa1\xa2\x10\xe0\xd5\x06\xd4\x18\x0b\xabb\xa7\xe3k\x96\xc2\x86\x92D\x937,\xf9\x03\x1bz\x93n\x9a\xbd\x9doo\x8e\xa1EpaJ\xe8N\xaf\x1d\xcd\x82\x01\x19x\xaf\xdd\x9e\x8f\x8c\xa2f\\Ix\x95\xfb`\x9b\xd7TIv\x02\x1e\r\xd5\x1e\x08\x85\x04\xc0\x89\xdd\x0eR/\x8d\xee\xcf\xafU\xfdV&lt;.\xf5\xd4\xf0%\xa8\x9aZ\xaa@P\x051\xb6;|\xff\x11\x9cV\xaaI\xd5\xe4\xdc\xe5\xe1\x9d\xc3(\x01\\\x9a\x8d@1pi[k\xf5\xcd\xfd\x04\xc3\xa8$\x94\xb6P\xd5\xa9\x9d\xbe\xac\xcc\xe5C\xf5\x90&lt;NU\xc6}\rv\x8e\xacw%{fJ%\'\x0fX\xc9N\x0eg\x8e\x97DWw[\xb4\xe07\xaeH\x96a\xda\xd8oE\xa2p![\x92\xe8\x07\xb0\xd1\xa8\xb5\x06\x95\xedG\xc8\xb6!c\x15\xea\xf1\xeb\x1d\xcc\xd3\xa0\xb5Q^q%\xd7`Q\x99s\xca\x98\xeb\xf0:\xf4\xfc\xaa#\x1f\x80\x0cY\x9bFGA]\xec\xf9\x90\xa0\x17\x9e=\xd1\xad5\x04\x9f;\xde\xdb\x17\xe6\xa6\xdd\xa9\xb1S\x12\x07\x96\x908$f}\x14\x94\xd5C\x85Ov\xcbe\x976!\xb7T\xc4\x18\x9c\xa5\x15}X\x0b\xabj0\xc8\xbc\xf9\x11\xef\xd2\x91\xa6(\xf3\xb3\xdb\xff\x0eQ\xfa\x92\xd4c\xc2I\xc2\r\xf5\x1a\xde\x8a\xb8\x83Bs.\x04J\x91\xf2\xf1\x03\x0c7\xd7\x81(&amp;D\xed\xd9\xcc\xa7\xbfK\xe0\xacR\xac\xbb\xa37:\xd6\'b;\x013\xab`Y?\xe3"\xdc\xab]F\xff!\t\xdd\x80\xfc\xf4R\xd2M\xf7\x1a\x91\xeb\xf8\xad\xb7S\xd3\xa3\x7f\'0\x04d\xc8_O\xb8\x1e\xb4P\xff\'\xfc9\xd4\xe3\xc3a9\xc4\xdc9@\xee\x1b\x04\x06\xf0}\x8c\n\xfe\xb83\x88\xf0\xf9\xd0|\xd4$m$\x0b\x8av\xef;\x9b,\xc9&amp;z\x00g:\x18\x91\x08t\xdc \xc5&amp;\x97R}A;|R\xaa\x8b4\xadpU\x9b.6\xe8\xc1\x96\'\xbb\x00\xc8\x9e\xa0\xe3\xa7\xbc\xf6\xb5\xf8(\x1b\x1c\x8c\x9f\x92\xf5\x80\xd8\xa8#\x10\xf1J\xbb\xee\xa3\x95\n\x9f\xd7\x05[&lt;\xd8I\xf8\x87\xc5\xff\x1ac\x10CJD\xf0\x01:aO`[\xcb\xf0\xce\t,\x1e\xd4\x8a\xf8n\xf8\xd6\xd4VIU\x0f\x86?7\xcf*fV\xd17\t\x81_\xb4\xf1\xae\xb6\xa7\xe7\x1cxZ\x16q\x14\xfa\xa5+\x94\xe7\x91\x9ege\xf0w\x07\xd5\x81\xefr\xf5\xd7\x91|w\xcf\xa6,\x87(\xfc\xe0&amp;\xdc\xd0\xcf\x99\x19\xa0\xb7)\x98\x05\xbc\xf4\x15x\xcc\xad\x04\x95\x0c\xc7\xa5`a\xad\x88\xcc\'a\xe6\x0e\xfb\x89\xc1\xfbSD\xba\x0c\x11\xe6\x8f\xb5t\x82\x10oq\xbc\t\x92\xa7\xb2\xd40\xed\x87\'\xd5\xfdG\xcbo4\x9e\xa5K\xbb\xff\xb7`\xa5\x82\xf6?fb\x1f\xf2r\xa8\xac\xb6\xca\xb1\x84\xac\x97Y\xb8E\xf7 \xe6\xcc\x85\x1fI\x89\x03\xf7\xf3,)\x91\x84\xb3@\xfc0\x16#|(\x00\x07Y\x02\\\xb8\x00\x85\xff\xd4\x91B\xf0\xad\x07="W{\xb4\xce(\xb4O\x14x\xdd\xa5f\xbc]\xf5\xea \x84:\x0f!\xc5Xob\xf5\x0f\x15\xc9\xff\xddv\x1a\x12F\xa0p\xd5\x9f\xde\xf6N\xf9\xf7kq\x88\xc2\x9es\xda4\r\xdf\xcd\nb\xc9h\xe6^\x1dz\x86\xb8\xb2\xb4\x0e\x07\xdcY_\xf3'</t>
  </si>
  <si>
    <t>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</t>
  </si>
  <si>
    <t>b'I\xd8\xc4\xcf\xcf\xe2;\x90\x81\xeeg\xd6\xbc\xd1\x0cU'</t>
  </si>
  <si>
    <t>erium) of a city; consequently, this
act, more than any other, came to symbolize the foundation of a new city.
As Vergil was writing these lines in the 20s BCE, the Punic city of Carthage, in ruins
since its destruction by the army of Scipio Aemilianus in 146 BCE, was being
refounded as a Roman colony, the Colonia Concordia Iulia. A massive urban grid
encompassing 300 hectares was being laid out and a large forum, 190 meters long by
165 meters wide, was under construction on artificial terracing on the Byrsa hill
(Gros 1990a; Rakob 2000). Vergilâ€™s words thus had plenty of contemporary resonance. But they also encapsulate the Roman belief that a city, that is, an autonomous
civic community that controlled a clearly defined territory, needed to be equipped
with a monumental center just as much as it required laws, a constitution, local
magistrates, and a local senate. Any city worthy of its name had to have a built
environment for the proper functioning of its political, religious, and social life.
Julius Caesar had made much the same connection, if more laconically, when he
mentioned how in 49 BCE his legate T. Labienus â€˜â€˜had given a constitution to and
provided at his own expense a monumental center forâ€™â€™ the new municipality of
Cingulum in the hitherto under-urbanized region of Picenum in central-eastern
Italy (BC 1.15.2). Thus it is not surprising that when Roman artists came to represent
a city in visual form, they stressed its monumentality. A fresco from a Flavian-period
building on the Oppian hill in Rome shows a city ringed with a set of walls crowned
with circular towers (La Rocca 2000; Caruso and Volpe 2000). It has a fortified
harbor with two protective moles, while a river or canal flows into its urban center
through an arched entrance flanked with towers. Visible inside the city are a theater
with a portico behind its stage-building (a porticus post scaenam), several temples, and
a large square forum with surrounding colonnade and impressive entrance arch. The
city is laid out on a regular grid with the main cross-streets, the kardo and decumanus,
clearly delineated. A fragmentary relief from Avezzano (now in the Museo Nazionale
at Chieti) emphasizes many of the same ideals (Gros 2001: 21). It shows a city once
again proudly equipped with ashlar masonry walls and a gate, its houses neatly
organized within a rectilinear grid (Figure 13.1a). Another fragment has a public
building adorned with statues (Figure 13.1b). On the first fragment, immediately
outside the walls we can glimpse the surrounding countryside with its fields, trees,
villas, and tombs. The clear implication is that a cityâ€™s territory was perceived as being
an integral part of any civic community.
There can be little doubt that in their conceptualization of cities the Romans
required them to have a monumental center in order to qualify for civic status. This
idea was not unique to the Romans. The Greeks had long since held it and continued
to expound it now that they found themselves under Roman rule. Pausanias,
for example, writing in the mid- to later second century CE, questioned whether
Cities and Urban Life in the Western Provinces 251
Panopaeus in Phocis in central Greece deserved the title of â€˜â€˜cityâ€™â€™ â€˜â€˜when it has no
public buildings, no palaestra, no theater, no market-place, when it has no running
water linked to a fountain and its inhabitants live on the edge of a ravine in hovels like
Figure 13.1a and b Relief from Avezzano, Italy, showing city and surrounding countryside
(DAI, Rome, Inst. Neg. 79â€“2757)
252 Jonathan Edmondson
mountain hutsâ€™â€™ (10.4.1; cf. Finley 1977)</t>
  </si>
  <si>
    <t>b'\xfaw\x90\x05(9i\x1aL\n\x91\xb7\xd1s\xcfc8\x08\xb1$\xbc\xad\xd1i\xb1\xf5*\xc03\xa9p\xee\x1b\x1eA\x16\x12&lt;87\xf6_\xac\xbf\xb9\xbc\x13\x9f\\YJ|U\x8b\xd5n\xa6g\x19\xd0.\x100\x14@\xdc\xdfv=\xd1g\x9d]\xa8\xa3:\xa2\xc0\x8c)&amp;\xa3X\x8dD\x8f,\x03\xfa\x99\xbf\x96\xa4[\xf5\xbabN(\xa2\xf4]~\xa7\x1co\x16\x9f\xf9\xbe\xf5\xbe\x1a\xfa\x1dG\xfcgv],_6\xcf\x11\x9aX\xf6f\xaf\x1f\xf9\xa2d\xae\xc6\xab\\\x06\x1dx%\xd8\xb6\x12\xa3W\xbc \xd7Y ,\x8b\x08\x0bG\xd3\r\xb5\xcau\xe8\xb78\xd1&lt;0v\xdd\x19\xe2^\xba\xaf\xfe\xdc\xa2\xf5M\x10Q\x99!$\x0c\xf5LY\xc1\xc1\x1ew[l|\x86\xa6\x03\x19Qu\xb3im\xc3\xb8%4\x1c\x13\xad\xb9\x0c\xd9\x18\xf2onSV\t\xc7\xa8\x9bd\x89\xc5p\\\xddk\x11\x84\x03{\x19\x0fWB\x1e\xb8\x05yc\r\'?\x8ece\xf3\xc9\x04\x85.\x1f|\xd8A\xa8+\xb2\x9b\xaf\xff\xb6^\xee\x19\x13\xa6\x86\xb8\xeb1*\xa6\xdcT\xaa\xc2kt\xbb\x8aT\xa8\x01P\x9d\xd5\xd8\x1fa\xea}g\xcf,\xcc9z\x01\xc0\xc4\r\x0b\xbd\xa6X\x12g\xec\xee\x03\xbf\xca?w\x8e&lt;o\xc6^\x83\x8fa\x01W\xe9\xee,1\x8d\x02&amp;\x15\xa2^\x937v\x1e2\x87\xf4\xe5\xbf\x19\xf1_\xd3,:Y\xb6\xdc\xdbU\n\xb4b\xdc\x08W3\x01y\xc3:$\xa4#\xc5h\xa4\xa4\xc3\x1b\xd2\x99\xfa\x99\xe2\x9b\xa1\x1fT,\xa5\xe9\x85\x93\xa0(\\\xf2\xe2\xbf\xe7\x7fN;L\x82h\xc6\xba\xb6\xe8\x8b\x8d\x01\xcc|\x9f\xb4\xbfn|\xe44\xb3\x0c\x92]\x8bH88\x8d\tj\xe1E\xc6\xd08+\x99~9P\xd7\xf2\x9a5\xfb\xeb\xca\x81 \xc7)\xa9\x1c\x95\xe8\xb1\xc89\x95\xeefJ`V6\xb9\x93\xe9\xc5\x9c\x94\x17\xd5\xd99&amp;\xe9\xa9c\xf6s~F\x98U\xa0\xa3"\xa8\xe9\x87i\xcc\xa7\xda\xed|P\x0f:\x05^f9/\xfb\x1e\x94\xf02\x95\x00\x0e\xf8\xf1o\x8e\x0ceE\xf9f.\x86v\x02\xb1+\xd0M=\x03\xb7\xe1\xbc\x87\xaa\x92\x84M5\x8e\xf2x\xef\xc4\xa8-\xfcf)\xe6x-,\xf7]#\xeb\xba\\\xdc\xa1\x98\xe4\x17T\x97Os\xcb\x1e\x94S\xdf\xc4%\x03\xe1{P&gt;\x02W\xe4\xb4\xe3\xa8H\xf8\x90\xf4u\x19\xf4\x80y_,\xb0\x0c\xe7\xc1L\x1b\xe9\xf4\xbe\x8e\x07E\xfc]\x88\xdb\x1a\x8e2\x05\x9a\'/\xff\x97x\x80(\xf4\x85\xc5\x89\xc0\xdc\xae\x17\x9c\x88$\x15\xb61\xa8\xa3&amp;\x8fEg\xeb\xccL4\xecz\xda(\xd7Z\x9f\xa5f\xa1\xac\xcf\xc1\xdby\xeb\xdcdX\x08`\xaf\xeb@\x88\x87\xc6\xe8\x99\xa8r\xda\xd2$S+\xba\x86$Wc\xb1\xac;q\xc89*wa-\xdc\xc6t\x14\x80\xbfs\x87\x93\x9cx\xb9o\x01\x03C\x14\n\xd6\xdd\xa4\x88\x95\xfe\xf8\x87\xa8\xd1~v-\xfb\xff\xa9\xfd1\xfc`\xcc\x85\x13g\x90&gt;\x9d\x15\xff\xf5q\x89\x1cV=\xaa\xb1\xea\x05\x12\x8a\x1c\xdc\xcc\xc2I\n\xeb\x9b\xe6\xc867\x06m[\xec\xcf\x9d~\xd8m\xf1:c\xe4v9\x1c\x8d\x16\xf1\xfep\xe9\xf6\x96\xf9\x99\xfa\xa7\xc4&lt;\x82\xd9\xd6\x16\\Y9\xbd\x89\xca\x85/$\xf7\x03\xc3\x86&amp;z\xee:+\xe4\xcf\x86-\xf3Zh\x16\x92\x16\xa3\xdb9\xf7\xbc\xc2\x83\x16\xe3|I\x8c\xaakE\xd7a\xc9\x94\xb9\xf8\xbb\x89\xb0/\xfbH\xb3?s\x14\t\x13\xebV\xc6\xd8{\xc2@AL\xc51\x89\xbd\x93Te\x02\xe1\x01\xbd8\xa1\x1b]\xfa}\xf1AWC\xd2q;\xb4\xac`\xf7\x80\xb5\xa4Gf\xd4\xe4\xb5v\xbd\xc0\x0ej\xc3\xa4\x1b.)\xda\xa5E\xe3R\xa4\x08\xe28\xaaSa\x7f\xb72\xfe\xb0\xf2\x93\x8a\x83\xfc\xbc\x1e\x83\xbaR\xd5\x0c\xb6\xc8\x9fz\xc65+\x8f\xc3@\xf6\x9e\xba\x9c\x95+\x8bftp\xee\xc5\x03\xe1p\x83\x04\x08\xa0\x89\xe4/\xd0\x82\x1f\xf2\xba\x0b\xa8\x04\xa9\x00\xd0\xe7\xb3u\xf2\x03[\x8b?\xb9\xf6Yn\\\xe6\xbe:\xf5@mw&amp;\xd6\xdf\xd2Q\x85Wx\xc0\xd0\x14\x9a&gt;H\xf00\t[)e\xf7\x11\xa8\xb4F\x0c\xef\xa8&amp;\xd7\x0b\x1e\x9eT@qf\xa5e5\xde\xa5\x12Cf\x0bB\xf3\x0c\xb8R\xca\xcf\xb9(\xf4\x1e\xae-Kl\xad\xddO\xffy\xb8S\x7f\xcdb\xff\x80\xa0!}\x0e\x9d\x85*\'\xfb[I\xccW\xde\xd93\x13\x8c\x16\xd7\x00P\xd6\x11L\xb8\xc4\xe0X\x1eIAN\xe4\xfa\xb2\xec4\xc5\x97\xce\x98\xa8\x0e\xf5MNO\xb9J\x12\x81[\xf3\r|0\xc7\xd6\xcdu\xad\xf3\xeaPd0p\xbb|o\xb4\x05mx\xcd\xd4;\x15N\x0e\xb0\xab\x17\x1dmK|\xe0\x8d\x9a\'\x12\x90\xfb\\\xd3@=\xf4,\x0f\xbfN+\x8b\x17;c\x82\x98-;\xe5\xce\xb2\x91\x8d`\xd8\xd4e\x94F\xd0r\xb1\xb8wqX\xa0\x07sH\x84Y\x0e\xa09GsF\x01\xd2\x96\xbf\x87\x9e\x18R\xde\xa6X\x9b:\xbe\x0c\x9d@Hx\x99 \xd4\xf3T\x8d\xd0H\xd5U"\xcdx`G\x10{\xd6\x99Lv\x01|\xc4\x1a]\x16\xddE\x92\xae\x93_\x11S\xddT\xc89Rx6S0\x1b\xb3\x97\x11h2\x87L}\x97\xec\xa4\xf0aQ\xcb\xd5/\x13\x07H\xb4^\x05\x8c\x1b\xba\x0f\xd6\xec\xbao\xaeD\x9a\x17\x98\xa7*\x81\xd2\xc4\xee\x199`\x92\xeb\xca\xa8Y\xf7;n\xa9\x9a\xc2\x83[\x985\xac\x8a\xf3\xe2\xc1J\xfag(\x06~\xda\\\xc3\xb1\xcf\xb8\x89\xba8\xc4\x85\xdat\xb4\x8a\x84:x\xd5kR\x18\xbbWU\xfe{\x81\x03\xa0\xe5\x84,0\x1c\x0e\x05\xb9\xf5\x97\xb8\xd0\x93\x8d\x1d:p\xb7si\x81\x8a\x1e\xf6\xac\x14A;\xe7\xdcmE\x82#\x91K\xfd\x92\xb2\xee\x97\xe6\xdb\xefa\x1a\x01\x9aK\xae\x9c\xd3\x02K\xc6\xb5c\xf2\xa0w:n\x88\x06x\x06\xe9LQ\xf8h\x15\xb3ga\x10\x06\xf4"D\xd8k\xfa\xde\x17\xc896\xfcV7:x\xe8\x8e``\xa5\xd5&lt;\x97\x0eS\xd6\xa0H2\xfd\x17\xd9\x17\x81H+f\xec\xe9=\xffM\x18H"\xb4\x83\x18J\x82\xd9g&amp;{\xf3P\x16r\xf6/\x0b\x12\xd2\x17\xb6\xdf\xa7\xde\xa5C\xe9=\x9e\x10\xa3\xd8\xca\xf8\x9e\x84\xe7\x7f\x0b\x06\xd4M\xf5\x03\xb6\x15\nq3\xbamN\xe8\xb3v\xdb\xcfx\xbc\xc5\xa9\x8d\xa7\xfd\x80\xdd\xcb\xc20C\x99O\xb4\xaa\xe5k_\xe3\xf2lG\xb6g#w\xd2\xc0\tGC@m4\x93\xdb\xd3\x9a\xed\xeb\xe0\xd9kY\xa1\xb6\xdc\xd2\xb6l\xe4G%D\x81\x89\xdc\xd6o\xdc\xa7\x03&gt;D\x07\xfa\xde\xec\x8f\xbd\xc0"\xda\x96\xcc&gt;\xd1\xf6\x87,i\x87\x0c\xb4\x07\xaa\xa3(*\xde\xdctn;\xd5\x93\xf4\xc6\xfb\xa1"i\xeb,= ]\x12\xab\xb1\xd2a\xc9\xb1\r\xd0\xb1\n\xd1\xa0\xf3\xa5u\xe4\xfe\x7f\xac\xf2$4\xc0\r\x01G\xfd\x11\x08\xbd\xe9P\xec\r\xbd\xa7\x8eQ&lt;\xddu\x16yWK\xd6\xff6\xf3B4\xa5\x08\xb2\x8f[\x92T\xe5\x1a\xb6\xf6\xcf\xb9\x0c\xcfIsOm\x88\xdf\x9e^E}\x19\xc5\xae\xe1N\xef\x84\xc4h\xf5Gt\x8f\xa6\x1a\xbe\xd7\x10\xe9\x93\xe9\xafi\xc2`\xfd}n\xc0\xb0\xde\x04\xb6\x01\xde\x0e\xdb\xf0\xfe:NM\tSQ\x9d\xa7\x0f\xc4\xec\x10\xcf\x0cB=\x90 9h\xa8\xd9c\xb1\x88\x15f6t=i\xc1\xfa\xa2t&amp;!6\xce\x11&lt;\xc7N\xcd\x18\x00\xf7\xcc\'\x9a\xfe\rw;\x8a\x8e\xbcE\x99\xe4\r\x1b\x94\xdb\'e\xdet\xd3\xdd\xb7\x19^\xa3\xeb\xc3M\x86w\xbd\x90\xdf\xfd\xca\x15\x9d\xb4hU~\'8\xcd5mm\xea\xcb\n\x9d\xdb\xc8\xbb\xd0\xd3 h\xe0\x91\r\x90"s\xaf\x97N\x1afz\xa3[\xa6VL?{\x80p\xbb4\xf3\xa8\x10\x9d \x8e(7\xb6J7\x1c\x0c\xa43\xa2dP\xe9\x15~\x07\xad\x13\xf1x\xc6\xba\x14]V\xf6\x12\xbd\xba\x1f\x8b\xf2r\xfc~O:g7=\xeb1p\xc0;\xc5Y@~&gt;@\x15\xb2&lt;\xc4\x8c\x0b\x81W\xcf\xf6`\x11\x90n\xf9\xe4N\x0f\xc8\x8d3\x95/\x9f\x031&amp;h\xb7\x04E+\xb7Nx\x02\x95Z\xe3\xb5\xdc0\xf9b\xac\xbfmOD\xa1i\xe811\xd5\x03\xeb4\x83`\xd9\xb7\xa7\x81\x0f\x04GB\x19\xb3\x04\xa0\xf3\x00\x89k\xe5]%\xea\'\x1c%\xec\xcf\xef\xf1\xf3\x0f~\xee\x8b\xe6O\xe5~_\xdcK\x1d\x08f\x93\x81X\x85P&gt;\x05![\x08\xa2\x08jzV,ZW\xfb\x92\x9c\x0b3\x12\xe3\xbb\xf7QNG?\x83\x05$\xaf\xd2\xbdn\x9bis\x0c\xdc\xcdZ\x88\xdb\xda\x9f\xd8\xb0S.\xc0\xa1\x0e~\xdf\'\xca\x82\xd0\xb8\x1a\xe4f0\xd6\x1a\xd66\x86\x99\x13\xc8\xad\xae\x02\xa4\xe2\x08\xefz\x0e,\x80\x10\xec\xe8{\x90\xdb\xb1\xdb\xd8\xfc\xc3\xae\x03-h\x94\x8ci&amp;\xb7#\xa2\x8c\xc0\xda\xb6J\x8c\x88&gt;\xafMaT7\xa1\n\xcc9\xe3\x9a\x18\x97A\xaa\x8dHD\xec\x9f.V\xb9\xd5\xf38\x9d\xbe\xc0rDa\xe8\x8a&lt;\x13WJ\xffI\xf8\xc6\xfcU\x0c\xec\xc2\xe8\x93\x91\xf1\x91\x8d\xf7U\xc9\x8c\xc5(ty\x12\xa9\x13\xe1=C\x92\x1d\xf3\xa4\x88\xffw\xc3c\x01\xf0^\x84\x16\xad\xe4\xe3\xf7z,+~w\x05\xffm\x8a;\x85\x19\xa7`\xbeZKRw\x8bM\xe0\r\xa3P.g\xceiv\xccJ\x86\x87\xcbun\x92?m\xf4L\xaa\x06\xe6M\xe1\xde\xd5\xdc\x90\xd1\x1b\xd2l\xee\xfb\xa8\xb5\xffv&lt;9m:\xc3%\xa4Z\xaa\x18Vb\x13@6\x1b\xa0&amp;\xed[\xa9\xe6:\xae\x83\x1e\xf5\xb4\x0fO\xb6bi\xcb\x1d\t^\xe9\xc3\xbd\x03\xf3\x88:\xe6\xde\xc3\x8e\xc84eA\x98\xb1GI(\xa0\x8d\x9a\x89\x87\xddq\x1d\xd7\xde\x95\x87\xfb\xcf\xa9\xc2\x05U?6\x19\xfd\x8do8N[\xc78\xb2\xc2\xd50\xb1\x0e\xaf\x94\x0c\xc1s\x12wJ\x08\xaaH\xa0I`\x8f\x14&amp;\x14\x91Uy\xbcM\xb6c\x1e\xbd\x80I\x83\x19\xe92\xf3\x9e\xb7.g\x9e\xd9\x8b\xfd\xe6\x14\x0f\xd3\xc6)}\x97\xc8\x86\xb1\xaa\x9bfF\x987\xd9W\x8c\xb6T\x9c\xf1\xe51\xb4\x87\xd5\xfe\x0f\xd0\xa1S\x1a\xa8\x99YC\xaf\xad\xe7\xe7p\xd3JQim\x1bB\xd7\xef\xf7\xf3\xc5\x1a@\xd9\x8d\x11\x1f\x92\x0c2\x96$\xd8\xb0\xea \xdeB\xb2\xba\xe5\xf1H\x1e&amp;r\x8c\xdd\t\x19\xed\x99h\xae\xd2\xad{99Us\x81X(C\xb3\x8e\xc7\xbc\xc1\xbb\xb4\xc3tS\xee\'\xe7=\x1d\x13\x9f9\xfc\xfe\xa0\xd5\xaam\xe7.\x15\xfe\xee:\x0b\xca\xbf\xd51\xe0\xf2j\xf0\xee\x96\xa4^\xf3\xdf\x14\xe0z\xa6E\xbad\xf5\xab\x88+\xb0\x94o\xd7\xd2M\x96a\x1b\xabCUZ}\xa4+\x9a3p\xca\xf0\x89\xa3\x88+\xcd\x81\x9b\x92\xd2\xfb\x06{\xf7\xb9\xb4\xc9\xd3\x05\x8a\xac\xce\x00\xf4.\xc8e\xd8x3d\x9f.\x1cJ\x7f\x83\r\x92\xfd+|\xaf\xb67\x9a\xab\xe8jg_2\x85\xe9\xdf\xa5\xe2\xf7\\\xfb\x836\xd3\xac0\x83\x1e\x82\x03\xe1\x8f&gt;V\xd1\xdd$LJ\xe6_\xb5\xd6\xa6Ed\\\x1c \xad\xe4\x10\xdb\x83\x03\xe3\x9a\x14@\xc4\xb0\x83\xf9\xb3\xb4\x19%a\xad\xbco}~\x84\xc3\xae\x8e:_\xb2\xd8\x03~\xd5\xb1\xdc\xff|\xd4\xff\xf7\xcf\r:\xc6jhy\n^\xcb\xf6\xd2\xfdW\x86$\xe4\xcfsw\xa7\xdf\x85\xe6\xa5\x8e\xbb\xca&lt;r?\xbf\xd0\x88\xban\x98\xbc\xc63w\x0c\xa4\xee\xe2\xac\xe7\xce\xce\x17\x19m\xff\xddVj\xe9\xa5\xdc\xe9\x9d\x19\xa6\xd0\xb2F\xee\xad\xd1H"\x9f\x160h\x1a\x0e\x87\x84\xfc\x8a\xb6\xdb\x13@OV\x0f\x19\xf6$\xbc\xc2\xfd\x8c\xbc\x10l&gt;\xe9}r\xcaq\x1f\x02\x89\x1en\xa1@&lt;\xdf\xdb\x8a\xe5\xea\x80\x14&amp;\x1b\x85\xe4\xd2\x14!\x95z\x94\x80\t\xa7 Z-\x81:S\xea\xc1\x1deo\xfc\xde\xa2\xae\xe6\x17"\x8fBF\xb8A\xc6%\xef;\xcf\xbd\x83|Uk\x89$1\xff\xea?x\xc0\xe8/ \xe5Cs~\x82\x82=\xdcU\x079Km\xdc_fL$\x1667L\xff}\x92a\x0f\xed\xc1\x8a\x01\xf5\xc0&gt;\xe9\x00A:\xa9\xc0t\x1a\x1c\xe3\xbb\xfe\xa9yP\xeb4;a\xbfG\x9b/P\xee!&gt;J)\\\x83\xe7w)\xf8\x1f\xc0\xc6\x11\x95\xf9W\x84J\x94\x05\xe7\xaf\x03\x14\x9d\x18j\x1c\x89}\xe9\xb8\xf4[\x95\x93\xa9\x90\x14:2(\xb0]\xb6\x8fQ\x1e\x8b\xb8\x14U\x99\xa1\x18\x17\x877\xe53\x13\xec\xa4\xad{A\x02C\xce\xa5\xf8\x9d7H\x86c\x84G|*\x8f\xde\xc3T_\xef\xf0\x11Q)R\x1f\xf7\xa2\xd7u?\xe9)\x1c.\x10\x19g\xd8\xa0_\x92_&lt;a\xc3\xc82A\xfc\x08\xddg\xb2\x0f\xce\xf3&amp;\x0e\xd3T\xaa\t[\xe6H\xbaI\x08v\x8ep\xa5\x1e\x06\xc0\xf3\xf1\x1f\xac\xb4]\x95P\x800=e\x1e\x82\xd9\xa9\x04\xa6\xe3a\x03\x9f\x17\xedj\x12qv\xb0\xd3qM\x0f\x85\xc0Xp\xb7\xaeM\x88\xbe\xd2\xf1\x86q\x91\x04u\xe5\x7f\x9a\xfci\xad\xdbI\xb3X\x98Y\x19\xc6f\xa9\x9aV\xfc\x1a?;S4=\x96d\xd6\xc3*\xf2H\xb0\xa7\xda\xab\xce&amp;\'\xf3\xf5\x02\xd4\xa3X\xe6\x17\xd5j\x10\x93\xb8\xd0/V`y\x1e\xf7g\x8e\x9d\xcd^\nN\xad1\xd5\x06\xa5\xc0\xd3\x97F]t\r\x16R\xfe\xbb\xb67J\x97\xb1\\&gt;\t\xa2p9\xb4Y\xb2\xa8\xfcS\xfbL\x18\x05\xc1+\xc6?\xebI}\xc0\x94U\xed\x9c\xee\xb5\xf3\x17HM\x1bR\x04\x9c\xbc?\xde\xfdNJ\x18\x88n\xc1\xc0\xc7X9\x07\\\x06oC_3`^\xf1@\xc2w\xb4{_+\x16KU\x99\x16\xb7s\xf49\xde\x0b\xaa\xac\xc0\x886\xb7\x04y\x95\xaa\x86\xd9\xae\x9a\xa9\xf1%\x99\xf8\xa0R\xc8\x8f\x1a\xc9O\xd9K\xf3\nM6\x9f\xc1\x96&amp;-\xd26\xee\xb7\x0bpJ\x96\xfb\xe9\xadz\\c\x9e\x1b\x91&lt;\xb9\x11\xa0\x03.\xd1\xa6,Fl1\x1d\x0c\xceu-\xfa\xd2\xc2\x00\xb8\xf4\x17\t\x1b\x0b\xae\x01\x08\x97\xf9\xf1I\xdb\x18M\xf7\xbf4\xb5\xf1\xa6"\x9a\x12wu\x80\x98\xa6\xa5+`\xae\x88 $]P9L6\xf4\xc5\xfb\x1b\xc3\xf1\x0e\xa0j\x96G\xb2\x8a\x12\x0b%[\xf8\x07mj\xe6\x84\x11\x08\xd5J\x024\x15+\xa3\xc5\x99#\x15L\x14\xec\x92X\xd2M\x04\x7f\xc4\x1c\xe9\x84P\x96\xf99\x7f\x98S\x16\xa2\nuh/\xea\x82R\xd1\xe1\xc2k\r:t\xe3\xda\x16\xf8\x1c\x0e\x12\xebbp=AX\xd4\xf7\x891\xb0Os\x8d\xff\x95+Ut\xb3\xf2\x80\xc0\xa9\xc91k\xd8\x9dJ\x9bL\xaan2\xca#\xc5E\xc1\xa5\xf05\xf4$\xa6\xf2l"\xffT\xd5&amp;\xff\x84\xbd \xa1\x85ES\x9c\xd9\x87u\x02a\x8f\x84rHj=\xf0Z\xd9*q\xd7\xfe\x01\xce\x1d1.\xce\x1b\xe2\xf6\xd0C\x01\x84\x14\xb5I\x9c'</t>
  </si>
  <si>
    <t>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</t>
  </si>
  <si>
    <t>b'\xfaw\x90\x05(9i\x1aL\n\x91\xb7\xd1s\xcfc'</t>
  </si>
  <si>
    <t>ability
 of the output with respect to load current variations.
 The former is quantified by â€œline regulation,â€ defined as
 _x0003_Vout/_x0003_Vin, and the latter by â€œload regulation,â€ defined
 as _x0003_Vout/_x0003_IL.
 Example
 3.33
 In the circuit of Fig. 3.45(a), Vin has a nominal value of 5 V, R1 = 100 _x0002_, and D2 has a
 reverse breakdown of 2.7 V and a small-signal resistance of 5 _x0002_. Assuming VD,on â‰ˆ 0.8 V
 for D1, determine the line and load regulation of the circuit.
 D1
 D2
 R1
 Vin
 VD,on
 VDz
 Vout
 R1
 in
 rd1
 rd2
 out
 R1
 in
 rd1
 rd2
 Constant
 out
 L
 (a) (b) (c)
 v v v
 v
 i
 Figure 3.45 Circuit using two diodes, (b) small-signal equivalent, (c) load regulation.
 3.5 Applications of Diodes 101
 Solution We first determine the bias current of D1 and hence its small-signal resistance:
 ID1 = Vin âˆ’ VD,on âˆ’ VD2
 R1
 (3.101)
 = 15 mA. (3.102)
 Thus,
 rD1 = VT
 ID1
 (3.103)
 = 1.73 _x0002_. (3.104)
 From the small-signal model of Fig. 3.44(b), we compute the line regulation as
 vout
 vin
 = rD1 + rD2
 rD1 + rD2 + R1
 (3.105)
 = 0.063. (3.106)
 For load regulation, we assume the input is constant and study the effect of load current
 variations. Using the small-signal circuit shown in Fig. 3.45(c) (where vin = 0 to represent
 a constant input), we have
 vout
 (rD1 + rD2)||R1
 = âˆ’iL. (3.107)
 That is,
 _x0002_
 _x0002_
 _x0002_
 _x0002_
 vout
 iL
 _x0002_
 _x0002_
 _x0002_
 _x0002_ = (rD1 + rD2)||R1 (3.108)
 = 6.31 _x0002_. (3.109)
 This value indicates that a 1-mA change in the load current results in a 6.31-mV change
 in the output voltage.
 Exercise Repeat the above example for R1 = 50 _x0002_ and compare the results.
 Figure 3.46 summarizes the results of our study in this section.
 D1
 C1 Load
 Load
 Vin
 Vin
 Load
 Vin
 Figure 3.46 Summary of regulators.
 3.5.3 Limiting Circuits
 Consider the signal received by a cellphone as the user comes closer to a base station
 (Fig. 3.47). As the distance decreases from kilometers to hundreds of meters, the signal
 level may become large enough to â€œsaturateâ€ the circuits as it travels through the receiver
 chain. It is therefore desirable to â€œlimitâ€ the signal amplitude at a suitable point in the
 receiver.
 102 Chapter 3 Diode Models and Circuits
 Receiver
 Base
 Station
 Receiver
 Base
 Station
 (a) (b)
 Figure 3.47 Signals received (a) far from or (b) near a base station.
 How should a limiting circuit behave? For small input levels, the circuit must simply
 pass the input to the output, e.g., Vout = Vin, and as the input level exceeds a â€œthresholdâ€
 or â€œlimit,â€ the output must remain constant. This behavior must hold for both positive
 and negative inputs, translating to the input/output characteristic shown in Fig. 3.48(a). As
 illustrated in Fig. 3.48(b), a signal applied to the input emerges at the output with its peak
 values â€œclippedâ€ at Â±VL.
 We now implement a circuit that exhibits the above behavior. The nonlinear input/
 output characteristic suggests that one or more diodes must turn on or off as Vin approaches
 Â±VL. In fact, we have already seen simple examples in Figs. 3.11(b)and (c), where the
 positive half cycles of the input are clipped at 0 V and +1 V, respectively. We reexamine
 the former assuming a more realistic diode, e.g., the constant-voltage model. As illustrated
 in Fig. 3.49(a), Vout is equal to Vin for Vin &lt;VD,on and equal to VD,on thereafter.
 To serve as a more general limiting circuit, the above topology must satisfy two other
 conditions. First, the limiting level, VL, must be an arbitrary voltage and not necessarily
 equal to VD,on. Inspired by the circuit of Fig. 3.11 (c), we postulate that a constant voltage
 source in series with D1 shifts the limiting point, accomplishing this objective. Depicted in
 Fig. 3.49(b), the resulting circuit limits at VL = VB1 + VD,on. Note that VB1 can be positive
 or negative to shift VL to higher or lower values, respectively.
 Second, the negative values of Vin must also experience limi</t>
  </si>
  <si>
    <t>b'\xfa9j\xed\xd4\x9c\xa5PO\x15\xdd\x1d,5\xc2\xd6'</t>
  </si>
  <si>
    <t>fa396aedd49ca5504f15dd1d2c35c2d6</t>
  </si>
  <si>
    <t>r vote, and he wants to hire your cab for the election; he will call for an
 answer."
 "Well, Polly, you may say that my cab will be otherwise engaged. I should not like to
 have it pasted over with their great bills, and as to making Jack and Captain race about
 to the public-houses to bring up half-drunken voters, why, I think 'twould be an insult to
 the horses. No, I shan't do it."
 "I suppose you'll vote for the gentleman? He said he was of your politics."
 "So he is in some things, but I shall not vote for him, Polly; you know what his trade is?"
 "Yes."
 "Well, a man who gets rich by that trade may be all very well in some ways, but he is
 blind as to what workingmen want; I could not in my conscience send him up to make
 the laws. I dare say</t>
  </si>
  <si>
    <t>b'\xcc;@C\xd6\xab\x8f{'</t>
  </si>
  <si>
    <t>cc3b4043d6ab8f7b</t>
  </si>
  <si>
    <t>y audience is so important; the ability to put firepower
 behind each product launch is invaluable.
 However, your â€œheroâ€ product, the flagship your brand becomes known
 for, may not be the first product you release, or even the second. Iâ€™ve seen
 examples in which the first product did fine, the second did fine, but the third
 just took off. Itâ€™s impossible to know which product will most resonate.
 Always keep in mind your central goal: to build a million-dollar business
 in one year. To do this, you need three to five products, each earning twentyfive sales a day, at a $30 price point. Thatâ€™s it. Your only goal after launch is
 to get to twenty-five sales a day, which unlocks the next product, which then
 unlocks the next. Keep focusing on that momentum, and the snowball will
 roll all the way down the hill.
 Entrepreneur Spotlight: Paul Miller
 Paul Miller started his business, CozyPhones, from absolutely zero. A
 previous business failure had left him completely broke, and he was
 healing from a major physical injury. In a moment of desperation,
 Paul threw his hat at one more business attempt.
 Four years in, CozyPhones did $6 million in sales.
 â€œHonestly, your videos changed my life,â€ Paul told me recently. â€œI
 never would have started without that blueprint, and I never would
 have made it to where I am now.â€
 Years ago, Paul had used sleeping headphonesâ€”a soft headband,
 with headphone speakers inside. He used them to listen to podcasts
 when he couldnâ€™t sleep (one of those podcasts was mine). But the
 headphones werenâ€™t well made and often broke.
 As he was looking for new ones one day, an idea came to him: I
 could make these better myself. He found generic sleeping headphones
 and ordered a small batch of them. Then he set to work tweaking the
 product, making the sound quality better, adding more colors and
 patterns, and improving the build quality.
 He put the product up on Amazon, and it took off.
 But this wasnâ€™t the real genesis of CozyPhonesâ€”at least not where
 revenue is concerned. The biggest inspiration for his product came
 while Paul was doing a product photo shoot. The photographer put his
 headphones on her little ten-year-old. â€œThat was my moment of
 revelation,â€ Paul said. â€œI thought, Wow, this could be good for kidsâ€”
 theyâ€™re comfortable, kids can lay down with them, they stay in place,
 and theyâ€™re great for travel. But I knew kids would want more than
 just the typical colors. I thought of what my kids would want, and the
 wheels really started turning.â€
 His daughter helped him create his first designâ€”a green fr</t>
  </si>
  <si>
    <t>b'Y\x91~\xa8\x05\xe0&lt;\xa1\x16\xa7\x14\xa7\x98?\x88t\x04]\xba{\xaf_?\r\xd7F\x8af\x03y\xf9\xca\x92Q,^\xe9\xa2$\xfd\x0f$D\xb5~Rb\xa5\xbd\x88\xaa\tM\x02\xd2\xc1\xd2\xb4r\x161[\xdd]\x07\xf5iR\x17t\xb0I\x9b\x86\xdb\xc2\xcb\x07\xc3-\x16\xcd\x88\xa0Qlb\xe3\x82L\xa1\xa0\xc1\xbf3\x83\x0b\xa6\xeb\x03\xb3z\xb5\xd0o\xd0;\xaa\xfd\xa1\x7f\x0b\x98\xbd4#\x13-i\'P\xff3\x13\'S\xc2\xf5\xd1\xc5)}&amp;\xe1u\xa66o\xf2\xa2k\x18\xa1y\xc3=r}\xd0\n6\x199\xd3v\xf7!\x06\xb1\xfb6RDze4\xe0\xdc\xec\xa1C\x83?\x8ct\xa4\x9b\xfaz=\xd9P\x87\xd3\x91.\xfd\xb3\x81\xd3\x85\xa3\x92\'\n\x98\x18\xef\x02\x80\xfa\xf0G&gt;\xf5C\xf8\xd3\xdd\xaa\xe8\x84r\xde\xe8\xfd\xd2\xa8\xabnw\x82$$\xbc\x8b\x80\x99\x94\xc7\xe2;tM\x90\xa7[\xf4\xd9\x0c\xeb;\xad\xc9\x17.Z\xc1\x06\xa4\xfa\x9b\x11\x84\xb7\x8ev\x8b\xe3\x05\xebs\x17\x19\x93Q:\xbdM\x80^0ws\x7f\xbd\x04\xdb\xe7r\xfa\x03\x9c4\xe6]\xc0\xee\xad\xae\xe5\xdf\xdd\xd8\xbbwK\xb8\x9c\xa7 \xd5h\x89S\x0cj\xd7\x0e\'\xc7n%\xfa\xaa\xabE\xf1#N\x19\x8d\xf5d\xaf-\x83ZKNUG;\xb1Q\xbek\xc7E\xa72\x9b5\x89\xcc\x81j@\x90\xe4)C\x1c9\xe5\x18\x95+\xd7J%\t\xde\x95\xa1\x18\xea\xf4V\x9b\xa1\xa2\x03IEX\xc6\x1d_\xa9|\xcd\xa4t4Rj\xd0_\x12VO\xa0\x11\xef\xc9\xfct\x9b\xb1\xa4\x8d\\1\r\xcf\x9b6"\xb4!\xfb^\xa0&lt;\x1f\xab\xfa\xb1\x8eF\xe5\x1b\x19\x01\xff\x03"\xdf\x0c%\x98\xf7V\xea\x0f2\xf4\'\xc0\x98r\x11o\x1b\xc6\x12\xee+\xa8\xa2\x104\xfd\x0cq\x1e6\x94t4-\xf9/\xe6\x9c\xc0\xc4nh6\x94\xb8\xa7\x1c\xfe#\xb2%\xa0Rf\xa7\xf5`\x149\x18\x85\r\xae\xc6\x91\x1a.\xd0\xa2\x99_$\xd8E\xa7\x06X\xc8\x9a\x14J\x87\xd3\x87\xa6\x91d\xc3\x9d$\xb4G.\xecfm\x88\xc8\xa6\x89\x9f\x12#W\xccM \xfbB[\xbb~\xd3b\xdb\x1d.\xef\xd9\n\x02\x93\r\x80\xad\xc5 \xdbpP]\xcd\xc0\xed\xb2Q\xb1: \xb2\xc7Z\x18-|\x82\xc9\xe5\x19\x00\x93\x8bK\xabW%\xfe\x83A\x12N\xeci\xff\x86\x07\x9a\xd3\x084W\xec\xf8\'l\xa1\xd7\xd5\x80\x0b*\xd4\xbf\xa9\\\x04)\xb1.w\x18w\x08J\xbc\xf5\x92\tR\xca\x9e\xdf7~\xa6GO\xd2\xfc\xf0U\xd7\x9e\xf1\xfe\x12D2\xb4\xfcn\xcfC\xfb\xf5\xd0\x8c\xfck\x8d\x0ba\xbd\xc40\xa9,\xff\xb3]\'\xc9d\x18\x01\xbf\x80\xe9\xa6\xc6\'"\x00\'\xfd[\x8eO\x90\x97\x1bW`\x84\x80\xb7.\x0b\xb1\xebn1\x11\xc2\x01d\x80\xdb\xa0\x9b\xaa\xd8\xf5\xc6T\x04\x95\x1f(\x90\xd8\xf1R\x828}\xe5\t\xe2\xf3p\xb2\x99\x93\xc6\xc9\x7f z\r\xc8\x8f\xa6\x89~\xbb\xe8\x10\x86K\x83\x87\xd6\xc2"\xbe\x154\xcc\xa0zeu\xab\xf7\xe7%P\x8d\x1f"\xe6pC\xf0\xbd\x12\xca)\xd9\x90\xa5T=\xfd,\xf2R\xdcz\xa7"\xa8Rop\xab\xf3\x85\xe8\x11\x15\xb8\x1f\xbb1\xd3\xa4\xf8\xa0ap\xf2\x1e\x930K\x1f\x8c\xcc\xf8\n\x8a\xa4\xef\xe34\xdak\xe3\x02hk\xb9WP\x90\xd1$x\xeb\xf9\xf5\x04|\xb2%\x84\xd9\xcc\x93IfP\x85\x90\x1b\xb83p`\x19\xcd\x91\xccB@Q3\xd4\xba\xbeq\xf1Z\xb0z\x8aB\xf44y1\x9d \x99,\xc7\xea\x02\xa6q\x9e\xfeG\x1e\x8a\xdbl\x1a\x9b\x98\xa7\xd0\x8e\x0b\x1at\x82\x10\xb8\xc2\xbcB\x1eZq\x83\xbe\x0f(\xb6\xb1\xf0\xda\x85\xc8\x86\x8a\x14AV\xeb\xb4\x96\xda\xe9*\x8aK/\xa7\x94\xbb[\r\xc8\x9b\xd9{\x84gr\xe3}\x87\xa6\xed\xcfOZ\xa6\xd1\xf8\xb0\xc2\x7f\xfa\xdb\xe0Ha3O\x19\xfcV\xaa\x86H\xe5\x173\x82\xb9)\xd9\xb2\xa7\xd2\xe9K\xd1\x0e\x859\x9c\xa8\xd5]\xe0k\x999\xa8\xc3o\xd7\x07!\xb3,\xfa!\xc8\xee(\xdf\xdcb\xe8\xe4[\x84\xa9`-\x82\xcfl\xbb\x08z$\xa5&lt;&amp;7\xde\xd07\xe5[\xd7w\x86\xe7\x9f\x10\xdd)\xdf\xba\t\x97\t\xfe\x18\x11U\xafp\x96\xd0\xfd+\x0b\xc1\xf5\x83\x07X\xcd\x91b\r\x1f\x00\xcd\xd1\xa2\xbc\xa2\xdd ^-w\xdd\x84P-\xd0:\xa4C\x96\x10\xd1`\x08Q\x85\xbc\xaf\xf5\xc4\x82\x1b\xaa\xcc\x8e\x06&lt;\xb2\x9d\xa3\xd9\x86\xc3\xe7Hh\xad\x1e\x92\xe2Q\xcb\xb5\xfe\xb1+6\x19\x14n.8q\x9cr(\xa3Y^\x9b\xe8\xd1\xa0a\x1f\t\xd0\x1fW\xf9\x00e\xdd\xef\xe7\x8d\xebm\x81\\\xfd19o\xdc\xab\xfc\xf0\xb8\x9dB\xb8.\x9d\xcf\xbfq\xa5\xfe(\xa4\xfeK\xe8"&gt;.\x8ef\xc2\x93\xde\x08\x8f5\xb4"\x1eX[\xc9\xf6#\xb3\xe3\xba\x1e\x11\xb5\x84\x82[\xdc\xafMM\x82\xf8\x14\xec\xe1\x87\xdfr=\x9dE\xc6;11a\x87b5t0\xc4\x8cE*\xd2=MmA\x03F\xe1\xacV\xba\x07\xd3\xfb\xcb\x07\xef\xc3:\xf8\\\xc0v&lt;\xe2\xc52}\xb6\rV\xfa\x0b\xd1!\xec\xd6\xd0\xef\x14\xef\xc4m\x87\xb9\xd0G4\x0e\x8a\xb0\xde\x91\xe7q\xbe\xa7$\xcf"d\t}\xf3\xc4\xd6j\x16\x8fRn6~\xff|\x89\xe0t\x1b3\x19Y5 \xee\x00Y\x1d\x91T\xf8]}\xc1\xfa\xd6tlS\x8c@\xaa9\xa2V\xc5\xdcVL\xb0\xc8:3}\x04\x1dx\x06\x85\xb5\x9f\xf7&lt;\xa6\xc8\x12p\x99p\xc3\xd0\xba\x9aly\xe45\x813\xb4&amp;\'\x88\xf8\xde\xa6\xc3t\x01\x19\x93}-\x18+s=\x1fKY\\\xf8d\x9b\x01Y\x11\x85lN\x00 {\xaf3\xb0\xe9,\xdb(\x13\x82?2\xa3 \xac|\xdb\xbd5\xaaG0\x9a3yc\x83\xef:O\x00OYk\x97=V\xab\x1a[ F\xddLq\xc1\xd61s\xbd\xf5 \xddq\xb4\xc4\xf4\xf7\x83\x966\xce}\xbf1bF\xdf\xecs\xc8%xu\x16BU\xc7\xaft\x86\xebs\x9ab\x00\xfd\xbb\xb0\x8eE\x02\x7f\xa7J\tl\xd8\xe9\xfaoi%\x87\xc9q-\x85\xb72\xee\xd1{r\xab\xaff\xdd9\xf5q\xbc\xd7\x10\x13-\x15\xf4F3y\x84"\x19\x7f\x91W\xb0f\xd9m)\xe6d\x01\x17_1TA\x0c\x8ey\xbf|$`\xe3u5\r\xf2G\x95\xb5\x9d\x82\xc1Z\xa0\xa0\xd7\x00\xa57u\xde\xc0\xf7\xf2\x82\xe1\'\xe2VV\x1a\x043xc\xfb\xd4\xc4\x8d" w\x85tk\x9f{\xc6/fk\xa85\xe6\x91\xc0l\xa8\xac+\x01\x12\x95\x94jo\x13\x06a\xa2\x00\xc9\xa1\xb1\x13;\xe8\xc7\x19e\x7fg\xc8\xc4\xe4F\x88m\x99\xbf\xed\x9ef{\xef\xa6c\x89\xa3n\xdeO\x0c\x8f\xbeg\xd3D\x82s\x9f\xce\x94\xed\x0b\xc0\x1b{uO\xb2/\xd0y=\xde\x8c\x8do\x05\\\xa6J\xa6\xf8\xa8\x17\x17\x19\xaed1q\xbdRx[\x02\xeb\x07\x15MV\xd90Z|X\xc5\xc0\xca\x83e`\xd2\x02\x9f\xee\x8f{\xa8\xf1B\x1a\xae\x89\xa9_)\x98\xbc\x94\x03V\x15V\x17\x17S\rV\xf7\xaf\x818\x91\xea\x9c\xfb\x15\xeb\x90\x94\x1e\xb1$\xfa\t=\xfc"\xda\x15\x03\xd1d\x83\xf4\xfe~\x0c\xf7R\xc1\xf1\xf9\x06\x1a\xe2\xc0\x95\x96\xba\xb1*l\xd3\x16\xae\x13M\x8b\x0fI\x92\xb0z\xb6\xc7\xbe\xe6\xc7$I\n\x93\xa1,J\xd0\xa9r9}o2\x12}\x1d\xd5\x8d$@;\x9c\x8c\x110\xfc\x89A\xae\x8e"F\xcd\xb6\xa8wyJv{Z\x8c\xf1\x9e? \xb6\x8e\xd8\xecOHU\xa9Hc\xbe\x04R\xfbOPJY\x98E4k\x8c@\xd1G}\x1a\x8eg;\x06\xe9\x17"^\x1c\xe0u\xbd^\xc2\xa4\x11$\x15+\xd7K\xe3\x99\xaa\xf8\x16$~\xaadG0\xced[\xa7\xc9\x00\xaf\xfb\x04\xaa/\x9a\x06\x8a\r9\x03\xfa\xbf\x1f\xfb\xcf\xc8\x9e\xa9T\xa9\xe1\xf2\xf5y\xe04\xe86\xbd\xb1\xe4\x88W\xd1|+_\x8f\xabj\xa9\x0e\xc4o\xde&gt;6\xe6\xc0\xe1\x8a6@_\x90\xfb\x8e\x15\xcb&amp;x\x0b\x11\xe1\xd1\x95\x8a\xc5\xf8\x99\x8f\xf3\xb7\x9b\n\x9d\xd3\xe8\xbd\xa3\xab\x0c\x86\x06\xc5\x82\xcflF\xa8\xe2{\xe02L%\xcfK\t\xe5\x87_k:Z\xb4\xdb\x0f&lt;0\x9e~\x86\xc3\x0f\xdb\x89\xb4\xcc`j\xdd\xcb\xcb\xb4^\xd6\xd0\xd1{\x84\xd8\xc3tN\xb0\xcb\xb4\x8cY\xe1\x8d\xc6V\x8fw\xe1\x1f\x1b\x01?\x9dw\xf20\x86#\x03\x84\xf9\x06\x1e\n\x9a\x1f\xe5\xdf\x1a\x89\xffjB/\xb8\r\xa9v\x7f\\{\xf6\x15\xbf\x818\xf5\x94LxY#\xeah\xa7\xcc\x81x\xdb\xb9\xd0\xf1\xc9-\xab\xec+\x87\x00\xc0\xa5d\x1dz\x9f\x81Y1\xb1\x881@K\xe0\xd9\x06G\xf9\xab\xb8\xf5&lt;\xf9zg\xc4\x9b&lt;\xff3Vfw\xee\x0e\xaf\xbbYiA\xcf"\xa6L\xe5X\ti\xa3\x15 \xb2^\xe0\x8e\x88p\x8eW*\x1a\xf5I\xb4\x94\x00\x8cS\xe1%\xce\x8fl^z\xaf\xd8|\x7f\x1c\xda\r\x83\xc2\xe5\x07,\xba-\x94#\xff\xc4c\x9e\x06\xbe\xc4\x0e\x9e\xb3\xbd\xd6\x8d\x9e\x03t\x92\x82\xb0\xa6{\xb9\x05\x9e\x8a\xe8\x9dt\xbc\xce\x89\xa8\x12\x89\xae\xaf\xe1\x88gFB$`\xb8\x1c\xdd\xc8ZB\xe2\xd6\xb9&gt;LN\x8a\xef]\'\xa7b\xa4\xa8`\x1c\xfcoF\'\xa8\x15\xfc\t\xc1\xbdF\xae2\xf3\xfe\xc0K\x98\xd5C\x8e\xc4,\x80\x88\x8cO\x07H\xdd\xf7\xa2\xe65\x0b\xc0S\xe6\x98\x15\xaf\xedD}&amp;\xc6\xcc\x9b\x9c\xa7R&lt;\x03\xab\xa4\x88\x19\xbd\xe4\xf4\xa6$\xb5r{0\x86#Q\xc9\xb0D\x19\x06s\x96x\x95owW\x13\xa9"nX\n&gt;\xf2\x83JO\'\x8e\xd3\\\x18q\xfc]\x11\x0cR\x0eA\x05\xdf\x7f\x06Xc\x95\x05\xf5~\x86\xa1\xe3\x8b\xf4\x9f4Bc\x16\xa0\xb8\xf2V\xf4l\xcf\xdde\xdeT\xa7\x96\x1a\xc1\xfa\xb6\x18\xcb\xb3\xbb\xec9\xba\xc2%\x8e\x8f\xb2&lt;\x9c\xfe\x16\xb6\x91\xea\x1fp\xc6G\xbb]\x84\x9c0\xfa\xf6\xd3\xcc\xee\x91o\xf8\xb4V\x031\xcd\x19B\xe5\xee\xfe\xd73Wg-\xc7\x17\xd4\xac\x88\xa3\xbfjcE\x02#\x15\xe4\x84\xf8IWl\x1d\xb3\xd9+,\xb4\x15\xbd\x83b\x9f\x0c\xcb9i \xcdNY\x07a\xd4\xbd\xe3H\x0c*`\xa5\xfen\n=1\xef\x98\xf4H\x11\x87\xf5(5\x05W\xac\x130B,\xdd;F\xbe\x8dy\xb2\x82\xde\xbdMX\xdd\xfd\xd4\xceMb\xfcq\xe0k\xdf(\xff+.'</t>
  </si>
  <si>
    <t>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</t>
  </si>
  <si>
    <t>b'Y\x91~\xa8\x05\xe0&lt;\xa1\x16\xa7\x14\xa7\x98?\x88t'</t>
  </si>
  <si>
    <t>not choose but suppose she was deserted. If not, the men 
 were lying drunk below, where I might batten them down, perhaps, and 
 do what I chose w</t>
  </si>
  <si>
    <t>b'\xa9f\xb0\x17\xef\xc0\x9f\xde\xf4j\xd5u95i\xcfTr\xaa\x95f\xf2K\xd3!`\x08\xe6\xc4r\xd0\xdc3\xee\x01=\xa9GL\xa6\x1f\xfa\xde\xc9-\xdf^\xd6U\x04\xa24\xc4\x11\xbf1\xd6\xb8\xa2\x11W\x87\tq\xef\x98\xc4\xaa\x8b\x0f$\xf6?\x1b#\xaa/\x94Zx\xfb1\xba\xf9\xd0T\xd2W3^\x87\xf1\xb8\x9b]\xe9r\x91?\x1a\xa7k\x07\xfa,\xb4\x9d\x05:qp\x13K7\x91\xa0\xac\x9b\xbeO\xe7\x83K\x99\x92\xec\xac\x80\xec\x1f]\x8e\xddyH6op\xc3\xfe*\x081\xbb\xa2\xf3{\xc4)\xd6\xf0\xe76#\xc1\xdf\xd0"\xe7\xf6%\xbd?\x81\xa80\xff\x9cU\xd3\x12:l\xca\x1d\xbdQ&gt;\xb1\xa6\xf9!\xdap\xcfx\x1f\x81\x0ew\xba\xdc\xdf\x04f\xc4\xc3\x1a#\xc8\x82\x94\xe8\xcf\xb7P\xb3}\xc4\xecx\xbbX44\x85\x17&amp;?*\xa2\x9c\xa9\xa7\xedn\xf3u\xea\x8c\xd3\xf8*d&amp;\x87%\xaa\xd0\xf2\xcb`D$\x8f4\xf1?\xd7\xad\x13\x9c\x08\xdb\t\x8e'</t>
  </si>
  <si>
    <t>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</t>
  </si>
  <si>
    <t>b'\xa9f\xb0\x17\xef\xc0\x9f\xde\xf4j\xd5u95i\xcf'</t>
  </si>
  <si>
    <t>ile still being too tight for people with larger arms.
 There was a lot of trial and error. He would adjust a batch one way,
 get feedback that the straps were still too small, and then adjust the
 next batch another way. They kept finessing the strap system with
 hundreds of tweaks, until finally it could be looped around one side of
 the armband if a customer wanted it looser, or around both sides if a
 customer wanted it tighter. At that point, the armband had stopped
 looking like every other armband; it had become a unique product in
 the marketplace.
 As a result, Tribe Fitness got to the magic twenty-five-sales-a-day
 number in three months. However, Jeremiah knew that the top sellers
 in the armband market were going at a rate of a thousand units and
 more a day. With that amount of upside, he wondered if he could take
 this to the million-dollar level. The company went all in on its
 armbands and waited about six or seven months before launching a
 second product.
 Jeremiah and his partner kept tweaking the armband for about a
 year, working to get the best possible reviews and doing split testing
 of various product versions to see which got the most conversions.
 The more reviews they got, the better the sales. Tribe Fitness managed
 to get reviews from 4 percent of its customers, which was about
 double the review rate of its competitors.
 Before long, they were surging to the top of Amazonâ€™s search
 results, and they quickly surpassed a million-dollar run rate. Then, at
 just nineteen years of age, Jeremiah was passing established
 businesses with millions of dollars in funding. How? A commitment
 to product and customer experience. He went small, which helped him
 to beat the big guys.
 Whatâ€™s most important in a physical products business these days,
 Jeremiah believes, is building an audience. â€œThis wasnâ€™t as important
 four or five years ago,â€ he told me. â€œThen you could start a business,
 get by, and even get to a million in annual revenue before you started
 focusing on your audience. Itâ€™s extremely hard to do that now. You
 need to build an engaged customer base and collect their data
 consistently.â€
 Jeremiah has learned that to build an audience you need to
 maintain focus on your core business above al</t>
  </si>
  <si>
    <t>b'\xec\xc4\xa1\xa711\xcf6\xf0\x90p\x04\xe3\xe0L\xbe\xd5yI\xcd\x15\nAg_[\xa0\x95^\x9f\x9c\xdc\xd6a\xaa&amp;\xd9\xee\x93\xbc\x7f\xb7a\x89\xfdTR)\x84\xe1%\x89\x86!\x16j\x12\x11Ae\xf5\xc1\x11\x1fA\xb5l\x8aD\xb3\xb6\x9a=\xeag\xb5\x1bzg\x00\x9b[\xb7\xb5\xc4\xfa\x17\x84\x95\x84\xe2}\xa2Cv\x16p\x15\xfbos\x05\x1f\xd7\x84\xd9&lt;\x08\xd5\x8b\xbd\xdd\x82F[p8\xa5\x7f^\xa1\x08\xc9\x11T6\x91\xe7\xealQ\xe0\x0fW\x05\xb7\xd6\x9f\xf0 \xfe\x93\xf0\x91\xf4C\x0c\x11&lt;\xb7\x0c\xc5xN\x18 \xa8a\x8a \xac\xe5\xac\xdc\x19\xea\x0b\xdch\xc6\xcd\xef\xb9"n\xe0rj\'\xf7\xdc\xce\x10\x9f\x0c\x0b\xb2\xbf\x04\xb0\xc8\x19E\xd7}\xf8~\xdc\xfb\x9d\xfef)Y\xdf\xc5\xcf\t\x1a\xde\x83ci\xb6\x9e\x12\xe4\x84\x93\xb8\x19(\xbcB\xd5K\x1fZf"\xa3)D\x18\x0cy\x8b\xa2\xe6Qx\x19+\xfd\xc6l\xfa\xff$\x01;1\xc3P\xcar,d\xe1\x8b\x8d\xff\x80\x89"v\x8e\x8c\xfam3\xd0\x93\\\xbc&lt;\x04S\x90\x0c\\\x11\xeb\xfa\xa7v\xaa*\x9f\xdbaR\x1d\xa9J\xd4\\8,\x00\n\xd8\x03\x7f\xa67\x80\xb8\xeb&gt;\xcf7\xf1\x15=tg\x8b\x05c\x03\x15Z9e\xa2\xdb\xd2O\xe7\xbe\xe1\xb1# &amp;bdFg\xd3/\x1f\x97\xfaYF\xc5\x97\xca\x86\xa76\\\xd7\xd3!.\xcdn\xc9\x1e,x\x045k\x88\x82\x16\xe8\xe3\r\x17l#\xcb_x\x83\x80v\x91\xe1\xe3MT\xf8\xa1\x13\x13\xec\x1f\xee\x13\x9f\xe4\x82+\x01f\xffuY\xfe\xab\xf2\xa8\x08\xabI\xea\x94\xb8\xe3&gt;\x81\xb0\xf5\xf5\xe9D\xb3\xd0\xde\xd2\xed\xdd\xe0\xda^;s\x15\x9ahuV\x9eC\xe1\x14g\x8d\x92\xb6\xedJ\x1d\xa1\xbf\xbbG\xea\x8f\x9f\xd69\xe2\x04\x9d\x1d\x1f\xc4}\xd7\xbe\xdcr\xd07\x8e\x8b\xe1\x85\x1c\x82k\xfc\xb5`\xa1z\x11?\xad\xba\xaa_-\xed\x05\xbd\xe8\x98\x8dZf\xb7^*{\xc8j\xee\xfa\x87\xe8!\xdb\xc8p\xb3\xdd\x98\xcfw,\xf2\x82G_\xa71\xf3E=\x8d\x8dl\x07\x08\r\x0fy\xc8\xbb\x0f\x90\xc9\x8f\xbf:\x9fi\xb6\xe7p\xa0\x8a\x12u"Y\xc2\xe5-,\xc2\xd3\x7f\xb8\xb8\xc5\xa5\xe6\x1e\xd3\x14\x83\x93\x16\xa0\xf7\xea\xa2r:\xe8D\xceBB\xc7\x1c&lt;1\x07\x19\xe7\xb2\x19c"\xb2C\xdc\xb8\x7f^\xe5\n\x18F\x88d\xce\x1b\\\xb2\x96\x1f1}\'\xbc\x9dp\xb4p\x8d\x87\x8d\x87\x08\xb6\xd3\x12\x14\xd1\x123B\xbffn\x9b\x8c:)"\xbf\xe1\xe1Jy\xbc"\x91\xd5\xe9\xd7\x02\xd8\xe0\xbe=\xe2T\xefG\x82g\x9ee\xe6\xc7\x1dn\xec3~]\x1c&gt;\xa7\xd2\x83\x89&amp;\xd5\xd7\xbd\xa7\x7f\xd7\x81\xf6\xe5\xf4\x02\x93[&gt;\xd9R\n\xbfX|\xc9\x0f\xe8\x179\xa9\xc6*\xe7`R7|\xec\xd0\x04\x18\xf1\xe2\xaf\xb9\x9d\x11\xff"43\x7f\xbe\x99\xd8\xdd\x02\xce5.\xa0\xe6S\x17\x7f\xfb \x8bZo\x00\xc3\xd6\xcd\xec\xf8\xf9\x99\x93\xac#\x81\x9f$\xb7\'\xae\xf9\xe1\xe1\xaaUU\xca\x9f2\xe3\x970\xff\x12\x98\xb1\xbbK\xbf\xd0[l!Q\x10[s"\xae\x9c\xb3\xf4\xd7\xc2m\x18\xd5\xae\x87\xcbd%\xba\xb0\x9d\xac\x95\x03&gt;H\xcbQ\xc9\x03\xfd\xc4\xbb7\xc1\xd3\x85\x89Nr\xfa\x8c\'\xd3\xbd\xd7\xbcR\xf6\x84X\x85H\x05AJ*\x90\x18\x0f\n\xbc"w)f\xa5\x92f\xab\rWk\xc1+&amp;U\xfc\x08\xafs\x0f\xe6\x830m~5S8\x88\xc9\x91\xb7N{\xb4&amp;|^u\x12\x89\x0f;\xce\xb0\xee\xc8\x1b\x98U`\xf3SE\xff2A|I\xeb\xe1\xc7\xef7\xa0Q\x12x\x98g\xe2\xa7\x91\x14\xb2\xebfi2\x90\xa7.\xa0I\xd5\x9c\x8f\xea\r\xf0(\xca\xfa\xb7N\x84PV1\xc8\x9dk\x9cH|\x9e\xd6\x03t\xbae?|7&gt;\xb7\x9d-\x89iFLc\xd5q\x81\xb3\xf1\xea\xac\xdd|\x19@\x87\xf7\xc6{J\x1b\x91\xa8\x00\xd7\xd5\x0e\x9e\xbe\xe9\x9d\x88\x1fv\x1b\xa0W\x14\xe2\xea\xdbJ\x95\x939\x01\xacr\xd3\xe4\xe5\xd1\xdcQ^\xd7\x0e\xf4\xdd=\xd8\xb6D\xbdA\xe2\x8eV\x0f\x01\xec\xf7\xb0\xf6M\xca\xc6\xa3\xfb\xd5\\37\xe5\xc6\x8d/\xfc\xfd\xdd\xda\xb1\xc6\xc7I\x0c\x838X\x86\xa2r\xc4\xba\x16\xe7\xa1\xb7\x92\xe4~\xa3\xe4\xe5IO\xe1\xa8\n\xff[6\x15\xfbP\x8c\xf4\xad\x83\x80 r\x88R^\x87\x02\x98(\xbeX\x85\x862\xaf6$\xe2\xda\x92t\xad\x8dd\xcf\xe6\x1a\xcb\xdd6\xbe\x93\xb0\x95\xf2\x03\xaep\x11\xc1^\xba\x90\xdd\x82Se\xf4\x9a\x8d.\xa5af0\x90tB\xde\xea1\x0c|\x93\xe0p\x1e\x9bwgj&amp;\x02\xb4\xa6T\x98\xeaD?\x1c\xe7"\x95\x83\xef\xa2\x82\x1d-j\xd3\xc4\x90k*\xd1\xee[\xbd.S\xed\xfe\x93\x80F\x84\x08|\xbfS*\x02D\xabBb\x84\xf1Pxy\xf2\xd4\x18e\xb0r \xe1\xd6\x1bq\xea|\xab\xae]\xec\xff I\xae\x05V\xb9\x06\xd4E\x96\xdb\xa4\xbb?\x8e\xacZ\xddbm\x9c@\xed\xfdW\xfd\xb1L-\xc04ua\x11O-\xb8]\xec%A\x16\xfb_\xe2\x92\x96&lt;\xcd\x81)\r3\xff\r\xec\xac\xbc\xef\xe7S)De\xe4\x19\x1e\xc1{\xfdH\xff\xf5YS\x92n\xff_M\xfd\x93\xc4\x89\n&gt;nB\xc2\xca|\xf6\x8c\'\x0e\xc9\xa7\x92\xc8h\x0e\xf1G\xea\n\x7fe\x15\xa0\xe4g=o\x9b\xb0C\x18\xde\xfc\\\xb7\xd8;_\x8d\xcc)\xda\x0e\xbe\xd7I\xd0\x1d\x86\xf3\xab\xbf\x17\xa0\x8aR~\x11ji\xc5\xbe\xd92\x0cK\xa9\xa0\x8c{\xf3\xe5\xf3E\xb9v(\x15\xa2\x9cQRG\x9b\xfc\xde\xc75}n\xa8\x96\xf3-\xd6\xe3\xa06`\x06\xdc!;.P\xffY\xb9,\xf2\xbaPp\x01D\xf1\xc0\\\x938\x9e\x10P\x12\xaf\xd8\x82X\x85\xfb\xe1\xabD)(z\xfes\xafH\xa5\x9b \xeb\x1a\xb9\x98\xebW\x1f\x98\xf7t\xfd\xbf\xf9E)[A\xcd\xa4\xa9\xb0\xfe\xd7\xd3\x1f\x8a2K\xcf\xaa!\x88V\xb3\xe7\xa1\x0f\x97\xb1\x04\x94\xa9\xf1x\x9a\x8f\xcb\x86P\xb8U\xaa(\xb0&gt;/\xde\x94\x90\x83bu\x89\x82&gt;\x1d\xb4\xa2M\xf9\x11\x07y\xdaxY\xe9G\xac\xa4\xa1\x1a{}\xb7{\xd8N\xa5tA"MM\x87\xca\xbbA\xb0k\xc0\xc0\x07\x9a\x9b\x9aqx$\xc2B\x84\xc6_;\x15?7\x9c\xd0\xa0\x9f\x98\x1d%\xa2\xd7\xb2Hx\xc5\xbe\xd8\xf5\x85uc\xc5\xb7\x8fv{{\xde\xb6\xbey]\xc5\xaeA\xb9\x04%\xab`\x9b\xe5\xc9\x89\xe6\xfbL=`\xa1\xd7\x18\xd8\xbes24\xdc]\xaf6\x1b\xcc\x1a\x14\x95\xfa\x84\xca\xb3M\xd3\x1d{\xf2\xf1\xd4\x0f\xcfW\xd2IB&lt;\x90=\xd5\xb6\x94\xf5\xb4\xfb\xf8A_\x82;%$\xfe\xd5\xd3L\xcb[\xef\xf5\x91\xc2H \x0e\x1a\xce\xc7X\xa7\xf9\xfb\xe1\xff,\x11ECL&gt;\x81\x83\xe1\x87\x9a\x00\xace\xa4\xde\\\x80\xbc\xf9H\x94\xbe#y\'+,F\xcf\xd3\x8e\xf0\xbc%\xc61K1\x8b\x96\xc8"\xa2\xfdO\x8bNt\xf2\xaf\x0e\x11hd}\xb0,\xcf\xc7\xbfq\xb0D\x07\xef)fB\x05t\x8bFH\xfd\xcd\xfa\xbf\xaf\x17\x17\xdaqt?\xfd5f\x10\xa3\xd9Mxb\x19\x1d\xabA\xc8w\x1f\xaa\x0f\xe3J\x12\x00\x15|\xd4\xa6"\x88\x82a\xce\xfc\x99\xd3\xc6\x88\x92\xae\x1ft\xc0{\x1ei_\x83\xed\xa6^*f\x81\xe7p\xa0\' &amp;\x96\xe3U)\xc9\x93\x0f\x10\xd2R\x15\x98S\xf4\xf1\rG(\x81\xa3\x83\xf3\xb5\x0f\xa2\x00?U4\x11\xd2I\x8f\xe3\xd8\xcc{#0\xd8\xd0\xfc-\x12\x8eu6\xb4]\x19\xafC\xaa\xf1%\xd4\xf5;\x92\x9c\x16S\x97\xda\xf1mo\xa1\xd9\x9d\xea\xae\xd6\xa5K\xc1\x97eX_\xcb\xa0\x83Q\x93\x99\xce\x8a\xc4\xf6\xbf\xbe\xfeJ\x13\xf6^t\x06\x98\xfc\x1e1N\xcctA\x1cP\xc7\x05I\xf7\x8d(\xc0\x80`X\x9b\x983\xc9n\xa5]\n\xbd\xcer\x16`\xfd&gt;\ti\x05\x10\x8d\xfde\xd923n\xdc\xbc\xb6\x15a\xfa\xfco\x83\xc9\xb5\xd7\xc08N\x8f\x81\xef\xf3\x87\x1c\xf3\xb2\x82|\xa1`S\xd1v\xbdZ\x10\xde]\x80\xe0$\x91\x03vBp\x1e\x81\xe0--\x17\x02\x06\x96\x96\\\x18\x15r\xc6\xd7\xde\x90\x17\x91\x15\x19\xdf\x02&gt;7l\x84\xe6\x18M5\x13\x8a\x1d\xfb\xefu\x07\xd6\x1e\x9a\xd6\x98\xd6+\r\xe3P\xfa\xd7\xdaU3~Isa\x98\xdc\x9b7@J\x05\x93\xe9h\xb4D\xddh\xbb\xa43\xd5\xc1\x9c\xf8\xc2\x0e\xee\x12\x7f\xe6\xd6I\xe8\xc5\xfc~zL\x04p]\xae\xfb\xdf\xbb\xf5\xbe\xe8P2(\xd1v\x8e\xf5\xa8\x06\xc2\x82\x04zU\x91\xe8\xa6\xcc@\xa5\xccs+\x93\xcfX\x8a\x9fu\t\xd2Sw\xd8H~\xebU\xc3\xe2\x9f\xdf]\x11}\xa6O\xe2\xa05\x8aYJ\xea+k\x00\xd7o\xdd\xf3\xf7\xbf\x1c\x1b\x88*\x0c3\x10z\xfa\x94&gt;\xe9g\xa7\xd7\xb3\xb1\x05\x85\xfaX\x9da\x0c\xd0~ \xf7\x89i\xc3K\x01\xbd\x8b \x08\x8dG\x81\xd6@'</t>
  </si>
  <si>
    <t>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</t>
  </si>
  <si>
    <t>b'\xec\xc4\xa1\xa711\xcf6\xf0\x90p\x04\xe3\xe0L\xbe'</t>
  </si>
  <si>
    <t>.
 Everybody Needs Somebody
 To build a million-dollar business, you need three things:
 1. A place to take sales, whether thatâ€™s Amazon, your own store,
 Kickstarter, or a combination of all three
 2. A stacked deck with a small following to whom you can launch
 products
 3. A way to expose your products to new audiences
 When I started, email marketing was my main way to get eyes on a brand.
 That still works. Today, however, you have more options; potential buyers
 hang out in pockets, so they are easy to target with ads. They also tend to
 follow specific influencers. The purpose of advertising is to drop your bait
 into a hungry pool of fish, giving them the opportunity to strike.
 You can accomplish this via paid advertising, or you can accomplish it
 through building relationships. You can either pay to show up in front of your
 potential buyers, or you can network with the people who control the
 distribution. Both strategies work, and both require work.
 For some, connecting directly with influencersâ€”minor celebrities who
 have thousands (or sometimes millions) of people following themâ€”is a holy
 grail. If I could just get one of those big celebrities to talk about my product,
 they think, then millions of people will know about it, and Iâ€™ll be rich!
 That does happen, but not like people think.
 Yes, Onnit had Joe Rogan, and The Honest Company had Jessica Alba,
 but in those cases, the influencer is an own</t>
  </si>
  <si>
    <t>b'\xdf\x16\xfe\x04v\x88\x9cn\xf2\xbfQ~V\'1\x08f\x05\xb1\xde\xa1\xe9(\xc7\xe9?4\x84z\xa0R0\xc4\xd7H8\xb7\x06\x14B\xf5u\xb5\x17\xc20\xaeG\x99&lt;\x14\xb3\xdd\xfa\x01-\xcc\x9d\xf3(r\xd5\xea2\xbe\xdemF\x1a\x89=/&gt;\xf5\xef\x12A\xf3\xfc\x1bn\xe4\xb6&lt;\xb3Y\xbfc?e\xaeV\xd4\xccw\xec\xb8eo^\xce:\xc0(\x8cE\xc1\xd8E$\xbc9qG\x7fsl\xdd\xe3\x98\x00\xef6\xae\xf1_F{\x87\xb3\xa9%x\x11\xf8\'\xe0\xc2m\x89\xd5\xc3\xdf\xff\x87\xe5\xbc\xe8\x02\x10K2\xb6n\xec\x80|\xb4\xc8\x8aR\x0b4\xd9o_\xbe?\xc8\xec\xc7\x9d\x8e\xd9]h\xbc\x16DI\x93\xca\xe2\xfc\xbf?\x94\x839\xe1\xb1z\xa1\x91\xe7d\x12\x8d\xf7?\x87\xc0\xae\x84\x85\x14\x8bz5\xd7\x915\x16\xe0T;\x1a\xb9\xb0\xbf\x8e\xa5\xda\xb6\x1e\xdc\xe7\\\xe0\xe8&gt;\xd9H\x953\xd4\x07\x86\xea\xf1f\xae\xbb\x12\xb8J}\xf1m\xfa\xf2\xd8\xc97\x8eF\xf8\x9d\xb4\xe04\xe4\xfc W\xca\xd8\xf8U\xfa\xa9\xcf\x97%h\x0c\xc6;\xd4\x01;z3\x0cgL\r\xe5bfUl/\x85\x8bM,x\x0e\x92\xe1N#i\x1f\x9c\x06\xcf\xc8\x90/\xc3A,\x80\'6\x03\xa0\xcaG\x9b\xcag\xffI`\x1d\xdf\xa6o\x86[4\x0f\x80\xb5\xef\xda?\xb7\xc7l\x18\x91\x9a\x8f\xa0\xd6gYC\t\x01\xf7C\xa80`\xf0\xcf\xc3\x7fi\x91\xa1\x06\x17\xb6\x9d\xcdi\xf5\x80F\x86\xed.\x84\x88\x06\xee_\xc7\xe3\x03\xd5`\xfe4)z\x01\xb7\xd0E!\xf1r\xa5?u\x91\xe7\xdb\x9cvn\x9d\xa8i\xdd\xa5\x82\xf7\x17d\x9d8\xd0J\xae\x81\tk\xdd\xe1\xa5\x0fl\x01u^nHb#\xfe\xc4\x8f\xad\xbfX\xd1\xe6\x85f7Do\xe6)8\xfd \xde\xff\xe7\x02\xad\x1c\x8c\xcb\x082Fa\xc1T\xba\xac\xb2D7\xfe3\xfbV\x15*vr\xac\x96\xe4w\xee\x1f\xd6+\xbaw\x99\xa5\rfO\x8c\x0b7C\xd4"\xcc\xf2PE\xe9\x8c\xef\x9e\xfb\xdc\x13\x1a\xef\x0e\x87\xb6c+q\x0e\t0\xd4\xb4\x15\xd2\x00\x1e\n\x1b\x18\xca&lt;C\xaf\xc0\xc4$FvP\xc8\xf5\xf4\xea1\x8d\x88I+\xeaF\n\xb2B\x85:\xce7\xbbD\x8e\xacI\x18\xb8k\xb8m\xaaf\xd6\xab\xb6K\xef\x9cA]\x86\xa7\xd7WL?bf\xb2+\xbc\xb2\xbd\r\xdcv\xa9,=\xfb_a(\xce\xd2\xcf\x95#\xb2\x82\xf6_\x1eIOv\x13\xc0\xb2S\x91vQy\x0bpv\x11\t"\xcf\x1a\x01\xf5\xdc\x1c\x103L;@Y\xefc\x8c\rRl\xaa#\x97)4\xb2\xc8\x9b:5\xff/\xee\xc6\xd6\x8d\x7f\x13t1n\x89\xe3\x8b\xa4\xfcL;\x9e\xef\x8d/\xef\x16k\xd3`\x1d\x89\xecW\xdd#V\xd2\x9a\x8d\xcc\x11\x04\xd1n\nB\n\xb7\xe4\xf0\x9c1\x1bs\xce\xe5\xcbJ\xd2\xb3\x96:\xc7\x99\'\xbb\xfa4\x01T~\xcd\x9fO\x0fn\xa6\xf7\x89C\x07\xd8\x15\x07\x00#\xfc@\xb9~X\xc7\xca\xd0\x15\xf6A\xc3\xb8\xe3\xf8\xeeR\x08\x91;\xde\x83\x81EoX\xce\xfc\xac\xbe\x95k\xd4\xa1\x9e6\xcc6J\xe9\xee):\x8d\x99{u\x86T$\xed?\xcf\xc6k\xd6\x9e\x94\xac]M\xcf\x7f\x02\xb8\x8fz:u\xfd\'\xf4\xbb"`9\xd3v\xb4\x84\xc9\x7f\x02\x06\xbcg\x869\nv[\x82\xf5\xc1fk\xf8\xc7E\x1e\xf9!2Ja{y\xd7\x04U\xc7\x86\xcf/s\xbb\x90\x93\x14\x81h\xd4\xaa\x9e`d\x0e\xe0\xea\xc4\xe3\x02+\xa1\x8f\x04\nKP\xa1G\x1e+\xe8]\xf3\x90\xf4\xb8\x9a=\xe5\x84a\xd2\x0b\xe5\xeb\xb7\xaa\xe7\xa4a\x85\x04\xaaW1\xcc\x89\xfc\x88oC\x1fEn\x8b\x00\x92\xd2\xcbJ\xe7\xc5\xee\xef(\xcdf\xa9\x19i\xfbv\x10\\\xc0\x1b\xb1\x07%\xe7\xdc\xdf\xd8\x01\xe2l\x87#\x80\x8e\xde\xa7\x02 @\x1a\x9e9\xc6\xe5X\xcc\x14\x86\xd0\x18\xd7\x7fq\xb2\xfd\x02\x02s\rx)\xf8\x81a\x81\xd34\x83\xfc\x84\x16]&amp;O\xfe\xad\x1dB5%\xb9\x1ea,\x9c2T0\x9a_\xef\xcc\xb1&amp;\xbd\x08\xc1\x87C\xbc\x004\x14O\x85\x18\xc1e\xf1\xed\xa8\x0c+\xf4g\xf9\x0f\xa8P\xaf\xf4\xf8}\xedK\x0fM\x85\xcb\x82\xce\xe7\xee\x91y/Yvz`\x98\xbaS\xd87P\xc3\xdb\x824\xc6\x8d/\xb9S\xf2\xacLf\xc4\x12R\x1a\x80T8g:\xd3KS\xf2&lt;\x9d\x9d\xfa&gt;\xcd6\xc0\x86n\xcb\xc4\xd4k\x80\xc8\xea1&amp;\xe3d3\x92[\xf4=\x86\xa7\xef8\xe9M\xc9\x0b\x9f\x98f\xceY\xeb\x1f\xa8)\xa9\xef.8\x9aW\'\x84\xb2\xe6cu\xc0\xa0o"\xd3\xc7\xf1E\xb2\x9a\xf4\xfc(f\xb3/\x1c\xda\x06\xe5\x19\\hq\x1a&amp;K\xa5\x19\t$\xc0\x04,\xcc\x90Q\xb3,8\xb4\xde\x897\xc5\xc3rY\xef\xd8{a\xee\xad\x1a\xbc\xb8\x88\xe8(A\xb7\'\xaf\xbcV~v,\x03\x83\xa8\x1b\x13@X\x14\x11\x85\xa6F\x82fEP\x99y\t#G\x1d\xe2\x96\xcb\xb4\x05Kb\x8f\x18\x88\x9bJ\x8bT\x12\x1b\x07\x9e\xf0\x0f\x12=\xf8\x0e\xca\x9f\xc6\xda\xb3\xf3\x08\xb7\xf3Rl\x06\xbf\xfe\x1bQ\xec\xe6Pb\xda\x17\xd4_\x19\xa5\xab\x89L\xea\xed\x1c\xb5\xa32\x04\x7f\x9c\xc2\xf85\x8e\x94\xb4\x91E\x95\xce\xf9\xdb\xfd\xdf\xba?\xecH0P\xd4\xeb\xee\xe3a\xc5\xe7u\xe3\x19e\xa5L\xda\x8a\xecww\x7fu\x17\xecg\x0fTw\xcb\xbd\x813\xc5\xc5\xe6p\xb2\x07\x00\x87\x9c\xc4\x06\x85;\x08\n\xebx\x07p\x10(\xc4\xe8T\xfb\x1a\xdd65!\xf9\xe0gp\x9f\x89\x1f\x95\xc0Gg;\xfd\x1aS\xa9\x8d&gt;c\xacE\xba\xcb\x05m\xbd\xb3\x8c\xee\x82\\\x12N&gt;\x1f6\x0fE\xc4\xdd\x9a'</t>
  </si>
  <si>
    <t>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</t>
  </si>
  <si>
    <t>b"\xdf\x16\xfe\x04v\x88\x9cn\xf2\xbfQ~V'1\x08"</t>
  </si>
  <si>
    <t>voices sunk all together; she then ventured to
 open the door, and, while Montoni turned hastily and looked at her,
 without speaking, she delivered her message.
 'Tell Madam Montoni I am engaged,' said he.
 Emily then thought it proper to mention the subject of her alarm.
 Montoni and his companions rose instantly and went to the windows,
 but, these not affording them a view of the troops, they at length
 proceeded to the ramparts, where Cavigni conjectured it to be a legion of
 condottieri, on their march towards Modena.
 One part of the cavalcade now extended along the valley, and another
 wound among the mountains towards the north, while some troops still
 lingered on the woody precipices, where the first had appeared, so that
 the great length of the procession seemed to include an whole army.
 While Montoni and his family watched its progress, they heard the
 sound of trumpets and the clash of cymbals in the vale, and then others,
 answering from the heights. Emily listened with emotion to the shrill
 blast, that woke the echoes of the mountains, and Montoni explained the
 signals, with which he appeared to be well acquainted, and which meant
 nothing hostile. The uniforms of the troops, and the kind of arms they
 bore, confirmed to him the conjecture of Cavigni, and he had the
 satisfaction to see them pass by, without even stopping to gaze upon his
 castle. He did not, however, leave the rampart, till the bases of the
 mountains had shut them from his view, and the last murmur of the
 trumpet floated away on the wind. Cavigni and Verezzi were inspirited
 by this spectacle, which seemed to have roused all the fire of their
 temper; Montoni turned into the castle in thoughtful silence.
 Emily's mind had not yet sufficiently recovered from its late shock, to
 endure the loneliness of her chamber, and she remained upon the
 ramparts; for Madame Montoni had not invited her to her dressingroom, whither she had gone evidently in low spirits, and Emily, from her
 late experience, had lost all wish to explore the gloomy and mysterious
 recesses of the castle. The ramparts, therefore, were almost her only
 293
 retreat, and here she lingered, till the gray haze of evening was again
 spread over the scene.
 The cavaliers supped by themselves, and Madame Montoni remained in
 her apartment, whither Emily went, before she retired to her own. She
 found</t>
  </si>
  <si>
    <t>b'ig=\xce\xc8=\xb3I\xe5Q\x00B\x84]\x1e\x86\x99\x9a\xad~\xe3|k\x84-\x1b\xa1\x90\xf7;\x01\x97\xea\xac\xbanX\xe8\x80\xc2\x129\xc1\xcb\xf4|\xb3\xd8(\xf5Xs\xbd8g\x03\xc6\x01\n5\xa5\x97\x83G'</t>
  </si>
  <si>
    <t>69673dcec83db349e5510042845d1e86999aad7ee37c6b842d1ba190f73b0197eaacba6e58e880c21239c1cbf47cb3d828f55873bd386703c6010a35a5978347</t>
  </si>
  <si>
    <t>b'ig=\xce\xc8=\xb3I\xe5Q\x00B\x84]\x1e\x86'</t>
  </si>
  <si>
    <t>continually beaten to and fro upon the 
 billows, now and again wetted with flying sprays, and never ceasing to 
 expect death at the next p</t>
  </si>
  <si>
    <t>b'\x80\x94\x07S \xafM\x1c\nQj\xb4\x8a\'\x9b\xcb\xac6\xf3\xe3\x85\xfab\xc6\x17\xcaKeyMT\xe0\x85}\x91\xdb\xfe\x13\x92t\x0b\x8b\xc9\\\xa3\\\x16Io\xf1\x17\x91r\x9b\x91e\xf4&amp;\xc5i\x0fl\xae\xd4c\xfce\x04\xe3\\\xee\xaa9U\x99\xf0\x1d$\xd5\x17n\x9a\x8d\x85\xbb\x1fY\xb5\xf6\x0e\xc0o\xc3}\xdazF&gt;g\x8b\xab| \xe9)\xa1\xf0\x98k\x02\xa10u\xe7\x02\\\r\t\xe5\x97R)\x81\xd0Y\xa3\xb4(\xe0\x14H#\xcf\x07\xafs\xd5\x18\xae\xfd\x8eOq\x00}\x00%\xca\x0f\xcfZ\xe7!q\xfeJx\xde\xd7I+Q:g\xe5\x93["\x8c6\xbfr\x14\x89\xb0\xc0\x88\x07K\x0e\xc7\xe2,\x8e\xe6\x06\xe4\xe9g{\xd3\xee\x0cw\x1eI\xc42\x9a\xbe\xcd;?mid\xc3\x91\xff\xef\xe2\xc5RQmg\xf3\xfe\x8b\xd5\x06\x0e\xa6\xe5\xfa\xab\xc4\xee\x94\x9b*\xcd\xad\x17\xcc\xec\x9b\xb0\xe3\x8b\x14\xa6\x08\x9c\xf3&lt;\xed\xf1\x06o\xe6\xa5\x83\n\x1ek'</t>
  </si>
  <si>
    <t>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</t>
  </si>
  <si>
    <t>b"\x80\x94\x07S \xafM\x1c\nQj\xb4\x8a'\x9b\xcb"</t>
  </si>
  <si>
    <t>t last, Why the
 best way, then, is to make sure of your right, while you can, and execute
 justice yourself.'
 'Yes, yes,' rejoined Bertrand, 'if you wait till justice is done youâ€”you may
 stay long enough. Why if I want a friend of mine properly served, how
 am I to get my revenge? Ten to one they will tell me he is in the right,
 467
 and I am in the wrong. Or, if a fellow has got possession of property,
 which I think ought to be mine, why I may wait, till I starve, perhaps,
 before the law will give it me, and then, after all, the judge may sayâ€”the
 estate is his. What is to be done then?â€”Why the case is plain enough, I
 must take it at last.'
 Emily's horror at this conversation was heightened by a suspicion, that
 the latter part of it was pointed against herself, and that these men had
 been commissioned by Montoni to execute a similar kind of JUSTICE, in
 his cause.
 'But I was speaking of Signor Orsino,' resumed Bertrand, 'he is one of
 those, who love to do justice at once. I remember, about ten years ago,
 the Signor had a quarrel with a cavaliero of Milan. The story was told me
 then, and it is still fresh in my head. They quarrelled about a lady, that
 the Signor liked, and she was perverse enough to prefer the gentleman of
 Milan, and even carried her whim so far as to marry him. This provoked
 the Signor, as well it might, for he had tried to talk reason to her a long
 while, and used to send people to serenade her, under her windows, of a
 night; and used to make verses about her, and would swear she was the
 handsomest lady in Milanâ€”But all would not doâ€”nothing would bring
 her to reason; and, as I said, she went so far at last, as to marry this other
 cavaliero. This made the Signor wrath, with a vengeance; he resolved to
 be even with her though, and he watched his opportunity, and did not
 wait long, for, soon after the marriage, they set out for Padua, nothing
 doubting, I warrant, of what was preparing for them. The cavaliero
 thought, to be sure, he was to be called to no account, but was to go off
 triumphant; but he was soon made to know another sort of story.'
 'What then, the lady had promised to have Signor Orsino?' said Ugo.
 'Promised! No,' replied Bertrand, 'she had not wit enough even to tell
 him she liked him, as I heard, but the contrary, for she used to say, from
 the first, she never meant to have him. And this was what provoked the
 Signor, so, and with good reason, for, who likes to be told that he is
 disagreeable? and this was saying as good. It was enough to tell him this;
 she need not have gone, and married another.'
 'What, she married, then, on purpose to plague the Signor?' said Ugo.
 468
 'I don't know as for that,' replied Bertrand, 'they said, indeed, that she
 had had a regard for the other gentleman a great while; but that is
 nothing to the purpose, she should not have married him, and then the
 Signor would not have been so much provoked. She might have expected
 what was to follow; it was not to be supposed he would bear her ill usage
 tamely, and she might thank herself for what happened. But, as I said,
 they set out for Padua, she and her husband, and the road lay over some
 barren mountains like these. This suited the Signor's purpose well. He
 watched the time of their departure, and sent his men after them, with
 directions what to do. They kept their distance, till they saw their
 opportunity, and this did not happen, ti</t>
  </si>
  <si>
    <t>b'\x0e\xfbY\xd05\xe1@\x99\xafL\xae\xe0G\xe8\xcfk\xd6\xa8\xf5\xd3\xe7\xe6\xf3I\xf7\x98\xdd\x06\x91\xf9`\xb9/ulp\x96rr\x15\xc0~]58]A\x9a@-\x054\xb3\x90;S\xa3;Q=q\x1fnJ'</t>
  </si>
  <si>
    <t>0efb59d035e14099af4caee047e8cf6bd6a8f5d3e7e6f349f798dd0691f960b92f756c7096727215c07e5d35385d419a402d0534b3903b53a33b513d711f6e4a</t>
  </si>
  <si>
    <t>b'\x0e\xfbY\xd05\xe1@\x99\xafL\xae\xe0G\xe8\xcfk'</t>
  </si>
  <si>
    <t>ecause misalignment can
 creep in whenever colleagues arenâ€™t together full-time, in the same place, every day.
 If youâ€™re deciding whether to bring someone on board, the decision is binary. Ken
 Kesey was right: youâ€™re either on the bus or off the bus.
 CASH IS NOT KING
 For people to be fully committed, they should be properly compensated. Whenever
 an entrepreneur asks me to invest in his company, I ask him how much he intends to
 pay himself. A company does better the less it pays the CEOâ€”thatâ€™s one of the single
 clearest patterns Iâ€™ve noticed from investing in hundreds of startups. In no case
 should a CEO of an early-stage, venture-backed startup receive more than $150,000 per
 year in salary. It doesnâ€™t matter if he got used to making much more than that at
 Google or if he has a large mortgage and hefty private school tuition bills. If a CEO
 collects $300,000 per year, he risks becoming more like a politician than a founder.
 High pay incentivizes him to defend the status quo along with his salary, not to work
 with everyone else to surface problems and fix them aggressively. A cash-poor
 executive, by contrast, will focus on increasing the value of the company as a whole.
 Low CEO pay also sets the standard for everyone else. Aaron Levie, the CEO of
 Box, was always careful to pay himself less than everyone else in the companyâ€”four
 years after he started Box, he was still living two blocks away from HQ in a onebedroom apartment with no furniture except a mattress. Every employee noticed his
 obvious commitment to the companyâ€™s mission and emulated it. If</t>
  </si>
  <si>
    <t>b'\x13\xd2\xad\x1e\x11\xbf\x01\xe4j\x7f75\xf3Wk\xc8E\xd0FX\xb0y\xeb\x88O\x17\x10q\x98\xbe\xf7G\xdexE\x1b{A?s9\xf5\xb3.\xf3S\xb3\x16\x8d\x80K\xe2&gt;mC-\xbeQ[\xdb\xdb5\x13\xf1d\xddg\r\x0c\x9e\x129$\x8a\xae\xc2\x1a\x81\xddG\xad\xb6\xa2\xc3\xe7p\xcf\x16\xe1\x07G\xc8EF"\xaf\xf2\x18\x144\xb3\xe9Z\xfb\x19\x0ep@\xae\xd4w{`\x03\x1e8\xfd\xfd\x026q|\xd1t\n\xd2\x9d \xa8\x00\x17\xdd\xee=S\xcb\xb3\x0f\xfb\x0eb\xdf\xc0\x15\xa1B0\x01W&amp;\xc4E\x1fg\xe9\x0f\x88w\x9dfCCf%\x01\xeb@\x1f\xf5\xc3\xea\x91\xd79\x8esH\xe5\r\xcb\x1c\x11\xf7\xb6\\NK\t\x9fd\x80o\x1c\x19,(\xf0\xb6\xdcG=\x02\x04]}\x0fU\xc4i\x1e\xf0\xf5\xf5\x92\xf0\xb1*\xde\x05\xd0\xdbY/IL\xb1`5\x96\x97\x96\x8a\xfb\xc9OT\x8eq\xadi\xe3B\xb3D\x86\xf2\x01\xdb\x11&amp;\xa2\xc5\xb04z\xc8\x8ac\xa0\xd8b\xb5\xf3\xcfu\xb3\xe9\xee\xbe\xa7\xc3\x0b\x8c\x05\x87\xc2\xe66\xcaR\xe6T\x91;\xac\x9d\x99\x17\x83\xdc\x1e\x0f\x1awB_\x93\x8b;A-\x8ea\r\xee\x00m\xfd\tu\xaa\x18\x8a&amp;0\x9d\xc7t\'\xc9nM\x17\xc8\xa8ma\xec\x85j\xbd\xfe\xc3\xe7\xb33\xca\x91\xdbB\xa1g\r\x80\xed8\x0fK\x1b\xdb\x10\xb1\xd8S!\xdfy\xacI**h\x1aO&gt;\x96\x93\x18\xc7=\x1e\xdc\xb2\xad\x8ak\xef\xc8`^\xb6?\xbc\xa9J\xd2\xed?*;\x1e\xfa\xc4\x88\x96\xdfX\xe4\x0cq0D\xf4\xac\xe1*\xa5B\x89F\xf5\xe9)7\xa9X\xe5\xa3*\x13\xdd\xa7~h\x1f\x82w\xaa\xbc\x0f\xe4\n\xc6\x9d\x13\x05\xb4\x00\xc9\xe6n\xd1!\xf0\n\xff\xfb\x87\x87\\N\xb1\x80\x9e\xa44\xa1P@#@\x03y\x07\xe2\xbf\x94`\xb1\xe7\xd7oE~\xee\x1bU\xe5J\xba(\x9c \xa3\x81\xe7"\xeeq\xbd\x1c\x17\xc1\x05\xdb~t\xa5r=\xa2?#D/j0\xa4o\xeb\x94/\xa1\x05\xde\\\x11\xef\x16~=\xf6\xde\x94\xdb\xdd\xee\xd7j-\x13\x08&amp;p\x86Q\r\xb4K\xf7\xef\xfe?e#\tXv\xf1T\xda\x89\xee\'\x89\xf0\x1fU\xaeD7al\xd3\x1f\xf9f\xbb\x82\x9b\xa0\x99\xa3z\xc3HI\xe5C\x0f%|\xa4\xaf|r\x82-"-\xc1z\xd7\xf5\n\x0ch\t\x9a0\xd1+\xa3\x1exy\xa3\x0b\x9b\xc6u\x8e\x96nN\x87_C\x0bl\xb6\xa7\xe8\xa2\xdc\x96\xafu)\xbc=\x1d\xf6\x04OM\xa3b\xab\xefr\x92l\x1b\xf6\x0eB\x06X\n\xc1\xf3\xa1\xbd\x8fl\x1d\xbb\xf0CQ\xd8\x1bY\x9d\x13\xf2&gt;\xb79+\xba[8\x8b\xde}\x01\xd9Q\x8f\x9b@uT3Ue\xb2R\x90\xbc]P\xe9\xa4N\x0e\xae\xba\xec\xc7\x06\x01i\xab\x9fn\x04\x14#Y\xaf(gR\x95\xa3-O\xf3\x08$\x8a\xe7\xb5\x98GcU8)\x87\x1d;\xf2\xf5\xf5\xe9N\x0f\x11\xb8D\x7f#\x8c[Y\xb0\xcbJ\x85\xa4\x93\xf0\xc6;\'9?\xe7\xac\x1b\x02\xdc\xa2\xfe\xf2\x84\xa5\xfbOXO\xa9\x8f\xe34\x99Dz\xf7\x02"\xf8\x1f\x87\xa8\xd0\x7f\x87\xafM\x19\xad\x96\xc1d)97G\xea\xc6\xbcv\x7f\xa6\x9e\xe2\xa5H\x81\xb72\xab/\xe8IK\x11\x07b\xbc\xba\xca\r\xf3D\xe5Q\x07\x8b\xc0\xd5\xbd\x02\x8b\x8cby7\x1e\xfb8\xca\xbd\xdc-R\xea\xb3\xca\x7f\xf1\x89!\xb2\xdb\xda{\xf6\x18\x14A\x1bU\x89\xaf\x14YCLM&lt;S\xc0@\xc1\x81q\x90\x9f2\x13-)\xb1\x80q\xae\xb8Qu\xf1Yo\x82\xec\x01\x05\xcak\xedD\xa7B\x1b\x14z\xc1n\xc5\xd6\xc2 \x1b:?\\&lt;\xb2\x9c\xc8\xf5\xa6\xe2\xeb\xa3\xa7\x14\x10\xa0\xf6\xbb\xec\xd0\xeb7%\xc4Y\xa7\xa8t\x19%\x17\x11\x10u\x984\xec$\xd2~\xb4\xe4K\x83\x95\xae]\x8b#\xa1\x8b\xf8\xb6W\xf7\xf2\x0bUMH\xc9\xeb\xe3.P\xa88\x93%\'\xd2\xdf\xbf\x93\xfb\xc4\x0f\xeb\xbbE\xdd\xd5\t\x18\x07\xba\x1a\xc2\xa9\x99\xd6\x1cO\xd0e\xd4\xf3Jx\x06\xbd1\x06\x9f\x15\xe8\x14&lt;\xb0O\x05I\xfb\xe9v\x1f\xe9\x01\xfc\xc4\x9fSR\xcad\xdb\xf0\xdbj{9\xa1\xf4s\xbbq.\x0e_D\xb2?\x8au\xe7\x19\x1al\xa4\xb0\xc2\xb5\xaf2y\xcf7\x13\xd4\xe42\x07\xa0\xb8\xa3?\x1f\xca%\xa2\x17\xf8\x7f\xc5\x01W\x95\x9a^\xc4\xbd\xc9\xd8\xa1\xcf3hr\xdfV\x1f\xe0\xf2\xe4\xdb\xddx\x08\xe1\x87\xc4.\\d\xb6\t\xc0:E\x8cl`\xe5\xf1*t\xcb\xb6\xa2\x9e\xf0y\x93$\x97X\x8c\x1c\t:\xe4\x19}\x7f\xa8\xd4\xbe\xb9\x0c\r;\xf5\x123\xf1\x15;\xcb\x95gk7OG\xf2o\x106\x9a\'A\x11s\xc8\xaa\x8b\xb6\xc6\x0e\xd0\xa7\x8f\x8a\x01\xc1\xfd4\x90X\xe0\xd1\x04\xf54\xe3\xf2\xb7\xb5\xdb\x12\x03\x8c_\xbe\xf8\xf9\xb0\xc8Yo"\nz\x8e4\xda\xa5@\xcb\x9b\x8b\xdap\x1b!\x9f\x96\xfbw-\r\x98\xd4\xe4\x1fg\xe6\xed:v\x14\xab6\xac\xb4;\xa7\xec$,zK\x87!\xaa?\xeao\x0c\xc3^\x9a\xe9s\xbb\x19\x1e\x0b\xaf\xb12\xd0\xce\xd0\xe6\xe9\xfd\x80\x97lo\xdf\x11\x180i\x91\xeb\\\x9b+\xd9\x0bc*b6\xb3\xebE\xbe\x995\x01\xcdP\x9c\xf6y\r\xfa\xe1{\xbb\xdd3\xe8\xbd!&lt;o\xd9\xfc\xdf\x0c\xf5Sx\x02\xf9\x94\xc5N\xbb\x82*\xeb\x1b!J\xcc\xb0Y\x19\x83\xa8J0\xb9\xd9A&lt;)3\x11[j\xd3:$\xaf\x19\xd3\xa8\x8bb\x92\xde\xcfN2\xc2\x92-&amp;\xe3\x0fZJ\xda\x1eq#\x9ban\x8a\x0b\xc5\x8bQ6\xe9\x8aR\xd2YE\x88p/\xf7\xc4~\x19%[Di\xe8\xe7\x0fa\x9b\x88T\x9b\x8exep\xdf\x19\xc1vY\x80\xdf@\x05l\xad\xc9\xaf5f\xcc\x94K\xa6\x15\xf8\x05\xe06f\xaf\xbc\xab\x8a\x9f\x8c\xd0\x84\x936\xd3V\x96\xef\'\x86\x7f\xe5\x07y/\xb3\x978\xa4\x17\xe5B\xd3\xec\x98V\x93\xa7\xb91k\x941}\xda\x946\x94=S\xc6\xfe9YB\xc8\x19\xdaU\xdfM\xb9R\x05\x06_\x86\x0b\x84\x7fDS\x11\xfa\xe3\xc4\xc20\x05\xcfh\x0e\xd99b\x03\xcf\x1cxC;&lt;K\xc9\x90\x95v\xbf&gt;\x01\xa8\xd1y\x1eK\xd6;z\xa1\xce\xb3"\xe3Z!\x84(#\x86\xb9cnHy\xf0q[\xd8\xfd\xa3(\x80\xc9G\xa5&lt;\xff$\xea\xaf'</t>
  </si>
  <si>
    <t>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</t>
  </si>
  <si>
    <t>b'\x13\xd2\xad\x1e\x11\xbf\x01\xe4j\x7f75\xf3Wk\xc8'</t>
  </si>
  <si>
    <t>ability loss due to the process of mone_x0002_tary unification. This possibility is another example of the theory of the second best, which
 implies that liberalization of one market (the capital market) can reduce the efficiency of
 EU economies if another market (the labor market) continues to function poorly.
 The Future of EMU
 Europeâ€™s single currency experiment is the boldest attempt ever to reap the efficiency
 gains from using a single currency over a large and diverse group of sovereign states. If
 EMU succeeds, it will promote European political as well as economic integration, foster_x0002_ing peace and prosperity in a region that could someday include all of Eastern Europe
 and even Turkey. If the euro project fails, however, its driving force, the goal of European
 political unification, will be set back.
 What problems will EMU face in the coming years? There are several, some of which
 we have already discussed:
 1. Europe is not an optimum currency area. Therefore, asymmetric economic devel_x0002_opments within different countries of the euro zoneâ€”developments that might well call
 for different national interest rates under a regime of individual national currenciesâ€”will
 be hard to handle through monetary policy. Even as the euroâ€™s launch was being prepared
 at the end of 1998, for example, Germanyâ€™s economy was experiencing negative growth
 rates while those of Spain, Portugal, and Ireland were growing at healthy clips. Since the
 national governments within the EU until 1999 were accustomed to having sovereignty
 over national economic policies, such macroeconomic asymmetries can lead to regional
 political pressures on the ECB that are stronger than the ones that typically emerge in
 long-standing political unions such as the United States.
 2. A related potential problem is that the single currency project has taken eco_x0002_nomic union to a level far beyond what the EU has been able (or willing) to do in the
 area of political union. European economic unification has a centralized power (the
 ECB) and a tangible expression in the euro; the political counterparts are much
 weaker. Many Europeans hope that economic union will lead to closer political union,
 but it is also possible that quarrels over economic policies will sabotage that aim.
 Furthermore, the lack of a strong EU political center may limit the ECBâ€™s political
 legitimacy in the eyes of the European public. There is a danger that voters throughout
 Europe will come to view the ECB as a distant and politically unaccountable group of
 technocrats who are unresponsive to peopleâ€™s needs.
 3. In most of the larger EU countries, labor markets remain highly unionized and
 subject to employment taxes and regulations that impede labor mobility between
 industries and regions. The result has been persistently high levels of unemployment.
 Unless labor markets become much more flexible, as in the United Statesâ€™ currency
 union, individual euro zone countries will have a difficult time adjusting to economic
 shoc</t>
  </si>
  <si>
    <t>b'0E\x02!\x00\x8a\xea\x1d\xe2[\x1bj\xf6[\xe2\xd8\t\x0f\xf4\x0e\t\xc68\xc1\xed\xcf\xde\x91Y\xab\xbc\xc1\xda\x9c\xf3l]\x02 Y\xb042\xb3gL\xe5\xfa\x96\xbe\xa8\x99\xc9\x8e\xabs33\xd4\xa8\xeb\xb7Yv}9Q\xce\xc4\xe3D'</t>
  </si>
  <si>
    <t>30450221008aea1de25b1b6af65be2d8090ff40e09c638c1edcfde9159abbcc1da9cf36c5d022059b03432b3674ce5fa96bea899c98eab733333d4a8ebb759767d3951cec4e344</t>
  </si>
  <si>
    <t>b'0E\x02!\x00\x8a\xea\x1d\xe2[\x1bj\xf6[\xe2\xd8'</t>
  </si>
  <si>
    <t>stance is neglected.
 *14.30. Noting that gm1 â‰ˆ gm2 in Fig. 14.15(b),
 prove that Eq. (14.23) reduces to
 vout
 vin
 = âˆ’ 2Î²1Î²2
 Î²1 + Î²2
 gm4RL. (14.68)
 Interestingly, the gain remains indepen_x0002_dent of the bias current of Q1 and Q2.
 14.31. The stage of Fig. 14.15(b) is designed
 with a bias current of 1 mA in Q3 and
 Q4 and 10 mA in Q1 and Q2. Assum_x0002_ing Î²1 = 40, Î²2 = 20, and RL = 8 _x0002_, cal_x0002_culate the small-signal voltage gain if the
 incremental resistance of D1 and D2 is
 neglected.
 14.32. The output stage of Fig. 14.15(b) must
 provide a small-signal voltage gain of
 4. Assuming Î²1 = 40, Î²2 = 20, and RL =
 8 _x0002_, determine the required bias current
 ofQ3 andQ4. Neglect the incremental re_x0002_sistance of D1 and D2.
 **14.33. Consider Eq. (14.27) and note that
 gm1 â‰ˆ gm2 = gm. Prove that the output
 impedance can be expressed as
 vX
 iX
 â‰ˆ 1
 2gm
 +
 rO3||rO4
 2Î²1Î²2
 (Î²1 + Î²2). (14.69)
 14.34. The push-pull stage of Fig. 14.15(b) em_x0002_ploys a bias current of 1 mA inQ3 andQ4
 and 8 mA inQ1 andQ2. IfQ3 andQ4 suf_x0002_fer from the Early effect and VA3 = 10 V
 and VA4 = 15 V,
 (a) Calculate the small-signal output im_x0002_pedance of the circuit if Î²1 = 40 and
 Î²2 = 20.
 (b) Using the result obtained in (a), de_x0002_termine the voltage gain if the stage
 drives a load resistance of 8 _x0002_.
 14.35. The circuit of Fig. 14.15(b) employs a bias
 current of 1 mA in Q3 and Q4. If Î²1 = 40
 and Î²2 = 20, calculate the maximum
 current that Q1 and Q2 can deliver to the
 load.
 14.36. We wish to deliver a power of 0.5 W to
 an 8-_x0002_ load. Determine the minimum re_x0002_quired bias current of Q3 and Q4 in Fig.
 14.15(b) if Î²1 = 40 and Î²2 = 20.
 14.37. The push-pull stage of Fig. 14.15 delivers
 an average power of 0.5 W to RL = 8 _x0002_
 with VCC = 5 V. Compute the average
 power dissipated in Q1.
 14.38. The push-pull stage of Fig. 14.15 incorpo_x0002_rates transistors with a maximum power
 rating of 0.75 W. If VCC = 5 V, what is the
 largest power that the circuit can deliver
 to an 8-_x0002_ load?
 14.39. Repeat Problem 14.38 but assume that
 VCC can be chosen freely.
 Sec. 14.5 Large-Signal Considerations
 14.40. Consider the composite stage shown in
 Fig. 14.39. Assume I1 = 5 mA, Î²1 = 40,
 and Î²2 = 50. Calculate the base current
 of Q2.
 Q
 VCC
 VEE
 Vin
 Q
 I 1
 2 1
 Vout
 Figure 14.39
 14.41. In Problem 14.40, Vin = 0.5 V. Determine
 the output voltage if IS2 = 6 Ã— 10âˆ’17 A.
 14.42. In Problem 14.40, calculate the input and
 output impedances of the circuit.
 14.43. In the circuit of Fig. 14.39, determine the
 value of I1 so as to obtain an output
 impedance of 1 _x0002_. Assume Î²1 = 40 and
 Î²2 = 50.
 14.44. An emitter follower delivers a peak swing
 of 0.5 V to an 8-_x0002_ load with VCC =
 2 V. If the bias current is 70 mA, calcu_x0002_late the power efficiency of the circuit.
 SPICE Problems 705
 14.45. In a realistic emitter follower design, the
 peak swing reaches only VCC âˆ’ VBE. De_x0002_termine the efficiency in this case.
 14.46. Repeat Problem 14.45 for a push-pull stage.
 14.47. A push-pull stage operating from VCC =
 3 V delivers a power of 0.2 W to an 8-_x0002_
 load. Determine the efficiency of the cir_x0002_cuit.
 *14.48. A push-pull stage is designed to deliver
 a peak swing of VP to a load resistance
 of RL. What is the efficiency if the circuit
 delivers a swing of only VP/2?
 Design Problems
 14.49. We wish to design the emitter follower of
 Fig. 14.30 for a power of 1 W delivered
 to RL = 8 _x0002_. Determine I1 and the power
 rating of Q1.
 14.50. The emitter follower of Fig. 14.30 must be
 designed to drive RL = 4 _x0002_ with a voltage
 gain of 0.8. Determine I1, the maximum
 output voltage swing, and the power rat_x0002_ing of Q1.
 14.51. Consider the push-pull stage shown in
 Fig. 14.38. Determine the bias current of
 Q1 andQ2 so as to obtain a voltage gain of
 0.6 with RL = 8 _x0002_. Neglect the incremen_x0002_tal resistance of D1 and D2.
 14.52. The push-pull stage of Fig. 14.38 must
 deliver a power of 1 W to RL = 8 _x0002_.
 Determine the minimum allowable supply
 voltage if |VBE| â‰ˆ 0.8 V and th</t>
  </si>
  <si>
    <t>b'\xf8\x83\xf0\xa0=\x85y.N\xeah8:\xd4\xa8b'</t>
  </si>
  <si>
    <t>f883f0a03d85792e4eea68383ad4a862</t>
  </si>
  <si>
    <t>reduces to the
 simpler (16-5), which we derived by assuming relative PPP.
 q$/â‚¬ e = q$/â‚¬
 R$ - Râ‚¬ = [(q$/â‚¬ e - q$/â‚¬)/q$/â‚¬] + (pUS
 e - pE
 e ).
 R$ - Râ‚¬ = (E$/â‚¬ e - E$/â‚¬)/E$/â‚¬.
 q$/â‚¬ e
 (qe
 $/â‚¬ - q$/â‚¬)/q$/â‚¬ = [(E$/â‚¬ e - E$/â‚¬)/E$/â‚¬] - (pUS
 e - pE
 e ),
 q$/â‚¬
 q$/â‚¬
 TABLE 16-1 Effects of Money Market and Output Market Changes 
 on the Long-Run Nominal Dollar/Euro Exchange Rate, E$/â‚¬
 Change
 Effect on the Long-Run Nominal
 Dollar/Euro Exchange Rate, E$/â‚¬
 Money market
 1. Increase in U.S. money supply level Proportional increase (nominal 
 depreciation of $)
 2. Increase in European money supply level Proportional decrease (nominal 
 depreciation of euro)
 3. Increase in U.S. money supply growth rate Increase (nominal depreciation of $)
 4. Increase in European money supply growth rate Decrease (nominal depreciation of 
 euro)
 Output market
 1. Increase in demand for U.S. output Decrease (nominal appreciation of $)
 2. Increase in demand for European output Increase (nominal appreciation 
 of euro)
 3. Output supply increase in the 
 United States
 Ambiguous
 4. Output supply increase in Europe Ambiguous
 412 PART THREE Exchange Rates and Open-Economy Macroeconomics
 In general, however, the dollar/euro interest difference is the sum of two compo_x0002_nents: (1) the expected rate of real dollar depreciation against the euro and (2) the
 expected inflation difference between the United States and Europe. For example, if
 U.S. inflation will be 5 percent per year forever and European inflation will be zero
 forever, the long-run interest difference between dollar and euro deposits need not be
 the 5 percent that PPP (when combined with interest parity) would suggest. If, in addi_x0002_tion, everyone knows that output demand and supply trends will make the dollar
 decline against the euro in real terms at a rate of 1 percent per year, the international
 interest spread will actually be 6 percent.
 Real Interest Parity
 Economics makes an important distinction between nominal interest rates, which are rates
 of return measured in monetary terms, and real interest rates, which are rates of return meas_x0002_ured in real terms, that is, in terms of a countryâ€™s output. Because real rates of return often are
 uncertain, we usually will refer to expected real interest rates. The interest rates we discussed
 in connection with the interest parity condition and the determinants of money demand were
 nominal rates, for example, the dollar return on dollar deposits. But for many other purposes,
 economists need to analyze behavior in terms of real rates of return. No one who is thinking
 of investing money, for example, could make a decision know</t>
  </si>
  <si>
    <t>b'0F\x02!\x00\x9c5\xa4\x0f\xc1\xf4\xa1\x8e\xd1\xe8\xc0\xba\xba\xc8\x1a\xdc;\xb0\xf63\x15\xa9\xf9\xf0\x99\x9eq\x1f\xca\x97\x90\x0b\x02!\x00\xe8;@i\xa7\x1a\xe1\x86\xbc\xb9\xc7hy~\xd1\x90\xb9\x03\x88\x8d\xeb6~\xcf\xf2\x82\xeb+-\x12d`'</t>
  </si>
  <si>
    <t>30460221009c35a40fc1f4a18ed1e8c0babac81adc3bb0f63315a9f9f0999e711fca97900b022100e83b4069a71ae186bcb9c768797ed190b903888deb367ecff282eb2b2d126460</t>
  </si>
  <si>
    <t>b'0F\x02!\x00\x9c5\xa4\x0f\xc1\xf4\xa1\x8e\xd1\xe8\xc0'</t>
  </si>
  <si>
    <t>urmur of the
 breeze, passing among the woods, she no longer listened with any degree
 of pleasure, for it conspired with the wildness of the scene and the
 evening hour, to depress her spirits.
 Suspense had so much increased her anxiety, as to the prisoner at
 Udolpho, that, finding it impracticable to speak alone with Bertrand, on
 that subject, she renewed her questions in the presence of Ugo; but he
 either was, or pretended to be entirely ignorant, concerning the stranger.
 When he had dismissed the question, he talked with Ugo on some
 subject, which led to the mention of Signor Orsino and of the affair that
 had banished him from Venice; respecting which Emily had ventured to
 ask a few questions. Ugo appeared to be well acquainted with the
 circumstances of that tragical event, and related some minute
 particulars, that both shocked and surprised her; for it appeared very
 extraordinary how such particulars could be known to any, but to
 persons, present when the assassination was committed.
 'He was of rank,' said Bertrand, 'or the State would not have troubled
 itself to enquire after his assassins. The Signor has been lucky hitherto;
 this is not the first affair of the kind he has had upon his hands; and to be
 sure, when a gentleman has no other way of getting redressâ€”why he
 must take this.'
 'Aye,' said Ugo, 'and why is not this as good as another? This is the way
 to have justice done at once, without more ado. If you go to law, you
 must stay till the judges please, and may lose your cause, a</t>
  </si>
  <si>
    <t>b'\x86\xe6\xcf\x96\x12\xeaD\xea\xa2\xf6\xbb\x8c\x076N\xd3\x0e\xdb\xf6\xed\xd0!\x8cw\x17\x0c{0\xc7\x0f\xc4td\xe48\xbd\x8f(\x12d\xe0\xaeaD\x16\x8b\x91\x9d\xe3X\xc6x|\xdc\xd4]x\xd9\xc5 M\xa4Gh'</t>
  </si>
  <si>
    <t>86e6cf9612ea44eaa2f6bb8c07364ed30edbf6edd0218c77170c7b30c70fc47464e438bd8f281264e0ae6144168b919de358c6787cdcd45d78d9c5204da44768</t>
  </si>
  <si>
    <t>b'\x86\xe6\xcf\x96\x12\xeaD\xea\xa2\xf6\xbb\x8c\x076N\xd3'</t>
  </si>
  <si>
    <t>leep, when I was suddenly roused by the stable bell ringing very loud. I
 heard the door of John's house open, and his feet running up to the hall. He was back
 again in no time; he unlocked the stable door, and came in, calling out, "Wake up,
 Beauty! You must go well now, if ever you did;" and almost before I could think he had
 got the saddle on my back and the bridle on my head. He just ran round for his coat, and
 then took me at a quick trot up to the hall door. The squire stood there, with a lamp in
 his hand.
 "Now, John," he said, "ride for your lifeâ€”that is, for your mistress' life; there is not a
 moment to lose. Give this note to Dr. White; give your horse a rest at the inn, and be
 back as soon as you can."
 John said, "Yes, sir," and was on my back in a minute. The gardener who lived at the
 lodge had heard the bell ring, and was ready with the gate open, and away we went
 through the park, and through the village, and down the hill till we came to the toll-gate.
 John called very loud and thumped upon the door; the man was soon out and flung open
 the gate.
 "Now," said John, "do you keep the gate open for the doctor; here's the money," and off
 he went again.
 There was before us a long piece of level road by the river side; John said to me, "Now,
 Beauty, do your best," and so I did; I wanted no whip nor spur, and for two miles I
 galloped as fast as I could lay my feet to the ground; I don't believe that my old
 grandfather, who won the race at Newmarket, could have gone faster. When we came to
 the bridge John pulled me up a little and patted my neck. "Well done, Beauty! good old
 fellow," he said. He would have let me go slower, but my spirit was up, and I was off
 again as fast as before. The air was frosty, the moon was bright; it was very pleasant. We
 came through a village, then through a dark wood, then uphill, then downhill, till after
 eight miles' run we came to the town, through the streets and into the market-place. It
 was all quite still except the clatter of my feet on the stonesâ€”everybody was asleep. The
 church clock struck three as we drew up at Dr. White's door. John rang the bell twice,
 and then knocked at the door like thunder. A window was thrown up, and Dr. White, in
 his nightcap, put his head out and said, "What do you want?"
 "Mrs. Gordon is very ill, sir; master wants you to go at once; he thinks she will die if you
 cannot get there. Here is a note."
 "Wait," he said, "I will come."
 He shut the window, and was soon at the door.
 "The worst of it is," he said, "that my horse has been out all day and is quite done up; my
 son has just been sent for, and he has taken the other. What is to be done? Can I have
 your horse?"
 "He has come at a gallop nearly all the way, sir, and I was to give him a rest here; but I
 think my master would not be against it, if you think fit, sir."
 "All right," he said; "I will soon be ready."
 41
 John stood by me and stroked my neck; I was very hot. The doctor came out with his
 riding-whip.
 "You need not take that, sir," said John; "Black Beauty will go till he drops. Take care of
 him, sir, if you can; I should not like any harm to come to him."
 "No, no, John," said the doctor, "I hope not," and in a minute we had left John far behind.</t>
  </si>
  <si>
    <t>b'4\xa6\x0b\x13\xffGE\xec'</t>
  </si>
  <si>
    <t>34a60b13ff4745ec</t>
  </si>
  <si>
    <t>on concentration on the p side:
 _x0002_np â‰ˆ ND
 exp
 V0
 VT
 _x0004_
 exp
 VF
 VT
 âˆ’ 1
 _x0005_
 . (2.96)
 Note that Eq. (2.69) indicates that exp(V0/VT) = NAND/n2
 i .
 The increase in the minority carrier concentration suggests that the diffusion currents
 must rise by a proportional amount above their equilibrium value, i.e.,
 Itot âˆ
 NA
 exp
 V0
 VT
 _x0004_
 exp
 VF
 VT
 âˆ’ 1
 _x0005_
 +
 ND
 exp
 V0
 VT
 _x0004_
 exp
 VF
 VT
 âˆ’ 1
 _x0005_
 . (2.97)
 Indeed, it can be proved that [1]
 Itot = IS
 _x0004_
 exp
 VF
 VT
 âˆ’ 1
 _x0005_
 , (2.98)
 where IS is called the â€œreverse saturation currentâ€ and given by
 IS = Aqn2
 i
 _x0004_ Dn
 NALn
 +
 Dp
 NDLp
 _x0005_
 . (2.99)
 In this equation, A is the cross section area of the device, and Ln and Lp are electron and
 hole â€œdiffusion lengths,â€ respectively. Diffusion lengths are typically in the range of tens
 of micrometers. Note that the first and second terms in the parentheses correspond to the
 flow of electrons and holes, respectively.
 Example
 2.17
 Determine IS for the junction of Example 2.13 atT = 300K if A = 100 Î¼m2, Ln = 20 Î¼m,
 and Lp = 30 Î¼m.
 Solution Using q = 1.6 Ã—10âˆ’19 C, ni = 1.08 Ã—1010 electrons/cm3 [Eq. (2.2)], Dn = 34 cm2/s,
 and Dp = 12 cm2/s, we have
 IS = 1.77 Ã— 10âˆ’17 A. (2.100)
 Since IS is extremely small, the exponential term in Eq. (2.98) must assume very large
 values so as to yield a useful amount (e.g., 1 mA) for Itot.
 Exercise What junction area is necessary to raise IS to 10âˆ’15 A?
 An interesting question that arises here is: are the minority carrier concentrations
 constant along the x-axis? Depicted in Fig. 2.29(a), such a scenario would suggest that
 electrons continue to flow from the n side to the p side, but exhibit no tendency to go beyond
 x = x2 because of the lack of a gradient. A similar situation exists for holes, implying that
 the charge carriers do not flow deep into the p and n sides and hence no net current
 results! Thus, the minority carrier concentrations must vary as shown in Fig. 2.29(b) so
 that diffusion can occur.
 This observation reminds us of Example 2.10 and the question raised in conjunction
 with it: if the minority carrier concentration falls with x, what happens to the carriers and
 how can the current remain constant along the x-axis? Interestingly, as the electrons enter
 48 Chapter 2 Basic Physics of Semiconductors
 VF
 n p
 n p
 n
 n,f
 pn,f
 p,f
 p,f
 (a) (b)
 Electron
 Flow Flow
 Hole
 â€“â€“
 â€“ â€“
 ++
 +
 +
 V
 n p
 n p
 n
 n,f
 pn,f
 p,f
 p,f
 Electron
 Flow Flow
 Hole
 â€“
 â€“
 â€“
 â€“
 +
 +
 +
 + â€“ â€“ â€“ + + +
 F
 x1 x2 x x1 x2 x
 Figure 2.29 (a) Constant and (b) variable majority carrier profiles outside the depletion region.
 the p side and roll down the gradient, they gradually recombine with the holes, which
 are abundant in this region. Similarly, the holes entering the n side recombine with the
 electrons.</t>
  </si>
  <si>
    <t>b'\xbcgj\xb2\xbb|\xac\x0e\x91\xbc\x07\xbd]#\x1a\xe8'</t>
  </si>
  <si>
    <t>bc676ab2bb7cac0e91bc07bd5d231ae8</t>
  </si>
  <si>
    <t>des subaediani. RA: 227â€“78.
Bowersock, G. W. 1969. Greek Sophists in the Roman Empire. Oxford.
Bowersock, G. W. 1971. A date in the eighth Eclogue. HSCP 75: 73â€“80.
Bibliography 625
Bowersock, G. W. 1973. The social and economic history of the Roman Empire, by Michael
Ivanovich Rostovtzeff. Daedalus: 15â€“23.
Bowersock, G. W. 1983. Roman Arabia. Cambridge, MA.
Bowersock, G. W. 1991. Momiglianoâ€™s quest for the person. In Steinberg: 27â€“36.
Bowersock, G. W. 1993. Ronald Syme, 1903â€“1992. Proceedings of the British Academy 84:
539â€“63.
Bowersock, G. W. 1994. Fiction as history from Nero to Julian. Berkeley.
Bowie, E. L. 1970. Greeks and their past in the Second Sophistic. Past and Present 46: 3â€“41.
(Rpr. in Finley 1974: 166â€“209).
Bowie, E. L. 1978. Apollonius of Tyana: Tradition and reality. ANRW 2.16.2: 1652â€“99.
Bowie, E. L. 1982. The importance of Sophists. YCS 27: 29â€“59.
Bowie, E. L. 1985. The Greek novel. In Easterling, P. E. and Knox, B. M. W. The Cambridge
history of classical literature 1 Greek literature. Cambridge. 683â€“99. (Rpr. Swain 1999:
39â€“59).
Bowie, E. L. 1994a. Philostratus: Writer of fiction. In Morgan and Stoneman 1994: 181â€“99.
Bowie, E. L. 1994b. The readership of the Greek novels in the ancient world. In Tatum 1994:
435â€“59.
Bowie, E. L. 2003. The ancient readers of the Greek novels. In Schmeling: 87â€“106.
Bowman, A. K. 1971. The town councils of Roman Egypt. ASP 6. Toronto.
Bowman, A. K. 1976. Papyri and Roman imperial history, 1960â€“75. JRS 66: 153â€“73.
Bowman, A. K. 1986. Egypt after t</t>
  </si>
  <si>
    <t>b'\xf6\x9e\xc5\'&lt;\xcc\xcf6X\x84a\xee\xe7$\xfaU\x19\x882\x999\x8e\x9f\xb2\xb2c\xc3\xf8Li{"G\xc0_\xd06)\x1c\x8aK\'p\'\x05\xe5\x95\xc7Z\x9e\xe3\\L{\x8b\x1c\xb5l\r\x15\xe7\xdeW\x0f\xf5b\xc4\x16-?\xd1Q\x9e\xdejx"\x91\xd6M\xd3\xc0\x02\x7f\xd0;\x97X\xed\x1e\x87\xb6\x84C\xc3\\\xcd\xe7\x83\x8c\xdb:I\xc0\xebj\x98\x99\xee\xf6\x94\x88\x0584Q\xd7\x91\xcf\x1b\xbf\xe0\x97\xda\x01\xcf\x03\xed4!\x1a\xe1\xe9-\xa1x\x17\x92\x82\xba{?8\r\x8cK\xa8J\xb7\xf6K\xddr\xf3=\xae:\x7f\ri7\xdf\xd7\xf2\x1fs\x18\x94\x9eEo\x01\xb4\xc2-\x9c\x08J\x13\xb9p,\\\x0e\x01F\x1cAw]\xe0\xd0:\xba?\xfe\xe6i\xa7J\xe4o\xb4p\xf8\x81\xad:\xc7\x98^\xf35\x02\xe2`\x93\x03\xe1\xcf3\xfe#0\xda\x93\xbf\xa0\xa7\xa5\x93\xc8R&gt;&gt;x\xadjp\x8fk\xcef1\xd8I\x10\xeab\xeaR\xba]\xaf]\x0f\xe3\xe4\xe3O\xfd9=\xe4\x17\x16\xaa\xad\xe8*\x00r\x0c\xaa\xc9\x83\x19aA}\x08\x7f\xd9\xd1\xc3\x87F\xdb\xcd \x12\xc1\\\xdc\xeb\xaa\xdb\x1a{r\xbc\xd4\xf9\x10&gt;0\x04\xba\xde\x18\\\x13\x1a\xe0\x95%\x96\xbe\xa5\xe1v\x05\xb1a\xc1g\x85\xdan`\x97\x1a\x08X0\x80.Cm\xb1\xbc\x1b\xad\x90\x88\xa97\xb5\x08\xe1\xdbdE\xa58\xb8\x93\x0bs\xe9\xbc\xb0\xe6:\xac\x03\x87\xac\x9a8\xf7\xf0\xe5=\xc0\x01P\'%\xa90\xeaQJG\x8d%\x11MAH\xeb\x8b\x0ft\t\xba~_\xdf8\xf8\x97\xf3#\xcc\x86\xa5\xc3\xf8\xf2\x00~{&amp;\xa0p\xa7-\x1c\x1e\x87M\x02\xbd\x1a\x16\xcf\xde\xed\xd2B\x01\xe1d=\xd8\x865\x8e\x80\xa8\xba\xcc@8\x94\x13\x91\x9a1\x93\x8c|\x15bq7\xf6\x07\xb59\x85m\xc3\x8d\xe6NI\xa7\xab}\xa6V\xd7C\nV/.\x84\xf0\x0b\xe9\x03\xb6\x93\xf8\x18\xc9\xda\xd7\xebX*b\xe2\x86{\xf3\xc8\xd7U\xe5C~\xc0n\xba(\x0b4\xddu\xf7\xaf&lt;\xfeA\x99=M\xfa\xe0\x87\xd1\x9aA\x1e\x1f\x81\xfaA\tC\xecP\xdd&lt;\xb1\xcf\xbeb8\x92v\x1eW\xcc\x16\xb3\xe2\xb7U\n{x\x8d/\xa0\x8eY-W\'\xd3\xa2\x07\x99\x18&lt;\xb2&lt;H%H\x9e\xaa*\xe3?\xf9;5D\xe4\xea\xa3\xaeG?\xbat\x04&lt;\xf6\xb5\xfc\xe8GX!\xa1\xd8|\xc6*%b\xc1\x84\x90Tj\xc5\xe5\xc3\x97\\\x92@J\x84\xedB!\xa0\x9b\xc4\x9f\xb8\xa8H\xe4\xa9x&amp;S\xa4\x9d\x9fKNF\xd6\xda\xa00\xb5\xfc\xe33=\xaa\x87\xa34\xcb&amp;\xaer\xaf\xb7\x8aG\x85\xbbU\x05P\x9f\x7f0\x16\xe9J\xe1\xfb\x86Sw&lt;\xc5L\xf9\x9dRx\xca\xa6\x9f\xda\x03\xfe_\xbfD%\xdbW\xe8\x8f\x7f&lt;e\x17z[V%\xfc\xf9\x12\xdbH\xcd\xafr\xf9)\xaf\xee`W\x16 n\xb9\x03\x85%\xd0\xe5\xb1(%\x18-\x89o\xe2\x84\xc5K\x15\xcbI?\x9dY\xe3\x0e\xbc\xe4\xa5\xfa\xf4\xf0!\xb9\xde\x02\xba\x95A\x08]b\xa2+L@\xbe\xff\xeb\xf4\x80r\x18\xe7n\xefJ.Tf\xd6\xabh\'\x9e$\xc2\xaa\xd5|\xef8\rZ\xe2\xc2\x90\xa3\x7f}MN\x149\xd7\x84\xb1\xf2\x7f\xd5\xa8\x1f\xccB\xda3*\x0c\x19\xd9w\xce\xf2M\x00g\xaf\xe9c\x0c dj\xbds8\x0b\xab`\xd9\xe45\x1e\xc4\xaax@hA\x85\xaa\xc5\x8f\xc2\xe5\xe6\x85\xf2fF\xbeD\x8b\x90\x12\x0f\xf2\x80G\x97z\xad\xb2\x0bl\xc7\xf5\xd4\xea\x83D5Z/\xea\xc96\xa8@ 6#P\r\xe0\x94tI,3\x8f\x07+\x96\xc9w\x9e\xbd\xae\xca\x1ej\n6\xb6v\xdf\xf9w\x9ey\xa9\xfcoa\x7fz\xa0\xe8\x82\xeb\xe9\x99D\xa1\xfe\xcc\xcf\xc1\x15a\xf0"x0Z\xd9\xb6\x92\xce\xeb(\xcei\xf3z\x06\x94);\xa1\xdc\x04I\x18\x8aC\xb0\x01\x90R\xa2\xf8\x1a\xa9\x86\x86M\xeaGi^\xdcu8\xf27p\xf5Q`\x18\xe8\xf9\x94\xff5\xfaA}\xc6x\xa5\xe4v\x89\xaeG\xae\xb9;6Y\xcbwl\xb5\x01\xe6\x8b^\xb6X\xfc\x1e\xaf\x95\x87\x9b\x7f\xb84\xd5U\x8b\xc8\xc0U\xb4\x05\'\xd0\xd80\xbd!\x0bx\xbf\xdb\xef&amp;\x90\xb90t\x89L\x93O\xf4u]6c\xa0\x13\x1b:\xb1\x02q\xd5\x8b(\xa9{P\xfc4\xe1(\x8c\rF\x9e[\xac4%\x98\xac\xda&amp;Y\xe0\r,*\xa9_Z\xf8\xa1\xab\xa4\x902\x9b\x9c\xc6\xd3\xb2\xad\x0f\'\x86@\xeeg\xf1\n?\xe9\x95\x0b\xf7v\x83\xf4\xce\xe44v\xe8\xbb\xf5\x83`\xfe\xd67\xe0\xb7}\xee\xb8\x17\xa4\x05\xdb\x1bs\x89\xda\x1f\xbd\x0f\xcf\x8e\xdc\xefz\xd9\x0c\x81\xf2/\x17Nn\xd8\xa2\xdd/\xfa1\xd8\xf9Y%\x90p\x1c\xc3\xddZ\xe4\xc6\xb6\xa1\xaf6?\x06\xbc\xcb\xa7/\xa1!KPJ\x81\xd5E\x92\xda\xa0\xc9f\xcb\xb9\xbdWEl\x1f/\t,\xd3BP6Vlj\xce\x91\xadk\xf9B\xf0\xb2\x8b\x87\xebe_\xce\x8f\xce\xdaEp\xa0&amp;\xba\x81/\xc5/yb\x14\xabR\x8b\xa3\r\xb1\xa5\xb7\x99\xbc\\taN\xcf\xd9\xec\xe6\xb1\xcbE\'E-\xc2\x0b\xa6\xa1e\x19\xc1m{\x00\xc7\xbdn\xcc\xf8\x1b&lt;\xf0\xdf\xd94\xb8\xa0io\xdar\xf4\xebWO\x9a\xfbK\xcc\x110\x87\xd5\xac&gt;\xfc\xdc\xf7I#\xbc\x8f\xe0\x99\xd3.\x12i$\xb1r\x9f\x97\x9bUc\t\x9a2\x9e\x99&amp;\x17\xfb\xfbg2\xae\x9d\x8b\x04)DH\x991\xb6W\xed\x02\xe7 \xb9T\xa4\x08\x07\xf9\x9b#m\x84h\xf8\x94)m\x80s\xebqfh\x11\xa5\x05\xc0\x1b\x89\x82}\x11\x0bA\xd9\xcbQ\x84\x0fM\xc0\xb3\xe9\x9b\xdf\xec\x95\xf3\x08\xf3E\xa8\xc2\x199\xc7\x0eS\x15\xa9\xb7\xb4E\xac\xa8&amp;\x8c\x17\x0f\x04\xb0\x1f\x83\x8f\x195\x11`\x95\xfa@$\xc6\x97\x06C\xbc\\\xd0&lt;\x17\x98\xaax\x0c\x05\xa5[\xcb8R\x05V\x87\x83\x00\xcd\xa5,\x17\xda\xb3\xa4\xe4\xffR\xban\x08\xdb\x90\xd5dK6\xc3y\xcc@\x83\x98\x10\x07\x00So\x02\x84\x0c\xc3:\xc9H\x96\xdc\x8a\x87\xaa(-\x13\xc2\xda\xfd|\xff\x18at*\xcc\xcfV\xadc\x97\x1e\x8f}\x96\x9b\xae\x07Y\x07\x144\xb1\xd8\x0b2m\xb8\xa4g\x9b"\x17\xa1\xeeR\xd9]\x97\xea2\xf6\x82\x80X1\x83\xff\x94\xd6\x0f\xa9\x0f\xa4J'</t>
  </si>
  <si>
    <t>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</t>
  </si>
  <si>
    <t>b"\xf6\x9e\xc5'&lt;\xcc\xcf6X\x84a\xee\xe7$\xfaU"</t>
  </si>
  <si>
    <t>ides. When we do this, we become the
 people who help them overcome their challenges and achieve
 the life they want to live.
 Once we begin filtering our message through the SB7
 Framework and using it as a communication filter, we will be
 able to repeat powerful messages over and over that â€œbrandâ€ us
 into our customersâ€™ story.
 The SB7 Framework is simple, fun, and effective. And
 when youâ€™re done, your entire brand message is going to sit on a
 single sheet of paper. We call this single sheet of paper (actually
 itâ€™s a free digital application Iâ€™m going to introduce you to) the
 StoryBrand BrandScript.
 Once youâ€™ve finished the process, youâ€™ll use your BrandScript
 to create all manner of improved marketing material, and youâ€™ll
 be more clearly positioned in the marketplace. When customers finally understand how you can help them live a wonderful
 story, your company will grow.
 With that, letâ€™s take a look at the StoryBrand Framework.
 29
 THREE
 THE SIMPLE SB7
 FRAMEWORK
 In the next section of this book, Iâ€™ll dive deep into the
 elements of the SB7 Framework, showing you how each
 important category of messaging makes your brand inviting to
 customers. For now, though, letâ€™s fly over the framework so you
 can understand, in summary form, all that it can do to simplify
 your marketing and messaging.
 THE STORYBRAND FRAMEWORK
 1. A Character
 StoryBrand Principle One: The
 customer is the hero, not yo</t>
  </si>
  <si>
    <t>b'\xa6GG\x86\x82yx2,0\x00} \x97\x05\x1e\xcd\x9e\xe0\xdc\x98\xfb\xce\x85\xaa\xa4.\x9d\\\x08\x89\x96\xb5\xadct\xb1\n\x98\xe4\xbe\x97L\xe1\xf4\xa1\x1bs\r\x04F\x1fz5\x1a\xac\xb9\xc15\x08Ik\xcei7\xab\x11\xbd\xce\x9f\xdez\x9e\xd7\xdd\xe4\xd5\xfd^\xae_\x19"\xebl|1\xb51Y\xb49$\xcf\xdfs\xa0\xd9\xa0\xb3&lt;\x8ba\x82\x11\xa5\xfd\xe6\xf0@\x9d\x88\x1c\xcd\x82/\x1c)\x89\x16/\x12|{\x84\xc9\x8f/\x026g\xc9\xc1\x92\x05\x8a\xa4\x080\x10\x87\xf0)}0\xc3\xd8\xf4\xc6\x1e\xcc60C\xe6\xb9\x85\x07h\xd6Q\xe3\x95)\xb1\x80\x91j\x94\xe1bj~:\x1a\xeb\x888\x01H0\x07|\xb1\xf2y*F\xb1\x11\x95H\x1af\xad\xd0K\x7fe\x0e\xf2$\x19)\xc4\xdc\x0bn\xca\x00k\xebP\xcc\xf3\xad&amp;\xe7\xab\'\xa1\x96`\xb0L\xba-\xc0\xbd\xd5\xc4\xc4\x03\xae\x08\x03#n\x98\xdd\x15MVR\x1cw\xbb\xa4F\x19\xbd\xbd\xde\x1b\xc3\\B\xd8ZH%t\x110\xc6\xaa\xec\x00%=\nk\xcb=\xed\xf3\x14w*p$\xb3tK\xf4\x15 \x8b6\xd9\x02\x8f\x81\xe3\x11\xc8\xf4\x91\xef\xf1o\x87\x02\xcf\xd3P\xb5s\xecW\xb1Z\x15\xd1\xf0v\xb2\xaf\x1c\xa8\x83\xf1\x10\x1e\xab\xcdE\xa1\xea\xafW\xed\xcf\x9f\xb0\x07\x81UN\x89\xd0\xa2\xe0H\xb8\x82\xed\x00\xb0W8\xca\xff\xce\x13\xd0\x91\t\x0e\x15\xb1\xa1\xffK\xea\x00\xe4\xcfk2\xbcG\xe2\xe9X\x06\x14\xef\xcbL@\xd3\r\x04\xb6\xe8c\x9f%\xcfl\xd0\xe2)\xc2W\x18\xb2]\x94\xb8\xc9\x1a\x0c\xcf%[\xce;u\xf3\x87\xd6fL\x96sp6\x11\xd7+\xed}nn\xe0\xd7\x95#o\x1c\x03R\xcd\x85P\xbe!\x8a\x14N\x19=&lt;\xb8&amp;\x9d\xecP\xf2\xeb\x9c\x18a\x8eG\xde\xcd\xc1I\xbe72\xa0dt\xb9C#\xac\xb6\x07\xde\xe3\x9d\x1f\x7f\xde\x0e\x96|7\xc7\xce&gt;\x8f\xc2{\xf4\xd9\xfb\xa3\xbe\xd1=\xe1\x11\xc8\x81]\xa4[b\xec\x16Z\x80\x88p\xab\x99\x0c\x9f3e\xectG\xdcs/)?\xdfGk\x12\xae#\xf2-\x7f(\r\xde\xea#rH)\x92{\xfa\xfc\xf4\x16\xb4\xee\xe6\x84U\x17\xa9\xa3{\x86\x87\xbbP\x7fs\xd4y\xbf\xfe\xda\xd4\xb6\xe7^=&gt;\xc6\xd6\xbe\xbfK\xfa\x1a\x9b\x84\xc7k\xcd\x9cs\xb4\xb8\xf1\xfe\xcc]z\x1e\xfe\x18Q\xb7HL\xb2C\x99\x04\xe9V\xcc\xa4Bi\xc4\x82\x1a7r\x00\xc2?w\x8fo\x85-D\x85N\xbc\x928\xfa\xb1\xa5L\x1c\xe8\xb6\x1f\x8b\xcf\xc5\xc1\x92\xa4i\x1a@\xa3i\x9e8\xeb&gt;\x19\x14\xb0\x8c\x8c\xf7\xe3[\xf8-Q\xaf7l/\xdf\x921\r\xc3\x8a\xf55&lt;*\xed\xed\x05,\xcb\xa4T$[\x13W\x16\xd0 \xc1\xcb\xddz\xda&amp;\xc8ZO[\x13Be\xbc\x18\xc1z\xfc/C\x80\xf6\xd6o\xc1\xe5\xc6\x137\x99.^\xa7\x89\x132\xa8x\xb0\x1d\xab\x1d\xde)\xc7\xac\xaf\x126\xeb\xe7\'\x15BSO\xa6\xab\xf0+\xcf\xc2\xb9\x1f\x843\xcb\x12\xc6Od\xb8\x02\xdd\x0f6T\xd4x\x8b[\xc1\x83"x,\x96\ny|\xb0\xfe\xcc\x0c\xba\x92X\x86tR\xf0\x1b\xffio\x10\x86\xc4\xf9\xa5\xaa\xed\x82\xd5\xe8\xec8\x1de\x1f\xa2\x0e\xcd\x08h\x13\xa8\x82\xf8\xc7\x8c\x04\xfc\xa1\xff\x9c|\xa9\xfb\x858\xe6\xf5\x8d\x91\xc3\x9c\x87\xc7a\x95x\xff\xeeS\x9c\x80\xab\xf3\xabE\x00\xa2\xc1\xedk\xab\x86HQ\xcc9!m\xd8\xdd?\x99^\xf9\xbbG\x92\xd3\xce\xb4?\xb2x\xf5\x14V\xe6\x1e\x07\xf6\xfd\xbb\xf3\x93\x89\x1d_\xf3ES\xda\\\xed\xf0\xb2\xd2\xe8\x7fi\x84\xff\xca\xf8&lt;\xb3Jl3\xcf\xd9\x96{3\xd9\xa1\x03\xfb\xc6\xa2/\x8f\xf4\x1b\x12\x10\xc1-\xfc\xc9|0\xb7\xb7\xb2/c_Y\xb8\x08\x91\xdfw\x92\xfadH_;q\xdfz\x86\x84\xed6\x1e\xd2\xf2V\x85\xc5\xd2S\xe0\xf4\xcf\x05(\x08\x04t\xb7\xa1\xfdfY\xfb\xf3u\xea7\x16\xb6\xe5\xb1y\xf2\xe1\xbd\xc1F\x9c6e\x8fP\xb8SDZ\xf2N\x18]p\x15\x8cn\xefb\x7f\xeb\xddd\xe7\x06\xae\xf1\xb2i\xdc\xa6D\xde\x14\xba\xa8\xba\x9d\xbd\xaf\x8e\xc3\xa0\xcf\xfeL\r\xaf\xd5\x12U\xd3\xff2\xaf*\x9bX\xed\xec\xa5d\x07\x84~\xe7oQFb\xe2\x90\xf0\xce&lt;\xf8\xa7\x89\xed\xfb\xd1\xac\x82\xc6\x01\x08\xd9\xce6M\x9b\xe5\x1a&amp;4C\xd0wl\xf6\xa6}\x84;s\xa0\xb1\x89$\xa8\x83\xcd\xb0\x14\xe6\x86)\x97\x9a\xca\x0e\x1a\x8b\xe3%\xf9\x93|bx\x08\x14\x13\x19\x81\xce\xce!\xe2\x89\xa1Z\xa7\xc1_\xe7\x9f\x99\xff#\x1b\x13\x98\xce[\xd0qX\xb5\xda\xd6\x8fp\xf8\xca\xb0N_\x01\x03\x9f\xbb`q\xe9R\'\t-\x1bDI\xa5&amp;\xf2\xf1DXY\x9d|\x06\x1b%L\xd0"\x84;\xa5F\xdc@\xc4\x165u\xc9L\x8e\\\xab\x9e\x94=a\x84\xe2;\xc7\xff\xb0\x15P\xa3\x90\xf2\xad\x1d\x86\x15\xeee@aX[h\x02\x19\xea\x8a+\xb3a\xc6+\x0b\xeeD&gt;\xa0\xa6\xac\xcc\x8e\x19\x05?\xfdFH\xb2\x9d\x90\xaa\xc9\x85\xe4\xcb\xfec\x85:\xf6\x05f\x17\xf5\xa4\x90\xc0\x12i\xa8\xffTM{\x06\xfb\xc5\xf5\x94\x84v\xaf\x91C\xbb,\x15\xc7 BKp\xd6=\x19\xb0\x95\x19\xe0\x0b\xc4\xe5m\xe6\xbdvW5u\xa7\x9a\xf3WB:An\xbe\x18k\xea\xa00Z%\x9b\x82o&gt;%\x99\xf2V\xa0\x98N\xc7\xae\x14t\xb13N\x0c\xc7\x80\x08\xc7\x0e.M\xf6\x13E,\xcd\xaa\x8cy\xbcl\x0c\x89\x16\xffZ\x0f\x99\x07\x82JD\xb2NL_\x01\xc0`\xe4\xc2yv\x91\x06\xe7\x11\xc3\xf1\xce\xac\xd3\x05\xae4\xa1\xfa\x8f\x86\x13\xc9\x1a?DI\x0b\xd5\xf9\x18\xa8\x11'</t>
  </si>
  <si>
    <t>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</t>
  </si>
  <si>
    <t>b'\xa6GG\x86\x82yx2,0\x00} \x97\x05\x1e'</t>
  </si>
  <si>
    <t>nlarged on each side till you 
 might almost have called it a round-house. Very low it was still, of 
 course; but there was room to swing two hamm</t>
  </si>
  <si>
    <t>b'\x82#\x92\x7f\xb1\xd0\xdbH\xfa\xcc&lt;\x81\x87rD\xf2\x0f\x94S"\x95\xb4FjM\xa8K\xd8Q\x98\xfc^3\x1cAY\x06\xb8\x98g\x94\x0eRf\x90\xfeu\x8e\xca\x96\'\xf3@e\xa7\xa9\xb5\xddw&lt;\x0e=\xa0\x85\x92\xd6\xcf\x06\xd1}\xf1\xce\xd5\xc4\x94\xe16\xca\xf9\xaaQ\x9c\xce\xe4\xa3\x0eGa\xfb\xbbt\xf9~\xb14\x01\xe1,:\xbc\xf9\xfdk\xe3\xe0\xb4\xe5\xd2U\xfa\xeb\xae\xc8\x85\xfa\x9f\xa2d\x9e\xbe]=\x9e\xdc\x11\xe0\x11\xac"h\xba\xd9\xae\xe4\t[x\x89\x86\xe5^\xda\xed\xc3\xc6\xb3\xb96\\\xd7)\xbe\x84\xd9\xf6\xb55r\xa5\x01\xde\xb2\'\x99\x04t\x84u\xc3\xe1\x10Ik0\xc5\x80G\x8f6\xafGk\xd3\xd9C\xbc\x08\xeav\x95H\xea\xf5\x96\xdc\x06b\x89\xa2\xfd7 O\xfd\xab\x11]\xa0\x0c|\xb2 j\x95\x03)\xcc{\x1e\x16\xe6\x9e}\t1\xe6\x8fS\x15\x83\x96axD/w&lt;\xac\xdag\xc9\xb6\xeeW\xb7cXg\xbew\x07m\x89+\x05\xb7'</t>
  </si>
  <si>
    <t>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</t>
  </si>
  <si>
    <t>b'\x82#\x92\x7f\xb1\xd0\xdbH\xfa\xcc&lt;\x81\x87rD\xf2'</t>
  </si>
  <si>
    <t>, two or three things had happened which 
 require to be known. 
 57
  Mr. Arrow, first of all, turned out even worse than the captain had 
 feared. He h</t>
  </si>
  <si>
    <t>b"\xae\x87\x9d\xb6Z\x97N\xae\x02\xcd\r\x97$\xbf~\x07\x97t\x83t+\x93%\x87\x0f\xb6Q\x07Pzld\xc4w*CCf\x120\x02\x10\xd5\xfa\x0c\xa1\xaf9\xcc\xfa\x8e\x0bt\xbew\xcf\x88&amp;\x1e\x0f\xd2M[\x82\x04su+\x91~Q\xa4\xfb\xa43sf\xdd\xa8*j+\xba4&gt;J@\xbb\x9e\xe3\xdc9\xd7\x01\xb5\xddr&lt;Kl&amp;\x92\x8d\xa4\x87\xbb\xf6\xfb\x82\xa9~\x9d\xd8eF^\xde\xd6\x8d,\xdd%A\x96\xfa}\xd7*\xa6?9}\xc9\xebz\xe2\x8f\xa8\xb8v$sN\xb0\xe0\xe0\xd2x\x8b\x0e\xa2\xdf.\x99\x7fry-q\x13\x87\xaa\xa4~#\xb0\x1b8\xa6\x0c\x07\xac\xb9E\xa3\x91V;']\x9dN,\xb49\x0fZ\n\xab\xea\xee\x9d\xce\x9fZ85`\xac\xc5\x12\xd7v\xd3\x04\x87\x91\x0e\xed\xdc@[\xf0S\xb2\x91Q\xae\x12\xee\xa37n^'\x9e\xdf\xcc\x86\xc9g\xe5(\xcdkw[\x01\x89\x80\xeb\x922\x98.\xdb\xb2\x93+\x15\x06\xf3\xc3\x19\xf9j"</t>
  </si>
  <si>
    <t>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</t>
  </si>
  <si>
    <t>b'\xae\x87\x9d\xb6Z\x97N\xae\x02\xcd\r\x97$\xbf~\x07'</t>
  </si>
  <si>
    <t>statues from the local cults of
ancient Greece (3.13â€“14). The Brahmans converse like sophists and speak impeccable
Greek (3.12, 3.16), they sing a paean of Sophocles in a levitating chorus (3.17), and
they keep in their dining room a statue of Tantalus in Argive dress and a Thessalian
mantle and Pythian tripods like Homer described (3.25, 3.27). The Brahmansâ€™
wisdom primarily consists in their transcendent knowledge of Greek culture, which
enables them to interpret Greek mythology, morality, and history (e.g., 3.19, 3.22,
3.25, 3.30â€“2). Author and reader understand the exotic landscape and its people in
terms of their own traditions. As in the case of Lucianâ€™s fantastic journey, Philostratusâ€™
fictional history of the Indian travels of Apollonius transports the reader to a distant
land. In fact, the reader is never very far from the classical library.
Heliodorus, like Philostratus, preferred to view exotic peoples not as savages or
curiosities but as cohabitants of a polyethnic world (see in general Bowersock 1994:
48â€“50; Whitmarsh 1998a). The Ethiopians in his novel are outsiders to Greek culture
but sympathetic to its values. Just as Philostratus in his picture of India, the novelist
describes the capital MeroeÂ¨, which historically communicated with Roman Egypt,
both as a real city on an island of known size and as a place full of marvels, like
enormous date palms, giant elephants, and griffins (Heliod. 10.4, 5). When the king,
Hydaspes, grants audience to delegations from his subject nations, he receives as gifts,
among other things, gold produced by ants, silk textiles, and an impressive giraffe
(10.22â€“7). Despite his foreign origin, the king Hydaspes is a good-hearted ruler who
possesses Greek virtues. In skirmishes with the Persian satrap in Egypt over emerald
mines, the Ethiopian king spares the life of the vanquished general, orders that his
wounds be tended, and manages a peace settlement (9.21â€“2, 9.27; cf. 10.34).
Hydaspes in court at MeroeÂ¨, just like Apollonius in India, is advised by a council of
naked asceti</t>
  </si>
  <si>
    <t>b'g\x03P\xdf\xecwe~N)\x1bJlU\x0e\x83\xd0\x1dj\xf7k+\x8c\xd5\xdf\x8b!\x8dQ\xe67\xcb\xc17\xa9(\xedCm\xdd\xa5\xf4V\xc3;x #A^\xa9\x95\x19ku\x19F-o\x8d\x0cw\x1e\n\x0fhj\xfeG\x93g\x85\xcd"k_3\xb6\x1b\xd6\xb8fv\xa1~i\x8a\x87\x8d\xd9\xf5\x99\xdb+t\xa0u\x06\rEs\x11!\xa4\xbe\xe4b\xc1@\x8fMc\xa5\xaa\x8e\x1f\xa0V\x07s9\'\xa7\x9dH\x15\xf8\toj|\xc5\xe5\x9f\xcd{\x95&lt;eq\xe2JO\xe0\xf0\xe2\x98/\x9c=\x01\x96&gt;&amp;.\xa1%\x88\xda\xe1~T&lt;F\xacm\x05\xc4\xe9\x0cm\x0f\x13[p\xa7\xccR\xa4\x84\x8d\xba7.=/\xbc\x0f~\x19\xe0x\xebq\xf3\xd1\xcf\xf4}\x8c(\xddfj\xdb9\xc8\xb5\xf0C\x03\x9f\xf8:\xe4I\xc1\xcb\x18\xc1&amp;0d\xdc[\x9e\x89\xdbx\xf5P\xdf&amp;\x8c\xcas\xb8\xae\x8f\x92(\x94L \t-\x00\xf6*-\x19;E&lt;3,t\xc4\xc2\x13\x83\xec\xf2tu*E)\x17\xde\xc8\xc5D 7\x15\xba\xc6R0\xf5|\x9d\x02\xe8\xcc+g\xf0\xfe\xa2\'\xa4\xc6a\x05\xc5P\x0b\x1f\xecM\xeeNn\xb3\x913\x8d\xc3Y\xe5z\x87\x87\xda+\xf8csNvK\x11\x91\xac\x8a!\xdb{\xd5\xaa}\xb0S]\x14\xcb\xe6^\xcc\xc1\xdd\xac\xd1\xfd\x0e|UuS\xed\xccDh\xe0g9\xf0\xe2\xf7}o:4\xfc\xeb\x8b\t\xef\xce\x17/s2\x17\x8e"\x8e\xe0H\x08j\xb7\x8c: \x8d\xf2Y\x1f\xee\xe7\xca?\'\n\xe3I\xb2\xa8\xd1\x98\xe6j8\xb3\xda\x81F\xa4\x02\x99K\xe2a\xdaB\xb4\xa5\xc4o\x89r\xdf\xc4\x99"\x9d\xd9\x04\t\x1a\x19\xe5\xb5(\xeb\x89.\x90\xf2\xe7\x02\xfe\xa1\x1d\xb0@\xd7,\xdaJ&amp;\xba\x12\xd8R\x99\xad\x1d\x10\x974-\x83e\x93l^\xee\xd10\xbc\xbc4\xd3\xac\xf9C\xf4\x8e\x06\xd3\xfc\xfdc\xb4\xb0\x05\x08\t\\b\x11*\x80\xa4\xcad\x1e4\xc8t\xfe\xaf*\x8eBAk\x96\x1f\x84[T)\xc6\xd1\xdaI\xc7G\xa4\x83\x1b\xae\xb0\x1e:i\xb9\xe9\x8d*.A.\xb7\xdb[\x06\xc5\x96\xa6\x92\xdc\xb2XU6\xcfE5\xdd\x8f\x92\x9c78\xb5S\xb5,v\xfe\xdai_\xaf\xb8C\xac\x1f[\xaf\x9c\x99Z\xe9"s\x95Q\x94\x99N\x19|.C&lt;\x9aE\x18`S\xd7\xf6xl\x96\x7f\x03,\x84[\xcf\xd4i,\xe3\xad\xdf|\x8b\x91^\xcb)\x0f\xf04\xfa\xecO\xdev\x94\x8d\x1f\xcc\xe6\x19\xa1\x88\xad\xf2\xba\xdc\xee\x9f\x1c2\xf3t\x13\t\xdbw\xe3\xb2\xc3\xf4\x19\xd9Q$\x8b\xef\xb2\xe5\xcc8!\xa80Wc\x7f\x94\xd2\xa5X\xf3X,\xd0\xca6\xe4v\x88r\x87\xef9\xdeF\rQ*T\xdcZj#CT\xc2\x1e\x03\x8c\x03\xcaVl1\x9a(/\x89\x1a\xda^#\xdc\x034\xb2\x15\xcc\xbc\xe9\xa9\xf3&gt;\xa9\xb3\x1e\xfd(\x8f\x9b\x90k,\x97`z\xe4\x1b\xfdn\x8cQ\xf6\xe68\xa8\xf0\x9f\xed\xfc:\x7f\xb3\xff\x19\x9b0\xf0P\xc9]\xea\xbb\xba\x91\xa8\xc4\xcb$\x82\x8c\x16&lt;\xfe\x9f0\x98u\x80\xa3\x90\xa4\xa6\x18N\x12`\xdd\xfbi\xffz\x0bM\x01\x19\xa4\xee\x7f\xbc\x06\x81\xbf\xdf\x92h\xa2\x0c1D$\xe4\xa1\xc8\x07J\x11\xb4\x9b\x14\x94\xfa\xc0\xc1%\x86\xb2$1\xc9|&amp;\xe2Y\xdd*;\xd3&amp;\x18\xd0F\x7f\xea\xa48\x8f\xab\xc9\xec\x8c\xd0P\x9d\xbc\xa0\xc0v\xdd$\xb0\x17\x9cC\xd7=\xabr\x96\xdc\xdc\xe1\x95\x97\x92a\xfc\xb8g]\x96\x9fd\xabI\xe0\xb2B|d\x13\x0c9l(\x06=TL\xfd#r\x97\xe5\x8e\x1d\x1f3J\xde\xf7\x0fG\x82r!L\xfb\x04\x08(*."\xc4\x1e\xb5\x18\x8dG#K\x07\xea\x1b\xd1\x97QC\xd6\n\x16\xfe\t\x9e#\xab\x9fT\x8a\x8c\x1d\xae\xb0\x13Q\xeb\x1b\x80\xf6\xa6;A\xe4\x7f\xbe!S1\xa4Q\xf5\xfc{\xcc\x99\xa3\x1a\xb1\xb6B\xc7\x0e\\\x9fp\xe3\xe8{\x19_\xdd\x01D.\xbf1\x90\x9d\xd7\x8a\xa4\x85\x00US\x19\xb5\x15R\x17\x97\xe8\xe7\x92\x12\xe5D\xb7&amp;\xe6.\x95\xc8\xba~\xfeM\rr\xd6\xd1\x86%\xd3\xea\xcc\x8e\x161\x84\xf1\x0bA\x08\xd0%\x0b\xb7=\x18\xdd\xd2\xc2$\xc6J\x15\xe7U\'\xab\x99Q\xa4&lt;\xdb3\xd97&gt;\xc0\xbe\xae\xce\xa3m;\xb2\x1d\x1f\x02ww\x0cO\xbc\x9c\xd9C\xae\xd2$5&lt;\x97\xa7#\xea\x14\xa5\xdbfSc\xbb\xcf\x13\xe7\x13i\x7f\xad\x81\xdd$\x83\xef\x16*\x90\xb3zp\xb5&gt;4\xf4Z3\x8d\xee\xcf\xb20\xf7\xect\t\x1a\x10dB}\x1a5n\x07\xc6=c\x83\xc7^\x98B\x97x\\\xb8\x9e&amp;V\x1b\xde\xd7\xc7\x0f\xd7\x07z\xc8\xaedQ\x00\x15\xe9\xbd\xcd\xd0x\x85{F\xd0\xa0V\xb0\x1e\xd4z\xb2UVzE)4\xd5&lt;\xc5\xe6!\xcd\xcc\xc1\x19\xce\xc1\xe5\x9b\xb9\xb7\x9b\xa1t\xb3`\x8b\xd2=\xd6\x85\xf0g\xe6\xa0\xe5\xcd\xbf#\x1e\xab\x11\x97\x18\x96il\xbe1\x97*\xea\xce\xc2E\xa1\x8fy]+\x7f1\xb2\xfd\xe6\x89\x10\xf1\x11\x9b\x1eN\xb1\xaav\x0c\xbe\xe9\x9d\xd7\xf0\xd4a\xb1\x9c\xe3\tz\x944%jao\xb4N\xb0i&gt;,Z\x84\xb5=Z\x83\x84\xc2c0\xd3\'M\xccW\xffL\xc7\xb5l\xae*\xec\xfe/\xa0\xa4\x880:\xca\xf9x\xc0G\x81G\xe11\x83\x8dE"\xae\x07\xe9\xa9\xea\xe6\xc0\x84\xa5j\x07(X\xe2 $\x85\x967\x957,\'V\x1b\xbdq\x86\xbb\x8f\x96\x88C\xee\xfa\x9f\xb2\xb4\xb5\xdcuo\x00o\xc2\x0e\xa9!\xd1\xeaR\xfa\xba\x9d"\xf5_\x87\xef\xca{\x81O\xb1\xe7\x7f\xbc\x93\xbb\xb6\xda\x96\xc4\x03\xb2K\x9e\xa9\xc6V\x1d\x1d\x9a\xb0\xc9\\\xb3#\xc1\xa2\xc1@\x8aE\x88\xd3-.\r\xf2\x80\xec\xc3an\x89-\xb9\xc0\xf2F\xae\xf7\x1d\x1fXS\x11z8rj\x8bi\x98\x9f\xafI\t\x9d\xe4p\xf5\x90\x046\xb4\xd8\x8c/\x92\x91\xce\xb9\xbcZ\xb2\xa8\xfa\xcf\xa6p\xb2\xe8\x95i\xef\x08\xfc\xca\xdc\x9f\xfdV\x01`w\xb3\xd9\x0c"\x024V\x17\xc0\x8a\xc7\xb3\x8c\xe37\x883\xe4\xff\x9d?\xcc\xb8\xf4x\xca+A\r\x0c9\xf4\x99\x00\xd0\xb8\xf3mu\x9a\xaa\xeb\xe7\x82Vg\xda\xed\xb8\x179l\x98\xf4S\x0c\xb5\t\xdc\x9f\xa2\x17\xfa\x9b,\x8a9u\x84A\x13\x14\xde!9\x13;\x9aI\x8e\x1e\x92X\xbf#\xce+Xd\x1a\x8dl\xa9\xd6Q\x1b\xd0\x86&gt;\xe5\x8f@9\xb2b\xe3\x08k\x00\xf6z\xd4\xea1P\xf4\xe6\xa8$0;\x04\x84e\xcdc&gt;\xf6\xac\x1c\x878\xe20J\xfc\xe91\xb4oS\xab\'\xb2\nc\xfb\xb8\x0ee\xf9\xd3\xda\xf9\x0f\x92o\xdcU\xe6\x93\x08\x15|\xd6\x8e\x97\xaf\xa4\xf4\xa0T\xb4s\x1d\xb9\xedY\xe9\x91\xc2\xdej\x1a\xc6\xb5`\xcb\x9d\x89\x93d\xf2*\x16mB\xf11?\xc2A\xcb]\x8dj\xfbpFa&amp;\\\xd8\xa8|\x99\xbd\xc8[\xbb\xdfD\xec2\xeb\x8e\xa3\x90\x11\xb41\x1c\xd3\xe6d{\xe5\xe0\x9e\xe8\x9b\xeaOq\xa0R\xff#\xc7*\xdc\x0b\x83\xd7\x048t\x86@\xfa\x7f\x9cC\x84\to\x10\x1f\xe3\xca\xac8&amp;\x1dI\xe7VY\x02\xe0!\xeb\xfd!\xc0\xc6\x84wki\xcf\xb7\xf7\x83\xb9\x0cn^\xbf\x81\xd1HH\xc5\xbfo\x174\xc3\x986\x9dI\xa4\x01\'l\x06\x12\xbe\xff91\xf9\xc8\x062\xc2T\xc8\x1a\xfa\xe3H\xee\xbb\tR\x96\xef\xd6\x1e\xf7\xa2\xceEv\xc80\xd3\xb7\x1c\x0b \x82\x19\xb7\x9d^\x0fSbonS\xf4M\xe0\xa6\x7fL\x05\xa9\xc5jx\xbc\xf6\xb8\xe2r\xb2\x8a\xb7\x84f\xa0 \x9a\x84\xeb\x16\xc7\xc4\'W\xff\x88\x9f\xb8\x8d&amp;\xfd\x87 E\xd0\xa1Chev\xed\xd7\xc0G\xf8.\xd8?\x0c\x13\xc3\xaf\x12\xf3!\xb3\x86\xd5\xb4U\x13\x82p\xfe\xd7:"\xf5\xbd\xbeG\x02\x1e\xffMiO\x9cN=q\r:\xa7\xd0\x18\xd7[A!\xc9a\xb8F\x0e\xe2\x8e\x1axs\x08r\x10\xdc\x9c\xce\xb0\xcb\xdb\xf4\xb5\x9d \xa6+\xb2\x03\x96\'y%&amp;\x06vs\xe4\tP\x13\xf61\xb9\x8b\xc8.\xac\xfe\xa5\x00\x9b%&lt;\n\xf6\xbabH\xec\x9c\xc0\xeb\xf4\xd8\x9f\x1a\xf8\'\xf5M\xb0\xd7\x0e\x89\xa2:5jT~4|\xfe]|\xab\xd0\xb4W\x92B\x95=\xc7\x91&amp;$\x18\x95*|\xb4V\x7fs\x1b\x94\x13\xcaO\xfe\xaf(\xf4?Z\x89\x87\xdfF\xc7A\xcc\xf5@@\x8f\x0c\xbd\x9cb\xb0\x8b\xf2\x9d\x84\xbc\xc9'</t>
  </si>
  <si>
    <t>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</t>
  </si>
  <si>
    <t>b'g\x03P\xdf\xecwe~N)\x1bJlU\x0e\x83'</t>
  </si>
  <si>
    <t>that diodes can
 5Unless otherwise stated, we use the term â€œbias currentâ€ to refer to the collector bias current.
 140 Chapter 4 Physics of Bipolar Transistors
 VCE
 I C
 VBE = VB1
 VBE = VB2
 VBE = VB1
 I C1
 VBE = VB2
 I C2
 + Î”V
 + Î”V
 g Î”V m2
 g Î”V m1
 Figure 4.20 Transconductance for different collector bias currents.
 be reduced to linear devices through the use of the small-signal model. A similar benefit
 accrues if a small-signal model can be developed for transistors.
 The derivation of the small-signal model from the large-signal counterpart is rela_x0002_tively straightforward. We perturb the voltage difference between every two terminals
 (while the third terminal remains at a constant potential), determine the changes in the
 currents flowing through all terminals, and represent the results by proper circuit ele_x0002_ments such as controlled current sources or resistors. Figure 4.21 depicts two conceptual
 examples where VBE or VCE is changed by _x0003_V and the changes in IC , IB, and IE are
 examined.
 Q1 VCE
 Î”V
 Î”I B
 Î”I C
 Î”I E VBE
 Q1
 I Î”V Î” B
 Î”I C
 Î”I E
 (a) (b)
 Figure 4.21 Excitation of bipolar transistor with small changes in (a) base-emitter and
 (b) collector-emitter voltage.
 Let us begin with a change in VBE while the collector voltage is constant (Fig. 4.22).We
 know from the definition of transconductance that
 _x0003_IC = gm _x0003_VBE, (4.49)
 concluding that a voltage-controlled current source must be connected between the col_x0002_lector and the emitter with a value equal to gm _x0003_V. For simplicity, we denote _x0003_VBE by vÏ€
 and the change in the collector current by gmvÏ€ .
 4.4 Bipolar Transistor Models and Characteristics 141
 Q1 VCE
 Î”I C
 Î”I E Î”VBE
 = g m Î”VBE
 I S exp VT
 V
 VBE Î”VBE BE + Î”VBE
 Î”I B Î”I C
 VCE
 g m Î”VBE Î”VBE
 E
 g m
 B C B
 E
 v Ï€ Ï€v g m
 B
 E
 v Ï€ Ï€v r Ï€
 C C
 Figure 4.22 Development of small-signal model.
 The change in VBE creates another change as well:
 _x0002_IB = _x0002_IC
 Î² (4.50)
 = gm
 Î²
 _x0002_VBE. (4.51)
 That is, if the base-emitter voltage changes by _x0002_VBE, the current flowing between these
 two terminals changes by (gm/Î²)_x0002_VBE. Since the voltage and current correspond to the
 same two terminals, they can be related by Ohmâ€™s Law, i.e., by a resistor placed between
 the base and emitter having a value:
 rÏ€ = _x0002_VBE
 _x0002_IB
 (4.52)
 = Î²
 gm
 . (4.53)
 Thus, the forward-biased diode between the base and the emitter is modeled by a
 small-signal resistance equal to Î²/gm. This result is expected because the diode carries
 a bias current equal to IC /Î² and, from Eq. (3.58), exhibits a small-signal resi</t>
  </si>
  <si>
    <t>b'Xu\xbe\xb5\x89\xf0\xbe!j\xf1\x1a\x1c\x16Y\xb0\xf6'</t>
  </si>
  <si>
    <t>5875beb589f0be216af11a1c1659b0f6</t>
  </si>
  <si>
    <t xml:space="preserve"> parthenocarpy, e.g., in
tomatoes. They are widely used as herbicides.
2, 4-D, widely used to kill dicotyledonous
weeds, does not affect mature
monocotyledonous plants. It is used to prepare
weed-free lawns by gardeners. Auxin also
controls xylem differentiation and helps in cell
division.
13.4.3.213.4.3.2 13.4.3.2 Gibberellins
Gibberellins are another kind of promotory
PGR. There are more than 100 gibberellins
reported from widely different organisms such
as fungi and higher plants. They are denoted
as GA1
, GA2
, GA3
 and so on. However,
Gibberellic acid (GA3
) was one of the first
gibberellins to be discovered and remains the
most intensively studied form. All GAs are
acidic. They produce a wide range of physiological responses in the plants.
Their ability to cause an increase in length of axis is used to increase the
length of grapes stalks. Gibberellins, cause fruits like apple to elongate
and improve its shape. They also delay senescence. Thus, the fruits can
be left on the tree longer so as to extend the market period. GA3
 is used to
speed up the malting process in brewing industry.
Sugarcane stores carbohydrate as sugar in their stems. Spraying
sugarcane crop with gibberellins increases the length of the stem, thus
increasing the yield by as much as 20 tonnes per acre.
Spraying juvenile conifers with GAs hastens the maturity period, thus
leading to early seed production. Gibberellins also promotes bolting
(internode elongation just prior to flowering) in beet, cabbages and many
plants with rosette habit.
13.4.3.3 13.4.3.313.4.3.3 Cytokinins
Cytokinins have specific effects on cytokinesis, and were discovered as
kinetin (a modified form of adenine, a purine) from the autoclaved herring
sperm DNA. Kinetin does not occur naturally in plants. Search for natural
substances with cytokinin-like activities led to the isolation of zeatin from
corn-kernels and coconut milk. Since the discovery of zeatin, several
naturally occurring cytokinins, and some synthetic compounds with cell
division promoting activity, have been identified. Natural cytokinins are
Figure 13.11 Apical dominance in plants :
(a) A plant with apical bud intact
(b) A plant with apical bud removed
Note the growth of lateral buds into
branches after decapitation.
(a) (b)
2024-25
PLANT GROWTH AND DEVELOPMENT 177
synthesised in regions where rapid cell division occurs, for example, root
apices, developing shoot buds, young fruits etc. It helps to produce new
leaves, chloroplasts in leaves, lateral shoot growth and adventitious shoot
formation. Cytokinins help overcome the apical dominance. They promote
nutrient mobilisation which helps in the delay of leaf senescence.
13.4.3.4 Ethylene EthyleneEthylene
Ethylene is a simple gaseous PGR. It is synthesised in large amounts
by tissues undergoing senescence and ripening fruits. Influences of
ethylene on plants include horizontal growth of seedlings, swelling of
the axis and apical hook formation in dicot seedlings. Ethylene promotes
senescence and abscission of plant organs especially of leaves and
flowers. Ethylene is highly effective in fruit ripening. It enhances the
respiration rate during ripening of the fruits. This rise in rate of
respiration is called respiratory climactic.
Ethylene breaks seed and bud dormancy, initiates germination in
peanut seeds, sprouting of potato tubers. Ethylene promotes rapid
internode/petiole elongation in deep water rice plants. It helps leaves/
upper parts of the shoot to remain above water. Ethylene also promotes
root growth and root hair formation, thus helping the plants to increase
their absorption surface.
Ethylene is used to initiate flowering and for synchronising fruit-set
in pineapples. It also induces flowering in mango. Since ethylene regulates
so many physiological processes, it is one of the most widely used PGR in
agriculture. The most widely used compound as source of ethylene is
ethephon. Ethephon in an aqueous</t>
  </si>
  <si>
    <t>b'\x82\xf94K0V\xccX\xb2\xe8\x86\xf2W\xd0\xbb\x91\x13+\xe0\xde\x9eU\xaf\xcc\x90\x8c\xea\xcd\xc0v\xfb9\xb5\xcb\xf6y\xea\x00\x18\xc0\xe0\x02\x9bI\x86\x0c\xc2B\x9d\xc5k\xcc\x17Y\x0c\xfa\x96\xd7mC\xea\xf6\x86=T[\xe4#\xd6\xd9PF\xb6a^\xa6\x91\xc6#\xc5\x97\xc6\xb4\x10\xfc\x9b~\xc1l\xc3\xf5\xe54:.\xe9\xbf\xd2\x9eG\xa1k1k\xe2\x0c\xac\xfd\xb4P\x85\xafv\xbe\x1b\x1a\xe2\x82\x0e\x83\xb6\xc7\xdd\xa6\xca\xcf\xc3K\xffk\x85\x12\xa6\x07\x85\xb88\x0fmL\xdb%\x1c\x9bh\x7f\x84\xac\xdd\xcf\xb8\x15\xc5\xba\x87\xed\x08;\xba?\xf7\r\xfb\r\xb3\xe7\xf1\xe5\xfa\xaa\xd0\xc2\xdb\xa3\x9bx\xe1\xa5\xe2\x80Bo6\xees7\xd5W\xe8\x8e\xedX\xf9\xde\n\x16t\xcay\x16\x036\x7fo\xe8\xb9\xad\x82\x9dX\xd5W\xe5\x8c\x98xf/"L=\xc5\xe5^\xc7J\x8ceC\xdf\x94\xd1\xfc\xf4\x7f&amp;\x18\xcciMw\xe8\xc2Q\xe4\xfa\xe8g\xdc}\x9a\xae\xaeel\x11\xac\xa1\xa6\xd1q\xe7\xbf\x11C\xab\xb8~\x1c\xech\xb0E\x80\x12h1\x93\xd8\xc9\x06-8\x15\x1f}\xfa\xc10\x17\xec\x94\x1f\x9b5\x9b\x1e\xb8\x16e\xac,!\x15\xc3\xe9\x8f\xe9j&gt;\xa2\x8b\xfbv\x03\x05\xd4\x8c\xc5r\x1b\x050\x88rh9\x82\xf0\xd4\xf1h\x0f\x0fG\x1bq$\xb3\x81\xdaR\x99G\x8a\xea-\xa5\xb8A\xa1k\x88 R]pd\xe4\x95\xa4@^\x12uCp\x8e\xb3\x82\x03\x85\xaf\xe6JD[\xc6\xbd\xa7\xe9\x01\n\xb8\xfaYhEv\x9a\xc7\xaa\xf7\x90p\xcc\x86\xd8\xabh_h6\xdcg\xe7\x06\x80\xb1\xcd\x96\x19\x9e\xd3\x9a\xe2|\xc7\xc2&amp;\xd9\xdcO\xd5\x02W\r&gt;\xef\xee\x10}\xac\xca\x18\x9d\x89\xf2\xdc\xdaq\xc3w\xd2\xbd\xb7yX\xd97\xde\x8e\xe5\xfefe\x85\xdb\xebp~\x89\n#\x06\x10\xcb\xfc_\xc4\x98\xe3\x10\x888\xce\x15!\xe2\x80\x95\xec\xdc38\x06\xf6\x15\xe3\x07\xa5\t\xa0\xe6!\x82D\x8a\x9f\xa1\x96\xe3\x03+\x13\xa1\x9e\x8eY4\xd4\x8fY\xbd\xde\xa3\xfe\x04\x17]1\xc2\xbb{\x0fH|\xfc\x0eOK\x04\xd38\x8eYx\x94l\xe5\xe9V\x17\x0b\xed\x15h\xf4\xe0WR\xa8(WA\xd3~\x93\xff\xda\x8f\x03\xf0\x0c\xb9\xafo\xe6\xc9\xad\'\x1f\x86\x05\xdb~\xfaI\xb5\x00\x8f$\x99D`?\xe6\x06\x87\xd5&lt;\xa4/\xc5\x91\xf4X\xcb0\xdb"c1\xae\xf3?s\x98:\x01\xbe\x12\xc1\x96Y\xb6\x9e\x9d,\xadj\x90_\x8f\xe9\xd0\x9f\xc9:\x86\x04Y\x91t\x97\')^(\xb5\xf2\x8c*\x13\x07\xda:1\x10\x1f&amp;\x90\xc5N\x9a\x86a\x0b6\x9e\x1ei\xb3&gt;\xba\x13\xb3\xadk\xfeG\xec\xbb\x15\xb5`ZA\x18y\x0e\x13\xc5\xdflF5\x84\xb8Z4r}\xb2\x9cQ8\xa0\x1d\xd3&gt;/\x94\xc5\x87\r\xd7=\x10\xac\xa8\xb3\xb13\xe7\xf9\x13\xccay%9\xc2\xa5\x1c\x811+U)\xcc\xb6\xf8\x1er\x9d5PT\xa9\x12u\xf0\xa7X6\xc6\x1c/W\x8d\x9b\xc3/\x1be\x85\x9d\xe9\x0faa;\xd3\x9b\xde\xa9Np\\C\xe5f;S0s\xf3\xa7\x95\x82\xe6\xbb\xf6O~\x0f\xd8u\x9a\xc6o\x9c\x97\x05\xa6\x11\xe2\x8c\xe4p\xd3\x18\xda$5=\x13\xfa\'e\xd0G\xd3S5\x16:AG\xf3Ra\x1f\xd2\x97[NK\xac\x16\x14\n\x1e\xd3x\x91@\xc5:\xe6z\x16\xdb\xef]\xcb:\x84\xcf\x01\x99E\xd1x\xad\'\xb1\xb8/\x9b\x1fl\x80\x8f\xbdk/\x15\x04p\xca\x98-\xfb\x1b\xbe\xc9i3Iz\x80\'\xd5\x03\xb3Q\xe0;%\xd4\xca$\xce\x8a&lt;\xb9\xdfIt\xca\n\x1b\xfb\xf4\x97\xc6\xaaOA\xc0\x82\xb5RH&amp;l\x03i\xb2{\xb9`\xa4\xbfOW\xa7&gt;c\xf9\xc7\x80\xa0k/|\xfa\xb2\xb4\'\xc6qe\x19\x9dM\xcc\xb0\x89\xf2y\xcel\xe1\xa9~q\xde\xe5\x1fv\x87\x8ba\xcf\xd8qj{\xa7Z\x8d\x05\xdf\xbc\xf9\xa2T\x99\xc7\xf7\x8fxm\xff\xb0\x9f\xdd/\x15\x9dd\x05\x08\xa4\x11=\xba\xd1\x16H;\xae\x07}\xa0J1\xec\xc01\xcf\xabF\xeet\xddqL&lt;p[`\xc52\x18\xd8\xb6;\xc0\xc18\xdc\xa1p&amp;\x99ZG\tdr\xc0\xb0\x16\x05\xa6\x11fc\xc1\x12\xf8H\x8f\x08I\x863t\xad\x174\x1c[\xc5_\xd8\xcb\xbd\xf8j\xd9Q\xcc\x85\x93\xdb\x10\xfd\x97K\x1a\xa0\xa6\xff@A[\xad&lt;\x1e\xc5\x90\x07\xca5Zu\x03\x15j\x1bO\xc5\x04\x16\xc4\xf6\xa1/y\xb2i3\tP\xce_\x90\xf3!q\xcd\xc4\xe4\xa2\x86\xfd\x9c\xcd\x1c\xfd\xd1k\x00\x12E\x94\xea\x0c\xad\xb2\n3a W\xb9\xed\xd4\x88\x88\xb4\r\x85\x0c\xa2\x84\xeb\xec\x94\xd2H-\xd0\xa3\xfe\x814\xebI~\tq\x0f\xe3\x04\xf2\x10;\xcb\\\xe7\x19Y\x16\x00\x1d\x0f\xab\xa4\xef:\x95\xa07I\xf1\x94\x01\xcb\x17\x94T\xd6#\xc7\xea\xa3\xa6\xc0:w\xd8T\xe1n\xd0N\xf7;E\xdb\xdc\x94{x~V\xbd\x06\x9d6[C/I\xeb\xf0A\xd3\x91\x01yn\xc3\xceU\xc7\xbejW\'\xcf \xc6.\xaaxI\xee\xe9&amp;u\xbe`a;k\xbc9Lpx\x1d-\xe1\x14\xf0ni\x04QC[\x07\xf1jF\xd1\xf4\xa7\x12IEO\x9d\xd7\xf1P\x13%RS?\xe2\x81\x11#\xa9\xfd.\xb7\x15\x12\xf5\x8co\xbc\x82\xf3]C\xcd\x85l\'(\x8d\x7f8\xccb2\xdb(\xd4\x8f\xfd\xec+O\x02\xb9\xe4f\xe3\x89\xcee\xc4\x87\xd1\xdd\xffO\xc5\x19\x9d\xb6f\xf7\xa6\x89I\x84\x94wc\x0e\x98$\xfcNp\xb4zn\xcb\x081!X\xb0\xd4G6\xaa\x90j\x06\x11\x0f\xe5W\xa0y\xcce\xebu&gt;1fU\xc7~4\xb8\x9b\xd0\xa0)\xb6Y\x9b\xcbu$\xdfd\xe0\x86\xd0\xae+4\x8c\x04R\xb5dr\xdc\n\x0c\xce\xde\xe4,R\x8b\x13&lt;\xea\x97\x03\x99t\t\xe2\x0bP\xc8r\x8by\x17\xde\x91z\x1c\x10;\x9e\xc4\xcfn\x18\xd1.\x02\xbd:\xb6\xdblx\xbf\x11\x87\xe0\xfaMh\xc6\xb4\xcbt\xdf\xd2\xc7\xbb\xd1\xc9\x1fV\x94b\xaa\x05\xc1\x9eC=\xb9RV\xc8\x81\xd1|\xa6D\x84\xf3\x18\xe6\x06\x86:\xaf\xfb\x90m\x94\xe9\xd1\xe3b\xfc\xd3\xb2\x9d?9\x9a\xe74\x83.;\x12^-\x07&amp;\xd6\xe1b\x19\xa3b^\xcf\x14\xfb\r\xa8\xddh\xa9\xd68g9\xd6\x91\x02c\x87\xae\x85\x89BV\xf3\x1b@J\x10\xbc\x84}\x95\xcb\x88\x1c\xc3\xbdd\xd2$`\xc3\xa2E\x9c\x035\xa8`\x8dJ\xce\xf8+\xfc\xf9i\x1c\x10\xe5\xeb\xcfMc\xb7\xd6\xf1\xba\xe0n\xf9\xc5\xd9\xfc\xd2\xe4\xc0B\x7f6y\x9f\x7f\xc8Z\xeb{=x\xb9\xce\xff\x97\xaf\xd5&amp;\xcfj\x91\xfa?s\n\xcat\xf2\x85\x9c\x98\xbc\x08\x91\xdfn(/\xe8f\x8cB\xdc^)\x10)$\x0f\x1e@8\x01_!,`.\xec\xf4\x93\x00\xc6\xadm2\xe1\xe6\xd4\x808\x86M/\xce\x98j\xce\x87\x1a\xbc@|\x0e\xcfa?u\x1a5\xfeV_Us\x14\'\xf7sTl\x85\xe2\xb9\x13{\xa6##\x15\x87T\xb8\xbf\xf1o\xb7\xb5\x02B\x8f\x05\x9d\x1eR3\xe16E\xa5\x17Zfi\xbe\x91\xc0\x03\xac\x18\xa3\xdc\xd3\x1e\xb2\xd0y\xe4\x11\x08\x15\xb4\xb2\xe9\xc5\xaf\x06\x00~\xe0\xf0\x14\xab\x86o\x14\x1e\xf0Ra0\xc3Y!\xfeZ\xf2\xcd\xba\x0ef\xd7\xab\xac&amp;.\x8c&gt;\xd6*\x0c;X\xbb\xec/\xc0$\x8d6@\xac\xfaP\xa8S\xdb\x83\x1f\xc3\xfc\x9f\xd9U"_\x1c+\x12d\xa1 \x87\xaf\xcb\xb0\x97\xb7L\xf7\xe2\xa9\xfb\xe5\xa3CR\x17\x1bO\xe8.\x8a\x87x/VD\xa8h\xb9&lt;r\xedB\xcf \xff\xb3\x8e\xd8\xdf#3c?\xed+\xbe3\\~\x98T\xe7\xa8\x04\x8b\x8c["3\xa1XG\xa1\xd4\xf8\xb7(\xf3\x91s\xcb\x03\xce;\x00\x19\xb7#4{"\x88$\xc8\xa0u\xf8\xac"\xe4\xf2\xf3,\x05\xe4\xba\xfe_\x12\xacb\xfd!\xc4\xa4\xb3_%iL^\xa1\xd7_#\xbcj\x16\x9e\xd2\x00\x84\x1fR\x82\xde\x0cy\x91\xe9H\xba\x90\x01\x9c\x18&lt;\xe5\x13\x05\xdf7\x90\xcb\x9dW\xf6;5\xb6\xa9\x89\x1e\x01$L\xe3g\x90\xd04\xbf6\xc0\x9a\x7f\xc8\x88\n4o\xed\xcd\n\xa8\x9f\x83\xed@\xc1\xc2\xc9\xcf0\xb9\x90\xff\xaa?\x9d.\xda\xc4\xee\x8cL\x16\r"r\xa7\xf5 \xba\x9b\xd8\xca\xd8j\x12\xf1\xb9\xb6X|-:XT3(\x01\x16\x18)\x91\xef\x96"\xf3\xbd|~\x18V\x88\xd3U\xcd\xb6\xab&gt;\x15t\xfb\x80\xb3\x81\x8eg\x9af\x12\x82*\xce\xc1g\x95fU\\\xfa \xb1\\AE\x97\xd6\x9b=\xb5\xad\x9b&amp;\xab3\xd2\xceZ\xad\x07\xde\xdd,\xedpX\xc0\x97\x9e\x96\xfb\x04_\xf3\xec\xd1\x98\xbeM\x14mJ\xf5\xa3h\x10\x84#\xeb\x8f\xcd\xfb\xc8d\xa7^\x91\x15\xed\xc3\xd6\r\x1d\xffb\xbb_\x9f\x06X\x8f\x96\xc5PDv,E&gt;\x18]\x19\xd3\x96\xb48e\xf5\xa2\xa2\x0f\xa0\x11\xd5\x19\x1f\xc55\x03Y;\xac\xde\xd9X\xa4\xe8t\xd5%L\xec\x00zr\xccu\x08C\xd4\x0c\x99\x96\xd5\xd6\xf4\x02+]R\x9d\xff&lt;\xe4\xea95\xac\xa4XE\xf5 _m\xdb\x8a\xeb\xa0\x10N%K\xa8Lp\xc3\xc0\t\xd1wwU$\x1b\xc7\xd3\x16\xec\xaf\xd6\xe7U\xa8\xcd}\xea\xea\xe3\x020\xb2\xff\xc5\\\x9e\xf30V|P\xbbTmM;\xf5\x1a&gt;W\x85d\x97\x93\xb78\xa8\xd1D`54\xb0\x12\xf3\x9e\xf0\xeae%\x91\xb1\xc3\x03\xeb\x92\x9f\x90\xc1\xac\x17&lt;s\xad\x88\xc0\xe0\xb8"\xd0\xa8\xf4C\xeb\x91\xde\xdf\xabv\x18\x82\x83\xbd?\x0e\xec\x1a\x00\x83\xd0a0d\xdf\x99F\xdf\xe3\x02\xb4\x16\x9b\x93\xf3\xfb[ \x80G\xa3\xd3V\xe7M\xe3\x98\xcd\x12\x1c\x9e\x89\xd0\x8d2Bo\x84v\xd5\xb1\x8e\xf7\x85\xd4\x97\xe4{\x16\x0b\xd3\x8e\xd4\xaa\x81\xcf\xa2\xcdc\x8f\xb3\xdd\x9a\xe3\xc7\xfa,.dT\x9c\xaf\xb5%\xf3\x9b\xba\x12C\x81\xc93\xc2\xf3`\xe9|\x1b8Q\x05\x0cn\xf3\x8d\x87\xe4\x953\xae\x06\x06\x19\x12\xf0\x8a1\xab\xf2\xec\xa8+\x87\x1d}I\xf0\xa8\xf6\x04\x98\x95\x86\xb4\xd0;\xaf\x95"4\xf0\x88\xda\x1b\x80\x95\xc9f\x12\x81\x06\x1b|\x83\xbfF\xeb%\x02\xa5\xd1=\x89\xa1z\x04&amp;\xd1r\xe6\xe2\xb2FZ\x8d\xfd~\\{\x15\xaa\x96f\xc61\xa5\xa8\x0e\xcdr!\xd8"&lt;v\xe2\xeao\xb5\x88\xd3@)\x0eqz\xb0\xc5`\xafF\x10\x00X\xdbM\n\xd1\xcc\xd0\xb9\xc9G\xe9\x94\x10*\xbe|ce\xc9]\xa7\xcc\x1d\t\xfe\x9b\xcb\x87\xa6\xf0[\xf4\xd3\x13\x03\x05=\x8e\x0f\xb4\x89\x1f\xac\x19\x07\x9f\xd7\x9d\xfc\x0c\xf4\xfa\xba\x9e\xae\x8f)CCi+\xd7\xb6\xd3\x10LC\xed\xfe\x1ew7m\xaa\xb2\x1eQ3kYrW3\x15\x9f\x1b*&gt;\x0f\x19\xfd|\xf9\x01N\xbf\x93\x17Z\xbfj\xa4\xb1\r\x07y\t\xe5\xe4*\x89\n\xb3\xe2\xb7\xec\xde\x8a\xcc\x80\xe4\x14\x01\xca\xa2n\xfc&lt;\xb3za\xde@_\x1cA\xd0\x05{\x87\xc6r\x8b\xc1tY\xaf\xbe\xa6\xd69\x00\xf7\x88aB^%lP\x18\xfb\xc7\xe0\xd2Xo\xed p\x1cT66\x85\x02n?\xf6\xf5S\xf6}\x97\x1f?w\xcb\x01*\xc2\xde\x9b|K\xdf7\xa4\x8eJ\x8b*\xca&amp;3\xfbj\xa3m\xc5\xdd`{^\xaa|\xd8\xc1\xb3+\xb8\xda\x02-6#\xe4\x1bi\xb85\xba\xbc\xb8i\xf7T\xa1\xdbo\x12c\xf3\xd4\xb2^\xbf\xe3\xa2\xb7\xe1\x11&lt;c\xd1\xd9L\x99f7b\xd1st\x18\x1b:\xc2?2\xf411\x8d\xf9\xb0\x0b\x18\xd0\x8a\xe4\xf7\xd2\xf2\xf7\xa9tg\xc1\xba\xb2\xa6\x0bJ\x1b\xc4\xea\xe6\xbaj\x1e\xa2R_\xe2\x1d\x9c\xe7\x90\x0c\xc2\\\xfc\xa9\xc5\xfe\x8ak\xc2\xa1E"\xed\xf0\x166M!l\xe1\xc8\xe2\x91y\xaclb\xfcjm\xa9\x0e\xc0K\xac\xd9`u\xbb\xb0\xd6\xff-\xd4\r\x9fJQ\xcdDZ\x1b3}?\xdc;\x0ft1e=\xe0&lt;\xdfx\xbdj\xce\x86\xb2\xc1\xc2\x9a\xe8a\xba\t\x18v\x80\xb6\'\xf2\xae\xc4y\xb1\xfc\xcd\x1e\x0c\x16W\xd6\xc4\x15+\xfdX3;\x17\xba\xefe\xbc\x1c\x11\xaf\x17\x1bM\x83\x11K\xb9\xa4\x8b\xb5\xc6\xd6\xa0`B[t\xe01\xe4\xe0\xc2,\xc2\xb3\xd6\xd3\x8a\xf1\x9b\xf1\xcc\xea`\xc09\xf4\xf8*\x8c\xae\xd4S;\x84\xc5J8\xaf\xab\xb8\xf0\xff\x92\xfdR\x86L\x8d\xc8\xe8\x82\x05\x0fe`\x08\xc8\xd3c\xac\xe1\xc5\xa64\xe6\x1e\x1a\x926\xcen\xf8\r\xbd\xbeA\x97!\xcd\xf5\xba\xd8%\xff\xa6&gt;D\xa6\xdb\x13\xc6\x80\xf1\xaa\xe4\xba\x866-\x85&lt;\xbb\xe9\xbe\xa5%%\x83\x1c\xaa\xa2!\xf5\x98\xf7K \x00\xd0\xa1\x99zj\xe5\xc2\xe1\xc6\x84\xf1\x99\x1c\x14\xe8b\x1b@\\0\xe2\x08G\xc9\xdf\x95\x9eW\\\xbc|?1|\xa3\xcc\x17\x01\xe6\xa1\xa1\x1f\x10\xee\x02D;qi\x92\x1bD\xf7\xfd\xf7\xbe\xc9\x838\x9a\x1c\xb9J\xa3\xf4\xff\xf5\xda0=\x9b\xbd\x94G\x9a\x19\xd9e\xa9u\x870\xd2\xa4\x1b\xe6\xf5\x8f\xeaS}\x96\x13\x12\xfa\xad\x8b#\xfd\xe4Vx\xb9\x8f\x07\r\x18\xc5\xe7\xd1o3\x05\xcd\xd1\x1b\xc0\xb1\xae/\x7f\xb1\x11\x89\xcd\xf7\xefdu$\xa7\n\x8aB\x7fs\xcc\xf0\x83\xd4\xff\xf0\t6^.\x95\xf1N\x1bc\xb3L\x07\xc7\xe8\xa5+\x0e%\xe0%\xfa\xb4o\xad\xe1\xcdQ\xc2\xd1?v\x10\x83\xfb\x8c\x0e\xe7\xfe\xca\x08\xec\x14\x83f\x8cm3Qbct\xe7\xcd\x0e)\xccl\xb9\xb3s\xa9\x18\xf1*\xe7\xc9[\x8b\xa6\xac\x9f\xbb#f*\xe2\xbc\nY)\x85t\x86\x93\x9a\x16\xec=I{^\xf8\x88\xcc\xacT^\xb8]\xec\xcb\x17\x94i\\P\xb8\xf2\x96\xae~\x01\x98d\xa4#\xa3\xb3pJ\x01\xf4\xc1p\x0b\x08w\xff\x1cD\xd22\xaf{j:^\xa5Q\xea\x15\xccTh\xa9+S]\x8b\x01\xa2st\xadLNY\xd1\xc3&amp;z\xdc\x7f\xd0\xe2\xe2C\t\xb2\x8a\xa3*\x90`:\xf1\x1f(\x91\xeea\x89\xfd\x1e\xfb.\xa6X\xf1\xf3\xc7]p\x9ceE\x1c\xd9\tc\x98%yvG\x87\xb2\x18\xc6kva\xc4\xdf\xa52I$\xa0\xd8&lt;\xf9\xd2\xe2\xdb\xf5\x14\xef\x92b\xe3[\xf3\xc7O_6\x14\xe2\x8a\xe9\x08M\xb1h\x80\x8dn\xb7\xc0\x81\x13\xa2\xfe\x81^\xfbf+z3\x8a\x0b\x184\x0b\x9fU\xe9\xd1\xa8b&gt;\x005\x06\x8f&amp;\x94\xc5\x97\x88\n\xb69\x8d\x94F\xd6\xae\x92=\xc3?\xcf\x8f4G\xe2]\xd0\x8dxz\nm\xdc!(o\x80\x11M\xa2\x15\x8d;\xfe\xc8\xa9\xadWa\xcf\x11:3\xf7\xc7}\xf2\xac\xf8\xca\xd3\xb4b0\xc4l\xb3\x05;\xf5\xe5\xcb\xb6\x11\xc9\x11\r\x11jc\x89M\x92\x12L\xdb.\x9a\'\x01u8[5A\x0e\x15\x81\x89\x88\xd0\xbcS\x81\x86\xfah\xf2\xf7KAj\xd3#i\x81sQeG\xba\x102&lt;\\\x92\xbd=v"\n\x01\xc6j\xc6j\xcf\xc4\x84-\xe1f\xe9\x19\xd7\xbaA\x1d\x94%a\xb0\x86\x92\x14\xf7\x80\x88\x92m"Q\xe2\x14\x9e\x0e\x15\x12p\xbc\x84\x1a\xbb\x17j\xe2[\xc2o\xf6\\\x80\xc4\xfcw|\xf0\xeeN\xd4\xcc\xa51\xdd)[\xf5\xf2\x92\xe2\x00{\xaa\x95\xdf\'\x87\x19*\xcbn\xa3E\xb2o\x1c@\xee_\xbc \x83=\xc4\x15\x9e%\x04\xe7\xe1z\xaaH\xf77\xea\x13\x85C\xb5\xca,3\x90\xbc#?7\xee\x18\x19\x01\xe9\xf6\x91\xfb"s\xe5*\xdc\x0f\\\xc1\xfc\x18|\x8f\xfe\xd8N#\xe8\x19n2\xf2\x05\xd7{\xae\xfa\xfb&amp;e\xc4n\xde\\Z\xe2\r\xfc\xbd\xe1_{rqk\x83\xa7\n\xca\x91`r\\1&lt;\xc3\xa2\xa5}\xfdSM5\xfa(\x7f\xed\x98\x1aSL\xa6\xb2(\x8d\xa7\xc5\x88\xf0\xea\x13\x81\\\xc0\xe8\x97jY=\xcf[\'6&lt;\x8cVvS\xf3\xc6\xc6\xc8\xf4#\xc5;\xac\xeb\x13]\x98\xc5\xf0\xb9\xef2\x8d4Z\xed\x1d\x04\xf7\xab5\x14\xe4/\xb2\xe7*\xb4n\xb1\\\x1a\xce\xc8"7\xfa4'</t>
  </si>
  <si>
    <t>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</t>
  </si>
  <si>
    <t>b'\x82\xf94K0V\xccX\xb2\xe8\x86\xf2W\xd0\xbb\x91'</t>
  </si>
  <si>
    <t xml:space="preserve"> internal resistance, so it would maintain a constant terminal voltage of euntil exhausted, then dropping to zero. If such a cell maintained 1.5 volts and stored a charge of
one coulomb then on complete discharge it would perform 1.5 joules of work. In actual cells, the internal resistance increases under discharge and the open circuit voltage also decreases under discharge. If the voltage and resistance are plotted against time, the resulting graphs typically are a curve; the shape of the curve varies according to the chemistry and internal arrangement employed.
The voltage developed across a cellâ€™s terminals depends on the energy release of the chemical reactions of its electrodes and electrolyte. Alkaline and zincâ€“carbon cells have different chemistries, but approximately the same emf of 1.5 volts; likewise NiCd and NiMH cells have different chemistries, but approximately the same emf of 1.2 volts. The high electrochemical potential changes in the reactions of lithium compounds give lithium cells emfs of 3 volts or more.
Categories and Types of Batteries (Fig. 42)
List of battery types
Figure-42
From left to right : A large 4.5-volt (3R12) battery, a D Cell, a C cell, an AA cell, an AAA cell, an AAAA cell, an A23 battery, a 9-volt PP3 battery, and a pair of button cells (CR2032 and LR44).
  Basic Electronics
47
                 Batteries are classified into primary and secondary forms:
Â·Primary batteries irreversibly transform chemical energy to electrical energy. When the supply of reactants is exhausted, energy cannot be readily restored to the battery.
Â·Secondary batteries can be recharged; that is, they can have their chemical reactions reversed by supplying electrical energy to the cell, approximately restoring their original composition.
Some types of primary batteries used, for example, for telegraph circuits, were restored to operation by replacing the electrodes. Secondary batteries are not indefinitely rechargeable due to dissipation of the active materials, loss of electrolyte and internal corrosion.
2.6.1. Primary Batteries
Primary Cell
Primary batteries, or primary cells, can produce current immediately on assembly. These are most commonly used in portable devices that have low current drain, are used only intermittently, or are used well away from an alternative power source, such as in alarm and communication circuits where other electric power is only intermittently available. Disposable primary cells cannot be reliably recharged, since the chemical reactions are not easily reversible and active materials may not return to their original forms. Battery manufacturers recommend against attempting to recharge primary cells.
In general, these have higher energy densities than rechargeable batteries, but disposable batteries do n</t>
  </si>
  <si>
    <t>b'\x8e\xa5\xdf\xcb+\xc4\xeb"\x1f{PC\xbb\xe1\xde\xa3A\x84\xbc3\x14\x98U\xfb\xa9\xb7z\x03\xe9\xa7\x14\xd2\x96\xa4\xde\x18\x0bQ\xf3A\xe4P\xe3&gt;\x8ek9\xf0\x8a\xdee\x1ch\xa4\x01\x1e)\xfb.qo\x8a5\x8a\xac/\x8a\x10B+ \xbe2V\xa9\xd8\x82\\\xbf`H\xd5\x8f\x84\xcfK%\xd0st\xa1-T\x9f\xd0\xff\x86\x8c\xbdQ\xffL\xdapB\x88l20\x94\x01\xaf\x07\xddi\xd0\xe6`\x92\xdd\x9c\'\x11p\x10\x9e+\xc3TY\x06#a\x1c\x80\xf5CX1\xdf\x96\x82*\x03\xe7sKR\xa6\x084\xe0\xde\x96\x18\xdc\xd9TQg\xa9P5\x0c\xde8m"\x15L\xdc@\xe2\xcf\x03\x07\xa2\x8c\x0ft%Y\xba\x1f\x10c\xa5\x97\x9f\xd6g#\\,\xe8\xed\xeey\xbfn=\xfd\xd9\x8e27\x0bB\nb\xe6\x91\x83:Tf\xfa\xb0\xf5\xecQ\xb8\x92f\x91\x826v\xd4a\x93\xb4\xce&amp;\xfa=\xd8\xa0\xcd\xad\x12\x818\xa6B\x91\xe0\xb1\xc9\xe7\xbaZ\x84\xa6(\xe65R\x0c\x8a\xfdi\x9c\x1f\xfb\xf7\x08\xe7\xad\x0c\xaa\xff\xc5\xbcS\x89\xc3y\xad\xf1\xea\xba+\xb4J\xe1\x95\x18\xf8/\xa1\xc6,\xef\x08\xc2\xbd5\xde&gt;\xd9ZT\xa8\x9ba\xd2z\x12\xb6\xeb/T\xce\x06\xaa\xe6%\xe9\x96B\xe5\xe7\xb3\xab\xdd7\x93&amp;\xb1\x81\xf2D\xbcOqk\x0f\xe1\x0e\x12"=\xc7\x1b\x19Bsg\x1c\xfa\xdd,\xddX\xbfG9j\xc0\x8f\xd4\x15\x82}\xf2.\xecI\xf3/H\x1a\x7fC#\xf5\x1ab\xe1c\xd5\xf6\xa3\x01\x1e\xc8\xed;h\xd06\xb0Cl\x8f\xba\xc2\x9a\xbd\xafB\xa8\x02\xfc\xa7\xb0t| \xfa\x83C\x90N\x8c\x0c}\xc4\x10\xf0\xf4\xbdMy\xa9\xbf~\xe5\x9f\xf2\xbc\xbeo\xafZ\xbf\x12\xf2\xc5l\x0c\x15\xa0\x17\x84\xc0\xae1$\xfb\xb7MK\x9a\xaaX!IJe\xed\x83[?\x88\xaa\xf5";\xd1\x04&lt;\x06u\x05\xf4/b\xddK/\xb0Sm\xdfJ\xbc&amp;/\xaei\x91@\xa7\xcd\x08\xd1\x84\'\xaf\xa6\xe7\x1a\xed\x96\xfa\xca\xbf\xa9\xca\'\x0f\xb51\xe6\xa7\xcb\xad\xc45\'\xc4\xcf\x82\x872\xbd\x99Y(\xb5~\x90\x1d\xb2\xa1.\xff\x13\x17\x1f|\xfa\xfe\x9f\x07+\x9e\xe7\x13\x17\x8c\x9bAM\xb2\x14\xe8\x1c\xe9\x16\xaf\xe5:t\x1fZ\x86\xc9+\xed[,\xa5\xa2f\x97\xf8\xd1\x9e\xc6\xdb\xcc\xda\xdb/=\xeax\x15\x02\xa5\xf3\x1c\x8b\x84|w\xc3\x00\xe6\xcfz}~\x16\xc2\xcf\xfd\x87\xb1\xaa=\x94\x0eDG\x1e|+\xeb\xebHh\xb7\x91\xbb\xed\xfa\xfd\xa6\xced\xf8B\x04\ru\xd6\xce%\xa4\x158\x88g\xf6\x85\x18f\x83\x054\x9e6\x18\xcb\xd7\x89\xdf\x8b\x95#\xf6U\xcc-\xfc\xe8\xa6\xb5\xde%\xbf\x1d\xc4e\xf4}b\x00\x951\xb5\xf4\x0c\xfa\xdc\xd8V\xd9\x96\x1b\xa1\rn\xfc\xc2\xf4\\\xcc\x8a\xb2/RY\xde\xff+\x8b\xe6\xb5\x10u\xcc\x03\x05\xc3\xeca\xaf\xeb\x84\x82%\x9a;$D\x00\x02&lt;\x1a\x850~\x96\xb7\x92\xd7\x19\x19\xa8\xea\x98\xad\xb1\xe9\xf9+m\xf9\xfa\xed\xf5Z\xf1\x08\xca\xfc\xd1G\xeag\xaf\x17\x84o\x8a\x1a\x7f&gt;\xcc\x91\xe0VlCT\xcfa4\r\xca\xc9\x8f\xaf#\xd4\xb6\xf5T\x17[r\xd4b\x9c\xceW\xbb\xa4w\xc7\x01\x98\xd9\x833\xf5\xc0\xa1[\xc9\x0ci\x0b]\x97{\xf6W\x94\x986\x1a.\x84{\xaa\xa8\xea\xca\x1f\xb6rgo\x1b\x15\x14\xf2\xde\x12T\x8cZS\xa7\x90P\xff!/\xb9\xea"tH\xc4{)&lt;\xca\xb2s0_\x02\xb9\xb1\xd1}\x18j9dM\xd2\xf7;\x11\xc9\x17j\x1d\xefSy\xdc\t,\x89\xc0f\rH\xc4\xeb\xcd\xa0\xc8\xb0\x11!|\xd77\t\x14\t\xe6)\xcf\xf4\xb1\xeaW\xd9\x0b\xe8\xcf\x1e\xd3\xaa\x85u\xa4@\x82\xb4\xad\xad\x8e\xbd8[\xb2:\xc4]Q\x06\x9ai\x146\xb1\xa3\x8a\xce* \xd4\xa0!\xcb\xa1\x07}\xef\x19L\xc6\x9b\xe4\xa1P\x00B\x9b\x9b\x8f\x0cY\xc5\xa8\xab\x83h\xa1\xe3.\xb6\xbb\xc1\xe4\xb9\xc31\xba\xa3\xf9\x00\x08&gt;\xff\xffr\xe81\x91\xf5O\x9b\x16#\xd8$j\xd8\x9a\xce\x16\x9b\xa4\x0e,\x16\xdan\xdcX\xcc\x10\x8c\xb31T@\xa1\x17P\xd9R 3Z\x93j\xf0O\xf0\xe3\x8c\x9f\x86\xac\xdc\xd53A;o\x0b\x17\x88\x03\x974\xdd\xc0\x1e~\x91C\xbc\x8ae\xaf\x89\x0c\xe3\x17\xd3\x80\xf5)v\x89\xaf\xec\x88\xfd2\xe1pu\xcf\xc5\xd8\xc0\x9fu\x13\x91\x98\xdeBAD\x99\xad\xf9\x0e \x06!!\xa1#\x86W)8\xf6\xf2"\x918\x13\x98m\xdd\xb3,4m\xb5\x03\x84\xda\xd5\xc6\xe8+\xb2\xc60\r\xe3E\xb6A6ax\xc6\xb1/\xa5J4\x13\xba7A\x13\xab \xaf\x16\xa0\xf4\xe5\xdc\x80H\xd1"`c`h\xe35i\xf2\xb1\x1f\x19B\xac\xce,\x8a\x0f\xc7\xc1T\x0cTTpF\xb5\xeb\x8ae8%\x14ZQ\xfe=oS\x10\rH/I\xab_\xab\x14\x9f\xb8&gt;\xe4,\xab_NV#\xc5Z\x18;A\x8a\xc2\xda\xa5\xee\xa6\xb3\xb8#\xa6\t\x05&amp;Vl\xdc8c|G\xd8\x1f\xbc\x1a\x86\xbak\x19a\xa9\xd2\xb9\xff\xfaK\xf2\x1cw\xe3\x00\xdc\xfd\xe5\x85\xc0C:"r\r2{\xedq/\x81\xf4\x9c0\xbaZ\x1f\xa58\x11\x01\xc2-\r}\xc3\x08\x8dN|\t\xf1.yM3\x95\x03\xae\x9eT\x94+\xdeB\x93!%\xa9?uM\xca\xdb\xa24]3\xf3\x81\xd3Ly\x86\x1d\x08@_dn\xdcn\x00\xd7Zh\xdf\xe8F\xee\xb4-\xbes\xc5owJ\xd3\xb5zOld\x94\x1d\x1a\x1cm\x95WO\xcag\xb0\xa3\xd9\x9a\x13\xd3\xee\x12\xe0\xd1M\x04\xe3\xf6\xb8\x8a\xa7M\x1c\x17\xc9\xe6\x1f\xd1k\xa06P\xf6\x93\xa7Z\xaf|sm\xe8\x93\xfd\xe1\x97%\xd4\xfa\x1f\x18?\x06\'\n\xe4\'\xc1_\xebj\xa3\x1e=\x0f\x10\x1d\xf41!LK\xedx\x831D\xf9,\xce\x87\xe5n\xcd\x1d\xd8\xd3L\xda\xd7\x82\xc7\xa9\x9e\xb7\xcb\xd1\xe2\x1c\x19D\xd5B\xceB\x06\xb9N|\xb9U\xf2.\xaf`\x81\n\xe6\xde\x15\x94\x00\x8b\x11\x82e\xf58h\x8bg\xac\x16\x99\xfc\xe8\x0f\xae\xf5\x11\xf0k\xb2Z\xd1&gt;\x15\xd5(\xe6\x05]\xe1w\x04\x08\x00u\x1e\x05++\xef\x8e\x95\xd60\xcb\xc5\xd4\xe6\xc7i9\x8c(\xddI\xb0O_S\xab\x15Dw\x94+\x16\x15\xfb\xd2\x10\xe5k\xa0\xc9h.\x8cK\xe7\x8f\xef\xb8D\xf3\x08O\x9b\x14\xb0\x00\x96\xfe\xd8\xeb\xba\x10\xd5\x0be\xe9\x02\xf7\xc8\xb5\x12\xf9\x96Qvq\x12\xee\xaa6\t\x0c.\xf4u\xfe\xd5\x9d\xdfw\x9a|)l~\xe4\n\x87\xa7^\x9d\xa64g\xadG-\x8c\x02Y\xb8p\xebo\n\xa48S\xb8\xe7\x88\rz\xeef\x01\x99\x04\x01i\xc4-\xdc"\x98\xe0\xba\x82\xce\xadL\xf8Hk\x03c\xee\x94\xdf\xa8\xbb\xc8\xb6~#\xd3\xe5\xa45\x08,\x837\xf9\xe7\xa6\xbfk\x82[Kw\xbf\xcf\xfbI6&gt;\xda\xf7\xb8o\xde\x94\x98\x10YB\x1b&amp;w\x12LS\xc1\xcc\x1cm\x0e\x86\x17\x12\xd3\xd7+.pw8\xe3C.\xe3\x98\xf10\xd5\xea\xc5ITr]!`\x12Y;\xc9K\xe5:\x03\x87\x8c9\x89\x91!\x0bi\xc8\x00\xe0\'Q"4L+\xbf5\xe68:\xef9\xb3&lt;\xad\xa0\x9b\xa5^F\x96\x96\x1e"\xb9=\xfa/\x92+U)\x84=\x16lM\xec\n\x8e\xf7\xc1\xeah\xc4\xaa%|&gt;\xfc\xb1*UW\xe5:\xf7\xe8&gt;\xbb\xb9L\x89\x08\xcf\x90\x071\n\xceO~\xd9\xdc\x85"C&gt;\xf1/\xea-Q[\xf6\x82\xad\xfa.&lt;\xcag\x855\x84 \xe6\xe6Y"\x81u\x94\xf7\xb3\x90\x9e\xa8^\xec7i5oU\x1c\xc6:\xc4\xca\xda\x82\x88r\xc5&gt;\xc7-\xf4%\xb8=\xec\x1egs\xad\xebE\xdb\x83\x1b}\x9a\xe1\xf772\x04&gt;\x9e\xb4\x0c\xa7u\xc4\x854s\x00\xa5\\\x87\x15!\x89\x1d\xfdl\x1f\xd6\x8d\x006\xc3\x84\xbb\x1d\xc7fo\xf1zc\xab\xc5\x83\x13\xd6\xe9\xde\xf0\xbdiu\xf3\x8a\xe7\x9a\xc6\x9f\xc0\xb0-[\xa2\xd7\x1f\r{\xe4"W\xe2\x02\xaf\xd1\xb8\x170\x86(\x11\x1e\xa98/\xac\xf20c\x06\xb9yP\x13\x92vW\x0b\xf2\xc3\x05w\x8b\x00\xe4\x91o\xb9\xa5|\x1d\x9a\x9e\'\xc4\x82:\xaf\x02\n\x9f\x88qo\t\x95\xa2x\xd7\x9e\x83\x84yc%\xfe\x03\xeb\xb8\xac_u\x90\x8f\x0b&lt;\xf6\x0bM\\H\x8f\xda\x1b:i\xfe\xab\t\x94\xc6\xeeeW\x94&gt;\xa7\xe5W\xfa\xb1\x06\xd6\xec,\xed\x12\xb6bTHE\x90eIL$\xdb/u\xa2}mO\x06\xd5\xccR\xd4\x9d\xdc\xb1CFaf\x07\xfe\xbc\x04\x02K\x1a\xa8\xf2~\x82\x93 ,~\xfb\xaa\xd8\x1b\xccdL\xed\x0b\x0c\x9f\x87\x9dA\xd7@k\xae6Gn\xcc\x8ey1w\x99\x80\x08\xad@F\xe4\xe0Q\x03*#9\x9b|\xe9&gt;\x99\xec8y\xa4~\xa2\xb8\x88\x9f3\xc1G\xb0\x1b\xa5\xf7\x93t|Z$?\x12\xcdx\xb3_m\x8e\x93\x8b\xcc)\xffG\xab\x1d\x90N\xa8\x10\x1e\x80\xa2%\xf6fO\xf0\xc7\x9d\x85+&lt;\x98w\x8c\xbfr\xc9\xfc\xadp\x1f\x89Cd\x90\x86\x04\xf8\xf8w\xee`\xd1\x87\xc2\x04"=\xea\xd9"a6\xf3R\xb2\x89\xe6\'\xce\x07;]mg,\x92\xa0\xac\x87n\xd1.4O\xa4V\xf1\xbc\xf0K\xdb\xd5u\xe2~T\xfd\x08Pz\x93Z\xf5\xf2\xd1\x9d\x03\xaf\x07\'\x8d\x93_\xb8y4U\xa4z\xff\x06E\xd2{OE\xd5\xf4\\&amp;\xee\x91,\xb9\xa2\xfc\xec\x9d^9\xaa0G\xc14\xe1\x9a\xe6\x9b\x89\x14mv\\\x96Z)\xa0\xc4\xb3\xff\xbb\x16;}Fa\xe8\x87\xd8`\xac\xe2xQ\x13\x17\xac\xb4\xddW\xff\xff6\x00\xd5S\xe6)\x91\xaf\xe3\xc7\x9a\xbc\x1f\x1f\xfd\xf1\xcc\xf1W\xa2g\xf8(\xdbk\x08\x0e \x81\x1f\xe0g\x00er\xc0\xf7M\xa7\xea#\x0c\x82\x85\xedK\xc6\xfb\xad\x08X\xed\t\'\\s\x17\xb0\xef\n;L\x0c)&gt;\x8d]?|\xff\xdd\x10\x92v\xa2~\x01\x94\x1a/\xed\xf3\xe9l="]\xf2t2\x9e)a\x88W\x1bR\xd8\xd2\x13\xd3!-\x89&amp;Y\x12\x0eA%\xd3\xa3\x8c\x91\x1f.b\xed\xab\xe7\xca\x82\xb2\x12\x01 g^\xfa\x9eg\xeai\xf4\xef$Sw\xb1\xe3\xb2\xdf\x9e\xa7\xce\xa8&gt;-\xc1%\xc2\xd5,\xe5\xe8^\xdbO\xa9;\x13\xacEh*\xe3H=G:\x1fT&lt;\xfe\x07)-\xd6]r\xf3\xf0\xabZ\xc3\xfb\x96`\x8c\xc1\xae\xf4;\x15\x91\x88n\xd6\x93$qw0\xa7\xeeQ\xaec\xbb\x08y\xdcD\xd1\x02\xf8\xc2&gt;HU\x84\xbeo\xd1?\x97\\WLp\x98\x18\xef\xc4x}\x06\xa3\x14&lt;sJ\x9ai:P\x8a\xc3L\xcd\x90\x86\xca\xac\x87\xa5r\xc7\xa446\x9d\x11\x07\xb1\x88g\x0f\x82\xeb\xf5\xefY\x0b\xe1\xc8\xaf\x85\xab\xcb\xec\xb9\xbc\xa3F\xc4\xb7\xc9\x19\x95\x90$\n\x80vJ\x01\x84\xf2\xd3\t=@1U\xb8v\xaa\xca\x13\xe93\xa5\x8c\x1cF\xfd\xf3\xc8{\xf1\x1c[+\x0f\x05\xe5Y\xbb\x1f\x81*\xb2\xff\xcc\xfd\n\xc3\xeep\xd8,\xfc\xf5v&lt;\x83\x8bW\xe1\x8d\xc8\x03\xa3\xe0\x02\x12m\xbd\x8b\xb1.lyX{\xb7L\xfbd\tM\xc9xx\x06,\x98\x1f\x83\x8f\x93t\x0eKn\xe64[\xba\xba\\#27\x8f\xa7b\xaf\xf1\x82x\x06\x82)\x95\x87'</t>
  </si>
  <si>
    <t>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</t>
  </si>
  <si>
    <t>b'\x8e\xa5\xdf\xcb+\xc4\xeb"\x1f{PC\xbb\xe1\xde\xa3'</t>
  </si>
  <si>
    <t>â€™ â€™â€™ (Apol. 40.2). Jewish Christians were not so persecuted, because as Jews their
exemption from public cult was ancient, traditional, and protected by long legal
precedent. Ancestral obligation was what mattered.
Popular fear of this strange new group fed also on rumor, which attributed terrible
anti-social crimes to Christians â€“ infanticide, cannibalism, incestuous intercourse â€“ all
accusations that the different Christian sects also made against each other, and that
medieval Christianity would ultimately fix upon the Jews. Such stories eventually lost
their force: courts discounted and disproved them (e.g. Pliny Ep. 10.95â€“6 [112 CE]).
Once a Christian was in court, before the governor, the matter turned upon showing
respect both for authority and for the mos Romanorum. Would the accused defer to
the governorâ€™s request? Would he honor the emperorâ€™s image? Would she eat meat
offered to the gods? Some Christians complied; others refused. And as canons 2, 3,
and 4 of the Council of Elvira (303 CE) make clear, not all gentile Christians saw the
problem: this church council had to legislate against Christians who nonetheless
continued to serve as flamines, that is, as priests of the imperial cult. The stalwart
might end their days in the arena, robed as charact</t>
  </si>
  <si>
    <t>b'\x81\x17\x88%y(d\\\x07\xc6\x1d\x82P\xd2\x17\xc8b\\Hv\xba\xc2r\x82\x9d\x03\x918.\xbc\xfb/\xfd\xdctW\x94\xfeDC\xb9F\xb2$\x07-W\xa0\xeb\xfd\xd8\x08\xe3\x14\xc9V\xcc\xc8\x88\x96\xd9HZ\\^-Y\xc2\xae[|Q\xcc\x96t\x00\x94\x83\'d\x96#\xc3\xd8\x02I\xd6\xe2\xb9=Zcz {\x9c\x89Z\x8e\x03&lt;M\xd1\xd0\xfauF\x99\x93\x91h#\x97if\x935\xf3\x90w\xb4\tQq\xcbhu\xcd\xdc\xf9\xd5{\x0c\x9d*\xdb\xd3\x9e3wr\x987\xa4Rx\x87\x00+E\xed\xf4\x11\x1cM\xc4\x9e\x81\xfa\xd0\r%\x00X\xfeX\x0e\xe9\xaa\xcc\xdfV.l\x99c\x0c\xb6\xdd\x80+\x1d\x86U\xd5\x1b"b\x02\xa7\x18\xf2\xd2\xe7\x94\xa0#\x88\xcd\xda\xbf\xd6}=\x1f\x96\xf0\xa5q\x112Q;\xe1\xff\xe7\xfbz9.b8\x81\x14`\x8a\xbf&amp;\x80\x02\x92\xa8\xf3.E\xa9\xc7t6\x16\x14\xdb\xaeu\xbf\x99\xcbi\xfe\xb2v\xfa\xc4\xac\xaa\xbb\xcel\rD\xa6\rZ\xed\x02\x1c/\x1d\x81L\x9f\x8d\xc6of\xbbZ\xa8\xdd\n\xf7\xa8\x94?\xd0\x1d\xdd\xb4"\x95\x0506\xd6\xc8\x1a\xb2F%0u\xc0s\x03\x9e\xfdg\x82\x8c\xf66\x933\x10\xc4:T3wQ\x85\xda\xf8\xf7(A~y\xebLE%=\xf5\x80B\'\xd1\r\xf1\xf7X\xee\xcaU\x93\x1b\x11\xe9\r\x92\xa2\xb3P\x8e57\xaaP\xc7\xba\x93\xdbA\xee\xf7\xea\x90E\x8d\xefQns\xa2|\x02\x88\x00\x9d\x92\xd7O.%\x06\x0b`Gi\x14n\xeb\x85\xacZ\xd8\xfb\xf1\xaf\xf3\x7f8\x12\xdc \xa1\x81l\x90\xe6\xa0\xf2l\xa9\x98\xa7ug\x08\'U\xd5\xb5\xb6\x0b\x1d\xa5\xd2(\xda\xbd\x1e\xde\xb0`\x92\xb4\x14\x90yX\x92\xe3b5\x1c\x00\x16MRO)\xb0\xa2\x02_X\x91\xcfG\x14\xb9\x84\x11\x11\xfab\xc1/&amp;@OY\xb6\xb0\xcbKB\x13\xd7\xb0\xd0t\x02\xadA\xe9f\xa1\xc1+M\xac\xa7\xe0\xc2\xd7\xfc\x10\x87\x89\x80s\xdc_?s \x98^\xad\xa7;w3M\x07\xa2\x8e\xc4\xda\x9f\x0c-\xb3\xa5BC\r\xccZFL\xdf\x13\xa8z\xba\xcc&amp;\xf8\xb5mIR\x85\x12\xe68A\xa1\x94\t\x8c\xc7\x91\x02\x87\xe7\xa6qn\xe5\xb9\x03*#\x1d\x10F\x13\r\xd0]b\xd8/\x99\x8d9Q\n7If\x03*g\xc7X\xcfwQ\xb0\xd4}"\xcb^\xbc\x95\xf2\x94\x95\n`\x10\xf8\xc9\xe8\x18\x9a\xadw\xd9{\xa5\xe24\x06\x1b\x94U\x16\xf6\xdf\xa5\n\\\xee\xc3R\xe5\xd6*\xd4\xaa:\xb4)\xa8\x1c\xc8\xc6gRh.5\xe7\x97*\xa6\xd9\x06\xd0q\x1eh\xf5`\x8f\x10\t\xfb\xec\x01R\xfd3!\x89\x9b]\xa4\xfc(SRj\xc3\x9a\xbb\x0c\xac\xab|\x18KvB3\xc8\xa0,0M\xee\xb1\x9f&lt;P;D\xb6qu\n!\x9fx\x17\xd2&amp;\t4W\x94\x9f-\xe8\xc5 D\x05O\xc1I\x8e\x84\xb99Tc\xe0k\xa1\xa4\x13"\x18T:jR\xc5\xdcKu\x81\xa5e0\xc6\x0e\x88\x10/\x18\xf6E.\xe7\xfc\xf2\xc2\x99&gt;\xf0\xb1\x04\xf6\x14\'\t\x84b\x96\x7f&gt;\xda/\x9a\'e]\xd8\xbc\x80\xc9\xcd6\xbc"\xf8~#FFM\x01\xa6\xda\x0b\x7f\x15\xcd\xfd\x1c\xf8\xb6\\P\xf2\xe9 ]v\xf8\xfeG-\x1fm\xff\x96\xba\xccB\xdf7s%4\xbb_\xcf\x8e\xbe\xfa\xc1\x93\xde\xa7}m\x19\xf0\xb2y\xc5\x98\xf7`\xb9&gt;\xcfnWj\x12\x17j\xdb\x83\x02\xe5_N\x7fm]\x07\xcc\xa9\x12\x8a\x90\x86n\xbd\x8dI\xed\'.`\xd6\x8bk\x90\xe5\x9e\x9b#m"\xfe\x84`\xa8vdE\x0c\x97\xac;k\x80\x88B\x04\x13\xee\x12\xea\xd3\xf6\xe6S\x84ECj\n:\x08fT\xcd\x03\xe0\xaf`\x11G_\xff\x05\xac\xc4\xf9\x87\x83P\xecJ\xda\x02=\xa5\xe3)\x82\xa0\x00\xe5\xccL\xb9\xf1\x9a)\x82\xdf?\xb1t6YT\xe8w\x8c(\xbf\xf0\x17\xf5\xe8*\xb3wK1\xb9T\xa4\xc8}\xee\x82%\xacc\x93&lt;\xb2\x93x\xcdx\x8b\xc1\xa8\x0e\x8a\xea\xa7\xd9\xad]\xc3C\xff\x9e1\xdaEYj\x9b\xe4\xdeW\xdd\xe6\xd3\xbfdP\x0e%\xda\x8e\xb6d\xdf\xd7\x1f\xa4\x9d\xaa\x92[\xa2\xee\x90\xc7M\x029\xee\x8fs\xf6gW\x18\x03\x84\xf340\x98\xdd\xdc\xccu\xfc\xfb\x1d\xf1\x97\xdc\xc9\x1a\xd5s\x8eE\x06+\x96\xd9\x8e\'\xc8\x1f\x9e\xa3\xf1\xbb*^\xda\xde\x12\nD\xbbmT\xc8\xd6\xfdZ3\xea\xe5\xf8\x82\x11L\xe7\x1e\xa0Z\x90\xec\xbf\xda\x10\x94ys\x98\xc6\xccUg\x80ao\x0f\x8c\xdc\x94\x96D\xf6\x10\xd9\x867lA\xcd\xe1\xc5/f\xe6\xb3i\x17C\x92\x10\xdf\xf5\x1c\xd3\xd6\xa3\xeb\xc1AqP\x0e\x83\xf9,ur\xcd%\x87X\x0eZ\xf29\xcd&lt;\xf6\x96\n\x0f\xf5g\x7f\xb0%\x9c\xdb#\xdd!\xf1\x00\xd4\xee\xa0M\xaa\xdd\xfb\xc5\x02\x9f\x18\xb8\xee\xc2\xd9;\xd6,~\x06_\xbeQ\x9b7\xc2\xae\xb3\xec\xcf\xbewyN\xc3\xbe\txcz\x0e\x8c%\xea\n;\xf6\x8cH\xc6\xd0\xae\x81-T\xe6\xbeM\x95\xcf\xad\xdd\xf3%oQ\x1c\x96\xdc\xb9n\x9f\x1c)\x11;\xbfn\x8b\x0b\x7fc\xcc\x86\xd8\x1f\xb0\x84i|\x96@ET\x9a&amp;\xa9\xe7B\xc4\xa9\x93[\xe7\xd1vd\xc2'</t>
  </si>
  <si>
    <t>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</t>
  </si>
  <si>
    <t>b'\x81\x17\x88%y(d\\\x07\xc6\x1d\x82P\xd2\x17\xc8'</t>
  </si>
  <si>
    <t>groom stood at Ginger's head. He drew my head back
 and fixed the rein so tight that it was almost intolerable; then he went to Ginger, who
 was impatiently jerking her head up and down against the bit, as was her way now. She
 had a good idea of what was coming, and the moment York took the rein off the terret in
 order to shorten it she took her opportunity and reared up so suddenly that York had
 his nose roughly hit and his hat knocked off; the groom was nearly thrown off his legs.
 At once they both flew to her head; but she was a match for them, and went on plunging,
 rearing, and kicking in a most desperate manner. At last she kicked right over the
 carriage pole and fell down, after giving me a severe blow on my near quarter. There is
 no knowing what further mischief she might have done had not York promptly sat
 himself down flat on her head to prevent her struggling, at the same time calling out,
 "Unbuckle the black horse! Run for the winch and unscrew the carriage pole! Cut the
 trace here, somebody, if you can't unhitch it!" One of the footmen ran for the winch, and
 another brought a knife from the house. The groom soon set me free from Ginger and
 the carriage, and led me to my box. He just turned me in as I was and ran back to York. I
 was much excited by what had happened, and if I had ever been used to kick or rear I
 am sure I should have done it then; but I never had, and there I stood, angry, sore in my
 leg, my head still strained up to the terret on the saddle, and no power to get it down. I
 was very miserable and felt much inclined to kick the first person who came near me.
 Before long, however, Ginger was led in by two grooms, a good deal knocked about and
 bruised. York came with her and gave h</t>
  </si>
  <si>
    <t>b'\xa6\x1cY\xb6\xb1\x10\xf6\x80'</t>
  </si>
  <si>
    <t>a61c59b6b110f680</t>
  </si>
  <si>
    <t>, no one was showing me how to play this game.
 Entrepreneurship is lonely on its own, but when you grow up without a
 mentorâ€”spending most of your days alone, trying not to binge the peanut
 butter because you are depressed about your parents divorcingâ€”you deeply
 crave the guidance of someone to show you the way.
 And that night in San Diego, sitting in the dark, watching girls dance on
 the dance floor and drinking a tall glass of water, I prayed that fate would
 find me. Because when someone like meâ€”and like youâ€”has the chance to
 meet someone who can cut the learning curve, Iâ€™ll move heaven and earth to
 meet them. For me, that person was Travis. I believed that he could help
 illuminate the path for me.
 This was my chance.
 I was mid-conversation with a couple of dudes who I knew from the
 internet business world (â€œinternet marketingâ€ was still kind of a niche thing
 back then) when I saw Travis walk in. I left the conversation mid-sentence to
 go introduce myself.
 Nervous as hell, I said, â€œHey, Travis, Iâ€™m Ryan.â€
 Travis got a huge smile on his face, and I found myself enveloped in a
 huge Arkansas-country-boy hug. â€œOh hey! Ryan!â€
 Apparently, he recognized me from the internet. That felt good.
 â€œWhat are you drinking, Ryan?â€
 I didnâ€™t know how to answer. I didnâ€™t drink. In fact, I had signed a
 contract at my college vowing not to drink alcohol or participate in any
 sexual activity until after I graduated. I was also not allowed to participate in
 â€œsocial dancing.â€ Probably because it led to drinking. Or maybe I couldnâ€™t
 have sex because it led to dancing. Iâ€™m not sure. I still donâ€™t quite get the
 order.
 Anyway, I think I asked Travis for a Coke or a water, while he ordered a
 scotch. Years later, he would turn me into a scotch drinker. If you ever run
 into me in person and feel like buying me a drink, Iâ€™ll take a Glenlivet 15.
 But only one. I start slurring words after two.
 I remember that Travis invited me outside to sit on the patio, and we
 talked until I literally couldnâ€™t keep my eyes open anymore. And I remember
 walking back to my hotel, wondering if Iâ€™d ever see him again.
 Either way, I was confident that I had accomplished one of my goals:
 Travis knew who I was, and he would, with hope, remember my name. I
 knew that finding the right mentor could be a five-to-ten-year process. (In
 fact, as I write this, Iâ€™m boarding a flight to meet with a mentor that I have
 been courting for two years.) I felt like that night at the bar I might have just
 cut the line a little. I knew that I would be an entrepreneur for life, and I was
 only in the warmup process. A mentor could change everything for me.
 The next morning, I stumbled from my hotel room to the conference,
 exhausted but still buzzing from the night before.</t>
  </si>
  <si>
    <t>b'V\xf0\xb0)\nD)\xc3\xe8\xb7\x86T\xbc\xee$\xa0\xd5vim\xc4\x12,\xd7;|\x1cO\x93\xcb,\xd4\xdd\x7f\xff\x96\x8e\xa5\xc0[\xb1oC\xc1\xa9s\xfd\xc7*\x84)\xee\xb6\x83\xd6\xb2\xc8e\xe5Iy\x0fy\xf9W\x00\n\xa5\xb3\xec\x1b\xdf\x18\xde\\\xb9+w\x10B\xfd_\x99\x8d&amp;\x92\x0c\x1a\xdft\xe9\xb0W\xb63\x90\xbe\xc3F\xcc\x910\x9cg\x1aH\x16\xd0\xc2\xbeD^\xc8\x08w\x8cJw\xb1\x8c\x0e\nn\x7f\x8e\x7f]5k\xd2^!sP\xb9\xd0\x14\x0b\r\xcf\xb5t\xb2\x0f\xd4\x01\xbc\x12\xe9\xde\x19\xc4\x84\x03\xf9F\xa8\xba\x16-\x95\x8et\x84+A)\x1b\xe5\xdb\xa2\xd2\xe7\x1f\xa2]\x1bG\x7fGz\xd4B(\x12\xb0"\x96\xae\xb0\x18\xcf\x1e\x96\xeb\x0c\xd8*\x96b\x92\xed\xc3\x90\x05\xb9\xcc\xb6\x91\x16\xc7\xfcy\xd6do\xb5\xc5\xee\x7f\xbe\xa7J\x02`\xb5\x89\xaa\xc3r\x93\\\x8bC\xaa\xe1u\x1d\x0e\xbc\x95\xad\xedLj\x90\xba\x87 \xf3\xdc\x02\x0c\xc8R\xf0e*\x08\x1a\x941\xa6\xe9if\xf1O\x0b\x912\x9c\x89\xcd\x17E\x94*\xe2(\xfe&lt;^\x12o8\xdf\xbe\x1c!\xc6\x1a \x8eH\xe4F\x93\xf0\xe3\xfc|1t;kG\xcc\x1f1\x07K\x11\xb5\x8b\xa3\xa0{\xfe\xf8\xa5\x1fp8\x93\xeb\xfe/\xb4\x8b\xa2\xf1~X?\xe9\xf3\x14G\xca\xb4p\xb7\xd2\xd2\xac\x82\x10\xcc^\x0c\xeb\x11\xe7\xec\xe2F\xafl\x06Z\x93\x15 \xe9*\xd5\xb9z\x1f\xd8\xa1\x15\xa7?=N\xa7\x06-\xab\x13\xdf\xcf\xce\xea\xa8;\x8a\x10\xa9\xa2\xb9\xc1\x0cw\xd4\x8b\x87H\x8c\xe4\x98)6\x89\x90\xbe\x9dS\xa8\xe1\x0e\x1d\x1f\xf2\xcb?\xd6=\xf9G\xa1\xba\xc1\xee%\x1dt\xb9\xfaO\xa2\xaf1@#\x81T\xaad\xb6t\xc7\x00\xbc\\\xafe\x1e\x8co^\x15\xa9\x8f4\xb2~\xdc\xf1\xcf\xe1\xb0[\xf3\xfeky\x07\x9c\xf3?\x84:\xe8n\x19\x80(\xc5\xe8\x86\x97I~?A\xefq\x95C\xe6r\xdd\xed\x1e\xdc\x83q /\xec\xd6`\xb4\x8e\xc3\x7f\x1d\xdb\x02\xba@H\xd2\xc6\xc6\x9f\xd1\xca3\xd6e\\2\xa0\xc2OR3\x88~\x91\x9f\x15\xf1E\xa226?Y\x7f8j\xb6\xb0\x8d%\xb9\x94\xa4#\xcc|\xb4)wR\xa6x"\xd9;"/&lt;\xe0\x89\x06\x1d\x9d+TN\xa9\x8e\x04b^\xf6 \xac\xc2\xff\xda\'\xe6A\x91\xed1)-\xc2\x04\xcc\x82\xb5\xf8(h\x94\x84`\xa7-\x0f\xe0\xe7\xbcO/Z\xf8?K*\xc0\x82\xba\xa3\x0f\xc5|\xe2\x95h\x04\x04\xadVP\x81\x9e\xc2\xcc\xffn\xa5Y\x18E\xdb\xddGD\x1f\xb1\xeb\xfc\x0b\xf9=f5\xda^ |O\xd0\x9e\xf3w\xec+2\xb8\xdd\xc1\x9b\xe1\xc6\x8c-\x8bb\xe5p\xbe\x07x\xb6*\xb3U\xaav@)2\xa6\xc5&gt;,wB)r\xfc\xaew\xf0w!\x80\x00a\xb9\xfd\x0e\xdbC\xf4\x15]\x87\xc9^3_k\xd3\xaa\xe2@w*&amp;B\xf2\x86\x8e\xa5p\xe2\x82&gt;D#\xa2\xba0\xfax\x07&amp;G\x1d\xf4\xd0.Yc\xb1*se\x97-K\xd7\'\x02az\xe6RT\xb2\x97\xe9\xcf\xe2U!\xed\xbc\xed\xec\x9fA\x0b\x17\x15\xdcHK\xf4,P\xbcYss\xf3\xcf\x8b`\xd0\x85\xa1\xd1\xdf\xc25\x95\x89\xbb\xec\xf6\x89a\x86W,B\x81\x96p\xb4\xd4\x9fu\xc8}\x98\xd2-\xb5\n,~A\xcb\x92\xf3\xc8s\xa5\x89\xdf?a\xb9\x15o\x1ev@\xf0\x85tr\x8c\xeb\xb6+\x14\xff\xa4\xb6\xa8\xa7a\xc6h\x00\x97eX\xb0\xc5\xef*\xe6R\xd6&gt;Y3Qx!cSv\xaf\x9b\x8f\xaf:\x08J\x9a\x81\xd1\xc26\xb2\xd0\xa5\x9cq\xf6\xbe\\\x0f\x87\xa3\xdf\x9c\xf74\xbc*\x1a\x01\xe7\xd08\xe5r\xa9C\xdd\x0f\x8a\x9a\xdeg\xeaOj\xdc\xad\xc2\xef\xcf\x1e\xf7Y5\xae\xe2V@\x1b\xb6\xd3K\x84\xd2\xbd\x8e\x8dsa\xaf\x8cv\xef\xc2\xe8\xc7%\x9b\xd8\xe2v\xda\x02\xc4:\xf97\xed\xa3T\x0b7\x17\\\x04o\xc8an\x8fZ\xb8\xc5i\x99\xd1-\xdc\xb8}\xe5?\xae\x0c\x0b\xed2\xc1\xdd-X\xa0p\xd0:\xa7f\xd9\xfb2\xfc\x07\xae\xaaG\x91\xea\xe6\x8f&amp;\x03R}\xb1\x06\xdc\xa0ulSr\xbc\x9d\xb2h#\x81z\xaem\x04\t\xc1\xe3\xc0\xf4\x9ba\xe6O\xe34\x8b%N\xa9\xd0\xe0\x0f\x83\xcc/\xc9\xa9R\x1d\xba\xef\xec?\x15\x1a\xe8\x92\x15)[\xe5\xa1C~\xab\xd9\xe4\xa6\x80\x10\x1f\x92a\xd1|\x9e\x8d\x86\xfb83\xcbk\xa3\xac\xb1\xdd\x1f&amp;\x84\x05\xf7BY\x86Wa8\xf4\xba2a\x18$\x8a\x05*\xae\x8c\xfa\xf3IK\x8d\r\x1a\xc9h\x04\xd2\x9e|\x13Vb\x8c\xa4\x8e\x91\xdeU\x03\xf0\x13\xb4\xd0\xff\x9d\x92\x03\xd1b2\xfd\x1ay\x7f\xea\xe5t\x93\\\t\xd4\x1a\x99\x98\xbd\x0b\xf1\xcdq\xa2\x01\x16p\x99U\x12\xc5\x06\x18`\xcc;[\xfe\xe17;\x82v\xd4\xbcA\xd4\x1f~%\xc9\xcfF[\xee&amp;\xe8\xeb[I\x8d\xba?\xecc\xf1\xb1\xf5\x85\xf2_M\x9e5\xf7\nv5h\xc2\x86s_$\x88\x99\xedg(c\xdb\xfd\xdd&amp;\xd3i8\xc1\xab\xc7\xd1_\xdeX\x89-rAH\x86\xcac\xbdGp=\xc9\x82\xe3is\xeft\xc6\xc1\xa4\xeey\x0e\x1ec\x98\x19\xaa\xd8\xafX8w\xa0\\\xafA*\x8a\x19\xa7\xa8\xed\xdb\x1e\x9a\x115 ;\x82\xeb\xc90\x11&gt;\x16\xdd\xc5\xf7Y7\xec\x94\x1cMM\xecB\xc9D\xa8&amp;a&gt;u\x96\xc4\x1b-\x9d\xd9!\xeb\xd4\x13\xb8\x9c\x84\x9a\xf4c\xa2\x1f\x13"\x85\xeb\x9b\x05eA\xa3\x91\x88\x06\x7f\x96\xf5a\x98g\xb1\xd0-\x9b\xe5}\xdb;\x06\x0b(\xfc\x92\'n\xffg\x06qT\xde?\xaa\xae\x04K\xb2\x0f\xf4"\xcb\xd6@\x0e\xbf(\xdb4T\xbc\xa70\xbf\xc2\x8d ,O\xea"\xc8\xfb\x8cRG\x0c\x94#\x16B\xcd\xbf\xf0\\\xef\x14\x8b\x17U\xef\x98\xb25\xf3\xa9|\x02\x90\x93\x8e\xf1Q\x8b\x12\xc0\xbc&gt;l\x1a3noO\xab\xf76\x92\xac\x03\xcb7\x94*\xa5z\xae\xa5\xa6\xd3\x05\\v\xbe9\xf1\x0f\xfe\xd8B\x14 \xe7-W\x1d\xc5qj\xd4X\xb8\x9b[\xeb-\x08f\xf3\x88\xeb\x00G\x07\xbf\xc4\xb6\x06`#(\xb98\x96\x1a\xddA3\x8e\xc0\x8f\xa0Mq&lt;\xa2\x8e,\xd3\x96^\xaf\xf7\x15B\xe35\xdaX\xcf\x0c\x9f\xee\x9c\x9c,\x92\x0c\xea\xab\xdcBg\xc6\xda\xdb\xcda\x80h\xb7\xeb\xde\x1d\xb8\xf6Z\\s\x9fGNr\xac\xfd\xd26\xde\x1c^\r*\xf2\x1d\r\t\xe5\x11\\myCU\xf6&gt;\x0c\xaba\x99.\xd1\xf2d\xf9\x9c\x8e8\xdf\xa4f\x95\xfb\xeeC\x19\xb0\x88\x12\xb5LF\xca\xe1[\xc3\xd8\xde\x7fG\xa6yX\xf0\xdb$\xf8rD\x15\xd9n\x03&lt;\xb8\xd3\x0b?\xc3\\=\xfb\xd9\xb5\xd4\xc9 \xf5B\xca\x93c\xb8\xad\xadJ\x8b\\\xb2|\xb4;\xdf\x88\x04\xfe\xfa\x06w\x12\x82\xf7$\xa4:&lt;\xdem\xaaoM\x17d\x84H\x12\\\xa3\xad\'\xaf\xdd\xb1\t\x93\xae\xb6\xe5"p\xd1\x8e\xbah\xeb]\xdd\x80\xbf\x1b\xdc\x92\xde\x13V\xc0\xb7\x84:\xad\x85\xf6\xf6A\x7f\xda\xadY\x95Z\x82\x8f/\x8e\xc5*IM[|C/\xcd\xe5H(,N\xe8i\x89o\x1d\xeaIN\xa6\x87\xac0\xa5\xf3\x849\x80U\xc2\xbf\x8c-\x12MJ\xcbd\xce\xec\xe0A\x98\x1b\xb7\x8e\xcb\xce\xa2\x82\xed;4\xf78\xe2\xa0+\xac\xa3\x9a\x13\xd0\xc31v\xff!S\x0cM]C\xdf\x01\xed\\`w\xa1\x15Pg)d\xd8\x01\x1di\xa6\x16a\x9e8\xac5\xe3\x1dr\'\xb0\xaau\xa5 572\x16\xc3U\xe5\xee\xd1B\xc6p\xba\x82X\xb3\xc2,\xc3\x0c&gt;S\xae\xe2\x1e\x88\xfc4\xb8%\xe09\xed\xb8\x1b\t\x15p\x88Y\xfe\x8f\xb5\xa0\xa7\x9c5H\x81\xbc\xd3\xe3\xa3oz3/wU\x86UV\xa3E\xce\x11\xc9\xd2\xf9\xe4\xb0}\xde\xacy\xbe\xf9\xb9|\x11\xadIF\xc9\x93D\xd4\xfdP\xf8\xc4\xab[\xbdz\x94K\xaf\x98\xe5\xb7i\x1f\x08\x1a\xd1T\x96t\x80\x1e\x0b\xa3\x02\xc9\xba\xefX\xfa\x04;j\xa3\x83\xa1\x83\x88\x88\xceSk\xa9\x04\xef\xc7L\xd7t\x04\xf7yS\x9d\xad\xf6D\x1e3\xd9r\xfdK\xd0\x08\xe0\xdf\x1e\xf6-\x1d\x98"\x86\x98\xec\x03\xe4\x12\x98Y\xf74#\xcd\x00\x1ba\xae\xb7\x90\xdb\x1a\xd3\xe3\xe8\x9a\xdc\x9c\x10\x135YW\x8b=\x98k\x10\xbf\xef*lb\xf9[\xda\x91\x94\xa9\x18\xa7\x9a\x11\x96\x02il\xdc&gt;i\xb9*\xc8\x86\xcb\t\xd5\xff\xc7\x8b\x10\xbb\xa4\xf45\xfbmj+\x9d\x91hF(y\xf3`[8?Nro\xa0^I\xa8\xb8\xe9\nC\x11\x98\xb7\xaa\x9f\x04~\x90\x07o=6P3\x90\x8d\x98@\xe3K7*\x11:\xf0\xb5;\xf4\xd96\x9c\x0e\xbe\nZ2\x02R\x9e&gt;\x9czK\r\xa0O.\xca\xb5\x97\xcf\xe2\xcb?\x1bh?\xd6\xaf\xf7 \xc7\x01xzM\xa5\xbe\xfa\xa6\xa3$|\xe7\xfa\xb6\xb0\xe7\x8cQ\xb6\x12\x92(\x96\x88\x0f\xf8\xa67\xa7\x01\xcaw\xbe\x16V;X\xc8P6\x10M$\xee\xac\x92\xa2\xd5\xa1\x10\xbd\xa4w\xdcq!\x9e\xc7\x90+Ij\xbe\x93\x92\xd2\xe1~\x9f\xaeq\xfc#\xb2\xc6\xf8\x16\x14\x1buL\x8f\x06\x95\x93`\xbce\r\x16\x00\x8ef\x15\xc1\x1d6\r\xbd\x98\xe9E\x07W\xed\xa8\x16\x98V8\x8e}5&amp;\xb4\xb1\x81s\x04\x81uM\xed&lt;2\xf4\x87\x19]CSXL\xd1\x0c\x04\xfe\xf2\x96(\xe4\x8d\x8cZ\x9fc\xb6;l\xd3\xfd\xf9\x85\xe4b\x152\x8e\xa3\x15j7Z\xeb\x83\xf2h\xcd\xe8\xf8\x88\xded\xb4L\xa0F\xff{\xed\xd3\x8dz\x9e\x8b\x9b\xa5\x82\xe5\x19E}\xd3\x14\x88P\xaf\xeb\xbb@i\xd7\x9a\x0c\x97\xbb\xf5\xd3\xd3;\xc5\xf9&amp;\xb6\xb1h|+2W:\x05\xc5\x04y\xfabI4/\xe2\xae\x9c\x0e\x88\x86\x17\xdd\x96L`\xb8e\xda\r\xde\x0f\\\xab\xa2F{\xbd\x82\x1e\x81Y \xc9zk\xf8\xec\xc4u\x81\x19\xbb:r\x8e{\xa8\'9k\x7f4.\xd5\xcd\x7f\x9c*\x88\x88\xed\xa3\xde\xe6\x9a\xc3i\x85\x85\x0e:O\xa1\xf9\xcc\x82\xb9\xeb\xc8\x9f\xac\xd4W0\x15Fd}\xed\xdf\xac=\x8eB+\xf2\x95\xb4\xb1\xfe0B\xff\x1fo(\x87\xdaU\xd8\xf2\x80\xa6S\xed=\x0e\x1b\xf6r\x97\xbee\x84]\xc8\x07\x02\x10^\x82\x13m\xc7\xdb\xa1x{\xc6Nf\xf2\x91:0\xa8\n\x95zYn\x8c^\xc6\xb4^f]\xa1\xfa\xf9Vy_W&gt;W\xeb\xb2\xa2{\x80\xe5K\xb9\xfb:"\x890l\x8c\xa0\x8cP\x1as\x82\x10\x8f\x00O\xb3G\xb2f\x96\xf84\xae\xa6\xf3\x96\xddP\xd4\xb2\xd5\x9bL\x8f\x97\xae\x99\xd9\xdb%:\xa5c)\xcb\xdae"\xb0\xa8\x0e\xa9\x93Y\xbb\xab\xf6H\xcf\x05\x01%\x9d\xe5Sd\xed\xb8\xdb5\xd0\xb7\xdc\\\x06\xbf\xf6\xe9\xb7\x84\xf5,~\x9b\x1f\xffa"=\x82\xfea7\x97d\xe9\xa8&amp;\xf1\x98 \xb9\xde\x9d\x81\xef\x92\xc5qm\xb1\xe4\x97\xc3\xe1G8X\xd6\x94\x0f\xe2\xcb}Z\x9d\x1a\xe0y\x8bA\xca\xfck{a\xae\x82\xbaa\xa1F82\xf5oZ\x98\xd3Q0\x08/c&lt;\x95\xb7\xfe\xfc\xa0\xa1\x8b{}\xa4\xe6\xb1\x04\x0f\xe9\xbb3\x08\xc1\x0e\xeeH\xafV\x0e\xc4\x041\x13\xb6\xd0`\xdep\xf8\xbd\n\x04\xae\xcc'</t>
  </si>
  <si>
    <t>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</t>
  </si>
  <si>
    <t>b'V\xf0\xb0)\nD)\xc3\xe8\xb7\x86T\xbc\xee$\xa0'</t>
  </si>
  <si>
    <t>waving, and her heart beating, she
felt as if her fun had really begun at last, for the mirror had
plainly told her that she was â€˜a little beautyâ€™. Her friends
repeated the pleasing phrase enthusiastically, and for several
minutes she stood, like a jackdaw in the fable, enjoying her
borrowed plumes, while the rest chattered like a party of
magpies.
â€˜While I dress, do you drill her, Nan, in the management of her
skirt and those French heels, or she will trip herself up. Take your
silver butterfly, a</t>
  </si>
  <si>
    <t>b'\xb1\x03\xbc\xd0\xd0\xa0\x18Y\x8b\xb7zv\x8f\x94\xfa\xf1oh\xd7%vG\x8f\xa1\xde"\xa5\xddn\xcd"\xc6\x87_D?\xad\x01\xd6t5\xabH\x8bg\xf1F\xa7\xf3\xbc\x03\xd3\x19\xbcIe\x8c\x1a\xef\xc5\x0f\xee\xc2\xef9\xee\x02(l\xc1!qP`L\xea\xc5"XaQ\xfc?\xbbn4i\x9e\xf2fR2\xa9\xafX\xb7\x0c.\xbd*O+=\x06pO\xfcN\tA\xec\xf3%9g\xef\x16K\xa5q\xc4\xd8\xf1\xc7\x0eVM\xd8:\xfc\x9c\x08I\xda$\x19\x0f+MC\x84\xde$\xfd\x8737\xc2\x98\xc8\xd0j\x17\xe06]{iaM\xf1\xec\xf0\x81\xc4\x86\xb5M\xe8\x89\x13\x00\xce\xb6\xb3\x87\x1a\xe2\xd8u\xfd\x9f0p\xfe\xd6_\xa5\xfbS\xba\xbcD\xb6|\xf18\x810\x01\x8c\x82\n\xe9r\x1f\xf6\xec\x94\xf8)\x96B\x84&lt;\xc2\xc9\x0fui\xb3\xff:\xb5&lt;\xfb\x92\x9aI@h\xc3i`\n*\x91F\xfd\xc6$\xefd\x9b\xc5\x9a|\xb7\xc3\xe9\xcc\x107X\x9c\x98^\x17\x13\xd7\xeb\xb7\x11\x19\xa0\x99\xa1\xed\xe99\xf7\x94t\x08t\x0c\xb2\xb2\xb5\r\xfe\x9e\\\xe6$\xe7\xa5\x7f\x14\xac\xb5\x9c\x8f\x85\x0e\xac\x1b\xc2?\xf1\xf5\x05\xcf\x11\xe7[U\x16\xe3\xa9!\x9fc\r_WR\xb6\x8d_,z#\x95\x95c{\x81;D\xc3\xe9\xb5\xc8\x13\xdf\xf9O\x9atyB\x8e\xd1\x8fq\x0c\x0e\xd5pl)\x07e\xe9\xcb\xd4;\x1f\xad\x00\xa9G7s\x1d\xfd\xe9"P\\\xd4\xf6\xc9y\xb7\xf4[D\xbbAb\xe2\x97\xf9\x81\'\xaf`QN\x1a\x9b*\xfe8)\xc1_x\x1b\x06=\xc0\x0b|\xedB\x13r9}fe\xdf\xb0\x8e\xe1\xba\xedSc\x94"a\xb2\xc1\xf8\xe7\x87\xf8;\x95\xfa0\xd0\x0f\x80\xd1\x19B\xe1\xccfo0\xe4g \x8a\xf7\x8b\xae\xd8\xa9\x94\x0b\xf6j\xc8\xa1"K\xe8Ie\x93\xf5\xb1\xd85\xf2(\xc5b\x99i [\x85\x12\xd3;\x1a\xef\x81\xff\xd5y\x1c\xfc\x18\xfd\xb9v\xa4AQ&gt;\x92\xec"\x0b`\xe9$N\xf8G4\x10\x8e'</t>
  </si>
  <si>
    <t>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</t>
  </si>
  <si>
    <t>b'\xb1\x03\xbc\xd0\xd0\xa0\x18Y\x8b\xb7zv\x8f\x94\xfa\xf1'</t>
  </si>
  <si>
    <t>uires 12 units of Foreign labor to produce, but its cost in
 terms of Home labor, given the three-to-one wage ratio, is only 4 person-hours (12/4 = 3).
 w/w*
 aLi/aLi
 *
 aLi
 * /aLi 6 w/w*
 aLi
 * /aLi 7 w/w*
 aLi
 * /aLi 6 w/w*
 .
 waLi 7 w*
 aLi
 * ,
 TABLE 3-2 Home and Foreign Unit Labor Requirements
 Good
 Home Unit Labor
 Requirement aLi
 Foreign Unit Labor
 Requirement ( ) aLi
 *
 Relative Home 
 Productivity 
 Advantage ( ) aLi
 * /aLi
 Apples 1 10 10
 Bananas 5 40 8
 Caviar 3 12 4
 Dates 6 12 2
 Enchiladas 12 9 0.75
 42 PART ONE International Trade Theory
 This cost of 4 person-hours is less than the 6 person-hours it would take to produce the
 unit of dates in Home. For enchiladas, Foreign actually has higher productivity along with
 lower wages; it will cost Home only 3 person-hours to acquire a unit of enchiladas through
 trade, compared with the 12 person-hours it would take to produce it domestically. A sim_x0002_ilar calculation will show that Foreign also gains; for each of the goods Foreign imports, it
 turns out to be cheaper in terms of domestic labor to trade for the good rather than produce
 the good domestically. For example, it would take 10 hours of Foreign labor to produce a
 unit of apples; even with a wage rate only one-third that of Home workers, it will require
 only 3 hours of labor to earn enough to buy that unit of apples from Home.
 In making these calculations, however, we have simply assumed that the relative wage
 rate is 3. How does this relative wage rate actually get determined?
 Determining the Relative Wage in the Multigood Model
 In the two-good model, we determined relative wages by first calculating Home wages in
 terms of</t>
  </si>
  <si>
    <t>b'0F\x02!\x00\xceB\x9d\xe2\x16\x0b\x11`,\xf4\x1f\xf27\x80r\xee!\xc1\x89\xe0w\xe44|\x88\x85\xaf\x00d\x00\xa0\x81\x02!\x00\xb0+\xb7o\xd2\xfd\t\x86*\xaapa-\xe8\xb7\xd7\x92{l\x88\xe408\xfe\xc2\xd0\xc7)\\\xbc\xc1C'</t>
  </si>
  <si>
    <t>3046022100ce429de2160b11602cf41ff2378072ee21c189e077e4347c8885af006400a081022100b02bb76fd2fd09862aaa70612de8b7d7927b6c88e43038fec2d0c7295cbcc143</t>
  </si>
  <si>
    <t>b'0F\x02!\x00\xceB\x9d\xe2\x16\x0b\x11`,\xf4\x1f'</t>
  </si>
  <si>
    <t>ed the liveries of
 his brother-in-law, and in the parlour he found Monsieur and Madame
 Quesnel already entered. They had left Paris some days before, and were
 on the way to their estate, only ten leagues distant from La Vallee, and
 which Monsieur Quesnel had purchased several years before of St.
 Aubert. This gentleman was the only brother of Madame St. Aubert; but
 the ties of relationship having never been strengthened by congeniality
 of character, the intercourse between them had not been frequent. M.
 Quesnel had lived altogether in the world; his aim had been
 consequence; splendour was the object of his taste; and his address and
 12
 knowledge of character had carried him forward to the attainment of
 almost all that he had courted. By a man of such a disposition, it is not
 surprising that the virtues of St. Aubert should be overlooked; or that his
 pure taste, simplici</t>
  </si>
  <si>
    <t>b'\x98\xf3`\x1e(]\xe4J\xd0:d\xf5\x85\xcaQ\x954\xbc\xe6\xbb\xf5\xdcVE\xec&gt;\xf4\xeb\xa4\ts\x84\xdcA\x0b\xde\xd8Xsq\x9a2\xc9 L\xb5\xf4\xa0}a@;\x8a\xe3qy\xe5\xdcE\x12\xfc\xacR\xdf'</t>
  </si>
  <si>
    <t>98f3601e285de44ad03a64f585ca519534bce6bbf5dc5645ec3ef4eba4097384dc410bded85873719a32c9204cb5f4a07d61403b8ae37179e5dc4512fcac52df</t>
  </si>
  <si>
    <t>b'\x98\xf3`\x1e(]\xe4J\xd0:d\xf5\x85\xcaQ\x95'</t>
  </si>
  <si>
    <t>ew exercise, slight as it was.
"I want to do it before the sun goes quiteâ€”quite down," he said.
Mary thought that perhaps the sun held back a few minutes just on
purpose. Ben Weatherstaff brought the rose in its pot from the greenhouse. He
hobbled over the grass as fast as he could. He had begun to be excited, too. He
knelt down by the hole and broke the pot from the mould.
"Here, lad," he said, handing the plant to Colin. "Set it in the earth thysel'
same as th' king does when he goes to a new place."
The thin white hands shook a little</t>
  </si>
  <si>
    <t>b' \x10Y\x9c\xd8v\x86\xf0k\x87\x17\x07\x87@H&lt;G\x80_5\xb3#\x1c\xe7e1\x92\x8a\x9a\x0b\x19\x86\xd67\xba8)f_x\xd2\x83\x89m?\x81\xf6X\\Yh\xc9E2\xc3\xfeO\x08\x8c\x07\xc4JD\x17\xa3o\xfe\xae\xea\x84+\t\xd1\x82\x14I\ro\xbdv\x81\x1a\xd0D\xe7\x18k\x8e\x12\xd0&amp;|0\xd7|{\x08\xc1\xaa\xe6\x11\x85y% a,&lt;6*\xf4\xc9\xb1\xcf\x19\xfb3U\xdd\xa0\x07\xc8\xdcCu\xe1"\xd94\xa2=\x8a\xdd\xde\x12\xcf\xe5\xa5\xbd\xf9?\xb4\xd6\n~\xd1Q\xe3}\x05\x13\x86\x9d\x017\x8b~_F\xefY\x1b\xedS\xc5x\x7f\x8e\x95a\xad\xe2g\xfaKK\xc7\x05"\xdd\xfdI\'\xc7\'\x1eWC\xe8\xcf\xda\xd5\xf8\n8K\x98\x17\xc4\xb1\xa6X\xcb+V\xd7y6\x8c\xb8\xfc\x9ca7^\n\xaa\xd8\xc8J\xb8\xe5\xf8\x9d\xb6Z\xaaK\xc9Ju\x02\x17\xa3\x9f\xbf\xed\x8b\x81\xdb\xbb\x7f*\x92\xe9\x90\xd1O\xbd\xb6\xcf\x14x\xdc\xe8h\x06\x00\xee\xb3\xcf\xa7c?\xc4R?\nT\xf8\x081\xd6D\xc4m\x14\xab\xab\xbe\xffz\xc2\xa9\xa5\x99\xe8l\x82\xfe\xfc[\xffs\xff\x0f\x86\xda\x04\xecz\xf6$?\xd3\xf2\t\x10\xc3\x85`RnV0\xfb\xca\xff\x12l\xeb\xae\x96w\xe7\xaa)&amp;\x11^-{_&gt;t\xa9\xd2\xaf\xd1\xfe\x988,\xdf\xceGx7\xe1;F=\xb5\xfe\xa4\xe2\xcc\xcd\xae5\x96h\x00U\x8ei\xeeI\x8b\xa1\x86\x1eh\xc1\xf5\xb5\xbbe\x1a@\xe2\x1bQ\n\xf5\xb6\x8b\x08\xba\xc2[\xd4\x15~A\xe0A\xae?WrD\xe6\xe6\xb33\xd6\xe2T\xd6\x89\xc0|\xfc&lt;Q\x86L\xcbEB`\x1a\x85\x8f8\xe9\x87\xa0\xbb;\x86\x8d\x0eCb\xbcv\x90\xa1\x08\x92\x97q}\xd0\x85\xb1\xea\xf3\xb2\x17)\xbe}\xbd\xe0\xb4\xe9^[t\xc8$\x86A\xc1\x96\xd0`\xd8\xf5\xf7\xbca8M\xb4z\\\xc4\xcd\xda\xbe\xf46\xf3\xadG\xb6Lt\x18y\xdb4\x19\xca\x12q\xcf\x1b\xa3\xe7\xbc\x98\xf8.\x15\xeb\x92\x8b\xa3\x8eG)q7\xb1\x8a\xdf\x98eslp\x04\xb0\xd5\xae\xd15f\xb7\x0b\xb0\xde\xb5_\xcf\xb3/\xec\xe5\xdd\xc0O\xedk\x11(\x7f'</t>
  </si>
  <si>
    <t>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</t>
  </si>
  <si>
    <t>b' \x10Y\x9c\xd8v\x86\xf0k\x87\x17\x07\x87@H&lt;'</t>
  </si>
  <si>
    <t>Fogg rose, and,
 followed by Fix, went out upon the platform. Passepartout
 accompanied him, carrying a pair of revolvers. Aouda remained
 in the car, as pale as death.
 The door of the next car opened, and Colonel Proctor appeared
 on the platform, attended by a Yankee of his own stamp as his
 second. But just as the combatants were about to step from
 the train, the conductor hurried up, and shouted, â€œYou canâ€™t get
 off, gentlemen!â€
 â€œWhy not?â€ asked the colonel.
 â€œWe are twenty minutes late, and we shall not stop.â€ â€œBut I am
 going to fight a duel with this gentleman.â€
 253
 â€œI am sorry,â€ said the conductor, â€œbut we shall be off at once.
 Thereâ€™s the bell ringing now.â€
 The train started.
 â€œIâ€™m really very sorry, gentlemen,â€ said the conductor. â€œUnder
 any other circumstances I should have been happy to oblige
 you. But, after all, as you have not had time to fight here, why
 not fight as we go along?â€
 â€œThat wouldnâ€™t be convenient, perhaps, for this gentleman,â€ said
 the colonel, in a jeering tone.
 â€œIt would be perfectly so,â€ replied Phileas Fogg.
 â€œWell, we are really in America,â€ thought Passepartout, â€œand the
 conductor is a gentleman of the first order!â€
 So muttering, he followed his master.
 The two combatants, their seconds, and the conductor passed
 through the cars to the rear of the train. The last car was only
 occupied by a dozen passengers, whom the conductor politely
 asked if they would not be so kind as to leave it vacant for a
 few moments, as two gentlemen had an
 affair of honour to settle. The passengers granted the request
 with alacrity, and straightway disappeared on the platform.
 254
 The car, which was some fifty feet long, was very convenient for
 their purpose. The adversaries might march on each other in the
 aisle, and fire at their ease. Never was duel more easily
 arranged. Mr. Fogg and Colonel Proctor, each provided with two
 six-barrelled revolvers, entered the car. The seconds, remaining
 outside, shut them in. They were to begin firing at the first
 whistle of the locomotive. After an interval of two minutes, what
 remained of the two gentlemen would be taken from the car.
 Nothing could be more simple. Indeed, it was all so simple that
 Fix and Passepartout felt their hearts beating as if they would
 crack. They</t>
  </si>
  <si>
    <t>b'\x02\x99p4\xc1\x89$\x96\xf0\xe1\xa3Z\\]\x92\xa6zb0\x80\xac\xb5\x9fnW9(O\x9b\x98X,'</t>
  </si>
  <si>
    <t>02997034c1892496f0e1a35a5c5d92a67a623080acb59f6e5739284f9b98582c</t>
  </si>
  <si>
    <t>b'\x02\x99p4\xc1\x89$\x96\xf0\xe1\xa3Z\\]\x92\xa6'</t>
  </si>
  <si>
    <t>echoed it a score of 
 times; the whole troop of marsh-birds rose again, darkening heaven, 
 with a simultaneous whirr; and long after that death yell was stil</t>
  </si>
  <si>
    <t>b'V\x86\x8f\x8dQ\x1a\xc1\xe6\xb5\xf9B\xa5\xef\x0eE\x16\x02\xd09Kc\xe6\xfe\xf1D\xdc\xd9\x86\xfc#\xf4\xfck\x1e\x08\x9a\xec\xb7\xa0?\x1d\x94\xda\xd3A\x99\xbe*\x1ew;AA@|\xc9 \x85\x10\xbc\\\x01}m\xcd\x9b\x98G\xfd4\xa9\xd1}\xa9(/\x0fr\xd3zk2\xed\xb7S(\x13\x8d\xe4m\xc4\xe2\xb3\xe2\xdaM?[\x97.\x11c\x9b\xb3W\xed\xb5\x92\x82jr\xcb\r\xcfd\n\x8d\x16\x80\x82\xc8X\xba\x12d9\x94yx \\\np\xca\xad\x99O\xc0\xf8\x1a\xf8\xb2{\xe3\xd6\xc6\x93\x8d\xaf\x84J\xa1\xa9\xe7~\xe3D\xc0\x9f\x91%\x97G\x05\x1c\xeb\xf1\xba\xb8\x1c\xdc(\x99\xe3|r\xc9\x0b\xd4GL\x86\xaf\x0f\xdfN\xfd\xa9^09f\xbc\x9ff\xd8*0q;\xf5\xe5\x91\xbc\xac\xe8\xd0\xace\x1f\xc7 r\xa9\x98~\xacGD\xa0\xc2\xf6\x02{\xf5\xb0\xd4\x01"\xd2\x9dy\xba\x829f\x8f\xe8M\x9f\x19\xa3\x07\xfb\xaf\xeab\rn\xdbI\xa8gA\xfc\xa0'</t>
  </si>
  <si>
    <t>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</t>
  </si>
  <si>
    <t>b'V\x86\x8f\x8dQ\x1a\xc1\xe6\xb5\xf9B\xa5\xef\x0eE\x16'</t>
  </si>
  <si>
    <t>Passepartout was charged with purchasing
 for her various articles of toilet, a dress, shawl, and some furs;
 for which his master gave him unlimited credit. Passepartout
 105
 started off forthwith, and found himself in the streets of
 Allahabad, that is, the â€œCity of God,â€ one of the most venerated
 in India, being built at the junction of the two sacred rivers,
 Ganges and Jumna, the waters of which attract pilgrims from
 every part of the peninsula. The Ganges, according to the
 legends of the Ramayana, rises in heaven, whence, owing to
 Brahmaâ€™s agency, it descends to the earth.
 Passepartout made it a point, as he made his purchases, to
 take a good look at the city. It was formerly defended by a
 noble fort, which has since become a state prison; its commerce
 has dwindled away, and Passepartout in vain looked about him
 for such a bazaar as he used to frequent in Regent Street. At
 last he came upon an elderly, crusty Jew, who sold second-hand
 articles, and from whom he purchased
 a dress of Scotch stuff, a large mantle, and a fine otter-skin
 pelisse, for which he did not hesitate to pay seventy-five
 pounds. He then returned triumphantly to the station.
 The influence to which the priests of Pillaji had subjected Aouda
 began gradually to yield, and she became more herself, so that
 her fine eyes resumed all their soft Indian expression.
 When the poet-king, Ucaf Uddaul, celebrates the charms of the
 queen of Ahmehnagara, he speaks thus:â€”
 106
 â€œHer shining tresses, divided in two parts, encircle the
 harmonious contour of her white and delicate cheeks, brilliant in
 their glow and freshness. Her ebony brows have the form and
 charm of the bow of Kama, the god of love, and beneath her
 long silken lashes the purest reflections and a celestial light
 swim, as in the sacred lakes of Himalaya, in the black pupils of
 her great clear eyes. Her teeth, fine, equal, and white, glitter
 between her smiling lips like dewdrops in a passion-flowerâ€™s
 half-enveloped breast. Her delicately formed ears, her vermilion
 hands, her little feet, curved and tender as the lotus-bud, glitter
 with the brilliancy of the loveliest pearls of Ceylon, the most
 dazzling diamonds of Golconda. Her narrow and supple waist,
 which a hand may clasp around, sets forth the outline of her
 rounded figure and the beauty of her bosom, where youth in its
 flower displays the wealth of its treasures; and beneath the
 silken folds of her tunic she seems to have been modelled in
 pure silver by the godlike hand of Vicvarcarma, the immortal
 sculptor.â€
 It is enough to say, without applying this poetical rhapsody to
 Aouda, that she was a charming woman, in all the European
 acceptation of the phrase. She spoke English with great purity,
 and the guide had not exaggerated in saying that the young
 Parsee had been transformed by her bringing up.
 107
 The train was about to start from Allahabad, and Mr. Fogg
 proceeded to pay the guide the price agreed upon for his
 service, and not a farthing more; which astonished
 Passepartout, who remembered all that his master owed to the
 guideâ€™s devotion. He had, indeed, risked his life in the adventure
 at Pillaji, and if he should be caught afterwards by the Indians,
 he would with difficulty escape their vengeance. Kiouni, also,
 must be disposed of. What should be done with the elephant,
 which had been so dearly purchased? Phileas Fogg had already
 determined this question.
 â€œParsee,â€ said he to the guide, â€œyou have been serviceable and
 devoted. I have paid for your service, but not for your devotion.
 Would you like to have this elephant? He is yours.â€
 The guideâ€™s eyes glistened.
 â€œYour honour is giving me a fortune!â€ cried he.
 â€œTake him, guide,â€ returned Mr. Fogg, â€œand I shall still be your
 debtor.â€
 â€œGood!â€ exclaimed Passepartout; â€œtake him, friend. Kiouni is a
 brave and faithful beast.â€ And, going up to the elephant, he</t>
  </si>
  <si>
    <t>b'\x8e\xfaQ%\x08\xdb\x98\xd3\xa1\x99\x82+u\x8a\xfc{@\x88\xc8\xebp*\x16H\x7f5Tkj\xbbM\x07'</t>
  </si>
  <si>
    <t>8efa512508db98d3a199822b758afc7b4088c8eb702a16487f35546b6abb4d07</t>
  </si>
  <si>
    <t>b'\x8e\xfaQ%\x08\xdb\x98\xd3\xa1\x99\x82+u\x8a\xfc{'</t>
  </si>
  <si>
    <t>dreadful
 length of distance.
 Her mind was, at length, so much agitated by the consideration of her
 state, and the belief, that she had seen Valancourt for the last time, that
 she suddenly became very faint, and, looking round the chamber for
 something, that might revive her, she observed the casements, and had
 just strength to throw one open, near which she seated herself. The air
 recalled her spirits, and the still moon-light, that fell upon the elms of a
 long avenue, fronting the window, somewhat soothed them, and
 determined her to try whether exercise and the open air would not
 174
 relieve the intense pain that bound her temples. In the chateau all was
 still; and, passing down the great stair-case into the hall, from whence a
 passage led immediately to the garden, she softly and unheard, as she
 thought, unlocked the door, and entered the avenue. Emily passed on
 with steps now hurried, and now faltering, as, deceived by the shadows
 among the trees, she fancied she saw some person move in the distant
 perspective, and feared, that it was a spy of Madame Montoni. Her
 desire, however, to re-visit the pavilion, where she had passed so many
 happy hours with Valancourt, and had admired with him the extensive
 prospect over Languedoc and her native Gascony, overcame her
 apprehension of being observed, and she moved on towards the terrace,
 which, running along the upper garden, commanded the whole of the
 lower one, and communicated with it by a flight of marble steps, that
 terminated the avenue.
 Having reached these steps, she paused a moment to look round, for her
 distance from the chateau now increased the fear, which the stillness and
 obscurity of the hour had awakened. But, perc</t>
  </si>
  <si>
    <t>b'\x92Za\xfep\xd9vNk\xb7_-\xdd~x\x1e\xca\x0f7\x8b\x02\xe9\x8a\xce\x83\x19\xaas#\xf8\xb2Q\xf4\xdf\x88C)\x1a\xcdw\xf2\xe5b=\xb7\n\x1bu\xe7\x9c\x89\xb6\x16\xb1\xba\\\x1f\x96\x8f\x12J\xaa"\xe6'</t>
  </si>
  <si>
    <t>925a61fe70d9764e6bb75f2ddd7e781eca0f378b02e98ace8319aa7323f8b251f4df8843291acd77f2e5623db70a1b75e79c89b616b1ba5c1f968f124aaa22e6</t>
  </si>
  <si>
    <t>b'\x92Za\xfep\xd9vNk\xb7_-\xdd~x\x1e'</t>
  </si>
  <si>
    <t>le. 
 "Dogger," said Mr. Dance, "you have a good horse; take up this lad 
 behind you." 
 As soon as I was mounted, holding on to Dogger's belt, the supervis</t>
  </si>
  <si>
    <t>b'\xb7M_\xbc\x88\x17\xda\r\x92U5\x0c3\xd3\xd2\x89\xffW\x18i\x1e9x\xc1T\x1b\xa1\x94G+\x14\xc8\xeb\xdb\x13[\x9fCl-=\x95\x8e\x98\xaf01\x89\xfa\xff&amp;\xe2\xf1\xea3\xf3&amp;6\xcb1\x12\xa8\x8e\xe1\xdf\xb2\n\xe5\r\xfc\xc9\xd7J\xa5h-\xbd\xb4^*,\xeeV\xfb\xf5\xd17\x1cA:\xb9\xfbxz\x81\xd3\x01{b\xc6\x18\x90k\xda\xa2\x8fNA\xd8$\x81\xf4\xdb\xc6K\xd1\xba\xb3Z \x8fG\x81E_\xd1\xdd\xb1R\xde]Q\x1fP\xdfO\xc5:\x9a\xbdF\x1fP\xab\xd0\x8c`G\xd3Ra\x08AY\r5\xb4\x0f\xe1\x85\xba\xdf\x95\x84o\x0c\xc3\x8fK]\xe1\xdb*\x1e\xaez\xe0`d\xe7\xdf)P\xe9\xea\x99|\x8eq\xd1\xcbG[\xcf\\\x07Q\x9a\xb2s\xa6\x8a\x97\x90\x15%\xc3_vYe\x0b\xd4[\x05\xd9\xb3\xfcL-\xb3=\xb3\xbb\x86IS\xdfK\xed\xdfJh\xb4\x8b\x88\xb8\xa6\x16\xf9\xa8\x8d\x80)-\xa0\xc4"u\xd7NX\x00\xf7\\\x9c'</t>
  </si>
  <si>
    <t>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</t>
  </si>
  <si>
    <t>b'\xb7M_\xbc\x88\x17\xda\r\x92U5\x0c3\xd3\xd2\x89'</t>
  </si>
  <si>
    <t>ting expression; for timidity
 had made her linger in her apartment, till the utmost moment, and,
 when she entered the hall, in which a kind of state dinner was spread,
 Montoni and his guests were already seated at the table. She was then
 going to place herself by her aunt; but Montoni waved his hand, and two
 of the cavaliers rose, and seated her between them.
 The eldest of these was a tall man, with strong Italian features, an
 aquiline nose, and dark penetrating eyes, that flashed with fire, when his
 mind was agitated, and, even in its state of rest, retained somewhat of
 the wildness of the passions. His visage was long and narrow, and his
 complexion of a sickly yellow.
 The other, who appeared to be about forty, had features of a different
 cast, yet Italian, and his look was slow, subtle and penetrating; his eyes,
 of a dark grey, were small, and hollow; his complexion was a sun-burnt
 brown, and the contour of his face, though inclined to oval, was irregular
 and ill-formed.
 Eight other guests sat round the table, who were all dressed in an
 uniform, and had all an expression, more or less, of wild fierceness, of
 subtle design, or of licentious passions. As Emily timidly surveyed them,
 she remembered the scene of the preceding morning, and again almost
 fancied herself surrounded by banditti; then, looking back to the
 tranquillity of her early life, she felt scarcely less astonishment, than
 grief, at her present situation. The scene, in which they sat, assisted the
 illusion; it was an antient hall, gloomy from the style of its architecture,
 from its great extent, and because almost the only light it received was
 from one large gothic window, and from a pair of folding doors, which,
 being open, admitted likewise a view of the west rampart, with the wild
 mountains of the Apennine beyond.
 The middle compartment of this hall rose into a vaulted roof, enriched
 with fretwork, and supported, on three sides, by pillars of marble;
 beyond these, long colonnades retired in gloomy grandeur, till their
 extent was lost in twilight. The lightest footsteps of the servants, as they
 advanced through these, were returned in whispering echoes, and their
 figures, seen at a distance imperfectly through the dusk, frequently
 362
 awakened Emily's imagination. She looked alternately at Montoni, at his
 guests and on the surrounding scene; and then, remembering her dear
 native province, her pleasant home and the simplicity and goodness of
 the friends, whom she had lost, grief and surprise again occupied her
 mind.
 When her thoughts could return from these considerations, she fancied
 she observed an air of authority towards his guests, such as she had
 never before seen him assume, though he had always been distinguished
 by an haughty carriage; there was something also in the manners of the
 strangers, that seemed perfectly, though not servilely, to acknowledge his
 superiority.
 During dinner, the conversation was chiefly on war and politics. They
 talked with energy of the state of Venice, its dangers, the character of the
 reigning Doge and of the chief senators; and then spoke of the state of
 Rome. When the repast was over, they rose, and, each filling his goblet
 with wine from the gilded ewer, that stood beside him, drank '</t>
  </si>
  <si>
    <t>b'\xf3\x1et\x82_\xe7\x8d\xbe\x88m\xd1\xc5\xd0\xe3n\x92E\x19\x90\xe2\xdfO\xc8Z\xe7\xa6Cv\xe4\xbd\x1d\x89\x7f\xfb\x04\xe3c\x01\xac\x85OGC\xf7K\xf2\xb2\xd4i\x1a1BL\xc0\x11B\x19t?\x00\x04?F\x15'</t>
  </si>
  <si>
    <t>f31e74825fe78dbe886dd1c5d0e36e92451990e2df4fc85ae7a64376e4bd1d897ffb04e36301ac854f4743f74bf2b2d4691a31424cc0114219743f00043f4615</t>
  </si>
  <si>
    <t>b'\xf3\x1et\x82_\xe7\x8d\xbe\x88m\xd1\xc5\xd0\xe3n\x92'</t>
  </si>
  <si>
    <t>t
it while the Mouse was speaking, so that her idea of the tale was
something like this:â€”
â€œFury said to a
mouse, That he
met in the
house,
â€˜Let us
both go to
law: I will
prosecute
you.â€”Come,
Iâ€™ll take no
denial; We
must have a
trial: For
really this
morning Iâ€™ve
nothing
to do.â€™
Said the
mouse to the
cur, â€˜Such
a trial,
dear sir,
With
no jury
or judge,
would be
wasting
our
breath.â€™
â€˜Iâ€™ll be
judge, Iâ€™ll
be jury,â€™
Said
cunning
old Fury:
â€˜Iâ€™ll
try the
whole
cause,
and
condemn
you
to
death.â€™â€
â€œYou are not attending!â€ said the Mouse to Alice severely. â€œWhat are
you thinking of?â€
â€œI beg your pardon,â€ said Alice very humbly: â€œyou had got to the fifth
bend, I think?â€
â€œI had not!â€ cried the Mouse, sharply and very angrily.
â€œA knot!â€ said Alice, always ready to make herself useful, and looking
anxiously about her. â€œOh, do let me help to undo it!â€
â€œI shall do nothing of the sort,â€ said the Mouse, getting up and walking
away. â€œYou insult me by talking such nonsense!â€
â€œI didnâ€™t mean it!â€ pleaded poor Alice. â€œBut youâ€™re so easily offended,
you know!â€
The Mouse only growled in reply.
â€œPlease come back and finish your story!â€ Alice called after it; and the
others all joined in chorus, â€œYes, please do!â€ but the Mouse only shook its
head impatiently, and walked a little quicker.
â€œWhat a pity it wouldnâ€™t stay!â€ sighed the Lory, as soon as it was quite
out of sight; and an old Crab took the opportunity of saying to her
daughter â€œAh, my dear! Let this be a lesson to you never to lose your
temper!â€ â€œHo</t>
  </si>
  <si>
    <t>b'|&lt;\x95PZ\xff7\xf4\xc8\x98\x86\x92\xe6 \x1bh\x04\xa8\x0c\ny\x1fK\xbd\xea\xf1:\xac\x81\x8cvt\n\xc20\xf1R8\xebX"]\x02\xa7\xc2~y\x98\xebW\xb3\x8e\xf7\xc9\\8\x9d\xecS\x04y\x86\xd6r\x1a(\x88\xee#\x93s\xaaM\xb1\x8c\x9d\x1f\xb9\xa3\xe7\x87K\xca?sk[\xb7t\xe6\xfe\xfc\x04\xeclPX\xaa%\xbeP\'\xe2\xe8H`\x18.\xbe(\xfc\x0eD\x95\x13\xcb\x7f\xca\x1a\xbe\xefC\x1a\xa8\xaa\xd68%\xeb\xf7\x9c.\'\xcc\xe3\xb9j\x91\xa0k\x8f\\qa\xc2\x01\xcf\x1a\xf9\xf6\x10\xa7$e\xbe`2\xa1\xef\xda\xac= \x88\xeby8q\xe2\xfe\xf5\xbbDF\xb3\xdc\xf5\xb3MR5\xcci&lt;\xa6\xcc\xc3k&lt;@\x07\xe7C\xbf?\x91\x8cm:X\xd5\xb9r\xb3\x04\xbd8P\xe7\xe6\x03w\xdd\xa7\x1e\xa7-=\xaa\x0b)\xaa\xb0\x80uf\xe7b\xcf\x07.I\xc3\xe1|\xea?\xb0%\xa56\xbbd\x80\x83\x93\x9a\xbb\xa4WD~\xee!\x88F\xfa\r\x8cg\xa2\x85\x80\xf4\x17\x82\'\xd8\xcf\xc9\x02\x100[\x0eNL4n\x15\xcf\xcc\xdf\x02B\x86pO\xf3k6\xb4O\xb9\x97W;Pz\xfa\xb5#\xe2\xc2\xba\xf2\x05\xe7\xaf\x83\x16\x04\xc9\xf8o\x06\xfb\xbcia\xda\xd8\x1c\xb4\xd5\xec&amp;h\xef02P\xe7\x87\x16\xcc"u\xc1(\xec\xaa\x8f@\xed\xfcR\xbf\x80W\xa4\xe8\xc5F\xbc\xae\xa2T\xc9\xf3\x1f\xa1\xc6\xbf\x10\xeb:\xd4\xf7\xba&amp;yz\xeaq\\\x9a\'\xdc,w\x1f\x8d\x9c\xe41\xcd\xf1[U\xc4\x05\xb1\x11z8y\xda\xfa\'\x06\x00\xe0&gt;[\xea\xd5\x83%.%\x98\x89\xe9\xcd\xf6\x88s\xac_\x88G1b^\x1a\x0e\x1d\xb6QNU\xb6\xd7?F!\xf5\xf9QJ|\xf9\x9ad\xf16\xd8d-\xbe\x1eu\x92\xbcXa\xa3-\x84v\xf9l}\x89+\xe2\xach/\x0c\xcbp7b\xdc7\xf3^\xd5\x8d\xa0\x9b\x06}K3\xe8\xb4F|\xf5\x85/=i\xcf\x89\xf8\xf1T\x95\xefZ\xad-\x8c\x0b\xb5\x91\x01r_\xff\x93;\xaf%2(\xe4\xdb\x8c\x8d3@\x8d\x00\xf0?,\x9a\xfc\xa4s\x02\xad"\xb7\x90\xa1\'\x18\x8b\xd8\xeb\xcc\xf1\xa0\xfcSH\xa4\xd0Tw\x9e\xea\xff\xf5\x02_G\'\xed\rl\xc1\x1e\xfb\xf4\x0c\xfb\xf3b#\xde\xed\x17\xd3w\x15g\x1c;cO\xb0\xd0+\xaf\xb3\xb3\xf8\xde\x07J\x1a_\x99\xd0\xb9\xd05\x1f\xc5[Ap\xdb"B\xd0\xb1\x12da\xb5x\xa3\x1f\xcd\xa2\xd43\xa7\xc2\xfa\xfbM.hX\xd5\x95%\n\xd6\x99.\x99h\xcac\xfdZ\x84\x1a\x13~w%\xab\xa0\x01\x9e\x02[\x8cf\xa3\x93\xcd&amp;5\xb7m\xea\x16\xf9zR\\u\xc7z\x1e\x85G\x1af}=t\x14\n\x01"\xe9\xea\x11\xf5\x0f\xa8$e\xa5+\xbeK\xbfPvv\xe5\xa5\x1d\xcb+o\xc0?\xa5\x11rR\xe3]u\x84]\xd25\xaf\xce\xf5\x84\xa4\x8a\xf0\xd7\x7fvb~s\xa7\x8c\x06\x9e}\xa2\xb0e \x9dag\xdaJ&gt;\xab7S&gt;\r\xf3|m\x8d\xdc\x1d\xf3\xa1\x98\xa1\xbat\x03\xfcP^\x94\xc8\xe4\xd2n\xdc\xd9\xed|V.\xa3_\x8e\x16\x89\xd1\xf6\xcct\x8a\xea\xec\xe3\xab\x0f\xa7\xddq\xe8L\xe7\x13-\'\xbc\x07t\xd6\xf5\xb1\xb15\x8f\xe3|\xcc\x8d\x90\x1b\xdd\x1e3p\xa7\xf2\x12\xf7\x9a+3\xf2g\xb5\xd0G\xecdo\xa4/\x9a-[\x86d\xd7i\xd9\x89\x8eri\xe3\x0c\x11@\xd3\x8f\xb4%3\xb8w}\xc1\x0e&amp;\xa7y\x11N\x11#:g\x02\xb3KP\xef\xe1\xfa\xba\xdc\xf6\x88\x07\xa7l\x18\xfcI\xc5\xc2Z\x13\xd8\t\xaaiC&lt;\x9apl\xb4e\xbf\xf9\xb1x(\xf9!\x91\xa9\xb5}\x00\xce\xb1Y0\xf5\x8d\n\xa6\x19\x87\x9a\xda\xf2&lt;j\xda\x94\x81\x8c*\r*\x08hG\xa93\xcc\xc4\x936\x9f\xa8\xd1\xd2\x0c`\xb2\xf6\x0b\xbd\x8f\x9c\xc3r\xba\xebQh\xd8\xb8\xd2\x80\xc1;\x98\x02\x04\xaa\x8a \xf8ha\x05+\xc6A\xe0\xc1P\xfd\xfa\xaa\x88\x96r)7$\xf9\x95\xbb\xfe\xee\xf1M\xc4|\xc6\xd2\x13\xe4:\xf0r{;\xf5u\xa5\x853\xa7\x08\xb5\xf8\'dz8\x12\r\xde\xe7s\xfe:\xdd\xb8\xb2\xf4\xf0\n\xfc\xbf6"\xba\xeb[_\x0b\xb34\xf7c$=\x1b\xc7\x1f\x1a\xba\xdb\xa1\xe7\x9c\xfcf\x1c\xc2\xdd\xfa\xa0TLk(\x8a\x88T\t\x19\'"\x15`\xa6\xe7x\xbc\x0e\x98\xa7\x95\xb9\xa0z\xec\x1dG\x1d\x14S[\xb4~@u\x9bS&amp;\x17\xef?\x15\x8aRa\x12f\xa2\r\xe4M\xd5\xceVF\xfdM\x1c#\x15\xc8\xf9\xbac\x00\xb3/U\xc8\xba\xde]\xb8R\xc6M\x98)i\x10\xac\x97\x17$\x17\xf1`A\xa2\x04\x12\xf8\x86\xf7\x90Pb9\xe9\xc1V\x9a\xf4\xbf\xb4\xc4yH+~"LR:n\x17\x81l\x86\xce!\x9b_\xd3\x1eB&gt;\xb3\x0c\x94\xdfO\xec)\xdc\xccm:\xa5?+\x87\xbf\xab\xd8\xd6\xd7x\xbb\x99^G\xdfnN{\x01\\W \xa9r\xaf\xad\xb4T\xcb:\x98\x9ecW*\x7f\x1d\xe2\xba\x1dM0D\xc8\xa8\xc3\xaeX\xd6\x80\x00t#y\x01\xaa|\x852\xe3q_J0\x92\xea\xf6\xc5{\x9b-L\\\xef\xd2\xa0&lt;^\x81\xd2\xc6\x83\xea\xec\x93hus\xcf\xf1Iw\xdcc\x99\xe9\xdfW\x89{\x10\xfb\x9b\xdb\xfb\x0f\x8df\x8c\x8c\xcb(\x01\xfeA\x98\xc6\xd9/\xa5\x1aN\xa4!\xb0\x02\xe4Z_\x8a\xcaz\x1a\xa4\xffq\xf2\xa50\xa6e\xbfz\xad\xc0^\x01\xc6d\xc7\xa0\x98\xbfS\xcd%\x82\xd7ri\x1bG\x96\xb5t\x86\x0e\xd6R1i~\xae\xbb\x04\xc9\xb0H\xdb\xa2\x97\xde+\x9a\xb6\xfb\x869 A\xd7\xda\xc6d\xe2dc\xb4\xa3\x1b\xf6\x1bz\x9c\xccE9\xa6_\x99\xd9\xa4\xb8v\xf0\x92\x0e\t\x07\xd9\xdcL\x04"\x10UL\xa93z\xb4\x99\xbde\x06\xc1\x1e\x17\xe7\xbbx\x0c\xef]&gt;\x0f;v+y]\xe1\xf2\xd7\x92\xf0\xb9\xb2J\x9f\xca\x06\x95\xd6\xdb\xfaXV\x1e\xd5\xc8\xf4\xe8\xb6S\xb9T\x83;\x88\xbc\x0c0\xfeI\x0e4\xc2x\x9b\xbb\x92s\xc5\xf0\xd2\x1e;\xb4y\x95\xa8\xb9\x9d\xa2W\x8b$\x10t7v6\xec\x83\xe7"\xaa\xaa\xff\xb0\x90\x05%\xe6\x97\'\xc5\xd1M\x95\x88\xcahy=\xe3\x0fj3\xc0M\x88&lt;G\x10Bj\xb4s\xea\xf8@\xaa\tp\x02!E9X7\xca\xc6\xe9\x08\xd6\xdf\x9c\x91M\xdc \xa3\xf78\xf2YC\\\xddZ\xc9?\x91\xf8\x11\xb7\x8c\x87\xe1'</t>
  </si>
  <si>
    <t>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</t>
  </si>
  <si>
    <t>b'|&lt;\x95PZ\xff7\xf4\xc8\x98\x86\x92\xe6 \x1bh'</t>
  </si>
  <si>
    <t>ucer of thin-film solar cells in the
 worldâ€ within a yearâ€™s time. That didnâ€™t happen, but it might not have helped them
 anyway: thin-film is just one of more than a dozen kinds of solar cells. Customers
 wonâ€™t care about any particular technology unless it solves a particular problem in a
 superior way. And if you canâ€™t monopolize a unique solution for a small market,
 youâ€™ll be stuck with vicious competition. Thatâ€™s what happened to MiaSolÃ©, which
 was acquired in 2013 for hundreds of millions of dollars less than its investors had
 put into the company.
 Exaggerating your own uniqueness is an easy way to botch the monopoly
 question. Suppose youâ€™re running a solar company thatâ€™s successfully installed
 hundreds of solar panel systems with a combined power generation capacity of 100
 megawatts. Since total U.S. solar energy production capacity is 950 megawatts, you
 own 10.53% of the market. Congratulations, you tell yourself: youâ€™re a player.
 But what if the U.S. solar energy market isnâ€™t the relevant market? What if the
 relevant market is the global solar market, with a production capacity of 18
 gigawatts? Your 100 megawatts now makes you a very small fish indeed: suddenly
 you own less than 1% of the market.
 And what if the appropriate measure isnâ€™t global solar, but rather renewable
 energy in general? Annual production capacity from renewables is 420 gigawatts
 globally; you just shrank to 0.02% of the market. And compared to the total global
 power generation capacity of</t>
  </si>
  <si>
    <t>b'\\\x9dBQ\\H\x82\x9e\xb6\xdb\xd8\xf3\xbf\xd1=\xe0\xb0\x92\xadz\xa1d\xa6\xf5\xfeD\xc4*:&amp;\x8c\xd0\xa3q\xd3,\xd5\x88\x19~D\xdc6\x0fY\x1c\xb5\xbe\xa1x\xc5\xc5\xb76\xa1\xee\xda\x054\xe8T\xf2\xa5\xbf\xd5\xdc\xc0\\B\x90\x16\xfc.\xc3\xab\x9c[g\xe6\xde\x1d\xf2\xaf\xc3L\xab\xf8\xf9\xe7\x9d\x9d\xaf\xa0+\x1cdj\xbbp\xa1\xa0!{YL0*\xb7\x94\x88)\x0e\xab\xd3\xd1ro\x08\xa7\xe4\xc9\n\xd6M\xfaB\xdd\'^\xfbk\x82gw\x1d?\xb7\xd3e\x8fYAe;\xa2"\x99f\xff\x08\x9fD\x1c^q\xf7\x8f\xb6 \xbf\xf7\x11\xe6\xd5IO\x0eW\xb1;6\xd25(\xa4)p\x16\xc8\x10\xa2k\xfe\x9bG\xd6\xc0\\\xa6I3\xf6\x80\xe2TO\xc9C`\x04\xfd\x8bX\xb8\xd0\xcf\xd4\xfc\xf6\xdayM\x8e\x07\t\xd3\xb0\xa8\xd9\x15\x9c\x82a\xf7\x1fF\x1f\x9a\x97\x1e\x00\x88_\x1b\x8a\x97N\xe3r\x1e^\x93Is\xe3\xd5l\xae5\xb4\x8b{\xa4\xa2\x8e1@\xe5\xee\xc6\xb5\xac\x1c!*V \xde\x87\\M\x92~\xf5DU*\x19\xfa9\xef\'\xc8\x89\xfd\xd0wW\xcb~\x81\xd08J\xdas\xf2N\xef\x9e\xe8\x00\xc0\xaa\x94\xbc!\x19\xcbY5\x1eI&lt;\xf0@\x8e\x8a\x81cI\xed7C)\xb1C\xdd\xc0\xce\x9a\xf8\x17CG\xb6\x84\x13\xa8\xbd\x1a\xf1\x10\x1fd\xd0lQ\xccP\xea\xf2\xb5Uv?\xc4\x04\x1c|\x0f\x0c\xc1\x7f\xb2\xe4\xb4\xef\xf2\xc0\xe3\xfb\nn\x9a\xdd\xe8\xfb\xfb@\xf4x\xbcgx\x95\x00\r\xfb&gt;\xec\xf5\x99\xd8T\xac\x03\xb4\x9b\xf8e\xa9\xcf\xfd\xb8\xd1&gt;\x0c\x1a\x0fb\xb8!\x8ezx{\x14sv\x16jf\xc9\xbb\xb7\xe5\x1a\xe1\xce\xfbK5EU.\xef7\xeaY\'V\xaa\x0b\xd2\xe1h%\x15\x17\xa2|%5Kh\xc6\xd52ba-M\x01\x93;\x17NmS\x17\x0cA\xa2\xb9\xa3&lt;\xf5\xea\x91\x8a\x80\x0e\x08!\xde\xea\xd4&lt;\xfe\x81\x84i\xba\xce1$m\xddP\xefU*\xfc6\xf2\xd0&amp;\xba\x0f\x15!\xa2\xbb\xac\x83\xf3pw\n0\xb0\xa7|H7\xb9\x8ff\x94\x8f\xa35\\\x90?\xc2=\x1d8%\x80\x8b\xff\xc4\x07X\xa5?\x86+\xec2\xee\xc2\x17u\xd4\x0f\x97\x0ct\xcdG\xe2\x17\xca\xcc{\x9axX\xd9\x83&lt;\x03\xec\x1b.@q s:\x1c\xd0\xca\xcc\xcd\x96%\xae\x8c\x9dX;\x81C\xaa\xb7@\xc6\xea\t\xa5\x19\x8a\xf3W\xc8B\xc6.,\'\xce-\x1e\n\xba\xe83\xa9\xf0\xd7h\xe2\xe5G\xff\xb8`5\xfc%\xb9F\x84j\x00\\\x03\xd8WE\x0e\x8e\xfd\x01M`\xadCy,l\xfd\xef&lt;\t.\x8fG\xa1S\xe8P\x93\x98\xf3\xe81\x10B6-\xcb\xc5\\\xe2c\xae\x80\x05\x00\x07$C\xd7\xee\xf3\x07\xea\xee=1S\x8d\xf8\xa0\x91nX\x86\x91\x00\xa8\x86*|\xed\x0c\x92\x8a\xe2\xc8g\x04\xe1N\xa4\x06\n\xcc\x86l\xf4\xa0\xd2\xd7A\xc1\xb0\xa9\x91\xac\x10\xb4K\x84\xef\xba|\xa3\xad\xc2\xac\x90e\x05\xa1[\x15\xd1&amp;":\xb3\x06\xdf\xaa\xb8\x11\xce\x7f!6\xbf{\xf6^L\x02\xc2B\x81\x14WW\x96\x92\x92\x82\xfbw\xdao\x0c\xdd?\xc7\xbc"\x17\x0e\xc2C|3\x1a\xcc\x975+@\x97&lt;n\xbd\x0e\x8b\xec)r\x12\xaf_\xf6\x15Y\x95\x13p\xd0Q#o\x07\xe3S\x8f\xb6\xd7\x1bV7\xaa\xf3\xa7-K\xd5i\xdc\x13\x98\x87}\x8d/\xd0\x84\x04\xa4&gt;\x8d[5\xb2\xa1\xed6\xfa\xbfr\xf4\x8a\x1f\x1a\xeb\xf3\x89\xd6f\n\x16\x11\x9b\x94\x9d\x9f\xa0\x18+`\xaf\xb3\xb3\xb0FU\xd6\x17\x0f\xd3\xe6F\xb50f_\x9e\\\x91\x1cy-\xbcE\xe3\x10\x15\xd3s\xc21%\xf76w%\xb8A\xac"\x86\x16b\xf3\xdc)Q\x01b\xc6\x8e\xcf\x88\xf2%\x80\x83)&amp;\x07\xccA\xd9\x7f0\x91\x1e\x07]\x18h\xd8\xb0\xb0J\xf8g\xd5\x08,\x91\xc5\x06\xd7\x1fa\xca\xca\xa2{Y\xc9\x05\x06#@h\\\xfd\xff\xfc\xa5\xe6\x0e\x03}\xe2\xf4h\xc1\xca)\x15x\x0b\x92\xf1\xec|c\xe2\xc2\xba\xfcE0\xe0\x04\xf2u\x1c\x02_\x8a\xef\x97(\x81\xc3n\xdbEx\x05G:\xee\xb3\x19D\x8e\x04t\x85\xcb\xbb\xe0n\xf1\xac\xf7\xb8\xb1\x9b\\qw|\xf4\xb9SD{\xd9\xeeZ\xe88\n\xa9B\xcd\xc7\x89\xbc(\xfdJ\xa3\xa0\xbaG&amp;\x9d\xe3\xf5\xe9$\xb3\x0bQX\xb7\x989\x9e\t\\]\xfc\xbb&gt;\x08\x9e.\xfd\xb5\xd1\xfd\xb4S\x08\xd3\xa2\x85\xb3\x0c\xdd\xff"V\xf3\xc3~7=#$\xf2\x1b\xd9Ze=\x17iW\x00KD\x12mbq1\xd4\xea{\xd3\xd7\x10\xa3p?DfQy\xf4\xb6\xda\x08unD2\xbd\x84t\xc4\x98\xc4\x05\xbf^\x80SB\xc6\xa9\xfe/\x18z\x1d=%\xebP\x1a\xde,m\x1d\x0c\x1c\x97\xcb\xc1\xf3\xe5n\xd05lzh\x12\xf7u\xad\x9ew/\xc4v-7\xef\x81\x03\t&amp;\xa2\xca\x8f\x00\x15\x82\xb5\xdcXX\x80K\xfcX\x0cq\xc6\x1d9\xc3\x8f\x07=\x00&gt;K\x96\xfb=M\x85\x01H\xc6l\xab\xe9^\x8a\xe3\xfd\x84\xfdqp\xd4\x94\xc2\x8d!\xf1\xb4\xcdFIf\x88\xdf\x9d\x82P\xbeBd\xd9!\t\x10\xc4\x8a&amp;\xa5\xef\x0f\xa0\xdc\xa0\xac\xac\xff~h\xf4\x0f\xf1\xf8\x14\xb3\xf1k\x8a\x12\x8f\xfd\\\xfe\xb7\xdf{\xd3\xea\x01\xdc\xd1\xb8\xa9\xc3)\x1a\xd0\xb0\xb9\xe1\x07\x11\xa5\xee\xa5\xf3\xd1\x8d-/;\x843d\x0c\xbb\x99Z8\xb1\x12\x08\x1eF\xad.\x81\xa6\x81\xcf6\x9b\x80q\x84d\xeb\x90e\xc6\xbc\\#\xb4\x13T\xda5G;\x0f 3\xfcf\xd3&amp;k\x01\'LY\xee6\x0c\xce\xc3\xff\xac/R\'!\xeeC\xbf\xfa\xfe)\xa9\xef\xbd\xe8\xf6w]\x85Y\x9c\x82\x98\xcd_\xcd\xa1\x1fm\xc7e\xb0^%\xb7Th\xbd~\x0f\xdc\xa7\xa5r9\xeeF\xad\xe7|\xbe\xfc\rK\x8b\xcbZ\xec\x7f\xa1\xdf\x87\xad[_v\xca\x8b\xe2`\xad\x83xx\xa8\x01d\xa9\xf8\xadg?\x97\x7f\xf8\xe0\xe4\x89\xa6b\x07\x8cJZ\x96\xa6\xe0\x86\x1f\xc1\xbf\xbbSfO\xc6\xff\xfd\xa9J\xaf5\xcaB\x90'</t>
  </si>
  <si>
    <t>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</t>
  </si>
  <si>
    <t>b'\\\x9dBQ\\H\x82\x9e\xb6\xdb\xd8\xf3\xbf\xd1=\xe0'</t>
  </si>
  <si>
    <t>apacitor) is equal to the applied voltage Vc (Fig. - 14). At this point the capacitor is said to be â€œfully chargedâ€ with electrons. The strength or rate of this charging current is at its maximum value when the plates are fully discharged (initial condition) and slowly reduces in value to zero as the plates charge up to a potential difference across the capacitors plates equal to the source voltage.
The amount of potential difference present across the capacitor depends upon how much charge was deposited onto the plates by the work being done by the source voltage and also by how much capacitance the capacitor has and this is illustrated below.
Capacitor Construction
The parallel plate capacitor is the simplest form of capacitor. It can be constructed using two metal or metallised foil plates at a distance parallel to each other, with its capacitance value in Farads, being fixed by the surface area of the conductive plates and the distance of separation between them. Altering any two of these values alters the value of its capacitance and this forms the basis of operation of the variable capacitors.
 Basic Electronics
31
                 C = eA d
C : Capacitance in Farad e: Di-electric constant : (F/m)
A : Area of plates (m2)
d : Distance between plates (m)
Also, because capacitors store the energy of the electrons in the form of an electrical charge on the plates the larger the plates and/or smaller their separation the greater will be the charge that the capacitor holds for any given voltage across its plates. In other words, larger plates, smaller distance, more capacitance.
Q+
Conductive Parallel Plates
Q â€“
Electrical Charge
Symbol
+â€“ +â€“ +â€“
Voltage Vc
Figure-14
      +â€“ +â€“ +â€“
Dielectric +â€“
 By applying a voltage to a capacitor and measuring the charge on the plates, the ratio of the charge Q to the voltage V will give the capacitance value of the capacitor and is therefore given as: C = Q/V this equation can also be re-arranged to give the more familiar formula for the quantity of charge on the plates as: Q = C x V
Although we have said that the charge is stored on the plates of a capacitor, it is more correct to say that the energy within the charge is stored in an â€œelectrostatic fieldâ€ between the two plates. When an electric current flows into the capacitor, charging it up, the electrostatic field becomes more stronger as it stores more energy. Likewise, as the current flows out of the capacitor, discharging it, the potential difference between the two plates decreases and the electrostatic field decreases as the energy moves out of the plates.
The property of a capacitor to store charge on its plates in the form of an electrostatic field is called the Capacitance of the capacitor. Not only that, but capacitance is also the property of a capacitor which resists the change of voltage across it.
The Capacitance of a Capacitor
Capacitance is the electrical property of a capacitor and is the measure of a capacitors ability to store an electrical charge onto its two plates with the unit of capacitance being the Farad (abbreviated to F) named after the British physicist Michael Faraday.
Capacitance is defined as being that a capacitor has the capacitance of One Farad when a charge of One Coulomb is stored on the plates by a voltage of One volt. Capacitance, C is always
 32
                 positive and has no negative units. However, the Farad is a very large unit of measurement to use on its own so sub-multiples of the Farad are generally used such as microfarads, nanofarads and picofarads, for example.
Standard Units of Capacitance
Â·Microfarad (mF) 1mF = 1/1,000,000 = 0.000001 = 10â€“6 F Â·Nanofarad (nF) 1nF = 1/1,000,000,000 = 0.000000001 = 10â€“9 F Â·Picofarad (pF) 1pF = 1/1,000,000,0</t>
  </si>
  <si>
    <t>b'\xba\xb7H\xedO\xd3&gt;&amp;+,\xa4Rfp\x92\xb7\x06\xb0\xa9\xf8\xee\xc6\x8d\xf2S\xcf\xc3\xa9Sj\x15\xfb\x0c\xaf\x9e\xfe\xcch\xbb-zT\xe1X\xec\\\xcc\x8d\xc1h\xb1b\x146A\xc0\x89\x91IA\xb5`\xe9\xcf\t\x85\x92\n\x0f\xa7\xa3\xbd\xce\x95\xed\x92Sm\xa0#\xa8\xbak\xcc\xf5\xd7\x80\xd3\x980o\x07\xd2z\xcd\x89\x1b\x9a\x8dz\xc1Qd\xb8\xf3\x16(\x1b\xc2\x04\x93\xaa\x95\xf8\xfd2[\x88y\xb5+\x1c\xeb\x16\x9b\xe8\xf2\xea\xd7_\xeaz\x96\xbcc\x90+@P\x89\xfdj\xfe?\x04\xab\xc3&lt;\x80j\xb5\x7f\xf7\xff\xad\x85:X\xe2ch\xcb\x95+\xef]\xc0i\xed\x92c\x17$\x89\x08\xb3\xfc\x16u\x96\xa3\x83xs\x9f\x8e\xca\xef\x88\xef\xbb\xcd\x9d\xcbF\x92\x1b\xc2K?\t\'Ea\xd3\xa85\xa1/\x1b1\xed\xb4\xdd\xfc\xac\xfd\x1a\xae\xbb\xdakB!ly\x94/\x96\x13\\\xbd\x0b\xacM\xce\xc8\xebi\xc1Bp\x83\xd3`y\xe9\xa9hY\xddZ\nL\xd0S\x01\xd8\xe7v\xc7\x12m\xa5\xd7b\x0eU\x12\x83#\xe9\xc8\x9d\xc0\x9ah\xcd\xfd4Hu9\x87Lb\x07\x1f\xd1\x1aicP\xbdB\x081&lt;94(\xf2\xfa\xd6\xecO\xd1%\x05\xf8k\x0f\xa9H\xc4URF\xeb"IuA\\\xb2a`\x03,T\xca\x04\x9c/s\x19\xaf\xa8\x0e\xa1\xc4O\xf3\xf3^!\xd1F)s\x99\xca\x80\xcf8#\xbf=\x8ec\xfd\xc4\xad\x8c=\xc3l\xd9x\x03\xdc\xe28Yb\xb1F\xb1\xd4\xcb\xa8\x0cT&gt;\'h!\xbd\xe0\xe7\xe4\xdb\x9e\x88\xf3.\x9f\xe0\x04\x05f\xfc\xe8\xb2.\xaf\xe1\x01\xf8N\x81\x85W\xb9\xac\xbe\xbb[\xa1\x91V\xffa\xbfH\x19\xd5\xb3#Fp\xaf\xea\x93{S\xad\x8eQ\xaa\r\xd7\x95&gt;{Vx\xcf\xed;k\xa5\xc0?fc\xe4\x15@\x9c\x10\xf4a\x94\x1dq\x87\xbc\xf9\x13\xb4\xa5\x9e\xaf5\xa3yH\xd1\x826l\xe2C\xdd\xc8\x0b"\x8f\x9dr[\xf03[\x17\xd0\xeb\xd8\x81\xdfX\x9d\xabS,\xbd\xc9\x9f\xdb\xe8\xce\x8c\xa5\xd6\x81I\x07\x8e}\xf9,c\xe2\x8c\x8cO\xdf\x04=\x80BM\r\x87\x8e\xc9\xb1\xff\xebB!\x13\xab\xebB|\x12\xc8\x84\xc98mm\x88~m\x0b\x91G\xa9+\xd7\xa2s\x04=\xb7\xb1v\xa5\xa3]\xaf\x90\xbd\xeb\x8eaq\x8e~\xd1\xbd)\x89/&gt;\x0c l\xaer"\x1bv\xc5\xa8\x84X\xf5\xbd\xb9!MA\x9f=Op\xbc\x92\xcf\x06\xf9:0\x1d\xa2\xcb"\x17\x85D\xf3K\xba\xc38\xc1q\x93j\\\xce\xe5\xdaW\xdf\xa6\'A\x9dR\x93m\xf8\x8b\xd8\x89\xea1h/\xde\x17R\x8f\xaf\xd98\xfd{z\xa6\xf6\xab\x87\'~\xc5\xd9\x05\xc5"\x83:Q\x1bq\x95\xe4@\xfc\x84\xa9/\x8d\xdaz\xa1\x8d\xa1K\xa0\xfc\xd0\x03\xfc\x97\x82\xf9\xfdB\xe9p\xd0\xc6\x08\x8a\xbf\xb1\xb4`\x9b\xcdE\xa5\xa2\xad\x82\xe3(\x93,\xbe[\x95\xf8$\x91,~\x87_k\xeaC\xdf\xdaw\x80\x81\xf3\x19\xdb\xce\x94\x99\x89\x89!\xf8\x91\x10\xb0\x00f\xd5s\x97w\xde\x9c&lt;:\xa8\x12zX\xe6|Vl\x19{\xd6$\xeeG\x16Ez\x11\x19\x87\xa9\xae\x82\xa9\xffte\\\xb8\xc39\xfdVt\x87}\xf1X\x9e\xea$\xd4\x9a\xb4\xce\x05\xec\xfb\xe7*\x97\xee&lt;\xa0\x07Q\x923[\xd9B\xbeV"?\x86}&lt;$\x1f\x08\\\xca\xb6\xe4\xec\xe6$\xc4e\x13\xec\xfb\xef\x875G8B\xea,}\xb0\x9c\xf6\x11\xfcpa;\xc6_}p\x0e\xf3\xb98\xd1n\x06\xb3\x8b7\xdb\x0c\xd5\xadC(\xde[}\xd084a\x98\x01\xe6\xcb\x04n\xbd\xfb\x08;o:\x8c\x84":5\x7fF\xf3\xa4\xe6\xc9\x89\x92\x83\xe1\x1d\xf3\xab&lt;6\x9f\xf5:=\xbaw\xda!\xd7\xd2\xb31\xb5T0\x06pnZ\xb7\x0f\xa8\xd8\xd3\x9bks[\x8f\x9f\xffP\xdah\xb6\xa0\x8b\x96i\xe7\xba(4\x83\x83\x1c\xa1C\xcd \xaf\xe3\x95\x98\x8f\xaf0%\x02&amp;^\xc3\xe2L\xbd\xbe\xfem\xf3I\xfdt\x1c\x04\x99\xc1{\xf0kN\x17\x14\x02\xb6\xbci\'\x16\x1f\xd3\x0c\xae\xd5\x10\xf4\xadWv\x9c0\xf2\x80\'o\xfb\xcd\xd6 \x81\x7f\xfb\xb4\xb7No\xfc0FL}\xb0a\x81n\xa0\xbc\xf4\xf6\xd0\x82Q\xb7r\xda\xa3\xf9\xf6aJw2\xde\x02~!q\x1a\x9dl\xfb\xcc\x1c\xfe\xd8\xe8\x9eT\xe7j\xe6\xa6\xc4\x8e\x007\xd8\xa1\xf8\xd6\xa9H&gt;a\x07\x99\xd0%5\x86f[\xc8\xc5\xe1\xdcX\x92\x08\x8c\x95\x9ewM\xcb\xeaS5Q9\xd8\x91h.\'\xce\xac\x14\x10\x14\xee\x81/mX\x82\xdd\x8b\x0e\r\xbf\xe7eoR\x1fa\x8f;\x14#\x10W\x96\x14\xa4w\x15\x91\xa2\xfe\xee\x9b_\xce\xeb&amp;\xda\xff8n\xdc\x96g\r\xbcLZ\xca\xb7\xb9\x1a\x9cF\x1a\xe6\xf9[\xd3\x93\xdb\xca\x9a\x1a\xd6\xe4lG\xc5\x04}\x98w\xe7Dq%\n\xb6`2\xcf3]\x8c\xbd\x92;0\xd7\xda\xd7\xa9\xffE\x01&gt;\x1f\x8d8\xb00\xd8\x8cq1\x88n}_\x82w,\xdd\xb0C\x1eS\xd9=4{p\xec\x90]\xc0(\xd2\xb0\x9c/L\xb0G[\xfb\xfaOO\x97]\xd9P3\x8f\r\xee\x98OL\x1b\xfc9}\x82h\xa98\xfb]\x9a\xa23N\xb7z\xe1\xb1]m\x13\x1e\x14\xa3\xc7r^\x17hH\xcbg[\xef\x80J\xbe\xcd\xc6\xecJ\xf6X\xca!r%\n\x8a\xa7\x0b\x8b\x9d"J\x95\x92w\xb9\x17o\xe7e\xe6\xf9\x0b\xbc\xe6\xe0L\x89_\xb2\xc8\x9f\xae.jq?\x7f\x86\xc1q\xae\x0e\xb8\xe4A\'\xa1\x18Q\x10O\x8b\x12K\x01}\xf4\xb7\xfdo\xbe}}\x99&gt;\xb79\'o\xf5\xcbY\x02\xdc.\xc1\xa1/\xd0\xd0\xc0\xb6\xc2\'\xcc\x96\xa5tc\x0b\x1c\x8dg\xa6\xadcZ\xa0\x96\xe0 \xe3s\xa1N\xba\xe1,\xc5\x17g\xc2\xa8\xc3\xc4A3\xeb"S\x0b\xa5\xcc_f\xfc\xa5%\x9f\x1e\x07b\xf7\xf8\x94\xd0\xd8\xd3$\xc8\x00\'\x1c\xb5MSm\xb6\x97\x02-\x03"\x15\xd3`\xc7)p}\xad\x98\xc0\xc1\x19\xac\xbc&gt;\n\x82\x1d\xbd\x15`\xc4\xec\x8fMUR\x03\x8f\x06\x9a\xde\x9a\x06\xdaK\xebH\x10\xb5\xdfi\xbe$\xa9,i\xc3\x1fK\xbd\xe9_J[\x03v\x1bQlq\xae\xfb\xff%Z\xd7Q\x9dQ\x93\xfd\xb7\x85\x14\x07i\xb7\x1eo\xf1\xf1\xae\x94\xdb\x0f\xea\x9aq)3\x8f\xc9\x93\xf8.A\xf2L\xc3\xbb\xec[\xc3\xb4\x81$@!H\xfd\\{\xaf\xc6\x16\xe8\xf6\x9f\x17L\xcb\xfe\xc2\x9d\xda\xa6\xd5\x05?/]\x00\x92\x13\xe7\xd6\xae\xdc1Y\xf4\x0f\xe4\x08u\xb2h\x16\x9f}\x82\x0c\xe8\x9d\xe0\xe4\xd5g\xd2A$N\xddD\n\x02d\x12\xbfPO$\xbe\xd9A\x08\xef{\xb6\xb7Q&amp;R\x11\x10\xc0)\x1f\xf112\xf8~\xfc\xe6p\x8a?\xe6\xf1v\xb2\xad\\:\xbc2\xc0\x14\x92\xb2\x9a@ \xd5\xf6\xe6qb\xab\\&gt;\xa6\xda\xd9f\x07[\x17a8HORYH\xe5\xcb;9\xf9\xb1\xda\x90u\x1aDN\xc7\xaft\xf8M\x80\xc2\xc3\xd0\xc0\xdc\xb8\xacY\x9d\t=\xe8;\x95\x1fm\xda\x17\xe5\xb54\xce\xcem3\xd6\xc5v\xd8\x84\x0c\xd8\xef`~\xedyDC\nq\xc0\xcf\xdc\xee\xf7\x862\xc0\x1enp\xa3\xc8^3\xd1\x05u\xc3\xc6E\xe2\xd0Y\xc2^?\\0\x86\x00\xac|\r\x7f9\xf2l\xe4\x98J\xf5C\r\xebo\x9e%\xab\xddv\xc3#\xf48\x0e\x1cz\xe3\xa7\xf0P$.\xba\xddjR\xe5@65\xb5\x11n*\xcb\x16\x17\xad\x9e\xbf3iN\xdbt\xeb\xa2@\x8e0_+l\xc6\x00\xfb\x97;\xfcc\xbaN-\xe7\x92D\xe8\xe7d\x1f\x90\x8c\x99mR\xcf\x02\xe0c\x91&amp;\x17\x86,\xa6\xed\xc2\xad\x91D\xeb\xa4h\xf3\x8d\xaeW\xea\x81\xa7\x0c9\xc1Oq$|\x9e\x80G?jUT?\x1b\x95\x1aE\xccTT&lt;:u\xcc;c\xd0\x95=dr\xaa\x19\x80\xc5t|o\x08W\x80m\x17~`]&amp;\xf9\xa6\x0b@P\xa8\xc3^V1U\x99Du1\x08\xc5\xd9\x87d\x8d\xd4"\x8a\x06\xee\x8b\xbf\xcb\xc0\xcf\xd0B\x94\x9b\xc3\xacEP\xe6\x17\x0c\x0e_\xb6\x9b\xa1\xe4&amp;\xb6\xf9\xff\xe8\x0f\xeb\xc8E\x9c\xf9\xe2\xee\x15}\xd0\xfe\xa0\x1d\xeat\xb8\x92\x80COl54\xadiHc7\xa2\x9c\xe3R]*\xcd\xc3%\xec\xa5OW\x9d\xa7\xab\xd9\x0e\xaf\xb3\xc6\xa5[K\xfbq\xb2\x1f0\x06\xf7|m\x97\xb3\xc3\xe7.\'\x11\ty\xed!(\xb7\xa1U\xa7\xc9@OW6M\xec\xb4;\xea&amp;\xc2\x0fb\xbb\xe5\xc1\x976(\x96G\xc3\x80\x05e\x8e\x82I\xd4\x16Br\xdaw\xeb\xe5W\x03?}\x9d5i\xfc%\xc9[\xed\xe5\x1f\xd8\xbd?^\xac\x9a\xb8\x02\xaau\xa1\x8c!\xbe[\xd7\xfayw!d~\xda\x15/O\xb7\x84[\xfb\xde\xa9\xe1\xe3\xf2\x9b\x9a\x18\xea\xa0\xc2u\xf0\xad\xb7;\x18\xac\xb9\xfd\xc6F\xa0\xd8R\xc0\xa1\xca\xe3f\xd7[\xb4\x82\xb3\x96\x1f\xc0\t?\x94\xdd\xe7\xb8j\xcdcJ\x94\x93\x87j]L\xbe\x1b\xb1\x87@\x12\x00d\xbeSUF\xf8\xa6=&lt;\x11\x88\'\x91z\xdc?\xb3\x93\xd8\xfd*\x9e\xdd\x0b\xb1\xe8\xa6B\xb2\x8cz\xd9\xd1\xa6\xeb\xa1\x83\xda\x956\'\x80\xd1\xec\xed\xc2\xd4\xeb\x8eP\xa6l\xd3E\xbf\xaf\xdd\x144\xf7\xc8S\'M@\xd2$\x13#$Y\tg!\xc7\xe6\xcf&gt;\x8f\xdd*\xf8\xcb\xb43\x89V~-gQ&gt;I\x80\x19\xc8\x9c\xd8\x85\xb7\xadSA\xbaQ\xdb\xb1\x81\xf5\xbe\xe3\xd6*\x12\xa5\xe0\x88,\x82\xf9\x83\x9d\x1c\x8a\xa6\x1c\xb8\x1b\xf7\x11\x19{\x1c#\xe0\x82v\x13!\x07qKt\xedw\x00\xee\x97\xc2m\x8e%e\xec\xcaie\xdc\xc8\xfeO\x93\x96/\xcaI\x8d\xbaF\xd9\xd7&lt;\xac(\x05\x1fC\xb1\x85\xc3\\\xe5 \xb7\x91\n\x1d\x11\xdb\xcc&amp;\x81\x90\x86rX\xdd\x9bP\xea\x84\xf1Nq\x00\xb0\\3:\x02\xd4\xfbR\xcf\xbf\x18\x05\x06\xae\xa2\x8b\x84\x02Z:C#\xe8\x84b\xd0\x94\x17tu\xa0\xfa|\xcc\xe7\xca\x1e\xf7\xdc,\x15\xd9B\x15\r\xf5\x9d\x9b\x02\xa2@\xb8\xaf&amp;\x9d&amp;\xb1w\xe3@\x05N\x07\xad\xa3B\xc1\x8by\xdd\xe2y\x14\xbe8%\x85\x87\xf7=!QW\xb4\xcekRW\x8c}qnl\xefA\xa3&amp;\x1b0\xe2{\xad\xcc/\x15\x80\x9e\xec\xc0\xd1\xe0Ft\x0f\xc5\x01-!pyl\x880\xbe\xf6\xa0x\xb1\xde\x12\xa2\xbeS \xdf\x9f\xa5\x9fI\x1c\x1eA\x9b\xfc\xde+\\*3\x86\x8d\xf7\xf6\x0b\xbf\xd1\x86\xd9L\xff\xc8\xd4r\xba\xff\xa1c\xc8-\x0b\x1f\xfbF\x86\xbd\xee\xc9\nJ\xf4\xd4\xb1\xe5\xba\x99c\xe5\x81\xf2\t\x95\xc2\xd4k\x88\xa4P\x9f\xb6\x11\x8bJ\xbc4=\x89}\xd7}E\nVzC\xed\xebP7\x04\xef\xa5;uW\\\xad\xd0\xfai`4\xabz\xd2$I\xc0m\xc0\x02\x8d}\xc8Q?\x01\x8d\x0f4(B)o\x1f7$\xe8&lt;\xbc\xd0\x15\xb2\xb3 \xeco\x8c\xfaK\xd6\xe16}\xd6\xeas\xb5\xbbg\xa2\x03vbu;\x13\xb4\xc7\xbd\r\xf2i\x8b\xcfU/\xecb\xa4\xcd\x7f\xd1\xdb`\xd8\x89\x86\xd6\x8d\xfd\x8c\x06\xb5\xa0\x95\x0f\x05\x03\xc7/\xc6\xfaQ\xcc\xb7\x9b\xa6\xa0\xd1\xb2D }\xea\xb1\xdd\x19\x132\x0c\x90(\xb3\xde\xf2qf\x97?\x9d[\xa2Ru\x91\xa4:\xc4Qa\xd4\x1e/:\x11]-\xb0\xf4\xf0p"o-\xa6\x1c\x8d\xe1_\xb2\xe4\xa7\xe6I\x84u\x85\x90\x11\t\xb6s\xb7pu\x88V\xf1\xc9\xb2\xfa\x12/\xb0\x99\t\x0f\xaa~\xcf\xd7\xf6J&gt;\xa1\x18\xb8\xa1\x98\x00x\x05bO\x10\xd6\x10&gt;v\x9d\x13\xeaV&amp;\x83\xb2KTOo\x1dlvw^\xf2\xab\xbd|`]:\xea\x19\x80\xe9}\x1f4u\x98!\xea\xea\'N\xbb%\xe7\x8c\xc4\xbb\x1c\xdb9\xa1F1\xe9(R\xf3\xdb\xc8\xbc\xff\x01K\x883\xbb\x9e\xa8\x90\xc9!\xdc\xf4\xe7ue\x86\xb3h`\t\x16\xdf]*\xdb\x88\x90\xb0\x1b\x07\x02\xc2\x1b\xcbG\x11\x84\x8b\x109\xd9\xf3Go\xfb\x93\xcb\xa3\xd2\xeb\xe3e6\x8a\xb9\x13\x9e\'tQ\xb8\x95pk\xb9u\xa4Z\x85\xaaL\x9a\x94\xd9\xeb4\xf6\x8e\xde\x96\xf7\xc2c\x9f9Ol\x8e\xa4\x1e\xa4\xa7\xb7\xf7"n\xc0\xf4\xab\xfc\xa7\x01!Y\xab\xe7\xb6\x96p\xca|"zj\xc9\xb3\xbcZ\x04\x82Q\x10\x02N7\x9f\xac[&amp;\x19\x1b\xfb\xcd\xe6R!~\x01&gt;@\x13\x88\xdd\xcc\xe944\xb1\xde.\r\x00\xfc`\x0e\xa9&amp;6\x86\xcd3\x84\t\x0fM\xf6&lt;\xcc\xe3\xe2\x93\x87\x8a&gt;\xffZ\x96l7\xe3\xca\xa1p\x10\x9b9&lt;\xf1\x8fF\xa7\x83}\xf9\xb2\xe2\x15\t\xb5\xbe\xe3\x00\xb3l\x93\x86\xb0\rKT\x82\x10Y\xa3fY\x000"\x9a\xe7\xa36\xee\xe0WN\xda\x0e\t\t\x14\x0e\x17\xaf\x8fy:4\x18\xce\x14\xc3\x8eR/\xb6/\xbb\x9e\xf5\xa2\x1b\xdce]\xff\x15U\xeas?\x8f\x98\xf5\xda\xdf\xc4)0\x1ft\xf65:\rV\xecnV&amp;\xb8\x04\xe8\xc1\x80$\xb5\x94U\xdd\xf0\xda\xf2&lt;8\'HV6\x8f\xa3\xde\x82\x87\xb2\xbd\xf5y9C\x03\xc02\xd0\xc8\'\x04"\xc5\xde\xdcn\x88r\x050zv\xf8\'J \x91\xd4\x15\xea\xdc&lt;\x10\xa0\xd5z\x05\xfa\x10\xde\xf0\xfa\xa1b\xad\x06\x0b\xd2\x1cgi\x1a]"2_\x86\xd6\xee\xdb\xa8\x93\xc0\xc8b\xc7\x16\xa0e\xdc\x08#\xe9\xc9\xfe\xa1\x0c\xb7\xff\xde($\xe5+\x9f\xf2\x08\x9fm\x98\xfc:]\xdb\x89\xc5,\r\xcfV\xc9\xe3y\x10j8=R\xad\xd3E\xa3\xab41\x19\x9cf\xd2\xb5[\xfc\x94km}\xf9\x16\xba}9\xda\x9b\xc2i\xb9\x93~\x07\x92\xca\x8eo\x1b\x99\x05\x1c\xaa\x05\'\x81\x93\xc6\'\xff\x977\x00\xd9\xda\xe6^Q\xbdZ!\x0c\x83\xe4q\xb7\x94rb\n&lt;1I\xb7\x8b\xd6z\x04n\x9cq\xe9\xd0\xfc)\xcf\xbff\x19\x0f\xa9\n^sZK\xb4\x08\xffE\x08\xe9\x8a\xb9\xab\xea\x81R!}\x0e\xdeoB\x1cQ\x9a\xbc\xd6\xe8\x19\x7fHx4\x19\x07l\x90\xe1}8]\xf8\xb9r\x00\x87\x89\x83\xb6\xe4|n\xd6\x1a\x1f\xacg!\xd5\x95x\xba)\xaa0\x0f\xbe\x81Q^mH\xef\xa2\xbc\x10\r\x19Wk\x84\xb1\xc6\xb8\xc0|A\x8f\x99\xce\xa6\x0f\x8d\xe9\xfa\xaf\xd4\x16\xf4\xb2\xf82~\x1c\xa29w3\xc4\xfa\xbf\xa9\xfc\xf1n\x9e\x15j\xd4\xf3\xbe\xac\xf6in?\xd98\xf35O}\x14\x80x\xad7S\xe2l5\xd8\x1b\xa3\xca^\x9dx@\x93\x93\xc8\x05\xcbEA\xc7k\xe0\xb6B\x1fj#\x99a\xa0v\x0b\x9f\x88\xfbd*gFqJt\xcdt\xb2\x02\xb4\x1c\xd3\xd1D\xea\xbem\xbc\xf0\xe9\xbaA\\m!T\x1d\x99\x15@\xc1%\x9b\x0b\xfc\xd6\x88\xff[\xb9\x1c-\x9a\x1e\xfe-(\x1e\xbc4\xc5\xf5\x17\xb3\x1c\xf5\x8d\'\x8eHjvB+\xcb\x12\xfd\xa3\xee\x99\xca\x1a\x0e\xdd\xdc+\xd4\xd0&lt;\\\xf1\xe4\xb4\xa8\xfe\x12\xf51\xec\x90\x16\xf7\xc1i\xe5\x1c\xbc\xa1\xb5\xd1\xf8:E\xef\xfa\xd8?\xe8\xf3\x16&gt;\xfd}\xff\x8cz\x0b\xd5\xf0\xbc\x04\xfc\xb4T\xfd\xb2\xa4\x1ae\x95E\xf6\xdd\x9aS\x89p4\xde\xaa)\xdb8\xc7\xfc\xac\x1a\xdc`&gt;\xd9\xdcy\xc2\xffzR\xc5PI(\x18\xe1\xc4\x02\xc5\x85@1\x82\x12\x19\xfc\xcb'</t>
  </si>
  <si>
    <t>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</t>
  </si>
  <si>
    <t>b'\xba\xb7H\xedO\xd3&gt;&amp;+,\xa4Rfp\x92\xb7'</t>
  </si>
  <si>
    <t>nsider a
 laptop. When you buy one, you have the option to purchase all sorts of
 accessories, like a case or a keyboard cover. They are supplementary
 products, not new concepts. Apple would have a hard time being a trilliondollar company if they only sold one product with add-ons.
 Selling incremental changes doesnâ€™t get people lining up at the door,
 waiting for your next product to go live.
 What Kind of Company Are You?
 Your second product can define the type of company you will be for the next
 year. Recall that Onnit set out to be more than a brain supplement company,
 and Bulletproof more than a coffee company. As a result, both had to change
 their product lineups as quickly as possible.
 If you get stuck releasing products that are too similar to your first
 product, you might get pigeonholed. You might plateau and end up being
 smaller than you could be.
 Thatâ€™s why itâ€™s important now to decide what type of company you want
 to be. If you did your job at the very start, and you understand your customer,
 then this part should be easy. Your company exists to help your ideal person
 along his or her journey, after all.
 My friends Cathryn and Allen had tremendous success when they
 released their BestSelf journal. It took off like a lightning bolt, selling
 millions of dollarsâ€™ worth of product. But when it was time to come up with a
 second product, they struggled. How do you follow up a first-ever-at-bat
 home run? They were already selling inserts and cases for their journals
 (note: supplemental products), but they didnâ€™t have an idea for a killer second
 product to release.
 One day, while we were chatting, I asked a simple question of them:
 â€œWhat kind of business do you want to be?â€
 If they were a journaling company, then their next products would be
 simple: more journals, fancy pens, and, well, that would be about it. But I had
 a hunch that they wanted to be something different.
 After talking for a while, they hit on the answer: Itâ€™s not about journaling;
 itâ€™s about productivity.
 That realization opened up a whole new realm of ideas. Instead of just
 selling journals, their job was to develop products that helped their custome</t>
  </si>
  <si>
    <t>b'\xfdC\xb6P\x0c\x0e\xa6\xb6r\x8a\xd0\xbc\x03[\xf7o@s:j\xeb\x80=U\x0f\x19\xe4\x8b\x18\x93\x03\x1dO\xb3\xd5\xc2\xdf\x8f\xf8^"\x8b\xd83\xb1\xce"\x03b\xa5\x84v\xf2\x11z}\xb2\xdf&amp;9ka0{q\x92\x02\xc52\xd4a\x1bh$\xb0\x01\xeb\xc3a\\(\x96q\xd3&amp;\x89_)\x05\xb1\xe0\xfb\n\xa44\xd6\x0eam\xa1\xe7\xdc\xea\x7f\xf3\xd8\xd3\x120W\x9a\x05D\x1e\xf6\xb3\x199l\xe7\x1e\xf7\x8d\x01&lt;\xa0r\x8b\xf7P\xc0\xd0\x0e\xae\x96\x82\xd6\x89\xf9\xb66\xc7LD\xd1\xa0N \xd20\x94q\xb7N\n\x0f?q\xf8z\x1d_%\xa1\xfa\xba\xf4\xe8\xa08;!\xd17$\xb0\xed9`\xd4\xd3\x8a.\xfe\x9b\xcd\xeb\xcd\xa1!\xa5\x87\x1e\xfb1\xfb\xe2,\xaa7\x03f\xe5\xfe\xd2\x9a#5\xdemH\x8a&lt;\xe8\xf5\xda\x01\x9fl\x9e\x87\xb4~\r\xa1N`\xa6ZY\xe3+\xa3\xb8M\xe2\xa7z\x84q\x86?\xec\xe7k\x0e.\xde\x15\x1a\xed\xdf\xaf)g\xd4i}\xa1\xe6;\xd3\xd2n\x87\xa3\x00T\xad\x0fg\xf3R\x93\r9\xb0y \xa4\x83\xc6y\x02\xfeW\x81\xe3\xf7z\x86\xf5}=\xa1\x08^[\x14\xde\x19\xeb\x87\xbd\x07(;\xa4|sLa\xfc;\x7f\xd6\xf1\xf6\xf3{?.\xb3\x8c\x01\xd9\xa6U\x98\ra\x0b\xf1\x1e\x06\xc9\xd7+\xd9\xc6\xaf4\x7f\xc4\x16\xef\xfe\x95\xa8\x11\x03\xf9n\x04\xf2\xc6(\xa4\x96\x98\x0c\xff\xd2\x9d\xd5\xa9;\x84\xa8.oO\x17v\x8a\'\xf2\xef\xea\x9b\xe9\x0ed\xb5C\x08\x98\x8d\x05\xd2\x90\x8dO\xe4Ocn\xd3\x06\xfeF&gt;x\xd8\x98\x16!\xa0\x96\'\xb2r\xc3\xb7\xab\xdc\xcb\x9f^\xc6\xc9fb\xe9\xc3\xd9\\\x11\x00|d\x8f\xbb\x85)\xca\x9f\xa2\xab\xf1\x07M\xb5\x93\xfb\xedv\x9ct\x91,"-\xe1\xc7\xfb"$\xda\xcd\xc5\xc5\xfe?\xa1\x16\xec&amp;\xdea?!:\xd4\xa0:)\xa2&gt;\xb9\xdb\x92I\xd4\x98\x9e\xcb6l\x95\x8e\xf3";&amp;\x8a\xb7^S\xc0V\x80\xe5\r\xea(\xb7\xa0\xf8\x9d\x18Qg7\xd6x\x02qC\xe8\xb6K\x1a,\xb0~\xa3\x8cvQ\xb867\xe2[6\n\x1c\x84/\xb7\x0f\xad\x99\xb9T\x81y\xd6q\xb7\x97\xfa}\x8a\xe0\xb9\xcax\x00\x88\xb8\xbdD1\xf4\x14:\x88\xcb\xff\xa9\xbd\xc8\x05i\xdc\x82\xd4f\xcc\x85\xff\xb6\xe7\xbc\x14\xf7\xd7\x06\xc3\n\xf1\x86\xe9\x91\xba\x81\xcf\xc8\x86\xff\xf0X\'\xa1\xb7a\x952wM\xa5S\x878\x8ba\x92Zk@A-\xf9wT}\xc0\x17\x1d\xb6\'\xa2P\x14\xb7\xea-\x19\x1d\x9b\xccNzC\x112\xd0\x9f\xe3\xdb\xacL\xefC\xfc\xd1\x90\x03&gt;\xb2\x05\xec*,\x9f\x043\xf2\xbf\x83\x81\xe5F\xf7vQh\xdbxP\xff\x06\xfc\xb9\x99\xb8\xf6\xe4\xd4\xe6\'\r\x80&gt;\xdf\x8b\xf6\xf2Q\xc1}\xf4d\xdb#\x07\x86\xb4K\x04\x057Y\xfa#\x02\x08-v\xfa\xb1\x9a\xc6\x8a\xb5j\x0f\xdb\xee\x01\x07v&lt;\x86{\xe8\x86\x17.\xb3L\xacv\xd0\x9c\x98\xe6\xf7&amp;\xb62\x9e\xcc \xbb\xa0\x841\x92\xa6&gt;\xb2\x8da\x921\\#\xd9\x7f\xb7\xc8\xf8\xec\xfa\xa3\x82\xaf&amp;\xf6$]\xe6\x8c4Bi&gt;s\x82\xe38e\x81\x1f\x7f\\\x13_\xc8\x88\xf8\xc0U\'\x02\xcc\xdb/\xc3\xc30x\xf5\xf9\x8893\x8f\x11W\xa4}\x0c\x82\xdb\xcf\xd0B\xa6$\xcf\xe4\x1c\xf9-&amp;-\xe2W5\xb3\xc0\x90\xd2\x15\xeal\xfd9\x07^G\xc2\x8c\x08\xdd\xc7e=Z\xd6z\xa6\xb7!\xf0JZ\x0f\x03\x035\xaeD\xa9\xc9d\xc1S\xa0B/\xc0d\xfdb]\xf3\x1f8s\xdb\xd8\xb6Y\x84[\x0c2\t\x10Q\x93U`?\x8f\xd7j\xa3b$Pq\xb0\x03h\xc6\xd9\xa5\x8bB\xe3\xe3Z\x11\x13\xc1\xe9$\xb9\x85&gt;\xd28\xac\xe3\xc0[Li\x08\x0c\x18\xc5\xecP\xfc\xfdKNu\x11Z\x1a\x12)\xfcf\xcc-\xf1\x80\xdc\xdeJN\xe5\xe2u\xcf\x7fir\xda\xcd#mf\x86\xa3\xd8\r\x83\xde\x9b)}\x82.\xbf$\x89ex,`\xf9^\xcb\xf6B1\xb6&lt;\x15#5:\x91RR\xa2\xe3\x18\x8a\xa4s4\xfd\xe1$*\xff\xc6\x13\x91\xe0\xb1n\x04\x18\x88\xfc\xceV\xaa\xaf\xbfCi+\x18\x11\x91gf\x91\xcf\x1b\x95\x81\x1a\xbe\xa3\x0b\xfe\xfa%\xd4\xb5o\xfa\xea\xc8k\x8c\x9c\x01\xc0\xf2\xc3\x9c\xc4\xc3r\xbb\x8bw\xb1E\x02\xdd\xbaB\x8dt\x17\xca*q\xeb\xe8\xb3\x15x\xce\xa7/\x92\x03Z\x038\x84\x85\x14s\xb2J\x1a=\x13\xd8\xbe\xdb\xe3\xac7\xf2\xd8~\xb9\x94\xc3\xb4\x18G\x11\xca\xf5\xa8\xa7f\x84"V_f\xf58\xb3NCP\x82g\x97\xd4*\x05\x9aY08RY\x19=\xfd\x04\xa6KXB\xb2Y\x0f\xc6\xc4\xce\xb2S\x17"H\xb7F2^\x962]\xbd`\x10\xf7\x01\x8a\xa25\x84\x1c\xe0\xc1\x15o\xac\xf0\xc4\xff)\xe8x\xb5\r\xdb\x9a\xe0\x94*\x91\xf7\xfd\xc0C\x19\x06\x9d\r\x8dz\x14\xbc,2\x13\xcbz&amp;5\x7f\xce\x9f\xa0W\x89|d\xff5,\x9b\x14\xd9.z&amp;\xcb;M,&lt;\xaa\xb1&lt;\n,\xa8\r-\x87\xdeW7\xad\xb7|\x16SkAT\xf7s\xfa\x182\xecYr\xfe\x11xFO\xf5\xeeN\'\xef0\x13\xa5\x80\xb2\xe6G\xe5Z\xe3"\x15~\x07\x8e\xbe\xf3\xeex|\xdb\x9a\xa6O\xe4xb^-\x1d\x85\xdc^\xd5\x8f.Yfh^\xfcF\x83[W\xc5HT\x1a\n\xaaQ\xf8&gt;\xe8UF\x9f\xd2\xf2\xb6\xb9+UIU\xd5\xc3\x87\x88\xb0pF\xbb%q\x83\xbe\xfa\x1c\x9b-]\xe3\xe5\x93\xa3O\x0f\xc7WZPq\x92-\xa1\xea\xbf\xf9%\xfa\xc6&lt;\x92\xd9\x01~\xecA\x89\xd62\xa5\xaf\x00\x98,\xe6\xca\xb1\x10\x1d\x99f\x92\xa3}O\x85\xe3d%:\x0f\x1b\xa0Y|,0\x99v\x0fB\xbdB\x9a\xc8TGd\xdb\xde\xc8\xaag\xb1lz;\xe6Z|\xb5\x95\x02\x9d\xef\xc4\xdcp}\x13~*\x82^-$\x1aK\x84]i]\xf0\x99\xd6\x13\xd3\xa4\xaf\x14+\xa4k\xb6\xa1\xd3=\xa2\x9b\x91\xa9\xe1\xe91\t\xf29K\xa1\xc1\xeb\x1f\x06\xeex\xccr\xde\xc5\xed\x98\xd7\xd7\xe3\xf1\xc3~\xbc\x19HU\xfc\xc3*\xaa\xe3J\x08\x0fY\x80k\x8c\x08=\xdaYmMs\xcb\x17\x7fE\xbaQ\xd1\x81\x91\xfa\xeb\xfc\xa9\xaf\xb2fH`L\x94Bc\xd0\xd9g\xb2\xa2\xcf\xdb[\xa4gJ\x16\x11Vf7\x87\x82g\xd4\xae\x11\n\xd9Z\x80\t\x9c\x86\xfa\x80d\xd3w6\xa6Z\xb5J\x1aw]\xa6\xba\xb3\x08\x0b\xc4{\xeb\xaal\xe0\x8c\xbb^\xa8\x15\xea\x81[3\xbd\xa9\xd1\xe8\xad\x0f&lt;\xd8NJP\x8e\xb6\xc5\xd6@\xb3PJ\xe1\xb9f\x95\x98RCA\x85\x81\xbf\xd1(\xb3S\x91\xf5@\x9f\xe7\x01\x83\x1b\x03\x02!\xcc\x9a\x90\x9ct\xdc8\xa6\xdb\x82TOQJ\xa7s\xea\x111\xae\x8a\xad^\xb5oA\x18\xb5^\x99\x9a{\xe5\xe9\xe6\xbeP\xd9\xc1\x93c:\x92\x87\xb2\xeb\x90\xfc\xfd\x140\xf6\xf1\xa8\xc7\xbf\x8a\xca =R\x94\xd0\xec\x1d\xb3;\xd5\nA\xd6\xf1\xa2\xf6\x06\xdd\x14\xd7\xc0h\xd3\x88~_\xea\xca?|\xe6\xc9H:.3\xc7\x7fdT\xbd\x86\xc30\xcf\xc4\xb8\xf2e[\x99\x97C\x88\xd9\xac\xc6\x10\xf0\xa8\xaf#)t4\x83u\x0f\x81\xbc\xcdY\xc6\xa7BuB\xb3\xb8i\xdb]\xd46\xb9WNBK\x93\xc8\xe6\xfc\xa5O\xdb\xc1a\xf9\x89s\x95\xdc\xd2.\xe3__\x03+\x05\xbf%\xa6R\r\x86/\x05\xd3\xa0\xfd\xfa\xa9\xb2\xb4\r2yP\xc5\xb7\xed1\xf9d\xc2\x1dRy^\xfdX\x91)\x1cX\xa72\x83g\xf4hkX\xef\x80\x02\x1a\x19\xda\xb1f\x19!\xda\xbd\xb6\x1cC}O\xec\x94o\ro]&amp;\xe1Z\xd5\xebdf#&lt;\xf2fDA\xba\xd7\x9b\x8aq\xd8\xb4Azx\x81\xfa\xc4\xadQi\x89^\x96\xd6\xcb\xd1[\xcd\x1b\xe0Gw\xfc-:\xe8\xa6`&gt;9\xf1\x04\xca\x16v\xee\xa4\xa3\xd8k\x7f\xb4B\x0c\xc2T\x158_8\xe4\x16\xeeL\x0b\xfd\x903\xab\xbb?\xe6\x8d\xb2\x19\xf6\x01\xc4#\x1a\x81a\x1fu]\xf3\x9a\xf0\x0e\xf8\xb7\xbf\x86\x82\x89C\xec\xf0(f~\xf4(\x12X\x07P\xc2O.;H\x0c_\xca\x8b\x98\x86\xab\xc9J\x12\xacY\xc0I\xde\x1a\xd1\xa2P}\xa0R\x0cm\xd6\x0bNe\x9fs\xcbNQ;:uc\xcch\xbd\x10\xda\xcct\xeb\x9e\x9aI\xbd\xe8!\xb1\xe2\x0f\xfd\xd4\xaa\x98"/\xb5G\x07\xa2z~:\xef\x94\xf0H\\\xd0\x02+LY\xb7)\xfeP\xaeF\xd5}\x0eU\xa316#}x\xe9\x96\xad\xe3\x01\x10\x1f\x0f_\x80@Wx\xddV\xefu\x04\x96\xb1\x1a\x1e\xe4!\x9fI\xb1\xf8*\xdb\xd6\xecj\xd6\xa6\xb4\x81\xb6\xe7\xfaV\x17&gt;\xcfzQ'</t>
  </si>
  <si>
    <t>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</t>
  </si>
  <si>
    <t>b'\xfdC\xb6P\x0c\x0e\xa6\xb6r\x8a\xd0\xbc\x03[\xf7o'</t>
  </si>
  <si>
    <t>protectores. Chiron 7:
393â€“408.
Christol, M. 1980. A` propos de la politique exteÂ´rieure de TreÂ´bonien Galle. RN 22: 68â€“74.
Christol, M. 1986. Essai sur lâ€™eÂ´volution des carrie`res seÂ´natoriales dans la seconde moitieÂ´ du IIIe
sie`cle ap. J.C. Paris.
Christol, M. 1994. Pline lâ€™Ancien et la formula de la province Narbonnaise. In DeÂ´mougin:
45â€“63.
Christol, M. and Loriot, X. 1997. A` propos de lâ€™inscription dâ€™Augsbourg: remarques liminaires. Cahiers Glotz 8: 223â€“7.
Ciarallo, A. 2001. Gardens of Pompeii. Trans. L.-A. Touchette. Los Angeles.
CiteÂ´ 1989. La citeÂ´ antique? A partir de lâ€™oeuvre de M. Finley. (Special edition of)Opus 6â€“9
(1987â€“9).
Clark, E. A. 1989. Devilâ€™s gateway and bride of Christ: Women in the early Christian world. In
Oâ€™Barr: 81â€“1</t>
  </si>
  <si>
    <t>b'&gt;\xc6:i\xc4\xa6]M\\\x9e\xaf\xad\x8f\xe2\x1e\x19X\xab\xa164\x9e\xb7\xf1\xa6\xea\x83o)\xe7]j\x99%\xcb\x9b\xebwvPA\xf1\xd8\xd5\xf1\x8am\x1b\xd7\xcb\x13f:\t\xd3i\x01\x9c\x86:\xa7\xc5\xc3\xe2V\x08R\x8aN\x81\xbd[\xd5\xfe\x9d\x91\xe5\x18|\xc7\x03\x07\x8d\x14\x9ba:\x90\x87v\x8c\xc4\xcc\x0es\x81\xc5Gh\x0cY\xaf\xc7?]\x04\xeb\xd9\xc6;\x9f\xb8\xdf\x13\xf2chp\xca\xf0\xa13\x07[\xf8\x8cw\x95\x05\x99l\xc3\x9e\x8f\x10\xb5\xbf#\xddQ[\xbd\x9d\x7f\xe2\xf8\xe5W\xaf\xdc\xa4\xb0B^RQ\x91\x98\xe6\xae&gt;\xd1\xb3\xa4\x1d1K\xf5\xc3\xab\xf7\xee\xe9\xd9p.\x042\xd0\x97}\xa4\xec\xe7\xf6\x06&amp;\xf3\xaf\x81k,\xe0|\x88\xe9\xf1f\x99\x8f\xfbU\xec\x9c\xa0\xc7\x92P\xfb\xb0\xef\x07\x90\xc3\xea\xf8CEw\xe2Z\xad\xd6\xbbT\x96\xab3O\xcdH\x89\x99\x10%\x86\x82\x06\x0e9\xcb\x85\x86f\xc5\xa2&gt;L\x193\xae&amp;=\xc8|\xf0\x98\xf0\x17\x11\xf1\xad\x1d9\xfb\xbbZ\xe2\xfb\x85-\xa3\xc7\x90P\xb8\xe3 \xc2\xad\xc2\xe3\xcdJ\xf4\xf0Z\xb3\xac\x07\xaeI|\xb4\x07\x1c\xe6\xa8\xfd\xe3\x89-\xe4\x89\xe2\xb3#\xb6\x83\xcfAX\x90\x17"\x98\xd8O\xe3\xca\xa2&amp;l\xe8\xd3\xd3?\x11\xba\x95&amp;\xb9\x90x\x8em\xdd:f\xa8\xf8\x17q\x08\x80\xc2\x8d"%m\xe4\xd0\x1b\x9aV\xb4\xa7\x85\x86\xe8\xed\xafF\xee\x0e\x9d\xd1U\xb4\xf5\x1b\xaf{\x10N\xaf\xb2qLa\xd2\xc0\xa9\xb8.\x03Q\x1d{p\xde-\xe4\xb5\xef\xf5\x0e&gt;\xf4\xfa\xf9^J\xcc\xd2\xc6\x80\xdf\n9\xb0&lt;\x01\xb7\x92\x95r&amp;M\xc1\x9e\xb2\x97\x98p\xc4\xa8\x19\xf1M\xf2\xb0L:\xed\x1a&amp;\xcc\xff\x11\xc1o&lt;\xa8\xfe]\xbfG\x02\x14\xc2a\x98|P\xa6\xa7\t\xf6b\x08\x10^e`6C\xf3\xc4\x95\x85\xaf\xd3\xd0-\xa6\xe3f\x11\xf4\xdf\xbf\xd7\xca+\xae%O\x85F\xd6\x05\x9e\t\x98\xcfz\xca\xd8\xe9\x97\xef\xfb\xad\xc7\x02\xcc\x93tok\x06\x96e\xb4\x81\'\xd0C_c\xfb?F\xc3\x7f9\'\xef\x10-\xfb.\xcds\xd7\xa0\xc4\x99\xf9 \xfaP\x08\xbd\x1e\xed\xf6d\xb7\t8RW.\x81\xad\xc3\x07\x93\x05T\xcd{\x0f\x08\xc6\x1e\xa2z\x8c\xf2^\xdf\xaf\xda\xaa$\xd2\xb7U*p4?\xf1}\r\xb8sl\xdd\xd0~\xeb\x0e~\xcf\x87\x99\x9b\x9c\xf5\xdas;\x8c\x10;\xbb\'\x88\xc8*l +\x8a\x0bHr4\xb0\xff\xa2P\xac\xc6-\xfb\x0b\r\xbaR\xfbaX9\x14\x8b()\xf4\xf5\xd8\x96\xa9\xec{K\x1c\xe9A\x0c\xfeu[\xa1\xb7\x88\x93/\x9b\rQ\x1f\x98d!s\x13n\xc8\xa1\xedR\xbf|\x0e|\x02_XXx[l\x8eZ7\xc5c\x87M(3O\xe2\x96\xf4(\xa7^\xf5eL\xc3\x00\\c\xc9v\xc6\xaeB\x08\xe0\xb8eF7K\x81Z\xed\xad{\xa2\xf3Us\xca\x06\xd7\xcf}\x07\x9b&lt;b\xdd0\xbd\xdb\x86\xc1\xe9\xb9\x1d$\xe5k$\x8am\xb4S\xa6S;X\x8a*\xbb\x85m*Vr`@\x10H\x03\x80|zO\x8e\xc0l\x1c\x9f\xb0a\x10&amp;\x17\xed\xd9}\xc3e\xe2\x1b\xa3$\xaa\x03\xc0\x8c\x8d\xf2\x8e\xbf\xe1z.\xfc\xd0x6\xde\xe1,I\xfe\x0c\xa6\xd4\xc3\xea\x84`'</t>
  </si>
  <si>
    <t>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</t>
  </si>
  <si>
    <t>b'&gt;\xc6:i\xc4\xa6]M\\\x9e\xaf\xad\x8f\xe2\x1e\x19'</t>
  </si>
  <si>
    <t xml:space="preserve"> â€œWhat are tarts made of?â€
â€œPepper, mostly,â€ said the cook.
â€œTreacle,â€ said a sleepy voice behind her.
â€œCollar that Dormouse,â€ the Queen shrieked out. â€œBehead that
Dormouse! Turn that Dormouse out of court! Suppress him! Pinch him!
Off with his whiskers!â€
For some minutes the whole court was in confusion, getting the
Dormouse turned out, and, by the time they had settled down again, the
cook had disappeared.
â€œNever mind!â€ said the King, with an air of great relief. â€œCall the next
witness.â€ And he added in an undertone to the Queen, â€œReally, my dear,
you must cross-examine the next witness. It quite makes my forehead
ache!â€
Alice watched the White Rabbit as he fumbled over the list, feeling very
curious to see what the next witness would be like, â€œâ€”for they havenâ€™t got
much evidence yet,â€ she said to herself. Imagine her surprise, when the
White Rabbit read out, at the top of his shrill little voice, the name
â€œAlice!â€
CHAPTER XII.
Aliceâ€™s Evidence
â€œHere!â€ cried Alice, quite forgetting in the flurry of the moment how
large she had grown in the last few minutes, and she jumped up in such a
hurry that she tipped over the jury-box with the edge of her skirt, upsetting
all the jurymen on to the heads of the crowd below, and there they lay
sprawling about, reminding her very much of a globe of goldfish she had
accidentally upset the week before.
â€œOh, I beg your pardon!â€ she exclaimed in a tone of great dismay, and
began picking them up </t>
  </si>
  <si>
    <t>b'\xa4u\x00\xd1\x19\xba\x1d\x1e\xcf\x8eA;\t\xa4\xc3q\xa66kuK0\x13=&lt;\xfa\x97f\xcb\xe8;\xe5\n\xd3Y\x9f\xa8\xef\xab\xc49cj\xfb\xe4\xbc\xed\x0c\xd1\xf6m%\x12\x1ff(!\xcc\xd5m9\xdcp\xd4c\xa5\xb9K$\xc4\x9a&gt;\xa7\xd8\xc3\xc8\xae\x8e\xc0F\xebQ\xc0J\x1bS\xf5?F\xb0\x1b\xa16Me5\x99\x17S\xae\xac\xe2\xd9\xab\xea(oB:2\xf3\xf4\xc0\xb6\xf7\xe7\x892\xf68nj\x11\x17\xd7\x8e\xc2\'-\x04S"\xda\xfe\x00(\x8fd\xbf\xc4=\xdec\xfb\x00\xd6\xddT\xa88 [\x8c^\xaa\xd6\x03P\x19\\(\xa4\x1cHvl\xb5\xdaW\xc0\xd4B\x9bc\x1c\xf3\xc9m?j\xe8\xcf%\x81\xaen\xd2\x91?\x99\x06\x03\x02:#}\xe9\xab+\xcc\xc0\xdc\xe6n\\\x199\xda\x10\x98@v\xd49\x885\x98i\xe1\x199\x83\\z\xc2\xb4A\x9a*\xd1\xe6F_\xca)-\xc9\x94\xb1\xdc\xb2\xecWY\xd0k\xf0\x9b\xc5\xbf4U\xe1\xb1\xe1}\xd3@\x1c\xe6Vn&amp;\xfb\x82\x9b\xec\x95\xd8YF\xd5\x7f\x99\x99\xd0;\xd3sa\xf1\x138\xe6\x03i!b\xa1\xdf(1\'\x99)\x9a\x11xb\xa0\xa5Kz\x9b\xf5\xf1=3\xdf\xd0\xe0.\x8f\xeb\x04\n`v\x02\xf7\xe8\xaf\xf7\xe3\x8c\xda\xcfl\x93\xe8\xfd\xf27F&gt;\xc8\xc0,\xa89:)g\xb0,\x9f\x90SP\x8a\xd2\x80\x18\xe7X\xf0\xef\xd9\xfa9\x96G\xe5\x07\xa0\xc2PO\xcf_\xfd\x1f\xedv\xbdtx)\xb1o{X6\xf4\x9a\x18\xc4\xc5\x94sO\xe7\xf5\xfb\x80z\xaazOl\xcf\x8b\x1cD\xb8!\xe9E\xd0q\xc9q\xc4\xe2F\x8cMY\xb2AA\r\x86\xe8\xf9Z\xba\x13\x0f\xd2\xd7\xda\xc2\x80\x06\x94\x916\x01g\x1aC\xd9\x93\x00\xfeOM\x9b\xf0\x9c~\xdf\x0b\x7f\x12d\x9b\xac\x1b\x81\xab\xa6\x85I{\xe7\xa59\xd4;\x18\xe1\xfb\x9f\xe2\xaa7\x82a\x82\xb8:!\xd8\x1e8E\x9a&lt;\x89\xc7\xd5q0\xdbB\x84&amp;\x1d*\x08f\xb1m\xf2\xd4\xe9j\xae}\xc1\x87\x1f\x909EX\xd3?\xee\x83\xae\n\x90Z.\xc0\xe9\xfb\xd8\x96\xced\xf5\xb2\x07\n\x0e1gv\x1b&amp;\x7f\x84\x11\xc0\xd4\x1d\xf9\x01\xf9\xb7\x15\x03\x9fS\xbe\x85(z\xfe\xe2\x8d\xb2\xfe\xf9\x0c\xe6\x939\xbb\xae\xcd7\x85\x08\x02#y\x8a\x17\xb4~JW\x02_&lt;I?.\xbc\x8f\x8a\x1fh\xda\xb8\xbb\x1e\xdaiQ\xe8\x0b\xc4\xc7)\xdcv\xf5\x90D\x91\xaa\xb0\xed\xd2\xf0\'M\x9d\tD\xa4M\xa4\x88DU\x1c\x92e8\xc91jN\xbcn\xeb\xb5\xb5\xe0\x9aBY\xac\xe0]@C\x1eU\xea\x9e\xadQ\xe3\xba\x9cJP\x9a\xceR\x81\x15\xe5\xc7&gt;\x94a&lt;\xa5e[\x83\xae\xb7v\xe1p\xac\xb5\x12;\xde\xea\xc4\x9bt\xe9\x87U\xb84\xb2\xbcs@\x80\x9a\x06\xfe\xc9\xd1\xac\xae\xdc\xb7zd\x1a\xddu.\x873(&gt;\xf65]\xb5\xed\x1d\x13\xc1\xee\xc9&gt;mO_+\xdc\xa5g\xf1\x10[6\xda\xd7\x95\xf6\x82\xedF{\xa5y?\xeb\n\xf8(\xd0,\xdeXK\x99\x15\xe1\xf4&gt;I\xa9\xa6\xe4\xb5+)\x07\xe0\x06Q\x04\\\xa4\xa1\x11\x19\xcd\xe87?\x7f}\xdc\xd1\x17\\\xc31*\xcc-\x01\xf2j\xf1#\xb6\xe1\x95\x95uoe/\xa7\xbe\x13\xcc\xe1}Q\xfaL\xa6\x12\x7f\xdab\xb8\xccY\x9d\xcf\xed{\xa1\xe5U\x1d\xc7\xf9\t}\xea\xc1X3\x91\\\xb1E\x10\xd0Ae\xe7\xbc\xfe\x899\xc2\xf9`D\xc2\xf9\x90\xb5\xd75\xean\xb0\x129\x05\xd2\xac/ P\x9a\xcd%B\x1cp\x80\xdd\x8c?\x8e)\xd4\x88\x8e\xeb&lt;\xd3ku\xdc\xb9K\xcc\xe8\xe1}c\xfcM)\xee\x89I\xa6\x8e\xfe\xf35\xdaUr\x03\xb6W\\\xe6]\xe4\xce\xb3\xed\xd0\xd3\xef\x95k\x84\xc3e\xe3\xbd\xefz\xdf\x94\xff]9\xd6B\xb1\x84W\x8e\tK\'j\xb0\x89\x82\xc9\xc7\xb2\xed\xe8\xaa\x7f\xc2E\xc3\xa6.\xee)\xf9*8\x01]\xfd\x18\xac\xad\xa8\xaf\x1e\t\xf0"\xf6\xa4\xd8\x03\x17\x9b\r\xf8\xe6m\xa5Opz\xb7f\xd5D\xca\x16\xaf\xab\xfa\xb8\x05.\xf5\xb4\x98\xb6\x07He\xdf\xda\xaf\xf8\xb53\x8c:B,TR\x84h/\xfd\x87QaB_\xa1\x00\xcc \xa7D\x052tA}\x08\xe0\t\xa5]\x14\xab\xa2$\xbb\x7f\xe8\x1c\xed\xc1y\xaa\xcae\x8cjk\xb8W\xfd\xed\xf3\xb1\xdb@I\xa0\x13\x9d\'.\xa1\xbbUf\xcb/\xf6\x18\xb1\xae\x06-\x9bF\xf6+\xe5\x88K\xb9\x0e\xf7\xc5\xf4\x02e\xe7:\xbft\x1c\xd1\x1a\x8d\x05\x06\x94\xa2\xc6h\xe6\xbd4\xde\xdc\x8c\xea\x7f\x9b\xfe\x04\xb2\x82B\\\x8fQ\x94\xe8u\x85\x1bY\xc2\x0b\x9e\xea\t\x9b\xa7)7\xf2\x93^\x8cQ\x1e\x01|\xd6@\xe4\xf3\x1fP8\xb8\x1a\x9a\x13\x01~s\r\xf77J\xd2$M\x91S\xcdGWY\xc9\x91\xe1F\x8c\xa8=\xc6\xdcA1V\xde]-\xd4\x19\x026\xd4\xa7Q\xa4Z\xe4\xbd\xf3pl\xcb\xb4\x9b\xfd\xd5\xc9&amp;A\xb9]\x10\x1c\xe2\x91S\xc9\nk4\x9aco\x97\xf4\xd17\x18\xbd\xaf\xab\xf1\xf8\xd3\x982\t\x8d\xd2\x90M\x9e;t\xfc;\xa6\x98Dh\x8cU \x97\xcb\xda\xa37:\x07\x98]Z\xd2\x0e\xf9\x90\x02Zl\x14\xb5i\x9c\xff\xd7\xc1\xf7K\\fY?Lb\x1e\x82R\xaa\x11\xff\x97\n\xcb\x901D\x0b\xbc\xa0\x9e\x15\x00\xc9\x11\xadL\xd3\xcd\xd7\xf3\x000\x06\xc8\x188HgK\x13\x0c\xe1\xf0\xc4\xcc{\xa4\xb4&amp;\x96)\xfe\xd5\x11w\xb4?\xf2\xd0"\xb4G\xd8=\xf1x\x8aL1)\xb3\x11{A\xf9{\x9a\xcf\nK-\x03\x9e\x8d.\xff\x94\x02\x1a\x1c\xed\x14S\xf10\x8b\x85i\xf6|16\xd8ue,\x16\x86\xa2\x97\x7f\xb2{h\x13,A\xcc8`I\xe9]\xa0\x82\x13\xd2y\xc36i\x8dD\x05\x8e\xcc\xd3\x08\xb6|\x87\xf1\x0e\x03\xe5\xce\xd3q\xc6\xd6\xec\x01\xd0\x1a\xce\x07X\xa2Z/"\x07=\xde\xca\x12\xf6)\tZ\x8ag\x0b\x9a\xab0\xfa\xcf\rO\xdf\xa6\x89\xadjh\x01\x93Gpv\x08\x991\x17\x87\x07'</t>
  </si>
  <si>
    <t>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</t>
  </si>
  <si>
    <t>b'\xa4u\x00\xd1\x19\xba\x1d\x1e\xcf\x8eA;\t\xa4\xc3q'</t>
  </si>
  <si>
    <t>own over it. "It is Reuben," he said, "and he
 does not stir!"
 The other man followed, and bent over him. "He's dead," he said; "feel how cold his
 hands are."
 They raised him up, but there was no life, and his hair was soaked with blood. They laid
 him down again, and came and looked at me. They soon saw my cut knees.
 "Why, the horse has been down and thrown him! Who would have thought the black
 horse would have done that? Nobody thought he could fall. Reuben must have been
 lying here for hours! Odd, too, that the horse has not moved from the place."
 Robert then attempted to lead me forward. I made a step, but almost fell again.
 "Halloo! he's bad in his foot as well as his knees. Look hereâ€”his hoof is cut all to pieces;
 he might well come down, poor fellow! I tell you what, Ned, I'm afraid it hasn't been all
 right with Reuben. Just think of his riding a horse over these stones without a shoe!
 Why, if he had been in his right senses he would just as soon have tried to ride him over
 the moon. I'm afraid it has been the old thing over again. Poor Susan! she looked awfully
 pale when she came to my house to ask if he had not come home. She made believe she
 was not a bit anxious, and talked of a lot of things that might have kept him. But for all
 that she begged me to go and meet him. But what must we do? There's the horse to get
 home as well as the body, and that will be no easy matter."
 Then followed a conversation between them, till it was agreed that Robert, as the
 groom, should lead me, and that Ned must take the body. It was a hard job to get it into
 the dog-cart, for there was no one to hold Ginger; but she knew as well as I did what was
 going on, and stood as still as a stone. I noticed that, because, if she had a fault, it was
 that she was impatient in standing.
 Ned started off very slowly with his sad load, and Robert came and looked at my foot
 again; then he took his handkerchief and bound it closely round, and so he led me home.
 I shall never forget that night walk; it was more than three miles. Robert led me on very
 slowly, and I limped and hobbled on as well as I could with great pain. I am sure he was
 sorry for me, for he often patted and encouraged me, talking to me in a pleasant voice.
 At last I reached my own box, and had some corn; and after Robert had wrapped up my
 knees in wet cloths, he tied up my foot in a bran poultice, to draw out the heat and
 cleanse it before the horse-doctor saw it in the morning, and I managed to get myself
 down on the straw, and slept in spite of the pain.
 60
 The next day after the farrier had examined my wounds, he said he hoped the joint was
 not injured; and if so, I should not be spoiled for work, but I should never lose the
 blemish. I believe they did the best to make a good cure, but it was a long and painful
 one. Proud flesh, as they called it, came up in my knees, and was burned out with
 caustic; and when at last it was healed, they put a blistering fluid over the front of both
 knees to bring all the hair off; they had some reason for this, and I suppose it was all
 right.
 As Smith's death had been so sudden, and no one was there to see it, there was an
 inquest held. The landlord and hostler at the White Lion, with several other people, gave
 evidence that he was intoxicated when he started from the inn. The keeper of the tollgate said he rode at a hard gallop through the gate; and my shoe was picked up among
 the stones, so that the case was quite plain to them, and I was cleared of all blame.
 Everybody pitied Susan. She was nearly out of her mind; she kept saying over and over
 again, "Oh! he was so goodâ€”so go</t>
  </si>
  <si>
    <t>b'CU\n\xad\xab\xe9!K'</t>
  </si>
  <si>
    <t>43550aadabe9214b</t>
  </si>
  <si>
    <t>an
 afflicted one! O! how long is it since I knew that luxury! I believed, that I
 had suffered the most agonizing pangs of human nature, in love,
 jealousy, and despairâ€”but these pangs were ease, compared with the
 stings of conscience, which I have since endured. I tasted too what was
 called the sweet of revengeâ€”but it was transient, it expired even with the
 object, that provoked it. Remember, sister, that the passions are the
 seeds of vices as well as of virtues, from which either may spring,
 accordingly as they are nurtured. Unhappy they who have never been
 taught the art to govern them!'
 'Alas! unhappy!' said the abbess, 'and ill-informed of our holy religion!'
 Emily listened to Agnes, in silent awe, while she still examined the
 miniature, and became confirmed in her opinion of its strong
 resemblance to the portrait at Udolpho. 'This face is familiar to me,' said
 she, wishing to lead the nun to an explanation, yet fearing to discover too
 abruptly her knowledge of Udolpho.
 'You are mistaken,' replied Agnes, 'you certainly never saw that picture
 before.'
 'No,' replied Emily, 'but I have seen one extremely like it.' 'Impossible,'
 said Agnes, who may now be called the Lady Laurentini.
 'It was in the castle of Udolpho,' continued Emily, looking stedfastly at
 her.
 'Of Udolpho!' exclaimed Laurentini, 'of Udolpho in Italy!' 'The same,'
 replied Emily.
 'You know me then,' said Laurentini, 'and you are the daughter of the
 Marchioness.' Emily was somewhat surprised at this abrupt assertion. 'I
 am the daughter of the late Mons. St. Aubert,' said she; 'and the lady you
 name is an utter stranger to me.'
 'At least you believe so,' rejoined Laurentini.
 749
 Emily asked what reasons there could be to believe otherwise.
 'The family likeness, that you bear her,' said the nun. 'The Marchione</t>
  </si>
  <si>
    <t>b'9#D\xbb\xb7\x0b\x8fc\x9cK\xd0{\xabHg\xb3\x10\x80\x06X\xdf\xee.T\x18s\x11\x95\x99K\x03\xc6\xbe[+&lt;ch\x0cx\xd8\xe1\xbf\xa7\x00\xf4\x19\xe5\xd9N?\xbc\x18\xab\x9b\x04\r\x9c\xd6\xf1\xf3H\xffo'</t>
  </si>
  <si>
    <t>392344bbb70b8f639c4bd07bab4867b310800658dfee2e5418731195994b03c6be5b2b3c63680c78d8e1bfa700f419e5d94e3fbc18ab9b040d9cd6f1f348ff6f</t>
  </si>
  <si>
    <t>b'9#D\xbb\xb7\x0b\x8fc\x9cK\xd0{\xabHg\xb3'</t>
  </si>
  <si>
    <t>other hand, defending the currencies would have
 required at least temporary high interest rates to persuade investors to keep their money in
 the country, and these high interest rates would themselves have produced an economic
 slump and caused banks to fail.
 642 PART FOUR International Macroeconomic Policy
 All of the afflicted countries except Malaysia thus turned to the IMF for assistance and
 received loans in return for implementation of economic plans that were supposed to con_x0002_tain the damage: higher interest rates to limit the exchange rate depreciation, efforts to
 avoid large budget deficits, and â€œstructuralâ€ reforms that were supposed to deal with the
 weaknesses that had brought on the crisis in the first place. Despite the IMFâ€™s aid, however,
 the result of the currency crisis was a sharp economic downturn. All of the troubled coun_x0002_tries went from growth rates in excess of 6 percent in 1996 to a severe contraction in 1998.
 Worst of all was the case of Indonesia, where economic crisis and political instability
 reinforced each other in a deadly spiral, all made much worse by the collapse of domestic
 residentsâ€™ confidence in the nationâ€™s banks. By the summer of 1998, the Indonesian rupiah
 had lost 85 percent of its original value, and few if any major companies were solvent. The
 Indonesian population was faced with mass unemployment and, in some cases, the inabil_x0002_ity to afford even basic foodstuffs. Ethnic violence broke out.
 As a consequence of the collapse in confidence, the troubled Asian economies were
 also forced into a dramatic reversal of their current account positions. As Table 22-4
 shows, they moved abruptly from sometimes large deficits to huge surpluses. Most of this
 reversal came not through increased exports but through a huge drop in imports, as the
 economies contracted.
 Currencies eventually stabilized throughout crisis-stricken Asia and interest rates
 decreased, but the direct spillover from the regionâ€™s slump caused slowdowns or reces_x0002_sions in several neighboring countries, including Hong Kong, Singapore, and New
 Zealand. Japan and even parts of Europe and Latin America felt the effects. Most govern_x0002_ments continued to take the IMF-prescribed medicine, but in September 1998 Malaysiaâ€”
 which had never accepted an IMF programâ€”broke ranks and imposed extensive controls
 on capital movements, hoping that the controls would allow the country to ease monetary
 and fiscal policies without sending its currency into a tailspin. China and Taiwan, which
 maintained capital controls and had current account surpluses over the pre-crisis period,
 were largely unscathed in the crisis.
 Fortunately, the downturn in East Asia was â€œV-shapedâ€: After the sharp output contrac_x0002_tion in 1998, growth returned in 1999 as depreciated currencies spurred higher e</t>
  </si>
  <si>
    <t>b'0E\x02!\x00\xe1JlZ\xdb`c\xe9\xb0V\xe1\x19\xe34Ul\x86\xb1\xcb\xfb\xd5\x9fS~#\x1b\xcf\xcd\x14^\xe17\x02 U(\x82\x0e*\xf2"\x7ft\xce_T\xfb\x03[\xcb~I\x84FnCJ\xbe\x8e\xf1y\xbb\x82\x13\xdb\x08'</t>
  </si>
  <si>
    <t>3045022100e14a6c5adb6063e9b056e119e334556c86b1cbfbd59f537e231bcfcd145ee13702205528820e2af2227f74ce5f54fb035bcb7e4984466e434abe8ef179bb8213db08</t>
  </si>
  <si>
    <t>b'0E\x02!\x00\xe1JlZ\xdb`c\xe9\xb0V\xe1'</t>
  </si>
  <si>
    <t>nd 
 step along of you to Cap'n Trelawney, and report this here affair. For 
 mind you, it's serious, young Hawkins; and neither you nor me's come 
 out of i</t>
  </si>
  <si>
    <t>b"{$\xae\x8a$\x83\x13r\nY\xa1\xdd\x97'p+K\xdfr\x8a5~QFUE\xc1t\x9c\x18\xad\x87\xb9\xcc\xf2\xa8k\xf8\xb2\xb3\x818\x85\xe9\xf33+\x8e\x9e1m\xe6^\xb3\x96!\x7f\xbd\xe4\xfd\x153L\xfbw&amp;\x923\xb0m0hc\xbf\x95.\xe0\xa1\\\x0cv\xfe\xc5\xa1\xfc\x08\xe2\x90\xfc9L8\x0eQf\xa3\xcc\xa5\xf9\xf05\n:\xb4U\xfd\xa9 \xfa\xdc\x80'@2\xf0Z\xb0p&gt;\x8bU&gt;Wq\x06A\xd9)\xbfH\x9bdQ\xa4\xfdc\xabu\x05\xa6\x9e\xcc\xc27\x9c\xbe\xf5\xfe`\xed\xe3mR\xba\x1a\xa2x\xb0\xe0\x07\xca\xc8\xe8&lt;\xee\xe6&gt;\xc9\x9dS\xd4\xcdy\xb5\xca\xa8\xe4Jm\x121D[st\x132v:}\xb6\xe8\xa7\xe5\x01\x18c\x17\xb9\x82o\xba{W\xe0W\x8dw&gt;\x12(\x86\xca\xb2nf\xad\x86\x8c\xfbO\x08\xfdV/\xf5Z\xd9=/@\x82\x83\x82#oc0\xa2\x99\x07\xce\xd0o\xb7]\x10\x19Q\x0b\x8dMrx\xf1\xcf"</t>
  </si>
  <si>
    <t>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</t>
  </si>
  <si>
    <t>b"{$\xae\x8a$\x83\x13r\nY\xa1\xdd\x97'p+"</t>
  </si>
  <si>
    <t>bear."* 
 *The mutineers were soon only eight in number, for the man shot by Mr. 
 Trelawney on board the schooner died that same evening of his wo</t>
  </si>
  <si>
    <t>b'd\xa3\x86\t\xf6\xdc\x85&gt;\xf5\x04\xad*\xe8\x94\xfbP\x04\xbbw0\x02\x1a\x1eG #4*\n\xe3\x1f\x05=\xa5\x11v\x1d\xfa\x1eG\xff\xd8\x8e\x9d\xa7\xf7\xe2&gt;\xafSv\xd0\xd4\xb6hHL7#]\xc0\'\xa7U\xa87\x85A\xfd\xcd\xea6\x12\x83\xb29}\xdao\xb7\x9f\xd2\xaa`\xcf\xe6\xec\xbb\n\x9a.\x90\xbc\x9f\xa5\x04\xac\xe6\xe5\xd9\x027&lt;\xc6\xdeG\x15\x89\x92\xa65MO\xe4\\\xce\x7f\xabu\xe3-\xb1\xc4\x9a\x965\n*~\xc8\xb8\xe9\xdcHa\x92\xa9\xcb{*\x82\xe0\x0b\xd3\xdb\xdeA\xf3\xea"\x9f\xd3&gt;\xe7\x98A\x91\xd9\xa5\x020\xb62\xcb&gt;\xe5Nr\xf5\x1cA\x13\xe7\x08\x98\xd6F\xea3k\x84\xd2 k\xbd\'\x8e\xafM/M\xad\x98\xd5\xe3j\x02\r\x1b\x9de\x12\x8d\xb8\xb9\xa7S\x04$\x0e\xf8\xa3?K\x818U\x1e\x87\xf0K\xd0p\x14C\xc5\xa7\xf4J;\x91\x14\x82\xfc)@\x9b\xdd@\xcfR\xfa\t\xe3\xdeTP\x93\x0bR\xe5n\xa0E\xe2\xc5'</t>
  </si>
  <si>
    <t>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</t>
  </si>
  <si>
    <t>b'd\xa3\x86\t\xf6\xdc\x85&gt;\xf5\x04\xad*\xe8\x94\xfbP'</t>
  </si>
  <si>
    <t>been
happy and he had let his soul fill itself with blackness and had refused
obstinately to allow any rift of light to pierce through. He had forgotten and
deserted his home and his duties. When he traveled about, darkness so
brooded over him that the sight of him was a wrong done to other people
because it was as if he poisoned the air about him with gloom. Most strangers
thought he must be either half mad or a man with some hidden crime on his
soul. He, was a tall man with a drawn face and crooked shoulders and the
name he always entered on hotel registers was, "Archibald Craven,
Misselthwaite Manor, Yorksh</t>
  </si>
  <si>
    <t>b'!\x11\x87\xed\xf6\xcd\x08\xd2\x1d\xacNZ\xec\x1a\xb81.\\zd\x9f\x15\xeek\xba\xea\xb6YCt$\xedh\x87\xf8\x8b\x04Y\xc4v\x9d\xd7T\x02\xdd\x90Me\xe9\x05\xfas\x95\xdc\xbb\xab"\xe4\x9c\x14F\xa8\x80\xff\x97\x02\xf9\x9e\xb1\xeew\x1f\xe4\x02p#\x1c9#\xa3\x8a\xb1\xa0F\x0b\xb6\x8f&gt;\xce\xb2\xb3\xe1\xa7z\x89&gt;f\xb4\xfe\xa2\x98^,\x94\xd3\xa2\xf0i\xb4r\x1a8\xdd\xd2k\xea\x05N\xb1\xb8\xfb\xb4\x0f\xc7\xd7\xa4\x9f\xd7\xb2\xc9\xf6FP\x87\x04\xba\xdf\x1fu\xb8\xc4YH!W\xdf\xb4\xb7\x0e\xc4[\xffM\x88!@\xbe\xd8\xdd\xb5~\xa1a\xc0\rC\x9a\xed\xeb\xc7Z;\xcc"\xdd\x96`\xfd\x10Y\x06\xc4\xef\x08\x8bLD\x10\xed{Q\xa3\xad}p\xec\x9a\x95M-\x01\xaf\x1ar\xf7\x07H\xa2\xb4\xb7\xcf\x8e-HA)\xbd\x11\xf6\xb1&gt;Qo\xf4\x1e$Jf\x0cz\xa4J|\xd5S\xbf\xef\xa4\x91\xe3\xd0J`\x9e\xe6\t\xfa\x800u\xee4\xd9\x10\xfa\x0e\x19\x9f\xbc\x8e\x1d\xa3u~\x80\xe4\xfe\xceo\x02\xd4a\xbc\x8fR\x03\x05\xd6\x1cv\x8c\x08\xec\xec\x8c\xf8cAQ\xc1F\xf2\\\xf5\r\xaa\xbc\x05&amp;\xa4\x7f`\xeb\xd6\\u\x89\xc0\xd8\x81)\xf7\xefO\xa4v\xc9\xe9\xd6\xe8\xc8\xab\xa9=Lo\x94\x93\x9d\xc2\x99\x14O\x14\xdb\x88I}\xf2\x8d:\x7fM\x9c\xa2\xaaj0\xc3\xe4\xdaNa\xe8\xd3\xc5\xbf\xbc^f\xe69dWJ\xb2\x87k\xeb\xb4\x91\xdapE R\x11G9i\xc5\x04\xe01\xf0\x9a\x0f\xa9T \x91\xabL\xe5|\xfbn\x8aN\xe2\xf2\xa3\r\xc1\xbfl&gt;r\x9d\xbb\x98PH\xfb\x9dp\xcf\xac\x1b"o\xb9\xc6j\xe1\x15^X\x9cn2W&lt;\xa5\xd0\x16\xe61\x81\xb1\xfa\xa7\xc1\x0e\xf4R*\x15F\x81\xf4ZUL^72\x8c\xa4\x8f\xc2z\xbe2\x93\xfa\\\x85\x04\xcb$&amp;\xe2&gt;\x98\xbfV\xb7\xb3BP\xa3\t#\xd8\x06C\xc6\xd7\x07Q\xbf1\xc6\xa9\x86\xd7c\xfb#\x19G\xfe\x12XB\xddZ1\x1d\xaf\xce\ty\xe3c&lt;Z&amp;v&gt;I\x1e\xdb)^\xea\x86\x03\xdb\x17\xd2\x10!\xd2&lt;\x95,\xb8l\x90\x16\xed\x84\x94\xc7\x87\x1b\xceA\xa2z\xcb\xa9\xd5l\xb3\x1bC\x9c\xa9M\xeb16\xa5\xc2\xd6\x91O\xa9\x01c\xd6\xd5\xf4\xbf\\\xeb\x9c\x0c\xc5C\x05&lt;\xea\xd5\xfc\xfe\xaet\x9a\x1a-\x1a\xb93\xd9=&lt;\xcbb\xd0\x0b\x19\x01J\xa0\x08\xb9\x90\xe6\x1a\xe8v \xce\xd0_\xb8\xceh\xf0\x05'</t>
  </si>
  <si>
    <t>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</t>
  </si>
  <si>
    <t>b'!\x11\x87\xed\xf6\xcd\x08\xd2\x1d\xacNZ\xec\x1a\xb81'</t>
  </si>
  <si>
    <t>do you mean, Wendy?'
 'It is so naughty of him not to wipe,' Wendy said, sighing. She was a tidy child.
 She explained in quite a matter-of-fact way that she thought Peter sometimes
 came to the nursery in the night and sat on the foot of her bed and played on
 his pipes to her. Unfortunately she never woke, so she didn't know how she
 knew, she just knew.
 'What nonsense you talk, precious. No one can get into the house without
 knocking.'
 'I think he comes in by the window,' she said.
 'My love, it is three floors up.'
 'Were not the leaves at the foot of the window, mother?'
 It was quite true; the leaves had been found very near the window.
 Mrs. Darling did not know what to think, for it all seemed so natural to Wendy
 that you could not dismiss it by saying she had been dreaming.
 'My child,' the mother cried, 'why did you not tell me of this before?'
 'I forgot,' said Wendy lightly. She was in a hurry to get her breakfast.
 Oh, surely she must have been dreaming.
 But, on the other hand, there were the leaves. Mrs. Darling examined them
 carefully; they were skeleton leaves, but she was sure they did not come from
 any tree that grew in England. She crawled about the floor, peering at it with a
 candle for marks of a strange foot. She rattled the poker up the chimney and
 tapped the walls. She let down a tape from the window to the pavement, and it
 was a sheer drop of thirty feet, without so much as a spout to climb up by.
 Certainly Wendy had been dreaming.
 But Wendy had not been dreaming, as the very next night showed, the night on
 which the extraordinary adventures of these children may be said to have
 begun.
 On the night we speak of all the children were once more in bed. It happened
 to be Nana's evening off, and Mrs. Darling had bathed them and sung to them
 till one by one they had let go her hand and slid away into the land of sleep.
 All were looking so safe and cosy that she smiled at her fears now and sat
 down tranquilly by the fire to sew.
 It was something for Michael, who on his birthday was getting into shirts. The
 fire was warm, however, and the nursery dimly lit by three night-lights, and
 presently the sewing lay on</t>
  </si>
  <si>
    <t>b'\x96\xdb"\xdfn\xed_&gt;'</t>
  </si>
  <si>
    <t>96db22df6eed5f3e</t>
  </si>
  <si>
    <t>ng round rapidly and ran stem on for the low, 
 wooded shore. 
 The excitement of these last manoeuvres had somewhat interfered with 
 the watch I had</t>
  </si>
  <si>
    <t>b"\x91\x88\r\xc1\xf5\x88q\nA:\xa5\xd1# 74\xc3|\x8c\x10o\x03\x03I\xdc\x03\x8f\xb8\xbd\x93\xc7M&gt;\xaa\x01\xf6L\x0f\x80R\x9a1\xdf\xb6S\xf6\xb6\x96f\xea\xe0\x90%\x94\x8e\x97\x08T\x83?\xf3\xcc\xf1\x92\x03\xe1D\x8a\x0f\xa2\xef\x93\x07\\}\xe2\xe0\xd2\xce\x04\x8d\xc3\x9a\xca\xa2r\xb2 d\x84\x99\xe5\x0eQ8\xcb{`\x7f\xfftI\xecdc\xc3\xae=\xbd\xa5\xe0J\x04\x00\xb3\xc0\xa8\xcft\x99\xba\xe2\x0bV\xad\xa20\xe4\xa9\x19\x8bg\xde\xd1\xe8^\x90L[\xd2\xa8X4\x06\xb2\x93k.\r\x14Y\xb0\x0c\x7f\xe1v(\x00\x1c\x0e\xc28Oc\xbd\xa1\x90\xd5\x16\xe2\x19\xe29#\x7f\x0e\xfd\xff\x1b\x8bx#\x83\x81\xe1M\x8f\xf9\x9b\xa6\x0bJ-\xd9\xa6x\xab\x94\x00\xd6+l\xceiG|\x11\xa9\xda&lt;2\x07(\xac7$\x91\xefYb0\x084\x81\xd6\x12Ye6{\xe3X~\x9f\xefb\xad\x16\xee\xc1\xb0\n\xc6\xeeL\xd9\x81I\xa7\x85\xfbe\x1b\x84\\\xee\xa7n\x18\xef\x8c/\xef\xce\x1b\xedtOZ\xc8RZ\x0e\x180F\xff\x08&lt;\x18\xf5\x95\xc8\xa4\xab\xc4&lt;\x1a6%\xf5c\x0f_uT\xc8\xc8\xe2\xedw\xb2\xa8@{\x1e,\x0e\x0bd\xee\xb9\x9c\xc5\x00\xcd\x00\xc0M\xe8\xa745\xa8e\x90ss\x82\xb7@4\xbbt\x1c\xd5\x0c&amp;\xfe\xd1\xd9G?\xad1\xcb\x03\x07\xeaWwV\x12W\xc4\t\x00\x8d\xd1\xe9\xda\x11\x07\x00x\x0b\xc9\xa6g\x98;\x1f\xdd\x19/\x80\xb8\xe3h\xb5Cf\xd4\xb4tb\xf4u6d\xf3\xd5\x06\x96!\xb6\xb82\xc5\x10\xe9+\xa4n\xf3\xd6'\xd2Bl)d%\xc3\xed\xa0\xb8#\xa8\xa65\\|\x9c\xe2\xf36\xa6p^?\x8c\x15\x95\x95]S\xad\xda\xb5\xd0\x90\xbc\xa2\xff\x91\xad\xde\x96v\xef\n\xefk\x98\xc3\xa8\x88\x97SW\x90\xff\x05\x08\xa2t\xd6\xec\x9a\xbe\xc5\\\xb61\xa2\xbb\xd9l\x14\x82u\xe2\xbe\xdc\xc0\xcb\xaa=O\x8b\xb9c\x93\xbe\xb3s/m\xa0\xa4\xef\x06{\x19B\xf1\xb4\xed\xba J"</t>
  </si>
  <si>
    <t>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</t>
  </si>
  <si>
    <t>b'\x91\x88\r\xc1\xf5\x88q\nA:\xa5\xd1# 74'</t>
  </si>
  <si>
    <t>tissues/cells located in
different parts of our body constitute the
endocrine system. Pituitary, pineal,
thyroid, adrenal, pancreas, parathyroid,
thymus and gonads (testis in males and
ovary in females) are the organised
endocrine bodies in our body
(Figure 19.1). In addition to these, some
other organs, e.g., gastrointestinal tract,
liver, kidney, heart also produce hormones.
A brief account of the structure and
functions of all major endocrine glands
and hypothalamus of the human body is
given in the following sections.
19.2.1 The Hypothalamus
As you know, the hypothalamus is the
basal part of diencephalon, forebrain
(Figure 19.1) and it regulates a wide
spectrum of body functions. It contains
several groups of neurosecretory cells
called nuclei which produce hormones.
These hormones regulate the synthesis
and secretion of pituitary hormones.
However, the hormones produced by
hypothalamus are of two types, the
releasing hormones (which stimulate secretion of pituitary hormones) and
the inhibiting hormones (which inhibit secretions of pituitary hormones).
For example a</t>
  </si>
  <si>
    <t>b'\xbf\x95d\xb5\xd1\xf0S\xd5F!G&gt;\r\xc0\xce\xe9\xb9v\tL\x15\n\xbc\xdb\xfa\xbd\x0cA\x9bb;AC(_gPQ\x14\xbcR\xb3\x86":_\xe5\xc9\x83{\xd0\x91\x95\xa5m\xe5d\xb4\xe8f\xe8wb\x94\xf8\xf3K@rza\xed\xba\xe8\xd5v\xf3\'\xf0{_\x10\x8a\x93\xb5\xf7\x93 \xdbx\xd5\xa9\x0f\xb1\x87\xe2w"P\xd9\xab\xe4\xe5j0\x14\x0c\x1d\xd5\xd6U\xac\x868l\x8b\xd8qB\xc2\xda\xf2\xcfB\x95\xf9\x05\xe5\x8c\xfc\x17\xf0\x91\x13\x00?\xb1\x85\xa9\x1d\x9d\x80*\xbf\x07\xd1Y$\x04\x9c\xa5\xcd&gt;+\x01\xa0o\xa1\xbb\x14$\xf4\xc0\x1em\xc1\xc9\xcc\x0f\xb1j\x05\x97\xd3+\xabg\x18\xae\xed\xc6[\xcdh\xe8\x12\x08\xb5Cud\xa3cU\xabmd\x83J\xc4\xe3\xab\xb9|\x90\xe4q&amp;\x97\x00 _]e\xf4\x01\x0f^D\xdcV\x13\xefR[\x18\xba9\x1e\x8a\xe5e\xbeT\x1b\xe6\xae)\xca\xc3\x19n\x97\xb8\x9c\x01,\xf2\x85\xcc\x9b\xf8\xdb\xff\xdbj\xe3\xb9\xaa\xa4\xc3N\xd40\xc6H9\x00\xd3\x9bR\x17*\xc2\x9b\xb8\x1f\xddd\xe8n\xb1d\x1b{\xfe"\xb9\x8b\xac\xa4\xb3R\xf21\xa2\xd7\xdbX\xae\x96ON\\2\x95|\xb4\xcds[\xb9\xab\xf0\xfb\x97\xc6;\x03l2\x1eX\xf4\xf1\xee\xb1\xb7d\xe4?\x8d\'\x03\xd9#4\x9f\x93\x1ee\xa1\xa4uY)f\xdf&lt;\x004\x14\x92\xee\xa9\xa7\xac\xd7\x96\x9ai?\x05\xd0`\xcaPz\xfd8\xef=^\x9b\xf8m\xf6\xc0\xeb\xdc\xc2\xccST\xd7+\x9b\x1c \xf7\xbb\xb7?\x01\xa0\xacTI1\xed\x0eL(~P\xf6Y\xd2&amp;\x082\xbf\x17D@j@j\xda\x01\x1d\x96g\xd4\xf9n\x1a\xdf[z\x8ab\x08]\xbd\xbc\xef\x1d\x0e\xe0]\xf3.\xeb\xf8\x1c\xc0\x82\xfc\xb38\x8by\x85\xdf\xc3\xb0z1\xa8\xaa\x13\xc1\xf5\x1aC\x90w\x1c\xe1U\xc1&lt;\x8dD\x94H\x92P\x9b\xdbs\xb2e\n\x004Y\x88\x84M)[\x88}\xe1\xeb\x98h\x8b\xa4\x8b\x90T\xba*c\xca\x16\x05b\xbd\xccqHl\x02\t}B\xee\x0c\xacS\xfa\x9dK\xc8\xa0\xe5A.\xbe*\x10\xfb[\xd5\x17\xfb?\x97\x95L\xc8lE\xa2\xc7\x8d\x96%f\n\xc3M[\x10\xe8)b\x91x4\xb0\xe17\xa2s`Z\x8b/\xae1C\x192\x89\xf3\x8fE\xc7\xa9C\xc8\x13\x92]\xce\x06HI\x8d\x88\\]\xf2U|\xd7&amp;f@\xbb\xee\x86*\x9d\x81\xa8\xea\x01\xcd\x9e\x97\xca\xb2\x9c}t\xd3\xeb\xe9\x87F\xb7z1\x8e.W\xaf\xeej\xf6~\xf4\x18t1\x84\xa4\xc6\xd1g\x1a+f\xd9"\xb3\xe5\x9e\xd2\x89&lt;\x85X\xf1\xb9\xf6\xe5\xda`\xe3+tv\x90\xbd\xa8[\xd9\xe3,i\xafF\x1a\xb6K:\xca\xc8\xc4\xb1\x1bQkX\x96\x13\n4\xc4\x16\xa3D\n\xed\xde)\xc0\xf6\x89\xcc5\x0b\x99\xfa\x84m\xad\x08\x08\xe8\x99\xd25|\x10\x9b_5a2!M\x18\x1b\xf76\xad\xe1\xf2\xc91\x99\xae\xe7\x0e\xbb\xe3q8\x875_]\x13u^/$\x06\xa9\x9d\x1e\xca\xd8\x8c&lt;\x83\xf6\x04f\t\x07\xd3l\xfb\x19\x96\xa3\x02/i\xea\x816\x99\x13\xcf\xba\x8b\x9ch\xb4\xae\xfe\t\xb8M\xd2J\x1b\xf5ov\x7f(\xbc~\r\xfeW-\x05\x13\xf0\xb8\xe8\xf5\t.\xe6\xe2\x01\xcf\xb0\xe6\x82\x99TiN\x93\x1f\xc9\xba~\xe9\x19\x02g;\xa7\xc8\x12~\x0f\x0b\n\xbd\xc91\xc5\xe0R\xff\xfc\xae(\x85\x87\xb3\xf4\x8c\xb9om\xbe\x9c\xe2!\x94\xbd\x08\xd0{\xd9\xa4\x11\x1b\x10Xr\x00N\xca\x05\x8e\x16\xb0v\x84q\xa0R\xd5WE\xf0@\xab\xe7\xa2\x8c\x7fa\x8bP\xd9\xcc\x98\x8cI\xe7]P\x00\xdfX\x1f\xe2\xd7\xccA\xb8X\x89\xa8\xfd[3,(\xd4\xf7\xb8\xcc\xcf\xe8P\r\xfa\xa1\xd2\xc4\xb9=\x10\xb8\xb4wq\xad\xa7I\x99\x1f\xb0O\x18~x\x91\xd8\xac\'6\xe6ThXe\xc1\x8a\x00\xce\xe9m\x9e\xf1^\xab\xe6p\xd5\xc5\x11\x9dQ\x91\xf4\x00qB\x98,\xef\x8a\x95\xa6@\x9b\xfc\x96I\xdeb\xe0\x95\xa9\x00\x98P\'bJ8\xcc\xca\x8fA\x92\xc9\xdd\xaffs\xb8\xb5\x0b\xc0\x0b\x14\xba\xb4*\xc6\xf97\xcb\xf54\x1d\xa0~\xd5\xee\xbd\x14C\xbd\xf2\xe8D|L\x9av\xac\xba8S\x8bc\xaby\xe4\xc6\x0c*8.\x8a\xdf\xc2\xdd\t\x88\x07\xcd\x93\x17\xa4\xfac*\r\x95U\x8fj'</t>
  </si>
  <si>
    <t>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</t>
  </si>
  <si>
    <t>b'\xbf\x95d\xb5\xd1\xf0S\xd5F!G&gt;\r\xc0\xce\xe9'</t>
  </si>
  <si>
    <t>;
 "but they will look very well at the head of the line when we take the
 schoolchildren to church on Sunday. She has been provided for as if she
 were a little princess."
 9
 And upstairs in the locked room Sara and Emily sat on the floor and
 stared at the corner round which the cab had disappeared, while Captain
 Crewe looked backward, waving and kissing his hand as if he could not
 bear to stop.
 10
 2. A FRENCH LESSON
 When Sara entered the schoolroom the next morning everybody looked
 at her with wide, interested eyes. By that time every pupilâ€”from Lavinia
 Herbert, who was nearly thirteen and felt quite grown up, to Lottie Legh,
 who was only just four and the baby of the schoolâ€”had heard a great
 deal about her. They knew very certainly that she was Miss Minchin's
 show pupil and was considered a credit to the establishment. One or two
 of them had even caught a glimpse of her French maid, Mariette, who
 had arrived the evening before. Lavinia had managed to pass Sara's room
 when the door was open, and had seen Mariette opening a box which had
 arrived late from some shop.
 "It was full of petticoats with lace frills on themâ€”frills and frills," she
 whispered to her friend Jessie as she bent over her geography. "I saw her
 shaking them out. I heard Miss Minchin say to Miss Amelia that her
 clothes were so grand that they were ridiculous for a child. My mamma
 says that children should be dressed simply. She has got one of those
 petticoats on now. I saw it when she sat down."
 "She has silk stockings on!" whispered Jessie, bending over her
 geography also. "And what little feet! I never saw such little feet."
 "Oh," sniffed Lavinia, spitefully, "that is the way her slippers are made.
 My mamma says that even big feet can be made to look small if you have
 a clever shoemaker. I don't think she is pretty at all. Her eyes are such a
 queer color."
 "She isn't pretty as other pretty people are," said Jessie, stealing a glance
 across the room; "but she makes you want to look at her again. She has
 tremendously long eyelashes, but her eyes are almost green."
 Sara was sitting quietly in her seat, waiting to be told what to do. She had
 been placed near Miss Minchin's desk. She was not abashed at all by the
 many pairs of eyes watching her. She was int</t>
  </si>
  <si>
    <t>b'x\x7f\x17\xc5H\x9e\xebp'</t>
  </si>
  <si>
    <t>787f17c5489eeb70</t>
  </si>
  <si>
    <t>hiff of temper seemed to cool Silver down. He had been 
 growing nettled before, but now he pulled himself together. 
 "Like enough," said he. "I would set</t>
  </si>
  <si>
    <t>b')\x16Wb\xfb\xe1\xfd\x04\xccOVgK6{\x17\xa3\xfd\xee\x8f\xbb&gt;\xb0H\xf9jpL\x0co\xb8\xee+\xef\xb7g\xeb\xf9\x00m&gt;E\xff\x8e\x15Gu\x16\x82\xf5\x86\xd3\x9b~]\xc8\x81\x81\x852\xbf\xbb\xef{\x96\xeb\x80\xc22\xc2\xc0p\xf6K\xcc\xa3\xc9\xc4\xe0\x97\x0e\xd6\to\x83\xcd\xd0\xe7\xe5\x00\xdbXx!*a\xf2\n(u\xe0\xf8\x0c\xd7\t\xc0C\x05!6z-\xb0\x8c0b\x08[5\xab_X\xc6!\x9c\x88Lj\xdf\xd0\xd4\xebg\x83\xfb\x9652"NB\x8as\xb1$\x19D\x8f\x8d\xc1z7*\x14\x83\xf9\xa2\x87\xa1\xe7\x1c\x13\x8f\x91\xd0\x9d\x85\xb7\x10L\x10\xfc\x11!\x00y\x03@\x1c\x07iu\t.}bj\x07\x8b\xc2e\xdc#\x13\xa0\xd0\xa8\xda\x97I\xd6\x8by\'\xbf\x99\x11\xc9\xc3\x17\xc2bS#6D\x86T\x9bC\x9eaf\xcd|\xcb\xe4fM\xf8\xcc\xbd\x96e3.\xe3,|\x1f\xfah_~\xee\xb9\x00iW\xe7%)\x13\x96\x00\x96S\xfb\x05.\xc0z\xdb+\x80\xaa\xa2a;O\x83d\xec4\x10\xdd\xbaw@l\xe9\x80\xe3\xc2D\xe5\xec~|\xa9\xa8\xbd*\xd8\xa0\xbb\x98\x7fV&gt;\xf3\x18iB\xedyU\xf0\x96\x91\xad8\xd0\xc7 S\xf4\xeb\xd2n\xd5m`b\x8cfD\xbe1\x14\xe7\x84,L\x85\x0fj\x94\xecF\xe3\x9b=&lt;\x00I\xeb\xc2b!E\x10x;.\xc6\xd0\x02!P\xb9\xb1\x7f0&lt;O\x9d-\x8b\xbcR\xc6\n~Q\xef/]\x88\x12x8Co\x9f\xd1\x9a\ro%\x94\xe0\xb3u\xda\xb9\x90v\x0b9\x8c\x85[|L\x8c\x86&amp;\xcf`&gt;\x07\x8c\x19\x14Y\x96\x89\x05xh\xdc\x93\x92\x8c\x82v\x9fV\x1c\x1b2\x17&lt;\x93\x17i\xd2\x85\xbc\x8f\xbcq\xf1\xd9\x084\xf3-\x17\xe3\xedmd\xe6\x9c\xea\xf4\xe1\x16"\x875G9\x91\x81\xb3&lt;\x96\xcf\xfd\xda\x08\x86\x03I\x10\x7f\xfcYDN\x0b\xfe;\xb2\x15\x85\xe7\x82\xfai{\xd0l\xb7\x01\xb7\x9c\x08\xf3rd\x7fm\x98{\x9dH\xd7\xe9'</t>
  </si>
  <si>
    <t>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</t>
  </si>
  <si>
    <t>b')\x16Wb\xfb\xe1\xfd\x04\xccOVgK6{\x17'</t>
  </si>
  <si>
    <t>with her guides, to a place of safety.
 'Of safety!' exclaimed Emily, thoughtlessly; 'has, then, the Signor so
 much consideration for me?'
 461
 Carlo looked upon the ground, and made no reply. A thousand opposite
 emotions agitated Emily, successively, as she listened to old Carlo; those
 of joy, grief, distrust and apprehension, appeared, and vanished from her
 mind, with the quickness of lightning. One moment, it seemed
 impossible, that Montoni could take this measure merely for her
 preservation; and so very strange was his sending her from the castle at
 all, that she could attribute it only to the design of carrying into
 execution the new scheme of vengeance, with which he had menaced
 her. In the next instant, it appeared so desirable to quit the castle, under
 any circumstances, that she could not but rejoice in the prospect,
 believing that change must be for the better, till she remembered the
 probability of Valancourt being detained in it, when sorrow and regret
 usurped her mind, and she wished, much more fervently than she had
 yet done, that it might not be his voice which she had heard.
 Carlo having reminded her, that she had no time to lose, for that the
 enemy were within sight of the castle, Emily entreated him to inform her
 whither she was to go; and, after some hesitation, he said he had
 received no orders to tell; but, on her repeating the question, replied,
 that he believed she was to be carried into Tuscany.'
 'To Tuscany!' exclaimed Emilyâ€”'and why thither?'
 Carlo answered, that he knew nothing further, than that she was to be
 lodged in a cottage on the borders of Tuscany, at the feet of the
 Apenninesâ€”'Not a day's journey distant,' said he.
 Emily now dismissed him; and, with trembling hands, prepared the
 small package, that she meant to take with her; while she was employed
 about which Annette returned.
 'O ma'amselle!' said she, 'nothing can be done! Ludovico says the new
 porter is more watchful even than Barnardine was, and we might as well
 throw ourselves in the way of a dragon, as in his. Ludovico is almost as
 broken-hearted as you are, ma'am, on my account, he says, and I am
 sure I shall never live to hear the cannon fire twice!'
 She now began to weep, but revived upon hearing of what had just
 occurred, and entreated Emily to take her with her.
 462
 'That I will do most willingly,' replied Emily, 'if Signor Montoni permits
 it;' to which Annette made no reply, but ran out of the room, and
 immediately sought Montoni, who was on the terrace, surrounded by his
 officers, where she began her petition. He sharply bade her go into the
 castle, and absolutely refused her request. Annette, however, not only
 pleaded for herself, but for Ludovico; and Montoni had ordered some of
 his men to take her from his presence, before she would retire.
 In an agony of disappointment, she returned to Emily, who foreboded
 little good towards herself, from this refusal to Annette, and who, soon
 after, received a summons t</t>
  </si>
  <si>
    <t>b'\x8calxq\t\xf5\xd24\xe7\xfa\xb1t\x18D\xe2\xa9\xdf\xb4\x82g\xc3N\x14}\xcc\xf3b;\x15&gt;RM\xee\x1e\x96\x8e\xaf6\x06\xd7\xa6l\x06\xaf\xc2\xa6x)R!\x94\xffd\x9b7L=\xd7\x84\x8d\x00\xb9Q'</t>
  </si>
  <si>
    <t>8c616c787109f5d234e7fab1741844e2a9dfb48267c34e147dccf3623b153e524dee1e968eaf3606d7a66c06afc2a67829522194ff649b374c3dd7848d00b951</t>
  </si>
  <si>
    <t>b'\x8calxq\t\xf5\xd24\xe7\xfa\xb1t\x18D\xe2'</t>
  </si>
  <si>
    <t>to which Emily was frequently
 compelled to be witness, exhausted her spirits more than any
 circumstances, that had occurred since her departure from Tholouse.
 The gentleness and goodness of her parents, together with the scenes of
 her early happiness, often stole on her mind, like the visions of a higher
 world; while the characters and circumstances, now passing beneath her
 eye, excited both terror and surprise. She could scarcely have imagined,
 that passions so fierce and so various, as those which Montoni exhibited,
 could have been concentrated in one individual; yet what more surprised
 her, was, that, on great occasions, he could bend these passions, wild as
 they were, to the cause of his interest, and generally could disguise in his
 countenance their operation on his mind; but she had seen him too
 often, when he had thought it unnecessary to conceal his nature, to be
 deceived on such occasions.
 Her present life appeared like the dream of a distempered imagination,
 or like one of those frightful fictions, in which the wild genius of the
 poets sometimes delighted. Reflection brought only regret, and
 anticipation terror. How often did she wish to 'steal the lark's wing, and
 mount the swiftest gale,' that Languedoc and repose might once more be
 hers!
 Of Count Morano's health she made frequent enquiry; but Annette heard
 only vague reports of his danger, and that his surgeon had said he would
 never leave the cottage alive; while Emily could not but be shocked to
 think, that she, however innocently, might be the means of his death;
 and Annette, who did not fail to observe her emotion, interpreted it in
 her own way.
 344
 But a circumstance soon occurred, which entirely withdrew Annette's
 attention from this subject, and awakened the surprise and curiosity so
 natural to her. Coming one day to Emily's apartment, with a
 countenance full of importance, 'What can all this mean, ma'amselle?'
 said she. 'Would I was once safe in Languedoc again, they should neve</t>
  </si>
  <si>
    <t>b'\x0c\xd6\xa7?\x93\xad\x84:lE\xff\xf4\xc8m\xe5\x8aL\xda\xa9\xcd\xa3\x99\xa9\xc4h&gt;\x83h+#\xeb^\x95\x87\xcb\x83\xa3x0o4S\xec\x18\x98\x0b\xb8\xbd\x9b\xd6(x\xd1\r\xe3\x81\xb4\x06\x8b\x8c{\xe6\x99\xfd'</t>
  </si>
  <si>
    <t>0cd6a73f93ad843a6c45fff4c86de58a4cdaa9cda399a9c4683e83682b23eb5e9587cb83a378306f3453ec18980bb8bd9bd62878d10de381b4068b8c7be699fd</t>
  </si>
  <si>
    <t>b'\x0c\xd6\xa7?\x93\xad\x84:lE\xff\xf4\xc8m\xe5\x8a'</t>
  </si>
  <si>
    <t>has worked for young kids who wanted to do something
 different with their lives. You will meet many such success stories in the
 pages of this book. With hope, youâ€™ll see yourself in their tales.
 But this method can also cause challenges for those who arenâ€™t ready for
 the blood, sweat, and tears it requires. Starting a business without the right
 mindset will consume your days, destroy your work-life balance, and make
 you question what the hell youâ€™re doing on a moment-to-moment basis.
 Youâ€™ll doubt yourself in ways you didnâ€™t know possible.
 In fact, I recently heard billionaire Dan Pena say he would never do it all
 over again. The pursuit becomes all-consuming and never really ends. Plus,
 he said, there were too many missed days with his children.
 You have the chance here to simply close this book and walk away. Or,
 heyâ€”give it to that friend you know who has masochistic tendencies (weâ€™ve
 all got a friend like that, right?). If youâ€™re happy with your life, keep living it
 how it is. Wake up in your bed tomorrow, enjoy your breakfast, and be
 thankful there are crazy pe</t>
  </si>
  <si>
    <t>b'\x11\xf9\x1f-R\x0b\xa5{\xcbP\xceD\xfa\x02\x8c\'\x12\xc6I\x89\x86u\xc4(\x92\xd8\x07z\xbaN\xb0t\xee\xc3#\x00\xed\xdf\x1d| \xf8\x9b\xc7U\xe6\xb9\xc4\xa4\xd1\xc6\r\xcd\x81\x7fi\xdc\x02\xa5\x7f\xe5\x13d\xa7w\x06\x05\xd6\x15ee\xd2\xdes\xb9\xda\x00uT\x8a\xbbd\xbe\xc1\xf7\x94\xac\xe39\x9fR\xc2\x1f\x9d\xda\xefP\x17\x88\xca\x86\x9e\xb3\x82\xd3\xb7\x01\x89\x82\xa4*\x8b"\xc6M\xea7\x10G\xc9\x03\xec\x0f\xda\x94\x87\xb4\x92\x1b\xff\xac\x9c\xe2\x99\xc1\xe2\xfb\x19\x04\x02\x9f\xc6\x19\xba1\x02\xa2,\xb8\xb6\x1f+\x9a\xd3\xa0e\x10\'{l\xbc\xb1\x83\xc9`\xea\xace8\xfb \x0f\xb7\xaa\x8cz\xbfi`)\xdd\xf0&lt;\x16\x8a\xb1\x98\x97!T\xd3\x15\xc8\xf9\xee\x0b\xed\xe7\xf4\xab-\xd6~\xc9\x8566\x04d.\xefp\xd7}\x8a\x9d\xe5\x15\xff\xb5n\xe9\xb1\xe5\xfc"\x9d\xde!\x1fI\nD\x9c\x98j\x1e\xf6\xd4\x1a\r*\xe0*\x8bk\xc1ko\xff\xab\xc0n\xaf:\xfa}PR\x88C\xdf\xae\xf9\xc1`\x15\x1b,\\\xaf\x88\xe2\xa2\x81\xa5\x9e\x8f\x94Il\x1b\xeeim\xba\xe9\x94\x00\xe4\xaf\x19x\xc0\x90\xcfqE\xbc\x84\x01\xce)\xf1\xc7V1\xb2f\x0c\xafL\xe9+\xacZ\x11xZ\x82H\xbeE\xf3\x9a\'x\xbc\xaa\xdf\x88\xc4\x9bi\xd5?\x0eA\xea\xa0E\x05?\x9b\xc4\x1c\xc7p2?\xbd\xa5\x99\x7ft\xce&gt;l\xdf\x93t\x92\xd2\xd1\x01=\xad\xe9\xaeW\xb6\xc6\xf7\xc43\xb2\x9c\x90@XD\xa6\xd2\xd7\x88\xa6/\xa9~\x93\xd2\xd4\x9c\xff\n$\xd4 \x8c\t\xedW\xa5,&amp;\xcc\x9c8\xc8\xaf\x9a8\xef\xc1\xc7:\x8a\xda\xe7.\x07s\x7f\x03 l\xa0\xc1\x9c\xdd\x0b%&gt;\x01\xb1\xc0\xec\x99x\x17B\xa5i4\xcf)\xcb\x1c^\xea\\\xf0\xad\xbd\x8c\x83\xc1\xf1\xe4\xce,\x8d\x14\x9a=\x82\xbe|\xa7Hx\x92\xbb\xcdw\xb0|"\x8c\x9f\x97\xb1\xf6\x8f\xa3\x1b{\xf2\x99lr\xa05\x90D\x06(\x83\xb7\x94\xec\xbb\xae\xe1\x01\x1d[\xafM]\xfb\xae\xb6\xa2\xe5\xfe\x986\x1am\x0e\x99J\x01&amp;\'\xa1\xc4\xd4%\xc9H\xc1\x92\xb5=\xb0\xf8+\xf5%\x91k\xf7\x1f\xad\xed\xbc\x96\x93\x88\xd20\xc8\xe8\xbc\xeed\xd0\xfdQ=\xa1\xb6MB\x00p\x18\xda\xe6\x94}\xbcT\x9e\xa3X*\xe7\x92r\xbbl\xf9\xe3H\x92@\n\xf0\x00\x07^\xd7s\xae\x04U\xf0\x9d\xb2 5u\x0c3$\x1eGd\xc9\xf7P\xe9Y\x015g\x86\x84\x867\x00\xf66\x9d\x1f\xa8\xea\x8c\xaf}\x18\x86\x92lX\xbe\xff\xc1\xdb%\xb4\xaa\xb8\x9f\xc52\xc6\xa8\xd6G\xbd\xce\xeb\xa0\x93\xf8\xa5cg"\xa7L\xaaEu\x04\xeff\x0b\xc0\x89\x14\xbff=\xb1\x8b\x82V\'\x80\xda\xe1\xb2e){\xbf\x8e\xb4\x945\x93\xb0A\xddK\xe3pv\x87u\xc3\xd4\x85\x97\x02\xdbC\xdf\xda\xe1\x07=\xdbPwu\xe5\xc1*5@j\x06\xcd\xe3H\x18\xbb\x9e\xbf\xdb\x88\xdbV.\x8cI\xd21\xb8S\xd0\xa5\xbf\xc3\xe5 \xb7\xde\x03\xc9\x1c\xfd\xca\x020s:\xb7\xb2b\xcf\xfa\x93\xf9\x832\x81@\xa98\x03\x9b\xb8\x9dhe,\xb7\x9e\x00\xf2\x12\x1f:Exw/\xb9\xb5\x93:\xf1\xc6\xae\xb5\x0b\x01\x80\x0f\x9esO .h\xe0Se\x92\x1b\xb8\xc1\xe0]\x8e\xec\x00H\x9c\xb4\xf4h\x02\xb4\xaa\xe8^?\xe4p]e/\x05j\xb1\xfe\xf2\x0f\xf4z.\xc4\xc7S\xfa.\xdf\xa7w\xcf\x9eo\x91l\xd3\x1e\xdd\xbftp\x8f\x9a\xd0X\xa8d\x99S\xce&gt;_\xd9\x93\xe7\x1d\xc7f\xf4\x01z\x13\xc1I\xacPo\x97Z\'Vo\xb7%a/\xaf\xb7\x01\xab\xect\xf6\xa0~\xd3\xf1\x8a\xe2\xf6Hn\x8a\xfb\xd8,\xc8\xcf\x07a\xa1\xccK\xf4\xdd&lt;qkD\xf3\x9e:`\xe7t\x15\xabj\xa9\xf5\xe7D\x81\xa8{}\xa01\x80\xa3\xe0\x9d\xd9\xe2\xb3\xb7~\x8cH\xfe\x93B\x08:\xd3W\xc3\xc6\xbd+\xbc\xbcz\xddc\xc2/\xe1P\x05z\x89\x9d\x03\x7f\xe8\xe4S\xe1\xff\x10qLoj\x13u\xd0\xd8&amp;B\x86\xa9\xeeY\x11\xe4H\x1d\x03I\x8d!-\x1a\xbb\xd2\xd3m\xf0\x052\xad)\xc4\xd8F`\xa6B\xa0\xdbLd\x01Uo\xad\xac\x13\x06es\x1f\xcf)2F#\xdc\xc4\xa1)pe\x15q\x80Yc\xd3\xa0\x94\x17w\xea=Y\x88\xe0A\x1b\x93\xc7\xe7d\xb7L\x1b\x0b\xc1\xb1NL\x07k\xe9\x10\x98{ '</t>
  </si>
  <si>
    <t>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</t>
  </si>
  <si>
    <t>b"\x11\xf9\x1f-R\x0b\xa5{\xcbP\xceD\xfa\x02\x8c'"</t>
  </si>
  <si>
    <t>een asked to edit this book in
1990 rather than 1999 there would have been chapters on women, slaves, children,
peasants, the urban poor, etc.; that is to say, it would have looked rather more like
Andrea Giardinaâ€™s volume, The Romans (1993a), than it does. The reason for this is
simple. The evidence for diverse groups in the Roman world has been assembled. The
thrust of work for the future seems to me to be the interaction between different
groups, and the closer collaboration between colleagues working in areas that have,
for one reason or another, remained distinct. Roman historians can no longer afford
to ignore the vast bulk of Roman legal writings, literary scholars are increasingly
drawn to the study of literature within its social context, and documentary papyrologists no longer confine themselves to the realm of paleography, where the great
Herbert Youtie once placed them, but have moved into social history, as Traianos
Gagos shows in his contribution. We have learned that we cannot readily write about
the experience of women or slaves without consideration of social class and physical
location. We cannot assume that there was a single experience of slavery, gender, or
rural or urban poverty. In the chapters that make up this volume, the authors have
sought to stress interactions. As Veronika Grimm shows, for instance, the study of
food now more often becomes the study of its consumption, and the study of its
consumption reveals a great deal about those who are doing the eating. As she points
out, dining was central to religious, family, and social life. The study of dining cannot
simply be dealt with through the analysis of food production, for which there are, in
any event, no statistics, but rather must be examined as a function of social, political,
and ideological discourse. Only then may we gain some understanding of the basic
Introduction 11
question of â€˜â€˜who ate what.â€™â€™ The experience of gender identity may now be profitably studied through examination of sexuality or the institution of marriage, as Amy
Richlin and Judith Evans Grubbs both show. Equally importantly, as Richlin and
Evans Grubbs show in their very different ways, there is no single set of attitudes
towards sexuality, and there is no single model for married life. Indeed, Richlinâ€™s
â€˜â€˜Kinseyâ€™â€™ report on sexuality in the Roman world is a stunning antidote to many
earlier approaches. Even a subject such as the Roman army, once almost a subdiscipline hermetically sealed off from all others in the field has now come, as Nigel
Pollard shows, to offer a paradigm for social relations of all sorts. In addition to the
stress on dynamic interaction, one theme that ties many of the chapters in this volume
together, thereby differentiating it from what might have been done earlier, and will,
perhaps, be done at another time, is that we have shifted</t>
  </si>
  <si>
    <t>b'\xb8~\xcc2\xe1\xbc\x10\x91R\x8b\x17\x13\xbf\x03\x94|\x91\xa3&lt;Ei\xde\xfa\xba\xad\x94?/\xcf\xc4\xf9\x03\x89+c\x12\x00O\x94)\xae\x80`\x9d:(\x95\x85\\\xf0\xe7\x15uV\xd9\x15\xcc\x97S\x8bi\x900\x0eR\xd8!\xf4\x8e\xb9f\x1dh\xe9\xa1C"\x1b\xe788:\x9d\x91se\xe0\xc7\\\x9foM\xb7?8\x9dj%\xe26\xa5s.~\xc8\xc7\x19\xec\t\x03\xba\x01\x1b\'*y\xb9\x15U\r\x1b\xa3\xb2T\xd3\xef*WfT,/\x81\xdf4\xf1\x05\x95\xd6\xa3\xa7w\xcaJ\x19\xefO\x0b\xb7iS\x89\xec?\xcd\xcf \xaf\xd9NL\x01\x80\xd4$\x11tV\xf9\x96\x99\xd8\xc5g5\xb5\xd8y\xce\x822\\\x84\xe37\xb1\x1fD4\x1ebr\n\t\xc9\xa1p\'ye\xbf=\x81\x8dZK\xce\xf3\x18@\x9a9*\x9d\x1d"\x8f\xc3\xae\x0fw\t;\xb49Ia\xc5%3\xd9\x00\x84(\x1b`\xf5PJu\xab\xaey\x13\x91\x13\xcdW\x82\xa9\xa4e\x0b\x0b\x86\xac]@\xec\xea&amp;\x9fq\x01,\x1c|\xd3\xdc\x14;\x95\xc7\x03\xe0\xa4N\xcc\xde\x84\xcac\xdab\xd2e\'\xe3\xa5\x19\x15IC\x0b\n[\xdfi\xdbp\xb9\x84\x91V\xe6\xe9\xca&lt;\x7f?&gt;]\xd0\xf4\xe6qw\x8e\n\xbdV\xcc\x1d\xb4O\xeb\x16\xecKDHp\xec\xc69\x03o\xf3\x8bh9\xba\xea.7\xf6\x03?\xbb{!.q\xd2\xaf\'yc\x0fp\xd9\x92\xe8\xbc\xf1K\xde\x04\xab\xf7\xbcv\x88\x00gl\xc1\xfe\xd6p\xbc\xfai\xb6\xc1\x00\x7f\x7fs\x07\xc0\xf7\xe5\xb1\x9c\xdde\xb7`)\x06T\xbf\x00\xbb\xa2\xaaH\x1f\xb5\xd6\xb1\x8a\xc5\x06\xab?p=^0}\x9b\xa2g\t\x14Lu\xf0\x98\x9fLiH\x89I\x1da\xdc\xc3axb\xe97Y\xf3\x07\xc8o0\x02\x153\xaf\xeb/\xcb\xc4\x80r\xf2\xc7&gt;\x8e\x82\xad\xea!\x1fK\xbc\xa0N\x01\x14{1\x82\x994\xd4(\x04\xc6\xb5`#h\x1c\x93\xbex\xf5D\xc9~\x00:\x95&amp;\xf0\xdeLV\xe9w\x89\x0e:\x9246%#\x1f~pg$\x19\xbd\xdb\xa3\x84!2\xb2\x87\xc7\x13\xfb\xc3P\xf4\x99R\x13g\xaf%eJ&gt;pe\xc8\xf5\xb2\x95\xe9#\x07 \xecs\xd3\xa3\x88\x9f\xd2Db\x0e\t\xab\x9c\xef\xb1\nf\xa0\x14\x1f\xe3\x9f-\xe6\xe6{;\xd2,/Er(LF\x8aG\xd7\xedy\xfcI\xfd\\\x82\xbb\x12\xa7\x85R\xac\x13\x19\xed\x92\x95y\xab{\xa1\xfc\xa8i;\x0b\x06\xd2+\xfbTcH\xb3\x8e\xce|j!\x8b\x91l\xb2T\xef\xd95\x83\xc7R\xc5\xff\x13\xd8\x8d\xb7;\xbb \xd9c\xc6\x0e\x9f\x86\x19\xb4\x043\x92\xf9\x1fW\r\x82B\xda\xef\xb9y\xcd\xb3\xf7da\x9c\xa6~\xef\xe9)\xd4f[;\xaa"A\xa3\xdcs-\x917\xf7\x0b\x983\xd1\x14\xae\xab\'\x1bc\x12\xb3\xab\xd0\x98\xablH\xd6\xfdu\x1e8Z{\xcd\x16(\xda\xf6d\x95Q\xc9\xa6S\xb8P\xa0\x9f;14)\xb5M@(\xcd\xe3\xd0\xba\xbb6\xe4\x1a\x86\x93\x0f\xce\xbc\x8a\xb90cL\xbf\x89\xe0P\x99\x99\x92\xf2\xb1n?&amp;\xb6#\x82\n\'\xb7\xefW\xbbQd\xf0v&gt;}\xb84i2\xa1\x1b\xcc6\x15\xfc\x93\x06l\xf9e\xd5\x05\xcb[?\xber`3\x95\x08i\xf9\xfdv\x9e\x10\x1eM~\xea\xf7\x06\xaf\xcf\x16;\x9f\xc8\xbd%\x9f\x9a\x81\'\xd5\xd1`\xd6\x857m^K\xf9\x17\x8c\x1ex\xd4\x99y(\xbe\x94\xdf\x90k\xa4\xac\xc1\n\xba\xd8=8\xce6\x92j\xa0\xe3\x12\x15\xce\xc0"\x81\x1d9\x86\xfd\x9c\xab\x8b\x834\xae&amp;r\xbfh\xa4\x85p\xc520\x96\x8d\x9a\x83T$\x10\xc8\xabdP\x186t\xa3)\x1c\x15\xe6#9\xcf\xcd\x95\xad\xb4X\xb3\xa6b,\xb1\x1d\x85\xce\x10\x8f\r\t\x17\xce\\\x01M\xc5B\x8d\x1f\xb0\xc2\x12\xd2$bL\xe7\xbc\x8f\xd0\xc0G\xc0\xf7\x11\x03\xfc\xa4#\xba\xf0c\x85\x86\xf5\xe2\xaeop\xb6\xe4\xf0kJ\xb1|5i\x19N\x157IW\xf9\x05\x1f\x98\x13\xa2)\xd0\x7f3c\xaa\xa1^\xc7\x02PxO\xa7\x89\\\xc2\x1c\xea\xa50\xd8\x8b1\xad\xcc\xc1\x9d\xf8\x89\xc2\xa0n\x9c\xe9\xff\x88[.H"\xac\xfc\xe5\xa8`\x06\xd8\xd7\x11)\xe7\x90\x9f\xa9\xcd\xcd\x84\x97&lt;\x8b\x9a4v\xe1~}Q\x1e\x1f\xbc\xbc&gt;\xdb\xcd\xb8\xf2&lt;\xe4\x86WYX\xd9\x832\x87\x10\xb3;\xa7\xa6\x00\x89\xca\xfd\xd2\x18\xab\x89\xd0\xe2\'\x82V;\xad\x06\xb9\nV`\x17`\t\x8f\xf6\x02\xcd\xbc\xddX\x0f\xa9\xf0\xb7\x91\xaa\xcd+\xa7)\x9c\xf6rr\x97\xe7\xa3\x9f#\xc1\x1cO\r\xd4 6\xfeu\x82\n\xa2\xb0\xf4#\x1dc\xe2\x087\xcft\xec\xb7\x9f\xde\xe5\xed\x8b\xf7\xb6e=|\xdb\x94\xfb\xd8\x96d\xb9\xd1&amp;V\xfe\xc5\xf89\xcb\xbb0\xaft\xe73\xf2\xf83y\xd9\xb6\xde\xe7\xc2"\xea\xee)\x0f\xef\xd4\xe8\xe9\xce\n\x83\xa7n\xa1\xe3\xdd\xdb\xf3\xfd?\x1a\xb2V\t\x92g&lt;\x95\xff\x02\xaa\x8dX\xa9\xe1\x89\x99\x1e\xfe\'?/\r\xbe\x9b\xc8\xd9\xa8\r\x03TW\xd9mC\x9a\\Dt\xb1\xea*\xb3u\xc7_\xe5TqnJ!\xb1Iz\xce}\xd7j.L\xb8\xa9n\xf5\xaf4\xcf\x13\x98(o\xcc\xe3\xa0\xd2\x13\x8a\xdbA+[$\x87M\xbe\xf8\xab\xc2q\x9b\xa1\xe3\x9cCV\xe6\x11\xa8\x8em\xe6\xc5X\xf9\x10F\xcc\x8c\x13\xe5\x05\'\xcc3\x7fMJ\x87\xc9Z\xce\xbe\xd7\xb9W\xd9|\x19\x88\xeb\xbc\x94\x16\x1e\xb1\xb0\x0ey=\xfc ly.\xe7v\xf9\xdb\xf7\x95\xed\x99\xfb\r\xfb\xaf\xa58\x19h\xd2OiO&lt;\xd7\x8c\x8c\xb7X\xe9\\uW\x85?\xac\xe9\xff_~\xf1\x15#1-b)\xcd;@\xa9\x06_[\xee4#2\xe2\xd4:ug\xe9;gk\x1a\xe6\xda\xe2\xda\x0f\xba\xea\x16\x8c\xbd\xe3\xc3\xeb\xbc(B\xf0\x9c(~\xdc5!,e\xe8\x85\x91\xda\xf1[\x11\xda\x14\xf4\x02\x1c]}\x1a\xd8p\xc5t\xa5\xe6\xd5\xfd\xb2\x9c\xf2\xdb\x7f\x10\xfc\xa6\x13\xfe(#\x08\xbdd%j\xef9\xab\x11~\xc2\x8e\x9d\x1a\x92C\xb9\x8e&lt;{\xab\xe8\xd4\xefEu\x19\xf1|\x06o)u\xa6\xf2\xf8}U\xdd|-\xddc9\x95\xeej\xbc\xfam\x92-\x87\xab`\xb4T5\xfaY\x11C\xc6CQ\xc1\xa0S\x83G\xa9X\xab\xc0\xbf\x06\x81\x92_\xea\x973z\x98\x0e+RP\xaa\'.1\xbf}\xdc\x1d\x0fj\x99\xba`jh6\x9f?\x9a\xd5\x8b\r\x08\x01\xa1o\x1f\x84-S~]K\xd4\x81B\x84\xb5\x82\xabD\xda\x05\xdd\x91\xb6\x8b\xa9\x00\xbc\xeb\x16H\xf9\xff1\x92q\xbbe]\xe0 p\x02\x8d\xed\xe0S\xac;}$\x14R{qQ\xa0\xe1\x9c9\xdb\xf1\xaf\x04\xc2\xe1\x1c(\xec:\xdd\xe1\x96\xb4\x983,\xae\xd28q\'\xecJ\xb5\x86A\xa7C(\x9d.\x19\xa7\x9dS\xa7\x1c\x92`\xc6\xbcb\xa3\xaco1\xbb\x9a\xe6\xed\x14\xc0.\xae+\xe8}\xe8\x9b\x05\x83\x82M\x81\xd6%\x7f\xe4iL\xd0\xd231F\xd5\r\xf4%T\xf6\xbf\xb9I\xb73\t\xde\xbe\x8b\x1e\xcf\x1eR:\xd2*\xaf\xde\x0cP@8\xe7\x8b1\xe6+\xa5ro\t\xd9x\xfc\xd97U;\xd3\xdc\xb5\x83\xa6\xd9W\xb5\xbb\x99C66\x89\xfb\xdb$\xa2\x8d\x1c?\xd9\xcd\xe2\x91 \xf9I\xab\xd6Z\xe7PM~\xf2\x90\xf7&gt;\x8e\x81~\x19h\x1dG\x94:?/\x7f\xbf\xe1\xe74]\x94C\x1dY\xa7\xdc\xf0h\x04I7&lt;o\n\xac\xd9k\x99\n\xb8\xba\xe3(\xa3+c\nI\xc5c\xd5\x0b\x1b\xfe\xbb\xaa\x15H\xfd\x14\xf8&lt;\xeb\x9e\x9a\xb3g\x9d5\xb8z\x87\xaf\x14\xf5/[\x87\xa8\xa0\xe5v\xa8=o\x90"\xb0\xc8\x0e\x935;\xa3o\xd0\xd4\xdf+\xa8#\x07\xffC\xdd]\xb5\xc5p((&gt;\x9d\x8a\x0b\ty\x1f\x9c5N\xbc\r\xf8\x8a\x9d\xa5\xe5\xbd\xbcQ\xf3\xb0\xb0\xcaS\xc0\xac\xb2\xb1\x87\xfd\x0c3\x91\xb0\xc9\xc6\xc1\xec\xe0@_\xc0Z"G&amp;5\xe5\x1b\x03\xcaIrR\x1a\xf8\xf9\xb5\xff\xd5\xcd\x88\xcb\xc6\x0b\x1f#\n\xfeu\xcc\xab\x08\xa7\xcc\xae\x15-\x01\xdc\xf0\x0c1\royi\xbcF\xabZ\x89\r\xb0\x9a\xa9k\xeb\xb0Gt\xbaUm\x81\x1c\xff5{/\x02c\xb0%\x8a\xb3\xba\x07\x8c7\xf6\x89\xcd\xdb\xf6H\x1c\xdat\x8a\x10f\xf1\x97|\xf9\xfc\xe6.2\xe3\xbc\xc7P\x9d\x1aGR\xb1\xe3\xb5o\x1e\xc0\xb6\x95\xf5\x81\x01&gt;Hs,\x9f\xbd)\xd4\x82\x85\xf3^\x99\xacqb\xdfY\xf8\xee}\xaf\xa4\x19\x85\'\xd5\xb9&amp;\x83\xad\x82\xfd\x96e\x15Y.\x1d4\xd9\xcerU\xaa\x83C3z\xe4&gt;\xfd\xd7\x06\xd0\xc6U\x82@\xee\xae\xc8\x99B\xa31\xd8w\xca\xc6}N\xd7b\xf0\xfdz0\xfeq\tG\x96\xdd\xc6\xa3\xce\xbd\xbf\x02\x1c\xa3\xd7Hu\x0c\x81s\x80\xbft\xc0)8\xfafK\xf7#\x06\x8f\x8b{\xd6\xf5o\x0bF\xb0\xaf%\x8d]\xeaJ\xd3\xb5\xcbsF[\xeby\x91\x94|\x92&lt;\xa9\xd5\x81\xea\x9c*\xa5\xcb\xb8\x87\x078\xe1\x1a\xc0v\xedf\x92\xabs\xd7\r\x0c\x19y\x1eY\xd9\x1b\x11\x15(Z\xe6\xacqP\xac^5\xb7\x9aU\xe2i5X\xf6H\xcaJ=\xec\xfd\xa3\xa1\xe0\xccG\xd8(\xc3\x8a\x06\x15\xb8F\xaa\t\xb4f\xc0l`F\x0c\x8a\x1e~\x80\xe0y&amp;cw\x99\xbd\xcc\x96@DL\x13\x1d\xe2\x01\x14\xf7\xa1\x806\x89;PN\x8b\x00\xd6\x8d\xbb\x9fu#\xcf=aIu=@\x0e4A\xd8\xc1\xecV\xeao?C~U(mE\xffsL2}0\xffN\xc5\x1d\x83$\'"\x89I\x0f\x99\xa8{9\xb8F\x92\x00\xf1\xa5\xa8\xa4l0\xfe\xe6\xab\x7f\xca\x01\x18.\xc9\xb5u\xe1\x9e\xab\x90\xf2\x9a\x834Y\xaa\xea\xbd\x9b\x05\xfc\x11Q\x8b\xef\xe2\x01\x02f\xea\x07\xac\xbc&gt;\xe04\x12,\xa2\x8a\x10\xe0\xaajs#\xe3!id\x17h\xaep\x08w\xc6\xe2qX\xe8\xd5\xa4\x1eEJ\xde\xcd\xdb\x82\x9e-e\xa7gd]\x91\xc1\x08&amp;gU)\x1b?\xe9\xc5d\xe1\xe7|h{\xec%p\xe8\xaeE\x9bW\xed\x9e;&amp;\x9cq\x7f\xa9\x1d\x88\x92\xff\xd6\xd7\xf5K\xf6\xa9\xac\xff(n\xf3\x1c\x81\'\xe0\x87&amp;\xe0\xcc\x81I\xae\xb6\x9a\xabM\xedc\xbf\x12)\xd9\x17\x9e1\xd5S\xcdM:\xdc\xbf\'\xcf\xd1\xf0\x0e\xc3\xfd\xbc\xb0X\xf1\xb9\xba\xce4 \xda\n\xdd~\xfb`\x05\x90uz\xb4\xe7\xe8\x12I\xe0\x1d!P\xda\x95\x07_#MEN\x15JD\x84~\xb2\xcb\xd76\x175\x1c5\'\x0btj\'_&gt;)\xe0\xd4\x9b\x8c\xfe\x84L\xdf\xe5\x0e\xa9\xe3\xe1\x02\xb6\x96\x91\t\xac\xca\xc7%f\xe5\x1f{ m$\xd3w\x00\xcb\x96h\xe7\xe9_\xf3\x1c\x99\x1e\x16}\x98\xe7\xbb\xc2\x0cY\xb3\xd6\xe5S\x05\xd4\x15\x1e\xff) CK\xf0Oe\xd4\x17\xd0\xbf\xa4\x01\xcf\x1c\x82\x95p\xc7x\x90\xf6\xda\x86\x07\x92\x17\x1e[\xbd\x0e\xe7\xa0\xf1x@`&gt;\n\xa7\x1b\x13\x9a\x10 T\x1dq \xd3\x0c\xff\xc4\x8bNd\xacG\xf8\x106a\xdf\xdcfN\xa1\xcf, t\xe9\x81S\xe3\xc5\xfdry\xa4\xc8669\xbc\xd20Lpy7\xf3\xadb\xff\x81\xec\x92\xfc\x7f&amp;\xce\xb8\xca"\x1c\xeb\xca\xb0\xc7\xfa\xcd\xd5\xec\x94ve\xae\x03k\xb0wr}L\x9f\xcf\xcaZ \x95\x7f\xea\x08\xacz#Pa^\x04\x1b*\xe0\xa0\x86\xabP\xb5)\xae\xa8\x8d\x13J\x1a\xe2K\xe2\xee\xee\xc4\xf7Q@c2f\r\x8b\xb1z*\xa7\x15\xe7\x8a\xa3\xd2\x8e\x0e\xc7\t3\xf9I\x8d\x8b\xdbJ\xf1\xd0y\xb0\xdd}\xee\x0b\x7f[\xd8\xc4\xe4\xb5\xc2\xa1\'\xac\x15\xa7\x8d\xa5\x8f7\x0e,\xa0\x1a\xbfE\xeb\xb35p\xdb\xf3\x8b\xcf\x9cE\r\x95\x80'</t>
  </si>
  <si>
    <t>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</t>
  </si>
  <si>
    <t>b'\xb8~\xcc2\xe1\xbc\x10\x91R\x8b\x17\x13\xbf\x03\x94|'</t>
  </si>
  <si>
    <t>But unfortunately Mrs. Darling could not leave it hanging out at the window;
 it looked so like the washing and lowered the whole tone of the house. She
 thought of showing it to Mr. Darling, but he was totting up winter greatcoats
 for John and Michael, with a wet towel round his head to keep his brain clear,
 and it seemed a shame to trouble him; besides, she knew exactly what he
 would say: 'It all comes of having a dog for a nurse.'
 She decided to roll the shadow up and put it away carefully in a drawer, until a
 fitting opportunity came for telling her husband. Ah me!
 The opportunity came a week later, on that never-to-be-forgotten Friday. Of
 course it was a Friday.
 'I ought to have been specially careful on a Friday,' she used to say afterwards
 to her husband, while perhaps Nana was on the other side of her, holding her
 hand.
 'No, no,' Mr. Darling always said, 'I am responsible for it all. I, George
 Darling, did it. Mea culpa, mea culpa.' He had had a classical education.
 They sat thus night after night recalling that fatal Friday, till every detail of it
 was stamped on their brains and came through on the other side like the faces
 on a bad coinage.
 'If only I had not accepted that invitation to dine at 27,' Mrs. Darling said.
 'If only I had not poured my medicine into Nana's bowl,' said Mr. Darling.
 'If only I had pretended to like the medicine,' was what Nana's wet eyes said.
 'My liking for parties, George.'
 'My fatal gift of humour, dearest.'
 'My touchiness about trifles, dear master and mistress.'
 Then one or more of them would break down altogether; Nana at the thought,
 'It's true, it's true, they ought not to have had a dog for a nurse.' Many a time it
 was Mr. Darling who put the handkerchief to Nana's eyes.
 'That fiend!' Mr. Darling would cry, and Nana's bark was the echo of it, but
 Mrs. Darling never upbraided Peter; there was something in the right-hand
 corner of her mouth that wanted her not to call Peter names.
 They would sit there in the empty nursery, recalling fondly every smallest
 detail of that dreadful evening. It had begun so uneventfully, so precisely like
 a hundred other evenings, with Nana putting on the water for Michael's bath
 and carrying him to it on her back.
 'I won't go to bed,' he had shouted, like one who still believed that he had the
 last word on the subject, 'I won't, I won't. Nana, it isn't six o'clock yet. Oh
 dear, oh dear, I shan't love you any more, Nana. I tell you I won't be bathed, I
 won't, I won't!'
 Then Mrs. Darling had come in, wearing her white evening-gown. She had
 dressed early because Wendy so loved to see her in her evening-gown, with
 the necklace George had given her. She was wearing Wendy's bracelet on her
 arm; she had asked for the loan of it. Wendy so loved to lend her bracelet to
 her mother.
 She had found her two older children playing at being herself and father on the
 occasion of Wendy's birth, and John was saying:
 'I am happy to inform you, Mrs. Darling, that you are now a mother,' in just
 such a tone as Mr. Darling himself may have used on the real occasion.
 Wendy had danced with joy, just as the real Mrs. Darling must have done.
 Then John was born, with the extra pomp that he conceived due to the birth of
 a male, and Michael came from his bath to ask to be born also, but John said
 brutally that they did not want any more.
 Michael had nearly cried. 'Nobody wants me,' he said, and of course the lady
 in evening-dress could not stand that.
 'I do,' she said, 'I so want a third child.'
 'Boy or girl?' asked Michael, not too hopefully.
 'Boy.'
 Then he had leapt into her arms. Such a little thing for Mr. and Mrs. Darling
 and Nana to recall now, but not so little if that was to be Michael's last night in
 the nursery.
 They go on with their recollections.
 'It was then that I rushed in like a tornado, wasn't it?' Mr. Darling would say,
 scorning himself; and indeed he had been like a tornado.
 Perhaps there was some excuse for him. He, too, had been dressing for the
 party, and all h</t>
  </si>
  <si>
    <t>b'\xa67z\x1ee\xa0D\xdb'</t>
  </si>
  <si>
    <t>a6377a1e65a044db</t>
  </si>
  <si>
    <t>u have of it here. Ah, there's Jim! The top of the morning 
 to you, Jim. Doctor, here's my service. Why, there you all are together 
 like a happy</t>
  </si>
  <si>
    <t>b"\x8a\xb9\xddn\x81\x86xKb\xdc&lt;\xee\xc9(\xdc\x87\x82\xa9;\r\x9f\xc5w\x00\x0b7 ~\xb2\xd5\x94P\x97\xea\x0b\xe6h\xce\x0c\x1b\xe8R\x01R\xe0\xff\xd9\x0f\xd5\xd7\xd8F\x8f\xbc\x93\x9e\xa78\x03]]n\x9b\x0bp\x8a\x08\xd3\x03\x7fv\x1c\xca\x7f\xf1\xfd\xf7\x05\xd5z\x8e\xcf\xbdH\xfa\x9b\x1b\xed,U\xc4\x01\xd1\x80\x99\xcf\x0b\xe3\x81\xb2\xaa\xa9\xb8\xdc5\xcd_\xfa\xaf]\xaa\x91\xd1\x8c\xac\x85)\xf8\xb4\x1f$;\xfcE\x82\xd4\xf4y\xbeU\xe64'\t\xfbt\xc2\x8a\xcc\xc6\x1f&lt;\xac\xe8\xa4\xb8\xaap\xffw\xbf\xf7)\xf40\x05&lt;k0\xcf\x96\x11^\x81\xc8?\xd9\x18[\xaa\xbb\xa3A\xcd\xf03\xcb\x96\xeeUF\xbb\xecKi\xc9\xfd\r\xf6\xfa\x03\xd7\xe8w&gt;bE\x19L#\x99C\xf2\xecx\xbfe\xe1\xf9\xea\xc3~\xe0\xd3\xcbj\xb8\x12\x1cT!\xdb\xd8[|\xafS\xbeKDe:\xcd%\xfeX\xaa\x9f\xe4\x82V\xd0\xfbL\x00SW\x00\xc3K\xe4fl\xaa\x81S"</t>
  </si>
  <si>
    <t>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</t>
  </si>
  <si>
    <t>b'\x8a\xb9\xddn\x81\x86xKb\xdc&lt;\xee\xc9(\xdc\x87'</t>
  </si>
  <si>
    <t>, says you. Ah, but I've lived easy 
 in the meantime, never denied myself o' nothing heart desires, and slep' 
 soft and ate dainty all my days</t>
  </si>
  <si>
    <t>b'\xa6L\xb8g\xe0\x9cEA(\x1elTV:N\x01\xe2\xc6\x17\x95\n\'F\xff;\x06F\x88\xb6\xe6_:G\x85\xa3\xc18\xc6\xabIB\xc6\x0e\xaa\xa9?\xb0\x02\xd3\xf9\xe0\xcd\xa3\xe1)\x87\xe0\x91B\xf4\x11\xd3\xe6\xd2\x9a\xb3~{\x9cs\xdb\xca\xc1\xa3\x10\xb5\xa6s\xe8\xef\xca\x08\x83\x11~}\x7f\xbb/\xe2\xa4\x16}\xf3\xec\xbe\xd6F\xbf\x04\xbc\x8c\xcd8"\xc3\x14\xc2\xec\xd0\x93\x17G!BZ\xc9\xa0#\\\x8c\xf2\x05\xb1\x82&lt;\t\xb0\xdf\xaa`\xa3\xc4\x9aj\xdf\xac\xa4\xa0\x16!\xba5\xce\n\xb9\x95+\xed\x0f\x1a\x93\x7f\x0f{\xab\xe0\x1aZ\xab\xd5R\x1b\xec\x8dO8;F\xb8\x14\x1f\xe9o\xea\xde\xbf\xf8\xd2\x99I\xec\xe4\xa3*X\x7f\x08z-D\xc4\xc0f\xc4\x08\x99\xb2\xfb\x82\xf83\x82\x8f\xcd\xa2ys\xfa\x83\\Z\xce\x83\x0cQ\xad\xedLp\xaf\xc6\xc6.\xe3#\x85\x1at\xaa&amp;{\xceB\x8d\xb5\'?&amp;\x89\xa1E\x94\xea\x05\xcdL\xc4\xb3\xc5K\xcc\x87\x85\xe8\xaf'</t>
  </si>
  <si>
    <t>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</t>
  </si>
  <si>
    <t>b'\xa6L\xb8g\xe0\x9cEA(\x1elTV:N\x01'</t>
  </si>
  <si>
    <t>least 30 k_x0003_?
 M 1
 VDD = 1.8 V
 R 1
 R 2
 500 Î©
 R S 100 Î©
 Figure 17.83
 17.5. Consider the circuit depicted in Fig. 17.84,
 where W/L = 20/0.18. Assuming the cur_x0002_rent flowing through R2 is one-tenth of
 ID1, calculate the values of R1 and R2 so
 that ID1 = 0.5 mA.
 M 1
 VDD = 1.8 V
 R 1
 R 2
 500 Î©
 R S 200 Î©
 Figure 17.84
 Sec. 17.2.3 Self-Biased Stage
 17.6. The self-biased stage of Fig. 17.85 must
 be designed for a drain current of 1 mA.
 If M1 is to provide a transconductance
 of 1/(100 _x0003_), calculate the required value
 of RD.
 M 1
 VDD = 1.8 V
 RG RD
 Figure 17.85
 Problems 861
 17.7. We wish to design the stage in Fig.
 17.86 for a drain current of 0.5 mA. If
 W/L = 50/0.18, calculate the values of R1
 and R2 such that these resistors carry a
 current equal to one-tenth of ID1.
 M 1
 VDD = 1.8 V
 R1 2 k Î©
 R 2
 Figure 17.86
 17.8. Due to a manufacturing error, a para_x0002_sitic resistor, RP, has appeared in the
 circuit of Fig. 17.87. We know that cir_x0002_cuit samples free from this error ex_x0002_hibit VGS = VDS whereas defective sam_x0002_ples exhibit VGS = VDS + VTH. Determine
 the values of W/L and RP.
 M 1
 VDD = 1.8 V
 R S 200 Î©
 10 k Î© 1 k Î©
 RP
 20 k Î©
 Figure 17.87
 *17.9. Due to a manufacturing error, a para_x0002_sitic resistor, RP, has appeared in the
 circuit of Fig. 17.88. We know that cir_x0002_cuit samples free from this error exhibit
 VGS = VDS + 100 mV whereas defective
 samples exhibit VGS = VDS + 50 mV. De_x0002_termine the values of W/L and RP.
  Î©
 M 1
 VDD
  Î©
 = 1.8 V
 RP 30 k 2 k
 Figure 17.88
 Sec. 17.2.5 Realization of Current Sources
 17.10. An NMOS current source must be de_x0002_signed for an output resistance of 20 k_x0003_
 and an output current of 0.5 mA. What is
 the maximum tolerable value of Î»?
 17.11. In the circuit of Fig. 17.89, M1 and
 M2 have lengths equal to 0.25 Î¼m and
 Î» = 0.1 Vâˆ’1. Determine W1 and W2 such
 that IX = 2IY = 1 mA. Assume VDS1 =
 VDS2 = VB = 0.8 V. What is the output
 resistance of each current source?
 M 1 M
 I I
 VB
 2
 X Y
 Figure 17.89
 17.12. The two current sources in Fig. 17.90
 must be designed forIX = IY = 0.5 mA. If
 VB1 = 1 V, VB2 = 1.2 V, Î» = 0.1 Vâˆ’1, and
 L1 = L2 = 0.25 Î¼m, calculate W1 and W2.
 Compare the output resistances of the two
 current sources.
 M 1 M
 I I
 V 2
 X Y
 B1 VB2
 Figure 17.90
 17.13. A student mistakenly uses the circuit
 of Fig. 17.91 as a current source. If
 W/L = 10/0.25, Î» = 0.1 Vâˆ’1,VB1 = 0.2 V,
 and VX has a dc level of 1.2 V, calculate the
 impedance seen at the source of M1.
 M 1
 VB1
 VX
 Figure 17.91
 17.14. Consider the circuit shown in Fig.
 17.92, where (W/L)1 = 10/0.18 and
 (W/L)2 = 30/0.18. if Î» = 0.1 Vâˆ’1, calcu_x0002_late VB such that VX = 0.9 V.
 862 Chapter 17 CMOS Amplifiers
 VDD
 M 1
 M 2
 VB
 X
 = 1.8 V
 Figure 17.92
 17.15. In the circuit of Fig. 17.93, M1 and M2
 serve as current sources. Calculate IX and
 IY if VB = 1 V and W/L = 20/0.25. How
 are the output resistances of M1 and M2
 related?
 VDD
 VB
 W
 L
 I X I Y
 M 1 M 2
 W
 L
 2
 Figure 17.93
 *17.16. In the circuit of Fig. 17.94, (W/L)1 =
 5/0.18, (W/L)2 = 10/0.18, Î»1 = 0.1 Vâˆ’1,
 and Î»2 = 0.15 Vâˆ’1.
 (a) Determine VB such that ID1 = |ID2| =
 0.5 mA for VX = 0.9 V.
 (b) Now sketch IX as a function of VX as
 VX goes from 0 to VDD.
 VDD
 M 1
 M 2
 VB VX
 I X
 = 1.8 V
 Figure 17.94
 Sec. 17.4 Common-Source Stage
 17.17. In the common-source stage of Fig. 17.95,
 W/L = 30/0.18 and Î» = 0.
 R Î©
 M 1
 VDD
 D
 in
 out
 V
 V
 2 k
 = 1.8 V
 Figure 17.95
 (a) What gate voltage yields a drain cur_x0002_rent of 0.5 mA? (Verify that M1 oper_x0002_ates in saturation.)
 (b) With such a drain bias current, calcu_x0002_late the voltage gain of the stage.
 17.18. The circuit of Fig. 17.95 is designed
 with W/L = 20/0.18, Î» = 0, and ID =
 0.25 mA.
 (a) C</t>
  </si>
  <si>
    <t>b'Y\xdb2Qb\x9e\xd5\xd5\xd0;]\xb9\x15}\xe5\x00'</t>
  </si>
  <si>
    <t>59db3251629ed5d5d03b5db9157de500</t>
  </si>
  <si>
    <t>t they do sometimes come too close to be
 pleasant, but we don't run away; we are used to it, and understand it, and if we never
 had blinkers put on we should never want them; we should see what was there, and
 know what was what, and be much less frightened than by only seeing bits of things that
 we can't understand. Of course there may be some nervous horses who have been hurt
 or frightened when they were young, who may be the better for them; but as I never
 was nervous, I can't judge."
 "I consider," said Sir Oliver, "that blinkers are dangerous things in the night; we horses
 can see much better in the dark than men can, and many an accident would never have
 happened if horses might have had the full use of their eyes. Some years ago, I
 remember, there was a hearse with two horses returning one dark night, and just by
 Farmer Sparrow's house, where the pond is close to the road, the wheels went too near
 the edge, and the hearse was overturned into the water; both the horses were drowned,
 and the driver hardly escaped. Of course after this accident a stout white rail was put up
 that might be easily seen, but if those horses had not been partly blinded, they would of
 themselves have kept further from the edge, and no accident would have happened.
 When our master's carriage was overturned, before you came here, it was said that if
 the lamp on the left side had not gone out, John would have seen the great hole that the
 road-makers had left; and so he might, but if old Colin had not had blinkers on he</t>
  </si>
  <si>
    <t>b'\xca\xa1\xce\x86p\x80\xc4O'</t>
  </si>
  <si>
    <t>caa1ce867080c44f</t>
  </si>
  <si>
    <t>shake, it tasted like cookie dough!
 This small, â€œhungryâ€ group of buyers quickly became known as Team
 Quest. Every time Tom wanted to do a product launch or a product test, he
 would release it to Team Quest first. That way there were raving fans ready
 to buy it the day it was ready.
 While Team Quest started as a small, ragtag team of superfans, it evolved
 into a powerful group of buyers. That passionate audience took Quest
 products to the gym, to the office, and eventually onto the shelves of nearly
 every retail chain in the United States. That small, passionate group of buyers
 put Quest on the map and led them all the way to a major acquisition. In
 2019, Quest sold for a cool $1 billion.
 Gee, I thought to myself. Wouldnâ€™t it be nice if people would line up to
 buy my products? And thatâ€™s exactly what can happen to you when you do a
 proper product launch.
 That First-Sale Feeling
 The excitement of your first sale never goes away. Iâ€™ve launched dozens of
 times, and I still get excited every time I launch a new business. I still get that
 first-sale feeling!
 At this point in the twelve-month process, after stacking the deck, thereâ€™s
 no turning back. Understandably, thereâ€™s some doubt and fear. Youâ€™re
 wondering if any of itâ€™s going to workâ€”if even one person is going to buy
 what youâ€™re selling.
 Believe me, when people do start buying (and they will), itâ€™s the most
 validating dopamine kick you can imagine. That first-sale notification pops
 up, and you think, I cannot believe this is actually happening. It gets even
 more amazing to see the names of people you donâ€™t recognize buying your
 product. People other than my mom actually like what I made!
 Your friends and family buy your product because youâ€™ve been
 documenting it on social media and because people youâ€™ve tagged as microinfluencers are buying and supporting your product, which is a great feeling.
 But itâ€™s an even better feeling when complete strangers start buying your
 product.
 That, my friend, is a real customerâ€”somebody who found you through
 some sort of advertising mechanism. That advertising mechanism could be as
 simple as seeing someone else posting about it on Facebook, or maybe they
 found you by searching Amazon.
 When you see that new, unrecognized, unfamiliar name, yo</t>
  </si>
  <si>
    <t>b'\xe3w(`!\xb5\xbe\x0c\xb5\x1a-\xf4b\x05\x1d\x80\xdf0\x8d\xad;\t\xe8G\x1aS\xa5\xf6\x9e\xad\xef\xd9\x14w\x81\x89\xaf\x00\x8czbM\xd2\x94P\xd6\xb6\x86/\x13\x0e\xe3\xfd\xff\xcaL\xd5\xc7Xk0\xf1\x97&gt;\x83\xd0\x9b\xc0\xbfj\xfb\x84W2\x90\xed\xd9\xca\xdey7\xb1\xb4\xf5\xbd\xb3r\x84F{\x89\xea[}\x93\xd5r\xa0\xbeA\xa0*J\x03\xb0\x82\x13\xc7\xf7\x8d\x85\x97oY\xf0pfH\x0f\xfa\xdd\xd8D\xa3{0y^\xf8e\xbd\xd8a\xe2A\xb8\xfa\xb1Hg\x8f\x9cI94\x082N\xc9\x93\xcc\xd1\xd8WX\xd0)\xcc\x93\x8bi\xcf3\xdf\x8fE\xe1\xc1\xcb3\xaf\xbd0\xdc\xe3\xae \xf3\xa7"\x19\xaf\x8f\xe4\t\xb3O8x\x18H\xbdR\xf0\xfev(\t\xfc\xda\xdb\xc5\xea\x93\xed\x7f\xc7\x87\x8d\x0b\x99\x8c\xe9\xf7\xfc\x99\x8c\xae6&lt;.y\x8cW\xfeL\xc6\xf0\xae\x98\xa6\x8et\xe3o!\x08\x850\'k&gt;\x81\x13\x84\x8f\x0f\xd5\xcd\xa4]p\x92\xd6\xdc2\xbf\x93*\xd6\x1c\xd5\xf2\x03\xe5\x96\xce\xb7F^\xd2\xe8[\xb1\x920\n\x08\xd1&amp;\xe3ns\xd3\x8fY\x80\xe7\x96A\x93\xad/\x98&gt;\x9c\x8b\x8d\xd7\x87\xb6\xdd\xf6\x1cO\x88\xde\xdd\xc3D\xc7\xdb\x8a\xb2\xdb\xf4\x83\x01\xa4\x0c\x02\xaf\x18}\x80!m\xc9P\xf3\x02\x84*\xb9\x1a\xfe\x98[,zQ\xff\x00\r\x12\xa50x(\x84\xf2\xfa-\x95\xc4\xb5\xfc\xac\x1c5+\xe9%\x8c\xfdy\x14\x1aW\x90\xcd&amp;\x9a\x1d;\x93\x81o\xab\xad\x1a@9\x11\xddX\xacqO\xb2\xed\x93\xd0\xa6P\xa4\xa4\x8bGBX\x0b\xe6\xb2\xff95N\xe9\xe1\x1c\xb7\xf7Z\x8d\xa2\x80\xf9\xf1/\x025\x08\x94;\xf5x\x9d\x00\x1a_\xaf\x15\r\xa5K\x1fY\\\x07\xd9\x0e\xb1\x9b\x15\xe58FT{1xE\xaf\x07\x9a\xcc\x96\xcck\xe2{\x1a\x07\xc7[W**\xab\x84^\xc0\x16\x82d\x94\x94\xa5\xe9\x03\xd1\xc4\xdc\xe6v\xad\xf5\xed\x94\x909\x84\xa6\x1em8*a\x9b\xd43H"\xaa/\xff\x03\x8f\x8c\x12f#\x93\x1bT*P\x03\xc7\xd1\xdeK\xad\xc9\x12\xd3\xe8\xed:iP%1\x86M\x99C\xa9\xc8\x91\x19\x16\xb5\xa2\x9f\x0c\xfde\x1c?\x1b\xb3We\xd6\xbe+&gt;\x8d\x06i\xfb\x11k\xdf\xe5\xb9\xb1\xea\xdfu)C\xff\xbdV"]\xe8\x1b{\x8c\xe8\xf0F2\x86\x1b\xc1\x1ay4d\xdcB\xce\xd1\x10\xcej\xab\x0e\xec\x8b\x00\xa7f\xff\x03y\xcas\x83$sO\x98j|\xae59\xcdS\xeb\x13y\t\x85\x95eA\xaa\xde\xf6\x04\x07\xda\x81\t\x16\x1a~\xa3\xec\xbc\x7f\x14m\xf7\xf2\xcb&amp;\xd6\xc7g?pO\xb6\xad\x07\xf5?\t\x9e\x86\xf3&lt;\xf6\xda\xa0\x8d!\xdf\x92\xdb\n$\x1f\\F\x1e\xc7\rA\xe5\xb2\n\xb4\x06\x02\xaf\xf7pm\x07\x94\xbaA\xeb0\x82\x05\xea\xb6M\x85=\x9e\x89[F\x0c\xda$\x05\x8c\xc0\xdc\xa3\x11\x19\xf1#\xccFm"\xe5\x9d\xf6\x01\xa5B\xe3\xb4xz\xf0\xd1M\xba\x14T\xdc+h\x8e\xdd\xb1H\xfeR\xaeW\xbb\x8f\x98\xfc\xb5r\xadE\xad\xd5\x98\xc0\x890!\xd3\x8f\x01\xcd\xfb\xc6X\n\x16Y\x95\x8b\x1d=t\x0c\x9d\xe5\xf1\x7fn\xf8@\xb4\xf5\xc3lQ\xac\x12\xa7\x87^\xf3jg\'u\x9d\xb0\n\x8a\xbd\xef\x8c\'0\xfc\x0f\xa0\xc0\x1dR\x03\x15\xfe-,\x01yI\x9e\x81\xae\x8f\x9d\xa3\xb0\x89\xb9\xdev\x8f\x97\x98\x1f\x9c\x9dg\x81u\x81\x02@\xcf\xae\xc4\x0f\x95B\x9c\x9c\x1d\x88\x89\xf9\'k\x1ap\xd8\xfbCG7\xb7\x1c\xc4\xe6\xdc\xff4\'\x9bd\x9d.\xe5\xdd\x9c%\xde\xcd\xccX?\xee$\xebY\xc9\x9c)y6\xba\xbe(gZ2\x7f\x1cx&gt;P\x8e\xf0\x8f\xc4\x11X\xca2{\xc6\x93-&gt;I$\x10\x9f\x1dx\xa8Q\xd1\xfe\x82\xc30E\xc2\xcc\xdd\xcd\xff\x07\x7faAs\x7fu\x93\xc2Vb\xc3\x07\xd8\xff\xc0\xed]\xf1F\x11a\xc2\xeb\x88\xd7-\xc2\xfc\x10\x08A\xecBp\xb4Q\x8a\x00\x90A%$\xa8!\xba=\xc0n2\t\xd5\x87\xe8\xb1\xce\x82\x0b\xa3\xde\x0byK\xa0\x83^W\x06qO\xc11\xc2\xec\xffLN\xd5?X+\x1f/X\x9a\xd8\x9a\xd3a\xbc\xe8\x08\x90\xe0\x83\xf7\xb8V\xd4\x84\x9b\x01\xffA\xa1\xda\xddI\x8cQ\x0f\x07\xf0\x13/5\xd7\xa3\xc5\xc0NK,\x8c\x93X\x99\xe2\x04\xd9\xdb\xab\x9f\x17"\xf7[B\xadNo\xe7t\x9e\xdd\xde\x91{\x19F\xb5\xf0\x03\x02\x15z\xcb1A7\xa3\xcbV\xe6\x162\xfd\xbf\xbd5@\xdcI\xb1\xe1\xa5\x8d0\xfb~\x16\x9eV\x85\xff|l\xc1\x8d~,\xd93\x95"\xe6\x00\x03\xa1\xe3Mm\xf0\x7f\xbe\xea)Y\xb0\x9b\x85\x15M%\xfd\xb7\xf9*$\x80\x86\x81\x8d\x06\'\xc0\xa8\x03\x80\xe5#\xa9=\x06\xe3+\x03\xbc\xf8\xbc\x0b\xe3+\x11N\xe2\x89\xf6u,\x1d\x0fD\x9eL\x11\xe5\xaa\x9d\xb1Y\xd9\xaf\x0cN&lt;\xff\xe3O\xa0=%\xe1\xf5)\xf9\xd5\x88\xf8Kou\xbfNa\x15\x94)n\x81\x9e\x15\xe6HW\xa3\xaa\xcf\x8bU\x01\x08\xa4*`\xfe\x08\xbc\xa2\x14\xe0\x04\xbb\x9b\xa8\x18e]kNu\xd8QXI\xeeFW\xea\xc6\xd3\x16@*#\xddbK\xe0\xd3\xdd\r\xcc\x9e\x9d\xce2S\x1f\xe2\xd3\x11\xe4\x8d\x90\xb0\xbf\x81xP)xao\xe4\xdb\x15C\x0f+\x07T\x9c\x8b\x06\xaeH6\xb5:\xd4\xf5\x07\x90|&gt;6k\xa8\x10\xd5\x9e&lt;l\x99h\x13\xd0h\xa2\xeb\x17\xb0\x80\x9f[\x84\x1c\xcf|\xf5\x05Z\x1b\x8b\xfd\x92\xfc\xe9\x06#\x05;\xb6\xd9%\xcc\xdc3\xa9\xb3\xc6\xf9\xe4J\xc4Z\xf9|n\xd41@\x87\x85^\xf6SKF\r\x8c\x90\n\x0b\xf8\xa3\x98\xdd\x1c\xad\xf5\xf2\xf4f^4*\xf4\x7f\xd9.+\x8d$\xf6d{x \x95@\x14v\xa5\xf2Gad\xd2\xb1W\x9e\xda\xe7`\xb7\xed\x8fcP\x07\xf2\xa6\xc1\xf2\xe39&lt;\xeb\x98\xaf\xd48\xa2\x813\x88\xa2\x95\xa6WF\xe3u\xba\xb1I\xa0$\xb6\xcc\xf4\x10\xc5&amp;v\xe0.dbp9j\x86\xaa\x99\xdb8\xd0H\xe8?\x1b\xaf*\xb7&gt;\xd5B\xdb\x96\xa5\x8e\xdf\xd32\xceje\x9a\x1f\x9ba\x03\xe9\x99\xbb\xee\xfc\x7f\xb8\x98\xaa`\x9b\x11\xe3\xf3\x1b\xca1iX`C\xbbr\xeb\x81@\x01\tg.7\xa1\xd0\x9fCt\xf3\x9c\x9f\xe5\xec\xdc\xd1\x9bA\xe4\x1a\x96\xe6a\x83\x82\x0c\xd8\x83J\xb6p\xac\xcc\x15\xe3J\xeb8S#\xd7\x11\xd5?\x8fOb\xed\x8a\x07\xc3\xb5u\xec^\xbe\xea\xc9{\x8e\xc9\xb8\t\x8e\xddiI\xb2\x9b\x8eG4\x7f\xba{@\xad`\x13$t\x96F\x8a\xcc\x7f\xce@r\x8ax\xae\x0b\x122\xdey4\xc6=B\xe4\xa2\xf7L\x9f\xa0e\x9bSW.\xe0\xeb\xd6\x88\x191*z\xe3\x89\xee\xaa\x87s7o\xe2\x8a\x93\xde)\xc4\xc6]&amp;\xa6\xae\xeek\xdf\xfe\xd4\xc3\x88_v\xee\x03\xdc\x91\xc0A]/\xb7sf\xd2\xe3\xa8B\xe5\xbb?#\xde\x15h\xd2\xa9\xcf5\xe0\xf8wN\xd5U\x13\x8e\xee\xe0Wj\xa33\x7f\xf4\xbf\'\xdd\xc98v\xc9?\xf9\xc5\x91\xed\xbc\xe5\x81L\x19\xb14\x00x\xbee\x93\x10;H3\xac\xe2N"j{ \x9d6g3\x9f; Z\xa3S\x8eiSfl\xf0 ~\xa8\xaa?\x8a\xf9+\xa8\x1e1YXo\x96\x9f\x97\xf4\xe3\'\xa6P^h\xe7L\xa0\x1f\x1f\x1c\xa8~(\xe9\xa5w\xd8\xf6\xa7%\x976Y\x1c\x91\xdb\x98\x9c\xd6\xadJ\xcd\xf8g\x02\xac\xe5\xb0\xae\x11\xba*\x96\xab\xde\x0b\x98\x9b\xe53\xef\xa3\xd2p)}\x929Z\x92t\xc8~\x97A0\xc4\xe5\\\xc1&gt;5\x91\xb8\x8ak\xd1\x10\x84i\xb6(w\xc2kU\r\xc6\x96\x87d\x80\xad\x8d\xbe\xbcl\x02\'Y\x11b&amp;\x00K\x9e\xa0\x92\x88\xafZ\xa8"\xd1\xb4\xc0\x9cN\xc2&gt;\xbb\xdeD\xeb}\x96\xc9\x00X\x84\xc1,h\x11\x93\xd7@[\xc8!d\xcb\x8f\x9c\x8a].\xfb\x9f\x9f\x02uRG8\xe7\xf5\r\xfd+q\x99\x9f#s\xf2r\x1e:,\xe5%\xcf]A\x05\xa18\xbc\xcf\xe8gj\x8f\xca\x91V8\xf6=&amp;J}&amp;\x0b\xe9\xe5\x84\xd1\xed\xda?\xd2\xd9OW\x92\xaaDk\x95\xc6\xde\x11v\xc3\xa5B\x98A;\xc2\x1c\xd5\x87-\xad\xb0\xceK4jC\xe3OU2t\xed]\xe2L\xc4\\\x03\xe5LUzy\x91\xf7\xeec\x14\xdbj\xb1\xbb\xc4\x06\xf9\x93\x1c\xd4\xe9\xf3nQ\xb4\xda\xeb\xe9m\xa9\xa6\xdc\xb3Z\xca\x14\xd8&amp;\x15\x12\x81\x15y%\xd5\xcf\xc6U&lt;\x0f\xed_VI\x13A\\\xd5\rH[\x84\x03E6\x81\xd4\xaf\xf32\x90xmz[\x86\t\xa3i\x92\xfeO\'\xe8`\x9c\xdc\xd0\xd3\xc3\x8b0W\xbb\x8a\xad3\xdcU,\xfd\x9b\xb8\x86\xff\xcd\xa3\xf5(ybG\xddm?q\xab\x1e\xf8l\xce7\x92\xd3z\xf2\xc3\xeb\x8e\xd5*\xb9\xaa\x88\x82}\xd9\\l\xca\x04*\x12\x1e,\r7\xa4\xaf\x1a\xbe]\xa7\xfe\xd5A&lt;\x1b4\rK+ !&gt;|\xcc\'C\xf2\x02_|\xba\xd1\xad?\xe1}\xacj\xfb\xf20\xc1\xfc-\x92\xc5\xd8\x917-\xd6\x99\xaf&amp;\x88i\xaf\xcd7\xd1\xd4+K\xfbY&amp;\xca\xa4\xf7\xe5\x99\xf7\x9fJ\xce\n\xbd\x18\xae\xd6\xc8\xbauE\n\xec\x97\x9c1dD\xdb\xf6B\xa7#{'</t>
  </si>
  <si>
    <t>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</t>
  </si>
  <si>
    <t>b'\xe3w(`!\xb5\xbe\x0c\xb5\x1a-\xf4b\x05\x1d\x80'</t>
  </si>
  <si>
    <t>eturn mechanisms
 in each amplifier depicted in Fig. 12.83.
 12.19. Identify the sense and return mechanisms
 in each amplifier depicted in Fig. 12.84.
 12.20. Identify the sense and return mechanisms
 in each amplifier depicted in Fig. 12.85.
 *12.21. Identify the sense and return mechanisms
 in each amplifier depicted in Fig. 12.86.
 Sec. 12.5 Polarity of Feedback
 *12.22. Determine the polarity of feedback in
 each of the stages illustrated in Fig. 12.87.
 12.23. Determine the polarity of feedback in the
 circuit of Example 12.11.
 12.24. Determine the polarity of feedback in the
 circuits depicted in Figs. 12.83â€“12.86.
 Sec. 12.6.1 Voltage-Voltage Feedback
 12.25. Consider the feedback circuit shown in
 Fig. 12.88, where R1 + R2 _x0003_ RD. Com_x0002_pute the closed-loop gain and I/O imped_x0002_ances of the circuit. Assume Î» _x0004_= 0.
 Problems 631
 M 1
 I SS
 DD
 M 2
 V
 Vin
 M
 M 1
 I SS
 DD
 M 2
 V
 Vin
 M
 R1
 I out
 3
 M 1
 I SS
 DD
 M 2
 V
 Vin
 M
 R1
 I out
 3
 3
 M 1
 I SS
 DD
 M 2
 V
 Vin
 M
 R1
 3
 M 1
 I SS
 DD
 M 2
 V
 Vin
 R
 R1
 2
 M 1
 I SS
 DD
 M 2
 V
 Vin
 M
 R1
 3
 M 4
 (a) (b) (c)
 (d) (e) (f)
 Vout Vout
 Vout
 Vout
 Figure 12.83
 M 1
 VDD
 I 1
 (a) (b) (c)
 M 2
 Vb
 Vout
 M 1
 VDD
 I 1
 M 2 Vout
 M 1
 VDD
 I 1
 M 2
 Vout
 M 1
 VDD
 I 1
 Vb
 M 2 Vout
 (d)
 I in I in I in I in
 Figure 12.84
 DD
 M
 V
 M
 I SS
 Vout
 VDD
 R1
 I out
 DD
 M
 V
 M
 R1
 Vout
 VDD
 M
 R1
 Vout
 M
 (a) (b) (c)
 1
 2
 Vin
 1
 2
 Vin
 M 1
 Vin
 M2
 M 1
 Vin
 3
 2
 (d)
 Figure 12.85
 Q 1
 R
 R
 V
 C F
 I in
 Vout
 M 1
 DD
 M 2
 V
 M
 I SS
 Vout
 3
 R F
 I in
 Vb
 CC
 (a) (b)
 Figure 12.86
 632 Chapter 12 Feedback
 M 1
 VDD
 I 1
 (c)
 (a) (b)
 M 2
 Vin
 R S
 Vb
 Vout
 M 1
 VDD
 I 1
 M 2
 Vin
 R S
 Vout
 M 1
 VDD
 I 1
 M 2
 Vin
 R S
 Vout
 M 1
 VDD
 I 1
 Vb
 M 2
 Vin
 R S
 I 1 Z in
 Vout
 (d)
 Figure 12.87
 Vin
 R
 R
 Vout
 M 1
 R D
 VDD
 1
 2
 Figure 12.88
 12.26. Repeat Problem 12.25 for the topology
 of Fig. 12.89. Assume C1 and C2 are very
 small and neglect other capacitances.
 Vin
 Vout
 VF
 M 1
 R D
 VDD
 C1
 C2
 Figure 12.89
 12.27. The amplifier shown in Fig. 12.90 provides
 a closed-loop gain close to unity but a very
 low output impedance. Assuming Î» &gt; 0,
 determine the closed-loop gain and out_x0002_put impedance and compare the results
 with those of a simple source follower.
 *12.28. An adventurous student replaces the
 NMOS source follower in Fig. 12.90 with a
 PMOS common-source stage (Fig. 12.91).
 Unfortunately, the amplifier does not op_x0002_erate well.
 (a) Prove by inspection that the feedback
 is positive.
 (b) Breaking the loop at the gate of M2,
 determine the loop gain and prove
 that the feedback is positive.
 M 1
 I SS
 DD
 M 2
 V
 Vin
 M
 Vout
 M 3 M 4
 5
 Figure 12.90
 M 1
 I SS
 DD
 M 2
 V
 Vin
 M
 Vout
 M 3 M 4
 5
 Figure 12.91
 Problems 633
 *12.29. Having discovered the polarity of feed_x0002_back, the student in Problem 12.28 mod_x0002_ifies the circuit as shown in Fig. 12.92.
 Determine the closed-loop gain and I/O
 impedances of the circuit and compare
 the results with those obtained in Prob_x0002_lem 12.27.
 M 1
 I SS
 DD
 M 2
 V
 Vin
 M
 Vout
 M 3 M 4
 5
 Figure 12.92
 Sec. 12.6.2 Voltage-Current Feedback
 12.30. Repeat Example 12.18 for the circuit illus_x0002_trated in Fig. 12.93.
 DD
 M
 V
 M
 Vout
 1
 2
 R D
 I in
 R F
 Vb
 RL
 Figure 12.93
 12.31. A student adventurously modifies the cir_x0002_cuit of Example 12.18 to that shown in
 Fig. 12.94. Assume Î» = 0.
 (a) Prove by inspection that the feedback
 is positive.
 (b) Assuming RF is very large and break_x0002_ing the loop at the gate of M2, calcu_x0002_DD
 M
 V
 M
 Vout
 1
 2
 R D
 I in
 R F
 Vb
 Figure 12.94
 late the loop gain and prove that the
 feedback is positive.
 12.32. Determine the closed-loop I/O impeda_x0002_nces of the circuit shown in</t>
  </si>
  <si>
    <t>b'\x13&lt;\\\x81\xdeB\xf0g$\xech[\xb0\x9c\xac\xec'</t>
  </si>
  <si>
    <t>133c5c81de42f06724ec685bb09cacec</t>
  </si>
  <si>
    <t>an unity across part of the transition region. This is
 because the transition region spans a range narrower than 0 to VDD.
 766 Chapter 16 Digital CMOS Circuits
 Vin
 Vout
 VDD
 VDD
 â€“1
 Figure 16.8
 Exercise An inverter exhibits a gain of about 2 in its transition region. How wide is the transition
 region?
 Noise Margin In order to quantify the robustness of a gate with respect to the degra_x0002_dation of the input logical levels, we introduce the concept of â€œnoise marginâ€ (NM). A
 rough definition is: NM is the maximum amount of degradation (noise) at the input that
 can be tolerated before the output is affected â€œsignificantly.â€ What do we mean by â€œsig_x0002_nificantly?â€ We postulate that the output remains relatively unaffected if the gain of the
 circuit remains below unity, thus arriving at the following definition:
 The noise margin is the maximum departure from the ideal logical level that places
 the gate at a small-signal voltage gain of unity.
 The procedure for calculating NM is straightforward: we construct the VTC and deter_x0002_mine the input level at which the small-signal gain reaches unity. The difference between
 this level and the ideal logical level yields the NM. Of course, we associate a noise margin
 with the input low level, NML, and another with the input high level, NMH. Figure 16.9
 summarizes these concepts. The two input voltages are denoted by VIL and VIH, respec_x0002_tively.
 Vin
 Vout
 VDD
 VDD V V
 â€“1
 â€“1
 IL IH
 NM L NM H
 Figure 16.9 Illustration of noise margins.
 Example
 16.7
 A common-source stage operates as an NMOS inverter. Compute the noise margins.
 Solution We can adopt one of two approaches here. First, since the small-signal gain of the stage
 is equal to âˆ’gmRD and since gm = Î¼nCox(W/L)(VGS âˆ’ VTH), we have
 Î¼nCox
 W
 L (VIL âˆ’ VTH)RD = 1, (16.7)
 16.1 General Considerations 767
 and hence
 VIL = 1
 Î¼nCox
 W
 L
 RD
 + VTH. (16.8)
 In the second approach, we directly differentiate both sides of Eq. (16.2) with respect
 to Vin:
 âˆ‚Vout
 âˆ‚Vin
 = âˆ’Î¼nCox
 W
 L
 RD(VIL âˆ’ VTH) (16.9)
 = âˆ’1 (16.10)
 and hence
 NML = VIL = 1
 Î¼nCox
 W
 L
 RD
 + VTH. (16.11)
 That is, the input must exceed VTH by (Î¼nCoxRDW/L)
 âˆ’1 for the circuit to reach the
 unity-gain point.
 As Vin drives M1 into the triode region, the transconductance of M1 and hence the
 voltage gain of the circuit begin to fall. Since in Chapter 6, we did not derive a small_x0002_signal model for MOSFETs operating in the triode region, we continue with the second
 approach:
 Vout = VDD âˆ’ RDID (16.12)
 = VDD âˆ’ 1
 2
 Î¼nCox
 W
 L
 RD[2(Vin âˆ’ VTH)Vout âˆ’ V2
 out]. (16.13)
 We mus</t>
  </si>
  <si>
    <t>b'|!\xe2\xe2\xed[\x1d\xd4\xd87e\x03\xb7Y|\xdc'</t>
  </si>
  <si>
    <t>7c21e2e2ed5b1dd4d8376503b7597cdc</t>
  </si>
  <si>
    <t>d on deck.
 At daybreak the wind began to blow hard again, and the
 heavens seemed to predict a gale. The barometer announced a
 speedy change, the mercury rising and falling capriciously; the
 sea also, in the south-east, raised long surges which indicated a
 tempest. The sun had set the evening before in a red mist, in the
 midst of the phosphorescent scintillations of the ocean.
 172
 John Bunsby long examined the threatening aspect of the
 heavens, muttering indistinctly between his teeth. At last he said
 in a low voice to Mr. Fogg, â€œShall I speak out to your honour?â€
 â€œOf course.â€
 â€œWell, we are going to have a squall.â€
 â€œIs the wind north or south?â€ asked Mr. Fogg quietly. â€œSouth.
 Look! a typhoon is coming up.â€
 â€œGlad itâ€™s a typhoon from the south, for it will carry us forward.â€
 â€œOh, if you take it that way,â€ said John Bunsby, â€œIâ€™ve nothing
 more to say.â€ John Bunsbyâ€™s suspicions were confirmed. At a
 less advanced season of the year the typhoon, according to a
 famous meteorologist, would have passed away like a luminous
 cascade of electric flame; but in the winter equinox, it was to be
 feared that it would burst upon them with great violence.
 The pilot took his precautions in advance. He reefed all sail, the
 pole-masts were dispensed with; all hands went forward to the
 bows. A single triangular sail, of strong canvas, was hoisted as a
 storm-jib, so as to hold the wind from behind. Then they waited.
 John Bunsby had requested his passengers to go below; but
 this imprisonment in so narrow a space, with little air, and the
 boat bouncing in the gale, was far from pleasant. Neither Mr.
 Fogg, Fix, nor Aouda consented to leave the deck. The storm of
 173
 rain and wind descended upon them towards eight oâ€™clock. With
 but its bit of sail, the Tankadere was lifted like a feather by a
 wind an idea of whose violence can scarcely be given. To
 compare her speed to four times that of a locomotive going on
 full steam would be below the
 truth.
 The boat scudded thus northward during the whole day, borne
 on by monstrous waves, preserving always, fortunately, a speed
 equal to theirs. Twenty times she seemed almost to be
 submerged by these mountains of water which rose behind her;
 but the adroit management of the pilot saved her. The
 passengers were often bathed in spray, but they submitted to it
 philosophically. Fix cursed it, no doubt; but Aouda, with her eyes
 fastened upon her protector, whose coolness amazed her,
 showed herself worthy of him, and bravely weathered the storm.
 As for Phileas Fogg, it seemed just as if the typhoon were a part
 of his programme.
 Up to this time the Tankadere had always held her</t>
  </si>
  <si>
    <t>b'\xd73\xe4,\x85T\xe7\x00\xef\xcf\n\x9c,8Yu\xd3E\xcc\xdc=\xc5@\xfdH\xf3\x11\x0f\xbb\x1dp\x19'</t>
  </si>
  <si>
    <t>d733e42c8554e700efcf0a9c2c385975d345ccdc3dc540fd48f3110fbb1d7019</t>
  </si>
  <si>
    <t>b'\xd73\xe4,\x85T\xe7\x00\xef\xcf\n\x9c,8Yu'</t>
  </si>
  <si>
    <t>ing an
 inspiration.â€
 â€”Lori Taylor, Cincinatti, OH
 â€œWhen someone claims to have a formula to make millions, itâ€™s easy to be
 skeptical. However, since we had heard so many great things about Ryan, my
 husband and I took a chance on a workshop a year after starting our business
 â€”and Iâ€™m so glad we did. Not only did we walk away with tangible
 strategies to implement immediately, but, most important, Ryan inspired us to
 THINK BIG. Two years later we sold our first company for eight figures, and
 I couldnâ€™t be more excited about the future.â€
 â€”Shauna Chadwell, Kansas City, MO
 â€œFrom a job in corporate America ten years ago to starting an online
 insurance agency, I always had a hunger for more. Today, I run several
 seven-figure online businesses and a marketing agency and travel the world
 to give speeches to other entrepreneurs. However, what excites me most is
 that the freedom I now experience has allowed me to become a better
 husband, father, and friend. Ryanâ€™s content and the clarity that he provides
 has been a big part of my growth.â€
 â€”Liran Hirschkorn, Long Island, NY
 â€œMy husband and I always dreamed of starting a nonprofit when we retired
 from our medical practice. We always thought that it would be a twenty-year
 project, but that all changed when we heard Ryan Daniel Moran give the â€˜12
 Months to $1 Millionâ€™ presentation for the first time. Not only has our
 business gone from nothing to the mid-seven figures in just a few years, but
 we sold our medical practice so that we can start our nonprofit more than a
 decade earlier than we thought. Starting this business has been the craziest,
 most fun, most challenging, and most rewarding thing that my husband and I
 have ever done (besides having kids!).â€
 â€”Jenna Zigler, Austin, TX
 â€œI became an entrepreneur because I wanted freedom. I knew that I was made
 for something more than sitting at a desk all day. Ryanâ€™s work gave me the
 playbook for turning my dream into a reality. I crossed seven figures after my
 first year, and three years in, I sold my business for a payday that set my
 family and me up for life. This journey isnâ€™t easy, but itâ€™s worth it; not only
 for the financial possib</t>
  </si>
  <si>
    <t>b'\x92\xca\xfc\x03\x9a\xe1\xbdj%5{\xd3\x8f\xa5\xa0\xa3/1Tl#\xd5\xb3Z\xf9\xe1G\xb4\xd1)\xe1\x99\xc8,\x89n\x81\x12`|\x98\x17c\x9c$fx\xf6\xea\x82P?{\xb8\xb4\xd3I\x0b\x9d\xdc(h\xd89\x03B\xef\x96\xa0\x94\x94\xd6\x91`\xde\xcb\x05ZV\xe7\x1a\x06\x0f\\\r\xfa\xafd\x07\xb4\x91\xc7-f\x93\xc7\xcb\xd3\xffk\xe1/\xd2\xf1(\xa7\xa6F\xfe\xa6):\x9c;O\xcb/o\x11p\x95f\xcf\xbd\x1d\x93\xaah\x8cLj\x1a\x9f\x9a8|\xf07\x0eO8V\x1c\x95\xfc\x92\x0b\x16\x08\x91Z \xaf\xc0\x1fq\x11,z\x8a|\xb7\xbcn\x07\x89\xf5g_\x14\xb2\xf82i\x82\xca\xe5\xf3b\x88B\xbe\x06\x10\xc2.\xd9\x8a\xa6\xce*f\xab\x93\xf4\xd6\xbb\x82\xec\xe1\'\x82\x0f\x94\xdd\x9a\xc9\xdb\xf3\x15\xbdp\x97\x02k+\x8dZ\xa6\x96\x8cS\xb5\x81M?&gt;Q#]s\xb6\xc2\x12\r5A.X\xe1\xfb\xb4\xd0FU\xec\x89\x02\x95\xdf1\x7f\xd003v\x03p\xde\xf4\x1c@\xecI\x8bDc6\xed0\x02\xcd^M\x04\x83\xf0u\x9bXkM\x7f\xea\x19{H\x05N?\xa3}\xe4\x89\x80\xd9\xe0Z"\xf9sK"\xb2\xb1gO\xe8\xe8I"%/U\x11\x1f.\x93\xc0p\xa8\xb6\x08X\x94\xe53&gt;\xd3\x87JbB\x14\'\xf1\x86\x9cP\x8f\xd0\xf9\xb4\x01`\xf9\xe3\xd0+\xd8|\x89\xde\xe2\x8eZ\x02\x8d\t7[\x0e[\x89\x8a\xd4\xdb\n&lt;\xe0\xc9\x90vY\xc6\xd5\xfe\xac+\x0bT\xa6\x02i\xa5\xe6\xac,a=/\xaft&amp;\xff\x0c\x1a\x9a\xb1\xf3c\xea\x07rrg(\xe7\xcc]\xea\x1f\x9e\x1enjeT1\xcd\x8fz\xbd\x9b\xebK\xf0-\x99\xdf\x8f\x86{p1n\x0f\x13\xdb\xa8{t\x05\xbb\x100\xe2?QA]\xb3\xa4ZK\x08\xea\x10\xe0\x8d\x9f\xeeUs\x85\xd6\x87Z\xc9\xf2\xca\x0f\xfeW\xac6\xa1\xb1\xb6-o\x99l\x98\x7fN\x81\xc4\xba\x02\xaf\x91|\xda\x80\xf3\xf4\xd1\x89i\t\x04b\xa0\xd9\xf9\xb6\xa3;5\xc7SID\x84\x06h4\x9e^\xedO\xb0\x03\x1eWLN\xa2\xce\x9a\xd4\xc4\xcc8b\x89&lt;\x11c&amp;\xcb\x87\xe8\x9ay\xb6Z]\x00i\xac\x08\xcb\x90\xfc\xb95\xe5y\x0f\xb4\xc9F4i\xb9~\xf6 \xb3\xd3\xc4\xdb\x8d?*\xfe\x7f\x81[\xbd]%\x81\xdal\xa2\xc0\xd3\xefn\x81\xff.K\xb3B\x9b\xb9*\x04x#\xa1\x18!\xcd\x10\xb3\xf4\xeb(\xa4\x15\xe5\x9f\r\xf6}\xd3\r\xd0\x17\xae\xc1e\xa2\xaeOh\xdf\xc98\x90|\x9a\xb6\xcd\x1f\x9cs\xd5\xfc\xa3\x8dp\x87\xdb_\x97\xa4P\xe7&lt;\x8e!\x1d.\x86\x07\x9b\xbfXo.M)\xf5\x93\xbf\xe4\xbd\x1a,z\x04t\xfe`\\_\xe3\xc3A\x7f\xe1g&amp;\x97\x8e\x9fX\x93\xe1\xbf\xaf0zt\xac\x93\xe2n\xb8\xb5\x93.\n&amp;\x08\x04\xa4\x82x\x1ay\x97\xd4\xf2l\xcc\x83]X\\\xc9\xe3\x13\xa1\xbf\x0f\x923\x1b+\x98,\x8a?\x97\x876Zy\xc3;\x05\x03Z\xd4\x08\xc3\xddD\x0e\x9b\xd4j\x92\x00\xc9\xf2\xbd`\x17\xe9\xe1\xc92HV&gt;\xed\x00\'\xbdK\xf06z 9\xe2 \xa5\x8fP\xffi\xd4?O\t\x10_=#\x9c\xe3]\x81SyR\x14Ew\xae\xb5n\t][o\xe3\xaa~\xad\r\x19y\xb0\xce\xa6(\xbd\xabg\xc2\x8dh\x98&gt;\xedVxl\x97\xcf\xbeW\xe7K/\'^SNo\xea}\x1a\x99"\x8bci\x86FI\xa3\xf1aDI#\xb1Fo\xd6\xc9:\x15\xe4Bq!\xef(7\xeeD\xd4g[\xee:\x95\xf9\x82\xdc|\xe5R\x9b\x12\xbe\xc8\xfa\xe2\x83\x89\xd5\x06%\x0c\xdb\x85^\x8e\xef\x1f;\xcf\xee7(P\xe9Q5#\xe7\x10\x7f\xc0\xac\xd7K\xf7\xe3r\x18\xae\xb1\xe3\x8c\x95o\xdc\x8e\xe7]\x972\xaa\xf2+\xe4K\x89\xeac\x03\xbf3\xbe\xb6\xbejv\xe8\xf2\xee\'\xfdsu\xc3\xa3\x00%E\xd3\xc1\xe2\x1c\xe1\x10\xf0\x90l/\xb7\x0f\x8f\xc2\x9a\xb8\xf4t2e&lt;\xfc\xe5\xb2H\x03\x12\x98V\xeb\x95R\xed\\\xba)63O\xab\xbe;a\x8d_C\xe6Rw\xa6\xf1\xa3\xfam\xb9\xb3K\xbc\xe4\x13\x89\xefI\xc1\xdda\xfd{A\x8e\xf9\xd1\x05\x98\x1b\xceE\x9b\x07Y\x11\x06\x0b\x1aK\x81fQN\xa0\xd6d\x8b\xc4FLA\x94=\xe0\xb3\x92&gt;J\xde\xbc\xfb\xdc\xde\xcb\x15\x15\xe0T\xb1{n\x02\xcfJp\xfe=\x93\x0c\xef\xd7n\xc8\xf9\xe4\xb8\xa7\t\x1dQ\xee\xd6\x8d\x83.h5P\xd2\xb7*\x07\xf1\xb2`\xcbT\xd4ML\xea\xc5\x08\x15\xad\xed\r\xf0\xffW\x84\xd4?j,\xb0\x19\xa4a\xe0\x8d\xb9u\xb7\xc1\xf7\xdd/\xb2\xb2\xeaP\x05\xbb|\xc0L\xb4,\xc4K\x9b\x05\xb6]\\\xa7_\x16[\x07x\x17\xb2AZ\xfe\x8a-\x9dR)&amp;\x91\x9b\x00Z\x81lnxup6\xa5n@f\xd1y\xb2\xf6\xb0\xadB\xfb\xb7\x0f\xdb\x98u\x04\xect\xb0\xaa\xab,y1s4\x1f\xf6)\xfe\xc6\x12\xab8W\x95\xd9\xdb^\x1b\xb2\x04.\xd9\xb0PwL\x1b\xa6\x86-X\x1aa\x80g \x89+~\x83\xc1\xb3\x06l(xnF\x9d:?\x81\xd2%\xcfp\xda\x95*P\n\x82\xfd=\x7f\xc9\x1c\x80\xbf\x8e\x9d\xa4kg_\xabV\x91^\x965\\\x8ayVE\x15\xea\xb3\xf90\xf4\xa6\xb6i\x7fE\xe9\xc9m\xa6/t\x9e\xf8\xe9\xbd\x0e\x0e[I\xf4\xcf/\xdb(\xf6\x1eh\x1d~\xcdd*\xce\xd8\xd9X\x17\'+\x96\x96\xd1I\x84\xf1x[\x05\xda\xda\xcd`\xcc\xfdT\x83\xd4\xae\xb0\x12\x08\xb9&amp;\x91\x9c\x07\xedv\xe7\x0b\xea\xd6\x95+v\xc3\xd6a\xed\x90!\x1e\xe6\xd9U\xd6\x15\xb3\xcfY\xee#n`q\x8c\x18\x17\xb8\x0b\xecCr\x9fmU\\PuE\x0cz\xd08\x90y,\xc2\x89\xe7\x84\x9e\x1e\x08\x84\x1b\xf1\x18+}\xbc\xc7\xfb\xe3\x9a\x16A\t\tF\x94\xd9%\xf5&amp;\x85\x1a\xef\xff,&gt;\xf9{,\x1atz\xddq\xa8@S\x9aq\n\xf3mPlL\xbc.\x7f\xda\xabi\xe5$\x93\x9am\x1a\xe7\xb61\xf8\x17"Hi\xcd\x03B\x17\r\x8d\xb0\x89\x87\x14U\xe79\xe0\xff\x0b/Y\xc8\x87\xf1\xa5\xaa\x1e\x17\x12\xf9\xdd}6\x17\x9d~\xf0r5Z\xda\xfb\x12+\x19\x19\x16\xa7[R\x9a\xafl\xee\xb1A\xe3\xecX2\xd8G\x19T\x9c7\r\x9f\xf3\xa8t1\xbe\x02\xce\xeb\n\xbc\xc8\x0b\xe0[\x82\xa8$JL;\xaf\xe4\xb4\x94Jp\x88U\x17QO)\x95Qx\x89r\x1b&gt;\xfdl_\x19\xf9\x1bl\x03&amp;^/\xfa\xd88|\xc1u\xe2\xd1\xd4\xcd2\xfa[\x9e\xfc\xcc\xc9e\xaf3\xb5\xc2\xb3\xbf\x01\x1c&gt;t9\rb\xa7v\xc0\xa4hd\xe4\x91-\x96\xb1\x0c\x81L!\x07\xc9\xbb\x8e\xa1xq\xdd\x1c\xe8)]\xb0\x93\x02H0bN\xb0\xa3Yg\xa9t\xe7\xe4*%\xe7\xb4`Q\xba|3\xa3}`\x9f\x97\x95#\x19=\x14\xb8\xb8 z\x87\x96\xf6as\xae\xa3\xd0=h\xb5\x8dC,\x1e4a\xc7\xe7\xc6\xb8\x93\xe0J\x9a\x16\xa3\x17\xbb\xbd \x0e\x91\xc0/\x1e\x02r\x8c\x0fr$e\xf0\xbf;\x83\xb8nQ\xe0\'o*\xaa$\x12B\xc8\xef\xc9\xcd\xec\xe4\xc1C\x19puL\xe0\xf4\xb2\xf6\xa0o\xca\x82Y\xb6+\xcc\x00\x98\x03-\xf2\x84\x12\x8dm\xdaUV\x8a9\x1aA71n~rq\xefj\x88|u+:\x0f\x8c\x06\\\x8c\xaa\x0c\xcd\xca\t\x88\x94\x81\xe7\xaf\xde\x0eWc\xd3G,cRB\xcc\xbd.\x01\xfd\x06\xae{!F\x88\xbeT(\x8c\xed\xf1\x1b\xa4\xb3Es\x92#dVQ\x173\xe0\xd5\x98\x99\xcc\xae\xbf\xcf\xd2=\x04\xde\xbd\x97v\xea&amp;\x07\xd4\xa2r\x0f]\xe9\xaeT\x7f(]\xa2\xf4\xa8N\xfd\xef\xb8k\xed\xbd~4\xb9\xa8\x82\x8axs\xd5\x14\x94\xac\x18\xcax\xd5w|d\x1ao\xd1n\xbe\xc9@\xe5\x9c?m5Y\x88\xfbns*U7T\x8a+\xa7\x9e\xc1\x88\x80:\x84T&amp;\xec\x8f\xec\xf5+{\xcf\xbd\xabl\xf2U#\x80z\xaf\x7f\xcf\x7f!X1\x9bp\xa2g\xe9\x12\xc5\x8c\x1e\xb3\xeei\xd3W\x18L\x0c\x9e1\xde\xe5\xd6=\xc1Mk\xa1\x9dX\x96\xf6\x01\xcc\xce7\x9d\x05)B\xbdS\x1d\x91S!KC\xe9]\x84Nz\x1d&lt;]\xcb\xa3\xf2\x94m\xbc\x9c\xd4\x89-\x02\xe11\xfdE#I\x8f\x11\xe2v\x0c\xf1\xb4|\xf3\x9a\xd4]\xbc\xd7\xf6\x1b\x01\x0fw\xbb\xdd0\x1c\xe3iI[Q\xe4bE&gt;\x83P\xf1\xd1\x88u\x8b\xd7~\xd0\x9d\xdbl\xcc\x85(\xac\xd3VY\xbe\xba4z\xb5\x00H\xecI\xbb\xe1]\xf5\xd1#\x0b\xe6}\xbe\xb3\x1a4_\xaf7\xc9&lt;\xef\x82.\xb1cg\xe5\x07\x17\x10\x10\x94\x8cq"z\xe5\xd9T\x18\x99C\xad\xa3\xad\x98{\xc4\xe1a\x16qWXdK\xaaC\xd8\xe1\xe0\x96\xd9\x8f\x19\x96\xf1\xc6e\x10'</t>
  </si>
  <si>
    <t>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</t>
  </si>
  <si>
    <t>b'\x92\xca\xfc\x03\x9a\xe1\xbdj%5{\xd3\x8f\xa5\xa0\xa3'</t>
  </si>
  <si>
    <t>should have to go on, for we don't know
 how to stop.'
 This was true; Peter had forgotten to show them how to stop.
 John said that if the worst came to the worst, all they had to do was to go
 straight on, for the world was round, and so in time they must come back to
 their own window.
 'And who is to get food for us, John?'
 'I nipped a bit out of that eagle's mouth pretty neatly, Wendy.'
 'After the twentieth try,' Wendy reminded him. 'And even though we became
 good at picking up food, see how we bump against clouds and things if he is
 not near to give us a hand.'
 Indeed they were constantly bumping. They could now fly strongly, though
 they still kicked far too much; but if they saw a cloud in front of them, the
 more they tried to avoid it, the more certainly did they bump into it. If Nana
 had been with them, she would have had a bandage round Michael's forehead
 by this time.
 Peter was not with them for the moment, and they felt rather lonely up there
 by themselves. He could go so much faster than they that he</t>
  </si>
  <si>
    <t>b'\xb6xj\xc0]\xe5\xad\xad'</t>
  </si>
  <si>
    <t>b6786ac05de5adad</t>
  </si>
  <si>
    <t>. At length he
 took leave. As he went, St. Aubert observed him look with an earnest and
 pensive eye at Emily, who bowed to him with a countenance full of timid
 43
 sweetness, while the carriage drove on. St. Aubert, for whatever reason,
 soon after looked from the window, and saw Valancourt standing upon
 the bank of the road, resting on his pike with folded arms, and following
 the carriage with his eyes. He waved his hand, and Valancourt, seeming
 to awake from his reverie, returned the salute, and started away.
 The aspect of the country now began to change, and the travellers soon
 found themselves among mountains covered from their base nearly to
 their summits with forests of gloomy pine, except where a rock of granite
 shot up from the vale, and lost its snowy top in the clouds. The rivulet,
 which had hitherto accompanied them, now expanded into a river; and,
 flowing deeply and silently along, reflected, as in a mirror, the blackness
 of the impending shades. Sometimes a cliff was seen lifting its bold head
 above the woods and the vapours, that floated mid-way down the
 mountains; and sometimes a face of perpendicular marble rose from the
 water's edge, over which the larch threw his gigantic arms, here scathed
 with lightning, and there floating in luxuriant foliage.
 They continued to travel over a rough and unfrequented road, seeing
 now and then at a distance the solitary shepherd, with his dog, stalking
 along the valley, and hearing only the dashing of torrents, which the
 woods concealed from the eye, the long sullen murmur of the breeze, as
 it swept over the pines, or the notes of the eagle and the vulture, which
 were seen towering round the beetling cliff.
 Often, as the carriage moved slowly over uneven ground, St. Aubert
 alighted, and amused himself with examining the curious plants that
 grew on the banks of the road, and with which these regions abound;
 while Emily, wrapt in high enthusiasm, wandered away under the
 shades, listening in deep silence to the lonely murmur of the woods.
 Neither village nor hamlet was seen for many leagues; the goat-herd's or
 the hunter's cabin, perch</t>
  </si>
  <si>
    <t>b'+Y\xfd\xbc\xf1\x86!\x83\xb25\x1e\x1c\xed\x03\x97\x05`\xbb-\xd8\x96K\xbf\\;\x13\xba\xc2\xd7\xb1J\x85\xe64\x85\x0e\x11\xc2\xa0\xdf\xd4\xad\xa2\xa3\xe1_\xd0\xfd\x1eK]\xbcHR\x95\x189\x853t#l\xbaf'</t>
  </si>
  <si>
    <t>2b59fdbcf1862183b2351e1ced03970560bb2dd8964bbf5c3b13bac2d7b14a85e634850e11c2a0dfd4ada2a3e15fd0fd1e4b5dbc4852951839853374236cba66</t>
  </si>
  <si>
    <t>b'+Y\xfd\xbc\xf1\x86!\x83\xb25\x1e\x1c\xed\x03\x97\x05'</t>
  </si>
  <si>
    <t>ed a little, and she said I was a kind, kind little darling thing. And I
 was!"â€”stoutly. "It was my whole sixpence."
 Janet and Nora exchanged glances.
 "A beggar girl would never have said that," decided Janet. "She would
 have said, 'Thank yer kindly, little gentlemanâ€”thank yer, sir;' and
 perhaps she would have bobbed a curtsy."
 Sara knew nothing about the fact, but from that time the Large Family
 was as profoundly interested in her as she was in it. Faces used to appear
 at the nursery windows when she passed, and many discussions
 concerning her were held round the fire.
 93
 "She is a kind of servant at the seminary," Janet said. "I don't believe she
 belongs to anybody. I believe she is an orphan. But she is not a beggar,
 however shabby she looks."
 And afterward she was called by all of them, "The-little-girl-who-is-nota-beggar," which was, of course, rather a long name, and sounded very
 funny sometimes when the youngest ones said it in a hurry.
 Sara managed to bore a hole in the sixpence and hung it on a</t>
  </si>
  <si>
    <t>b'\x17$p\x9c\x9cq\xc9e'</t>
  </si>
  <si>
    <t>1724709c9c71c965</t>
  </si>
  <si>
    <t>e murmurs of the crowd outside were
 heard, with now and then a shrill cry. The pendulum beat the
 314
 seconds, which each player eagerly counted, as he listened, with
 mathematical regularity.
 â€œSixteen minutes to nine!â€ said John Sullivan, in a voice which
 betrayed his emotion.
 One minute more, and the wager would be won. Andrew Stuart
 and his partners suspended their game. They left their cards,
 and counted the seconds.
 At the fortieth second, nothing. At the fiftieth, still nothing.
 At the fifty-fifth, a loud cry was heard in the street, followed by
 applause, hurrahs, and some fierce growls.
 The players rose from their seats.
 At the fifty-seventh second the door of the saloon opened; and
 the pendulum had not beat the sixtieth second when Phileas
 Fogg appeared, followed by an excited crowd who had forced
 their way through the club doors, and in his calm voice, said,
 â€œHere I am, gentlemen!â€
 315
 C H A P T E R XXXVII
 In which it is shown that Phileas Fogg gained nothing by his
 tour around the world, unless it were happiness
 ES; Phileas Fogg in person.
 The reader will remember that at five minutes past eight in the
 eveningâ€”about five and twenty
 hours after the arrival of the travellers in Londonâ€” Passepartout
 had been sent by his master to engage the services of the
 Reverend Samuel Wilson in a certain marriage ceremony, which
 was to take place the next day.
 Passepartout went on his errand enchanted. He soon reached
 the clergymanâ€™s house, but found him not at home.
 Passepartout waited a good twenty minutes, a</t>
  </si>
  <si>
    <t>b'\xbf\x8d\xbci\xd6NMu\xcd~\xd0M\xe2q\xb6\xeb\x89\xc8Dt\x9b\x7f\xbf\x9b\x8e_6$\x0b\xd7\xb2\x89'</t>
  </si>
  <si>
    <t>bf8dbc69d64e4d75cd7ed04de271b6eb89c844749b7fbf9b8e5f36240bd7b289</t>
  </si>
  <si>
    <t>b'\xbf\x8d\xbci\xd6NMu\xcd~\xd0M\xe2q\xb6\xeb'</t>
  </si>
  <si>
    <t>placed parenchymatous cells, which constitute
medullary rays. A large number of vascular bundles are arranged in a ring ;
the â€˜ringâ€™ arrangement of vascular bundles is a characteristic of dicot stem.
Each vascular bundle is conjoint, open, and with endarch protoxylem. A
large number of rounded, parenchymatous cells with large intercellular
spaces which occupy the central portion of the stem constitute the pith.
6.2.4 Monocotyledonous Stem
The monocot stem has a sclerenchymatous hypodermis, a large number
of scattered vascular bundles, each surrounded by a sclerenchymatous
bundle sheath, and a large, conspicuous
parenchymatous ground tissue (Figure
6.4 b). Vascular bundles are conjoint and
closed. Peripheral vascular bundles are
generally smaller than the centrally
located ones. The phloem parenchyma is
absent, and water-containing cavities are
present within the vascular bundles.
6.2.5 Dorsiventral
(Dicotyledonous) Leaf
The vertical section of a dorsiventral leaf
through the lamina shows three main
parts, namely, epidermis, mesophyll and
vascular system. The epidermis which
covers both the upper surface (adaxial
epidermis) and lower surface (abaxial
epidermis) of the leaf has a conspicuous
cuticle. The abaxial epidermis generally
bears more stomata than the adaxial
epidermis. The latter may even lack
stomata. The tissue between the upper
and the lower epidermis is called the
mesophyll. Mesophyll, which possesses
chloroplasts and carry out
photosynthesis, is made up of
parenchyma. It has two types of cells â€“ the
palisade parenchyma and the spongy
parenchyma. The adaxially placed
palisade parenchyma is made up of
elongated cells, which are arranged
2024-25
ANATOMY OF FLOWERING PLANTS 77
vertically and parallel to each other. The oval or round and loosely arranged
spongy parenchyma is situated below the palisade cells and extends to
the lower epidermis. There are numerous large spaces and air cavities
between these cells. Vascular system includes vascular bundles, which
can be seen in the veins and the midrib. The size of the vascular bundles
are dependent on the size of the veins. The veins vary in thickness in the
reticulate venation of the dicot leaves. The vascular bundles are
surrounded by a layer of thick walled bundle sheath cells. Look at
Figure 6.5 (a) and find the position of xylem in the vascular bundle.
6.2.6 Isobilateral (Monocotyledonous) Leaf
The anatomy of is</t>
  </si>
  <si>
    <t>b'\xdc\xc5Az\xc7\xf9\xe3\x05\x0c8\x8d\x10\x1a7\xdcE\x18P$\xc7\xfe2\x85\x04\x1a:\x16&amp;\xc4}W\x91+s\x85e\xd2]UV\x123)E\xfe\xfd\x98)1\xca5k\x0cg+jP\x81\x82\x9d\xd8\x96y\x14\x9f+V&gt;*\xe6,z\xcf\xcc\xf5M\x08\x97\xc4F\x9b\xbe\xeb\xe3\xf2\x0c:\x8am\xc8\xff\x8c\xf0UH\xfc=\x90\x8blLe\xfckf\xba;\x8e.W\x9e\xf9Z\xa8\xf18\xfe\x8an1o\xfe\xf7\xf9\xfa\xc1\xd8\xb4pn)(\xab6\x1c\x8f\xf9\xceh\xd2\xaaO\x88K\x0f\x0f??\xfb\xa0i\xbbVgbGE\xb6Y\'\xaa\x8eO\xa4\xeeU [\xa0&amp;\x81\rE\rM\xe8\xac\xd4;\x7f,\xd4Uq\x9bNo\xe6\xa2\x01p\xbe\xbbV\x8fu\xf2=\x88\xc6lrl2\x9e\x191+-0\x16\x97R\xa4}\xee\x7f\xa9\xe3\xfc\xfc\xd1\xdfE\xfd\x92\r\x19z\x00\xcf\xb5k+bU(R\xa0s\x80\xd1\xf02\xec\x9d\xf2\xe55\xaft\xae,?\xe0-\xf8\x1cU\xd7\x15\xd0\xa0\x1c\xfb\xf7\x85\xc2\xfe\x16\xad_\xba\xd09\xe8M%\xa0\xed\xbf\x03\x04|=\xbe\xcc\x14\xe1\xa9\xf2\x08\xf0\x90J,\x11\xc2\xf2/\xe6\xc4\x15/\x0e\x8d\xb7\xe8\xa7\x86\xa8\x06\xab\x85\xee:w1Lz\xdd*\xb6q\xa2\xaf\x1c\xc7B\xa5`\xdf\xe1\x8bs5\x99\x84\xb5\xa4z?\x13\xc8\xd0\xf3&amp;\xa5\xdc\xed\xf4\xa8 \x9e\xe2\x07\xba\x1e\xa9\xb6Q\x95\x91\xfe?\x85\x90\xe6O6\xae\xc9f1\xe4\xcbk\xbd/\x99C\xae\xd1\xe3\xd6\xc4,L\xf8@E9F\x9f\xa9\xbd7\x9f\x18A\x95\xac\x14\xadL9\xefv\xfb\x00\x1c]$T\x08\x00\xa6eZ\xd0UjR\xbd\xd6h\t\xc3n\x04\xf6Co\xab\xed\xd0\xf2W\xd1&lt;\x01T+\xc0\x9ax\xca\xf6\x99\xce\xd4!g\x1c\x0c\x93\xfd\xcb\x03\x1cs\x13\x06dd9\xd9&lt;\x82\xef95\x84\xbfc\\\x8e\xdb\xe7\xccj\xfb}\xb8\xb1\x86r\xed\xbcL\x00S\xa5g\x8c\x03\xac\x04rrh\x89\xd7!\x80\xe5\x83\xbd\xc5\x11v\xcbG\xfa\xe2Q%JM\x97z\x91\xba\x0eH\x11-\xbe\xcc\\\xd7!"Dn\x80\x88|\xcd+\x89@\xdfE!\xef\x0b\x17\x83\xd7\xa7\x92\xc71\xf7k\xf3\xc6pD\xc8\xc6\x89\xbee_z\xc4\x1e|\x1eb\x08\x08`\x12\xaaN\xd4]\xed\x85\xd1\xb6$\x1f\x1cA\xe7n;\x18kZ\xb5&gt;Qo&amp;\xcbbv\xff\xcc\x96`\xb2\x11\xa8m\xa3o;\xcf\xb8l\xba\x8b(u%\x1d\xdb\xf8W\x87G\xa9\x19\x1aZ\x9b\xac?&amp;?\x87\xe9\x1f\xe3{\xfbk\n\xa6M\x96\xa0\xc0\x9b\xd9\xd2u}]D\xf4:,\xf3\x89\x9e8%&amp;\xf6c\xdfcU\x04h\x9bc\xf0\xf7\xcdY\xb3\xf8\x00a\xdc\xf5\x02\xaega&amp;15\xde|1\x9e\x0e\xef\xc9\x17O\x99qm\x96\xd5\xfd\xdcw\xba\x93\xee\xbeQA\xa4\x97\x0b\x01\x0c\x06\xa7TLc\xb8\x86\xc6\xb2\xea\xbe2ZN\xcfv~J\xad^\x05\x8e`\x8d\x99,}\xf6\xd7\x84\xde\xa2=\xa5\x1c3B\xb5\x82\xcc\xa9\x1f\x06\x0f\xee\x12\xd4\xb1\x89\n&gt;O\xf2\xfe\x921\x10\x1bwn&gt;\xcbzptL\xe4\x0b\x91\xc6\xefCi\x03Y/\xe4Ar\xb6/q\xe3Pw\x98u\xe7\xe8G\x11C\xde\xb56\xae*\x12\x986\x97\n{\xffp\x00\xcf\xfc\xa0\xf2\xfe\x18\xcb\x843  \xaaI\x95b\x11\xab\xbey\xf8d\xc0Y\x9fD\xbe\xb3&amp;\xee\xea5s\xc2\xc4J[\x17s\x13m\xa0\xcb\xea[7u\xf7\x92\x07\x97\xf9\x8e\xa7\xb0d\xd1+"~R\x02\xb4\x9e:\x1al\xd3\x11U\xe7&amp;\x7fW\x8a\xf8J\x99JV\xb3\xfe\x12+3\xb3\xfa\xfd\x1a\xb4"$\xb0\x06\x9c\x0f]\x9aP,{\xe9g]?#\x17JM\x10\x01\xd1\x94\xc4\x00}\x8e\xc1F\x91|\xde&gt;g\xdd\x86\xd7K\xc1\x02\xae\xc0\x92\x8d\x07N\x95F\xbd\xde\xa7\x9fQ\xa9?!Q\xda\x8df_55L6f\x1c}\x96\x88\xdd\xcb\x9f\xfd\xbe3I\x15\xe6\x00C\t\xfc\x98\x88\xaa\xa7\x02\x92\xa7p\xa5\xa3\x873\x02\x9cH\xc2g\xcf\xe1\xd1\xfe\xd3Y*\x9a\xe3\xd8\xa0?\xd9\xea\xd6\xe4/\x86f$\x15\xd8\xfa\xf3\xe6B\xe1\x00\xeeT\x83\x0f\xc0\x11r\xf6\xb5-\xb09\x1c\x96\xe6\x95\x13\xc548\xcd:\x897|/\xdd\xce\x1cA\xd9\xf4\xc9\xd3$2]_\x9b\x06\x80\xbb\xdc\x12#i\xe4\xef\x9d\x95\xa4m\xdf\x1e\x0f\x7f\xdd(\x8c\xd8tw\xed\xb5i\x0e\x85\x83\x88\xdb~f\x00\x14\xd0\xcdHUM\xe2\x15\t\x00^\x81\xd3N\xe1\x94I\xe5x\xce\x13U\xc5\x92\xc9W\x84wge\xe2\xc1&amp;&amp;\x85\xdb\x01A\xe32H\xf9\x12\xc6\xdd\xc4\x82x\xc9\xed\x88u\x0b\x95}\xa4t\x8e)\xfb^\xafJx\x92\xc3v\xf63\xec\xf6\xfde\x15\xaf\n\xd1$\x87~SVo3\xbe\xa9\xedK\x83\xbf\xce\xad`\x87W\xd4?\xa0G\xb1\xf0\x19o\xc7\xd6@\x84\xd6\x15\xd8\xd4b\xd1\xd9\xd6\xd1^J\xa4\xd2\x14\xd2\x92\xf56\x80rI\x98\x19\xf2\xbdO?\xcf{\x1c\xf3\xfd\xe2x\x00\x0f\xd5\xca\x14\x1f\xf2eQ\r\xf13\xb8\xf66\x17\xaa\xa2G\xf8\xf25#t\x1e\xc2U5T\x035\xa7\xa261\xc5\x1b\xef\xae6\x89\x97$-\xcf,N\xb6C\x9d\xb6d\x074\x9eu]n\x9az\xc9\x98\\\xbe\xd6\xf3\xc4pI\x8e\x97\xbbKl\xfd|\xf8[\xe1\xfc\xd2_q\x05\xce\x96\x87\xfe\xc1d\xb5\x94$P\x81\x80z\xe3Z\x0f\x06\xdc\x06B\xcd"\x1d\\J\xd7\x87\xcc\x97L~\x05C2\xd3RF\xfc8\xed\x16\xe5\rL\xc8\xdb*\x04!\xb0\x05\xcc\xb3\xf2\x88T)\xe3L\x87\xfc\xc0\x91\xf3\x98\x0b\xe5&lt;\xea1C\x19\xb7:\xd6\xcca\xf58hj\x81zD\x1c\xfc}\xc0]\xc9\xea\xbcg\xa1\x86S\x82\x8b\x8a\xcc/\xea|"\xad\xc4\xe1_`\xbe?1\r\x01\x05\x18Z3\xf3=\xbbzsx\xd4~\x1c\xfb\xb31\xdam\xa2M\x1a\xcdg\xbe\xf0\x0e\xe8r\x17\x18\xddA\x93\xc6\xf5\xf1\xa6~\xd2k\x8cR\xb9\xe3\x89\xbfxq\x0c\xab\xb1\x07q\x9aJd\xb4\xf0\x97\x82\xf9k\tf\x8a\xe4\xa82I\xe15Zc\xbe$*6\xdf\xa3\xa6\x18\x9f\x95 \x02Q&gt;V\xe7Y\xc6\xa1)iQ\xad\xae"\xd6\xf2e\x0b\x14M\x9f^\x84J\xe3\x85\x18*\x9dH\xd9_\xa1(j\xed\xe4\x1e\x8f\\w\x17\x04\xbe\x82\xea\xb3*\x9f\x81\xf4\xba\xdf\x95\xb7\x10\x05\x97_T\xe7\xb1\xc3c\xee\xdb:\xfc\xb6B!\xaa\xcd\r\xd0\xa0\'X\xd2H\xa1PC\x1fRhy\x7fTnZ\xe5\x7f\xebt\xb2JT\x17\x99\xe13\xc1\x00?t\xdb?\xac\xf7\xf4\xc1\x08\x17\xd5d\xbf\xcb\x8cv\x94\x9d\x02\x8aH\x0b\x9f?cu\xaf\n-\xc6&amp;\xab_`\xe9#\xb2\xf9\x03\xe7\x9b\xdd\x92\xe0!\x9c\xf5S\x88\xdby\xfc`a\xb9\xed,\xee[\xd2&amp;\xc5\xff\x0c\xb3\xfd\xd7\x8a\xd1\x03!\x99\xfe\xd9~\x07\xc5=\x06K#\xef6\xba\x99fIH\xae\x95\x06\x9b\xeaT\'\x8d\x8cu\xb0N\xe0u1\xbf\\\xac\x95:1xm\x89\xd96\xe11k\x1b:\x08\x9e\x80\r\xfe\xe5\\\xb7\x8f\x8d\xc5`M\xde\x84\x17\xa1\xb0\x1a\xd5\xa5\xa2\xd1\x9d5\n\x08\x84\xed\x8cs[;\x87\xdb\x17\xbf\x8b\x0e8\x05\xe0\xab\x17\xdf\xe5\xa1\xbbQ\x97Y\x93T\xa9&lt;\x97\xed\xb6%\xba\x9b9\xe6\xee7\xc2N\xcc\x17\'\xc6\xc1~\x0c\xec&amp;\x1c@\x1b\x85(\xc9g\x04\xa1\xbc\x8a,\xbby\x006n\x92\xf5\x13\xe2\xab\xe8D\xce\xe1\xe1YOE&gt;B\xdc\xf1T38\x85/W\x9ce\x14!\xca4\x86\x8e\xe38 \xe9;\xb8\xa0z\xab\xfa\xca\xd2\xf5\x9a3@0\xa4\xdd\xb1\x1b\xb6(_/\x92_h\x13\x86\x81\xb5\xffb\x9e\xae\xc8f\xc09Mp\x1cUe\xa9\x15\xfa\x1cgG)\xe5\xf0p\xc6\x9e\x1dU&lt;(\xdc\xe0\xe5P\xfcV\x0c\x17T\xaeXN\x00\xe0\n\xd6t\x07\x8e&amp;\xe6\x1cy\xebK3[-o\xfd\xe2\x02x7\xf7\xe0\x1b\xbeN2\xd5Y]1\x1atF\x91\x11\xedU\x98GF\xd3\xaf\xb7f\x00\xf3\x008jf\xe2\xd5\x9f\x17\x0c\xac\xbf\x88\xccs}u+N\xe0\xb9\x87\\\xa8\xaa\x10y\xf4\xbaX\xe9\tr\x87\xbd\xc4Z\xc4xm\xe3\xd42\x01\xc4\xba\xe7\xc8Oc~\x97:D\x96\x7fK\xec&amp;\x15Nt\xefpu\x95{K\x03\x8e\xe5\xad\xe3\x7f#I\xb3c\x00\x7f\xc6\xd3\xaa\xd8qUx\x9a\xa9\xc9\x0bc\x88t\xd7\x02c\xb7~\xf9\x96\xd6\x97#\xa7\xee\xed\\:\x06b1%\x87\x9cL\x99\x1488^\xb9\xe6.x{\xebZ\xb2\x04\xb1T\xd4W\xed}AU$\xaf\xa4\xebO\xc5\xd6H4\xf3\xad\xa7\x196c}T\xbc\xdc\xcc^\xc9eI6\x8fUT4%\x06\x80\xa0\x18\xcdF\x00\x12\x02HmK\xca\x81\x06\xad\xe1\xd0s\xf8\x16uvM&lt;\x13\x1d\xf0\xac\x10k\xdcrj\xa6n\xcb;\xa4MJ\xcd\x88p2\x11\r_tY\xfem\xc4\x99\x0f\x1b\xdcU\xebMc\x87 {\xd3I&gt;\x1b\x8d\x14\x0b25\xb4\xeaY\xe6\xbf\xb6w\x1f]\x16\x12\xffQ\xbb\t\xd9d\x7f\x94\xb0\x96B\n\x0c\xbfH\xc2\x8f\xa0\xafYS\xa4\x95\xb6U"\xc7\xa7\xc0\x84\xb7e\xc4|}\xa9\xc7\xbba\xf91\x9b\xf22\xee\x83\xa0l\xf4&lt;x$\x93\x8fL\xac&gt;\xdc\xc47N\x1fp.=vs\xaf\x8a\xbb?a\xabw\xaf\xab:o\xaa\x88\xa8\\p%\xe1\xfak\xfa\xda&amp;\xa4\x13\xebK*\xe4M\x04\xc9u\xfbd\xe4\xe6\xad\x05\xd0\xf7 \xa9@\xa9Fv\x15\x15\xb4\x8d\xa2\xc2\xc0e\xa1\\\xf7\x9a]\x11$AV\xc1\x90#\x0e\x84\xd3\x12\xf7T\xe3\x10\x96\x03*IJ\x9b\xf9\xf1G\xff\xa7\xd7\xf81\xab\x1d\x96\xa1\x11s\x9e'</t>
  </si>
  <si>
    <t>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</t>
  </si>
  <si>
    <t>b'\xdc\xc5Az\xc7\xf9\xe3\x05\x0c8\x8d\x10\x1a7\xdcE'</t>
  </si>
  <si>
    <t>ected to
 have found with you so agreeable a companion as this M. La Valâ€”, I
 forget his name.'
 Emily could no longer endure these cruel indignities. 'It was a just one,
 madam,' said she; 'and now, indeed, I feel more than ever the value of
 the retirement I then solicited; and, if the purport of your visit is only to
 add insult to the sorrows of your brother's child, she could well have
 spared it.'
 'I see that I have undertaken a very troublesome task,' said Madame
 Cheron, colouring highly. 'I am sure, madam,' said Emily mildly, and
 endeavouring to restrain her tears, 'I am sure my father did not mean it
 should be such. I have the happiness to reflect, that my conduct under
 his eye was such as he often delighted to approve. It would be very
 painful to me to disobey the sister of such a parent, and, if you believe
 the task will really be so troublesome, I must lament, that it is yours.'
 129
 'Well! niece, fine speaking signifies little. I am willing, in consideration of
 my poor brother, to overlook the impropriety of your late conduct, and to
 try what your future will be.'
 Emily interrupted her, to beg she would explain what was the
 impropriety she alluded to.
 'What impropriety! why that of receiv</t>
  </si>
  <si>
    <t>b"M/\x00\xe9\xa7\xbb\x0fz\xb8\xf4!\x85\xc8\x85p\xf3\xef\xcf\x86\xfaz(\x82q\xb4\x0eWm\xc6\xd5C\x94\x92}'\xcf\xea\r\\Y\xba\xaf\xe5\xe9v\x86o\x10\xce\xd3]\xedK\xa9\x83H$\xde_V=8\x94\x0b"</t>
  </si>
  <si>
    <t>4d2f00e9a7bb0f7ab8f42185c88570f3efcf86fa7a288271b40e576dc6d54394927d27cfea0d5c59baafe5e976866f10ced35ded4ba9834824de5f563d38940b</t>
  </si>
  <si>
    <t>b'M/\x00\xe9\xa7\xbb\x0fz\xb8\xf4!\x85\xc8\x85p\xf3'</t>
  </si>
  <si>
    <t>, but they
 donâ€™t create value for anything but your own ego.
 2. Forgetting youâ€™re in the people business. Remember, this all comes
 back to people. Youâ€™re not in the product business; youâ€™re in the people
 business. Launching products two, three, four, and five, and watching each
 one do well and snowball your revenue, is addicting. But donâ€™t let that lead
 you to simply throwing more and more products out there, chasing that high.
 It can divert your focus and set the precedent that your company is all about
 products first, customers second. You also run the risk that your customer
 will be equally distracted. As Moiz Ali told my attendees at one of our
 conferences, â€œWhen Native Deodorant got huge, there were a lot of people
 telling us we should do a toothpaste and a soap. But we were so focused on
 our one customer that we decided not to rush. We stayed in our lane.â€
 3. Making decisions based on algorithms. Iâ€™ve often seen entrepreneurs
 fall into the habit of taking their cues from algorithms rather than people. For
 example, itâ€™s common for business owners to look at internal metrics and
 make product decisions based on whatâ€™s already hot on Amazon. The
 temptation there is short-term cash and tapping opportunities just to bring in
 immediate dollars. Itâ€™s not brand-building. It doesnâ€™t factor in the customer at
 all, and your business will suffer. Itâ€™s like playing whack-a-mole: Fill this
 inventory, sell this product. Fill this inventory, sell this product. You might
 get fifty or more sales per day, but it wonâ€™t compound your existing products,
 and your snowball will never build. Only invest in products and ideas that
 can have a multiplication effect on your business, and avoid the incremental
 short-term wins.
 You Hold the Cards
 One thing I wish Iâ€™d known going into acquisition is tha</t>
  </si>
  <si>
    <t>b'\x1b\xee3\xe9s!=\xd0\xbf\x9a\xbf\xc4P\xe7\xce\xeb\x80\x06\xe2f`J\xb0\xa9\xec\xfb\xde\xf818Q\xbf\x10\x8c\xd0\xb63\x05\xe9g\xa3\x0f\x87\x89\xd9!Q"g\x04\x149\xbf=\xe2\x01,\x84\x91i\x161\x98oQ[\x04\xad&gt;\xb2C\x1a\xb1i\x9a\xa5\xe8\x05YJ9\xb7\xcf\xe9I\x81"\x15\x15\x92\xa2b\xd9\xf60T\xc3\xc6I\xd7\'\xf8\x9d4\x02\x0c\xac\x81?y\x977$\xb7\xb6\xc7\xa2\x13i\x92\xafA\xfc;\x0f\xf2\x84~x\'\x807[n\xe16\x91\xf4\x95\x83+\x7f\x8e\xdd\xe0};J\xebP\xd7\xab\x99\xb7\xf2\xf00\xe1\x9a\xa2r\xb7\x12[\xea\xa5;\x82\x05\xc2\xe7%O\x99s\x14\xde\x07~8\x83M\xdf\xc9&lt;VL\xf40-\xe7\xb8\x04\x18nc\xa3\xdeJ\xbe6\x99S\x10[\x95\xafm\x91G\xa3o(K\xa8\xe9\xe2\xd6\x1d\xd3\x04\x9f\xc3\xd0\x07\x11\x81\x0c\xd3\xee\x9c\x17\xdb\xfb\x88\xd01\xd5\xcdC\x11\x0ce\xc7\xfa\xceR\x98(\xf3\x19\xe6\xcb\t\x0fG\x93\xcdR\xa1i\x80\xbf\xc5\xa4\xd2\xc7\xf3\xfa:9\x8d+\xadX@\xb3\xbdn\x15\xdf\xf0\x97\xbac8n\xa8\x9b&amp;)\xc8\x8er\x7f\thF\x89\x9c\x10\xa6XA\x18\xb7sZ\xca;\xe6EJ\xaa\xaa7r\x15\ny\xb0\x93\xday.N\x1ap\x88\xdb\x86\x9b\xd5.}\xf1\x81\x0ca\xe4;{\xae\xaf,\xb0nSi\x01&gt;\x8b\xb3c\xf0\x15\x8a3\xb3\x9c\xd4\xd5\x15\xd8\x9c\x84\x14\xf72q\xd9IE$O\xcb\x862\xd5\x91\x10\x87c O\x8e\x97awp\xd2.\xe3\xf4\xbf\x0c\x9aO\x02\xc8\x9e\xc8`io\xd9\x00\x1f\x9f\x16\x0e\xd2\x89\xad\xecL\x0e\xa4#\xa2a\xcd\xeb\xea`\x05\xd0k\xa6\x97\xed\x98d\xdd\xc5d\xdc\xb9N\xf7\xf77\x9e~8\xfc\x0b\x1en\x8b\xd1o\xc8\xf0\xa9\'\xef\xe9\x1f\xc2\x8e\x00\x07j_\xfc\xc0\x84\xf3\xabF\x02\x8e\x12\xd8\xeb\x89p6\xc5\x15g\x05\xe7\xafa\xc7\xe3\xab\x98Z;\x8d3\x86\xf3\xdagG"\xaa\n\xfc\xef\x972\xcdXX\xed\xb8\xba(i\x01F\x95\x8f\x7f\'\x9fv\x88\xc2\xf5\xf5\xd2\x12\xed\x1fd\xd0\xd2\xa4V(C%\x1bA\xcc\xa9\xb5\xdb\xdc\xd0R\xc4\xe1\xe4\xd8%\t\x989u\xc8L\xe0:e\x03\'\x17\xde\x86y&amp;\xf9Vx\xfc\xa57\x1dw\x03\xe4\'ct\x97\x10*!\xe9\xde\xe0\x9e\xd0\xb0\x040\xf7\xfdL\x07\x96i\x02=#mo\xb0\xee\x82\xf1\xae\xbdus&lt;zs\x12+\x88\xd8\x87\xab\x93v\x92H\xa2{\x08\xd4\xe1"%\x8d\xcc\xab\x07z\xfct\xa4\x97\x1d\x9d\xfd\xd0\x8a\xbaF\xc8\xb8\xec\xbd\x8aW\xba\xe2\x98\xa07t\x08\xfe\xda\x029{\xe5\x00Y\xac\x16C#\x12\xe1\x08K\x13Q\xff1\xac\xab{\x8dc\x817\xcf\x84\rE\xdc\x91\x08\xdd{\xb8\xd6\x16\xf1Wq!\xed\xdd\xdb\x0f\xc99b! X6Aj\xd6H\x16\x06\x17 n\x0b\xfe\x17s\xdb\xa7\x9f\x82}\x97G\xfeYy\xc4&amp;\x87\x81\x9b1_\x0cL\xa1\xbcI\x01K\x1d\xd1\xeem\xbcb\x07\xfd!\xac\xc94\xc0\xdakL.(~\n\xe68\x8a\xa7\x99&amp;\xc5\xd2Z\x0fb\xd5\xd1X:\r\x9f\x11\xa7$;\x1f\xaf@\'\x08\x08\xa8M\x1a\x1d\x15O\x80$\x1b\x19r\xe1\xff\xe6\xab\xbc\xadq\x85O*\x11\xed\xfb\x07g.\x10\x1afa\xc5\xb8\xf7\xee\x89S\x93\x02V\xa4\x8b\xb3\x0c&amp;\xd6\x0cw\xebY\xec\xf5\x8c\xa9\xf8\xdaD\xca\xe0!od\xb8\xcb+D\xcdc\xda8\xd7\xd0&lt;e\x7fW\x11\xe5\x1b\r\x17\x8dV\x964\x16\xe6\xde\xcc0n[8\xbdh^q\x9b=\xa6\xcb\xa4\x86\xdb\x17\x11\x0ct\x0f\x14NZd3\xaa\xfa\x97#\xa8\xc3\xeeJ[\xc8?\x1c\x05\xab\x04l\xcd\xe2|\xb4\x81/Vq\x17\xfc\xbd\xae\xb2\xe8\xd6\x0bHqH\'\x97\xe5a\x1b\x1dWK\xc0t\xb6\x96\x1a]X_\x14\xa2,\xf0*\xe8\xa7\x88\xf6\xbc\t#)\x03+\xde!\x13$\xf6\xde\x8a\xbev\xe6\xb5\x1c\xa5C\x08\xc4\xe1\x17\x97L\x11\xb4\xcf\xf1f\x9e\xd1\xc6\x05\xb3G\xe8\x91&gt;i\r\xe0\x86\x99\xe4u\x90.\xe8\xfe\x07h\xca\xb1}R\x16\xd3\x82e\xf9\x16\x99\xb3\xb0\x91\xae7\x0eh\x99\xdfk\x1c\xfb\xcb\x978\xcdB\xbdxP\xeec$wG2\x8fp\xf9\xc3f\xfe\x17\xe3\xc3\x8f\xb13aq\x9f\xbfN\xd9)~/\xd9\xaf\\\xf3\xe8\x05\xe9R\xda\xf1\xbd=z"\r\\\xb3\x88\x0e\x8f\x89on\xf2/\xbb\xb6\xa8J\xea\xed\xb8\xb1\xea\xe2\xde\xb9,\xd7\x9a\xb2\x07O\xda\x0e+"0\xa2V\xd2Eb\xe0\xec\xdb\xefoN\xf3\x01\xee\x8b\xf0\xc5_6\x87_\x99&gt;q\'\xe7\xc4\xc1\xf6m_.\xe2zxt\xec\x83\xd0\xcc\xa9s\xc3I\x97\x9a\x7f\x9a\x9aWfX\x97\xba\xbc\x06\xec\xe3\xab\x12\xb4\x14\xd8\xd63^1\xadA)\xaf\x11\xffe\x85E\x95\x83HtS\x0c?O\x19\xd8H\x8c\x1c\xaf\xb8rU\x9f\x90\x8f\xa4\x11\xd1&gt;{yN\xf0\x15B\x12\x18\x80\xe5\x1a\xd1F\x81\xb4\xeeS\\\xd7J\xb0Q\x13Oq\xf4\xc9$\xa5_\xff\xbc\xdb\xe5\x0fV^z\x9cm#ef\xbc\xe7y2\xa9\xf2\xcc\xfe\xd7\xe8\x7f\x15K\xe0\x16\xdeR5\xd4A\x96\xf3&amp;\xf63\x98\x9f\xb9\x7fp\x94\x9c\x15I\xc8I&lt;C\xbf\x96v(\xa7\xf6\xc51\xc9y\xbe\x16\xe8\x07R\x93\x94\x82\rUvM\xb5:\xb9c\xd0:x\xac\xae#\x83/\xce=3A\xef\t\xc2\xd8\x1e\xe0^\x18(\xf5\xd1\x02\xa2Cw\x19-\xbe]\xb3m\xb4\x89\x8c\x8bB\x1fV\x86\xce\x06\xfb\xd4\xd8\xcf\xf0c\xf1"\xe8\xcb%\xc4\x14\xe9\xc1\xa9H-:\x0f\xd5\x9a\xb9q\xd3$\xc7i\xd5\xddy\x9a\xa2;\xb6\xe9\xa5\xcev\xb1\xc7\xf5\x07U\xbe\xe2\x01\x14\x94\xdbc\xe8\x05;\x17jP4\nVr\xac\xc6\xc8\xf2S(\xbd\xc3\xa3\xf1s\x93\xb3"\xea\x0c\xc6].\xa6\xb78\xba\xd7\xc2\xd6\xba\xee\xb7\xc5\x98\xd7\xe9y\xaal}L\x05\xc2+\xb6[p\r@E\x8c\xc9rm\xce\x9eN\xa9J\xaaG\xe2\xf3q\xe0\r"\x85/\xf8P\x17Vz\xb1\x02G\xe8\xad\xc3\n\x91\xe35\x05\xd3\x12y\x97\x87W\xfe)\'\x89\x80\xe8G\xcf(\x9d\xd5\xda\x10\xa5rq\xae\xe8\x03\x02\xe4\x19$\xa9\xf1\x18\x88\xb5\x17\x14\xbcC \t\xf2\xfcIqm##X\xa7\xdf\xbe\r\x827\xf4\x98\xb4\xae\x14\xcfu$\xd3PK\x87\x7foL\x0e\x1b\xb9\xae\x8c\xd8~\xcf\xe4\x902 \xef(\x07\xb9\x8eU\'\x9eW\xc7\x85\xfc\xef[=e\xf7\x154\x08\x81\xdd=\x84^\x18\'\x85Q{[\xf5\xa8\xf0rF\xf0\xbb\xce\x1c\x8c[\x18\xcc2\xe2\xae\x04\xbd}`\xc1\xa4\xa9\xca\xc9\xcb^\xf4\x0f\xa4\xf1y&lt;\x0c\x8c\xb6\xee\x87\xc7\xd0\xf1O\xd1\xb4\xe0\xd7\x93u/)\xfb\x81\xf2O\xd7g\x05\xdfF\xae$&gt;\xc6\x91\xad\xf6\xc4b\x8a\xa6k\xc7\xb5J\xfe\xd5\x80EC-\xfd\x9b\x1b\xb7\x94\xd7\x1fAVVV\x96j\x0c7\xc8\xe6A \x1b\x08\xbf\x1eR\xfe\xfb\xa3B&lt;XG\xc1\xd8\xf9\xffe\x1e[\xdc\n\x8fTKtr9\xf0\x87\xa7\xd2\x08\xbc\xf7\xd7\x86g\xeb\xc4I\x93f/O}F \xab1\xb2\xb6\x0c^b\xc8~\xa4\x1d\xfb1g\xed\x05\xd4\x9a\xd4\xca\xa4[@\x84\xf1:\x1aK\xf0B\x81\xe0\xaa{\x94\xef,?\xba\xb0\xb4\x80.\xc9S\x133\xc5\x7f\xed]\xdb)\xa1'</t>
  </si>
  <si>
    <t>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</t>
  </si>
  <si>
    <t>b'\x1b\xee3\xe9s!=\xd0\xbf\x9a\xbf\xc4P\xe7\xce\xeb'</t>
  </si>
  <si>
    <t>not lose an hour, if you respect me. 
 Let young Hawkins go at once to see his 
 mother, with Redruth for a guard; and then both 
 come full speed to Bris</t>
  </si>
  <si>
    <t>b"G]\x17\xdc7\x99\xd8\xf0Um~O\x8c\xef:@\x15U&amp;K0&amp;\xff\\\xe9\x16\x81\xf3-V\x90\xca\xb3\xaa\x18\xc8\xc1T]\nf8\x1c\x83\x0f=E\xa7|\xe6H\x12N\xb2=\x85\xa9\x99\xc3\x9d\xdc\x8eTY]\xa3\xf80\x86\xb20\xd2p]\x92\x95lc\xc6s44\xf5`\x93\xae\xdd\xde\x7f\x00\x9c\xf9(PC\xa6\xa8\x82ke9\xe3\x04c\x0c-1}n\x10\x95\xa3\x18\xb6\x85\xcf\xa0S\xeda\x88\x9ej\xdd\xf5\xd0\xda\t\xc8$\x92\x02\xf31\x9dE@\x00\xbf\x0f\x07\x98\xd1\x01k\x8bq\xe7\xd9\x96\xb19\x8cv\xf8u\x04\xc6\x03\x85\xbe7\xff\xdff\xdaZp\x10sog\xf2\xf5o3\x1f\xc3Pe\xa9\xab\xf8\xac\x07\x1b\xc6-mC{\x1ce\xd4pl\xa1\xaf\x06\xf9i*\x8b\x96\x05x\xa0&gt;E\xd76\xfeO\xe7\xe1\xbe\xbc\xf7w\xb0\xab\xdfar\n\xcd\xa8\x8b\xcb\xa5J!SA\xc2\xc0\xf4\xc6p\xa4\xe5\xc6X\xff\x0b\x14d&gt;\x1c\xb2\xef\x1c\xf4\x9d\xfdy\xbe\x8bfq\xa3E\x1f\xc1\x9e\xc7\xfb\x01u\x057\x85\x84\x11\x17\xec\xc4\x10\xd2Q\x19\xd7C\xda\x17\x97\xb3y\x86^\xbfN\x99\xe2\x10\x1a\xb0&lt;D\xcc_+\x80\x8b[s\x0e\xf3,,U\x99hp\x10\x13\xeb\xf8\x0fm\xb4a\xaau\xc1\xabE&gt;H\x11V\xea\xce\xa2$\x9b\x9e\xff\xae\xb3\xdazv\xa8\x16\xb9\x17\x00\xfe&gt;\xdePg-\x06j\xc3\xe1\xf5v\x1d'kX+\xd8\xe1\xa2&gt;\xf0=\x1a\x00\xc6\xd7R\x16\xdf\xc6f\xb1}X\x1d0\x0e\xa8Y\x06w&lt;b\xffd*\xfaI\xa9\x15!\xd8z7p/\xf2\xd2\xc2\xe9\xc8\xd8\xce\x02&lt;\xe9s\xd0g\xa7M\xe6ht2\x1c\x96\x00\xef\xa8dIi\xdd\x8dS\xb1\xf3\x8aQcQ\x9dJ\xa7\xeeK\x18\xc2\xc0\xf7\xc3\x05\xc3%\x9d\xd3p0\xdcz\xf3\x92\xea\xe2@\x8e\xf81\xe0y\x1f\x0e\xc6\xd2\x07e\xc2\xb1$\xe7%;(\x99\x81\xaaq-\xe3\xb1h\xdf\x905\x8c=\x0eKoE/aO\x9c?-\x93\xed\x0e\x8e\x7f\xca"</t>
  </si>
  <si>
    <t>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</t>
  </si>
  <si>
    <t>b'G]\x17\xdc7\x99\xd8\xf0Um~O\x8c\xef:@'</t>
  </si>
  <si>
    <t>e than 200 diagrams are accompanied by descriptive captions that reinforce the discus_x0002_sion in the text and help the student in reviewing the material.
 Learning Goals
 A list of essential concepts sets the stage for each chapter in the book. These learning
 goals help students assess their mastery of the material.
 Summary and Key Terms
 Each chapter closes with a summary recapitulating the major points. Key terms and phrases
 appear in boldface type when they are introduced in the chapter and are listed at the end of
 each chapter. To further aid student review of the material, key terms are italicized when
 they appear in the chapter summary.
 Problems
 Each chapter is followed by problems intended to test and solidify studentsâ€™ comprehension.
 The problems range from routine computational drills to â€œbig pictureâ€ questions suitable for
 classroom discussion. In many problems we ask students to apply what they have learned to
 real-world data or policy questions.
 Further Readings
 For instructors who prefer to supplement the textbook with outside readings, and for
 students who wish to probe more deeply on their own, each chapter has an annotated
 bibliography that includes established classics as well as up-to-date examinations of
 recent issues.
 Student and Instructor Resources
 MyEconLab is the premier online assessment and</t>
  </si>
  <si>
    <t>b"0D\x02 N\xf4\x9e\xdb\xa26\xc9W\xc7i3\xe5h\xb9l\x7f\x17\x13\xc5R[\xd4\xe7\xad4K\xaa*'\xbfQ\xee\x02 V\x9b&amp;\xbex\xad\xf4\xc4\xaeN\xc7\x06\x1d\xcdryDZ-\x86\x81n\xf4\xea\xa5\x84\r*\x17C\xa9~"</t>
  </si>
  <si>
    <t>304402204ef49edba236c957c76933e568b96c7f1713c5525bd4e7ad344baa2a27bf51ee0220569b26be78adf4c4ae4ec7061dcd7279445a2d86816ef4eaa5840d2a1743a97e</t>
  </si>
  <si>
    <t>b'0D\x02 N\xf4\x9e\xdb\xa26\xc9W\xc7i3\xe5'</t>
  </si>
  <si>
    <t>I by a fool; it is very hard." We both felt in ourselves that we were not what we had
 been. However, that did not spoil the pleasure we had in each other's company; we did
 not gallop about as we once did, but we used to feed, and lie down together, and stand
 for hours under one of the shady lime-trees with our heads close to each other; and so
 we passed our time till the family returned from town.
 One day we saw the earl come into the meadow, and York was with him. Seeing who it
 was, we stood still under our lime-tree, and let them come up to us. They examined us
 carefully. The earl seemed much annoyed.
 "There is three hundred pounds flung away for no earthly use," said he; "but what I care
 most for is that these horses of my old friend, who thought they would find a good home
 with me, are ruined. The mare shall have a twelve-month's run, and we shall see what
 that will do for her; but the black one, he must be sold; 'tis a great pity, but I could not
 have knees like these in my stables."
 "No, my lord, of course not," said York; "but he might get a place where appearance is
 not of much consequence, and still be well treated. I know a man in Bath, the master of
 some livery stables, who often wants a good horse at a low figure; I know he looks well
 after his horses. The inquest cleared the horse's character, and your lordship's
 recommendation, or mine, would be sufficient warrant for him."
 "You had better write to him, York. I should be more particular about the place than the
 m</t>
  </si>
  <si>
    <t>b'\x81:\xc0\xa0\xee\x81&amp;\xab'</t>
  </si>
  <si>
    <t>813ac0a0ee8126ab</t>
  </si>
  <si>
    <t>luck, of course, the first chance I have. I'm bound I'll be good, and I see 
 the way to. And, Jim"â€”looking all round him and lo</t>
  </si>
  <si>
    <t>b'\x99\x8eG,G\xe1U\x07\x8e\x94\xc3\x81r0\x1c\xc7\xc6\x9c=0{\x88\x12Q\xaa\xe0\xdd!\xd8\x9b[c\x98;\x04]\xd8\xa2\x15\xed\xb6:E\xb4M:\xe4]\x97R$\xc4}\xbd\x0b\\\x8b\x9b\xaf\xa6L\x97\x99\xff7\xc1\x91S&gt;\xf9w\xab\xa0y\xa7\x18\xe6U%\x8f\xaal\x92O\xf3\x86\xe7Oh:\xe5\xee`^\x089\xb7\xa8X\xe6*6\xc5b\xfa\xc9\xa4\xf9Q\x90I\xed4\xe0Xq\x05\x99\x05&gt;N\x14\xe12b\x0be\x1b\x14$="\x84\xc8\xd3Z\xfa\x9fe~k\x17G\x01\x0e\xe6\t\xec\xfe\xbdS\xab\xd3\x17\xc92\x81\xb3\xab\tM6T\xe5\xd4\xc5\x8eE\x02&gt;e\x17\xf4\xb9\xdd~x3z\x01t\xb4k\xa4\xeb\x86J~\xc7\xa7cBY%9\x06\xf7\xf4\xd4\x1f-\xff\x81J\x13K)\xd9\xeb\x83VSR\xfbhF\xe8\xf6R\xc8X\xde\x1d\x87=(\x922)\x1d\t\x81\xa3\n\xd9\x10Y\x00\xd2\x8e\xc9\x1a3R\xad~O\xe7n\xcd&gt;\xceb\x99\xe9\xbe'</t>
  </si>
  <si>
    <t>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</t>
  </si>
  <si>
    <t>b'\x99\x8eG,G\xe1U\x07\x8e\x94\xc3\x81r0\x1c\xc7'</t>
  </si>
  <si>
    <t>lasped in the arms of some person, and heard a deep voice murmur in
 her ear.
 When she had power to speak, or to distinguish articulated sounds, she
 demanded who detained her.
 'It is I,' replied the voiceâ€”'Why are you thus alarmed?'
 She looked on the face of the person who spoke, but the feeble light, that
 gleamed through the high casement at the end of the gallery, did not
 permit her to distinguish the features.
 'Whoever you are,' said Emily, in a trembling voice, 'for heaven's sake let
 me go!'
 'My charming Emily,' said the man, 'why will you shut yourself up in this
 obscure place, when there is so much gaiety below? Return with me to
 the cedar parlour, where you will be the fairest ornament of the party;â€”
 you shall not repent the exchange.'
 Emily disdained to reply, and still endeavoured to liberate herself.
 'Promise, that you will come,' he continued, 'and I will release you
 immediately; but first give me a reward for so doing.'
 'Who are you?' demanded Emily, in a tone of mingled terror and
 indignation, while she still struggled for libertyâ€”'who are you, that have
 the cruelty thus to insult me?'
 'Why call me cruel?' said the man, 'I would remove you from this dreary
 solitude to a merry party below. Do you not know me?'
 Emily now faintly remembered, that he was one of the officers who were
 with Montoni when she attended him in the morning. 'I thank you for
 the kindness of your intention,' she replied, without appearing to
 understand him, 'but I wish for nothing so much as that you would leave
 me.'
 'Charming Emily!' said he, 'give up this foolish whim for solitude, and
 come with me to the company, and eclipse the beauties who make part of
 it; you, only, are worthy of my love.' He attempted to kiss her hand, but
 446
 the strong impulse of her indignation gave her power to liberate herself,
 and she fled towards the chamber. She closed the door, before he
 reached it, having secured which, she sunk in a chair, overcome by terror
 and by the exertion she had made, while she heard his voice, and his
 attempts to open the door, without having the power to raise herself. At
 length, she perceived him depart, and had remained, listening, for a
 considerable time, and was somewhat revived by not hearing any sound,
 when suddenly she remembered the door of the private stair-case, and
 that he might enter that way, since it was fastened only on the other side.
 She then employed herself in endeavouring to secure it, in the manner
 she had formerly done. It appeared to her, that Montoni had already
 commenced his scheme of vengeance, by withdrawing from her his
 protection, and she repented of the rashness, that had made her brave
 the power of such a man. To retain the estates seemed to be now utterly
 impossible, and to preserve her life, perhaps her honour, she resolved, if
 she should escape the horrors of this night, to give up all claims to the
 estates, on the morrow, provided Montoni would suffer her to depart
 from Udolpho.
 When she had come to this decision, her mind became more composed,
 though she still anxiously listened, and often started at ideal sounds, that
 appeared to issue from the stair-case.
 Having sat in darkness for some hours, during all which time Annette
 did not appear, she began to have serious apprehensions for her; but, not
 daring to venture down into the castle, was compelled to remain in
 uncertainty, as to the cause of this unusual absence.
 Emily often stole to the stair-case door, to listen if any step approached,
 but still no sound alarmed her: determining, however, to watch, during
 the night, she once more rested on her dark and desolate couch, and
 bathed the pillow with innoc</t>
  </si>
  <si>
    <t>b'\xf8~`~J\xbd\xac\xf2\x8c7\xd6\xac\x0b\xd1\x97\x9a\x9e#8\xcc\xbdu Pry\xd5\xd5\x03\x88[\x17\x82}\xaa\xb4\x97(\xa8\x04\xc1\x88\xef\xf9\x07\xf8\x0b\xfd\xc1\xf7\xa9\x13z\xa3\x0e\x0c\xb4\x19\x80\x07\x8fB\xa3\xb4'</t>
  </si>
  <si>
    <t>f87e607e4abdacf28c37d6ac0bd1979a9e2338ccbd7520507279d5d503885b17827daab49728a804c188eff907f80bfdc1f7a9137aa30e0cb41980078f42a3b4</t>
  </si>
  <si>
    <t>b'\xf8~`~J\xbd\xac\xf2\x8c7\xd6\xac\x0b\xd1\x97\x9a'</t>
  </si>
  <si>
    <t>d talk. See ya later!â€
 And he was off to the next conversation. In that brief interaction, though,
 heâ€™d changed the course of my entire life, because the random kid heâ€™d
 pointed out to me? That was Matt.
 I think back on that moment all the time. Travis barely knew me; what
 did he have to gain from staying up all night to talk to me or make a lifechanging introduction (not that either of us knew that at the time)? He was
 far more valuable to me than I was to him.
 But thatâ€™s the point: Travis wasnâ€™t in it for the value he could get. He was
 in it for the value he could create. He saw what I had inside: the deep
 conviction that entrepreneurship was the passion I was willing to sacrifice
 for, and that I might be a good horse to bet on.
 I donâ€™t remember anything else from that conference. All I remember is
 that I met two people: Matt and Travis. Travis would become my mentor for
 the next decadeâ€”although he says that weâ€™re more like brothers at this point.
 Matt would become a good friend and, five years later, my business partner.
 He would be right there with me as we developed, tested, and proved the
 method I taught you in this book.
 From the day we met, Matt and I shared that deep, dedicated drive to be
 successful. Through five years of ups, downs, wins, losses, successes, and
 failures, we kept trying. Iâ€™ve heard people say that the definition of insanity is
 doing the same thing over and over, expecting a different result; to me, thatâ€™s
 just the definition of an entrepreneur. The only way you can go from hustler
 to entrepreneur is by going all in. And if youâ€™re having trouble making that
 choice, maybe you need a swift kick. Matt and I each got a big one that ended
 up pushing us all in. After five years, we were close to giving up on building
 anything â€œreal.â€ Then our motivation arrived, one by one, in the form of two
 plus signs.
 My plus sign arrived on my twenty-sixth birthday, more than half a
 decade after the conference where Iâ€™d met Matt and Travis. It was my
 birthday, and my girlfriend and I had tickets to the Austin City Limits music
 festival. We had a big breakfast at Kerbey Lane Cafe and then went back to
 her apartment to change.
 â€œIâ€™m a day late,â€ she casually said. â€œJust let me pee on this stick so I can
 drink with a clear conscience.â€
 Long story short, we</t>
  </si>
  <si>
    <t>b'\xb1\xb6\xd7`\xbf\x8f\xf3\x9dZL\x8d\xed\xee\xd5\xc5\xb51\x1c\xa3\xfe.\xb7bo\xf9j\'\xdd*\x8c\xc4\xa3&lt;\x92\x07\x03\x0f\x1c\xeaMW\xa6\xd5z\xfe\x81{\xea\xb55\x93\x0e*af\x0f\x9a\xf6\x95\t=\xa6\xe3\xc3\x19%XY\x1f\x93\xee\xe6?\xc1\x88\xb6\xdf\x1a\x03\x08R0\x1d\x86.\xe7\xea&amp;(\xccr\xad\xd4\x860\x1f\xe0]\xec\x0e\x05\xad\xb2JW\xf2#\x99\xceBV\x80\xe4\x1f:NAY\xd8TpR\xc8Hi\xa8\x8e\x91^\xf7N\x7f6\xd3\xa8\xc4\xa9\xe47A\xf0\xc3\xdc\xf6&lt;\xe8\xe0*\x082z\x9c\x15\x92\xdd\x7f\xa9\x8b\x07\xa3\xab+\xd1\xad\x01\x8d\xd8\x86*\x97\x86?u\xdd\xe4\x9b\xb1\xcdi\xa5T\xcd\xc9d\\\xe5\xe9K:\xbaz,\xd3\xea\xee\xb2\xa2-mv\xd7\xbd\xfe\xcc\xb8\xc6\xf1&gt;\xec\xdcS&amp;\x93\xa8&amp;\xec\x7fk\xd6\xe5\xa9\xd9\xe1\x9a}\xd9\xa3\xd8\x1a\xba\xfe\xcb\xd0\xf4by\n\xb1\xa85\x08}\xb7\xbf\x10?\x11-_\x8d\'\xfa\x1c\xed\xd85\x99b=\xbbv\xc2\x17\xb3\x13,\x95\x81\x80\xd7\xfa\xa6/2\xc0\xcf\x1d\xdb\x83\xe8:a\xfbT\x11w\xeckD&gt;\xf4t \xea\x0f\xf8~M\x9eMo*\xc1y\xb2\x80%Iv\xcc\xf1\xeadC!\xe5\x18|\xc9\xc9\x7f*X\xb0exe\x8b\x98t\xc9\xa5\x0bOJ\x06\xdb\x941\x9do?\xefSl\x95\x06O\x84\xd5\x08\x7fu\xa6h\xe2B\x85U\x99%\t\xc1.m\xc2%\xd5\x0fR\x13\x814\xb2=\xf7\xb9\x89y\xe4\x96\x14\x92\x19\x9a\x8b\xb5\xce\x92R\x07nT\x92\xa4\xfb\x06\xe91K\x88+\x10\x9f\xf7\x01\xd1\xcc\xea\xae\xb8&gt;\xe8:\xed\xdf$Z\x00J:B&gt;E\xde\x02X\xc6\xdaX\x95B\xf0\x0f^n&lt;\xadx\xfb\x15\x99\xfa\xa0\xff\x81\x98\xa2\x11\xa8\x8e\xfd\x91\xfdw\xb5B\xe89\xc4\'\xa4\x1c\xf6Cuq\xd0\xb4{s\xeeY3/z\xcb\xc6\xc7\xb2\xe4\x0fJ\x17\x0b\xff\x7f\xe0\x910\xd4z\x1a\x86R!]sM/\xa4\xc3SWd\xc2\'\xb2\x87\t\xd5b\xf6PG\xb3\x879B\x1f$\xc5\xcau\xb8V}BY\xe3aA\xeb\x82&amp;c\x8b\xf2\xf9\x95%=2\xa2\x0e\t\xed\x10\xc2\xdeX\xc7\xfe@\x0e\xb2\xb4\x0cu\xb4\xf2\x14Y\xdfM\xcb\x00\x0b\xd7l-\x88\xc4\xb9|?\xb5\xf0\x08\x7f\xb0e\x02*\xb6\x08F\xd8\xa9\xd6\xd9\x81\xe7\xdf\xb6\xea}2\xf9\xcd]&gt;=\xd7\xf2\x98@\x1a\\j\xe4\xe9\xe0\xf8\xa1\xc6\x03\x12\x1e\xdb\x95n\x9ax:\xf5\xd0\x85\xf1A\x1b\xfc\xbd\xc6-\xd1\xc7U0\xa8y\xcb:A\xa2\xc9o\x0e\xcf1\xae\x9d\x02\x07]av\xdds\xcaL\x8a\xe3\xceu\xfd[\x86\xed{}:wVo\x8em]ZN\xeaV\x9co\xf8|\xa3\xf4\xbeIzB\x17\xa3\xdal\xe5\x93\x18`\x03\x8b\xec\xa4)\x8a\xd4\xf3\x13\xe9\x82\xddj\x08\xabN \x04\xea\xdf8\xd80\x92\x8e\xf4\x84\xa9\x8f\xca\x14\x0e\xbe\xee\xa1\xc5\xc2\x1d\x15V\xd9\x8a\xba:\xbb\xebP\x95\xb7\xc9=\x87\xe0\xa0u\xc0s\xb7\r\xe5\xfe7A\x17\xbds\x18gql\xe9\xec`\x7f\xae\xe8cKV\xc2"y\xba\x85R\xc5\xb7G\x99\xfdz\x8ezd+\xde\xd4| a3\x1a\xcb\xf7\xeftzj"\xb9\xd5v)\xc2V\xa9oF\x8bH\xec!~\xad8\x82l\x18\x13\x19j\x1ft&amp;*\xd4\xcb\x0bn\xfd\xe3\xd8\xff\xc0\x07\x00\x12a\x0b\xb5|{\x12\x95V\xc5\x86XU\x84\x15:Vr\x1b\xcc\xd9\x19z\x9bz\x17\xaf%\xacCQy\xa2\xde\xa8\xc3\t8\xb87\x1c\xb4 D\xbf\xae\xe6\xbbK2W\xa3"\xe2\x83q\x05\xa4\xd4\xb1I\x06\x95\x9e\x83\xeb\x9b\x16\xd5\xf0Q\n\xc4KW\xd4\x8e\xfc\xc9\x8f\xd8\xeb\xd1s\x0e&amp;[R;\x0fx\x9eq\x1fgE|k\x8dXhE*\xe4e9\x9f\xc5\xfe\x18r\xddqW\x85W\xf4\xcc\xc8\xa5l|\xea\xac\xe1\x88Q\x8c\xb1\xff\xe7\xc4\x13S\xfb\x988@fu/|\x9f\xb0\xfb\x81\xdc\x96\xae;\xc0\xf0\xc4\xbe\xb1\xcb_\xd6&amp;&amp;\xd3P@C\x19\x7fpd!\xd4\xa5P\xf1\xcc[ ~\x93\xab\xed\xc1\xd7\xbc\xfc\xfb\x97\xf1\xfb?v\xf3_\xe6\xa8\x9e\x0e\x1fJ\x8az\xf7\xff\xea\xbc]\xa9\xf3\xcc\xbcZ\x84j\xd7.m\x87|\x80\xc7q(Z&lt;\xc5\xc2\xf8{PVA\xdb\x04)Zw1\xf6\xf8\x80\xa6m\xba\xd7%\xc9\xa0:A[\x80\xda:o\x86a\x7f\x96\x04\x81W\x83\x07\xee\x96\xbb\x12:\x12\xe5\x1c\x83\xf9\\:_\x91I\xc9n\xf3\xf9\xa3+&amp;\x9b\xedP\xb3\x96t\xf9\xc6|\xc3\xc3#\xea\x7fj\x1f\x81\x13\x05\xba\xc1\xc9\xceD\xe0KIV\xb7\xf0\x81?\xba\x03~r@\xc6[\x92\xf7u#\x9c\xe8=\xc2\xb0\x91\xa1\xc6\x13\xbe\xa1\x84\x0b\xd3\x10\xe28T\xdd\x97\x99\x93\xc1\xeb\x95E\x17\xd0Hi\x96\x8d\xa0\xe5\x08\xf6\xf1\x8a\xd7\xb4\x0c\xd6\x1c\xca\xe0N\x91\xa2\xfc\xdc}\xcb\xe4\xd3\x82O\xd5\x9b\xf1\x9cwW\xcbfq\xd9\xec\x8b\xcch\x9d\xee4xX-\x05"\x15#m\x1c\xb9\xc7\xa9\x86\x1b!\xee\xbf\x85\xb4gj\x0e\x1a\xcf\xbe\x9d\x90\xa4K\xab\xd5\xea\x1c\xb3rOrT\xe27G\xa6\xc3\xd6\xda\x8a\x11s\x8b%\xd6\xcb$\x8b\x84\x93 \xcf\x0e\xbf\x13A&lt;\x91\'_/\xfa\xa3s\xae\xf1\xc8\xd1\xc3W\xe0k2\x9902\x08\xaf\x96\x92-[\xaa\xdf\x04\xbc\x90\xed\xb1j\x8c\xaf\xfb\xaa\xc5(\xd1-\x90&amp;R\xdb`4\xb3\x87\xee\x9a\xa5Ms|9Y|\n?!\xacI:U\xd8R\x8f\x8d\xa6)\x1f}\n2\x80\xd93H\xe0\xccGF\x1d\xb1\x04w\xc0\x1e\x12FY\xc5U7\x88\x8cm \xe2\x81\xfd\x9e\x9e\xb2\x06.[A\xa8=\xe3a\xb5v\nt`\x97\x11B\xce5\xefd\xec\x07$\xc9\x02\xd6\xf5Ah1\x9879\xf6J\x0c\xc4\xac\xc6\xe0&lt;\x90Q\x92\x83\xe5\xd3I\xb2\xe2y\xec\x8ekqH_\x16\xba\xe6s\xac\xe0\x0f:\xe3\x97FP\x91\x9c\x9a*\xdc\xbbr \xd2n\xbc\xe3.\x08\xbd\xa2LC$\x0eVq\x88\x07\xac\xb4\xcfK\xf5\xa4\xef\x92\xe8O\xceK\'X"\xea9Z\x8fz\x02\xa6\xfc\xf4&lt;\x82\xed(\xe3\xb5I\xb2Li\xa1\xb4\x9c*`I\x12\x12\x1a\xb8\xc3u\xdf\xab-\\PT\\\xc0E\xc5C\xb2\xabE0\x0c.\xc97o\xbe@d;pr\xc6t\x12\xc5\xadR\x0c&lt;y\x1e\xfb\']\xf1&amp;6[\x01\x83\xcaD\xc7\xbc\xbb\xfa(\x83\x0c\xb2\x18\xa5O\x11\x96\xbe(.\x80qG\xae&amp;kv\x14\x85E\xf1O\x11F\xa0\xc2@(\xd6\xbb+Z\x18\x18\xe3\xdb=\x8f\x1ei\x81\xf9\x7f\x0f\xde\xecJ\x88qT\xcc\x0f\xd8\rIP\xf1\\\xbdcd\xddA\xc2\xa7_\xc9\xa8\xbc-\x9f\x04\xf8\x8a\x9e\xa2\xeb&gt;F\xbe\xe1:\xfb\'\xfd\xa1\xd3\xd4\xa44s`\xf5tZ\x10\xa3-\x94\n\xf9HO[\xf2\x8f\xcf\xf4s9\x07\xa1c\x82\xc1I\xf4\xfd\xa39\xd6\xbe;\xd9\r\xf5c\xb5\xe5\xf7vqp\x96\x90\x04y\x7fi/,\x96\x1e\xb7\xf9Z\xfe\xcd\xa1U\xde\x1b\xcf\xc0\xf8\xc3+A\xa8\xd6$\\O\x9b\x9a\xefHV:\xc5\xb6Gl\x18Ai\xf6m\x81\xf8\x1e\xf7\xd2KS#\x8dLg3\x97\xecH\xcc\xf5\xd9\xda\x801\x1e\xb9\x96\xee\x0f\x12KW\xdcH\xad\xa0\xe1\xcaQ;\xf9\x83R\x06\xf2mT\xed\'d\x8a*b\x1b\xd9\xe8\xb0\xa3\x9c\xc3\xbfss\xad\xb5\x03$\xf5\x9f\xd7\x1d1\xba\x82~T\t7\xff\xd5\xac\xee\xfd\xbd&amp;\xe8[\x1e\x8f\xf5\x80\xe9VH\xf9Kw\x8a\xc1s\xcdq}\xf4\xac\xc2\xb5{C\x9cf\x17\xaa\x95\x9fL\xa3\x96V;\x03\xb7\xc0\x1f\x0c#K\xc9y\x87\x92*\x80\xc4{\xbep\x10\xe8:o\x01}U\xd3x\x83\xcb\xc7\xc3&gt;\r\x8d\xb1\x8a\xdd\xed\xfd\xac\x88~\x01\xe3S\xd0\xa8\xef\x85\xc9\xef\xa9\xbb\xec-\\\x0bS\xd8q9T\xdc\xa4V\x11\x93\xc0b\x84b]\xa1*\xe2j\xe0+0L\x8b\xa6\xe0p\x9bP\xfc\xaf\xa4\xfc$%\x7f\xbb\x969\xcb\xf2\x04\x04V1sh\xecwB\xeb9z\x85\xb5C\xa8C\x9f\xf5\x9e\xa6\xf5\xf9\x96|\x1c\xc1]W\xdb&gt;o \x9e\xf0\xd1\xee\x062"\xee\x94\xec0z\r\x1e^\xef\xd7b\x0b\x0f\x94\x1bK\xdeD\xb2\xc6P\xc3XYz _\xa5\x18\xb2\x1e\x90\xda-\x9405\xed\xdd\xcd\xedY\xb9*g\xb9\xcf\x1f#.\x83h\xf7\xe4*ocQ\x9dtY+:\xc8\xa8\xd8\x8fr\xfa\xb1\x04\xa18\x8b\x02\xc0\xc89(\xc4G\x93\xe5\xbc\xea\xa7\xac:\xea\xdb\x83\xf5Rw\x07\xdev\x0e\x06\x9b\xbd\x03\x98d\x15\x1e?\x8d}\xa5Y5C\\3\xf3\x146\x80\xb5\xd7Wh\xad\x14O\x04.\xb2\xb5\xc2\x04\xda\xd9p\x04\xef\xbf\x8c\xe0\xfc\xf3\xc8\xaeYk\xf3\x8c\n\xac\xbe-U\xe4m\xd3a\xe2\x95\x86\xaf\x1f\x13B\x0e/8\xf4\xb1\x05H\x99\xfd\xd2\x82kdJ\x0bW\xaf\xb0\x0eT~\xb9\xd5\xb3\xd9\x16@^\x8f\xe6\xe1/\xd3\xca\xca\xe8x\xa5\x9c\xad\xf6\xd0e(=\xdf\x10\x00\xf5\xfe\xb7.i\x05e\xae\xde\x102&lt;\x9c\xc3\xfc]\x1bZ\x8f\x99U\xcd\x1c\xb9\x83\xaf\xaff|T\x14\x8f}\x81)\x08\xf7{\x0bB\x83\x01\x14J?\xdb&lt;Qy\xcbq\xf9\xf1\xd5\x83\x8b\xd4\x11\xdcG\x7f\x83\xb1\xd1\x8d\x0b\x96&gt;M\xe7\xc0\'~\x84\nv\x93\x0c\x9e3\xf1\x81\xee\x93t\x16'</t>
  </si>
  <si>
    <t>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</t>
  </si>
  <si>
    <t>b'\xb1\xb6\xd7`\xbf\x8f\xf3\x9dZL\x8d\xed\xee\xd5\xc5\xb5'</t>
  </si>
  <si>
    <t>s family, however, pressed to
 see her; and, as the circumstances, that prompted her wish for solitude,
 could not be explained, there was an appearance of caprice in her refusal,
 which she could not persevere in, without offending the friends, whose
 esteem she valued. At length, therefore, she returned upon a second visit
 to Chateau-le-Blanc. Here the friendly manner of Count De Villefort
 encouraged Emily to mention to him her situation, respecting the estates
 of her late aunt, and to consult him on the means of recovering them. He
 had little doubt, that the law would decide in her favour, and, advising
 her to apply to it, offered first to write to an advocate at Avignon, on
 whose opinion he thought he could rely. His kindness was gratefully
 accepted by Emily, who, soothed by the courtesy she daily experienced,
 573
 would have been once more happy, could she have been assured of
 Valancourt's welfare and unaltered affection. She had now been above a
 week at the chateau, without receiving intelligence of him, and, though
 she knew, that, if he was absent from his brother's residence, it was
 scarcely probable her letter had yet reached him, she could not forbear to
 admit doubts and fears, that destroyed her peace. Again she would
 consider of all, that might have happened in the long period, since her
 first seclusion at Udolpho, and her mind was sometimes so overwhelmed
 with an apprehension, that Valancourt was no more, or that he lived no
 longer for her, that the company even of Blanche became intolerably
 oppressive, and she would sit alone in her apartment for hours together,
 when the engagements of the family allowed her to do so, without
 incivility.
 In one of these solitary hours, she unlocked a little box, which contained
 some letters of Va</t>
  </si>
  <si>
    <t>b'\xe8\xbe\x11O\xa4\x1b%\x10\xc1I\x96\xe4|\x88\xca\xcf\xccz\xfc}\xbe\xe8bn\xf4\xach\x9b(K\x0cl\xbc\x7fMU\xa6\xef\x9a\x92\x8bEmE\xbcV\xda\x97\xa5\xb3\x9b\xcfR\xecF\xcf\xa3\x00\xf3\x13\x16\x1c\x96\x1a'</t>
  </si>
  <si>
    <t>e8be114fa41b2510c14996e47c88cacfcc7afc7dbee8626ef4ac689b284b0c6cbc7f4d55a6ef9a928b456d45bc56da97a5b39bcf52ec46cfa300f313161c961a</t>
  </si>
  <si>
    <t>b'\xe8\xbe\x11O\xa4\x1b%\x10\xc1I\x96\xe4|\x88\xca\xcf'</t>
  </si>
  <si>
    <t>clusion, 
 surprise had taken entire possession of my mind and I could do nothing 
 but stare and wonder. 
 The HISPANIOLA was under her main-s</t>
  </si>
  <si>
    <t>b'w\xf8L\x94\xc9G\x1a\x11\xff\xdb5\x7f\x93\xe1\xf3\xfdIM\xd0\xa4Z\x18\xdf&lt;\x15\xcf\x96N\xf4"IHM\x17\x19\tA\\\xd4\xb7\x95C\xd7\xd2\x8aL\xbf\xdc\x90B\xf4h:qE\xec\xfc5\'\xddc^Q\x16\x1b\x87\x1ad\xb9F2/D\x0bA\x1c\x06:#\x97\x94\xfd\xb8`\xfc\xc1\xd9\x03Pm\xac*\x13\xaf\x04Cm\xad\xe3=}\xbb\x97Z|\xdc\xf8\x19\xf0L\xd4P8\xc6&lt;\r\x89M\xbf\x7f\xe4,\xbe\x88V\xd3\xad\xb7\xaf\xfe\x82\x87\xf61\x8d\xc6\xc6\xb2I\x02\xde\xa7\x94T&amp;\xd8\x8eLl\xf3\xc8\x82r;\xd5E\x88\xb8-Ya\xfe\xce\xf5\xd9\xd6\x06\xab\xd1\xa6\x89\x80\xd27\xd2Bx\x1f\xa3\xb2\xff\xe7E\xa0\x84\xbb\xdd\x9d\x7fG:\x1d\xa9\x13\x9dP\xc0\xaaRG\xad-j\x04G\x8d\xf8n\xa5|n@\xe7\xb2\xa5\xb9L\x7f\x92\x1a\xcai\xf0R\xd2\xfb}_H\xa0\xe6T\x91C~\xc8\x07\x01 [R\xfb\x82J\xac$K\x87\x85i`s\x92\xbd6\x08'</t>
  </si>
  <si>
    <t>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</t>
  </si>
  <si>
    <t>b'w\xf8L\x94\xc9G\x1a\x11\xff\xdb5\x7f\x93\xe1\xf3\xfd'</t>
  </si>
  <si>
    <t>d seen something under itâ€”a round knob which had been
covered by the leaves hanging over it. It was the knob of a door.
She put her hands under the leaves and began to pull and push them aside.
Thick as the ivy hung, it nearly all was a loose and swinging curtain, though
some had crept over wood and iron. Mary's heart began to thump and her
hands to shake a little in her delight and excitement. The robin kept singing
and twittering away and tilting his head on one side, as if he were as excited as
she was. What was this under her hands which was square and made of iron
and which her fingers found a hole in?
It was the lock of the door which had been closed ten years and she put her
hand in her pocket, drew out the key and found it fitted the keyhole. She put
the key in and turned it. It took two hands to do it, but it did turn.
And then she took a long breath and looked behind her up the long walk to
see if any one was coming. No one was coming. No one ever did come, it
seemed, and she took another long breath, because she could not help it, and
she held back the swinging curtain of ivy and pushed back the door which
opened slowlyâ€”slowly.
Then she slipped through it, and shut it behind her, and stood with her back
against it, looking about her and breathing quite fast with excitement, and
wonder, and delight.
She was standing inside the secret garden.
CHAPTER IX
THE STRANGEST HOUSE ANY ONE EVER LIVED IN
It was the sweetest, most mysterious-looking place any one could imagine.
The high walls which shut it in were covered with the leafless stems of
climbing roses which were so thick that they were matted together. Mary
Lennox knew they were roses because she had seen a great many roses in
India. All the ground was covered with grass of a wintry brown and out of it
grew clumps of bushes which were surely rosebushes if they were alive. There
were numbers of standard roses which had so spread their branches that they
were like little trees. There were other trees in the garden, and one of the
things which made the place look strangest and loveliest was that climbing
roses had run all over them and swung down long tendrils which made light
swaying curtains, and here and there they had caught at each other or at a farreaching branch and had crept from one tree to another and made lovely
bridges of themselves. There were neither leaves nor roses on them now and
Mary did not know whether they were dead or alive, but their thin gray or
brown branches and sprays looked like a sort of hazy mantle spreading over
everything, walls, and trees, and even brown grass, where they had fallen from
their fastenings and run along the ground. It was this hazy tangle from tree to
tree which made it all look so mysterious. Mary had thought it must be
different from other gardens which had not been left all by themselves so long;
and indeed it was different from any other place she had ever seen in her life.
"How still it is!" she whispered. "How still!"
Then she waited a moment and listened at the stillness. The robin, who had
flown to his treetop, was still as all the rest. He did not even flutter his wings;
he sat without stirring, and looked at Mary.
"No wonder it is still," she whispered again. "I am the first person who has
spoken in here for ten years."
She moved away from the door, stepping as softly as if she were afraid of
awakening some one. She was glad that there was grass under her feet and that
her steps made no sounds. She walked under one of the fairy-like gray arches
between the trees and looked up at the sprays and tendrils which formed them.
"I wonder if they are all quite dead," she said. "Is it all a quite dead garden? I
wish it</t>
  </si>
  <si>
    <t>b'\xb7\xca\xd5\xa0\\\xa2\x0b6\x1e\x96\x80\xe3\xd1g[Dw\x1e\x07\xc7=\xc7m\x86\x03s@&amp;\x02\xae:w\xde\xc3\xdd-\xa3_S\xf2\x14\xba\x05\x02\n\xc9\xcb\xa7\x16M\xe1\xb8\xe2\x97\x88\x98\xd8O\xdf\x90\x86f\xed\x9b\x96\xdf\xd7S\xbb\x06\xe8O\xdc/\xc1\xd2\x86?r;\x9cJF@F#\x84{\xce&amp;!\x91[\xd8\xccQ\x16\x06LYt~\xeaL\xbax\xac\x8a\xce\x11\xb0{\x95\xc0\x98M\xae6\xd3i\x87\x98\xb4\xae\x00\x02\xd8\x9d\x83\x9aON\x979\xe4vt\xf8\xdc(k\x16\x7f\xe1UY\xa8\xfc}\x9bE\xb2\xfe\xb7\xca\xaa\x96\x82L\x9d\x83{\xda\xfb\xbb\xf3\xb1\x92\xe0P,\xf9\xbf\xedg\x0fmM\xa5\x8bTJ\x0b\x80\xb2v\xd1!;\xde\xa8\xc93\xda\xb5\x14\x9c\x90a\xed\xfa:\x91\x13\xcb\xa9\x9c\xe8b\x11X\x0b\x1ch\x11J~\xe9\x1duG\xcd\xca\xf6\x01\x97\'\x94\xe3\x8f\xd9#\x8f3xP\x1e\xa7(\x9f\x9e&gt;\xf3r\x83\xbcs$\xbb\xaa8\xb7\xabl\xb8\xc7\x97\'\x12\xd2\xed\xf7\x8f\xb9\xbaP\xf8Z\xf7\xb7\xe4l\x98\x93S%\xd54\x91C\x15H\xf8r_\xfb\x11!\xbf\xfe\x84\xa2\xce:t\x88\x95\xebx"\x0f\xc29\x97\x16\xa27\x81g\x8b\xf0\xa1uMol]\xdb(Z\xcb\x1fE\x97\xd3\xd9\x9b\r\x7f\xe1\xe6+\xf1@\xac\x06\x90\x08\x9b\xc9&amp;\xaeb\xeb(\x17Z\x805I\xc1\xe5\xa7\xdb\xc57e+hw\x1bJw\x19\xf1\xca:h\xb9\xfc2\xabC\xdc\xcb\xa5\xb0N_\xa3\xbd\x98\xde\xc4\x9a\xa9\xfd\xa4\xf1c\x9d\xe8\xce\xc4\xf4\x82\xe5n\xc2s\x8d\xb7\x12T\x0eu\xfc&amp;\xc8I\xe6(\xe9&amp;\x90\x94\x19\x9f\xacx\x99\xc4)T\x96\x15Z\xc3\x97c)\xf4\x0c\xc3\x10\xd3\x05I\xce|Gs\x0e&lt;EQ\x88\x9d(b\xc3\tm\x14\xd0!\x04\x9e\xa6jI\xaa\'\xe1\xea\xc7\xe04\xac\x05\x15J\xe1)@)\t\xe5\xe8\xdf\xdan\\0\x1c\xfbxrg\xaf\x1f\xe0\xad\xe3P\xe7;\x0e\xc4\xbe\x8c\xe8JMV\xf3`\xcc\xf8\xeaJ\x9a.L\x00:\xa2U`"\xb4\xdc?9\xb5%9,\xdb\x8c\xb3I\xc2\xe2\x89\xf3_\xc5\xe3\xfc\xa0\xcf\xcb\x0b\xe3g\xe5\xd3_!V*I\xe8\x13\x84RH9\xa9\xd6\xa9\xce\xb0\xefF/\xc6)?+\xc9%}\xb77a\xbfYy\xcb\xa9\xef\xc0a\x9e\xf5k\x9f\x86-\xfb\xc6\x7f\xbb\xbf\x00\xbb\xb2\xf6\xa1|\xde\xeb\xdc\xf0!A\x8c\xa3\xf4\x8bq\xff\x9e\xdf\x9cy\x87\xbe\x08\xeb\xc7P.t\x96\t\xf1\x11\x83\xbc\xf6T\x83\xa0\xc6\xe2\x01\xb2\xc5L\x1b#\x0e\xcd\n\ni\x99\x1d\x83\x04*\xd93w\xd70=\x12\xbb\x9d{\x13\xaaWU\x14\xb5\xfax\xcb\xd9\xe4\xca\xc3\x84\x97_d\x9b\xb0A!\x88R\x1b\x99G\x81wq\x16\xf4\xad4X\xc2fq9\t\xd5\xab\xe7\x1a\xbb\x01\xe7I8\x9a\xfb2-\x91!m\x81j8k\x87N\x8f\x84\x01\x88\xcd\x8fz\xdf\x8e\xd7\xf1oO\xe7\x8e\xb5\xc5v\xb5\xf8\x82\x86\xd2.\xe6\n\xf4y|\xa0\xa9\xe5\x95\xf7\xf7\xec\x12]\x82qe/?\x16\x96vd\xd4\xb4m\xd2\x8c\x06\xbal\xb6t\x12\xafx\n\xeb\x84"\x1d\xda\x8d\x0e\xac\xe0\x8c\xfa\x00\xa9k^.\xf04MI\x86\x7flh\xf9b\x93*\x1b\xd8\x10\xf5\xf5\xdc\xa5\xe4\xb8\'\xe2\xa9\x9fZ\xa5r\xfe[\x84\xcba\x00\xef\x96\t\x7fFX\x15f!\x84\x19] D\x17R\xed$\xf8\x82\x8e\x97\xc2^o@\xe0\xe6\xd7\xd1\x99\xc5D\xe0T\xe2AS.\x9d/(Bn\xff\xf4\x0e9\xb1\xcf^\xecy\xb7\x98\xca\xc9\xe56\xd2M\xa4\xa8=#\xc1\xe5\\R\x90\xc3\xac\xb8\xb2\x93\x96\xb5\xad\xcf(\x1c\x86}.x\xfc\xca\xb4\x99\xee\xe6\x82\xff\x19-\\\xe9\xe2o\n4\xc4d\xe6\xc0\xce\x92|L\xfbp\xfe:\xae\xc4\xed,\xf6\xb4\xc0P\xc5w\xdf]\x94\xae\xc7\xf6\x0frY\xe8w\xa1\xf0X\xac3\xb1\x0b;\xc1\x1a\r\xc8\x91\xd7\x0b\x88\xe4\xda\xcdw\x85\xb7\x11\xd0G\xae~\x9b\xb7\xd6\xed\t\xad\x955\xeaIK\x85ze\xdd\xbf{\x8e&lt;\xfcGb\x9c\x88\xb2\x1a\x81\xb6\x8a\xf2t\xb2\x8a\xea2~\x1d\xfd\xd67s-\\\x96\xd1!\x84=v\xc1V)*\xaf\x12 /?\xf5J\xf4YG\x10\x93\xc0gA\xbb\xa7\x02\xee3\x10\xcd\xbf\xd8\xbe\xb5\x99X\xfbxo\x8d\x0eL-\x84\xca\x11n\xa4\xbe}\xb9\xff\xa4\x92J\x8eA!\x88\xb3\xdb\x8c0o\x97\xcb\xdaP2\x90\xa5Fw\x7fo\x95\x98\xe7\xdd\xa2\xe5\xabsuUQ\xa7\xa4\xf8\x07\xa7[\xcc\x9a4\x7fw\x18\xf1\xaag\x80\nk$\x04.\xa4\xb7\x11\x80\x94y[\xa6\xf38;\xe0|\x0e\xee\xfa\xb2kh\xfb\xa1\xefs\xca\x0c\x1bte\xe7\x0269\xd2\xd5\xe0\xad\xdc\xae]z\xf8\xc3\xea\x8d\x07`${p\xf3\xce\xc1\xda\xd8\xd4\n\xbbw\xd6\x8a\xb5b\xb0b\x86\xca\x0f\xb0\n\xa9\xaf\xdcR\x82\x97\xcf\x89\x1f\x99\xa6\x16\x1fzn\xebD\x8f:\xb3\xec\x8c\xf5\x7f\x93\x02\xbez+[\xcf\x87s*\xe8\xed\xca\xbe\x96J\xd9\xf5\x9f\xf5}c\t\x86\xeb@\xfa\xcc\x97\x0f\xcc\xe6F\x19DK\xf5\xc2\xc8\xfa$\x07\n\xc9\xfc~\x95\x86f\x94\x08\xfe7\x9d\x11\x04\xcdw\x95E\x7fX\xd6\x80\x8dy\x97t\x97\xa1\x8b\xd9\x85\x8ef\xac\x9bx\x08\xbd\xb66\x9d\x8ds\x9c\xf0m\xb0\xc9\xaf\xea\xcf\xe4c\x00\x0e\x12\xed\'\xf0\xed\x99\xafC1/u\xbd\x99J7\xfd\x1d\x96|\x84a\xa1\x12\xcc\xf8\xb1\xf2\xe6\xb07oxk|\xd4\xc6o(\x06:\xe0 \x1b\xb4ZBX\xc8\x89\xaf\xf9%\xd5\x98\'\xfe\x14\xbb\x8a\xea\xa94\xdb\xf3\xcd\xc2\x85-\xdfq\xea\x97@`\x1b\nG\xff\xde\x00y\xfe\xa0\xe0\xd4\xe9\xf4\xb3ej\x86\xfa\xe3/\x908e\xfc\xef\n\xdb\x1ale\x19\xb0\xd4R\x88$\x9e\x1a\x19\xac\xe2\xa2:\xc1\x15Q\x19\xbaB[H\x9f2\xb4w\xef\x00\xa3\x82\x91\xee\xb3\x02\xd7\x86%:\xe5&gt;\x995\xd5\xe2\xd0\xf3@%\xd5\xd2\xc8\x98\x0e\xc6c\xad\xc6\xcdv\x985\xee\xcd\x04\xf1+c\xee\x92\x9f(\xea\x01\x1d\xe4\x15e\xff\xd5\xdf_\xf7\x06\x88\x0b\xf9C\xe7p\xf3~q\x85\x98\x94\t\x0f\xd8\xc5\xdf\xd5\xa0\x9a\x96\xac\xe1q\xceq\xd0\x14(\\\xc4\xb6\x11\x8d\x04\x90Q\xc2\xed\x05\xd8\xf0xWz\xff\xbb\x04\xb1\x0b"t\x13Y\xc2\xdci\x9c\x94\xde\xc2\xbb\xc3\xe4&lt;-\xfa\x00}\x82\x18M\x06\x91\xe8\xf5{g\t\xbc\x7f\xed\r\xb9\xf2\n\xdf\xa00\xcfU\xc4\x01\xfb\xf8y\x93Vh\xd7U\'}\xd7p\r\xbc\xd0\xf2\xf3\xb2~\xb7\xa7G\xffHo\xc0\x82\xc6\xabT\x00\xd1L\xc7\xa0\xb7\xabJ\xe8\x0b m\xe22\x18\x0e\xd3\xd9\x041\xc3\xb0+t`6\xeb\x1e\x87d\x0f7\xcd\xdd\xce\x82v#\x19\x14\x12\x16\x0f\x80C\xb5\xaa\xdb\x80\xe45\x92\x97\x10\xae\xd6/\x81g^\xf8\xba\xa4\x07l\xad\xff\xe3;\x81.\x1b\x16\xb5\xeaI\x80\xbf\x0b\x14\xb2\xcb\xae$\x9a\x00}\xf0\x1aiR\xcbT\x04&lt;s\x17&amp;\r&amp;\xa4r\x88\x91j\xd0\xb4\x9b\x89W\x1b\x91\x82\xacy\xc2\x9e\x8a\x7f_s\xcb\xce\xff\x81\xd1\x8a\xf4\xcf\xbc/\x81\x91\xfb\xb1\xf0\xf6\x19\xa2\xf3\x8a\xed\x8c\xd9XE\xdb\xedB\x7fJ\xef\x88&gt;\x95PC\xbdK\xc0o\xdc~@\xf0c\xa3\x13\xdd\xf1\x9c\xe8\x96\xces\x1e\xd2\xef\x9b!\t\xd2\xb8\x82i_\xd9\x7f\t\x8d\x1dvG\x04\xa8\x84\x9d\x9c2\xe0wZ\xfe&amp;{\xab\xb0n\xc69@\x14\xbb\t\xd6r\xab\x87\xc7\x1d\x14\xbbaF\xda\x08\x96We\x0f\xe8\x8f1kN2-\x80\x15\x1f5\xfa\x02\x92_;\x15\xef\xde\x9a]D\xcb\xb7g\x03@\nd\xbdz\x05\xe9I\x97\xc2}\\1\xb8\x80Y\xbf\xab#\xb6\xda\xf3\xa0q&lt;\xb2\xf0\xd0{\t|\x9e\x7f\xc3x2\x98\x95\x149\xb9\xe3\xb3\x8bA\xc6\xf6\xc2W\xcf\xe8\x1d\x88\x82\x96+M\x86\xe6\xaf\xaaR\xfb\x13\x9d\x17\xd1n\xfb\x19\xa6\x98J\xd4\xbf\xbf0\xff\x87f.\x7f\n\xe1\xa1y\x95\x83\xb2\xf8\xe8&lt;7%\x87f\xd2\x00\xe0\x05\x9e4\xd6I\xb3\x8fO\xad\x8b\xd1:\xbf\x15%\'\x1fy\xc4\xb8\x81\xb2_W\xb9\xf1\xb0\x05}6\xa5\x82\xa5\'\xac\x04t2k\xa5#\xe0=b\xd7\xbfb@6\'A\'\x93\xf0\xd9k\xf4\x9d{\x81a\xbf\x15_a\x08\x1a\x87+"\xb7\xc9\xff\x04\x1d]\xec|\xbf.5l3;\xa5\x9f3\xe7\x9fL\xcf\xd8\xf3\xfa\xa1\xa0\xfd\x1c-\xa6Xgi+Nyq\xde\x86d\x1d\x8a\xa9M\xc2\n/J\xa1\x12\x8cE\x89h=\x1f(\xa8\x84\xbd=\x9c\x9d\xa7\xe3\xef\xef\xb1\x9fy\x12)0}E9\xd6\x02\x9d[\xb6\xcc\xae\'\xc5\xb6\xf53\xf5\x14\x9d\xec\xc3\xcb1\xbd\xd7\xa3\x1e\xed\xca\x8c9\xdc\x97(\x1el\xb3\x1e;\xf4H\xdb\xdb\xe4\xe9\x8bD\x01\xf3\xf6\xc9~_\xae\xf9\xb8\x93\x7f|#\x98k2\xe8\xe9|\xaewD\xa9\xbc\xb9\xa0\x9dD\xdb8r^\xce\x80^\xd3;\xc0\xb9\xf7\'\'H\xac\xd7\xb2,~\x9c\x1f\xe3\x13\xa1\xd2MyK\xecqe\xae%\xb5dr\xf4\xe6\xb3":A\xa6\x81w\x94d6X\xe2\x94\x95;\xdb\x91\x87\xcd\x9e9/t\xb8J\xd2\xbbd\x93\xde\x96\xf4SD\xea\xb3&lt;\x1a\xd2H~G\x9d\xccH#\x94\xf7\x8e\x8cd\x9fv\x92\x88S\x05O\x8bA\x9d*50\x18\x1bs\xbe\xfdu\xe2\xa0\x86\x00\x08\x0c\x12F7\n\xdb6u(q\x8d\xe1+\xbf\x14o\xd1\xc0\xf9\x06~\xd1\xad\x9a?hP\xee\x10\xb8\x04\xdb\xbf\xf4Q+\xd2\x99o\x89-o\x1aiSw\xb8\x92u\xe7\xb2\x95u\x80wE\xb4\xcdP\xa4=T-\'\x8f\x7f-\xe2d\x0f\xb96\x11\xa8\xf1r\xed\xe8f\x9d\xec\xf8\xc7*\x0c\xa2!\xdbw\xaej)f\xed\x1ao\x18Clc&gt;%*\x8ch\x9a\x81(\x8f{\xe2w5\xeb\xc5\x06y\x98\xe6\x97\xa5\xe2\xb9\x12\x95\xdeD\xce\xc0%+\xba\xa2\xe1f\x0ee?\xfbrk\xfe\xfe\xf4\xeeI\xb5IGx\xda\xc5\x0e\x9e"\xa41\x94R\xef\x9e\xa6\xf8\xef\x19\xdc\x1e\x08\xf4\xd9\xb7\x89G\x84 \xd0\x1a^\xf2\xb4jV\xbb\xc7\xd9\x90\xec\x1a%\xffU\xe7\xd8O\xe6\x08\xf2\xf7\x98\xbe\xadz\x85\xf3\x99\x08V\xe21h\xfd\xf0\x8f6\'\x03\x96\xcd\xd4\xd0\x0c\x8c\x06\xdf&gt;\xcc\x16\x83\x9e\xa9\x1aG\xe3\xebR\xd5(\x92\x9d\xeb\x83^\xa4\xbb\x05v\xfe*\xaa\x8e\xd8^\xfa*\xd9k\x15{\xfe%\xc1\xb8\n\xa0hx^\xb3\xd2\xf4\x94\xfb\xbc\x85\xfes\xce\x85p\x9e\x1bkb:8-\xd7\xb87\xde\xcf\x16ML\xb7\x8d\xbf\xe1Np\x1d\xe1\x8c\xc3\x99qn`\xe0\xe7\xf4P\xf5\xf9\x1c-\xcf7\x11\xcc\x12\xb9\x92\x13\xb1\x894\x96,K\xef\x9a\x7f\x9f\xa1\x10\x15q"\xca\xe8\xec6\xd9\xdd=E@\x03l\xc6\x03\xe0\xc9\x93A(\xf9#aW\r\x81\xde#\x9apD\x1d\xaa\x1c\x87w\xb1\xf1\xe4\xea\x13\xd4\x01eJk1\xe1\x95O\x8a=\xb1\xbc\xde*n(\xb6w\xf3\x83vo?\x84\x93-\xe3\xa9\x9c\xf6C\xeb:\x02r\xf2\xd6\xe5e\xf0\x83K\x18h\xd6"G\xa0H\x15\xfa\x1a\xbd\xce\x95\xc2\xbfH\x07\x1e\x9f\x10\x03\t[_\xa0\xb7\x93\xbe\x89_\xc8X\x89\x82\x0b\xff\xe5@p\x96\x97f\\\x7f\xa4o\xfd\xee\x8c\xb6\n\xab\n\x83\xbefLH\x9b\xaf\x8c\xe9\xe2\xa8tI\xd8\xcf\x1a\xb3s\xd1\xf9\xc6~\x13\xe1\xac\xf3\xdex\xb0v]\x96i\xd9$X\x0b\x1e\xc0\xdev\x89-L\xf9\xac\xc8\x88\x15\x8e\xfd\xf8(\x00\xbcl&amp;\xc5\x82n\xc8\x16\xefh\x84l\xa7\x8c4\x05\x88\x9b\xf5`^\xd8\x8e0! =7\xae\xa6\x9c"\xf0=\x95\xef\x1bE\xaa\xdb\xa2\x1c\xe2\xf6~\x19H\x05p\x84&lt;\x97$\xf6\x0bX\xa0\x8cL\x9cuT\xd6\x04\xa7\n\xda`\xa4\x18\xec\xcc\xd1P\xeel\xd4o\xeec\x83Y\xc6h\x05\x96\x0f\xb3\x16\xdbHo\xffk\x0e\xf4\xe0\xba\x89\xa1/Px\x93\xc5_!L\xe7\xee\xf3\x94\xdcs97\xae\x8a\xb8\x9f\xf8\x95\xfc\x8b1J\xd8L@\xb1\x02-&amp;\'!\xcf\x1e\xe4T-\x95\xa1\x07\xcc\xd0\x96\xd4\xf6\xbf\xd9\xbf\n}\x9e~\xcd\xd5*v\tE\xca5\x1a\xf3\xc1\x9e~\xf8i\x01p\xb6g\xd4\xdb\xae63\xf7\xf4\x87f\x9clsN\xe3\xbbiFg\xc5\xe3[\xadR\x98M\x93\x0f\xe7r\xf9\x0b\xaa\x8a\xb1Z\xe7\\\xab;l\xcd\xeb\xf0\x15\xcf\x0bP2\xdd\x14\x0c\x9d%kQb\xee\xd1\xf0\x88\x08\xbe\xc0.$k\xf9\x90\x91\rC\x99\xc7\x12\xa1\xe6\xc0\xd7|\x08R\xa2Kw\xf3D\xd1S\x1c\xe2+\x95\x88u\xb6&amp;n\x88\xadZ\xab\xca\xf7\xd7\\\xf0;P:\x93\x83\xa1\x90&amp;\xcd\xda\xd1\xc2\xeb\x1aS0\x12\x8cA W\x9a\xb9Q\x1b\xa02U\xab\xbb\xc52{\xc3\xfe%\xba\x87\xd1\xa39\xcc\x8e\xa9\x17W!\xf0 \xa7\x00\xd3-H\xb83q\xac\xe5\x80\xa5\xb0\xb1 \xf5KJ\x82TP\xd5\x90\xb3\x14\xa17\x00\xe6\xa9\xc6\x8c\xe1\x0ekl\xaa*{.\xa8\xa5\x9a\x8a\xb1GA(\xc64+V\x9eK&lt;\xe6Y\x97\x8eY\xe2dB\x83\xdf\xc8\xc0\xef\xe6\xaa|\xee\xe1\x88\xf2(\xde\xfe\x0b\xc9\xba\xb3\xee\x1eK\x97\xa5\xdf\xa5\x16E4\xe3\xd8$&gt;\x1d\x00\x9d{\x8a"c\xb6\x8b\xc2F\xc2\x06Hb\xa0}{Nn\xa2j\xfcU\xe1\x15\xd05\xa5$\xaf\xedS]\x1f\xd2A\xaaY!x\xee\x99\xc9\x94.N4\x08&lt;\x9d&gt;N2\x07\xb5\x89\xff?h\x80^E\x90l\x9e\xbc\xacw\xa2#\x14\xc9\xd0\x87&amp;%G\t\t\xb8\xa7\x9a&amp;g\x87\xc2\xea2\xd4\xbfI8g\xd2.&lt;_79\xed\xfc\xaa\x18vN\xc7\x84\xe1uD\xf7\xa3\xe1\xf4Hh^\x94\x96:\xedd\xb0\xc4p\xc3w\x91\x19\x008}l\xdbQ\x9a\xa9\x1f\xaa\xac\x93\xe0\xd4\xd9X5\xde0=\xd5\t+\xfb\xb2\x1dX\xde\xcf\x9f\x9f\x1c\x97\x8f\x01\x99\xb1\xa1?\xa7\xff\xe0\x1c\xc0\x1b\nJ{0@\x13\xf0I\xdb\x95\xbeO\xf7\xd1K`\xebW\xbf\xbd\x96q\x07L\xc5\xc5\xbcp\xd7\xb2}\x8d\x9a\x9d\xb3g/M/\x04`\xdc*\xe4 J2xT\x15o\x9c}\xd2\x1a\x919\xd3\n`\xb8\xdd\xa4\xdf\xbf\xf8\x1b\xfa{\x16\xc7\xb3\x83\xe8\x89\x8f\xed0\x91\t\\wt\xf7\x92\x9b\x95lB&gt;\xfb\x9c\x989j\xaf\x9f\xa6Z\x05\x90v\xa9\xa8\xb0/\x15\xd8\x7friv\xfe\x14\xffB7_\x13W\xee33\xce\x1c\xec\x8a\xeaX\xf3\x89\x18\x11M\x0c\x0f\x96\x87\x1f1\xe9\xb6\x02\xceJ\xca\x0be^0\xe7\'\x1e(\xb0\xab;?\x02\x8d\x83\x89\xed\xb0\xe7F\xb2\xa6]J\'\xea\xa1\x81||\xeb\xc8&lt;6\xf6u\xf2bA\x01\xbbN\xa6\xb3\x16W=]\xb5@\xc2\x0b\x00\x06)(\x83Oa\xf7\x07\x80SE\x86\xb2\xcf\x83*K\xe0\xe8\xca\x8d\xcf\xaf\x93\xd3\x86\xb9\x13\x84\x12\xfc\x171\xfa&amp;\x86K\'_8\x7f\xcex'</t>
  </si>
  <si>
    <t>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</t>
  </si>
  <si>
    <t>b'\xb7\xca\xd5\xa0\\\xa2\x0b6\x1e\x96\x80\xe3\xd1g[D'</t>
  </si>
  <si>
    <t>to her delight, keeps a whole
 family in perfect condition.
 Wendy and Michael fitted their trees at the first try, but John had to be altered
 a little.
 After a few days' practice they could go up and down as gaily as buckets in a
 well. And how ardently they grew to love their home under the ground;
 especially Wendy. It consisted of one large room, as all houses should do, with
 a floor in which you could dig if you wanted to go fishing, and in this floor
 grew stout mushrooms of a charming colour, which were used as stools. A
 Never tree tried hard to grow in the centre of the room, but every morning they
 sawed the trunk through, level with the floor. By tea-time it was always about
 two feet high, and then they put a door on top of it, the whole thus becoming a
 table; as soon as they cleared away, they sawed off the trunk again, and thus
 there was more room to play. There was an enormous fireplace which was in
 almost any part of the room where you cared to light it, and across this Wendy
 stretched strings, made of fibre, from which she suspended her washing. The
 bed was tilted against the wall by day, and let down at 6.30, when it filled
 nearly half the room; and all the boys except Michael slept in it, lying like
 sardines in a tin. There was a strict rule against turning round until one gave
 the signal, when all turned at once. Michael should have used it also; but
 Wendy would have a baby, and he was the littlest, and you know what women
 are, and the short and the long of it is that he was hung up in a basket.
 It was rough and simple, and not unlike what baby bears would have made of
 an underground house in the same circumstances. But there was one recess in
 the wall, no larger than a bird-cage, which was the private apartment of Tinker
 Bell. It could be shut off from the rest of the home by a tiny curtain, which
 Tink, who was most fastidious, always kept drawn when dressing or
 undressing. No woman, however large, could have had a more exquisite
 boudoir and bedchamber combined. The couch, as she always called it, was a
 genuine Queen Mab, with club legs; and she varied the bedspreads according
 to what fruit-blossom was in season. Her mirror was a Puss-in-boots, of which
 there are now only three, unchipped, known to the fairy dealers; the washstand was Pie-crust and reversible, the chest of drawers an authentic Charming
 the Sixth, and the carpet and rugs of the best (the early) period of Margery and
 Robin. There was a chandelier from Tiddly winks for the look of the thing, but
 of course she lit the residence herself. Tink was very contemptuous of the rest
 of the house, as indeed was perhaps inevitable; and her chamber, though
 beautiful, looked rather conceited, having the appearance of a nose
 permanently turned up.
 I suppose it was all especially entrancing to Wendy, because those rampagious
 boys of hers gave her so much to do. Really there were whole weeks when,
 except perhaps with a stocking in the evening, she was never above ground.
 The cooking, I can tell you, kept her nose to the pot. Their chief food was
 roasted breadfruit, yams, cocoa-nuts, baked pig, mammee-apples, tappa rolls
 and bananas, washed down with calabashes of poe-poe; but you never exactly
 knew whether there would be a real meal or just a make-believe, it all
 depended upon Peter's whim. He could eat, really eat, if it was part of a game,
 but he could not stodge just to feel stodgy, which is what most children like
 better than anything else; the next best thing being to talk about it. Makebelieve was so real to him that during a meal of it you could see him getting
 rounder. Of course it was trying, but you simply had to follow his lead, and if
 you could prove to him that you were getting loose for your tree he let you
 stodge.
 Wendy's favourite time for sewing and darning was after they had all gone</t>
  </si>
  <si>
    <t>b'A}uK\xff\x17m\x16'</t>
  </si>
  <si>
    <t>417d754bff176d16</t>
  </si>
  <si>
    <t>ace our gallop became faster and faster as we neared
 the cannon.
 "My master, my dear master was cheering on his comrades with his right arm raised on
 high, when one of the balls whizzing close to my head struck him. I felt him stagger with
 the shock, though he uttered no cry; I tried to check my speed, but the sword dropped
 from his right hand, the rein fell loose from the left, and sinking backward from the
 saddle he fell to the earth; the other riders swept past us, and by the force of their
 charge I was driven from the spot.
 "I wanted to keep my place by his side and not leave him under that rush of horses' feet,
 but it was in vain; and now without a master or a friend I was alone on that great
 slaughter ground; then fear took hold on me, and I trembled as I had never trembled
 before; and I too, as I had seen other horses do, tried to join in the ranks and gallop with
 them; but I was beaten off by the swords of the soldiers. Just then a soldier whose horse
 had been killed under him caught at my bridle and mounted me, and with this new
 master I was again going forward; but our gallant company was cruelly overpowered,
 and those who remained alive after the fierce fight for the guns came galloping back
 over the same ground. Some of the horses had been so badly wounded that they could
 scarcely move from the loss of blood; other noble creatures were trying on three legs to
 80
 drag themselves along, and others were struggling to rise on their fore feet, when their
 hind legs had been shattered by shot. After the battle the wounded men were brought in
 and the dead were buried."
 "And what about the wounded horses?" I said; "were they left to die?"
 "No, the army farriers went over the field with their pistols and shot all that were
 ruined; some that had only slight wounds were brought back and attended to, but the
 greater part of the noble, willing creatures that went out that morning never came back!
 In our stables there was only about one in four that returned.
 "I never saw my dear master again</t>
  </si>
  <si>
    <t>b',\x1a\xc5\nc\xb6F\xfe'</t>
  </si>
  <si>
    <t>2c1ac50a63b646fe</t>
  </si>
  <si>
    <t>fect gets averaged in the final price and is passed on to consumers.
 An interesting innovation in local content regulations has been to allow firms to sat_x0002_isfy their local content requirement by exporting instead of using parts domestically.
 This is sometimes important. For example, U.S. auto firms operating in Mexico have
 chosen to export some components from Mexico to the United States, even though
 those components could be produced in the United States more cheaply, because doing
 so allows them to use less Mexican content in producing cars in Mexico for Mexicoâ€™s
 market.
 $8,000 10.5 * $6,000 + 0.5 * $10,0002
 210 PART TWO International Trade Policy
 Other Trade Policy Instruments
 There are many other ways in which governments influence trade. We list some of them
 briefly.
 1. Export credit subsidies. This is like an export subsidy except that it takes the
 form of a subsidized loan to the buyer. The United States, like most other countries,
 has a government institution, the Export-Import Bank, that is devoted to providing at
 least slightly subsidized loans to aid exports.
 2. National procurement. Purchases by the government or strongly regulated firms
 can be directed toward domestically produced goods even when these goods are more
 expensive than imports. The classic example is the European telecommunications in_x0002_dustry. The nations of the European Union in principle have free trade with each
 other. The main purchasers of telecommunications equipment, however, are phone
 companiesâ€”and in Europe, these companies have until recently all been government_x0002_owned. These government-owned telephone companies buy from domestic suppliers
 even when the suppliers charge higher prices than suppliers in other countries. 
 The result is that there is very little trade in telecommunications equipment within
 Europe.
 American Buses, Made in Hungary
 In 1995, sleek new buses began rolling onto the
 streets of Miami and Baltimore. Probably very few
 riders were aware that these buses had been made in
 Hungary, of all places.
 Why Hungary? Well, before the fall of commu_x0002_nism in Eastern Europe, Hungary had in fact manu_x0002_factured buses for export to other Eastern bloc
 nations. However, because these buses were poorly
 designed and badly made, few people thought the
 industry could start exporting to Western countries
 any time soon.
 What changed the situation was some clever
 Hungarian investorsâ€™ realization that there is a loop_x0002_hole in a little-known but important U.S. law, the
 Buy American Act, originally passed in 1933. This
 law in effect imposes local content requirements on
 a significant range of products.
 The Buy American Act affects procurement
 (purchases by government agencies, including state
 and local governments) by requiring that American
 firms be given preference in all such purchases. 
 A bid by a foreign company can be accepted only if
 it is a specified percentage below the lowest bid by a
 domestic firm. In the case of buses and other trans_x0002_portation equipment, the foreign bid must be at least
 25 percent below the domestic bid, effectively shut_x0002_ting out foreign producers in most cases. Nor can an
 American company simply act as a sales agent for
 foreigners: While â€œAmericanâ€ products can contain
 some foreign parts, 51 percent of the materials must
 be domestic.
 What the Hungarians realized was that they
 c</t>
  </si>
  <si>
    <t>b'0D\x02 \x0f\xf5\x9b\xcbP\xd98\xc5!f\xfa\xf4\x9bkB\xc0\xa9|\x04\x98\x17y\xc0\x83\x92\xf0\x93\x99K\xbcx\xd7\x02 \x08|Q\x07\xc8\xe9\x90\xbd\xc5\x96+\x11\x9f\xbfb\x0f\xbf\xb5\xbb\xfd\xe0\xd1w\x03\xe3\t*S\x85\xa2\xc6\xb2'</t>
  </si>
  <si>
    <t>304402200ff59bcb50d938c52166faf49b6b42c0a97c04981779c08392f093994bbc78d70220087c5107c8e990bdc5962b119fbf620fbfb5bbfde0d17703e3092a5385a2c6b2</t>
  </si>
  <si>
    <t>b'0D\x02 \x0f\xf5\x9b\xcbP\xd98\xc5!f\xfa\xf4'</t>
  </si>
  <si>
    <t>tes the price charged by firms to the
 number of firms, does not shift. The definition of that curve was given in equation (8-10):
 The size of the market does not enter into this equation, so an increase in S does not shift
 the PP curve.
 Figure 8-4 uses this information to show the effect of an increase in the size of the mar_x0002_ket on long-run equilibrium. Initially, equilibrium is at point 1, with a price and a num_x0002_ber of firms n1. An increase in the size of the market, measured by industry sales S, shifts
 P1
 P = c + 1/(b * n).
 AC = F/Q + c = n * F/S + c.
 CHAPTER 8 Firms in the Global</t>
  </si>
  <si>
    <t>b"0D\x02 c\xf9\x10R\xbcIoia\th\xc5-v\x05\xd3\xc1\x89\xd6\xda\x7fBmY\xf1W\xef\x10 \xf7\xfb\xf8\x02 \x1cF\r\r4\xd0\xa7Xf\xc9\x8c\xa5\x0e\xea\xa2 \x16\x86J\xf6\xd2f\xec}\xfe\xb1#\x0c\xcd';]"</t>
  </si>
  <si>
    <t>3044022063f91052bc496f69610968c52d7605d3c189d6da7f426d59f157ef1020f7fbf802201c460d0d34d0a75866c98ca50eeaa22016864af6d266ec7dfeb1230ccd273b5d</t>
  </si>
  <si>
    <t>b'0D\x02 c\xf9\x10R\xbcIoia\th\xc5'</t>
  </si>
  <si>
    <t>le to reach in their inaccessible mountain fastnesses.
 85
 The travellers several times saw bands of ferocious Indians,
 who, when they perceived the elephant striding across country,
 made angry and threatening motions. The Parsee avoided them
 as much as possible. Few animals were observed on the route;
 even the monkeys hurried from their path with contortions and
 grimaces which convulsed Passepartout with laughter.
 In the midst of his gaiety, however, one thought troubled the
 worthy servant. What would Mr. Fogg do with the elephant when
 he got to Allahabad? Would he carry him on with him?
 Impossible! The cost of transporting him would make him
 ruinously expensive. Would he sell him, or set him free? The
 estimable beast certainly deserved some consideration. Should
 Mr. Fogg choose to make him, Passepartout, a present of
 Kiouni, he would be very much
 embarrassed; and these thoughts did not cease worrying him
 for a long time.
 The principal chain of the Vindhias was crossed by eight in the
 evening, and another halt was made on the northern slo</t>
  </si>
  <si>
    <t>b'\x13\x1b3\xec\xb0?\xe4#\xa1\xdd\xcfr\x1c&amp;\x98\xd0\xf7}\x86\xf2\xbe\xd5\xa8\xeb\x9b\x9f\xe2\xfd\xb9a5w'</t>
  </si>
  <si>
    <t>131b33ecb03fe423a1ddcf721c2698d0f77d86f2bed5a8eb9b9fe2fdb9613577</t>
  </si>
  <si>
    <t>b'\x13\x1b3\xec\xb0?\xe4#\xa1\xdd\xcfr\x1c&amp;\x98\xd0'</t>
  </si>
  <si>
    <t>ve, and they did a fantastic job of paying
 attention to their customers. They do Q&amp;As with their customers and actually
 listen to the questions and feedback they get. They regularly do Facebook
 Live events to interact with all their raving fans as well.
 Their products have higher price points, but every time they launch a new
 product, they go from zero to fifty sales a day within a few weeks. People
 leave reviews, and it snowballs. That focus gave them the machine that has
 now built a multimillion-dollar business.
 When you finally hit that magic number of twenty-five sales a day, itâ€™s
 time for you to start building your snowball, too. Itâ€™s time to choose product
 two. Letâ€™s look at how exactly to do that.
 Entrepreneur Spotlight: Jason Franciosa
 Jason Franciosa was coming off a failed business and searching online
 for what to do next when one of my ads popped up on his screen.
 Immediately intrigued, he decided to join my community at
 Capitalism.com.
 After learning my method, Jason dove right in and launched his
 company, Element 26.
 Jason and his business partner, who is a doctor in physical therapy,
 looked at a bunch of ideas for products. In the end, they came to
 exactly where Matt and I had ended up with Sheer Strength: They
 targeted themselves as the customer.
 They were both avid weightlifters. The fastener on their weight
 belts always failed over time.
 â€œIt was pretty obvious what product to put out first,â€ Jason told
 me.
 They knew that the true key to success with this product would be
 doing something different. They werenâ€™t alone in their struggles with
 Velcro. When they looked at all the biggest weight belt competitors,
 and read online reviews, the theme of failed Velcro was consistent and
 clear.
 They set out to design the best, most functional weightlifting belt
 possible, while solving that main problem: How do you fix the
 Velcro?
 They reached out to manufacturers and got a variety of samples.
 They looked at using buckles, clasps, and a clip with teeth that dug
 into the belt. They got prototypes of about five different solutions and
 tested them. They also considered what type of material they would
 use. The width of the belt, the shape, all of it came under scrutinyâ€”all
 while sticking to their core values as a company of functional products
 for functional athletes. No marketing gimmicks.
 They finally settled on a self-locking buckle, a slide lock that
 actually supports the entire pressure of the belt as opposed to the
 Velcro. When they launched and marketed the product, they focused
 on the problem their belt would solveâ€”the failing Velcro. By
 understanding what their audience was looking for, Jason and his
 partner centered all their marketing material on the design difference
 between their belt and others. It helped them stand out and eat away at
 the competitionâ€™s sales, while still keeping their prices high. It also
 helped shape their reputation and started to build their brand within
 the space.
 Jason attributed a lot of his success to his product being different,
 and in bringing an obvious improvement to a well-used product in the
 CrossFit and weightlifting communities. But he also benefited from
 relationships with influencers.
 When it comes to influencers, Jason found cold calling ineffective
 â€”unless you just want to pay for a post. â€œThe best way is to meet
 people in person by going to events, having a handshake, providing
 some sort of value to the influencer,â€ he said. â€œEspecially if you can
 understand what they care about and make that personal connection.â€
 Itâ€™s even better if you can bring the influencers into the
 development</t>
  </si>
  <si>
    <t>b'Bc\x1b}g\xb3W \xb0e\xd6$/\xe6\xd5\xd0\x82&gt;\xde\xb9\xb6\xd8\xffy\xf4\x94\x97d\xd1V(V\x83{9\x985pvwi\xa1B&gt;\xc0\x94\x16tZ\tnpAH\x8a\x03\x84\x05V\xbb\xd9p\xd7c;\xf463\x8c\xae\xd0\x14\x8df\xe1`\xa4\xfd\xf2^\x1d\xcb\xefP\xc4\x1f\x96\xc3\x1amw\xb4]\xd0\xc7\x83\xbc\xec\x81\xaf\x18\r:%\xf8\xbfrr\x1e\x0b\xa9\x8f#\x05\x1e`\xaa2\x9df\x8e\x1e\xd7F\xa6\x9a\x99\x93\x99\\\x8fv\x11f\x02\x0ej$\xdb\xeb\xb2\x85xO\xaa6\xc2\xed&amp;0*\x0b\xaa\x18\'\xd0y\xee\x16\x02\x16\x80\x95\x0bg(\xba\x91\x1b\xd2\xacB\xd4\xd1p\xa3L%\x98\x1f&amp;{\xec\x08\xd3\xd8\xd2\xda\xca\xea8M)\xc4\xbb\x1b\xf8\x18Q\x05\xb1\x8a*gO\xdd^\xf6\xfa\x0c\n\x1bA`\x1a\xd3\x8e?\xb7\x94\x06\xad\xe3a\x05\xd9J\xc0\x87I2E_faX\xf1\xa7\xde\xa2\xf3^g=\x03&amp;z\xda\xf4\xa1H5\xff\x0b\xddY\xdao\\-\xc8\xeaqb\x9c0\xf0\xde\xa7;=\x08*a\x03\xd1f\nlp\xe5\x1f\xf3gU\x12\xf1\xa1o\x9d\xec\x126\x0e\x9b\x87I\xfb\x07\x95\xc9@\x9b|v\xb0l?\x1amt\\\xc9\xae\x96\xd9\xff\xe8\xb6\xf3\xc1\x0e\xf3\x93q\xbe\x14\xe0\xca\x1a\xda\xff\x1a.\x06\xcdN\xb2V\x97\xf7\x8c\xca\rT\xcd\xc5\n8\xa5\xf2j\xc9\x19&amp;\xbe]\xcb&gt;\xd2\xdbA\xdc\x06\x00\xc4&amp;H\xe7\xd2\xcbmN\xd9\x93\xa4-\x18fl[\xf8mw(um\xab\xa1h7\x90d\xd3\xcd\x86\x90\x91\x07\xc9FN\xf4\x80\xf8Q3\x7f\xc1\x1b:\xda\xd0\x92\x03\xcf\xd20#\x0e\xee\x88A\xb3\x9a\xa2\xe5\xdaA\x9c\xed\xed\x03\xc7\x80E\t\x96\x87\x96|qU\xd8\xa2\xb1}/\xbd\xe9\xb4\x95K~\x85\xd3\xd7\xa57Sz\x85\x81\x85\xfa\xe5\xc2\xfc\xcbZz\x19\xb2\xee\x94\xb8\x82~nZz\xcf;*\x8a\xef\xdc\x86\x96\xa9)\x94\xb1L\xbe\x1b\x04\xef\x9e\xd3\xd9\xbf\xa1\t\xf8d\x8d:\xa4\x17N\x16S+\rB\xad\xb8\xbe\xd4\x97\x90\xe0-\xebz\xc6\x14\xd4o\x10\x90\\S]\x07\x19\xdfE\xd6=]\x82+\xa7h\xc8\xa4}Ry^9\xbb\xa0s\x00\xb7\xf0\xd1\xe9\x1f\x1c\x87w\x80\x9b\x03@29\xe8|\xef\x9f\x9d\xf5r\x1d~1\x03vH\x93\x16\xf2\x97\x80\xb4\x1c\xa0\xb2\xac\x15\xb9\xc3\x11\xfd?\xa8\x92\xc4\xdc\xb0\x1a\xa7\xd1\x9cL\xdcV\x1a\x1b\xda\x89\xc7\x1eF\r{\x8d\xef\xa13;\xa8\x0c\xc5\x0e+\x97\x19cH\xedP\xdb\x94c\xdc&amp;\x01\x89+\x99\xda\xe0\xaa\x06\xc5H\xf4\xad1o\x9d\x9aQ\xf5Q!\x97\xb99\xc9c\n\tV\xc4kd/+J\xf9B\xe8\xf3\xb2\x029\\\xdb\xf1\x96Da\xadG\xeb)\n\xfb=m\x87\xb5,pFHK3\xc9\x93\x19&gt;\xd9\x85\x9bj\xcb\xe8\xc0X\xdb\xb3,\xc7d\xee2\xc6y\x8fKf\xbb\x86\x01\xdcy\x985q\x03\xb1\x1b\x96\xf0\xddhcO6E\x97\x1b\x85\x01\x9c\xebx;\x08\x84YC\xfc\xfaO&amp;\xb29\x05]Y\xf94x\xd3j\xfeDX\xd63\xc40\xb2;\xe8?\xf9\x1b\x9c\xc3S^\xaa\xe0\xc9\xe4]\x8b[\xcf\xce:\x94mb+\xda\xafJ\'\x9e\xdd\xe7s\x16\xb7\x96\x1c{0qTi\x1c&amp;\x9e\xbe\x10\tv\xc2\x0f5\xb3\xe3\xbb\xb6\xfc\xbe\xab\xd2\x94\xfe\xe1\x83q\x9a\xc4wHA\xc8v\x16\x85\x8c\xbaN\xb1\xac\x7f\xf2\x93T\n:\x08s\rR\x08\xb8pDZ\xdd\xdc\t\x82\x1e\x06\x85&gt;\xb4\x07O9XV\xe9y\xfc\xb4\x8d\xd8\xa3h\\\xb9\xd3\xd2V\xf6\xd6=\x15\xe4\xb0\x91\xe2"\xadn\x07\xa6\x19\xe4\x81\xea\xfa\xae\\\xcb\x1c\x02\xb9\x8d }!\xf2q\xb8M-\x06pu?\xeb\x84\xbc\x9eg\xb9\x993c\xf9\\\xabo\x1aP\xe4\x1b\xcdt\xa0\x14\x14\x84\x88]{\x06\xd1\xccE\xac\x80\x1cS\xa1M\x1a\xe8\xb8\xb6X\xc2e\xd6)\xc3Ucp\x83\xa5E~\x14b\x8c\xe6\xafE\x96op\x94*f\x06\xe4#\x13\x9fF\x8d\xca)\xbd\x95\x99O\xb9\x1e\xe7J\xb3\xa2\xc8&lt;\x07\xae\x9a\xa1\xb4D\x96\x12Z\x9a\x9d\xf5\x10Z\x953\x90&amp;\x9e\x86C\xe4\x12\xa2\xe9I@\'\x90c\xa9\x87\xc0\xd4\x1b4\xa8E)\xc3pj\x8c:J\xe0\xd4\xbaP\xd7,\xcf\xe9\xa4\x9a\\V\x8d\xc3\xba\'&amp;B:5)m\x01\xa7\xfd%\x90\xce\x89Z!\xa5jh\xc7@p\rL\x97Hq 02\xffQ\xa1\xf3\xe9\x18e\xe2\xc9#\xbbK\xa2ZB\xf1\xcd\x9f\x8c\x00\x05(\xf8\xe0\'~_\x94\xd6\xc8\x0fb"\x885j\\"\xdfU\x06{\x89rijw+\xe3\xaf{\xde\xc7\x01\xae\xd0\xba\x13\x8f\x1a\xd4\xff\xbf\x82{q\x96[\x15\xe0\x8c\x86\x08S\xaak\x01\xde1\x01v\xeaR^\xc43#\x1e\xaa\x0b\xeb\x01Jq}=\x97Yg\x01V.\xceX\x08\xe5\x9f[\xd4zA"\x05%x\xe3N \x8fJ\x8d\xdc\xc7T\xcbo\xe7\x84\xb9\x1fUN\xf1\x05\xbf\xcb\xacfvBl\x92\xa7\x90+"\xde\xc8\x13E~\x04\xcb\r\x1aJ"\x83\x8c\x89\xee\xc0R\xdc:g9 $\xe8\xc9\x13O\x85\xfe\xd9S8\xe8g\x9e+\xaf.\xf7\x8bOIWj\x03d\x90?\xad\xeb2\xba\xf8\xd9l\xfcVt\x9d9&gt;\x15\xbf\x0f\x99@\xb8:\x8fZ\xe3[\x14\xcb+\xe8\xd1\xd7\xbb\x87\xef/\x19\xc9\xdd\xaeW\xca\xbd\xf5\x04\xd9\x1e$Q\xd8q\x8e\x13#\xb9\x182\xeax\xe4\xca"\'`\xce?+\x85\x9a\xd4a\x10?a\x92r\x17O\xb3\x15V)\xfb\xc1\xf2\xac\x03[_\x878G\xb4\x0bP\xf9v\x13\xb8+\xdc\xbb\x0e\xe3\x88\x12\xf8\x1b?\x8e\xfe!\xa8\xb7\xdb\xee\x87&amp;L\xdd\x89Y\x9b\xc6\xa6\x0e$\x9djD\xecz\x10\xc8\xcf(\xf8\x99\x8d\x8d\xb0x\x06y\x9dz\xa6I\x88\xd1\x0f\x19\xc53vC\xcf\x96\xe0\x14\xfd7\xca\x9bZ\xf8\xbf\xfe\x9e\xa4qIn\xcd\xe6?e\xc4C+v\xb9\x86\x974\x7f;\n\x8a)\xde\xf47\x8c\x17\x9a\xcf6\xe4)\xaf\xa9\xa5\xdf\x11\x01T\x8f\x0bK\x88\x1e\xbb\'\x97\x0b\xf5\x9e\xd0\x8f\xd9k\x98\xb3\xeez\x0bL\xe9m\x16=\xae\xd2\xd9\x17D\x11p\xcf\x80\x7fR\xe8\xfbGzvh\x01"3\xb5\x9f\x93{\xb9\x81&amp;\xd9\xbd\xcb\xc4\xb5z\xe0]H\xc6#\xf0\xc3\x0ej%\x87\xaad\xe1\xb9\xb7\x87\xdb\xf3\xfc\x9d\xb6\t\xe8\xad\xf8\xb9bC\xbdh\xd7\xc2\xe2j\xa9\x98Vl6!:l^\x13K\x18{\n\xcf\xee\xc0\x96\xcb\xbf\xa4?2\xe9\x9f\xa2g6\x13\xd0\x85\xce\xde\xf7D\xe4_\x00\xd9\x1c\xc2\xfc\xcf\xc9\xf8\xc7[\xedd\xc1\xab\xbcBq\xeb\xeb\xdc\xba\x9e\x9a&lt;\xe3)R\xdcf\xb9%\xa2\xa7\xa1\x101\x92\xb1\x08/\xf4\x01\x12a\xda\xac*\xb1\xba\xea]n\xe8\xdb\x9en\xb0- k\xec\xf1,\xd3\xbdTy,\x92\x1eo\x81V#~\xb8\x18\xb9\x08/n\xe2\xb4\xe6\x88B\x1d\t\xc5\xab\x0cT\x89\xdfp@\xc8\x8e%\x11\xb4\xac\xa2\xf9\x84\x1aC\xa2\xe6|.\xed2W+m\x89\xea\xca\xd6\xc6*\xb7.\xae\xf9\x01\x90\x0cE\xcd\x99\xc4\x94v\xabTi\x00\xa0\x17\xf1\xd4Y\n\xf3\xe2\xdc\xe1\x99\xa6\xee\xe6\xbeI\x0e\xf2\rv\xf2\x8b^\xd1\xa9\xee(\x93\xe2\x08E6\xcc(\xbd\x15&gt;\xc6\xd7\xfb|\xd2^\xe9\xc6P\xe0\x10\x95\xd7\xdb\x97b\xf6\xae\xdf\x9e\x8d\x92\xad\xfe\x08\x19\xc3y\x08\xf4\xa1K\x8c{#\xfed\xe3\x95B}%\xf3I\xb6\x85K\xa7/\x1e\x1d\x9e@\x18\xfcjv\xce\xb7\xd85\xf2\xd9\xc3\xa1\x04\r!\t\x91#\x97\x83\x96E\xa9k\xba\xb2*\xfe\xab\x91\xca\xa1H_R/Ug^\x9fkAGOb\xe8\xb3%\xd6\x06!\xcf\x01\xd4v \x08#\x02\xce\x93\x83\xd0\xd4\x8bnt\xba\x8eiApEA\x86.\xd6\x85\xb0\x1e\xa9u\xb7G\xcd\x98\xd9y|&gt;50\xa3\x9f\x13\xf4\xc4\x9eO\x06\x18%UX\xbe\x853\xfb\xd9\x87\x81\x97\xbdxR?x\n\xa2\x08\x1af\xec\\\xcc\x05J\x00&lt;w#K\xfe\x1e\x9e\x03K.\xdd\x9e\x8f\x1e\xcfm@Q\x01r\xd3\xf3\xbd\t\x87\xb7\xc8\x9c\xf0\tU{\xb9\xfe\xdbJ$,h\xb4\x19\xba\xb7\t\xb2D\xc5z\xe6\xd1\x95\xe2 \xeco\x039\xad\xf3\xa5\x99\xae\x9cy\xee\xdf\x19\x8c\xed\xe0;\xc1\x03\xb4w&gt;\x8c0?\x1d\xef@\xf0\xcf\xd8P\xae{\x9a\\\xe2R\xf7\xac\nk\xdf\xa5\xc8+\xc3D\xfb\x08Z\xd7&lt;ft6\xf8\xfcl \xe6T`dQ\xe9ed\xf93FI\x03\xff\xb6L?\x11\x8e\xfe\xc9\x0b\xecX\xcf\xd8\xbc\xa6x4\x9c\xa0\xb5\xa1\xb5\x17\x97\xe9\xd4`\x87k\xe6\x13\x00\xd8\xa7\xfcST\xae\xe9\x00\x1e(0\xd8\xac\xee\xda#q\x12$\x86\x9e\xaf\xcf\x05\xbe\xe7k\xee\xbb\xf6\x92^\xff&lt;\xc2\x8d%\r\xc3P\xf7\xf0\x84\xeaH\x94F3\xc2,4\x06\x04\x16\x12A\xc0\xa2\xca\t\xfd"q\xcb\x98xHS\xf3\xa84\x89Z\x00\r\xf4\xa0X\t\xd0\xf4\x88\xa34j\x0c\xac\x93\x07\x84\x93\x9f\x8e\xb4\xcb\x80C\x14\xb9m\x87z2/\xee\xe4eJ\xca3r\xa4\xb7? Q\xc2\x06E\x8b\xdc\xadN\xc2K\xf9\x83d^_\xbe\xa2\xd9\xb7U\xd5\xe6\x94\x88\x8d\t\\k?c\x0f\xc3\xcbr\xd5\xff\x98\xae\xab\r\xa5V\xc7\xfch\x8b\x0c2$\x14\xb0\xd2\xf2@\x9e*74\x90\'V\xaez\x85\x90\xd6\x9b\xbe&amp;!7\xa0\x16B\xe4\xc1\xfb,\x03\x98.\x91\x15B\xa5\x9f\xb7!\xd7\xee\x07\xb1\x10\xe0\x80\xc8\x85\xb40\xa6s\xb4M\xde\xb01\xe2\xbfR\xc82L(B\x1d\xe9j\\dp\x9f4\x08K\xffy\xae\xac\xa4A\x1b\x88=\x9a\x9dg\xb1lKrcw\xcd\x1a\x15\xbfb\xea\n\x9a\xac\x9eb-`\x8as;&lt;\xda\xf6v\x1a\xc3=\xd2!\x1e\xc8\xbe\x8b\x1e\x07yF%\xe9B\xdd\xe1m\x15\x8a\xbc\xf0/o\x17\x91lQ}\xee\xa8\xda\xdb3\x85\xd0\x11\xe8\xc5\xceod-S\xe4k\xb2\x05x\xf1\x05u\x86m\x81\x12Q\xf1\xd2\xc2}\xe7\x93\xefv\xf6\xb1\xa9\xc5\x94\xc4\x04\x9a-/z\xd394\xb18\xc9\x80y"\xac\xf6\xc9\x989\xea\xd7\x9f\x12\xe99!\xe0}K\xa9\x0b\xee\xbb\xc7\xfa\x8a\x13\x81\x91\x17"w\xeaU\xef\xf2Yk\x9at\xb2\xcd\xcaJ\x1d\xde\xc4\xbdoW-\xb8\xcf3\x16\x9a2\xa8xk$\xf1@D;\xd9b\xc4\xb4\xbb\xa5\x13t\xb6\xbe\xa48\xe3\xd3\xc0\xe0\x1e\xb4\xdc\xf0\xc0\x05D\xa7\xfd\x82|dz\x17r\x04\xf2+h\xe8H\t\xac\x86\x15\x9b\xbbJ\xc7\xe5,\x12\x94\xda{y&lt;\xdfV\x19\xd5\x0891\xdc=sz\xec2\xc5\xb095l\xad\x14m5H&gt;`\xaeWd\xd7\xf2\x89+9{\xa5\xa3)N\x0e;0\x9f\x11\x05Xk\x85\xcc\x94\x7f\x9e\x9b\x97\xfa \x80\x13\x83&gt;\x84\x8cH\r\x19\xaa\xa7&amp;\x8e\xce%&lt;\x8a_l\xbf\x90g\xe3\x1b\x9b\xea\x1b&amp;\xcd\x9f\\\xb4\xa8\xaa5\x1d\xc1\x1a\xd7\x1b\x8e\xd4L\x02\xb1z,G2\x96Jz\x80L\xac\xca\xec\xdfe\xc1\xca@\x82\xef\xdb\x85 \xc3\x1fE\xe9\xfd \x87J\xbe\x1f\x10\xb8\xd2\x850K.\x01{\xbd\xf3\xed\xd2\xf8\x8f1\x7f\x1a`4\x98-\xa5\xcd`\x07\xfb\xd0\r\xa3\xb7\x9c|\xa2\x81i\x05q\x07Q\xf4V4s\xc9&amp;\x1e\x91\xfcO\xdd\xcd\x1b\xa9\xfeN/\xbe\xb1\xc6\x04\xd6\xd2\x04\xdd\x00\xfd\xe5h-\xd4G\x9f~a\xda^\x08K\x8aH\x7fb\xb4\x18,\x1bM\xcb\x04\x0cD\x16\xcdz\x08Z\xfa?\xca%\xc0\xa3\x96\x89\x87\x9ej\xcb\xfc\xcb2\xceZ\xaeu\x0e\x8ek~\xcd5\xf2\x01\xaa\xab\x97\x02\xcc\x8d\x82l\xca\xc9\x80\xfaK\xf5vl\xa1\xa2Q\xb6\xd2\x1f\x9b`cM\x08\x08!\x02\xb0\xf8a\x8a&gt;\xe6\x8eqf\xb0\xdb\x80\x7fO\xdd\xb2\xd2\xef\xa1\xa9Ex\x01}\xe0\xc5\x02\x1chl3Gb\xa0N\x9b\xe6\xc9I\xe9\x17\\0i\x80\r\xa1\xc9\xee\xb6\xbf\xc5\xe5}\x11E\x1f\xf5S_\xda\x05\xf7\xaaR\x9e\xe8G-22\xc06oC\x7f\xe5\x0f\x12\x17\x90\xfc\xebT\xfa\x0b\xa9\x80`6p\xf7\xc0\x91\xa9\xa9\n\xd3\x92\x85\x83\x1d\xa2\xeb\xf5\xad\x9b\x9c!\x8dg\xc9J\xe6d\xc3N\x0f\xf3P\xb5\xd6Nc\x0b\xb9\xccQ\xcc\xb5N\xf0\\\x9c\xa2$\xa5T\xe8g3\xd9\xe3\x06o\xf0dh]\xca\xcf\x19\'\x96\x12[\xa4 A\x04\x1d%1Y\x92\x12\x0b\xd0CG\xdcY\xe1\x8e\xb1TO\x8a\xda\xc12\xd42\xf7\x14\xbf\x92\xd8\xee+7\xf1\x87\xe1\xf4z\xb5ur\xba\x92\xe44\xc4\x92t\x80\xf2\tj\xd1 8\xd1j\xe0\x80\xf7I\x1c\xcc\x8f\xf7\x1c\x8c\x9f\x988\x12\xa3\x9f#\xcb\xa5\xdf\x85\x07z;W\xd5C\xd2\x108\xd4r&lt;\x86\r,c{\xc95\x00W\xdb\xd4\x96\xa3\xb9\n)\x97\xe4\x1fZ{\x19\xb3/YN\xda\x936J[\x95 \x16lFf\xb9 \xb4IFANp\xee\x9e?\xc3KPuM\xae\xff;\xdf\x8cA:\x91\x84\x90\x80s\x03\x1f\x1e\x05-\xe3\x18\xaa\x8d\x81H\x8f\x87an\xa7\xdbz#0\'\xdd\xebKK\xc0\x9e\x04\x86\xcb\x8f\xd2I\x90\x1e\xeax\x05\'d6\x11\xff\xf2\xb00\xe8\x0f\xd3\xf4\x81\xdf-bn\x1f\xd6T\x02\xd9\xbat\xbb\xaf\x85\x0bg\xe7k!\x92{ny\x97\x11\x0c\xd2\xad\x82\xe1\xd8\xd2\xf3\xa2\xf2\x03#2P\x0e\x11qN\xc1\x1f\xa9@\xc4\xecG\x88\xd0\x9e2\xaa\x9dE+\\\x8e\xa1\x93\x94z\xe5\xc0\r\xffJ\x08\xa8\xc9\x0f\x8aD\x19\x97\xea\xc1\xe4]\xe6\xc3^Q\x99\xb2\xf9=\xde\xfe\xd8mM\xb3"`B\x85\xc1\xf7\xf7iI\x95\xff\xe9`Q\xc4\x01\xe0@\xf4\xf2\xf3\xef&lt;\xcd\xe6,\x11e\xb7m: \xffIe\xb2+e\x11\r,\x88\xb2AJ\xd0&gt;\x0f\x06\x99\xb4N\xccp\xedx\xbd\xb8\x8a\xc8\xd5\x89\'\xd4s\xf2\r\xe6\xd2\x02\x14\x83\xbe\xaf\xefIi\xb9\xf3rH\\\x96.\xf8\xa5\x9e\x0c\xac`C\xdd\xd1\x15\xfe\xbc\x91\xd4\x80\xc5\x03\x8b&lt;O\xaa\x1d&gt;\x8a\x1f\x04H\xd6 \x06A\x97\x15\x08\x9e!_=l`\xc1\xd7\x00@4\xe2&gt;\x89\xfb\xecc\xa8\xaa\xfc\xa87N\x8ci&lt;\x84D\xa2\xa3/\x1dF\x9a\xfb\xb0\xee\x16\x82ou\xees";\xc4OI\xa2Q\x98\xe0\x17\xbdg\x82\xc2\xac\xa1\xe6\xa23\x16\xbd\xb9&gt;\x167\xe1\x0f\xe3x\xdfOp\xe0G\xecfo\xf7\xe1\xb9&lt;\xf2\x14\xdf++QU\\\x9d\xc5\xe88\xee\xa6\x9d?Z\x01\'mG\xf2\x14$*\xfc\xecXK\xda\xc7d\x8c\x0e`V\xf8\x9b\xdf\xb4\'"\x1729\xe5\xee\xc4\xb1'</t>
  </si>
  <si>
    <t>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</t>
  </si>
  <si>
    <t>b'Bc\x1b}g\xb3W \xb0e\xd6$/\xe6\xd5\xd0'</t>
  </si>
  <si>
    <t>s why he hates it. No one's never gone in since, an' he won't
let any one talk about it."
Mary did not ask any more questions. She looked at the red fire and
listened to the wind "wutherin'." It seemed to be "wutherin'" louder than ever.
At that moment a very good thing was happening to her. Four good things had
happened to her, in fact, since she came to Misselthwaite Manor. She had felt
as if she had understood a robin and that he had understood her; she had run in
the wind until her blood had grown warm; she had been healthily hungry for
the first time in her life; and she had found out what it was to be sorry for
some one.
But as she was listening to the wind she began to listen to something else.
She did not know what it was, because at first she could scarcely distinguish it
from the wind itself. It was a curious soundâ€”it seemed almost as if a child
were crying somewhere. Sometimes the wind sounded rather like a child
crying, but presently Mistress Mary felt quite sure this sound was inside the
house, not outside it. It was far away, but it was inside. She turned round and
looked at Martha.
"Do you hear any one crying?" she said.
Martha suddenly looked confused.
"No," she answered. "It's th' wind. Sometimes it sounds like as if some one
was lost on th' moor an' wailin'. It's got all sorts o' sounds."
"But listen," said Mary. "It's in the houseâ€”down one of those long
corridors."
An</t>
  </si>
  <si>
    <t>b'\x83\x02;\t\x99U\xedF\x89\x8a\xa1\x8dK.\xc9\x1d8\x0c\xba=N\xb7Yn$\xd7\xa38\xe3\xe8=\xfe\x969\x869\xb2Tr\n\x91\xdf[\x90\x0e\x96R\xdb\xe4\x8e\xdb\xf7-\x06\xd3v\xcd\x9b\x05&lt;]\x07@D\xa9\xc5\xaf\xb7A3\x112\x92$\x9fG\x84\xbb\xd9l\x02\xc0\x1bu\xf0\xee-D\x9b\xda\xb2\xc5\xf3\xadp,\xf1X\xc4\xfaDr\xb0K\xaf\xae\xbffU\xa2\xcdZ\x93\x14\x1d\x7f+I\xee\xbf\xde\x89fA\xf8Jo\xdfU\xb8,L\xfb\xa0\xdb3\xdf\xf8\xa0(\xf0?\x14\x99=\x0e\xa6\xe5\x08b\xee\xfact\xd7\x07\xeb\x94\xa1 \xf0\x95$\xbby\xe0\xadN-\x11\x8b\xa4\xf6\xb7\x00\x85\x88\x9a\x0e(\xd2q\x1e\xaa\xab\'\x8e?\t\x87\xc2\xbd\x93\x13\xde*\x19hp41\x87\xaaf\xbd\xf8z\xfd\xe7Yj\x91Get\x14i\xea`\xb9\xe4"\x86_\x06\xed \x8a\x13\xbd\x98#\x9c\xcc\xf4&lt;\xea\t\xfd]\x12\x90q{$\\\x98P\x81%\xc8j\xe5SDz\xd5\xf4-\xc1o\x99\x99}G\x1b\xaa\xc1\xf9\xaa\x96\xbe\x19\xe7\x05\xf1\x04\x87\xfa\xdd\xe0NRT\x80\n\xe7\xa4I\xd9)&lt;_I\xd9S|\xb5+w\x080\xddm=\xf0\xbe\xe5\x0f\xde\xcf\x81*\x89\xdc\xaf\xa0!2ka\x14\xb8\xee;\xc0\xe2/\xb5\xdcO\xbe\xb3\xed\xec&amp;\xb0\xdb@\xd0\xe5\x1a;\xdd\xa5\xd1\xe2\x11D\x022E:\xc4\xb9\x07\x9a\xf1\x89,?\x84\xd6I\xa1Ci\xdc+\x01b\xb5\x9c[(f\xaf\xd8\x92\xe9\x14^\xb9k\xbd\x80]\x89f\\\xf1\x96a\x13\x0c\xec1\x18\x1f\xb3\x0b\xa9u\x9eb\x8b=\xea\x88)#Lw\x8e\xd3\x83,rX\x81\x19\xc4{r\x07\xfd\x04\xb3\xea\xf4\xf3\x83\xf1\xcf&amp;\x1c\xffP|\xbd\xdeW\x15,\n\xcdD\x92\xcb/\xf3\x92\x08\xd8\x98K\xf1\xb0\xcb\xc6-!@\x90k\xf8\x9c\xf3_?\xa4\x11\xbe4\xd6\xfc]\xe8`K\xd3\x0b\xbc`\xe2\xa2U\x13#\x87@\xdf\x9e\xa9U\x80\xeeG\xa6\xfe\xa9\x83\xe0b\xb5\xfc\xd9\xdeL\xee\x02}\xf1\xb0\xcb\xc6-!@\x90\xa4\xea\xf4Q\x08\x13\x0bP\xcb,f\xe5x\xca\x1e\xc3\xdd\xa8"\x95:\xdd(\xe2\xbe\x81;\xa2-\xcf\x80\x1a\x94\xed\xb5P\xb9lT\xcf#\x89\x1f!\xfd\xeah/\xee\xee\xda@&lt;\xeb\x12\xd5\x89\xb1\xae\xf2-VNJjA&gt;\x8c\x06\xf8\x1cB\x99\x88\xe70\x16\'\x85\xbd\xbab\xf2\x19\xdd\xd3`\xda%\xf9\xa4\xf6\x1f\xd2\xf3\xcaLL\xe8\xd3/\xf3\x87\x04WTR\x0cs\x92\x92\xa4l\x87\xa8I)\xc5\xc9\x16QN\x03\x06%=\xdd\x86R\x126a\xefe\xe8\x89\xce\xa7P\xdao\xdaK\xee\xa3[\x89\xa6G&amp;%F\xd07\xa0v\xe3\xdfg%\xf6/\x91\x11K]\xaaj\xfc\xfcHu\xcb\xed\xa4U1\xf3\xa7\x97B~\xc0a2a&lt;h\xf3\x94\xe1f7\xa8P\xa7&lt;\xdfY\xae\xc3\xc6B\xb1\x87\xfc\xdc\x89\xa0.\x82\x8c\x96jCb\x8fj\xdc\xc7\xee\xe8=\x15?}/\xd7\x00l\xf6^!hF\x83\x12\xb4S\xc9XkA\xa43"\xf9A\x94\xbdK\x08)\x05B\x12\xfaO\xc8&gt;\xda&amp;\xb7\xb0T\xadFu\xa7u:\xd8\x16~\xe08\x11-\x89\x01\xc4\xa2;\xb6D)0h}(S\xa8\x85X\xd4lT\n{,\x87\xd8\x87:\x1a\xbb\xa4\xe5\x12Q\x16SO\x06/\x1b \x1eh\xd4\xfc\xcd(\xcf!\xd5!q\x1f\xa7Q\xb0\x0f{b\xfc\x84A\xe8Fr\xcdqH|\xb6,\x05\xf1\xea\x04\x10a\x96\xac\xa6\xccv%\x00\x1dw\xe6&lt;(\xbc]\xc5O\xc8k\xbe\x90o\xe4\xc2a\xc9)"\xc3\xcc!\'\xa3[\x89\xa6G&amp;%Fv\xb6~\'x\xea(\x015t\x1b=\xa7\xbb\xdf\xd7o\x91\xc7\xf7i\x1a\x1eB\xd2[\x7f\xc7\x04G\x12\xb9\x04X\x0e\xb6\xf4\x8f\x86H\xb9t\x99})Zz\x9a\xf3\x94\xb0\x97\xaa\x85\xea\xb0TX\x8bH\x9c]\x9f\xa8\x00\xa4\xe7\t\xe1am\x9a\xce\xa5\x0c\x98\x13n\xd6\xb0?\x05\x12\xd6\x92P\xfc\xfb\xc7\xfa*\xc8\xd0\xfdX=\xec\x1d\\1\xef\x1e\x18\x0b\xb1\xa2\xb8\xae\xc4h|kP\x00\x9a\xf2J!\xc4\x1c\x81\x1c\xa7\x12\x9d;\x88~_\x87\xa9\xa2\xb3\xa3\xe0\xfe7\x02C\xb0(\x00\x9c\x86\x8a\xcaEbx\xa7o\xfd\x8bfQ\x8fer\xdd\xaf[\x96w\x00\x11-E\xadc\x82\xb9\xca\xcd\xe0G/\xe3\x15\xc1\xbeL,\x05\xec/\xe2=u\x9eJT\xde\xde\xee\xa5\xf8\x01dj\xdf#\n`,,lD\x15\xcb\xcc\xcaJ\xc1\xe3\x1c\xfe\x06E\x95&lt;\xaaOe8\x15\x8f\xa2B\xfco^\x08#\xea\xca\x0b.+\x1d\xf4\x96T\xab\xcb\xa9F\xcd?-\x1bD;\x88Q\xe9\xd2!\x0e\xfeAtK\xaa~\xc4\xf45e\xa8\x9bX\xd4\xa6is\xcc\xf0b\xd4b\x89\x984\xd4u\xe2:\xb6n\xf7\xd2 x\xeb\x19\xbbX\x17c\x03\xc8w\xdb\xbdH\xd7\xb6\xd2\x84\x1f4\xeb\xbeV\x16\x80\xa0\x85\xfa\xb2\'h\x0bN#\x97\x08\xd9G\xc7\xf2\x13\x1a\xa2\x0c\xc1B\x1a\xae9o1\xf1\xdf\x066\x0b\x89*\xa1\xf9q|2\xbbH\x04\xb3\\\xb7\xbf\xa3\xec\xd3\\\x0b\xda\xf1Z\xbb\xdd\xf0)\xdb\xab\x9b-zf\x8f\xa9:\xf4\xfe\xe8-:\xaf[N\x90\x1aS\xaa\x85\xa2R\xaa\xd1\xee\x8f\x85\xff\xab&lt;9\x0fpL\x03\xbb\xec\x92I*\x07+\xdd4\\\xc7#\x95\xa6\x91V\xfb2\x0c\x96c\x81\xd6\xb9i\xa9\x8a7\xe6\x7f\xe0\xf4\x9ba\x0c\x16\x97uin\xc2\x1c\xc1\xad\x94\xc0\xfao;\xea5\xa2\xc0`s\xe1\x93\x84p\x98z\xa46`3p\xdc\x9a^\xf7\xea\xe4\xcbM\x0f\xdb\x9a&lt;\x1d\x96\xcc\xd8\xc1\x8a\x8e\x15\x1b\xf3Pd\x96Z\x90\x13'</t>
  </si>
  <si>
    <t>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</t>
  </si>
  <si>
    <t>b'\x83\x02;\t\x99U\xedF\x89\x8a\xa1\x8dK.\xc9\x1d'</t>
  </si>
  <si>
    <t>at length, confessed,
 what the Count had begun to suspect, that they had been, for some time,
 doubtful of their way, and were now certain only, that they had lost it.
 At a little distance, was discovered a rude and dangerous passage,
 formed by an enormous pine, which, thrown across the chasm, united
 the opposite precipices, and which had been felled probably by the
 hunter, to facilitate his chace of the izard, or the wolf. The whole party,
 the guides excepted, shuddered at the prospect of crossing this alpine
 bridge, whose sides afforded no kind of defence, and from which to fall
 was to die. The guides, however, prepared to lead over the mules, while
 Blanche stood trembling on the brink, and listening to the roar of the
 waters, which were seen descending from rocks above, overhung with
 lofty pines, and thence precipitating themselves into the deep abyss,
 where their white surges gleamed faintly in the moon-light. The poor
 animals proceeded over this perilous bridge with instinctive caution,
 neither frightened by the noise of the cataract, or deceived by the gloom,
 which the impending foliage threw athwart their way. It was now, that
 the solitary torch, which had been hitherto of little service, was found to
 be an inestimable treasure; and Blanche, terrified, shrinking, but
 endeavouring to re-collect all her firmness and presence of mind,
 preceded by her lover and supported by her father, followed the red
 gleam of the torch, in safety, to the opposite cliff.
 As they went on, the heights contracted, and formed a narrow pass, at
 the bottom of which, the torrent they had just crossed, was heard to
 thunder. But they were again cheered by the bark of a dog, keeping
 watch, perhaps, over the flocks of the mountains, to protect them from
 the nightly descent of the wolves. The sound was much nearer than
 before, and, while they rejoiced in the hope of soon reaching a place of
 repose, a light was seen to glimmer at a distance. It appeared at a height
 considerably above the level of their path, and was lost and seen again,
 as if the waving branches of trees sometimes excluded and then admitted
 its rays. The guides hallooed with all their strength, but the sound of no
 human voice was heard in return, and, at length, as a more effectual
 means of making themselves known, they fired a pistol. But, while they
 listened in anxious expectation, the noise of the explosion was alone
 heard, echoing among the rocks, and it gradually sunk into silence,
 699
 which no friendly hint of man disturbed. The light, however, that had
 been seen before, now became plainer, and, soon after, voices were heard
 indistinctly on the wind; but, upon the guides repeating the call, the
 voices suddenly ceased, and the light disappeared.
 The Lady Blanche was now almost sinking beneath the pressure of
 anxiety, fatigue and apprehension, and the united efforts of the Count
 and St. Foix could scarcely support her spirits. As they continued to
 advance, an object was perceived on a point of rock above, which, the
 strong rays of the moon then falling on it, appeared to be a watch-tower.
 The Count, from its situation and some other circumstances, had little
 doubt, that it was such, and believing, that the light had proceeded from
 thence, he endeavoured to re-animate his daughter's spirits by the near
 prospect of shelter and repose, which, however rude the accommodation,
 a ruined watch-tower might afford.
 'Numerous watch-towers have been erected among the Pyrenees,' said
 the Count, anxious only to call Blanche's attention from the subject of
 her fears; 'and the method, by which they give intelligence of the
 approach of the enemy, is, you know, by fires, kindled on the summits of
 these edifices. Signals have thus, sometimes, been communicated from
 post to post, along a frontier line of several hundred miles in length.
 Then, as occasion may require, the lurking armies emerge from their
 fortresses and the forests</t>
  </si>
  <si>
    <t>b'\x88\x10L\xeb\xeb.\xd5\xe4\xd8]QHB\xe9o\x8c\xe2"\xbbq\xca2\xb4\x88\x8al;g)\xcf@\x896\x7fX\x96\xd2\x02p[]A\x83\x1a\xa4(\xc9\xce4\xf6h\xd3J\xed81\xe3\xe9\xb3\xa2\xd0*\xa4\x1a'</t>
  </si>
  <si>
    <t>88104cebeb2ed5e4d85d514842e96f8ce222bb71ca32b4888a6c3b6729cf4089367f5896d202705b5d41831aa428c9ce34f668d34aed3831e3e9b3a2d02aa41a</t>
  </si>
  <si>
    <t>b'\x88\x10L\xeb\xeb.\xd5\xe4\xd8]QHB\xe9o\x8c'</t>
  </si>
  <si>
    <t>f her words. They both heard the sound that
 checked her. It was not on the slates, but on the stairs below, and it was
 Miss Minchin's angry voice. Sara sprang off the bed, and put out the
 candle.
 "She is scolding Becky," she whispered, as she stood in the darkness.
 "She is making her cry."
 "Will she come in here?" Ermengarde whispered back, panic-stricken.
 "No. She will think I am in bed. Don't stir."
 It was very seldom that Miss Minchin mounted the last flight of stairs.
 Sara could only remember that she had done it once before. But now she
 was angry enough to be coming at least part of the way up, and it
 sounded as if she was driving Becky before her.
 "You impudent, dishonest child!" they heard her say. "Cook tells me she
 has missed things repeatedly."
 138
 "'T warn't me, mum," said Becky sobbing. "I was 'ungry enough, but 't
 warn't meâ€”never!"
 "You deserve to be sent to prison," said Miss Minchin's voice. "Picking
 and stealing! Half a meat pie, indeed!"
 "'T warn't me," wept Becky. "I could 'ave eat a whole unâ€”but I never laid
 a finger on it."
 Miss Minchin was out of breath between temper and mounting the
 stairs. The meat pie had been intended for her special late supper. It
 became apparent that she boxed Becky's ears.
 "Don't tell falsehoods," she said. "Go to your room this instant."
 Both Sara and Ermengarde heard the slap, and then heard Becky run in
 her slipshod shoes up the stairs and into her attic. They heard her door
 shut, and knew that she threw herself upon her bed.
 "I could 'ave e't two of 'em," they heard her cry into her pillow. "An' I
 never took a bite. 'Twas cook give it to her policeman."
 Sara stood in the middle of the room in the darkness. She was clenching
 her little teeth and opening and shutting fiercely her outstretched hands.
 She could scarcely stand still, but she dared not move until Miss Minchin
 had gone down the stairs and all was still.
 "The wicked, cruel thing!" she burst forth. "The cook takes things herself
 and then says Becky steals them. She DOESN'T! She DOESN'T! She's so
 hungry sometimes that she eats crusts out of the ash barrel!" She pressed
 her hands hard against her f</t>
  </si>
  <si>
    <t>b':\x1fY\xd12f\x1bY'</t>
  </si>
  <si>
    <t>3a1f59d132661b59</t>
  </si>
  <si>
    <t>ize of any one firm. Internal economies of scale
 occur when the cost per unit depends on the size of an individual firm but not necessar_x0002_ily on that of the industry.
 The distinction between external and internal economies can be illustrated with a hypo_x0002_thetical example. Imagine an industry that initially consists of 10 firms, each producing
 100 widgets, for a total industry production of 1,000 widgets. Now consider two cases.
 First, suppose the industry were to double in size, so that it now consists of 20 firms, each
 one still producing 100 widgets. It is possible that the costs of each firm will fall as a result
 of the increased size of the industry; for example, a bigger industry may allow more effi_x0002_cient provision of specialized services or machinery. If this is the case, the industry
 exhibits external economies of scale. That is, the efficiency of firms is increased by having
 a larger industry, even though each firm is the same size as before.
 Second, suppose the industryâ€™s output is held constant at 1,000 widgets, but that the
 number of firms is cut in half so that each of the remaining five firms produces 200 widgets.
 If the costs of production fall in this case, then there are internal economies of scale: A firm
 is more efficient if its output is larger.
 External and internal economies of scale have different implications for the structure of
 industries. An industry where economies of scale are purely external (that is, where there
 are no advantages to large firms) will typically consist of many small firms and be per_x0002_fectly competitive. Internal economies of scale, by contrast, give large firms a cost advan_x0002_tage over small firms and lead to an imperfectly competitive market structure.
 140 PART ONE International Trade Theory
 Both external and internal economies of scale are important causes of international
 trade. Because they have different implications for market structure, however, it is difficult
 to discuss both types of scale economyâ€“based trade in the same model. We will therefore
 deal with them one at a time. In this chapter we focus on external economies, in the next
 on internal economies.
 The Theory of External Economies
 As we have already pointed out, not all scale economies apply at the level of the indi_x0002_vidual firm. For a variety of reasons, it is often the case that concentrating production
 of an industry in one or a few locations reduces the industryâ€™s costs even if the individ_x0002_ual firms in the industry remain small. When economies of scale apply at the level of
 the industry rather than at the level of the individual firm, they are called external
 economies. The analysis of external economies goes back more than a century to the
 British economist Alfred Marshall, who was struck by the phenomeno</t>
  </si>
  <si>
    <t>b'0E\x02!\x00\x80(`\xa6\x0f\xbdY\x00\x1b\xceo\\\xdd\xfd\xc2\xaa\xaf\xe9\x14\x9f\xacH\xcf\x13\x16^\t\xc8\xc3\xbbT\xa5\x02 \\\x94\xa4\x89p8\xda\xb1\xa7\x065:8\x01\x08n\x82mz\xad\xc4=\x04\xcct\xbb\xf8\xd4\xe3t@^'</t>
  </si>
  <si>
    <t>3045022100802860a60fbd59001bce6f5cddfdc2aaafe9149fac48cf13165e09c8c3bb54a502205c94a4897038dab1a706353a3801086e826d7aadc43d04cc74bbf8d4e374405e</t>
  </si>
  <si>
    <t>b'0E\x02!\x00\x80(`\xa6\x0f\xbdY\x00\x1b\xceo'</t>
  </si>
  <si>
    <t>nd patting me as if he was quite overjoyed. I could not say
 that I remembered him, for now he was a fine grown young fellow, with black whiskers
 and a man's voice, but I was sure he knew me, and that he was Joe Green, and I was very
 glad. I put my nose up to him, and tried to say that we were friends. I never saw a man
 so pleased.
 "Give you a fair trial! I should think so indeed! I wonder who the rascal was that broke
 your knees, my old Beauty! you must have been badly served out somewhere; well, well,
 it won't be my fault if you haven't good times of it now. I wish John Manly was here to
 see you."
 In the afternoon I was put into a low park chair and brought to the door. Miss Ellen was
 going to try me, and Green went with her. I soon found that she was a good driver, and
 she seemed pleased with my paces. I heard Joe telling her about me, and that he was
 sure I was Squire Gordon's old "Black Beauty". When we returned the other sisters
 came out to hear how I had behaved myself. She told them what she had just heard, and
 said:
 "I shall certainly write to Mrs. Gordon, and tell her that her favorite horse has come to
 us. How pleased she will be!"
 After this I was driven every day for a week or so, and as I appeared to be quite safe,
 Miss Lavinia at last ventured out in the small close carriage. After this it was quite
 decided to keep me and call me by my old name of "Black Beauty".
 I have now lived in this happy place a whole</t>
  </si>
  <si>
    <t>b"2\x12\xfb' \x1fX\x1d"</t>
  </si>
  <si>
    <t>3212fb27201f581d</t>
  </si>
  <si>
    <t>he had never heard before, â€œSure then Iâ€™m here! Digging
for apples, yer honour!â€
â€œDigging for apples, indeed!â€ said the Rabbit angrily. â€œHere! Come and
help me out of this!â€ (Sounds of more broken glass.)
â€œNow tell me, Pat, whatâ€™s that in the window?â€
â€œSure, itâ€™s an arm, yer honour!â€ (He pronounced it â€œarrum.â€)
â€œAn arm, you goose! Who ever saw one that size? Why, it fills the
whole window!â€
â€œSure, it does, yer honour: but itâ€™s an arm for all that.â€
â€œWell, itâ€™s got no business there, at any rate: go and take it away!â€
There was a long silence after this, and Alice could only hear whispers
now and then; such as, â€œSure, I donâ€™t like it, yer honour, at all, at all!â€ â€œDo
as I tell you, you coward!â€ and at last she spread out her hand again, and
made another snatch in the air. This time there were two little shrieks, and
more sounds of broken glass. â€œWhat a number of cucumber-frames there
must be!â€ thought Alice. â€œI wonder what theyâ€™ll do next! As for pulling
me out of the window, I only wish they could! Iâ€™m sure I donâ€™t want to stay
in here any longer!â€
She waited for some time without hearing anything more: at last came a
rumbling of little cartwheels, and the sound of a good many voices all
talking together: she made out the words: â€œWhereâ€™s the other ladder?â€”
Why, I hadnâ€™t to bring but one; Billâ€™s got the otherâ€”Bill! fetch it here,
lad!â€”Here, put â€™em up at this cornerâ€”No, tie â€™em together firstâ€”they
donâ€™t reach half high enough yetâ€”Oh! theyâ€™ll do well enough; donâ€™t be
particularâ€”Here, Bill! catch hold of this ropeâ€”Will the roof bear?â€”
Mind that loose slateâ€”Oh, itâ€™s coming down! Heads below!â€ (a loud
crash)â€”â€œNow, who did that?â€”It was Bill, I fancyâ€”Whoâ€™s to go down the
chimney?â€”Nay, I shanâ€™t! You do it!â€”That I wonâ€™t, then!â€”Billâ€™s to go
downâ€”Here, Bill! the master says youâ€™re to go down the chimney!â€
â€œOh! So Billâ€™s got to come down the chimney, has he?â€ said Alice to
herself. â€œShy, they seem to put everything upon Bill! I wouldnâ€™t be in
Billâ€™s place for a good deal: this fireplace is narrow, to be sure; but I think
I can kick a little!â€
She drew her foot as far down the chimney as she could, and waited till
she heard a little animal (she couldnâ€™t guess of what sort it was) scratching
and scrambling about in the chimney close above her: then, saying to
herself â€œThis is Bill,â€ she gave one sharp kick, and waited to see what
would happen next.
The first thing she heard was a general chorus of â€œThere goes Bill!â€ then
the Rabbitâ€™s voice alongâ€”â€œCatch him, you by the hedge!â€ then silence,
and then another confusion of voicesâ€”â€œHold up his headâ€”Brandy nowâ€”
Donâ€™t choke himâ€”How was it, old fellow? What happened to you? Tell us
all about it!â€
Last came a little feeble, squeaking voice, (â€œThatâ€™s Bill,â€ thought
Alice,) â€œWell, I hardly knowâ€”No more, thank ye; Iâ€™m better nowâ€”but
Iâ€™m a deal too flustered to tell youâ€”all I know is, something comes at me
like a Jack-in-the-box, and up I goes like a sky-rocket!â€
â€œSo you did, old fellow!â€ said the others.
â€œWe must burn the house down!â€ said the Rabbitâ€™s voice; and Alice
called out as loud as she could, â€œIf you do, Iâ€™ll set Dinah at you!â€
Th</t>
  </si>
  <si>
    <t>b',\xc7/\xc3\xfc\x03\x1fZc\ty]\xb5\x7f\xeb\xca\xe5\xd1\x8b&amp;6\xa2\xd5\xfd\xa9\xbbd\x94\xe5e\xae\x8a\x9d"\xee\xb4f\xaf\x08\'-\x0f\xf2\xb024\xa9([&lt;\xbd\xc4gm^ru\xaf`\xe0H\xc0%\x9a\x9f\x9d\xb3Q\x8d\x9a\xa2\xb9\x0b\x00+\xd9\r\x17\xb0\x8bbt\xb7W\xa8\xef\xa34\xc4r\xd6 .\x84\x9e\x04\xa4\xcc^\x96\x0e:_\x8d\xe21\x11SI\xbe#($v\xa8\n\xc9\xc2\xd2\xba\x01\x89\xa5h\xa6\x85\xd3\xd6\x85\x8eT\x7f\x19\xcf\x98\xfa\x85v\x0ek\xdal\x11\xee\x1f\xa0\xdco\x988\x13)\x05t\xedye#\xba\x81\xcd\x7f\x99\xc7Y\xb9\xbeZ\x86\xaf\xe4H0\xf5[\xb2\xf8\x02o\x02#\x91\x97^\xba"B\x13\xe3\xb2@7O\xac\xaa\xe3\x0c\x88\xa5\x14\'\x7fxi\xbaO\xaa@\x05\x894\xbaw\x9f\xbb\xd4*\x8c\x1c3\xcc5\x9dQ\xae\xa8\xbd\x83\x96\xec\x1c+#\x11\xb2\xd7&gt;\xda\xd56\xd3\x80\xf0C\x02\x1a\xcd)Rf\xcc\xf8\x98\xf3\x0c\xb06Yf\x85-\x11~\xc8C\xb9\xdd \xe2\t\x16\xb7\x19\x8f\xf5\xbd\x002\xcc\x91\xfc\xde\xdd\x99Q.\x18:\xcb%\xca\xd8o\xc2`d\xcbL\xcf/%\xcex\x1c5\xdf\xfa\xa5c\xc7\xf5K\xf5\x06\xc1\xcb\xf9=&gt;\x13\x05\xa7l\x06\xb4\xcdH\x11~\x18]\x1e&gt;\xdbB\xf4L\xd3\xc6^\x1f\xd3\x8ap0\xcf\xc6\x0b\x9a\x11\xba@\x89\x887\x88\x81\xcb\x9b\xf8|\xbe:\xbcp\xdc\xfa\xc7rc\x02"\x85\x83\xff\x91\xea,&gt;\xc7\xea\x1c\t\xf3\xcb\xfa\x01\xcf\x0c\xe3\xb7\xf6\xaa\x86&lt;s\x05\x1a\xf0\xc2\x0b\xf5\xfd\x1f#T\x11\x02\x86\x99!;\x92m\xcc\x92\x9f\x84\x80bE\'\x0c,\x0b\xe4\xcc\x8a\xde\xe4%0\xf6)Y&gt;\xc0\x9d\x07\xf9x\xbe\x91\xf8\x97\x93T1\xaa\xf9K`\xa9\xf1Td\x1b\x87~\x94\xf7\xf9M\xfb0\xf8\xfb\x9a\xba\x10|\x1a\x05+\x96\xe0OXWF\x9c$\xb85\xfd\xe5\x95\x9a\x81\xc4\xdd\x12m\xe8\xda\xb8\x84eY\xcbY\xd3h\xb895\x15\x1ex\xf2\xe5:\x1e\x845\xad\x13X_+\xe8\xe8g\x1d\xa0ihC\xa0\x9d\x18\x0cVOO\x89\x96\x80]\x18\x89(\xd7\xff/b,OkQ\x1e\xea\x0e@\x93\x9f\x99\xa7\xd6t\x11\x12\xf3&gt;.\xfdMn\x99;o\x9d\xc4\x80\x1f\x9d%%;=\xdf\xcd\x14\xd4,\xee\xe9\x0e\x13\xb8\x96"\x95\xbe97\x94\xf8\x80\xec\x0f\x1b\xb68\x8b\x02\xd80\x03\x9f\xd5ny\xb2\x08X\xb6\xcbu\xba\tm\x8e\xcedBm}\xc2\x14\x82xq\xa8\xeeXx\xb8\'\xde\xc1\xbd\x02\x80\x9f\xf3\xcc\x82\x9cT\xed\x1c\xe0\xea\r\xfdu\xd22\xcc\xce\x8a\xd3\xb8\xc1Z\x19\xa0\xcd\x0cq\xc7\xa8\xe0\xffI\xdc9G\xb8.?\x92\r1\xcazgd\x84(\xcaE\x148b@\r=\x96\x82\xe9&lt;\x1cQ~\xdd\x99\xb2\x82T&lt;\xb4a\x1ap\x9b\x99\xa6\xe6\x06\xb3\xd9N6%\xd1\x04i9\xc9\x88\xa5\xd5\xa5\x10\xaf\xd8E_fr\xe5$\xcb\x8f\x86+\xb4\xf5\xb2t\x02ce\x818h\xd4\x99\xbd\xc7\x07\xde&amp;qwxd\xbf\x96\xe3\xa0\xb3\xd52?\x0c\xa5\xbf^;E\x13\xe3\x8f\x03q\xdc\x0fK\xd5\xdc\xb3\x079\xe4)-\xeb\nU$\x84\xcb\xb8\x86Fq(\xc9]\xe5n\x8b\xf5\'WH\xa51\xd9,\xbd\x94\x1e\x84I\xda\x04pFE\x94\xa7\x0fj.\x12\x8exX3\x8d\x8fU\x0b\xd2\\&lt;\xa5\x05\xe2\x93l\x15moPG\x03\x9f\x9a\xc2&amp;\x9a\xe4\xf4\x04\xe7\xce\xa8\xf1\xa8\xc6\x15\x8dF9Q:\xf1+\xc2\x8a\xd7\xb5N\xa2\xa2\x85&lt;|a%Q\xf0\x8b.\x8a-,\xb5\xee&amp;\x9a\xa3\xfa\xf4\xacZ\xcf=\x9b\xe1*\xd40\x17\x84\xe8g\xe3\xc7\x9a\xa1\rU#+T\xab\xe3\x07\x12\x199}#d\xf9\x98\x91\xe7\xc034\xf9\xecf7je\x1b\xa3(uZ\xfeD\x04\xed\x892\x89k\x06\xd6FSQ\x84\xba\xf2\xa8l\xc9\x1e\xf70\xbd\xaa\xfe0\x98X\x8a\'S\x84bM\xd3\xb3\xff\xf5e\x7f\xe5\xf3\xde\x7f{;\x90\x9f\t@et=\x81zU|\x87:2\x16\xf1\x9d\xdc\x14+\x08\x8eb_G\xbe\xb4G\x9b?r\nX\x8fj\x7f\x1a\xcc\x84\xd4\x0c\x96\x1a9\xa0\xa3\xb7\x1c}\xc8\xbde\r\xd1\x87\x15\x0c\xfdB\xf1\xda\xbbdW\x02\xa9\xb1\xf5\xd4o\xdc\x84\xb4\x1fy\x88\xe8\xe1o\t\x0f\x86\xf2\x16B"\x16\xca\xb9\xe6\x1b\xf4\x16G?f\xa3\xd1\xb0k\x958\xa9?L\xcfvG\xc0\xcd{\xd2\x97\xe2\xb2\xec\xc35\r\xa0nWk\x9a5\'kO\x91\xc9\x1a\xfe\xf1\xe6&amp;[\x10\xd9\xablG\r\xd6\x0f\x92@\xcf\x81-k\x8e\xdc\xd9\xf5\xae\xb9\xf2G\xb7\x91ocAr\x8a0\xf5\x00XS;\x92\xbe\xd8\xe1V\xc2VH\xd7\xc4\xb2( :\xd9O\x05\x18}y\xf6\xac\x0e%\xf8\xc1\xb6^\xf7\x1b\x89\xd5_&gt;\xe9\xab&gt;d\xcak\xe0\xf0\x18O"\xaak\xa1B4D\xa9U@c\xa0mn*\x121\x86\x01\xb65\nc\xcd\xe4\x9b\xd5)\xecK\x83\xe0\xcf\xe0XW\xd7y\xb0w\x9a\xba\x0e\\\xc9\x8bh\x0e\x1f]\xd8f\xeb\xccT\xac\x10WIu\x8b\x8fj\xde\xc47\x90wsf\xd2B#&amp;\xc0\x19\xbeA\xeb35T\x1c\x1c\x90\xe1^kMv\xca\xa4\xd4+q\xcd\xfa\x90;~\xbd\xd2\x05\xaa.$\xbd|\xac\xad\x1cCX-\xdaJ\xe3y\xc6i\xcd\x03\xde\xd9\x19\xe0\xb3T\xedq\x98\xa9.\xf8C\xb2\x14\x17\xb8(D\xdf93\x1e\nX\x18I\xd1h\xc5\x8b\xa3\xe4\x15\xda\xc1\xfa\x90;Ngc\xfbA\xae[\xd0}`\xdd\xad\x17\xf1\x00l\xb1%%\xca\xe4U\xd5jk@\x99\x7f\xd6\x01\x98_\x1f\xe3\xa3\'\x88%\x04\xee.!\x96\x9c\x18\x9c\x86Y*\xa1\x7f\nz\xf6\n\xc7\xf1\xd1\xf3\xe2.\xc6\x1cR\xebv4^f\x97"6\xd14tU5\x89&lt;`\xc1\xc9\x92^\xc2\xfa\x88\xf3v\xfeRU\xe7\xc4\xbb\xbb\x91\xbe\xc8\xbbR}`\xb9Mx\xe9\xbd&amp;\x8a2\x898\x0c!\xf0\xb4\xf9jt\xe7\xf2OJ\xac\xb0PdZU\xb5o\xb2\xbf\xb0=\\\xbb\xa5\xe9\x18\xad\xa4XT\xf8t\xc6\x17\xd8\x83\xefOV7\xd9\x100\xf3O\xf9%v\x11\xb9/\x0e8\x98\x94Y\xffH\xd2/\x946\x02\xc0C\x8b\x18\xcb\xf5\xa5\x1c\x0f\x8b\xce\xf4\xcd\xff\x8f\xcb\xbfp\xf8,R\xf4\xff$\xc0\x05I\xc6D?\xc7\xa4\xaaj\xd3\x99o\x1f\xc1)-\xcbc\xdcBj"\x94M\xf5\xd3@z\xa8"\xf6\xc1\xd0\xc4e\xbab&lt;\x13C*\xb2B\x0e\xcc\x91\xbd\xadS\xe0+HA\xd7q1\xe8?)\x1f\xe7\xdc9\xb9+H\x84o]\xad\x11\xfe&lt;\xe9\xdd\xb6\x9c\x16)\xa1\xc2w\x16UI\x0b\x81\xd2\x91\xc6\x94\x00\xc4\r\x95`\xf5\xaf\xd7\xe2\x86M{\x00\xef:\xe0?\xed(\x14V\x16H\xa3\xbd\xcd\xb8j\xd1\xd8\x94\x98\xe5l\x04V3x\xf4\xf2\x8d_\x87\xeekX\xb5Uw(\x8b\xa2U\xbc\xa7\x8d\x9b\xdf\xe8\x96\'4\xb6fG\x0e\x03#J\x88\xa9h\xf3{\x1f\x93\xe7\xf8\xd3\xad\xc2\x15\xc2\xa4\x8er\x14\x8d&gt;\x8au\xa2\x9eOP-\x15\xa9H\xd4\xf7^\xb9\xf3\x0b\xfd\x92ar\xf4\x14\xfb~!_v\xde\xcc\xc8~\x89\xd8\xf4\x87\xe1ON\xc8\xae\x17\xd6PU@\xac\xc7s7\xbfk&lt;\x97\xaf\xae\xcc\x93g;V3\xa0!#\xd2\xc4\x9cb\xd9N(7\xe3\xd8\xf8\xc9\xfd\x13\x9c\x83&gt;\xebW\xf9\xb1\xe4\xb1\xd2\xd1\x1b\x9c\x12\xb3 w\xf0Z\x80\x08k\xb5\x15Yp\x1c\xdc 9\xd8F\xeb\xc2r\x84i\x0e\xcdeF\xf1#d\xf2\xf3N/t\x87\xad|\xc7\xaaX:\xb3\x7f\x92,\x8b\x17\x8a\xa3\xd7L\xd1\xbc}\xe8\xe1\x88\xac\x96\xdf\xd4hV@\x9e\xa1\xb3\xc5\xbb_\xbe9\x12\xf6\x01\xbb\x0fs\x9fdl\x9c8\xbfJ\xc2\xd1\x8c#~\t\xa6R*E\x11\xa4\t?J3\x0c\xc2\x1d\xc3\xd3\x13\xa4\xbc\x03\x1a\xfd\x0b\xd1\r\x1cjR\x87\xca\xe8\xe4\xf8\x0f1R\xc4\xf1${d\x8dU]\x9d\x98K\x88{\x9b&amp;\x9fe\xa6\x9d\xda\xb6\x9b\x97\xeb\\\xef\xe4-\xc50]\x7f\r\x82O7\xa1\xe9~\x9b\xf0fl`\x99\xbd\xd0\x96r \xdc\xa4\xfc\x951\xdaX8\xf5g\xf9\xf2\x8f\x16\r\xb7G\x91~-=0a\xfb\x9d\xd6Z\x16\x0b\xcf9\r9\xbc`\x9c\xf7\xfdXJCw%\x80\x07S\xb4\xe6\x92d8\x15\xc4C\x9a\x9eP\x11\x9b\x88\x07\'*\x9ax\xd57\xa1l67\x9a\x04\x0fo\x8b\xd2\xcb\x88b\r\xb8E\xbb\x87\xfakX\xd4\xa8R\xf5_&amp;\xe4h\xb0\x90J\xa42\xb0\xcd\xbc$\x84O\xb9\xd7\x9e9\xc9\xa6`\x10k\x91(J\xed\xb4\xc3\xa2\xd8\x0e\xe0\xf3\x1e\\\xee\r\x04E#w\x0cV\xc9\x8b#\x0b\xe2\xe7\xf5\x00w%J\xa8\x97k]\xf5\x1c*\xe3W\xa8\xa2\n\xff\x0e4\x17u\x0f|\x9d\xbb\n\x08~\xd7J\x94\xf7PJ\xaa\x826\xa0GE\x8f\xfbk\xf1\xb7Y\x8fX\xc8\x00\xca\xf8\xa3p\xd2\x85\x18\xb0pU\x9dj\x19\x8c\xba\x84{\xb7\x14\x88\xf1\x8a\x1eUU%\x17^?\xba\x14\xe2yea\xe8xc\x03\xaaW#\xac\xe8\xf9\xaf\x92\xcbn\xb3C/H\xa7%T\xff\xc7\xa6\x007\x92=i\xa2\xaeh\x1b\xd8\xc0]0\xb1\x10\xddnv\xb0D\xfadqIM\x84aW\xd2@[h\xeeM\xb1\x8d\xe1\x89\xc6Q\x83\x11\xd8L\xf1_\xf4\x93.@#\xecC\x01\xcb\x14\x167\x1f\xc7\xa7\xa1\xb4\xd6\xf0\xcf\x84\xadDC\xa2\x8b\xd0\x0f\x8a9T\x02p\xb3\x18\x1c\x14\x99\xaf\xfa]\x95\xe3\xe4\xac\x96\x10`B\xf0\xdd\x1d5\xd3\xd1*\x92\xd2\x87\x01\xd0\xb8\x0e}t\x91\xa4\xfe:\x8aa\x92\x1f\'\xac\xc6\x8d,\xb5}I\xd2\xbf+\xcd\xf5\x109\xcfZ\xcf\x95u\x13]\x8f\xc1\x07\xf1\xdc\x1cz\xbe\xe9\xe7\xb6\x06\xa5\x13\xe6\t\x12\x8d\xcb\xcb\x175V_+\x1f\x80\xe8\xf4-Kk\x0f\x8d\x93\xc6\x9c5\'\xe1b\x11s\xccHx\xec\xc2\xdd\xfamw\xd3x\x14\xdb\x92uJ\xb9\xf1\x9c\xba/\xc2\x1cq\'\x18\x0f\x9e\xb7\xcf\xb8\xc0I\x00\xa5\xbdY\xb9R\xbdfs?\xe2\x83\x171\x893XC=%:\x15\r\x97\xb3a{\xeeGy7G\xc5\xdb\x8f\xeckI\x8c\xbb~\x04\x1b\xa7\x80\x06)\x00\x06\xc67D\xa7Q\xd0\x12]\x94\xc8\xb3[\xbb\x82\xa8\x0bJE*\xdf\x15\xefA\x1a\xfe\xde\x03I\xc4NY\x06Q\xbe\xe7\xaa\xddUdP\xc5\xab\xb1_\xa5&gt;\xf0\x90\xeb\xe3\x84\xa4I\x13\xc5\xfa\x17\x95\xe4\x83\xf2\xc7-\x93\xeeG\x1d~L\xff\x0f\xa4\xa5\xef?\xd7\x8a\xa7\x92\xa6au\x83m\xe9\xf2\x87\xd9\x8da\xff5\xa6\xe6\xe7dL\x9b\xd6\x0cw\xfc\xef9\xb2Iq\xd3\x9e\xf3\x8fm\xba\x07\xe0\xf3\xc0\xe1\x0fE%\x90\x17\xf5\xd0\x81\xf2do\x18\xf4\xc8"\xdc\xf9x\n@\xf27\x801 \xcf\x07\xe6!\x8b\x07\xd9(\xddND\x80\xae\xfb\xf80\xac\x7f\x8b\xc0\n\xea\xa1\xdc\x00 \xb4v\x1d\xca0f\xf2d\xbf\xe5\xee\'3\x06N\x07\xf9\xac\xb6\'\xf2\xcb\xf8#\xb3b\xc9\x168g6,\x96\xd4\xdf@\xa6V\x83\x7f1\xfaP2\xab\xa4N\x97\xb7\xd3\xe33\x838y\xa3\xdag(\xcb\xa8\xcb}\xf9z\\\x90\x8c\x02\x15\x0f\x12\x16\xc8\x07\xb2\xb2\xa2&amp;HN\xe6\xd3\xf5\x8eW\xbb\x9d\x96\x81(C\xa8\xc7\xa0\xc4IJr\x1c\n.\xcd\x19\xde$\x08\xe6\x0f\xbd\x8ek|(\x12$\x96$K\n\xe9\xde\xb2\xbb\xae\x93\x14\xbf\xe7\x8c7\xb5\xaa\xd6\xee\xe3\\HR\x0fE1[\x05;K\xb0\x9cCj\x7fHe#V\x15\xf2\xfe\x01Rq"U\xca\x99\xbcXX\x1b\xb2\x88\xc2\xbe\x81\xa6\xba\xa5w\xc7\xd9S\xbbs\xa8]\x10%\xf4\xc1\xbbK\xfa\xf0s?]V\xd46\xf8Z\xa8?\x1d\x1a@\x93k\xdf\xdd;I\xc1\xc6\xc1R\xa0/\x08^I\xbb\xef\x93\xa0\xd2\x8d\xf9\x90(w}\xfb\xeb\xd0\xb2\xcdSt\x81\x17\xf1p\xd6\xa3\xc0r8&gt;h\x96\x91~\xbbo\xc7n\xbdN\x15\xdb\xd9\xe2\xff\x97(\x7fl\x89\xd9\x91/i\xe9\xf3.Q\x1c`qY\xa1|\xcb\x11\xf9\x81\xe6\xe5d\x916\xef&gt;BZ\xbc#\xee\x95\xe0\xc2\xf0Ds\xe2g\xa5\x08v\x11=Z\x1c7\x1f\xb4\x7f\x0c\xa4\xcb\xcb\xcaS\x9c\x0f\xdf}\xa8\xe1/\xd8\x1a"ml\xbey_\x16\xd4\xcb\x86\xe8\xcc\xed\xee/\xd0\xf2\xf1\x1b\xdd\x1c4\xd8\xee\x9b\xfd\xabt\xe3p\x1f\x00\x94\x07SP\xdd\x92\x0c7\x87\x19\xccE\x84\x00\xf2\xbe\xfc\xe0\xd9\xce\xd9\xdcN\x10\xe2\x7fB\xa0~\xbd\x8f.k\xf7\xba\xff.s\xce\xb03\xc2\x1a\xcd_\xb5\xa6\x13\x88\x8a\xce\x8e\xcf\xff\x9dHh\n\xd3\xc7\x88\xc8\x91mbT\xf3\xbf?f\x10\x88\x8d\x19 \xbc\x88\x9b\x8a\x8a;\x86r\x15\x00(B\x88G\xa0g\xe7\x14o5\rh\x0e\x1e\xafd-`\x1fME\x9e\x8d\x8e\xcao\x18\tfI\xcaj\x99mbo\xf5\xda\xdb\xf1\xcc\x03\x01\xd4?\xaa\r\xf9b\x15/\xf6\xd7\x7f\xf4Y\xbc\x9e\x9c\x07L\xa3P\x17\xd4\x1d@\x18\x17\x0b\x0f\xb9AQ3\xb7q\xdd\x07\xdb\x12\t\xfeK\n\x86&gt;\xb4\x11\xefV\x1b\x13g/\x85NZ\xc9\xce\xb1\x163\xc1\xf5\xbd\xe0L\x1b\xb5\x0b\xb0#\xc1\x11\xddu\x82\xb1\xee\xdb#\x8a\xb8\x88\x9f\x07F7\xcc\xd5\xc9\x8dbE \xfaA\x9b\x88\xc9\xb9 U\xc7\xac\x10 \xf1X\x17\x1d\xd1\t\xb2\xca\xe1\xd8y\x89I\x1f\xa6_\x8f\xfa&gt;?\xce\xaf\xfe#'</t>
  </si>
  <si>
    <t>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</t>
  </si>
  <si>
    <t>b',\xc7/\xc3\xfc\x03\x1fZc\ty]\xb5\x7f\xeb\xca'</t>
  </si>
  <si>
    <t>seen at collector, (b) small-signal model.
 Solution Setting the input voltage to zero and using the small-signal model in Fig. 5.5(b), we note
 that vÏ€ = 0, gmvÏ€ = 0, and hence Rout = rO.
 Exercise What happens if a resistance of value R1 is placed in series with the base?
 Example
 5.4
 Calculate the impedance seen at the emitter ofQ1 in Fig. 5.6(a). Neglect the Early effect
 for simplicity.
 g Ï€ m v Ï€v r Ï€ in Q1 v
 R out
 VCC
 X v
 i X
 v Ï€
 r Ï€
 (a) (b)
 Figure 5.6 (a) Impedance seen at emitter, (b) small-signal model.
 5.1 General Considerations 175
 Solution Setting the input voltage to zero and replacing VCC with ac ground, we arrive at the
 small-signal circuit shown in Fig. 5.6(b). Interestingly, vÏ€ = âˆ’vX and
 gmvÏ€ +
 vÏ€
 rÏ€
 = âˆ’iX. (5.8)
 That is,
 vX
 iX
 = 1
 gm +
 1
 rÏ€
 . (5.9)
 Since rÏ€ = Î²/gm _x0002_ 1/gm, we have Rout â‰ˆ 1/gm.
 Exercise What happens if a resistance of value R1 is placed in series with the collector?
 The above three examples provide three important rules that will be used throughout
 this book (Fig. 5.7): Looking into the base, we see rÏ€ if the emitter is (ac) grounded.
 Looking into the collector, we see rO if the emitter is (ac) grounded. Looking into the
 emitter, we see 1/gm if the base is (ac) grounded and the Early effect is neglected. It is
 imperative that the reader master these rules and be able to apply them in more complex
 circuits.3
 r Ï€ ac acac
 r O
 g m
 1
 VA =
 ac
 Figure 5.7 Summary of impedances seen at terminals of a transistor.
 5.1.2 Biasing
 Recall from Chapter 4 that a bipolar transistor operates as an amplifying device if it is bi_x0002_ased in the active mode; that is, in the absence of signals, the environment surrounding the
 device must ensure that the base-emitter and base-c</t>
  </si>
  <si>
    <t>b'\xb6_\xc4\x95\xef\xa43\xb0\xefM\x95\x99/\x0f\xe6='</t>
  </si>
  <si>
    <t>b65fc495efa433b0ef4d95992f0fe63d</t>
  </si>
  <si>
    <t>ting a nautical phrase till I had 
 learned it perfectly. I began to see that here was one of the best of 
 possible shipmates. 
 When we got to</t>
  </si>
  <si>
    <t>b"&gt;\xfc\xfe\xdd\x12\x0f\xe3\xc72\xcd\xf5\xfd&gt;[Z\xf0uF\xa3\x8b1\xf5\x0c\xf6od|\x0c\x8e\xb0\x8fyf5\xff\xce\xf8\xf7\xb7q\x0b\x94\xf7\xdfbm\x9ch\xbd2\xaa\x1bb\x97&lt;\xdc4\x01\x03\xf0\x07\xa6\x1f\xbdh\x85Ju-T\xffju\x1a'\x91\x8a\xdd\x93\x10O\xb7J`\xe9\x1bcP9wF6\x89,\xc2\xa7\x8f\x86\x87\xf9Fc\xc8\r\xbb&gt;\x8d\xe7\x1d\xce\x86!\xc6\xd1H\xcaLV\\F\xea\xd7-\xc8J\t \xdaj\x19I\xc4\xacDV_^\xf1\xff|;A\xa1\xbeW\x0f\x86\xc0{\x81\xa5ua\xa5\xbc\x85\xcc\xd4\x07\x9b\xe4O]E\xe3\x85ik\x9b\xf69I\xe7\xc4\xf7\x83r\xa7\xef\xa2D\xa5\nd\x9a#K\x8e(\x03\xc2\rd\xbb\xc5\xdeN\xac}\xd1\x85'e\xe9\t\x94\x87%Df3\xf3)&gt;v_c\xf6\x02\x12\xf0\xba\x05\x1d\xc5u\x8cC\xb9\xf7\xed\x90\xbe\x9d\x84^\x02wh\xa0\xcf\xaa&lt;\xb2B\x80\xaa\xc4I\xc4\xc7\xa0\xd4(Hh\xb5\x99_\xf6\xa9\x9b\xaaC\xd5H\x97\x1f\x11\xd6z\xff\x15)\xb5XQe \xae\xd0\x1c\xc0\x17\xeb\x1d+\xe7j64\x04\xceQ\x12{\x1f-\tur\xcb\xd4\x80\xaa\xee\xda$\x96\xde\xf3\xe8\xe7\xee\x9a\xb6\xc2\n\xf5\x9b{\x96\x11\x97\xfe\x0c\xb9X\x81\x93\xb3\xd4\xa0\x8d\xc2G\x1b\x87Ci\xb2+x\xc7\xc6\xbernB\xe6\x1cL\x0f\x93\xe4\xdb;=\xdb\x95K\x04\xc2*r\xf0n\x92a\x9a\x8d\xc8B\x1a\xd7\xc2\x03\xe7\xe4E\xfd\x8b\xce\x86\xe8j\n\xaa\x0e\x8a\x9co\xdcA\xbcI\xb0\x18\xfc\xbc\xcc\x98x\xab\xa0\x80\xa8\xe5\xb2l\x0b\x88N\xaa\xe1\xc5\xc2\x90u\x9c\x14\x9c:\xd1\x87a\x03\xb7\x94\xd6\xe7u\xffM/\xd3\rW\x19\x0b.\x18?\x8aFOn\x1e\xa8\xf1\xe7fj&lt;\xba\n}\xa2\x9dEP^&amp;\xaa\xadt\x15\x1bD\xb7h\x89g\xd6\xf2\xf0Dr\xa1\xf4\xa9 \x04\xd0\x1dC\xa4@\x1f\xcdr\x8cj8EL\x14\x8a\x00\xaf\x1e\x89\xf8\xbc\xf0\xa5\xba\xb9\x8a:&amp;&lt;"</t>
  </si>
  <si>
    <t>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</t>
  </si>
  <si>
    <t>b'&gt;\xfc\xfe\xdd\x12\x0f\xe3\xc72\xcd\xf5\xfd&gt;[Z\xf0'</t>
  </si>
  <si>
    <t>hort Run 449
 can depress output initially by depreciating the home currency. In this case, it may take
 some time before an increase in the money supply results in an improved current account
 and therefore in higher aggregate demand.
 If expansionary monetary policy actually depresses output in the short run, the domes_x0002_tic interest rate will need to fall further than it normally would to clear the home money
 market. Correspondingly, the exchange rate will overshoot more sharply to create the
 larger expected domestic currency appreciation required for foreign exchange market
 equilibrium. By introducing an additional source of overshooting, J-curve effects amplify
 the volatility of exchange rates.
 Exchange Rate Pass-Through and Inflation
 Our discussion of how the current account is determined in the DD-AA model has as_x0002_sumed that nominal exchange rate changes cause proportional changes in real exchange
 rates in the short run. Because the DD-AA model assumes that the nominal output prices 
 and cannot suddenly jump, movements in the real exchange rate, , corre_x0002_spond perfectly in the short run to movements in the nominal rate, . In reality, however,
 even the short-run correspondence between nominal and real exchange rate movements,
 while quite close, is less than perfect. To understand fully how nominal exchange rate
 movements affect the current account in the short run, we need to examine more closely
 the linkage between the nominal exchange rate and the prices of exports and imports.
 The domestic currency price of foreign output is the product of the exchange rate and
 the foreign currency price, or . We have assumed until now that when rises, for
 example, remains fixed so that the domestic currency price of goods imported from
 abroad rises in proportion. The percentage by which import prices rise when the home
 currency depreciates by 1 percent is known as the degree of pass-through from the
 exchange rate to import prices. In the version of the DD-AA model we studied above, the
 degree of pass-through is 1; any exchange rate change is passed through completely to
 import prices.
 Contrary to this assumption, however, exchange rate pass-through can be incomplete.
 One possible reason for incomplete pass-through is international market segmentation,
 which allows imperfectly competitive firms to price to market by charging different prices
 for the same product in different countries (recall Chapter 16). For example, a large for_x0002_eign firm supplying automobiles to the United States may be so worried about losing mar_x0002_ket share that it does not immediately raise its U.S. prices by 10 percent when the dollar
 depreciates by 10 percent, despite the fact that its revenue from American sales, measured
 in its own currency, will decline. Similarly, the firm may hesitate to lower its U.S. prices
 by 10 percent after a dollar appreciation of that size because it can thereby earn higher
 profits without investing resources immediately in expanding its shipments to the United
 States. In either case, the firm may wait to find out if the currency movement reflects a def_x0002_inite trend before making price and production commitments that</t>
  </si>
  <si>
    <t>b'0D\x02 ~\xeaf\x8b\xb5e\xe8\x1awa\xe6+\x96w\x11\xa1\x12\xaeN\xb2T|\xa6Hv\x1dd9@\xd3\xf6\x83\x02 -w\xf7W=\x96\xbb\xdf\xba2\xc9\xb7+[\t\x0b\x8b\x8dq \x0b\xd71\xe6\xa0 q\xe8\xc19\xd5\x0e'</t>
  </si>
  <si>
    <t>304402207eea668bb565e81a7761e62b967711a112ae4eb2547ca648761d643940d3f68302202d77f7573d96bbdfba32c9b72b5b090b8b8d71200bd731e6a02071e8c139d50e</t>
  </si>
  <si>
    <t>b'0D\x02 ~\xeaf\x8b\xb5e\xe8\x1awa\xe6+'</t>
  </si>
  <si>
    <t>s standing a little apart from
them at the window of the private hotel they had gone to. She was watching
the passing buses and cabs and people, but she heard quite well and was made
very curious about her uncle and the place he lived in. What sort of a place
was it, and what would he be like? What was a hunchback? She had never
seen one. Perhaps there were none in India.
Since she had been living in other people's houses and had had no Ayah,
she had begun to feel lonely and to think queer thoughts which were new to
her. She had begun to wonder why she had never seemed to belong to anyone
even when her father and mother had been alive. Other children seemed to
belong to their fathers and mothers, but she had never seemed to really be
anyone's little girl. She had had servants, and food and clothes, but no one had
taken any notice of her. She did not know that this was because she was a
disagreeable child; but then, of course, she did not know she was disagreeable.
She often thought that other people were, but she did not know that she was so
herself.
She thought Mrs. Medlock the most disagreeable person she had ever seen,
with her common, highly colored face and her common fine bonnet. When the
next day they set out on their journey to Yorkshire, she walked through the
station to the railway carriage with her head up and trying to keep as far away
from her as she could, because she did not want to seem to belong to her. It
would have made her angry to think people imagined she was her little girl.
But Mrs. Medlock was not in the least disturbed by her and her thoughts.
She was the kind of woman who would "stand no nonsense from young ones."
At least, that is what she would have said if she had been asked. She had not
wanted to go to London just when her sister Maria's daughter was going to be
married, but she had a comfortable, well paid place as housekeeper at
Misselthwaite Manor and the only way in which she could keep it was to do at
once what Mr. Archibald Craven told her to do. She never dared even to ask a
question.
"Captain Lennox and his wife died of the cholera," Mr. Craven had said in
his short, cold way. "Captain Lennox was my wife's brother and I am their
daughter's guardian. The child is to be brought here. You must go to London
and bring her yourself."
So she packed her small trunk and made the journey.
Mary sat in her corner of the railway carriage and looked plain and fretful.
She had nothing to read or to look at, and she had folded her thin little blackgloved hands in her lap. Her black dress made her look yellower than ever,
and her limp light hair straggled from under her black crepe hat.
"A more marred-looking young one I never saw in my life," Mrs. Medlock
thought. (Marred is a Yorkshire word and means spoiled and pettish.) She had
never seen a child who sat so still without doing anything; and at last she got
tired of watching her and began to talk in a brisk, hard voice.
"I suppose I may as well tell you something about where you are going to,"
she said. "Do you know anything about your uncle?"
"No," said Mary.
"Never heard your father and mother talk about him?"
"No," said Mary frowning. She frowned because she remembered that her
father and mother had never talked to her about anything in particular.
Certainly they had never told her things.
"Humph," muttered Mrs. Medlock, staring at her queer, unresponsive little
face. She did not say any more for a few moments and then she began again.
"I</t>
  </si>
  <si>
    <t>b'\xc1\xd3\x80\x02\\\x19b\x82\xb0\xc2f\t&lt;\xbe\xa8\xebr\xd8Tj6\x9f\xe5\xda\x92\x80\xbf\xa4\x18\xf2\xf4\xd3\x14\n^\x80\xfb\xf8\xc5t\xcbQ3\x95\x164\xca\xb04\x18\xde\r\xf29\x16\x90\xa1w\xf7\xd8Ym\xdb\xb5\xa1\x0e\xd6\xbap\xc9p\xff\x0e\xcb\xb2\x10T|\xf8.K\xe8\xf4\x96U9D$\n\xffN\xfbU\x80\xb8\xbf\x9a\x00\xfbl\xea\xd0\xb7\x11yJM\xab"\x13;\x13/\xb1\t\xae\x00x\xaeT\x90\x8e\x8b\x8c\x98\'\xf5\xbav\xb6\x94\\t\x9bQ!\xbf[3T:\xd2\xaaS.!1&amp;\xe1"\x92\xe9\xc8\x0f\x1ed\x9a\xf1fm\x0f\xf2\x108~\x9fM\xb1\xe7UA\xe4\xe8\t\xc02\xf0\x19*\xd1\xab\xfby\xd6\xe1n\xfe\xeeH\'\x08\xa3l\x08\xa9\x9d\xa8\xcf\xae\x9f\x93/\xde\xd8\xa4\x7fU\xeb\xe0\xe3%\xcd\xdb\x87\xc6\xeb\x90\xf1\xc1\x9f\xf45C\xacJ\x81z^\x01i\xd180|\xa3\xb3x\xa8\x97\x91X0\xf6]A\xe2\xe4h\xfa\xf0\x14|\x00v\x99\x81\x0e\xcc\xe4\xe1\x03\xd7\xc9\xd3\x0c\x03\xe25~\x9f0!\xad\xd0\x9d\x0c\xa1aH9i;V\xbc\xe0\xb6]X\x1a \x973]\x02_a\xf1_ju\x1a\xbd@\x8e\x94b[k\x89\x04#\xd1|\xb6\xf3\xcc}\xbe&lt;Lx!D\x91\xe3\xf8\xbf\xb3z\x99G\x86\x93\xa6\xf7\xa9%-\x1c\'\xe6\xc8\x87\x90\xd0 \x02\xfa\xd3f\xe2\x9eF/\x90t\x1d\xbc\x7f\x92#\xd0\x9a\x02\xa1\xfa\xe66\x17\xdbE\xb1)\x16\xa1\xe3&amp;KMP}\xc3p\xdf\x9a\xcd8!\xce1\x8d\xe8\xc9}\xcb\xbb\xe5.\xccD;d\xf7\xf3\x92\xdak\x16\xb2\x9e\x01c+A\xe1\xa7yr\xda\x19\x7f\x19\xfb\x91[\xcdaw\xfd\x9f\xbf\xe0\x82\xf5\xe7M\x1eZ~\x14\x87\x16\x9e^\xd4\xb8J\x9a\xeb\xff\xa2x[\xec\x11W("\x92\x82\xc4\xb3\x88\xfb\x93mi|\x04\x93\xcc\x88ao\xe8\xb5\xb0l\xe8\xb7\x85\x96\x13\xdcn0\xf9Q\xd36\x02\xd2\xe0\x94\xc2\x81\x19d5\xe1\xf5%\xc4\xac\xb6X\x12c6\x0f\x8d4\xf3&lt;1\xe9\xbeA\x81\x08iE\x9d\xc3\xa0\xdd;\xb4\xaa\xaa\xa1\xd5\xdfl\xf1\x93\xb3Ud\xd8\xbe\x8e\x08U\xd4\xe2\xed\xa2\x14i\x19r\xa6\xee\x85F\x19\xfaq&amp;z\xc9\xc2G\xf9\xab\xf9|\xc6\xbf\x92fc\xd0&amp;\xd6\xfa\xc4\x1d \xc6Jv\xc8;(\x0e\x05v\x01\\E\xb2\x8a\xb4m\xae\xca\xc7\x8a\xc1iH\xc9:\xca\x97\xcb\xa6\x8a\x08\x9b\r\xa5`\xe8\xaf\x1d\x01ob\xfa\xce*\xc0\xa5\x88!\x84\t?\x94\x13\xaayn\x1c{+\xd5\xe4\x95#s\x8b+^\x8d\x12\xacy\xadC*hX\x98X&gt;\x00\xc7\x98D\xe6Uj-\x8d\x0f\x03\xf2}N8\x1d\xac\x06\xa5W\x14]\x92#\xc4\xa2\xe6^\x04I\x86M?)\xa1\xf2\x80\x83\xa9\xd7\x9a\xfb\xad\xf4\x8b\x8b\xd5\xec9\xdc\xef\xa7e:P\x95|\x1b\xfc\x1f\xe9\xbb\xd1\x9b\xde\xba\x07\x83F\xde\x93\xd4\x8dc\xb7\xa5\xa4\xd8\'\xb6\x93\xa9\x8c\xc2\xd9\n\xeff\xefBot\x92\xe4\xb6\xa9\xdb\x9a\xa4X\x90-\x05%L4\xdcc\xe8\x7f\xf1w.\xc1\xea\xff1CI\xcf\x11\xa9\xb9\x81\xce\x17H5F:\x03\xca\xf4\xb7\xc5\x109\xcf27!\xbe|D{\x02\xc9F,\x10H0\xec|\x9d\x12\xee\x9a[H\xbau\xc1R\xc6\xa4\xf5-_\xb5\x9e\xb1Q\xebXLI,\xfa1\xc17\xfa0\xda$\nD\xc2\x0e\xb2O&gt;\xdb\x18\xb9\xe0\xc5\x84\x97\x93\x18LD\xb7\xc0\xa4\xff\xefq\xe5;\x11\xdf\xebt\xc6\x11\x83\xfd\xb03\xfbS\xf1*Q)\xael\xbe\xb8\x01i\xdeH\xf5/W7E&gt;N"qL\x1c\xa6[\xb0c\xbd\x8f\x99\xd1\xe6\xfd\xd1\x01\xe7\x84c\x1ak\x9c\x17onR\xaedMg\xe2g\xd8k")h\xe0\xad\xc08\x89\x04\xd4\x8a\xc9x6\xb6x_\xd5\xdat|\xa2\xfc\x87&gt;\xcd\x9c2\\\x87\xc8\xb3\xdb\xec\x86\xe8"\xf2\xbc\x8e\xbb\x93\x97\xaa\xd2\xc4[\x07\x0e65\xc6\xca\xc9\xe9@\xb5\xfc\xfb\xab\xc4m\x9d;y\xadt\xb3\xab&amp;u\x81G\xfa@\xc1Z\xaa?*\xadXV\x804\x1e\xbd\x97\xd5\x91\xabj4\x0c\x1a\xf7\x00\x052\xb4n\xa9\xdf\x10 \xe7\xb2Z@\xfb\x97\t\xb1\x8fM7`\xd5\x02T\x96\xb2\xec\xa9#x\x9d\xd4H\x1a\x9c@K\xcd\xe8\xb3\xb3z\n\x17\xac\x12\x18\x0fYf\x96\x11p\xbf\xf4\xe9c\xcfb\x18\xd9&amp;\xafL\xe4\x97{\xf9\xed\x8d\xa3\'\x8a\x86\x91\x9f\x9bSQ\x86&lt;\xf5\xa7\xb1\x8d\xb1\xd2\x06\x91o\x18{\xf2\xe6\xbe\xa1\x9b\xfc\x19:\x05\xf9\xd5&amp;\x0f\'b\x83\x91\'\xea\xd1\xa3\xacob\xffU\xf6\xda\xff%\xb3b4\x143\xc3Y\xb7p\xddn\xd4\xe3\x80\xf6|\x98^\xa1\x08\x8e\xa4\xe6\xab\xf1k3\xba\xac\x16\x15\xf6\x9f\x8c\xd04\xfe\xe7\xfdu\x13\xb3\x91_3\x83\x1b\x01uG}\xe0V\x8c\x8a\xec3]!\xa0\xb7\xfc\xb65\xb3\xf7,-\xefK\xe2{\x1bd\xb5\xbaD\x9f2,\xbc\x17i;J\x97\x15\x85\xfe&gt;\x87D\xca\x84\xe2\x81\xa7\xe3mtZD"8\x0bO2\xc6\xcd\xe4\x80j!\xf2\xdf\xebA\x88\xcb\xb7q\xf6\xb9\xf2\xfdB\x98W\x1cX\x87\xa0\xd7\xef\x001h5F\x11\xb3\xffI}B\x19\xe8\x80l\x83\xc5\xf8?\xc8\xdd[\xb8yY\xa4\xa10\xe8\xd9\xc0b\xbd\x90\xc5\x19\xfek]wQ\x8dQ\'\x97\xc0\xbeg8\x9517_\xde\xdf\x93\nv\xbb\xac\xde$ZG\xa3\x18\xc7P\xaex\xca\xa7\x9e \xa2X3\xa3\xcb\xda\xa2R\xaa\xd2(\xd0tNH\xb5\x9d&gt;\x1f\xe1\x08}\xd4\xc4\x90\x01\x91\xd6\x7f\xd6\xe2;\\\xc5`c\xe8T\x1f7\xc2\xff;;\xdc\x98\xca\x05\x1d\x0c\x97\x8f\xd1X{\x00\xccuN\xf1\x16\x1a]*\x14\x03s\xdf\xbb\x11t\xa6u\x95\xdf.\xa7\x19\xce\xd4\xe4\xeaI\xa4\xe4j"\xd2\xc9=\x9a5\x16\x80q\x85\xa5\xd3(\xbag\x9a\xb5\xaa*c\xe6\x97)\x0b\xf4\xb4\x01\x14\xf4\xaa\xc1y\xac\x86\xdd\x1a\x02=\xb4\xdaF\n\xdbn\xfc70\x9d?\xb4\xaa\xc9\xe5\xc2\xc8\xd0\xec\xeb\xfe\xf6\xa801\xf6\x1e\xe7\xca\xd5\x01\xad\xe3t\xd1\xa0\x98\xb0yU\x941\xaa4:\x1a&lt;\xdf\xbb\xe0b\x9ff\x15u\x101|-k\xfc5\xac\xec\xb7\x13\x8e6:3\xe3\xaa\x8aM\xda\xf99\x99I 1\x87t_\x8fDn\x83\xf4^\xa3\x8a\xcb\xfd\x1b\x0e\xd7C)\x85\x91\xbe\xd6\x1e\xddl\nvx\xe5\x10\xe9\x7f\xb4+\xe0\xc9n|(S\xce\xc8\x9c\xd5\xcf\x0e3A\x94\xdak6\x1f\x0b\xca\xadF\x05\x11\xc8\x83\xbb\x14\xf7*l\xdf\xacT\xc8 \xe6\xa1V\xb5\x18V\x0c\xac\x16\x9c\x80t\x86$\x0c?\xa7\x04\xac\x03\xf2\xc7\xf8[\x83c\xc2\xca\x1dL\xa9\xd0D=\xf1l\x9d\x0f\xc7\x8d\x02+ \xf1N\xf3ud\t6r*\xb2cY\x85\xbc\x11\x82\xce\x17BH\xfb(/\xf8\xb9\x9fWp\xab\xfb[W.\xafC\x8e\xdfK\xb4\xceg`\x1b\xf4#FU]\x81\xbf\x85B+\xa0\x17y\x08\x8a\xc9,Vc\xfd\xa1D\xdb\xfa\xbd&lt;\x92\xcf\xc1F\xf9!\xe7\xc0\x14\xc5\x15\x06\xe4\xabL\xfb\xd8c\x9a\x83\x8c\xc1\xc55wr\xbe\xea\xe9*\xd5-s\x7f\xfb\xa0\xf5\x97N\x0e\x94m\x03F\x07\x85\xb2\nl\xbe\xc34\x80\x02\xc3\x15P\xa3U\x9cm\x8f\x9d\x81\xf0g\xbe\x9fb\xb2z9\xfe\xd5\xb2R\xea\xe9\x9b+\xcb\xa3\xa7\xb6\xc2\xabl\xb7\xd7\xa2\x15kc\x12\x01\xed\xc3\xe5\x08\x0fG_#\x81\x15\xa8\x8c\x00\x96\xab\x11D\xe4!=\x98k\x1a\xa7f\xd4\xa3S\x15\xf1\xd6\xd8\xc0t3\xee\x11\xc5(T\xfbp\x87\x19\xfa!\xad\xfb\xd8\xeaH\xfa\xb5\xea\x958:!\x8ds\xddh@\xde\xd7\xf2Y\xeb\xe8G\xdeW\xa64g\xec\xaa\xad\x81\x84e\x14.\xdb\xe0%\xabt\xc2~/\x13\xa6\xfb\x99[\x95\xd2\xc9\xd8!\xa5\r\xfd\xe3\x88\xf6\xe4\x1c\xe8\x89X\xc1\xc3\xd6H^\x08\x8e}\x7f\xfdU\xfb\xe3,!\xa3E\xc9\xc3\x99\xa9;\xe7_\x16\xee\'4@]90m~\xe0\x8d\xbb`a\x10\x8a\xcbyEo%\x9f\xc2\xdc\x1f\xf8\xcb\xb7Xk\xfe\x87m#ru\xdc\xce`UL\xb3\xecD\xec\xcc\xa7\x85\xdc\x97T|\xc5\xfc\xcc\xa6\xf3\xe5}x\xbej\x1eWe\x1f\xcdk\xb7&amp;\x9c\xbck\x80\x95i\xbb\r\xff\x12\xdcD\xb1C}\xbf8\xe3xC\xcb\x01W\xce4Cw\x01\x01\x81"K\x8d\x9a5\xf0lL\xb9\xb52D\x80j?\xf5p\x1e\x84\x16+\xfc\x03}\xddRO\xcf\xcd\x81*\xdf\xda\xac\x06\x84#p2\x84\xba\xf6?\x9b\x9fL\xd5&gt;\xc3[&gt;i\xfd!\xab\xf5R=8YfID\xf8!\xc6&gt;\xada\xac\xef`\x1aCG\xb9IjY\xbb\xad\xba2\xbel\x01\x7f\x87\x16\xf4\xae\xb3\x01\xf0\xadc\xc9*\xd9\x859\x1e\x02U\x12A$\xab\x8c\xb6\xc5\xa6\x1b\xbc\xeck\xad\x0e\xdd\x88\xf9\x9f\xb5\xf4h&lt;C\xd4DnqwdY&lt;\x1c\xde\x1d\x1d\xb4\xe1\xaf\xfe\xbb\x81r\x8a\x98`\x02\xa7&amp;&amp;\x92f\x19cP\xc0\xc0/\x9a(\x87\x8a\x9eXq\xa5\x10\xe4\xe4N\xacQ\x02\x91-\xba\xf6S\xa9.X\xfc\xe3\x98nn\xb2\x9fb\xb0m\x1b\x99\x16\x89\x82dE\x08\xa1\x11E\xbfl\xac\xf6\x0b\xc2\x97\x90c-7\xae\xd8X\x0e\xedh0bp\x85\xe0f\xe9\x82z\x03M\xca\x14\x9aLu\xfa\xfa*`8Y\x85\xf8\xfc#$?\xa3O\xfa\x95\x11\xc7\xf9\xbd\x0e\x8f\xa8&amp;\xcbm\xf1\x90\x18n\xed\xea\xb3\x9b\x0f\xe6\x16\xf9\xb7\x86\xe7\xfb\x86\xa8\xb6\xc1}t;\x8d\xb3\xf0#q\xde\xad&gt;\xed\xe57\x0c\x8e\x8eX\x07\xdd~\x1c\x8b\x8a\x12i^n\x97\xf4\xda\x98\xb28\xcb\x9aR\xa9\xb8\xe0\xe0\xcaC\xf1\xe7&amp;\x02H\xe0\x0b~rE\xdbR\x87\xdd6/\x161\xa5\x17\x9a|\\\xaf\xad8\xd9\xea\xc3u%\n&lt;\xdci\xce!\x10\xdc\xe9g1\xdcA$:\xc5?M\xe1\xdaG\x88\xc9\xb0\xcf\x95\xdb\xa2\xde}T@[JV\x9c\xb0\xf6\xb8\xa5\xce&gt;J\x1c\xf0;Z\xf9\x81#(\xb0\xfe.\xcc4\x07\td\x82\x19\xcb\xde\xc6t/5%\x9ex\xac\xa8\n\x9b\x0e\x03\xc3\xa7\x90g\xd6 G1\xb9\xb0.\xeeGv\xb2n5\xfaw\xdf\xf3\xb9s5\xeb\\\xb2Y;6\xe3&lt;\xcb\xd4\xa2\xa3\x9f\xde\x1b\x7fx\xe2\x176\xcbI\xa0&amp;\xc8\xa7ZC\xeb{\xb5\xc6\x82jM\x1cd\xa0S^\x1a\x87\xcb\xc8uu|\xd6\x13\xbd\x7fh\xca\x91\xf9\xd1\xc6C5\xf5\xb0\xe6%f+\x1cjx\xab\x90R\xffs_Z%\xe6s\x12{9&amp;\x9a\x89M\xca\xf0\xb6\x14\r\xd2\xd3V\x18D\x1e\x14\xc6\xeawvoC&amp;\x9f\x14\x1ePO\x1f\x7f\xff\xdf\xe9\xce\x19\x05\xd2`AJcj\x89\xad\x9a\x04\xe5\xf8\x19{\x158\x1do\xc0\xf7\xcd\x13\xaa\xb1\xa8\xcb\x8cP\x01\x1f\x9f\x95\xa3\xda\x1a\x05\x8ex+\x7ft\xcc\xde=~F\x85\x12\x89\xdf\tHO\xcd1\xd6a\xe1JP{\xf6\xb7\xf4\xa2\x8e\xa2\xc3\xadb\xce\xe4\x05&lt;\xd6R\'X\xb3\x8a\x83\xb7\x94i\xe0,\x08A\xf7C\x96\x94\xd8jxW\xc9Ug\xe2$\x0f\x01qs\x9f\x91@\xa0\xd2\xc5\xfc\xa9\x8bw\xf8\xc1q\x00m\xfc;\x8f\x08F\t\x00\xdc\xe5`\nX\xf5\x1a\x7f\xa7\x89F\xed\xf2\xd0gZ\xe6"\x1f\x8c@\xea5\x82\xd0b\xeb\xfd\x9f\xa3\rD\x8c\x10j\xb1\xfbw/jt\xbf\xf0E\xa5]l\x8a\xb9\x91}\xbaz\x9dWO\x1c\t/[\x10^N\xa8k\xc0\xb1\x0b#Pn\xfd\x1aZ-\x0eO\n\xb5a\x98*\xf4\x99c\x0e\xd9Gk|,{\x8b,\xb6*\rY\xb4\x05O4\x11x\x00\xd9\xdaw]A\xba@\x80c\xfb\xa2\x1b\x1a\x9b\xd2\xc8\xe8\x90\x87B\xacW\x05\x8dt\xd7\x99\xb0R\x0b3\xe24\xefr\xcc8\x1f\x80\xfc\x0b\xe1\xcen\x8e\xa7\x81[\xca}\xcaJM\xf9pR\xbd\xc42\xee\xb3\x8ck\x16j\x135\xa9^\xbfhW\x06O\xe2s\xbe;U\xc6\x1dfMT\xa7\xed\xa3\xca\x93U\xe3\x17(7\xccX\x96/\x11\xbbksY\xe0#\x18\xfb\xb3\xaf\x1bFm2\x0e\xd6\xe0n\xa5\xf4&lt;\x94Lj\x9c\xeb~\xc5\xbc\xd1\x91\x9e\xcf\xfa`\x1b\xf6=\x0b#\xd7\x91)\xbdSw\xd8+\xf5CZ2S\x11\xdfD\xf2\xecLD\xae\x0cl\xfb\xf1\xb3\x13\xac\x88E\xc9\x91\xae\x0e8A\xf5"\x9a\xc3\x87#E%cpI\xfc[?\xdb\xc9\x02t\xe7p=\xb9\x99\x97;=\x87U\xb0\x8f&gt;te\x1f\xb232)\x00\x0eO\xa5\xa2\x08\xd4\x05\x88\xc5\xbeLa\xd6\xf3G\xc0\x08\x14Wo\xd09\xc0"\xac\x10\x0f\x9d\xd7\x03\xb0It\xe3\x17D"\x8b\x82\xaa\xf8\xb6\x05i\x91&lt;\x12\x19\xb7\x8cum\xf7_\xdb\xa9\x86,\x06&lt;\x07\x8b\x13X\x0e\xcb\x85B\xd9~;,y\xf5\x8b=2\xbc\x89\xd9\xfe\xa4a\xf5\xdc\xbf\x0c\x15\xcb\xf0\xd1\xaa\x16f\x05^\r\x82\x8f\xc4w\xfc\x9f\xac&amp;\xe1\x87\x9e\xb9\xc7\x187\xbd\x1d\x95\x82\x1e\x8fr\xba\xc0\xd0J\t\xf2\x8c+\xcd\xf6\xba_&lt;}ERA\xeb\xd4\x11\xe9\x1dP\xf2\x7f\xe4Z\x8e\x1b\xb4\x9b\xccG8\xb9[$S\x06\xa9v\x05\xa0\xf3\x80w\x80&amp;\x98\xbc;\x16\xb4a6\x98p\x9f\xd1\x9e\xe6\x0e\xd6\xe9\n\xfc\xd4 \x1b\xc9\xac\xea\xf9\xedi\xf6P=\xee\xfc\x01g\xef6\xbbHZ\x7fW\xbe\xd1+\xd6DlB\xb6\xcb\x96\x89\xec\x00\xfb\x18Z:\x13\xfa\xbb\xb4D*\xb9M:\x9a\xc1A%\xb0K\xac\x1a\x12n\xa8b\x15\xee\x07\xfe\x16B@\xe5\x91DS\xda\xe2$\x94[M\xf4|\x1d!!\x9e\x03kd\xd2\xc04t\x96K\x1ec\xae\x19_\x9da\xd8\xc1\n\xd0\td\xc4)\x01T.(\xa0\xd1N\xdf\xc1\x9e$\xd9\xc9 \x01"\x9d+\xad \xfc\xe7!t}&amp;\x1e\\\x8arm\x94K\xf2\xea7g\xca\xe4\xa3L\xc2\xc4\x1c4l\x0eS\xbe=-8\x18\x7f\xe3\xc1@\xb4\xd4/\xd7\x1a4\xd6\xecY\xf3\x03\xa15=}N\x13\xc5\xe0\x10s\xa2\xcd\xc3\n\xeak\xeb\x90\xd5\xed6\xd5\x9b`'</t>
  </si>
  <si>
    <t>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</t>
  </si>
  <si>
    <t>b'\xc1\xd3\x80\x02\\\x19b\x82\xb0\xc2f\t&lt;\xbe\xa8\xeb'</t>
  </si>
  <si>
    <t>ired herself
out with trying, the poor little thing sat down and cried.
â€œCome, thereâ€™s no use in crying like that!â€ said Alice to herself, rather
sharply; â€œI advise you to leave off this minute!â€ She generally gave herself
very good advice, (though she very seldom followed it), and sometimes
she scolded herself so severely as to bring tears into her eyes; and once she
remembered trying to box her own ears for having cheated herself in a
game of croquet she was playing against herself, for this curious child was
very fond of pretending to be two people. â€œBut itâ€™s no use now,â€ thought
poor Alice, â€œto pretend to be two people! Why, thereâ€™s hardly enough of
me left to make one respectable person!â€
Soon her eye fell on a little glass box that was lying under the table: she
opened it, and found in it a very small cake, on which the words â€œEAT
MEâ€ were beautifully marked in currants. â€œWell, Iâ€™ll eat it,â€ said Alice,
â€œand if it makes me grow larger, I can reach the key; and if it makes me
grow smaller, I can creep under the door; so either way Iâ€™ll get into the
garden, and I donâ€™t care which happens!â€
She ate a little bit, and said anxiously to herself, â€œWhich way? Which
way?â€, holding her hand on the top of her head to feel which way it was
growing, and she was quite surprised to find that she remained the same
size: to be sure, this generally happens when one eats cake, but Alice had
got so much into the way of expecting nothing but out-of-the-way things
to happen, that it seemed quite dull and stupid for life to go on in the
common way.
So she set to work, and very soon finished off the cake.
* * * * * * *
* * * * * *
* * * * * * *
CHAPTER II.
The Pool of Tears
â€œCuriouser and curiouser!â€ cried Alice (she was so much surprised, that
for the moment she quite forgot how to speak good English); â€œnow Iâ€™m
opening out like the largest telescope that ever was! Good-bye, feet!â€ (for
when she looked down at her feet, they seemed to be almost out of sight,
they were getting so far off). â€œOh, my poor little feet, I wonder who will
put on your shoes and stockings for you now, dears? Iâ€™m sure I shanâ€™t be
able! I shall be a great deal too far off to trouble myself about you: you
must manage the best way you can;â€”but I must be kind to them,â€ thought
Alice, â€œor perhaps they wonâ€™t walk the way I want to go! Let me see: Iâ€™ll
give them a new pair of boots every Christmas.â€
And she went on planning to herself how she would manage it. â€œThey
must go by the carrier,â€ she thought; â€œand how funny itâ€™ll seem, sending
presents to oneâ€™s own feet! And how odd the directions will look!
Aliceâ€™s Right Foot, Esq.,
Hearthrug,
near the Fender, (with Aliceâ€™s love).
Oh dear, what nonsense Iâ€™m talking!â€
Just then her head struck against the roof of the hall: in fact she was
now more than nine feet high, and she at once took up the little golden key
and hurried off to the garden door.
Poor Alice! It was as much as she could do, lying down on one side, to
look through into the garden with one eye; but to get through was more
hopeless than ever: she sat down and began to cry again.
â€œYou ought to be ashamed of yourself,â€ said Alice, â€œa great girl like
you,â€ (she might well say this), â€œto go on crying in this way! Stop this
moment, I tell you!â€ But she went on all the same, shedding gallons of
tears, until there was a large pool all round her, about four inches deep and
reaching half down the hall.
After a time she heard a little pattering of feet in the distance, and she
hastily dried her eyes to see what was coming. It was the White Rabbit
returning, splendidly dre</t>
  </si>
  <si>
    <t>b's\xd2Z\xf1L\x9fk\x84\xb4\xe7\xb6\xdf\xf4\xc7\xd7\x0cl\x00\t\xd8\x7f\xd5\xa9\x86k\x17((\xb6\xdf&amp;\xd5\x14\xe3\x10\x19\x9f#(\xbcZ\xd4\xe9aZ\xd0p\x8c\x0eK!\xbe\x03\xc3Lt\x87\xc8\xf7\x13yV\xd3\xe9\x9f\x84\xb8/\xa9Arb\xa5\x89\xfaoF\xc7|d\x98\xeb\xf8\x1e\x01\x8f\x8af\x9f\x94\xf6;\xf7\xa78\xee\xf6\x04\x01\x86(\x10(\xd4\xd8&lt;\xbd\xae\xadn\xcb\xd2-\x9f\xc05,\xee\x0c7\xfb&lt;M\xd5@\x9b\xd1\xb7\xb3Y\xded6K\xf4\x126\x81KS\xb4\x7f\xa7\xe4@\x01\xfc\x83+?\xb7\x000g\xe7\xf8\xd4\x05?\xef\x8d+\xeb\xbe\x0b\xd0\xf1\x96&lt;@\x8b\xdc;\xb9y\x99A\xbc\xd0"D:r}-\xbd\xb8K\xe2\xfft*\t\xe8/\x04\x85\xe7\xf4$\xb0\x8f\xb5\x847\x014\xf3\xf2\xeb},/\xf2\xa5r\xcd\xf6\xe5\xca\xc9\x15&gt;"\xb2\xa7\xf6\xcer5\x8d\xb6&gt;\xb8\xd7\xa1by\x1c\xa56\xba*\xb8\xc4\xe4\x06\x1f\x9d\x80\xe1X\xd1\x1b\x94N\xd4a\x8f6S\x7f\xbe\xe1\xa3\xcao\x947V\x92\x00\xc7Jk\xfa\xf3~\x07\x94\xdeY\xbe\xb0\x95:\xb2\xe0\x9dQ\xaf0\x7f\xf7\x15\xc9\x1d\xdc\x00X\xf5\xfbC$\xa0\xe1\x97l&lt;\xe7I\xa1c\x18\x12:\xdc?%\x03\x0b/t1|\xbc\xc1\xe1\xcc\x94_Y\xc5gG\xb2\x9c]\x02\x12Q5\xff\xb7\xcd\xde6\xba\xde\x98\x94\xcd\xa9_\x1a&gt;(prH\x8d42m\xfe\x9c\x8d\xb0\x8e\xbf\'\x87d\x9ce;\xfad\x0b\x89\xf6\x9b\x9b\x89Z\xaa\xf3\xf4\xech\xfa\xa5\xa3\xd8\x9eO\xafY\r\x1c\x92A2\xe1\x1fx\x7f\x1b\xb9\xa0\tBCpzh\x8b\x12\'\xb5\xfd\x87\x15\xa9LV\xcfg\x90\xf9\xae\xff\xd5e\x1fw1R\x82@0"%\x8f\xa2\x8dK\xcd\xaf0\xf8\xd97\xa1O\x10\x97\xcck\x0c\x0c/\xc1\x08\x1dd\xa5\x08\xe6\xc7@\xea\xe6\xe9\x90\x92\x08\x9f\xc4\x18{\xe4\x8a\x86\xf1:\xd2`x\xae\x92\xd59\xe1\x9d\xd1\xcb\x85\xed\x8c\xe8\xfb\x10a\t\xa3\xe2\xd73\xad\r\xa6\xb0x_\xc4p/\x0e\xa9\x8fy\x00\x9e\xe0\x89\x93\x15\x02\x1a\x04\xad\xfe\xe4;\x0f\xe90\xf5\xc4\x9f\xedAv\xbe\x7fh\x81\x00z\x1c\xaf\xa9j\xea\x9e\xda\x1c\x1f\x0e\x13\xab\xe3\x9f\xbc\xc8\x172\xf6?\x08ng&lt;M\xd18\xf5\xa8\xb8\xf2\xda\xb5a\x13\x1e\x80\xc4\xb6\xc0D\ry9^\xe3X\xc9B|\xd0\x13\x9d?\x1b\xde\x86\xa6\xb21e_\xbbd\x0bR\xb87V\xc1v\xab\xec&lt;\xe3\xa4\xed\x8e\xeb\xaa\xe7\xd2@\x12\xf9&amp;(\x84\xf7\x06\x9a]\x90\x8e\x0e\rz\xc6E\xa9u\xebk\x831V#\xe2N\xb0\xf0U4\x93\x1aV\xc6e\xb4\x01\xd1\xe6\xac\xa7\xef\x11\xdf\xeb2BB\xcc\xaa\xbcv\x91\xe2\x14\x9f\x1b\xbf\x1a\x8c&gt;\xb9\x100Lm\xd6z&gt;\x8dL|0\x98\n(\xc4X\xc8\x8d*\xef\x87\x1f\xe1\xa9^(\x9f`!\xd3\xca"\xa8\xa1rp\r\xf6\x07\x80\x13\xa5\x86\xb6\x0c\x06\xcd\xb3\xf3S\xe3g\xe5\xad\xa8\xd2\xf4\x8e\xc1\xa0a\x8d\x12\xad3oxr\xafo\x9f\xfc\x93\xd9k\xd6~\xad\x12o\xdcr\xb8\xb9"\x8a\xd2\xab5\xdb)$\x05\x7f\x8d\xaf/\xfedm\xa6\xb8\xe6\xd3\'\xbe\x02\xaa\xb7H\xf3\x05\x13\xac\xbe\xf6\x13\x99\xd3\x00L\xcde\xf2\xd4B\xc6\xa4\x00C\xe1\xe0`\x18\xacI8:\x9d\x7f\xf1H\xea\xa4\xcfD\x97\xd5O\n\x8fw\x7f7\xd4\x0c7\xcd@\x83&gt;mvS\xe7E \xbdi\xfbh\xb5\x9e\x93\xf8\x9aE2M\xee\x1fnS6a\xb7\xfa\x009\x15U\xea\x07\xdd\x8b+\xaf:B\x05$\xbb\xd4\xec\x7f\xffh\x1c{h\xea\xc4\x05P\x8aK\xb0i\xfb!\x13\xb1\xde\x88\xb7v\x02\xd3m\xd6j5\x8a\xbb&lt;\xf9\xd5\xb9\xceP\xdc\xac*\xab\xfb\xa0\xd7u\x08\xbdx%"\xfe\x97}\x9692\xf35\x08\xf4~\x1aQ\x10\xf1\xd6\x1d\xabR\xb3\xfc\xc0\xe5\xed\xb2\xd4}\xb4\x81\xf1o\xc3\x95\x8e\xff$I!L\x1a\x8c\xc5&lt;dN=\xbc\x08\xb5~{PvM@\x0b_\x99Y\xafE\x07\xae9\xcb\xdf\x10/\xe5\xfc6\xfe\xc2.h+)}\xf6\x99\x86B\x14`H\xa2\x87\xa9\xb4\xfb\xb78m-/&lt;\xa2\x93W\xba:\xdc\x19\x94}\x9cVV\xc7\x13B\xafuAr\tG[cp\x05\x12\xf4\x93\x050\xc05\x0f\x8f\x05j~\xb4\xe4\r\xd6y\'\xb1I\xb9W\xf2\xae\xf2\xf7\xc52D\xf60\xb5xbu\xbe\x8f\xb0\x17\xd5\xe6\xb9\n*\xe7\xe6\xf3\xfe\xd5MK\xf4\x97\xb9{\xa5Yr\xbd\\\xb8\xfcc\xe1W\xed\x197\x8c\x1b\xee3\x86\xf8\xbf\xca\xd5\x8b. b\x86\xe5\x98\xbca\xf6O\xe5_\x91\xb3%\x89\xa7\x80F\xc9E\x9e\xbc\x01\xf1\x82r\x8ede\xb5P\x14\xff\xf6\xcd\xab\xbc\xefTdp \x13\xa9\xb8c\x8b\xb8\x06J%\x81\xac\xf2\xcef"\x9c\x80@-l\xd9\xc0\xea\x9a \xdc\x88\x94\x87\x10&amp;\xfd\xe9\xb5VIoW\'"\xad\xdf\x7f\x89\x0f\x94t\x0b\xc1c\xd7\x8dg\xe1\x9e\xb0\xc2\xd2Yg\xfa\xc2\xa6f\n5\x8d\xe9+"\xe4\xeaPW\xc1\x18\xf2A\xb7D\xcc\x88\'\x1e\xd4\xa4/\xe7\x07\xae\xf7\xbd`]\xcf|\xefc\xcc\xdb#\xb05\xd62\xfb&amp;\xd5\xe3@F\xd9D\xce\xb9|\xe2\x95-\xfa\xfb\n\x07E\xf0\xe8A\x98H\xe1\x95|\xear\x1cK\xbe3\xcbL\x9f(\xcco\xe7\xc6\x04\xaf\x90\xd1\x04]\x8a\x95k:\xd1\xe5Gl\x88\xa8\xbaIc^\xa6%\xdc?\xe75\x03\xf6\xd5C\xbah\xf8\xf4\x87\x01\xd2\xcbC\x07\xc2\x16\x91n`\xb7\x10\xe0c\xe4\x80\xf5z\x7fA\nol\x9a\x0e\xe5\xa7\x8b \x94\'&gt;)\xfaH\xe0\x0b\xfd\xff\x8d\x9a\xfc\xe8\x89\x1c\xf2\x8a\\\x98$\x9b\x02\x1c\x8c\x97\xdc\xe8u\x10k;c\x11.\xeel\xe7\x1b\x8a\xc1\rytJm\xa6\xbft\x87B\xf0*\xa8\xbf\xcf\x7fL\x18c\xa1\x14\x17\xdf\x96\xd7\xc5\xea\x00\xe5\x8df\xb7\x83\xd6`OZ\x84\xee\xdf\xaf\x05\x9b\xea^&amp;\x15\x15\xd7t\xb1\xfa[\x98\ti\xc8\xe8+wt\xe2-\xa0\x1d\x1c\xa5\xca\xe1\x1f\xc4\x96\x06\xef.\x1e\x01\xfb\xb4\xfae\xe5\x86\xbd\xec\x97\x9d\xac\xadp\xba;\xe0)\xbdm@\xaa\xf35\x8e\x06\x95(\x98=\xd4b\x9a\x10z\xf1&lt;\xbf\xc85\x0b\x1cL\xd5\x8d\\\xa8\x87\x9e\xbe\xbeo\x0e\x9b\xb6\x0e\xfd\x9dI\xdf\xc3\x1dZ\xad\xa2x\x99\x9eM\x16\xc3\x84\xea\'\xda9\xf8\x81\xca\xc1\xceWo%\x07\x99\xa1\xc8.\xe5&amp;\x88\xac@U\x8c\x0e\xa7\xcd\xc3\r\xff\xbcAM8-\x16\x87\x1e\x12\xf15\x00x\xb9l\x95VJ\x01\xbe\xaa\xc9)?Z!\xea\xf3\xea\xd2\xday\xa9\xf3#\xce&lt;h o\xebY\x1dY\xd8:\xde&gt;H_M\xf6L\xaf\xbba[\xca\xc4\xc4\x00\xdb\xadM\xff/\xf4=\xb4\xde\x18:\x11\xd5x\'\x04\xe4\x14Z\x9a\x18\xffp\xd6\x8f&lt;\x82\xc8l\xdca\xc8\x9c\xa7\xe9\xde\x1c\xc8\x9e\xf0\xfdo\x90?\xaf\xb9o\xa1\xcf\xf8\xeda\xab\x192\xe6]%\xaf\xfa\x9b\xe7\xce\xcb\xc7\xec\xb0\x1fUz\xc0wB2u\t\xea\xf1\x88\xce+A,\xb9\x84\xbd&gt;\xd4\xed\xe2=\xbb\xd7@$|\xe1Ov\xa6\xc7"\x86\x17$\xef\xe23\x00\xe0\xea\x86a\x05\xbc\x8b\xfe\x16\x90\xb0\x11Vcn\x96t\xdd\xaf!\xf1\xbfu\xbf\x80\xf9\x1d\x92\x9b\xbd\x01C\xca\xc5\xad\xc0\xbfe\xff\x89\x17\xee\x802\x9e\xc6\xe6|I\xcb\xe1\x04H\x8b\xf4\x9fzBp\x15\xa8m\xc8Q\x00\xed\xec\x8d\xf0\x1d\xd3\xf2\xecK\x01\xf0\x91\xc8\xa2I\xd8L\xe1\xdc\x04\x86\xd7t=\xcdeA"\x10L\x11W\x14R\xd4Z\x1a\xbf\xe0\xaf\x12\xccn\xe5\xf1P\xe1\x80\x16\x05T\xe7\x93\xb8\x17\xb2\xa2#H(\xaeFW\x87\xc3\xb9\xe9Dj\xd7H\xb7\n\x85\xfa\r\x93\xd7\xbe\xb5\xefU\xb7\xa0\x03\xe5\xffJ5Gg\xb0\x98\x11\x8a\xd34\xd3\x80\xda#\x83c\x9fm\xe1\xa86:\x14\x0c\xbc\xd0\xfbi\x8f\xa3\xbb\xa1.\x87\x9a\xd4\x83\\\xae\xfd\x8cW\xb0&gt;\xcaB\x1a7\x87\x11+\xfb\xaeZx?\xfaS\xdc\xa5\x8ce_\x9fi\xcb\x10\xf5\x80Zse\xd7\xbbt\xb6\x8e\xc8\xee\xffB^\x07\xd8\xf7\xc2\xbf\x8c\xa2i\xb2;\xbc&lt;q3\xa3 \xe1\x1f\x06\x1dz\xaa\xe06\xf2=\x08\x87\x07\x8e\x04NM)8\xa0\xc1(e\xb6\x05|\x81uj-8\x06K\x1a\x96\xc5\xd9a\x91\x03\x1d\xeb\x84\xe0{q\xa7\xb4/\x07%,\xeb\xf5\x1cH\xd6[\xbf\x80)\xf2\xa7\xce\x94\x1f2 \xfb18(\x92\xbar\x9eY\xb8\xef\x97lf;]f\xb8\xac\x15\xb6\xec\xbb\x84\xfa[\x85\x87\x04\x1e\xfb\xfc\x04\x166V)%\x06+0\xff\xdc\xdekx\xe4:\x0e\xcf\xcb\xd5\xc6\xa3)\xeb\xb9\xd2[oU\xd7xt.\xd4\x02$n-\x83\xb9V\x99,\x85+\xad\xdf\xd4d\xe5\xf7\\\xeeF&amp;3&amp;\x81\xd5m;t\xdd!K\x98\x0e\x98\xd4$\xf9\x91\xf4\xaa\x17(\xd2\x19\x18\xcc\xec\xb7\xf4\x1c\xe3w$!\xbb\x86z\xbaW\xbe\xb0\x9a\x8b\x99%\x94\x1f\xae\x19\xccA\xaaS\xfb\xd1[q\xc5\xdc\xfe\xb7\x13\x88\xe1\x8b\xbf\xbb\x8f"\xf9\xfb\xce\x02\xffM\xd4\x8bz\xb0\x1b\xa4\xed\xccM\xae\xcbr+f\xd9w7&amp;#\x80\xa5t\xa2\xa2=$K\t]\xa5\xa7\xd4\xd7\x9d\xa4.\xeb\r\x97&lt;\xce\x8c\xc5Ev\xcb\xb4\x06\xb2`,c\xb1\xdah\x18\xd7\xdd\x80\xcf\\\xe2J\x13\xbb_\xff\xb88QH\x7f\xd6G\x16\xcde=*5\x9d2\xf4@\xd3\xb0UQ\x96H\xa5\x87R`y\x10\x17\xc8\xe4\x00\xef\xdc.\x15\x12y\xf0p\x85\x0f\xf2+\xab\x96J\xb9g\x99\xf6\n\x80\xe6\'C_\xb9\xdbVi\x94\xa6\xd0\xa2\xcd\xd1B\x14\xa7\x110\x91\x9f\xe8m5\x8f\xedy \xfc\x81\x97\x95\xa9mD\xc4\xe2\xf9\rV}\xaf\x84R\xbdd\t\xceO\xf1\xf8E\x1c\x18\x0e\x9e\xd5\xab\x1a\xa0Q\x93V\x954\x1ag\':I\xf7\xa4\xdd\xfb\xda\x03\x96\x01\xad\x87_\xfc\x1a\xbf\xda(\xdb\xc9,8\x04\x87\x86\xf9&gt;0\xe6W\x1d\xb4\x04\x1c(\xec\x1a\xc5\x1d\xfa\x88\x81P8\xaf\x12HK\xd7OiR1\xdcH\xdf\xf5\xe4){\xee\xb9/\xcf{)izO\xb9\xd6\tcI\xe8n6r\x9c_\x80\xd5\xa7\x9ff\xfe\x7ft\xb6\x8b\xe4[\x11:n.\xf0\x8f\x82P\xcd\xdeY\xd3]\x86*\xe8t+,A\xcaT\xa4\x08|H\x1b\xf7\xf2\xde\xf2F\xb7\xb7pRc\xdaQ\xe4\xb2m\x06cT\xb3\xd3Ed\xf5\x89\x8d\x91[^i\xda\xb1\x7f\xedc\xf3\xc9\xce\xa9\x19\xab\xa3\xb2\xbf){\\/!\x82\x1f\x99I\x80B\x9b\'\xc1G\xe3\x03\xdd\xb9\xdcw\xeb\xc1\xe2\x9f6\xd3\x9bh\xe2&amp;\xd9,4{\xe3\xf4]\xb9\xe7\x8e\x16$\x8ak\x91}\x14D\xb4\x96wv\x91\x94\x15\x94a\xc8\n\xfd\xb8\x13\x00\xd0\x8fNK\xc0\xd2\xe8O\x11\x11-\xef\xe1\xdf\xcb\xdc&gt;\xe6\'\xeb\x10\xc7l\xdc\xe9+y\xc3\xd7\xd6\xa10\x12\x9f\x8b\xffK]&amp;\xcf\xda\xd3\xe3\xcdp\xe8\xda\x87K\xda\x1a\x91\xabS7\x1dqP\xa9UD\xd9C\xb6abUe\xefD\xc4 X\xad\x8d\xae\x8dF\xe5\xd6\xc83\x1f\xed\xbc\xfe\x9aHW\x0e=\xf0\xd5\x17\x0bP\xa7\x0b`\xa7B\x16g\x10:\xaf\x1d\x1b\x9d\xea?T\xc3\xf5\x8b\xb4\xd1\xac\xc2e\xa5\x8f\x8f\x1d\x85-u\xe5\xa7\xf7iCr\xf5\xf4\x10\x9f\xfb\x80\x8d\x15\x88 \xf9nh&lt;@\xd4\xf8By(vI1\xd8\xfb\xa3[\x16#G\x92n\xeeC3\xfab:3\x92\x05h\x9d\x1e\\\xb7\x8a\xbd\x9b\x92\xe5\x02\xf5\xce\xbb\xa1\x10\x9b\x9b\xf3\xd5\xe0\x03\xfc\xa2i\xe85n9T\\\xe1\xb9\x15\xe6\xb5\x8cm\x95\x9b H\xd0\xfa\x01\x13\xc6;\x84\x84\xc0\x8d\x93\xed\x08\x85r\x8a9\xf2\xee\xd3\xf6J\x94\xfa\x1e\nM\x87\';k\xbb\x12n\xdf\x14dV\xa3m\t\xb9\x0f&lt;\xdc\xa5Gh\xc7y\x15\x96\n\x8e\x1b\xbe\x97\xdd\x1a\xc7\x05\x1c\xe8\x89&gt;\xcco]\x96\xa78\rg\x91\xe6\xa7\xa2[\xe7\xd2c\x0f`\xf2i\xa9\xa7\xb4\xe0\xa6K\xe2\xb2\xa6`\x10\xf9\xa1\xb5\xcf\xac\xf1",\xa5\x97\x90\xc3zUGn,\xc3\xa6O)\xc6T\x8e\x10\xd9\xe6\x8c+`\x84\x9e&gt;\xe2\xf6\x83\xf6M\xb14\xe4\xb8\x05_i?\xaf\xafQ{H\xa8\x9e*]\xaasf_\xbc\xc2\xe3s\x0b#\xd5|\x10\x8e\xde\xa2U\xc3\xdbk\xe8\xcc\xb7pE&amp;\x00\x8d\x16\r\x1f\x10N\x88@\x93\xd6iD\x91,\x10\x0e\xd0\xd4\xde\x91= \xf9S\xbc\xb6\x81SM\xd0\xec&gt;\x1a\x7fje\xf7*\xe3\xd07\xc8\x0b\xd9\x1b2T\xff\xb1Z\xde\xe1I7\xcd\x8d\xd6\xfef\xd3\xfb\x93\x95\xed\x0e\xfb-P\xcdy]\xd1\xa3\xbc?\xdc\x9d\x8c\xce]%\xad\xa0\x12O\x84\xab\xc8\xd8f\xd3\xdb\xe9\xb4\x92$\x97\x8c\x9e\xd0\xd6Cu\xbdVh\r\x1ey~\x16\x9d\xa2\xf0\\\x16\nb\xc9\x8f&lt;J\xc1\xd1\x98\xc6\xb4y\x0b\x03\xf5\x0b\xb6@\xad\xb4\xa0\xc5\x8a\xd4\xb2\x97\xce\xa0\x1f\xa2&amp;\xb6d\x11\x869\xf4v&lt;RJ`\xcd\x03\x85J\x9cm`\x88q{\xde8\xca\x18"&amp;7j\x16\x1am-\x009B\xfd".\xdan_\x84Tc#\x9b\x03\x9b\xaf\x9f\x95\xf4\xc9G;.\x03\xe8\xd9\x9e\xe7U\xee\'~\xb5\\\xce\x9f\x9bY\x9e\xc5\xe2NZ\xae\x10d5\xbf\x06Sw\x1d\x08.\xa6\x07\xb2x\xfe\xe7\x12`\xdc\xc27\x81y\xf7NA\x91w\xd5\x91\x0cw\x9a`\xe7\xf1q\xdb\xcb,rDX\xdc\x08\xc2\xa9\xc0\xc3\x80\xa0\xa8\xb4\x1f\x86\x86u\xfe\xc9\x06\xc0\n&gt;\r\x14\xf9\xe6UON\x1d\x89\xac\x8dJ+\x91\x11\x92P\x10\x83{\xcd7\xdf\xb3R\xb5\xde\xa8!(\xa0\x13\x04\xe4\x1a\xc2c\x96a(\x05\x99\xdd1\x0f\xd3\n\x0f\xa7Q\x06\x03cYZ\xb4_\x99\xb9\x0ep\xc7 L\x17\xa9\x87\t!\xbc\x87\xea\xd3\xcb_\xe4W\xe0\x00f\xa0:\xb9\x1f\xa6f`\xf0\xae\x19o\x00e\x04\xa2F\xd1V\xba~\x99\xbf\x91FX\xee\xf8\xaf9\xaa\xa2Km\xd7-\xd7~t\xe0\xe8\xf4\xff;\xf92\x02,n\x1ch\xc8b2\x0e\xd3\xb3\x01D\xc9\xf0\x9f\xed\xb2\x84\x19\x7f\xf0\xcf-\x03Y\x0fX!T\xc1x\xc00\xc3\xc6;\xa3L\xd2\xe8\x93\x8e[\xca\xd5\x94:\xae2\xd0\x826\x14Y;-\xd9\x0e\x93i\x00\xeb\x9b\x8b\xe4\xc7\xfd?\xfa\xe8\x8bl\x17\xb1`\xc5\x18kb\x8d\xf2\x86\xdb\xc8?y\x97\xd1\x13\x86\x9e\x9b\xc0\xc0\x88X0\xefaW5\x18\x03\xd5\xe4Lb\xf2\xb5K\x8dei\xc9\xe8#9\x1e\xb0\xd5\xbe\x1d\xbf\x8a\xe2}\x8fh\xbe\x07\x82\x04J\x9a\x13\x8cq\xe4\xf3\xb6\xd3*\x8f$\xf1\xcd\xe0\xca\xb3&amp;\x0b\x17\xa9a\xdb\x07\xbb\xab\xf4;\xf0\x8e\x1cS\xf14\x8fi\x99\x97\xa9tHz\xe34\x983\xe0\xd5Y\xff\xca\xef\x9a\xf2Oz\xae--\x1d3\xc8b'</t>
  </si>
  <si>
    <t>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</t>
  </si>
  <si>
    <t>b's\xd2Z\xf1L\x9fk\x84\xb4\xe7\xb6\xdf\xf4\xc7\xd7\x0c'</t>
  </si>
  <si>
    <t>beside him.
Then he called to his companions to rise, and again they went upon their
journey.
When the Wicked Witch looked out again and saw all her crows lying in a
heap, she got into a terrible rage, and blew three times upon her silver
whistle.
Forthwith there was heard a great buzzing in the air, and a swarm of
black bees came flying towards her. "Go to the strangers and sting them
66
to death!" commanded the Witch, and the bees turned and flew rapidly
until they came to where Dorothy and her friends were walking. But the
Woodman had seen them coming and the Scarecrow had decided what
to do.
"Take out my straw and scatter it over the little girl and the dog and the
lion," he said to the Woodman, "and the bees cannot sting them." This
the Woodman did, and as Dorothy lay close beside the Lion and held
Toto in her arms, the straw covered them entirely.
The bees came and found no one but the Woodman to sting, so they flew
at him and broke off all their stings against the tin, without hurting the
Woodman at all. And as bees cannot live when their stings are broken
that was the end of the black bees, and they lay scattered thick about the
Woodman, like little heaps of fine coal.
Then Dorothy and the Lion got up, and the girl helped the Tin Woodman
put the straw back into the Scarecrow again, until he was as good as ever.
So they started upon their journey once more.
The Wicked Witch was so angry when she saw her black bees in little
heaps like fine coal that she stamped her foot and tore her hair and
gnashed her teeth. And then she called a dozen of her slaves, who were
the Winkies, and gave them sharp spears, telling them to go to the
strangers and destroy them.
The Winkies were not a brave people, but they had to do as they were
told; so they marched away until they came near to Dorothy. Then the
Lion gave a great roar and sprang toward them, and the poor Winkies
were so frightened that they ran back as fast as they could.
When they returned to the castle the Wicked Witch beat them well with a
strap, and sent them back to their work, after which she sat down to
think what she should do next. She could not understand how all her
plans to destroy these strangers had failed; but she was a powerful
Witch, as well as a wicked one, and she soon made up her mind how to
act.
There was, in her cupboard, a Golden Cap, with a circle of diamonds and
rubies running round it. This Golden Cap had a charm. Whoever owned
it could call three times upon the Winged Monkeys, who would obey any
67
order they were given. But no person could command these strange
creatures more than three times. Twice already the Wicked Witch had
used the charm of the Cap. Once was when she had made the Winkies
her slaves, and set herself to rule over their country. The Winged
Monkeys had helped her do this. The second time was when she had
fought ag</t>
  </si>
  <si>
    <t>b'RU\x1f\xd5\xc2sJX\xab\xbd+f\x15Yk.\xfd\xba`\xc5UuC\x15\x81=\xe0\xa2\xa1"\x11\xb2k\x17\xd9\xb6\xec[UNj\x87\xce\xca\xfd\x9fJU\xb5\x8fi\xf8\xa6h\x88\x8cR\x00L8\xf8"1\x12\xbc\xb6\xa6\x18i\x9b\x18\x1f+\xad\xee\xf8y\xab\x14x\xee0B^\xd6GP\xc8\x0ew\t*6\xde\ny0w\xb9\xf4&amp;K\xde\xd9\xf3\x9aS:\x11\xd3\xf2\xc7\x8f\xcc\xb0\xf5\'\xf95\x94\x07\xc3\x06\xbd\xa6VK\x91\xa3\xad?\xe3f3\xc6Y[rJ\xec\xfe\xdd2Q)[\x1c\x0f$\xda\n\xed\\n\xb6\x01\x9a\xe0t\x1a\xe10\x07\x12\xe7e\x8ayHf\xe0\xdb\x80Ta\x91E+\xae\x13v\x83\x81\xe5\xfdBQ\x84\xdd\x10O8\xb3\xaeL\xb3\x17A\xe0\x8e\xec\xc1\xfc(\x80\x88\x8c\xf4\xcfr\xbc\xa6\x0c\xeb\x99\x8a\x13\x00;\xebs\x9c\xba\x92x!_\\#&amp;\xe7\xb5Ctu0\xde\xe5m?\x1cb`\xb5\xb9u\x83B\x86\xa0\xa6%U\xa3\xfb\x8c\xdb\x99\x13h|L\x0c\x06\xbe\x9b\x9b1\x91)\x9d\xa1\xa90s\x8e\xf3\x07!\x90i\xae\xccL\x9aB\x91\xf0\xf1\x96P\xb0\xe9\xb1\xd0\xa9o\x1c\xd9\xbcp\x14A\x15\x9a\t;\x88$&gt;\x97\x13xS\xc8\x9f\xb7\x18\x1d\xf8\x89\xb0\x8d+\xf3T2y\xe2"1\x02F\x81\\W;\xa8\x85q\xd1AA\xd4\x9b\xc7\xd5\xa3\x1c\xc8K\xf1\x14\xd8\x83\x83]-\xb0}\xe39x\x0e\'X\xd3\xf6\xab\x95Z\xe8?f\x9d\xa9\xeb\xb6}\xa7Oe\x04\xfdU\xdc\xba"b&lt;\xa5\xa9 |\xdb\x17nP\xe1\xed&lt;\r\x08\xc6\x18\xda\xbaB0\xccO\xb7\xf9\xfc\x03=\xf3\xcc\x06\x03\x82\x10\xae\xc4\x1e\x86O\xce\xed+\xc78"#HR\xdb\xea#@q\x82\xdb\x8af"\x89?\xe6\x1dz~g\xb8\xbfPt.\xa7\xe3\x1b\x9c\xacV\xbd\rT\xb3\xcf(K\xfbif\xb3\x0b\x9d\xc2\xef\xdf\xa5N\xa7\xbd\xdc\x0eW\xe70X\xae\x13\xa5\x91\x12\xd6\x19\x7f\xfaw\xb0j\x89C\xcf\xed\xd6,\xa9H~sL@\x90\xe7\xc4\xea\x8bX(\x00\xa8\x95\x03aS\x83\x1c\xb0\x9c\xd4!\xc1\xc1\xb3?M\x02\xca]\xf7l\xe3\x8c\x96\xb3\x15b\xf7= \xa1\xc0\xad}N\x8e\xa6\x83\x82\x94\xc3\xf8\xe5J\xb0\xa6\x80{\\\xd8\xe8\x86\x8c3dU\xd7`h)X\x16\xa1{\xbd\xb0BF\xea\xff\xc5V)\x0b\x99Z\xfe\xc1\xcd7\x1e!9;\xc8\xffZ\x12-\xd3BB\x82(^\xa8\x135\x11`=\xfa\x91\xc70_\xcaS\x90\xe0J\x99\xc5\xc0\x16\xe4\x1a\xa9\xd8\x0c\xb0\x00w&amp;\x87\xd1\xfd\x90\xbd\xda\x11\x12\x10t&lt;Wu\x92\x8d,\xb1\xb4b=Q\xa5\xba\x90zU@k%0I\xc4\xa7\xda.m%c8\x9c\xdd\xb6\xb0*\xdc\xdb|o\xa8.\xaf6\xdaySF\xd5*\x02C\xd8\xa9\xe8\x80\x0e5\xf8\x98\xf8 \x18\x12\xc1\xe6kJw\x13&amp;\xe6\xca&amp;\xbc\x88\xddq\xac\xd8d\x94=d\x7f\t\xc9y\xca,\xa77(\x9d@?\x90\xb5\x14;\xa5kbbOH\xa7\x1fC\xc83\xebJ\x1f\xa8W\x90\xba\x98\r\xc8\x0c{\x170\xeds\xd1~\xf2\xa7\xfd\x163\xed\xda-\xf3\x15\xa9\xa9\x077\x13\xc4\xf9\xfe\x0c\n\xf08\xcb\xfa\xf5\xab,\xc3\xb3X\xb3Y\xde\xec~1\x93yd\xdf\x9b\x9a\x06\xb2\x04\'\xde\x00\xb2\xc7\xbeW\xbcy\x82\xb7!W\xbfks\xe7\xd7\\\xf8\xaa\xef!\xfb\t\x8ef\x13\x82\x9e\xdf\xa5b\xd9X\xae2s\x93\x1d\xce\xb2\xcc\xc6\xd3(\xe7we`6\xee\xafEPe@tA\xc8*\xdc\x05\xaf!\xd4\xdb\xf7[\xdaA\x12A\xf5@$M\x87\xb8\xef\xc8=\xc8\x8f\xd2\x1f\xf8.\xe2\xbc\xd2\xf3I\xc4!\xd9n\xda\x8fe\xf8\x8b~%\xf2\xaeN\x9c\xf7hc\xfa\x11\xce][P\xe25W \x91\\A`\xe4\xe8\xa4\xfd\xc8\xf5\x06\xc2\x8f\x1d_/\x02\xb3d[\x02\x94\x12\xab]\xe0\x1a\x17L\x0e\n\xc1\xb3\xa4\xc3\x94:\xdd\xa9\x8a\x07\xdf\xf6\x82X\xc9M\x15|Pw\xf0\x86\xa0,\xd8\xd2\x12Z\xbc\x92cG \xef\xf8l\r\x8c$\xb7\x13!!\xc6J7\xd1\xf8\x08\xfb\x8b;\xfc?+1\x9a\x00\xfe\xd0g\xf2\x03\xb5\xeb\x83\x9d\xae\x9f(\xa4\x95\xd7aw\x0c\x15\xa0d\xb7\xdf\xe2 \x11\x8e\x85\xe2\x1c\x87\x8a\xe6BL\xfc&amp;\x0c\xa3\xe00\'@5Tg]C\xba9\xbe\rN\x1dON\x17%\x82au%\x84\x83\xa9\x87G\x14DB\xf9\xae9\xc0\xb9\xd8C\x99P\x05\x020b\xd2\xf5\xaf.\x9c*\xeee\xef\x1aI\xfb\xdf\xe9C\xa7\xff\x9c\xc7c\xdbO\x02\xf8\xb8\x92%\xbc\x8f@\xcc\xbc\x92cG \xef\xf8l\xbe\x8a\xf9\xb1,p\xaf\x8d\xff\x94\x95\xb7\x9a\x8dl\xd26n\xf3?\x95\xe4U\xcf\xf4\x0epHf\x88*\xe2\xf3\x11\x82\x1f[#X\xc4m\xbb\xc6\x1d\x0f\x893\xdb\x82\x94\xc3\xf8\xe5J\xb0\xa6\xb1\xb5\x1d\xfe\xac8\x19C\xcbQ\x83\x03M\xffA\xbfse\x88\x9f\xb8HOr\xc3\xb3`8i\xdd\xbd\xa3\x9aP11\x08[\xb0\x00}0\xdc-m\x0e&lt;\x9a\xcbZ\x91\xb9\x99\xb4\x97u\x11\xe0\x01\xf2\x84\xc4\x90\xe9\xfb^\x7f\xcd\x933\xb0\x94k\x1e\xd5\x07\xaaZ\xf5\xb7B\xf3b\xb6\xe1\xe0\xf5\xab\x06\xaa\x96b\x03\xac\x18\x8bT\xf3\xe4(\x92\x97\xf0"3P\xbbR\xd1\xe0\xca\xcf\xe0\xb4PM\x9a\x12\xb2^0\x08!ry2\x08/\xf5\x8c\xbc\x95\x9a`\xc79R\xdaQ\xedx\xd4X,\xf0z\x03p\xb1.+\xaeQ\x1b+#\xb8\x1eRCQ2\x8f2\xac\x01\xda\xca\xa7oT\x11\xf1\xb82\x84\xf3\x9aS:\x11\xd3\xf2\xc7\xb4\x85RS\xfb\x97EM\x98/\x0f1V\x9fX\x1f2\xf1\xf06\x83\xa5\xec\'\x1e.\xb0\xeb\xf6\x92Nc\xc03QG\xb6U\xcb*t\xb4X\xda\x1c\x102\x9dbV\xb5|\xd2\xc8\xce\xaa\xfbFVG\xc5-\xff\xd0\x9a\xf4\x18)\x96\x86\x19\xbb\x81\x99\x9aO\x8f\x83\xbb[\x9e"r)c\x9b^|\xaa\x14U\xa7\xbc\xef\t\xae\xfbKj\xeabL9z\xa9s2\xeaa\xc6F^8\xad\xc6\x15\xb8\r\xb4\x85\xad\xc8\xfa\x876\xb6\xf0\xf6\x96\xa80\xe4\xe8N\x80a\x0c-(\xfb\xfd\xe0\x95\xee`~\x99\xe3\xd6\xdegxiN\t\xa0eU\x17\xec\xd1A!\x0fw\xfa\n\x1b\xe7\x07x\xab\xf6\xfa\xf3~2T\xc4\xef22\xbe\xb4~\xe2/\xa0\xc9\xbfE\xc5\xc4G\x9f\x1b\xe9\x8c\xd8\xe4\xcaQ\x8b\x93\xe2\xac\x13\xe9\x95\xed?/\xa8k\xf8\x8d\x98@g\xc2#\x0b$#~\x92\xf9YB\xa7\xe1NO&lt;\xf9$\xda*\xf1t}K\x1e72u3r;\x08\x07\xeb\xb2g\xdb\xb57 \xf9,\xb0\x88\xa8\xac\xe4\xe9\xd0\n6\xe10\x85\xa4K\xe8\xea\x87.\x91\xe0\xbfT\x9aq\x15\x11\x03\xd2\xd7\xc6\xbfy\xe1N\x18\xbc\x18\x91z\xe7\x9f(\xedk#\x92m\xc9\t"\xb2|\xf2\xdc\x0029^\xb7\xc1\xe4N\x11\xac\xa0ei\x15~\xd4\xe1\x1e \xe2\xfc\xec\xe9H \xb0v\x1e\x95\x97\x97\xb3b\x7f.\xdfz\xa0\x03O#\xa6G*2\x88\x92 \'\xb2\xda\x86\x07*\xd1\xb2\xe4I\xe9:Qef3\xedY\x8fN\x17\xc2r\xb9H\xe56\xc1\xf2\x93\xeb&amp;\tmZ&amp;\x07&lt;\xaan)\xac\xb4hK6kz\xda\xf4\xc1\x19Wv^\xb9A\xcbpC\xc0"\xc8\xf4\xd6o\xdeC\x08b\x93dZR\xdb\x94\xce\xe1\rN8&gt;\xbf\xd6\xda\xf3\x9e\x0c\xd9|l)3\xb0/&lt;/Mt\xc7+\xcc\xa70G(\xd4\xfbe\xf8\xbd!Bo\x1e\xf6\xf8\x11\xb0\xef\x94\xbb\x84\xe6\xea\xe9\x15U\xb8\xe05\xebz\xe6\x80k\x12c\xb7\xdb\x99\xc8\x1f\xd3\x04\x99|\x02N++\x1e\xc7\x82\xa1o}\x8e}\x03\x0c\x1cL\xb2\x04\x86\x1cf\xa1y\x82j\x9dp+\x1b\x97\xe6\x9c\xe3k#\xbewV\x02\x0b\xd9\xf8\x07\xcf&amp;\x89,O\xafl\x00\xcd\x82\x0b\x0bDHU\x1ee&amp;F\xd4\x82\x0bxll\xd9mV\xa9t\xf6\xcdZ-&lt;L\xe3\x8ac\xa7H\x1dzJAh\xa4\xdf\xe7\xba0a\x10\t|2\x8f\xc7\xa5\xa0y\x1d\x0c\x1c\xcc\xb3@\xaa\xc8\x0c\x8d\xce:\xb0\xa8\xe5\xb2\xb4\xe4RU\xe2\x13\x1a\xab\x8c\xa5\xcb\x8fW\xed\xd4\\\xed7\xc4\n\xab\x00\x14N\xee%\x81\xb7vw\xbaX]\xa7\xa8\xbe\xbe\xb7\xa8\x8f\xc1\xbe\x8e\xe6\xb1\xf8x3&lt;\xa7_\xf4A\xe7\x07RYO\x9az}\xc3&amp;^SD\xe3\xf9\xbf\x00e7\x88@\x03#Z]\x0eW\x82\xc5\xe6Q\x8c\xb7\x08\xe9\xb2\x0c\xc7#\x98[?\xa5{m\x87\xc1\xab\x03\x1c\xe95)\xd1C\xfc\xaab\xf1UN\r8\x9bi\xfdj\xca\xa5=\x90\x04\xdd\x0c6v^i\x07\xab\x1c\xea\x93`),GRu\xe5\xbbd\x0e\x8df\xc3\x08\xcat\x9d\x8c;\xb2\x83S\x05S\x81\xa2\xa0\xa0V\xbd\xd2@\xcf[\xc8\xfd\x8e\xd6\xfb\xf8_\x9c\x1fCn;\x019\xb4&amp;\x93\x08T\xec\x11l\xcf\x7f \x8a\xfe\xfd.\x1f\x80j\xf5\'~\xa0Pc\xb4"`kc\xab\x8e\x94;\xc8\xdc"\x9b\x80#h\xacE\xdd\xefT\xd81:\xcc\n\xe3\x0b\xaf:\xb5JNPV\xce0\xb6U\x8f\x8d\xda+/\xec\xb3)\xba\x95N\x86\x91\x8fN\xe9\x9e-J\x14o\x1d\x17` \xd2I\xd0\xcd\x07Jj\x85\x8c\xcf\xfe\x86q\x19\xb7\x02\xaf\xe0\x05LS}x~d\x16"\x1f\x94@\xc8\r\xfeg\xf3\xf4\xf2\'\xbd\x19\xefl\x1f\x08\xfb\x14O\xd6=\x03\t\x92\xea\xcc\xfd\xf3\x19\xa7\x8a\xcf\xd9\x89E\xff\x0e\xa1\xb4\xd0c\x83h\x0f\xa2B%\x99\xbf_\x15\xb96Ep\xca]\xb0M\xe3n\xf3\x89\x8d\xa0\x8e\xc9\xe6\t\xc1\x0f \x17\xfa\x06\x83\xaa1\xe6\xa5\x9ae8\xd2\xabRti\xdd\x8a\xd1a\x91\xc8\xb1\xb1n\xbb\x86\xa5\xbfZ`;\xb1\x02PO\xf0-\xf8W\xa3\x10\x9ay\xd2\x84S\x01!d&lt;V\x9dW\x85\xa1\xe5\xc2\'\xbe{\xb4\xdc\xc7]:\x15\xf2\xe5\x15`\xdcQ\xfd\xe9\xbeo5\x82\x8c&amp;=\xe4j\xbd\x7ft\xdc\xadz\x94\xe4V\xcf\xf1\x06\xc3\xba\x0e\xb6.\xe7\xc1\x86O\xf9&amp;\xe0)\x0cKQR/\xb7\xd1+\x90\xe8\xa2[\xfaR\xd9U\xb4\x12\x10\x88\xf0G\xd2\n\xf3B\xc2z\xda\xf0-\xa0P\xd2\xdd\xdbR\x9f\xb1\x81RBH\xce\xb1\xa7\xa3\x9b)x\xa0\x9c\x07\xefO\xd1\xa8\x15S\xa5\x03)P\x9eg\xa9\x83\xcb\x16X\rX\xbd|\xacH\xd0c\x03b\x7fN\x82c\xc5\xc0\xc2\xa4v\xa5\t$\xcd+b}\nB\xc7]:\x15\xf2\xe5\x15`A\xc6\xd0\xb8Y\r\xa5\xc3\x1a-\xea \x9f\xdelZ\xe7s\x9e^r\xc1,b\xcbO\x00(v\xf2_o\x1c\xf8\x98\x16\xbabt\xbe\xf2fD\xe8c`Y\x12&amp;\x07qB\x90\xef5\xb3/\x08\xb1\x85\xc1,r\r\x08Y\x93\x17VF+wK\r\x8a\xdf\xf7o\xc8Zr=?\xb8\xf8\xfe\xb0\x80TJ;\xa3\x17\xd8`\x0f\x15U\xb8\xe05\xebz\xe6{6\xa1\x1b\xb7\x98 a\xb9\xd8C\x99P\x05\x020$\xac\x13\x17\xd4[\x8dv\xe8\xf4\x83\xe7\xda\xdem*\x02/&gt;\xf3\xe7\x94f\xc3\xeb;\x10\xa6\x1ck\xb1\xbe\x03`gmth\xc9\t#\xc0\x8a\x1c\xf9\x87;\x08\xd4\xd7=\xc9\xc4\xabu\xfc\x9f\x898?_\x81g\x9c\x86\xe5f\xdeJ\x87\x98\x8b\xa0\xfcFe\x86\x97\x90\'Rd\x03&gt;ON\xd8~\x0f\x05\xa2\xac\xaa\xff\xf4\x86\xcd\xc5\xc8\xa9\xd3k\xeev\xb09\x116m\xf1\x82\xe0\xaa\xde"w\xbd"\xa9X\x00~\xb3H9\x0e\xdb\x84'</t>
  </si>
  <si>
    <t>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</t>
  </si>
  <si>
    <t>b'RU\x1f\xd5\xc2sJX\xab\xbd+f\x15Yk.'</t>
  </si>
  <si>
    <t>e than a baby; but the doctor said if I could get him into the hospital he
 might get well; pray, sir, how far is it; and which way is it?"
 "Why, missis," said Jerry, "you can't get there walking through crowds like this! why, it
 is three miles away, and that child is heavy."
 "Yes, bless him, he is; but I am strong, thank God, and if I knew the way I think I should
 get on somehow; please tell me the way."
 "You can't do it," said Jerry, "you might be knocked down and the child be run over. Now
 look here, just get into this cab, and I'll drive you safe to the hospital. Don't you see the
 rain is coming on?"
 "No, sir, no; I can't do that, thank you, I have only just money enough to get back with.
 Please tell me the way."
 102
 "Look you here, missis," said Jerry, "I've got a wife and dear children at home, and I
 know a father's feelings; now get you into that cab, and I'll take you there for nothing. I'd
 be ashamed of myself to let a woman and a sick child run a risk like that."
 "Heaven bless you!" said the woman, and burst into tears.
 "There, there, cheer up, my dear, I'll soon take you there; come, let me put you inside."
 As Jerry went to open the door two men, with colors in their hats and buttonholes, ran
 up calling out, "Cab!"
 "Engaged," cried Jerry; but one of the men, pushing past the woman, sprang into the cab,
 followed by the other. Jerry looked as stern as a policeman. "This cab is already
 engaged, gentlemen, by that lady."
 "Lady!" said one of them; "oh! she can wait; our business is very important, besides we
 were in first, it is our right, and we shall stay in."
 A droll smile came over Jerry's face as he shut the door upon them. "All right, gentlemen,
 pray stay in as long as it suits you; I can wait while you rest yourselves." And turning his
 back upon them he walked up to the young woman, who was standing near me. "They'll
 soon be gone," he said, laughing; "don't trouble yourself, my dear."
 And they soon were gone, for when they understood Jerry's dodge they got out, calling
 him all sorts of bad names and blustering about his number and getting a summons.
 After this little stoppage we were soon on our way to the hospital, going as much as
 possible through by-streets. Jerry rung the great bell and helped the young woman out.
 "Thank you a thousand times," she said; "I could never have got here alone."
 "You're kindly welcome, and I hope the dear child will soon be better."
 He watched her go in at the door, and gently he said to himself, "Inasmuch as ye have
 done it to one of the least of these." Then he patted my neck, which was always his way
 when anything pleased him.
 The rain was now coming down fast, and just as we were leaving the hospital the door
 opened again, and the porter called out, "Cab!" We stopped, and a lady came down the
 steps. Jerry seemed to know her at once; she put back her veil and said, "Barker!
 Jeremiah Barker, is it you? I am very glad to find you here; you are just the friend I want,
 for it is very difficult to get a cab in this part of London to-day."
 "I shall be proud to serve you</t>
  </si>
  <si>
    <t>b'S\x10\x0b\\Ma\xc3.'</t>
  </si>
  <si>
    <t>53100b5c4d61c32e</t>
  </si>
  <si>
    <t>d, relatively rare
 position: Theyâ€™d always wanted to have a brand with multiple
 products, but Luna did so well they couldnâ€™t keep up with its growth
 at first, much less launch other products.
 â€œWe realized we had to completely shift our mindset to get the
 company on track,â€ Jeremy said.
 The partners had originally intended to split net profits in half.
 They realized their business would never grow if they didnâ€™t reinvest
 what they made, especially since they didnâ€™t want to take on outside
 investment. So they buckled in for a lean journey. They each took
 $2,000 a month out for the first yearâ€”just enough to barely survive.
 They put everything else they had into launching more products and
 making them work, even if it meant a year of living like monks.
 The companyâ€™s second product was Super Greens, a greens
 powder used to make nutritional drinks. They put a lot of focus on
 label design to establish the Nested Naturals brand and turn it into a
 company offering a variety of natural supplements. The approach,
 which was probably more labor-intensive than absolutely necessary,
 was for each produ</t>
  </si>
  <si>
    <t>b'AH\'"\xf7\xdd\xcd2*b`\xee\x07\xd0\xf12^z\xc8\x82\x15\xfc\x85!S\xa4\xfc\x0c\xb0io}cV\xb1\x948^\x83x\x95\xf3\xb2$\x13\xcc\xce\xe6\x13T\x06..c\x8f/S(\xbd\xf6\x82,\xea\xac\xed\xa6\x9f\xdf\xd7\x85+\xc9\x14PG\x1e\xac7\xdf\xfa\xdc\ro\xe1\x94|\xd8\nU\xc3\x07\xb9\xd9\x86k5F\xb5\x08\xaf\xf3,\xed\xd8\xc5\xe9*:\xb33\xb2{o\x127\x0c\xc3@\x9c@\xf6\x8d\x9e\xe9\xfe\xa7\xfbFi\x84\xfb"\x9cr\xf4&lt;z\x03\xf3\xe9\xbf\xc1/\xea1\xad\x9f\xda\xbc\xe7t\xf9o\x8fb\xcf{q\xd9\x91&gt;[V{q\xd8\x16\x9d\x1d\xb2\xfff4\r\x18VHo\xdd\x95\x0b#\xba\x9fc\x8c&gt;\x82K\xdeG\xeff\xa5}\x96\x9c^\xb1\xe3$U\xecS\xe3ZW\x87R\xc5t\xf1\xa8\xed@\xec\xd5\x19\xf8\xf2H;\xdc,\x91\xa0\\*fj\x90\xff\x07\xb2\xb6Y[Td\xa8+\xc4\xedl}\xe18\xf2\x960\xf1\x0c\x0e"s\xfb\xbe\x18Q\x1d\x9f\x11\x88\xfa\x07w\xd7L\x16\xe4\x1f$#\xbd"\x8cg\xe2\x95\xf8\xc1\xb4]\x11\xfd\x96\x11\x9aQ!3\xd9\x0f\xfe\xb4\xee\x9cKw\x15o\x14\xc6\xafX\x9e\xe1|X#f\xb3\x9a\r\xb1g\x94\xda\x07v\xbf\xcf\x08e\xcc1\xb7\xa6?0\xfd\x0f\xd5\x05\xc7\x95B=\xaa\x8bg\x19\xebds\xf1x\x9b@=\xc9\x1a\xd4u\\+U\xef\xfe~\x17&lt;8\xab\xd21\xf1\xe7\xc8~\x85\xbc\x14\xe51\x04\xd7\xcbE\x00\xf1+\xfct\x1c\xc0\xff\xc2\x1c\rF\xaaf\x83\xf2\xf8\xe1\xe3ST$U\xcbG@\xb4\xf4\xf6\x8cg"\x19&gt;\xa9\x17\xb2:\x04\x1a\xfb\x95!x\x18\x17\xf17*\xc6\xf2\x05\xe3f\xd3\xc6+TA\x83nv_\xde\xe1\x15\xb9z89\x0f,k\xa2\xf0\xf3\xf6\xb4\xf1\xf9V\x9b\xcfq\xe2/L&amp;/\x84\x17\xcf\xf4#\xe8\xf5v\xd2:\xa2\xbe\x13\x85Gm\x1aq[\x15\xebm}\xbd\xa83;t\x81&amp;3\x98q(\'\xe4\x0c\x08\xa4u$\x80`)=&gt;\x8f\x11\xe0\x80\x81\xa6\x7f\xff\x07\x02u5\r\x18W\xd5\xe4\xbcg?z%\xce 6J\x13\xd4\xfbS5\x94\x95\xf4\xe3\xcd\xa5\x0c\x95\xa10|\x17\xd2\xec\x8e\xbc+\x01\'&gt;\xa0+[\xa5\xfe\xc0\x08G\xe8S\x9bi\xf9\xf4&amp;\x88\x15DF\xe1\xbf\x89\xb6\xed\x04j\xc10n~\xf7\xa4\x88C\\\xa8\xbf$3\xb5N|\x93\xf8\xa9\x1b\x03@\xc6\xccN\xee\xc2\xad_\xa1]{\x8d]\xd5\'H\xc2\x08\xcb%@\x94\xee+\xed\xfb\rf&lt;\xe9CA\xb0W\xc7-\xa0\xf0\xeb\x08*oN\xc9\x88{}\xe4U\xe0\x05O\xcd\x0cI\xcc\xd5\x8c\xb4X\xae\xbb\xd4\xd4\xfe\xbe\xa4\xca#\tP\xee\x0e\x99v\xb0v~\xf3ZK\xbd&lt;z\x01\xca\x85\xa2\xe8\xe8\xde\xe8i1H\x8b\x17\xee\xa1w\xe4\x97Z\xec\x7f\xc1\xb2\xee9!\xf1\xf9RF\xeb&gt;&gt;\x82\xfaBv)\x9d\xaf\x89Tl%\x12\xaam\x06\xde\x97U\x17o\x150\x81\x98\x1b\xa4\x06\x89\x93\xc2PU\xed\xe3\xb0\x84\x8a\xf1zY\xba\xc9\x86N\xf7\xd6@\xdc+M^\xf0b\x1d9\x19\xbe\x8b\',+w-\x1bw\x19HU\xc3\xa4/\xe8\x9a5\xbf-\xf0\xe4&gt;\xf5@\xaaO\x1f\xc4\xbe\x11d\x1df\xf3\xad\x0fc+m\xc0L\xd1\x89t-\x11d\xa1-\xac\x929T\x01\xd7\xc7\x7f\x7f\xe5u\xc4qy\x80\x1c\xeapgngM\xdewz\x0046\x08j\x02\xd3\xca\xb2\xdf\xddW\xaamRI\x86\x12&gt;\xdbh\xf14\xcb\x05\x9e\xf5Bs\xe8dS"\t)\xbe-\xaf\xf4r\x05X\xa6tO\x9f*\xa9\x12j\xee\xc7"\xdej6\xc0\x08\xbe\xa0Hp\xe6\xee\xe0\x9c5\xedQ\x1c\x1dB\xf7\xd2\x83\xb1\xd2\xbc\xa9\x9d\x19\xec\xc2J\xfc\x1f\xe6KZ\x7f\xcd\xc67\xe7\x86\x07\x82\xdff:\xd2\xae\x7f\xfd\xdd\xf1"\xccV\xff\x00\xf3\x8a\x89\xf2\xed\xe2s\xb8p%\x19E\xc8\x11y8\xf05\xe9qq\x9e\xfah\xbc\x94\x95\xbd\xe0\x9f\xf6\xf49u\x1c\x17\xee9U\xb9\xcb\x8eW \x0b"\xc4ax\xd9\xf1\xf4\xa8l\xaf\x01\x88_\xd5\x80\xc10\xdbZ\\\xc2|\xda\xf4b\x0c\xe1\x1f\t\x84R\xe0p\x04\x08Z\xfb&amp;!^u\x9bG(\xa4\xc2\xf0\xfej\xfd\xd9\xa4\x00\x96\x16\xa7Z\xca\xf6^\xa7`\xa5\x92(9\xf8\x0c\xf4B$\'\xec\xdf\xeaN\xfa\\\xbf\xdc\xb5\x03\xd5\xa4\n\x8b\xa3h\x03c\x94M\x03\x89x\'\x85\x05\xd2\x8a\xaa\xef '</t>
  </si>
  <si>
    <t>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</t>
  </si>
  <si>
    <t>b'AH\'"\xf7\xdd\xcd2*b`\xee\x07\xd0\xf12'</t>
  </si>
  <si>
    <t>We got it in two days. Itâ€™s not that many
 people.â€
 Kickstarterâ€™s organic traffic is a huge boost, which is why Cathryn and
 Allen put so much focus on getting momentum on the platform. One-third of
 all backers on their project were organic hits from people just browsing
 Kickstarterâ€”eyeballs BestSelf Co. didnâ€™t have to do anything to get.
 After the launch on Kickstarter, they put a â€œPreorderâ€ button on the
 Kickstarter page, to which they were running no traffic, doing no extra work.
 Cathryn looked at the analytics a few days later and realized that the sales
 were three times what they were doing on Amazon in an entire month.
 She called Allen and told him she couldnâ€™t bring herself to go back to the
 Amazon business and that she wanted to focus on BestSelf Co. He agreed.
 â€œGreat, weâ€™ll shut that business down,â€ she said.
 â€œUm, no,â€ he replied. â€œWeâ€™ll sell it.â€ (No need to burn the house down on
 the way out the door.)
 They went all in on BestSelf Co. and their Kickstarter campaign. Then
 Cathryn and BestSelf Co. got noticed by Daymond John, of FUBU and Shark
 Tank. BestSelf Co. went from midâ€“six figures to a million-dollar business in
 seven months, and that scaling had nothing to with Kickstarter. â€œWe
 expanded our product range,â€ she said. â€œWe realized that the people who
 would buy their journal would buy other things to help them with
 productivity. We remembered watching Shark Tank and thinking about some
 of the businesses we sawâ€”thatâ€™s not a business, thatâ€™s a product. We never
 wanted to be that, so weâ€™ve been focused on diversifying ever since.â€
 Cathrynâ€™s story demonstrates that if you have a great product, you are
 good to your customers, and you stack the deck toward a great launch, you
 eventually hit pay dirt, even if itâ€™s not in the way that you first imagined.
 Halfway to a Million
 At this point in the process, I like to tell entrepreneurs that they are halfway
 to their first million. They never believe me. Never. So, allow me to take a
 moment to tell you how far youâ€™ve already come: You are halfway to your
 first million.
 â€œHow could that be?â€ you ask. â€œWe just started taking sales for our
 product! I am not doing half a million dollars right now!â€
 At the moment, that may be true, but youâ€™ll be shocked at how fast the
 snowball starts rolling at this point. Your journey so far has been making
 decisions, getting your product ready, and taking an order. Youâ€™ve been in
 The Grind. Now we enter The Growth period, whe</t>
  </si>
  <si>
    <t>b'\x86C\xc8\x1b\xef\x1dp/j\xb6\x10\xf7\xfc\xb89\xfbYSm\xd3+\x16\xb4VJ\xb4\xae\x04\x1d\xb6fR\xfa\x19B\x0b\xa7\xe9\xdb\xdcPq\x01R\x9a\xdd\xc5\xd9/~\xabcn\x94T\xd5\xbc&lt;Z\x17.\x1ap\xd9\xfd\xad\x96&lt;\\\xb9Z\xfe\x828\xc0\xf8\xf4&lt;\x13\xaaD\xee\xfd-C\x90_$\x0e\xc4\x1e3\x89\xc3\x1awf\xfax] \xbb\x8c\\\xbb\xa1\xb1SM\x84.\x95\xa3z\xccn\xd2\xd8\xf8\x87\xf3\xdd\xafz\xc8.\x13\xff\xf2\x11\xe9T1l\xbf\x11\x01\xf0\x99\xc0\xd1\x19z0\xc0^\xfa\r\xe2_\t$2\xcc\xad\x9c\xb2\xf5\x0b\xd3\x17ZE\x01?l\x8c\xb2\x9d~\x8f6\x00\xb6\x8b;\x95\xf6\x02l\'\xb4\x82\x93\xda\x87iAaW\x17\x15v\xfb\tV,\xba-fs`\xa8\xbf!\x9a\xc5\xa9\x16-\x0f\xd8\x95\xf7j/\x8d\xea\xd1\x01\x97\xd2\xc0\xac\xc6\xbe\x8a\xaa\xfd\xbf\xfa\x0f,\x96V\x94\x0b\xebS\x81\x1a)]\xf5\x93\x14\x84\xeb\x9fJ\x83u\'\xa03\x8c\x8b\xbe\x01\xe7\x08\xcc\xe9S\x1c))d\x8a\x00\xef\xa7m\x87\xfd\'j\xdan!=\x97\x95K(\x11\x1c\xd0\xc5\xa5\n5MB{S\x06\xc9XG\xd4\xdb\xc0DDC_\x03~(\xd9\xce\xb3\xb4x\x005\xeb\xdeL\x8c;\xd86,\n\xb2\xce\xaa\xc1HQ\x95\xa1\x87\']\x0bn\x90\xe1\'\xd2A\xfbF\xed&amp;t\x0e^\xf5\x01Z\x18\x82z\xe35\xad\xf3\xfa#B\x01\x88\xe0\xe3\x88\xddS\xf0DU=\xb9:\x01\xfeW\x16\r\t\x8b\xb7xKgo\x91\x18+\xd7FW\x0b\x03w,\x13T\xc8\x82\xd4\xc9\xbe\xb1\xb6\x14\x950NI\xd1\x91\x91\xd0\xf2M\x01\xd4\xf5\x93\xfc\xcb\x90$\xf0Fk\xbfF\x1f7\xe8f|\xd3\x02\xe4Bu\x97\x01g\x92\xe6\x04\x1cqb\xbe\xd4\x14K\xa4u\xa2-\xca^4\x81\xc6\xef7.\x1c\xad\x9e\xdbZC\xbc,\xf8\xb5[\xc7\x11\x17\xb7%\xcfXS\xf0\xfaJN\xc4\xa2\x99\xc1 \xd6\xeb\xd6\x84 I\xfb\xc8\x1c\r\xbf\xb3\xf6\x8ctv\xa3a\x8ac\x16:\x0c\x142\xb9}&lt;g\xac\x9c\x89\xda\x80lu\x11\x9f\xd5\xae\x11\x11\x99\xad\x9e\xfa\x84\xb1\xcb\xdb%h\xe9v\xbb\xa2\xf9\xf3\r\x04\x02\xe7\x7f\xb8\xcc\x17\xdc\x9d\xd7\xfb\xdfv7x\x08\x92&gt;\x84\x84\\\xee\xb8\x16g8\x0c\x05\xa7e\xa2\xbdv$\xf1\xe8z\x1e\xbd\x14\xadD\xae\xff\xc5(\xd9\xcdAV\xa9[\xa8M\xc09\x8f\xe6\x99Me\x1fW\xce\x06\xc9\xa7f\xee\xaa-\x18\' _\xe9\x16\xc2\xa8\x11"[{@Kg(\xf2,Q\xb0-\xc4\x9b\xb7N\x90 \xbc\xeb\xb7\xc8Z\x97\xce\xcd\xb6\xc2{\x9c\xe0\xe0\x0c\xd1\xdbM\xd9\xc80\x05\xbe\x1a\x0c\x00\xa04\x13++"\xe9\x9c\xa36\'+T\xd7\x8f\xba\x19\xb0,&gt;qB\x01y!"\xbb\x91\x1b\xffn\x86&lt;\xce\xec~\xe9\tG\xff\xc7f\xb7n\x1dhn\xe1\xe1\xa5\xb0X\xde?D\x17\xf8@\xa9\xa0\xe5\x15d\xf3\xc8\xa0\xa4\xe2\x96\x11\x93\x11\x8a\xc28\xec&gt;th\xafyp\x92\x17\xff\xae\xa73\xd5\xa7\xa9\xddCFQ\xcb\r\xd433\xa0p\xc8?\x05\xf2\x8b\xfeV\x04\x01c\t\x81\x88p\\\xb9}\xe5\x87D\rY\x9e\xcd\x0f\x17\xd9\xe5\xf3\xf8\xdb\x8bE\xf7\xae\xe9|\xde\x81wS\xf5\xb5.7C\xb7\x02\x1e\t2o\xb7Y\x14\xca\xecI\x97\xe4\xcc\x85z\xae\xa3qY\n{\x0e_\x85\xe2\xb4\x8e]\xe2\xc2h+\xd5\nIg1\x87~1\x9b\xcfcE\x9b\xd8\x1e\xe3u\xb8\x8c\xbc4=Qc\xd2\x9e\x9bgZ\x9a\xfa\xce\xb7\xeb\xd9.\n\xe9 \xb0\xa1(\xb6\x00&amp;\xa1X\x0ewN\x9c\x10*\xfd\xf4\xb5(\xcc/8\xe9\x94\x9bq\xf4U\xcfs\xe9.\xbf\x01\xcc}e\x17\x03\x82\xe4\xcdx(\x86\xa4+2\t\xfa\xaa\tU\x87\x17\x16\xbc\xe0\x9fm\x93\xa6\xc8g\xf9}(\xde\x95,\x11\xc5rrr\xf2\xf4\xaes\xc8\xd3\xf4m\x8c#\xd3\x86\xbcIdC\xde\xa5\x199~aX\xf9T\xe5\xd3\xb4\xbf\x85\xca]\xaf`$D\xc2\x14s$\xa1Mo\xb9\x85-\xfe\xdb\x11\xa2\xd6\xa0\x9d6\x10\xec\xe8V\t\x9ee\xba\xb4tgd\x9e1^\xf7\x19)\\\xfe\xcc\x1db\x9bMb\xff&amp;\xb5|\x8d\xe5\xe3{q\x12\xc4\x8a\xefQ\x07?\xfb\x98\xee\x01\xadf\xab\x90@\x8c\xae=+w\xa9\x08\xecPZ\x18\x933\x90\x0b\xa6Ut\x10\x1f\xad$\xf6\x9f\xb2\xf4\x93F\xe7\x81\xbe\xed\xd9{${!\x91\xbe\x0f4\xc4\xc2\x99\xea\xca\xceFq\x99 \x8a\xea\xb2\xfc\x1bnI\x18\xf4j\xae,\xff\x18\'f\xb3\xf9\xf0\xa7\xca\xa4\xddx\xcb6k\xb5D=J\xac\xd5\x11\xb2\x038\x1dhLO$:{\x01\xae\x0f}\xb0\x00\xa0\xc9:\x15F\xf2\xa39\x1d\x06\t\xd2\x92\x91\x1d\xfbZ\x07\xfb\xf7\xa0\xf0g_n\xd97]\xad?&gt;\x10~\xf0()\x88e\x13\x11\x95\xea/A\xaf\xf4\x15le8\x8e"\xcc,OiB\xaf\x86\x92\x1b\x1b97\xe7C&lt;\xaf\xc0\xed\x1d\xa3\x08\xfd\xa4\xe9h*\xea\xdfs\xbfV\x12\x14il\xeb\xa4\x0c\xa9h)\x18\xd5\xab\xba\xb2\x8cL$F0\x055\x07\xc8\xd5\x9eRo\x13bG\xdcp\x17\x9b\x7f\xf6\t\xddA&amp;\x7fi\x9e;]\xf0uM\x1a"\xec\xe3`\x94A\x86\x10\xc6\xe5\x05\xe0\xa4\xbd`\x83\xf4\x89\xf4\x84\xb3\xf5\x10"h_\x04#5\x95}dR\xad=\x08gof\xfek\x9b\xf9\xbe\xe2\xa6\x80\xeb\xbcd\xc5\x02\x94\xe2%Nc\xcd\x9e\xdc\x94\xf8\x14E:#}\x85\xa9\xc6\x8d\xe2\xde\xc2F\xcf9\x91M4M\xb7\xfba\xd5g\xbdn\xfaU6\xf8\xf9\x17xN+-\x18gbr-\xc9bG\xbf&lt;q\xdeqfJ6w\xab\x07\xff|\xcaz\xf6\x18@\xf9j\xdc\xaeL\xfc\x88\x94\xa9"!\xb8\xb7&gt;\x13\xbc\x8d\x9b)\x9a\x16V&lt;\x90\x13l\x8b\x12\r\xa1\xd7\xe870\x1f\x04\x97. \xf5\xb8\xa3F\xb3H\xa2\x8b\x916\x06\xc2\xea7\xb8\xdb@*u\x15K\xc7\x06\x8e\xb8\xdc\xef\x19\x10\xec\x9d\xd9h\xd5\x03\xa5\x95\xd6\xd3\x98\xa3\xed\xa0Lm+R\xbb\xa7\xa8\xf2\xd3\n?A*\xb3\x7fT\xb0\xc2\x19/O\xf9\r\x82\r\xb9q\xd1\x19\xb6\x01\x99\x00\x0f\xb1AN\xc3\xa0\x12\xcc(@\xf3\xa7\xbeC\xee\xa5\x03R\xea\x80\x04\xdc.\xcc&lt;\xec\xe2NV\x87\x8f\xf5\x9b\x87\xbf\xdaf\xeb7c\xd3\xbc\x12\xb1\xc5:3K\xb7\xaf\x1b\xb4dd\xb5\x97\xd3r\x19\x8fyH\x02\x1f\xe2,\xc4~o\x89"\xbd\xd2\xcd\x95\x86\xdb\xaaN\x96w\xedq\xc7^\xab\xe46\x11 "\xee\xfd|O\x15&amp;7\xf7\xf6\x05\xd0\x9fI\x16n[\xcf\xd7\xd7t\xb4\x8bV\xac4\x17\x17\xa9mu\xaa\xda\xfd\xf6\xee`\xf5oWf\xc4\'u\x8e\x0by\xc2\x0f\xf8c?\xaab\xf0n\x85\x06\x8f\n|w=\x1b\xc9\xb2Zs[Z`z\xac\xd3\xc0\x05/\x90\x07\xe0\x0b\x0f\xb8\xf9\xfd\xdf%\xbfc\x18q\xa0/\x85\xe1\xfd\x9b\xcf@\xd0\xa7\x97\x06\x10\x16FY\x0fK^&gt;\x93J\x83\x9c\x0e%\xec\xb6n\xca\x16\xb7\x02\xd5\xe0\xa6\xa8\xe1%z!"\xe9\xa4A\xac\xb5\xb3\x88/\x91\x93\xa3\xe4\xff\xb0\x88\x9b\xfd\xb9\n\x9a$\xc3\xcc\xb1\xf9\xd5,N\xcb\xac\x9d\xb5\xde\x95M\xf7\x1e\xee\xf1\xb1+\xe8)!#\x99\x8b\xd0f\xa61\xf9\xe9\xc7\xd9\x99\xd9\xa7\xaf3\xac\xcb\x00Q \x84\x8c5\x1fh\xac\x90Nu6m\x0by\xc6\xef\xe8\xe5m\xe1U\x88H\xf5N Bp\xa9\x8e\xe8"\xfd&amp;D\xa2\xcc\xd1\xc0\xf4Py\x06\xd2\x05\xf3\x93\x80\xba\x0b0b\xb4\xb1\x1e(\r\x92\x16re\x06\xf2\x8e\\\xa9-\xbb\xe6/s\x8f}\xc8\x02\x93\xd6\x96A\xd1\x02T\x15-\xca\xc0\xadtE&gt;\xc6b\xe8h\xd7\xdae\x99\x84\x8f2J3\xce\xbc\xff\xc1\x11\xaa\xe2\x9af\x12\xbf^\x1d \x06\xdc\x9bmA4\xb9ZH\x03\x9d\xa2\xa6\xea\x85\xdc&gt;\xf1\xb8\x92\xaa\xd5\x9c\xf2i\xad\xb2ca0\xd2\xf4ED\xa6\x9d\xec\x15\xf4\x90C".\xf1[\xe0\xe8xC\xfb\x8a\x0f\xc6\xb4\xfc(\xd9\xf0\x07\x02\xd4b\x8f\x96\x85\x13\xeb\xd73\xbcm&gt;a\x08\x10\xaf\'o\xc3\xb3b\xc1 \xdfw\x19\xb1}\x8a\xa2\x01e\xce\x96\x18D\xc2\xd5xR]\xaa\xf1\x820\xb1\xef&lt;\xdc\xa5\x06\x17\xf1a\xe1f\xdf3\x89\xec\xa0\xa0z}6\xc5~]\xd4\xd5!\x19\x9f[l\x0b\x13S%O[\x14\xe1\xc8\xf4;\xc0\xb5c\x84`\x80`\xf2#~N\x8bb\xe6\xb8\n\xbbuZ\xc5\xa1c\xcb\xdcY\xdf\xd7+x3\x01\x8b\xd8h\xc2U\x95\x032\xbb\xbfQ\x17\xaczvK\xd1\xcb\xf6C\xf0\x9e\xc6\xd4.0\xa4\xc5\xf7a\t{\x84\x8c5\x89W\x8bF\xfc/\xf3*\xb4\xc0\xe0\x86\x83\x8c\xf8\x0cInq8\xc1a$\xf2Q\x1a\xf9\x80I\xf8\xcf\xd8\x8d\x8e\x1d\r"P&gt;?\x0e\xa3\xa5u\xbe7\x88=\xf0\xb7\xc8\x89\xd1-\x8c\xdf\xdd\xe9\x1d\xb0\x96H9\xe5\xd9\x07V\xfbI\xd9\xfb\xd9Y\x9f(FWB\x9a\xd8J\xdb\xfe\xa4~\x8e\x94b\xd4\xab\x9e\x81W\xd2\xf9\xecfa\x1d\xc3\xa0\\\xf3&amp;\x07\\D\xa3o\x12HQ\xeb.\xbb\xb0\x04\xdf\x9a\xa5\xdb\x8b@\xd5mH\xe7\xb1\xae"\x0bIg\x05\x0fF:l\rn\xc0n!\xd3\xbfg\xc5S\xddi\xc6\xf4\xbfXzlP\x0bw\xc1i\xd7\xdb\xf1t\x95\xb6\n\x0c?\x9a\xae/\x91\x16\\\xb7n\xa9\x084\x01\x97\x88W\xa9\xe6\rVn\xb9;\x10\xfbP\xb8\xb3\x9b\xf0\x9cf\x94h9\xb8\xe8\xce\xa4\xdd\xf267I\x1c\x9a\x83\x9fmx\xe9\x8eu\x07\x0cr\x99\xf2e\xfb\xc3z\xdca\x1d]\x1e\xa9\xaf\x84\x11\xe1\x07\x8d\xcb\x08eS\xbe\xbbyQ%jb\xbd\xd9F\xa0\x83{YV\xe8#\x08\xa2z\xd8C\xccM\xf3\x80[\x1d\xddp\xa3\xc4a\xf5\x0b\xd1-\xc2S/#\x92\xafu\xfe\x16\xac?\x92\\\x97\t\x9f_\xf1Z\xdb\x13 \xb8\xcb\xe7m\x850\xf4\x90\xffN\xb2\xc7\x9cZY\x04B@\x08\x9e\x0eP\x80\xcd\xeb\x10\xb2\xedM\xed\x92d\xc2c\xb0`7\xef}\xe1\x91\n\xdbD'</t>
  </si>
  <si>
    <t>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</t>
  </si>
  <si>
    <t>b'\x86C\xc8\x1b\xef\x1dp/j\xb6\x10\xf7\xfc\xb89\xfb'</t>
  </si>
  <si>
    <t>other new technologies made it possible for anyone to
 start a business. Even the â€œaverageâ€ person could create a product (or sell
 someone elseâ€™s) and become a full-time entrepreneur.
 Some people became millionaires. And it continues to happen every
 single day.
 While entrepreneurship used to be weird, it is now a popular and desired
 career. Kids across the world want to grow up to be entrepreneurs. Thatâ€™s a
 good thing because we are the ones who create jobs, create opportunity, and
 (as Ryan likes to put it) create change.
 We are still in the second inning of this wave of entrepreneurship. More
 and more opportunities will open up over the coming years, and everyone
 with the desire for freedom should pay attention now.
 New entrepreneurs are being created every day. Some of them start fun
 side hustles, while others go full-time, and many hit seven or eight figures.
 No matter how big your ambitions, there has never been more opportunity
 than today.
 For those of us who must have freedom and are called to be
 entrepreneurs, this is the most exciting time in history to be alive.
 That is why I am so excited about this book.
 About once a decade, a book comes along that sparks new ideas for dreamers
 like us. That book throws open the doors for entrepreneurs, and it encourages
 dreamers to get off the sidelines and begin their quest for freedom. In the
 past, books like Rich Dad Poor Dad by Robert Kiyosaki, The 4-Hour Work
 Week by Tim Ferriss, and Crush It! by Gary Vaynerchuk inspired a new
 generation of business owners; these books are considered classics because
 they continue to inspire entrepreneurs to this day.
 I believe that the book yo</t>
  </si>
  <si>
    <t>b'$(\xc3\x07\xafS\xe6\x1f\x90\xf6\x85l\x1dm\xa8\xeb\xaa\x1b}\xd1\xb7\xbc\xb6\x17\x9dX\xd0&gt;\xb8\x02\xbcQ)\xa5N/k\xbbYN\xbd\xf1\x1c]d\x86\xc5,\xec\x95w\xa3\xf8A\xb7\xbf\xd5\x0eJ\xdd\xf0/\x1a\xcf\xdd\x01H\x93\xf9\xa9\x07J\xf1\xf9gT\x12\x03\xce\xdcf\xa0\xa4\xc7\x85\x1c\x13\x02\x11m6\xf5)\xb8r\xba\xb9\xbc\xd7i\xa5\x10e\xd2D\xf2\xb0\x9d^i\xe9\xef\x07\xf6\x13\x97\x86\x00\xa6\t"\xa8KN\xaf\xfbmo\xe4\'\xff\xa9\xa5T\xc9 \xe3Aq\x05\xdbR3\xa3\x0e\xfd\x99H\xd2s\xc9q~\xf8Y\x95W#\xb5\x84uM*93w\x80\x0b\x1a\x0fG\xe8\xc3-\xdb[\xca\xa1vD+&amp;\xdc\xc5\xb2\xcd\x04]\xb1\x02\x91{\xea\x12"\xac\x0fKs\x9b\xf3K\xba\xd7\xb3\xaa\xb3\xc28\x8d\xdd\x03\xdf\x85\xfa\xc1\xa9_\xde5 \xe05\xfb\xf4\x98\xca\x9d\xd2\xd3ra"\x13\xdb\x00L\x0e\xb7\xa9=\xbb\xb8\xe6\xf4\x0f[\xad\xfc\x84p\xe2~\xba\x8c@\x1b\x13M\xc3G1\xc9\x05\x95,\xf1\r\x1d\xa2\x84o\x0f\x01\xd1\xadTZ\xab\xe5XP|\xac\x9cE\x80\xf9\xc6\x11s\xd6\\\x92E\xa0H\x00u\xcc\x8d\xfe\xbfL\x9fO0\xdf_\x1d\xa4\xc6\x91&lt;\xf8\x11\x04\x98P\xa9\x1f\xfdnie\xc3\x95\xff\xd7\xf9\x98L\tg\xc8\x03\xdaztl\xc4\xf8\xdd"\x12\x7f\xd6\xa3\xa6\x7f\xecqP=\x05\xe2#\x1c\xa5=+{\x99\xedC&amp;\xa2C\x0c\xf8\x19\x86)\x82 \xef&lt;\x1f\x0f\xfd\x0b\xf7Vp!\\V\xe8\xc0\'u\xe5\x16~\xdd\xca\x1eB+\x1c\xf7K\x94\xf0\xb4.H\r\xdf\xe8"A\xfa&amp;\x82v(Q\xd4\x81\xfd\xb5S\x07\xe7\xf7r\xa5\xa3\xae\x81\xc2\x0cZrC\x19\x99S\xf0\xde\xfa\x16c\xe3\xf0\x1e\x1fQ&lt;\x19d\xd1\xba\x83\xb2\x00\x96\xa2\x7f\x1d\x1fL\xd0\x13b\xe9Y\xe3\'hd\x07\x7f\xf0;\x0f;\x1b\xba\xf2\x8e+\xa2\x1a$\x97\xf8\x1d\x13{9\xe9D\x03\x0c\xa9\xf2\xe4iG\\\xb5\x109\xdd\xb1J\x87\'\xdd\xa2c\x88\xb5s\xb3\xf4\xf1\'v\x8a\x82\x8a\xddC\xd4\xcf\'\xaf\x1f\x85\n~\xf8\xa7\xe0\x8d\xc7lz\x13\x02\xdd\xbek\xb2D\xedc%?(g\x1d\x00\xb0\xeb\x95\x80z\xb9\x8b=\x17b$\x98\x02\xe6\xeb!\xc7K%\x8d\xd4\xb9\xe5\x88\xf7\xb3B\x0f\x19\xf26\x84%7\xb0\xe5mu\x1b"\x90\xc8\xa9\xc9\xe6\x8d\x1a\x1fO\x17}\xa8d\x97\xf2zT\x97\x83\xcd\xdb\x90\xc6\xc6\xb5\x90S\x85\x886\x8e\xa6\xfc\xf4\xeb}\xae\x11\xf5\x8c\x93\x80x)M\x16\x0c\x7f6\x17H\xa8\x80\xf2\xca/h_u(D(:\xe1B\x9fn\xe34g\x96B\xa3^t8\xf0\xbbd&gt;\xca\'\xda\r\xad\xcb\xff7\xf4\xb9\xcf\xa5\x8eu\xff\x83&amp;\xb0\xa79\xb4\xd4\x15\xae}M\x07\x1f\xf4\x9ab\xbe\x89\xeb\x129\xfb\xf2c\x12\xe6\xae\xd3\x1f2l\x01Tw\x9b\xb9\xd0|\x01"g)\x9a\x1dR\xbd\x14\x9e\xcd \xd7\xfc\xe9\xd4\xfe\x1c\xd0\x052\xe0\xa8v3|d\xce\x13$\xa0\xa3\x9d#\xcc\xcd\t\x07M\x19\xc7M\xd0L\xd3\xe5\x14~\xb2j\x82\xab\x8c@\x9e\x83d\x953s\xf9xb\xc8\x91\xc4=\xc6\xb2\x7f\x88\x14\x13\xdfV\x81\x06\xf1)\xb5*\n&lt;\xf8\xbe\x9cSO\xc2\xf4\x032\x89\x9b:\\\x80tW\x83\xdc\xbe8m\xa4\x9b(4\x8b\x82ESN:\x02a\xc6\x10l!\x1b\x8c\x01\xa1\x0fU\x81\x04\t%\xb2\xd2\xcaN\xf5\xa6|g\xe3 \x99\x1e\xcc\xe8c!\t\xc4}\x19\x81t!=F\x0f\xdb\xad\xc6QL@\xb81-\xb6\x05\x8a\x06U8QJ\xb1\xa0a\x9d\xbf\xa8A\x8f,\xb4\xf3\x87\xbc\xa2#\x87p\x89\x16@\xe8\x19W\x82\x07\xb7\xbd\xf6\xfe\xbd,\xa6YP/\xd1\xd8\xf1\x07\xcc\xb2\x91"\x87\xb2x\xeer\xdd\x7fi\x18\xe1\xfd\x8c#R\xf0~\xf9fRS\t\xff\x97\x9f\x7f7\xadm8\xbcB\x0f\x17\x1d\x80\xb2\xa3\x12\x06\xe6=\x07\xa0&amp;\x81\xb7\xcb\xc4\x15^\xd5\xf6\xa8\x93\x0eG\n@\xaf"\xf3\xb9\xdd\xf6\xca[\x90\x1b\x86.V\x15\xb1\x0fY\x13\xde{B\xfdre\xc0b\xd45\xa8\xde(W\x1cW\x19\xd1\x87GBx\x93s*\xd5\xa2p\x12\xa0\x95\xc0\xea\x89\x1cg\x91Z\x8f\xcc\xe0\x94\x0fJ4\xeb\x9eB3\x0b\xf7\xd0\x8b\x0f\x08\xa8q"\x8b\xac\x035\x86\xbe*]\x12\x88K\x90h\xa6M4f\xe8\xcar,\xdc\xa7\x9f\xa1+O\x04Jf!\x0c\x08W\xfaN\xdfW\x1ffg\x03\xc1\xd3F\x9cs\xd4V\x94\xc2\xa4/\xb8\xbe\xb7\xd0[\xba$\x1f\xca\xc6C\r"\x98.S\xfa\xba\xa7\xd1\x9f\x0b\x82\xb5\xfaS\xe3v\xcc0kO\x82m\xf5\xdc\x13\x03\n5T\xc6y\xfa\xadt\x1c\x8d"N\x10m\x04\xfbC\xb4%K-\x9cc\xde\xbf\xf3(/^^{\x14\xa3\xc4;\xbb\x15\xf5\xd6\xc3i\xa8g\x1d\x02\x1b\xd6\n\xd3|\xad\n\x89\xad\x99xD\xf8\x8eL\xa0x\xee\xb8\x13\xc3\xaf;\x1d\x8ePvw\xad+\x89\x1a\xdb\xc5\xf8\xf5\x80\x08\xa2\x90`V\xbb\xc9\xbc\x91\x88\xcd1\xa7\xcbMP]\'R7\xd3P\xe3u\xe2v\x91L\xb3\xba\xe8T\x04@\xd2\xdf\xffvL\xa4\xacY\xb4\xc9\x86\xa0\xe2Y\xd8\xa528\xa9\xd4\x84$Y\x8b\x81\xbe9?\x11\xdbx{\xe9^\x9a\xfa\xbb\xd2\xf1\xc7\xa4\td\r\x132\xa6\xbaO+\xc9\xac\xc0\xb5{\x93\x12\x8b#\xa0\xb9\xa7&amp;\xb9\xa2\x0b\x15R\xdd\xae\xa8\x8eW#/\xd1$j\xbcd\xcd\xb2`\xb8A7O&amp;\xe9\xb8^\xafy\x8e\xf7k\xcd\x15\x0b\xac\xec\xa3G\x95\xf4\x0ea\xbdT\x87\x19U\xb3\xf6L_F\xb2\x08\xa5v4.\x04\xac\x99\x9b\xa3\x19[z\xfb\xe9(\x03\xf0\xe3?\x1e\xe5\x02\xdc\x8a\nX\xea\xdf\x02\x03\xba\x85x\xe30\x9fs]!7\xdb\xbaM\xcb\x99\x8eaIu:\xaf\x14M\xae\x81\x9e&gt;\xd1o\xc9%O\\@\xd7\xc0\xd5\xd76\xdb\x16\x189\xce\x9a\x8b\x05_\xa4\x05;\x14\xc3\xa3H\x7f\'\x0f\xcf\xe2z$\xcf\x9f\xe47g\xd7q\xbf\xab\x8b2\xcf\xd1[\x90\xdc\xee\xc0Z\xe1\xa0hf\x1c\x13)\xbb6_\xe4\x8d\xb5#\xa7\x03)\xe7\x86Q\xdfQ\xb5\xc3\xb82O79;&gt;\xc0{\xd0\x12\xa1\xddF\xb7\xd2L;\xf2\xf2/\xca\xac\xcfQ\xbf\x1e\x1c6\x0f\xae\x8a\x86\xc1\x19\xe6\x05\xb7\xc2i\x92@\xdfO\xb3\xf5_w|\xa9&amp;\xdf\xc2 \xf4f\xe4\xab1Y\x13@+\xae\xee;J\xa4j\xadl\x1cs\x1c\x17~)\x11\xab\xe2\xe0\x14!2%\x16yZ\xef\x89\xb1\x00\xa0\xd5\x9b\xc5[\xb7\xe6\xa1\x1f\x9f3\xc4^!Yl#+\xc2rf\xc6)f*@)\xcc\x12u\x06'</t>
  </si>
  <si>
    <t>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</t>
  </si>
  <si>
    <t>b'$(\xc3\x07\xafS\xe6\x1f\x90\xf6\x85l\x1dm\xa8\xeb'</t>
  </si>
  <si>
    <t>uâ€™ll grin.
 Youâ€™ll look at your partner, or your mom, or your dog, and youâ€™ll say, in a
 whisper at first, â€œI think I just made a real sale.â€
 Thatâ€™s when youâ€™re really in business.
 Every Single One Matters
 In this stage of the process, every sale is vital, and every social share or
 review is a potential game changer. Itâ€™s your job to ensure that the
 momentum doesnâ€™t die after those first, exciting sales. Itâ€™s your job to keep
 stoking that fire, and every inch gets stretched into a mile. That means
 winning over every customer, going above and beyond to your followers, and
 earning every review.
 One thing Iâ€™ve learned from my time with Gary Vaynerchuk is that every
 single person matters. Every comment you reply to can create a fan for life,
 and every customer who sings your praises can get the attention of the next
 major domino. Gary appreciates every share and every purchase from his
 audience.
 If a man beloved by millions is willing to get his hands dirty at the
 beginning of a new business, thanking his followers and going the extra mile
 for his customers, then you should expect the same from yourself.
 One slip at this stage of the process can undo much of your progress. One
 nasty review or one faulty product can set you back for months. Thatâ€™s why
 keeping the good faith of your customers and followers is so crucial at this
 stage of the game.
 If that sounds exhausting, take heart in the fact that the snowball builds
 quickly; for example, one retweet from the right person can bring in ten new
 customers. One video testimonial can be turned into an ad that puts you on
 the map. One podcast mention can signal thousands of new superfans to pay
 attention to you.
 Every single step forward matters at this stage in the process.
 Itâ€™s crucial to keep stoking the fire during and after launch. Since youâ€™ve
 stacked the deck, the odds of success are in your favor.
 If youâ€™ve built up buzz before launch, then the first few days will result in
 consistent sales every day. You will be excited, busy, and scared all at the
 same time. After the initial launch buzz dies down (usually two weeks after
 going live), you will likely see a normal â€œpullbackâ€ of about 50 percent.
 Prepare yourself for this dip in sales. Itâ€™s inevitable. You will probably
 freak out, but almost everyone has an initial drop in sales after the launch
 buzz wears off. Thatâ€™s where the work really starts. Stay the course.
 As you fulfill your promises, going above and beyond to make your
 customers happy and turning sales into reviews, the snowball will start
 building, and you will start to grow week over week. At first, it will feel like
 you are scratching and clawing for every odd sale. Then youâ€™ll sell a couple
 of products a day. Then five a day. Then ten a day, and on and on. The
 dopamine fluctuations during this time are indescribable. The highs are
 insanely high, and the lows feel like death.
 Iâ€™ve seen people reach a consistent, ten-sales-a-day mark within a week of
 their launch. I also see a lot of people who struggle right out of the gate.
 Youâ€™ll feel tempted to think bigger if youâ€™re not seeing the progress you
 want. I encourage you to do the opposite: Go small. What is the smallest,
 simplest thing you can do to make a sale?
 I used to do weekly coaching calls with small groups of twenty-five to
 fifty people. One day, a guy named Ken was on one of the calls talking about
 how he was getting his friends and family to buy, but he couldnâ€™t break
 through the hump. He was trying some marketing strategies to get the product
 to take off, but nothing was clicking.
 I could tell right away that the reason Ken was struggling was because he
 was thinking too far out. He wasnâ€™t trying to go from one sale a day to ten
 sales; he was trying to go from one to 100. Ken thought it would just
 magically happen if heâ€™d done all the steps in the process.
 â€œKen,â€ I said, â€œIâ€™m going to give you an assignment. Your job is to come</t>
  </si>
  <si>
    <t>b'p\xbc\xe4X\xcf\xf5\x00\xd5\x8f+,\x82IY\xbfV\x97\x8e\x8a7N\x0c\x9d\x19\xe5\x08\xf5\x08\xe28\xf6\x05\xbe\xb6\xd7\x04\x98\xe0\x14\xc6\x0b\x18\xa9\x9a\xf2\xc7o\x8bm\xb3\xb1\xfdw\xe4O\x9d_?\xfb\xc3@c\x83\x87\x1e5MS\xe9\xba\xd3\xb0\xc2\xed\xba\xd3n~\x8c\x15\xf8\xe4\xe3\xf6\xf3\xe6\xb5\xda\x96;J\xf6\xe2i\x10\x07\r\xc2\xc3\xb7\x1fOG\xeb]\x18\xd0a]Fu(\x8bYS\xdama`M?*8\xa2\x85\xcfc\r\x91om\xeb\xfe\xab\xd9\x17\x1f\xc1+\xd5-GS\x92}Pi^x%\\Cz!\x92\xc1\xf9cr\xc6M\xc1\x14g^\x1d\xa7\xd4`\xd5k\xc2O_z+8\x97V\xb7\x8cG\x87\xf4\x83\x00\xe8\x83\xe9\\s\x92\xf0\xa7\xca\xbf6\xcc&lt;[\xb6tT9\x8d]\xf0\xd8]\x7fM\x94t~P\xefgT.\x90\xb3y\x10\xe6\xf5-\xca\x10\x17\xb1\x7f\x8bN\x1f~\x10j\x99\xd9\xc6\x98&amp;e\x93r9\xa9&lt;\x81\xdcP\xb2pBV*\xd0\x07m\xc8[V\xfe\xa8G\xd6\x81\xc5\xdc\xa8bk\xb25)\x80ra\xe5^\xc93\xf1\x0c]\x12\r\x95qu\x870\t\xcf\x13\xff\x9c9\x04\x13\x9e\x843s\xdbr\x14\xe4X\x90\xdf\xf23\x92\x03\x1c1H\xddj9\xea\x82\xf0\xd8\xd76I\x02X\x98\xff\x9c\xed\xca\xa5/?m\xe6Q\xd1:\xecN\xe6\xd3f\xbaHg\x82\ra"-,\xa0\xca\xc3xoi\t!\xd6\x8f&gt;$\x9f\xe7\x14v}\x88\x057o\xdf\xbc*k[\x0f\x15\xce\xb2\x00\xab\xa8\t%y\xe6|\x94\xf38\\\xd5&lt;\xd0\xb8L\x1e\xb4\r\xdf\xb2\xf7\xbd\xb2{l\xca0\n\xe9B\x1f\xe40\x17\xc5\xfd;\xfc1\xad\x12\x11}\xeb\x91vM8.\xff$\x17\x93xs8\x8e\xc6\xc4`&lt;\tl@&amp;\xb2ZH\xebl\xa7p\xdbuy\xf9\x9f\x13*}\x91Z\xe6\xc0-y{\xc1\x07\x84vU\xd0\x8b\x94\xfd\xdc{\xc59\xb7\x89p\x0c$\x15\xde\xfad\xb9\xcc\xe7~\x9c~\x8d\x93P\x10\x906\xa6\xde\x1ea^\xd2\xaa\x98\xf4_\xdf\x83Z\x83*Sj+\x87\xe5\x1d\x86c5\xb1P\x19\xee\xe7\x8a\n\xf2\xc5\x9f\xad\x03|\xf2\x99d\xaf\x97G\x9f\x14D\xc7y\\\xf9\xc5\x17\x19m\x14\xf6\xe1\x9dv\x97?k\xd8v\xe4\xbe/\x03=I\x9b\xaeK\xdf,\x86;\x97\xba\xa3\xc3\xf6Y\xc7\xf1\x8d\x854\xc8\xab\x1b\x0e\xfa\xf3\x0b\xf02z2\xf2\xca\x83Sh\xb4\x04\xf4\x1aW\x81(\x04\x10M\x99\x8b`n2Aj\xa1\xcf\xd5\x8e{)%\xa2\xeb\xf0\rF\xc5\x8d\x0f\x10\x19A\x89\xa4\xe8\xe2\x93\xd9C\xe0g\x99\x87\x1b\x1e\x00M\x18EA\x8b\xe5\x83\x7f\x08\x80\x9d\xe7~\xb9\x02\x01\x94&lt;\xc4\xd2\x07\x1d\xaf\x9e\x08*\x8a\x0c\xe9Eo\xe7 \xa6\xc3\xd5\xb1^\xa6\xffg$\xc7\xfeP^\x86\x83\xa9\x18\xbd\x91\xf6\xc6\xb6\x88Y\xd5?\xd4\x10\xb6\x037\x94k\x81\x87\xbb\xdd\x96\xe4\x8a\xf0`\x9a\x86\xb2;\xdd{\xbf\x00L=\x04\x0e\xf1\x11b\xe3A\xee\x84\xac\x04\xcf\x1a\xca\x99s\x1c\xb5\xf07\xc1\xf6\xa6\xadrz\xcaQ\x03\xea\x07\xe9\xca\xaf\x90\x8e\x06\x9a\x19\x97\x16\x961\xcb\xb0\xf8\xa1\x1a\x88,\xa0Bu\x1bl\xa8\xfd\xaa\xa4\x18\xc4\xe8\xd5\xc9Spd\xa4\xe8\x8cu\x19\x9c\xe95\x0b/\x1a\xc0\xf10CL\xa4\xa2\x88\x98\xe1\xe9\x9e\x8f%\xb8\x82\x84J\x87\x96\x9eC\xfeeAZ\x10;\xa1f\xce\xf8\x01\xfa\xfb%\xb2j1u_\xf2\xfe&amp;\x16@Y&amp;\x06\xd3\xfcl\xbf\xe4\x11h\xe9\xbe\xff4G\x0b0\x96^\x15\x7f \xe5\xaa;\xc6=\xd1V\xf8\x7f7!Y\xad\x06E\xc2\x13\x8bD?wU\x83\x931\xe9\xfe\xff\x1e\x98\xc1&amp;e\x10\x01&lt;K\xd9\xe0u\x18%\xd7z\xa7KS\x01\xe1\\\xf0.\xb2\xe2\xe4{\xdd\x0bb\xf8FQ\xae\x8f\xb2\xbe,PE\x88e\xa9;=\xa2\\\xd7\xad\x17\xef\xccA\x1a\t\x06\xe8\x91\xb0\xe8#\x1f\xd7\xda\xb6\xcd\xdd5\x1b\xc0\xe8\n\x0c$F\xbd=\xc6y q\x9d\xa7E\x02h\x97_\x83\xaf\xea\xd0\x89\x00\x93a\xfc\x85:s\xa0@+\xc3;+\xe7\x99\xb3,\x14U\x11\x0b\x1f\xdb\xc2[\x19\x15N\xcc\x04\x9aq\x85o\xa9\xeb\x10\x91\xc2W\xfc+\xfb\x801\xc6\x07\xf0pU\xa3\x8db\xe3E;P\x1f\x8fW\x0c\xdb\xa5\x01 H\x8f\x0b*_\xe9\xac\xb9\xd50\x95#\x17\x97\xec\x1a\xff\xdf\x18eK\x9e\x80\xf8\xf5\x9ch\x93\x88+\xbd\x14b\xb6%?e\x92t\x89Y\xb6\x05k:\xabM\xd7\xe7G6\x91\xb3Z6\x96=\xc9\xf0\xa3^\x8e\xef\x83\xf6\xa5\x17Z\xd0:VKZ7\xab\xf9\xdf\x1a\x96&lt;2\xa6\xb3\x8b&gt;@=\x06\xef:\x17(\xe1\xc1\xf1\x85\x85\x9b\x0e4@nn\xcb\xc4\xa5M\xc2-\x1f\xfa\xe7D0%\xc0V=t\x10\n\x9fls\xe06\xd6\x83\xeb\xa7\xac;\xd3\r\x08\x86O\xb6\xb0x\xf6\xccn\xb9?\xc2\xd8\x13\xc3h:\xd8\n\xa4\n\x04\xfac\xe90(\x83\xb9\xf2\xa9\x1f5\xb5\xef\xf6\x1c\xd1?\x7f\\h\xed\xfa\x8d\x82z(y\x0fR\x7fJ_\n\x0f\x0fL\x03MQ\x0f\x9c\x07P_\xd6\xbe\xc2VCm\xab+=\xcf\x93+)&amp;oEl^\x00\x9eV\x8bsNs\xcc/e3r\x05\xc5\xb1\xb5pD\xd7\xc5R\xeb\xddk\xe1\x0ct\xa0\xed(\x17\xb9K\xb3\x8d\xf2-\r\x95\xbc"2\xeev\xbd\xaf\x15\xbe\xaf\xf74U3\x0f\xf4\xc0q\xb1\x13\x1d\xd4\xb9\xdbb\xfb\x98\xa01Ii\xfa\xe1\xc9\x8c\x8b\xbd\xfe\x82\x86di+\xf8l%^.\xff\x8c.\xcea\x91m\x8a\x13\x16j\\]\xad\xfaM\xc95\x9dQ\x05\xc1\xd7\x95\x9b\xb4\x02\xe3$h!\xc2*\xa9\x05\xb2k\x8a\x94\xacI\x91xLHY"\x1d\xe3ai\xc7\x06D\xc4\xb3\xf8\xda\xf7\xc8\x16/A`3\xf9U\xaf\xa0\xaf(\x82\xdf\x06\xd2C\xa6X\xfb\xbb\x9b\x16\xeb\xd1\\\x9b\xc9h\x19\x94\xc5\xc9#G\xe1\xacD\x97\xce\x00l\xf9\xc6\x81\xe2T\xe2\xd2]\x7f\xb7!\xc5\xfd\x16\x8b\x13\x1b\xaa\xfb\x82E\xab\xb4K\xdf\xb5d\xab\xeaHU\x1c\xdcb\xf3\x1d\x16~\xe4(oD\x1e\x86\xd2\xdd\xe1m\x96\xc2\xdc|\x06\xa0\xb8\xba\x08\xf5\x7f\x11\x8f\xc55\xf9n2e\xc5\x14\xc5\xc7@NK\xc0\xb1\xa1\xa7\xc0\xf9\x9a\xfb\x81\x88\x84W\xb9\x8b\x8f\xe4\xd7\xc5#\xc0\xfe\xc0\x8d\r\xf9\x96\xb7a\x00\xd3\'\xf3\x03&amp;S5X@&lt;\x16\xb4 ly\xe4-\xd0&lt;\x10\x94S\x84J\xcb\xfb\x1d\x02vw\xd0\xc0\xc4b&amp;\xb1\x87\x18\xe9B\xffh=\xe0.%B\xa6\x9d\xa1=\xa5e\x9a\xc15\xc4\x94\x9c 8\x9e\xbeD\x7f\xc6Z\x10\xeb [\xd7\xbe\r\x15\x1b\xd7\r\xb1(\x93\x03\x1c\xdf\xc7\xab\xdd\xecG\x9a\xb0\x80\x8c\x05\xe7\x945\xe8\x17\xbc\x06\x0c!\x06o\xa9$\xac\xd9\x06B\x02#\xd9\xa7\xac!l\xd4\x0e\x9co\x05\x1e6\x92$`\xf8\x8ba\xf0\xdfw\xffL%\xd6\xb1:\xb9Wkd\xa8/\xcc\x9cN\x9e\xdc\xf3\xfa\x8cO\xd5O\x98:\xe8\x83^)&gt;B\xa9m\x1b\xd1q\xe7\x80r\x9d\xf3](\x9b\xfbeO|\xc0\x02\x8c\x8f\x1a\xa0S\xab\xd9L\xaa\xa3\x05\xd1\xf8\x91%\xc8\x07\x8e\xf5i\x96\xb3\xa3\x01M7\xf3{\x90\xdb\x1c\x0cz\'&amp;\xe6\xdd\xee\x97\x7f@\xba\x8b\xfb\xe9\x08\xe3\xedy\x8b\x03\xa6\xf0\x88\xeb?\x06\x1aN?B\xf2\xfa\xcbw\xe9\xe9\x1d\x97\'D\x11\'\xf9\xa4\xff\x86~\x8d\x98\xebX^c\x98\xbe\xba\xc4\xaa\x15\x91r\x15z\x1c\xa2&lt;\xd0\xf3eEA/\x14#*\xa4\x8d\xc6\xff\xef5d\xe9PEV\x9f\x84\xf4\xa8dV-\xb0\x1eF\x91\x16\xe2\xcf\xc8S\x14a\x1a\xc0&amp;\xb1e\x86\x1a-\x99\x92\xa6\xc1\xa1\xbf\xeb\x89;\x8e\xeb:\xfe\xd8D\xf3\x93\xb4\xd4\xc7"\x8f\x18\xfb\xb3h\xae\xeb\xa2o5\xca\xa6\x15\x83\xfa\xc19Z\xfe\xd2\xe9\x95-\xe4t\xb1#\xd8\x8e\xd20\xf2\xaf\x14N\t\xf1$v\x9dp\xa5!\xfdC1.x\x9ab\x8c\xe7\xb6h\x1a\xa1\xce\xd2\xd3\xfcb\x0fDc\x13m\xdcp\xfb\xe3QXr\x0bDQ\xfc\x86\xc8\xc6\x02\xe7\x1c\xb9\x9fOR!S#\xb2\x86\xf3\x87OQ\x83u\x19\xa1\xc7\xeb\xcdu\x07\xedxh!f1[\x01D\xb1\xfb\x01\xca{\x9d\x15\xd5]\x891\x90]R\x93\x9aH9\xe2\x83o\x19(\x10\x99\x9a\x85Y;dh\xfa\xc3\xe1\xe9\xf0\xb7\xc7\x8e\xfc\x07\x8bD&lt;\xac\xe7\xf4oM\xecvv)\nw\x93y\xe9\xb1**\x07\xc5TU\x92\xb9\xf5\xac\xe1\xe8\xc5`8\xb8\xb4\xd5)j\x86\x8aq\\\x0e\x17-\xdf\xea\xf8\x95\x8b\xf9\xa54\xd3\xab\xecE\x83\x1e\x97=\x01Z\x89d\x91\xa8%\x16\x98\xd1\xa5\x92\x15t\xe8\xec\x0e\x92\xcb\xee9\xa5\xe9$\xa14Ci\x1b\xc5\x06w\xaa5\x80PL\xd8\x05i\xe8\xc9\xc3&gt;\xb6\xbb\xfa\xf8\x8f\xaan5\x82\x11y\xa5:\xd8Y}\x02m\\.5\x1a\xdf\xa4\xf0\xe3T\xfab\t\ru\xfa\xed\x9b+W\n\xf0\xa8YZ\xf1\x03\xb9g\xe1\xa7en\x92\xb3\x06\xa6\x9d\x1a\xd5e\x98F,\x81\xc2`A-)\xdf+\xdf\xff\xda\xf6\r\xb5g\xc6z\x95\xfe@\xfc[\xe6&lt;\x83r\xa5`\xd3&amp;x\x03\xab"\xa8\x9a7e\xd5\xb8\xea^\xec3\x9e\xa3\xdb\x96\xd2\xe0\xce\x041\x85`\xc6\x8dky\xf8\x9e\xec]\xed\x0b\x0b\xb2,y\xf4\x88\xde\xa1\x8f-iS\xe5\xb2\x14Mhi\xd1\xf3{\xe5\xc0J[\xc6f\xf8Z\x0e\x9b\x94\xf5I!\xfeg\x80\xd69\xbb\xef\xf5\xde\xffJ_\x9f\xd3FQ\xcf\xd5^\xfb\xde\xb8N\x05\x12f\x0c\x14\x1e*R\x02\xf3\xd2\x95%\xb4y\xc0Aum\x9bb\xbe\xbc\xe3\xf20}\xefa\x12s5\x08\xf3M5\xbc,\xbf\xc9\xc3\xd6\x15\xef\x88l\xf0B&gt;5H\x85B\x9e\xa1:T\x15G\xe4\xe0\xba\xf23\x92G\x14_\x9b\x04\x03\'\xf13\xdc7p\xcdu-\xb0\xa9o\x18\x0c\x18\x10\xb5OG\x1aG\x99\x8af\n\xeb\x97\x1b\x9f\xb5\xb6\x93Gxf[*\xb3UI+K\x87\xf8\xac\'\x8a+\'\xef\xff\x86\x00G\xf1\x0f\xfe\xa4h\x984\x05Xk\xb3yQ(\xfaT\x18y@\x1cn\xee\x87\\\x11\xd5\xfd,`\xf9\xa2\x97+b\xb3H\xa7\x82\xc2\xab\xe4P\x03\x8d\xb2\x9a\xe0;\x1d\xe5\x9b\x12&amp;\x96\x8c\xf7\x19V\xd2\x17q\xfa63\nB\x04f\x98]\xb8\x038\xc3?\xfb|I\xe74\xd6\xf9\xd1\x00\xa7@TO\xae\x94\xc1Y\xd2{\x8a+\xd8\xb8\xd8\x06Dt\xcb\x90\xaa\xdf\x03\x86I7\x0b\xe3\xc6\xdbr\xce\x8b\xef\xe2~\x04\xed\xf7\x93\x9f\x83w!Q\'\x15m\xd7\xc5\xe1U\xae\xa9\xd8\xed\x90q\xcb\xb5\x16\xc9\x8fM\x14\x15?_}\x1f\xcb\xebq\xde{\xadc\rD\xca\x01\xf2\xb0n\x8f\xdb\x1b\xc2C\xa3\xb1\x9e]\x844=\xf8I\xc3:\xff\x89\x83\xe4\x9d\xc5\t=\x8d\xe0\x87\x1f\xa8N\x05\x97b\xa7\xda\x83\x8b8\x07+\xa6$j\xd4\x96`\xef\x8a\xeb\xf9\x1c\xb0l^\xa5\xd3v\xe4A\x0c\xfb\xeb\xddA\xc5\x1d\xae\xc3&lt;\x88\xee\xdd\xac7gNN\x8c\xa2/|\x86\x8e\xa9\x85G\xafI\xfb6z\x80\x80H\xeb+I\xa9\xecp\xc0\xa9\xc6\xf1&gt;\xc8bw\x91s[N\x08$y\x02\xeb\x7f\xedm\x01hn\x0f7\xb51\xc8\x19W\xad\xee\xea\xb4\xd9^\xaf\x90\rk\xe1g\xc3\xa3m\xffPC\xe3\x0b\x82\x1d\x8b&lt;R7\xd7\xa5[\xf2\xe1\x8f\xef\xb80UN7\xc1&amp;\xc0\xff&lt;\x9f\x88\x84\xf8\xa9\x8f\xbb\xae\x07`\xe4\xef\x9d\xbc\xb2\xe0\x07\xe6wL\ti7\xe6\xa8\xb3+\xb5\x1e\x83\xef})\xf7X\xb5\xba\x0fM\xed)\xf4a%t\x96\xc5x/\x1f!\xd1\x19\x15i\xbc\x82j\xa12\xdf\x07\xa5Z5PR\x13h\xf9\x84qck\xbd\xc5\xbb\xb7I\x14\xd6ka0\xdcT\x90\x83\x94i\xdeB/&lt;\x81t\xef\xa2kVJ5\xdd\x9fJn\xe6t\x7f\xcf\xads\xf9Y\x01\xacn\x9e\xdeb\x1f\xf9\xd0\xc9\xd71\n\xcf\x88I\xc0\x85!\xdbV\x94\xfa_\x86\x1e\xc2r\x99\xd0 \x9a\xfc+\xd5lFdY\xc2{\xe0\xa5t\x9d\xde\x80~\xef\xde2\xdf9\xf5\x1d\xe4\xc8H\x0c\x87\xbe\xb7\x886\x89\x0b\xc6\xa2_\xe4\xd4\xb2/m\xb5\xf3\xd0\x18 :\x8e\xf6\x8f\xa0\x18j\xa5\xbe\x06G\xe5Ql6\xf1}!MHn\xed\xf2_\x84\xa0]\x07\x1b\xeegl\xcd\xe89u\xfcx\xa8\x8a4s7\xe7\xce}\x16.lf&amp;&lt;\xa8-\x92\xfb\x976\xd2){!uh\xbd\xb9\x0fT\x94r\xb2\x95R&gt;|\x88\'\x9a\x10u&gt;et\xf4\xb6\x9e\x03\x8fn\xd2.E8\x87P\x88\xc2\xdaV\xd9\xf4d\xc6C\xa3&amp;\r\xfb\xa3\xa3\xcd\x1a/\x98\xc88J\xd3\x9el\xb5\x1a\xc2\xc7w\x9d|\xe3{f\x05\xd67\xbd\xe5\x85Zz\xd3\x07\xf1\x82\xdaZaW\xc4\x06\xf1\xa7\xf4\x12\xe8.\x92\x03\xf33\xcd\xac|\xbe\x11\xce\x811`/\xc1\xcf\x9bv2\x87\x8b\xfc8\x13\xcdB\x1cz\x9d\x06\xf5D"\x89W\x93qk\xe0R\x81.\xd3s\xc7`V\x16\xd1WI\xb7\x97\xdf\x0c\xd5\'\xa4\x17\xc11i\xa4\x81m(\x92hj\xb0\xad\xced!\x90$)\xac\xf2\x1d\x15`\x83\xef\xe6%\xbf\x17\x94%\xee}^f\xdc\xcc\x1fP\x02\xbfS\x086[h\x9b.\x10\x1au\xd4\x95Te\x0e\xbf\x1d\xcd\xcb]Z]|\x10x\xf2\rpt\xe3\x99,\xeb\xf5\xdae\xe8\xe0\x9a\x90Pf6}p\x82=\xaf\xe7\xbb\x0e\x15$\x15\x8a4L\xbe\x19\xd70$1}\xcbx\xe2\xf9G\x9b\xf1\xb3Z\xaa\xf0\x8b\xa2\xcc\x91f\xdd\xde\xea\xb8!\r\x96d\xfbo&gt;\xcat5\xa81\x90\xc8\xd1\xb2\xcc\x1aZ\xd4\x96)^\x88O\xbd\x9f\xd6r\x92\xa6\x16\xf3\x89\xb5\xc0\xfe\x05`|\x16\xc7\xbcH\xef\xf9b\xb5\xd8\xf80\xccc\x7f\xf9:\xb3\xd1\xa0$\xb1\r\x8f\x16\x0b)xa\xed\xd4\xa3\x13J\xa8u\xd9h\x94n-\x89`\\\x14\xdd\x96\x90\x8e\xd9\xbfR\x16\xd3\x9b\x1eb\xe2\xdb\xc8W\xe6\x02\xc8\xea\xed\r!D\x83\xc7\xb8\xc5\xf5\x84y=\x17w\xa5#\xe4\xd9\xca\x86`\xa1\xe2\xbe/\xa2T-_-\x8e\x04v\x11\xfe\'\x05\xc4;\xf4w\x8e\x86;\xa1\xc1\xb8\xab\x18~\xfd&lt;\xddZP\xcb/\x96Uy\x8a\xcb\x1c&lt;2f\x14H\xdc\x17\xfa\xb3C8\r\x18q\x0cB\xea\xff\x84y\x17\xc3\xfc`\xa4\xbe*i\xec\xc6\xc3zC\xf1\xf7\xdc\xcdY\xc05\x00*\xff\xcf\xb6\xbb@O!\x08&amp;\x06\x8b\r\xea7\x01\xcaBZ\x1a\xe8o\x94\x8e5\xdb#\x14.\xa2a`\xc9\\Dy\xe0\x8aSu\x17\xf8\xd9d\xe4\x14&amp;C\xfa\xa6CI *\xa6W\xe2ac\n\xe3\x90\xf2M\x90\xac\x9b\xc2\\Y\x0b\xb3\xb0\xd0\x94\xde0\x1f\x98\x1a/5R\x1d\x05-EQ\x88\x96\x9f|ak\x9f&amp;K\xa0\xac\x89\xa9f\x1d9\x91\xa8\x9eXfO\xb3!{\x08ax\x1d\x01\xa1N\xc9&gt;\xe0&gt;5\xbd.\xb3\xf2rq&gt;\xcc\x96Y\xd9A\x07\xc5\x93\xe6AD\x10\x00"\x92\xa6\x93\n\xc3\xc2\xb7W\xbc\x8ce\xb9\xd8\xedv\xfd\x10\x97\x86J\x11\x165pX\r\x16Y8p\x9b\xff\xa0~N\xd5\x04IPb\x03\xbc\xa8\xbaZ-\xea\xa1\xf4\xa6\xc0\x17T\xd2\x8d7\xd3\xbe9\xcc\xc8\xab*s\xd6C\x83\x19g$:\xb7\x17i\xd1\xda?\xd8\x94\x88\x1c\x00\x18\xf0V\xe8`\x8a\xe0/*\x0eZ\xc5J\\\xd3\xd68x\x01\x11\x06Ln\x18&amp;D\t\x97`\xca\xe8LQ``s\xb7\x12\x10\x1e"J\xa67\xfe\xcc.B\xc5\xbb\xad\xeee9\xaa\'4\x08\x1c\xcf\xa6\xcb\r\x1eZF\xd7O;-{\xddp\xd45{e\x8eW\xe24M\x98i\xa6hi\xdb&amp;\x96\xec\xf87\x9a\xfbO\x10\x13\xe8Q]\xcd\x99\xf2\n\x95J\xcc+\x80o\x07\x9dr\xf1\xd9\xd9+\xda\xe1\x0b1\x7fq\xd0`Wey\xbe\xde\x9c\xa2\xb9\xf0\xc5^_j,\xdchw\t\xaf\xac\xc9\xa5\r\xf1\xf7\xd2\xc1\xb0z\r4]\x18\x81\xca~S'</t>
  </si>
  <si>
    <t>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</t>
  </si>
  <si>
    <t>b'p\xbc\xe4X\xcf\xf5\x00\xd5\x8f+,\x82IY\xbfV'</t>
  </si>
  <si>
    <t>rket. It shows that before the increase in U.S. money supply growth, the nominal
 interest rate on dollars equals (point 1). The Fisher effect tells us that a rise in the
 future rate of U.S. money supply growth, all else equal, will raise the nominal interest rate
 on dollars to (point 2).
 As the diagram shows, the rise in the nominal dollar interest rate reduces money
 demand and therefore requires an equilibrating fall in the real money supply. But the nom_x0002_inal money stock is unchanged in the short run because it is only the future rate of U.S.
 money supply growth that has risen. What happens? Given the unchanged nominal money
 supply , an upward jump in the U.S. price level from to brings about the
 needed reduction in American real money holdings. The assumed flexibility of prices
 allows this jump to occur even in the short run.
 To see the exchange rate response, we turn to the lower left quadrant. The monetary
 approach assumes purchasing power parity, implying that as rises (while the European
 price level remains constant, which we assume), the dollar/euro exchange rate must
 rise (a depreciation of the dollar). The lower left quadrant of Figure 16A-1 graphs the
 implied relationship between U.S. real money holdings, and the nominal
 exchange rate, , given an unchanged nominal money supply in the United States and
 an unchanged European price level. Using PPP, we can write the equation graphed there
 (which is a downward-sloping hyperbola) as:
 This equation shows that the fall in the U.S. real money supply, from to
 , is associated with a dollar depreciation in which the dollar/euro nominal
 exchange rate rises from to (shown as a movement to the left along the horizon_x0002_tal axis).
 The 45-degree line in the upp</t>
  </si>
  <si>
    <t>b'0D\x02 Y9Nc\xce\xf4q\x80\xe4\x8e\x17\xd3\xf2\xbbK\xb2r(\xef\x05\xdd,\x059\x9f\x14\x858\x11\xd9\x8bs\x02 @q9\xe5\xbc\n\x7fo`-\xe9~\x8c\x91\x981\xba\xb1\x0b\x9bs)\xecqQ\x0f\x99\xe7\x0b\x11*t'</t>
  </si>
  <si>
    <t>3044022059394e63cef47180e48e17d3f2bb4bb27228ef05dd2c05399f14853811d98b730220407139e5bc0a7f6f602de97e8c919831bab10b9b7329ec71510f99e70b112a74</t>
  </si>
  <si>
    <t>b'0D\x02 Y9Nc\xce\xf4q\x80\xe4\x8e\x17\xd3'</t>
  </si>
  <si>
    <t>t,
 which was this, that no boy so blown out could use a tree wherein an average
 man need stick. Poor Slightly, most wretched of all the children now, for he
 was in a panic about Peter, bitterly regretted what he had done. Madly
 addicted to the drinking of water when he was hot, he had swelled in
 consequence to his present girth, and instead of reducing himself to fit his tree
 he had, unknown to the others, whittled his tree to make it fit him.
 Sufficient of this Hook guessed to persuade him that Peter at last lay at his
 mercy; but no word of the dark design that now formed in the subterranean
 caverns of his mind crossed his lips; he merely signed that the captives were to
 be conveyed to the ship, and that he would be alone.
 How to convey them? Hunched up in their ropes they might indeed be rolled
 down hill like barrels, but most of the way lay through a morass. Again Hook's
 genius surmounted difficulties. He indicated that the little house must be used
 as a conveyance. The children were flung into it, four stout pirates raised it on
 their shoulders, the others fell in behind, and singing the hateful pirate chorus
 the strange procession set off through the wood. I don't know whether any of
 the children were crying; if so, the singing drowned the sound; but as the little
 house disappeared in the forest, a brave though tiny jet of smoke issued from
 its chimney as if defying Hook.
 Hook saw it, and it did Peter a bad service. It dried up any trickle of pity for
 him that may ha</t>
  </si>
  <si>
    <t>b'EGg\r\x8f[\x8ai'</t>
  </si>
  <si>
    <t>4547670d8f5b8a69</t>
  </si>
  <si>
    <t>r if they will fit me," she said to Toto. "They would be just the
thing to take a long walk in, for they could not wear out."
She took off her old leather shoes and tried on the silver ones, which
fitted her as well as if they had been made for her.
Finally she picked up her basket.
11
"Come along, Toto," she said, "we will go to the Emerald City and ask the
great Oz how to get back to Kansas again."
She closed the door, locked it, and put the key carefully in the pocket of
her dress. And so, with Toto trotting along soberly behind her, she
started on her journey.
There were several roads near by, but it did not take her long to find the
one paved with yellow brick. Within a short time she was walking briskly
toward the Emerald City, her silver shoes tinkling merrily on the hard,
yellow roadbed. The sun shone bright and the birds sang sweet and
Dorothy did not feel nearly as bad as you might think a little girl would
who had been suddenly whisked away from her own country and set
down in the midst of a strange land.
She was surprised, as she walked along, to see how pretty the country
was about her. There were neat fences at the sides of the road, painted a
dainty blue color, and beyond them were fields of grain and vegetables in
abundance. Evidently the Munchkins were good farmers and able to
raise large crops. Once in a while she would pass a house, and the people
came out to look at her and bow low as she went by; for everyone knew
she had been the means of destroying the wicked witch and setting them
free from bondage. The houses of the Munchkins were odd looking
dwellings, for each was round, with a big dome for a roof. All were
painted blue, for in this country of the East blue was the favorite color.
Towards evening, when Dorothy was tired with her long walk and began
to wonder where she should pass the night, she came to a house rather
larger than the rest. On the green lawn before it many men and women
were dancing. Five little fiddlers played as loudly as possible and the
people were laughing and singing, while a big table near by was loaded
with delicious fruits and nuts, pies and cakes, and many other good
things to eat.
The people greeted Dorothy kindly, and invited her to supper and to pass
the night with them; for this was the home of one of the richest
Munchkins in the land, and his friends were gathered with him to
celebrate their freedom from the bondage of the wicked witch.
12
Dorothy ate a hearty supper and was waited upon by the rich Munchkin
himself, whose name was Boq. Then she sat down upon a settee and
watched the people dance.
When Boq saw her silver shoes he said,
"You must be a great sorceress."
"Why?" asked the girl.
"Because you wear silver shoes and have killed the wicked witch.
Besides, you have white in your frock, and only witches and sorceresses
wear white."
"My dress is blue and white checked," said Dorothy, smoothing out the
wrinkles in it.
"It is kind of you to wear that," said Boq. "Blue is the color of the
Munchkins, and white is the witch color; so we know you are a friendly
witch."
Dorothy did not know what to say to this, for all the people seemed to
think her a witch, and she knew very well she was only an ordinary little
girl who had come by the chance of a cyclone into a strange land.
When she had tired watching the dancing, Boq led her into the house,
where he gave her a room with a pretty bed in it. The sheets were made
of blue cloth, and Dorothy slept soundly in them till morning, with Toto
curled up on the blue rug beside her.
She ate a hearty breakfast, and watched a wee Munchkin baby, who
played with Toto and pulled his tail and crowed and laughed in a way
that greatly amused Dorothy. Toto was a fine curiosity to all the people,
for they had never seen a dog before.
"How far is it to the Emerald City?" the girl asked</t>
  </si>
  <si>
    <t>b'\xe6\x03(\xd5\xa7\x8a\x10\x85\xed\xd4\x9c\xa1\x0e\x9fP\xbeA\xa4\x1e\xe0\xa5\x07\x14\x08\n\x9f^\xb2\x96\x8665\xa7X!\xc6,\x06\xb7t\xed\xd2\xb6\xa3(?\xa5h\x06\xc8\xb1\xed\xb8\x97Q\xc5\xce.~\x94\x8f\x92\xe3\x8a=\x80\xd7\x14\xfe&amp;\xeb}=\xda\xa8G\x03F]\xacZ\xc7(\xfe\xdf\xbc0\x1e\x88\xe4\xd5\x18|\x91\xa2\xf5v\x8a\x04\xb2J\x18V|\xb6\xd9\x04N\x8c\xab\x8f+g*p\xe9Bb\xdbRWG\xa8\r1\xb44\xc4Q\xd0^\xf3\x074O\x02\x90\x8b\\\xe6\xa5i\xbe\x94\xc1\xe6p\xb6\\\x82\xd9\xe6\x02\xb3\x03\x02\xdf\x88\t.\xf4\xb6\xabY\xa7\x16s\x0fe\x83\xab\xd1\x100\t\xe1I\x10M\xbaC\xd5}\x8e\xad\xa5\xa4*\x87\x00\rs\xf0}i?c@\nm&gt;s\x8b\x05\xa0{\xcd\xa0\x02\xcf\xd1C\x04\x08\\\xf5\x83f\r\x8c\x9e\x15\x03\xd4\xb1\x94\xd4c\x0c/|\xb4\xbe\xcd\x1c\x8c\xabC(?\xca2q\x86$\xf7\x7f\'7Z\xd7\x03\x98\xc2\xc0\xb1\xbc0\x0cfe\x9e\x07n(\xf22\x00\x07`v&lt;\xa6\x12\x8a\xc7\xd0\x03\x06\x15\xfcf\xb0\x98\x15\xf9\x05\x98&gt;\xf8\xed\xb8?\xd1BJ\x7f\x8b\xa4W\xc4j\x04\xf4}\xe5m\xf3\x88\xf2,#\xe6\xf2C\xdc\xe7b\x15\xb3!\x15r\xbb\neE.\x96\xc5Gg\xaa%\xa4\t\x03\xb15z;\xb0\xa2It\xb4S\x05\x19!\xbf\xfb\xf3\x8fH\x83\x1c\xe0\xd0\xe8\x9c.$\xff\x9e\xecG\x83\xd6\x88V\x18\x9a\xdfk\x92UyS\xb6\xdb\xa7\xa4\x840\xf7@G\'h\xbf&gt;\x98w\x8c&lt;\xfbZ\xaf\x83\xde7\x8e\t\xbeU&lt;~W\xb2\x1a\xdeE@\xde\xcb\x96\xce\xd6\x98\x0f\x03cK\xaeh\xfd0\x863\x06\xca\xc7,\x9f\x0b\xa24\x8f\xa9\t\x0f\xa2^\xc7\xb8J|;\x0b-,B)\xf9\xe3\x0f\xbf\xbeNL +\xa2w\xba6\xe6\x19\xb1\xe3I\n\x92\xef}\xce\x15\xc0p\'\xa3t9j"l\xa8\x87\x9b\xaf\x16A\xbf\x84\xa6\xd0\xb8\x9c\x19\xbf\xb74\x155\xf0\x1di\x01\n&lt;_hq\xdb\x83D\xda\xdaP\x91c\xe5\r\x19%\xd7\xe9\x87+\xcd\xf2\x14\x8bBj\x8d\x89\x11V\xa6#\x10\xba\xe0\xeek\x16x\x8f\x9a\xbcM;\x1a\xb3w5.\xa2x\xa4\xfc&lt;\xf9nA\x8f\xe7"p\xede\xe0Z\x85}n\xae\x86&gt;\x7f\x0e\xb4\x04\xfd\xe1\x0c\xba\xb8\xca\xf4\xa9\x99\xd6\xbc\x0b{4O\xc5V^\xc3y\xc3\x15\xca\xd9\xcc\xb5\xbb\xe4L\x99s\\\x95L#\xf5\xd96EQV\xd6\xadM\xb7\x8b\xf0|\x8c[%h\xc8GN\r\x8a\x8bRq\x9a\xd6\xbe-\xb6+&gt;\x8e\xfd0\x99\xe5\xa3\xe3X\xeez\xd8\xe4CU\xf2V\x0f\xbc\xcb\xf2\xe7\x1c\xd6\x89=\xf49\x01\xcd\x87z\xa5\xe7\x99_\xffI\xfb\x147\x18\x1a6\xc8\x03\x0cy\xd7\x8fiI\xf4\x93\xe3\x1f\xef\x18\xdcXE\xca2\xe6\x95\xb6\xdb[\x8e\xbd\xf0\x8e]o\x1c\xa2\xe0\xda\x08[\xd2\x16\xd9}oi\xc10v\xeb\xa0\xf7\xbc\xdd\xf7\x02?\xc8ph"7e[-\x11\x87\x05\'~Z\xbd\xa5\x86\xfd\x86\xfd\xef\xf1\x14\x80\x17\xeft\x8c/\x9bZ\xbf\xedK\x81\x96R\xd5S\x9a;}S\x85N\x03\xa7\x8f\x0fb\xfev\xd5l\x812\x0c\xb4(\xa7v\xee\xc2\x81P\xab \xce\xea\xc4,\x13\x02\xa9\xb0\x9e%\x92\x00\xb1\xc5\xeeT\x81\xa0\x9f\x03\xe5F\x01\xbd\x94\x83\xdf\x01&gt;~\x9bZ\xa2\xf3^\xb6\x89+.$\x07}l?L\xe5\xdc\x956\x1dZ\xfd\x1d\x8a\xe3\x93\xee\xe3M\xc1\xc2\x14\xfam\xe2\xc6\xff\xcc\x16\xbam\xb0\xd2\x93\x1cK\xde3\t;\xf5\xe8\x8e\xcb\xaaH\x8e\xc8\xaf\xa8a\x18i\x8b\xc7\xa7\x86\x18\x81\xbe\xdb\xbb\xb0\xa3tM\xd0\x9e\x10L!\xcce6&lt;\xf1\x00w\xd5E\x16\x05\xed\x8a\x94\xf9F\x16"s[\x9f\xc1\xae\x1dx%~%\xd6\xe7n4\xac#\xbb\x13\x05\x8c\xedW^\x90\xa4\xb5o\x99%\xee;\x1a\xaa\x9di\x8c\x01\xde\xfaU\x06\x95-\x9a\x17$,\xb5\x182?\xddyO\x873"\x0c\x8c\xe8C\xa5\xbc9\x02\xd8~$\x0ec\xeah\xe8\x02\xae6\xeb\x00P\xf8\x1a[y\x17\xf0\r4\xeb\xe4j?\x9cL\xcdKj\xea[\xff\xe0a\x9f8f\x03\x841\xc3\t\xae\x98\xa9\xfb\xfe\xe7OAE\xc2\x9f\xbc\xec\x9f\xa9\xa1~\x16\x1eC\\\xf4--\x0b\x0f\xbe\xf5\x03\xc8B\t\xde\x05\xe0X\xcd\xc3\x8dH\xb2U[yw\xc1\x94|\xad\x0e\xcb&lt;i3:\r9\x7f[\xa0*\xc7\x96 a\xfc\x1f\x17\x1cib\x89\xf6_\x1c\x92\xc6*\x03\xf7\x84\x8ds\n\x008\x994,\x88\x85,uD\xbd\xad\xae\xbc\xc2ob\x02\xc8h\x0f\r\xad\x89\xb7wu\xd5\xa35\xc5\xa5(Eg\xee\xfa\x01\xef\x07\x81\xca\xcc\x1f#$\x11\xb3\x12\xbe\xc7)`\xb2\xae9\x9c\xb1\xb4\xebdM#\x82\xd5a\x89\xcakt\xca\x87G\nh\x0b\xee\x02}y\xa40U\xb6\xaa\xb3\x9e\xe7\xfd?vb9\xf1N\xcf*\xff\x9c\xe2\xea\xd5\xa6\xadLT\xcf\x95\x85\xe9Bp\x01\x0c\xa549\xca\x1b|\xb6,\xdd\xc5\'\xef\x85\x83\xfa\x86w\xc4\xae\xe9\xc7m\x06o\xa3{\xce\x17\x1c\xc8\x19\xcf\xae\x07)\xad\x08|il\xe6\x1a\xc5\x05\xb2u&lt;u\xb8\xd8R\xb1h\xc6\xee\x18.\xc3S\xb5\xa4\x81))+\xad\xa2\xfd\xdeB$i\x96G\x18\x7f\xdf\xb1\xd8\x91\x97\xaa\xffQ\x87\x027\xbc\x0fDIh\xe8\x120\xfd\xc2 \xbc\xc5qy$]\xfe\x91|s\xaa\xecB\x16Zt\x9f0\xbd\xef/B\xdaw"\rrj\x07\xa4,\x19C.\x9c)\x96&amp;$\xaf\xe8\xb78\x1b&amp;\xe2\xeb\x15\x80\x17\xcc!\xf0\xe2@\xf3\x13,F&gt;L\xaf\xe8\xcaf\xa5\xf4L[\xf99W\x1f\xcc\x1d\xbb\x85\xcc$D\x06\xb8\xa1o\xf0tBD\xd6\x0e\xc3\x8c\xe5q:\xf3Z\x93\xf9\x98\x89@\x1fA7\x8e!!\xc4M\x88\xd6*\xf9\xc4\xef\x13\xe1\xbe@\xc9\xd9\n_}C\x11\x18\xbb\xca\xee\x83(\xb6\xe3q\x89\x17\x12\t*\xc5;\x12\\\xd5A_si y\x02\x95b\xd7,M\x0e\x9d\x1abL/{o\xa2\xd7&amp;d\x16\r\x88\x87\xd9\x033\x9dD\x85@\xdcA\xeci\'s\xea\x17\x11\xdf\x85\xaf\xa9\xfd\x94D0,\x07\xe5P%\xda\xeb\xea\xd2\xed\xf3\xa7Ud?\x06\x12\xb0&gt;\xec\x90\x06RI\xa2sx\x1cR\x8d\xe6X\xf6\x90\x13\x85J:\x03\xb1\x08\xdb\xea\xc8H\x16z\xef\xbf\x9c;\x7f\x10/\xbb\x82\x01U9\xa2\x01\xb8d\xc9\x14\x0f~\x8c\xf9\xe7}\xe5\x8cM\xd3\xab\xd2\xcaj*&lt;\x86&lt;#\x9b\\w\xde\xf0aO\xe8-\xb2\x7fH\xcf\xfdx\x94#\x9cD%\x89\x84!\xdf2\xf3\xd6~\x9d+\x19h\\\x13\x9e\x9a\xfc\xa9\xfc\xe7\x89\xc7\xdc\xb8\xce}\xa7\x1f\x90\x14l\xa1C\x03\\\x1a?5\xeb}\xe5]?^\x00\xc1a\xfc\x89Z+\xc4\xc7\xeb\xa1\xbe\x9fB\xffOU\xa9y\xee,\xc4\xa4\x9b\x8ec\xed\xd7KL\x1a\x9c\xb8\xfe\na\x87\xac\xd8c\xf7Q\x829\x05\xe7u\x90\xf4uH\xf4\x85\xbe\xd2@\xf3\x82\x7f\x82h\xaf\xfa\xa7\xf6\xf5\xdb\xbf\xa0\xc9\x93\x13\x98\xe3\x899\x8d\xd6\\\xec\xd2\x0bB\xa6.X\xc8\x9d\xda\xff\x93\x01u\xed\xca\xc8i~\x18\xd5v1\x88\x9aK\x99(,\xf1\xe6\xd1\xd8\xd5\xc3\x17#\t\xf7\xe8\xcd&amp;\xd4\x89HRF\xa9\'\xc1\x1dA\x19\xe6\xdc""W3\x10\r\x01Q\x1e\xe8N\x85\x9cS\x04\xf9\x92\xdfh\xe8\x91d\x86b\x94\xe3\xf9\xf4II\x81\x8a\xbc\xebf6\x1d&amp;\xf4\xdaC[\x965\x95\\x=\xb7\xc4\xcc\xb2\x1al\x83\xc6&gt;\x1d\xdd\n\x8co&gt;\x1f\x10i\x08@\xf5\xd6\xfc-\xf6iI|\x16y\xd5\xda\xe6ZW\xe5\xf6.rz\xc2\x87\xdf\x0c\xfd\x19Auk@\x81\xe1\x06\xc5M\x9e\xc5y\x93\xbb\xa1\xc2[\xc6\xbb\xf1g$\xefJaP\xe5\x9a\x90\x806\x92\xd7\x15\r\xab\x8a&lt;\xd1X\xdf\xb0\xf1\xe7I\xa6U0\xbd\xd9$&lt;\x86p\xc3\xd2\xcf\xca\x7f\xe6\x13\xa4\x18\xd8ch\xe0\xbe\x87\xae\x0b\x1c]\xe4Z\x0b\xa9]\xae\x7fy\xbb\x11\x95r\x0e\xb2?\xcf\xe0\xc2%\xc8\x99\x01+\xb1\x00\x1a\'\xe7&lt;\x17\xd1\xcc\xb1\xdc\xe7(\x10E\x9c\x80\xbd+\x80om\\\xd2\x07\x94\x1b\xe2\xb7\x94\xec\x19-\x8fES\xday\x1d\xef\xf810\xe6&lt;a\x0b\xb2X\xa8\xb3\xd6g?$(\xbd\xbf\'ylE\xce\x1f\x14IV\'\x10\x9a\xb9!h\xd5\xaf\r\x1dKU\xd2[\x1ch\xc8T\xeeNwW\xe4\xe0\x86B*S\xbd\xe3\xc8W^\xfe\x83s\xd8\xdaPB&amp;T_T`\x1b\xd2T\xedd\xa5\xf4cDp\x8f\xec\x0c\x8f\x19\xc6?*\xff\x05\r\x16G\xdeQ\x97P\\\xbf,\xb3@\xf9D^\xceG\xc5\x16\x13\xd9\xc1^\xc4i9\x08\xb0\xaf;\xf7f\xa8d\xe0\xb7\xe4\xce\x0f\xcc\x9a\x01\xb3\x05\x83\xfcp\xba\xc6\xe8I9\x12&amp;`2\x9c\xc8\x06\xfb\x05}Z[\xb3\x82\x08YJ\xdd!\x0c\x8a\x0e\xca\x06\xddG\xf2E X\x88\xf3nw\xec\xf2\xbf0\xfb\xf4m\x18\x80\xce\xfc\x1b,\xe9\xbb\xe3\x0e\x9a\x94\xf7\xb1$\xe8\xf5\xe47c&gt;G\r\x07\x9e&gt;D\xd9P\xb7\xb0\xf7\xe2\x90\'\xb0v.\xe0hay\x83Px\x02%\x1a/\n\x97\xc8-\x8a\x82\x9c%,\xff\xcab\xabz\x12A\xd0~#\x9b\xb8\xab\xe9\xc3#\xb8|\xd8\x87\x8b6e\xd6\xc6R"\x1d\xe4\xd2\xd7\x10\xa7\x9f\xb1\xdak\xd14\xa534\xc9QL8\xb9\x98\xadJL\xfe\n\xe0\xf3\\8Z\xb9\x86c\x9d\x92\xf3\xc2\xe7!0\x07\xa6\xd1_\x05Y`\xc8\xc2&gt;\xc7V\x06\xd4\x8386\xdbh\xfd\x02vx#\xe6xny\xfc(u\x8f\xda\xcfy\xf1"\xbaV\xc4v\xc8\xde\x08(\xe4;|y+\x87\x04pM\x02\r\x8dv\xcf\xb3Bs\xa9\xf6\xa5\x8f\x04\xcb\t4\xdf\x98\xe6H\x81\xe4B\xa92\xbd\xe5\x83\x8e\xa8\x80\x91\x99\x0eCUg\x87\x82\x90\x1eY\x86p\x06\xa0|\x85\xdc\ttW\xd7&amp;\x08\x80l\xcd\xe8\xfe\x8a\xbc\xf4)S\xa0\xe0\xb9Yi\x14\xdf\xdc\xc2\xfbOB\xa9\xd1\xe6\xa7\xae\x95)IQ\x96=tEniu\x153\xe9\xca\x0e\xe9?/}\xfe\x8d\xc0\x04X\x1b\xf4#\xca\xd2m\xd0\x19\x9e^41J@0\xe75\x08\xc1\x89\xf3\xc1`\xf8dg\xb9\xda\xaf\x08dJ\xfd\t\x98\x7f+\x80\x829\xcbt%\x97\x03\xcd\xa6\x89\xed\xee\xbc\x03\xb5\xcaUc\xc0^\xe7t+\xd5\xcbM^\x1ey|\xc1 \xe5\xc1Y{\x8f\x1ef?\xdc\xef\xdf\xde$jRs\xe1\x13m\xb3#T\x0bF\x8a\x9bV\xd7\x92\xf82=\x07\x80(\x97\x13UG\x90\xafD\x9be\xb1\xe7\x92\x88a\xb6\xa9,\xba\xaa\x9f\x80\xc6qR\'\xdau\xc4K\x0f\xde\xba\x8bB\xb80\xf32\xaf,!\xbfR\xbf\x1b\x9f\xe8\xbe\x17\xb2\xcel\x12e\x92\xc2 \xcf\x1c\xaa\xcb\x97,I\xcf3\x95\xff-\xa4\x80\xe0__\n\xfdekw\x98\x90\xeaD\x0e*\x80\xb7\x17\xd3[MD\x1c\x01\x94UA\xcd\xdc\xe5o\x97c\xb9 qZy\xdai\x8b\xda\xa2)\xbd4m\x86%V\xc4\xff\x08\x16\xb8e\\zp\x16\xef\xdftd\x1c\x97\xffa\xd1"\x10w\xf4tz\'&amp;;U\x0c\xfe\xa3w\xe6r\xd4\x0f\x80_]\xe7\xf85R \xfeeY\xc4R\xf0c\x9f\x89BZ\x03\x859\x15\xe9\x9e\xe2|Z\x96pR\x98P\x89\xfd\x87\xbf\xd7BT\xac4\xf2P\xae\x1e"\xd7\xcd\x81\xab\x08\xae\xd2\x08\xa0XrmzE\x8c\x12f\x86\xfc\x0cy\xdb\xa9&gt;\xa5Y\x90J\xf4\x8b\\C\x06\xa5-G\xc7\x8f\xef\x94Sx\xfb\x19\x01h\x9b\x10\x03\xe98\xd9\x97\xa6\x82\xb9\xd2\xad\xc6:\xb1\xb6\x08D\x88\x0e\xd0\xd8l\xefr1a\x08\xfa\x060\xdcmf.\xa4o\x04U\x14\xd2i\xe4\x9f\xac\xf5\xab\xd7\x14sY\'iZ#%\x89\'\x8ba\xa0\xb5\xcc\xb0\x8d\xcc\xb9\xb5\x9e\xea\x9f\x990\x16\x1c\xbb\xc4\xc8 ,\x0c"5hl\xcdl\x00\xfc\xe7\xaa\x82Em[\xda\xfa\xb5\x07\xba\xaf\x9f\xaf`(!\x12FB\xed\xcd\n\xe1at\xd3\xc6\x99\xc4\xa4\xa3\x86\xb9\x90\xf8\x80\xb5\xd7C\x88,\x95\x13\xf1@\xf0\'\x88\x7f\xc4\xf4"\xfe\x00U\xb0C\xbb#\\q\x15mn@\xe5\x84\xfc\xf1\xa5\x0fl\xfd\xe5\xe9\x0b\x98Mc\x1f\xde\x9d\xcb\xb8\x07\xad\xadm\xf4\x16\x15]\xee\xd62\x82z\xca\x8d\xea\\\xa2\xad9~)o\xf6\xf1\xa0\xf9gl\xc4I\xc2\xf6RE\xd6X\xd2CY\xde\x91-\x08\xdf\x9b\x8c\x9fM=hsQ\x89\xf29\x1b/\x96]&lt;wk\xfa\xa0?I\xc3\\\xd9\x02T\x9b\x9b\x02\x98\xd6\xbb\x1f\xf4\x00\xd4=+\x10`\x95\xbc\x94m\xb9D\xf1?\xe8\xc6\xac\xd1F\x9f\xf8\xc88\xa0\xc8\xb5\xa9\x1a\'\x82\x8b\xa5[V\xec\xa9#\xcaE\x084\xdf\xfe\x8e\t\xd4\xaf\x94T\\~\xfc%\xdc\xa4{\x92"\xc5\xdf\x91\x06\xf9U\xbc\xa6w\xb6u\xef\x08i|\x03\xf4\xd7\xcf\xb3\xe21C\xb0\xcf\xb9\x95J\x19\xca\xd3\x82\xdf\xd9\x10m~\x98~\xc0Jc&lt;\xc5\x14\x03\xde\x89\xe2\xb8\xab.\x16\xc8/\xf4\x12\x7fv\xaf\x19r\xf0\x0c!I#\x06:\xd3\xe9\x9d\xb9SJ\x07\xa1\x8b(5\xdc6\x1e\x95\x93}\x05\x05\xbe\x15M\xf5\xcc\x94\xf6\xbfMl4\xfcm\xc3\xdcN\xbb?\xf22\xa7\xaaU0v\x15\xe3e\xd0z\xe4qr\x00 \x1e\xedQ\xb5.\xd0\xc7\x0c}\x1a=L\x07\xa9A\xedR\xbd\x1e\xdf\xaeH\x9eU\x1b\xc7\x02 \xdeF\x9d\xff\xe77\xeck\xd3\xb9\xcd\x92\x9a\x0f\xf6\xd55\xc2\x07\xbb\xae(\x11N\xe1g4\xe5\x1cj\t\xce\xda_\xc4\x8e\xb6\x86\x8dl\xf3\x9aK\x0eRG\xaf\x8c\xd7v\x86-\n\x87\xff\xf1\xe2i\xe4\xc6/^(\xcf\xe0\xad\r\x04\xdcf\xf0\xb8u\xd9p.\x13h\xd38\xe4`\xfb\xf8\xf6\xa3\x018T\x05\xfe\\R\xd4\xae\x94$\x1b)\x18\x81C\xc7\xe9\xd0 1\x16~S\xc7lqUW\xe6\xd2\x16\xba\xe0\x0f\xb7=\xaa\xc5\xd0\xcf\xf4\xe2v(\x86\x02\x08\xb1\x8f\xbdh\xa7\xaf\xfc\x8a5a\xcfl\xedK3&gt;\xda\xc3b\xa9\xab"\xd1W(\xa5u76Gu\x050\xc4\x85\x0e\xa0G\x9e\xe6\x14$\xaa\xf2^\x99e\xad\x11\xf3\x0f\xca\xc1\xd2u\xc7\xa3\xf3\xff\xa3\x812u1;H"ccl~\xc4\xae\xb5t\xf7Q2r\xc1\xcft\xd7\xc5gR\xe1\x18\x1dU8x\x0fY\x1f\x08\xac\x1b\xae\xea\x17i]n\xa1\x17\\\xee-m\x06\xb5*\xe1H\xe5\xc7)\xd2(\xdd\x9e\xccc\x19Gu\x00\x18/yI\xb5+\x02\x0c\xf7\xd0a\x9a[\xa3zm\x02[\x15\xc2M\x8d\r\xf3(\xcc\x1c1\xdeQ\xadB\xb4\xda\x1d\x1f\xa3\xbca\x1f\xe3W/\xcay\xa7, 9\x8aH\xe8\xe9\xbc\xb0\xd5.%\x8d\xfe\xd0\xa9\xde^.\xd6O.P\xc5\xb8&lt;\xec=\xfd\xf8\x1d\x01&amp;\x02\xa6{M=;\x98^\xc1C\xed\x1bR\xdc\x133?X&lt;\x07\xc8\x19\xa9}+\xa6\xa6\x12Q\x95\xd9S\xa0\x86\x9a\x001\xc8\x80\xf9$&gt;H\xa2\xe5\x14\xbe\xb0\x0fKE\xe7}\xac\xba.\x0f\x92&lt;\x9a6.\xa7\'3\xb1\xb6\xd6\x04\x11\x03]\xddI\x8e^\xa1\x81\x14N\xb5\x9b\xf1\x0c/MM\xedYq\xa87\xc3K\xcc$\x9e\x02\xbbVj\xc6^\xb5\x06-\x17L\xcf[$\xe6\x85\xb27}\x0f\xebL\xb5\xff\x08\xe2\xdb\xdb)&lt;\xa1\x13\x8f\x06\xf8\xbc\x0c\xdf\xec\xcada73\x91\xfc\x9a\xbc\xdc.\x13X\x13'</t>
  </si>
  <si>
    <t>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</t>
  </si>
  <si>
    <t>b'\xe6\x03(\xd5\xa7\x8a\x10\x85\xed\xd4\x9c\xa1\x0e\x9fP\xbe'</t>
  </si>
  <si>
    <t>r media.
  13 The momentum carried by an electromagnetic wave in matter is controversial. See, for example,
  S. M. Barnett, Phys. Rev. Lett. 104, 070401 (2010).
 9.3 ElectromagneticWavesinMatter 403
  9.3.2 ReflectionandTransmissionatNormalIncidence
  Suppose thexyplaneforms theboundarybetweentwolinearmedia.Aplane
  waveoffrequencyÏ‰,travelinginthezdirectionandpolarizedinthexdirection,
  approachestheinterfacefromtheleft(Fig.9.13):
  Ëœ EI(z,t)= Ëœ E0I
  ei(k1zâˆ’Ï‰t) Ë†x,
  Ëœ BI(z,t)= 1
  v1
  Ëœ E0I
  ei(k1zâˆ’Ï‰t) Ë† y.
  âŽ«
  âŽª âŽª âŽ¬
  âŽª âŽª âŽ­
  (9.75)
  Itgivesrisetoareflectedwave
  Ëœ ER(z,t)= Ëœ E0R
  ei(âˆ’k1zâˆ’Ï‰t) Ë†x,
  Ëœ BR(z,t)=âˆ’1
  v1
  Ëœ E0R
  ei(âˆ’k1zâˆ’Ï‰t) Ë†y,
  âŽ«
  âŽª âŽª âŽ¬
  âŽª âŽª âŽ­
  (9.76)
  whichtravelsbacktotheleftinmedium(1),andatransmittedwave
  Ëœ ET(z,t)= Ëœ E0T
  ei(k2zâˆ’Ï‰t) Ë†x,
  Ëœ BT(z,t</t>
  </si>
  <si>
    <t>b'U\xae\x83\xb41\xf50\x87\x1a\xbe\x06\x9e\x0c\xafd7p\x97\x03\xfc\x91\x95N\x9e\xc2,\xdc*\x93\xafu\xeb'</t>
  </si>
  <si>
    <t>55ae83b431f530871abe069e0caf6437709703fc91954e9ec22cdc2a93af75eb</t>
  </si>
  <si>
    <t>b'U\xae\x83\xb41\xf50\x87\x1a\xbe\x06\x9e\x0c\xafd7'</t>
  </si>
  <si>
    <t>ss,
 it is known, was attached to a gentleman of Gascony, at the time when
 she accepted the hand of the Marquis, by the command of her father. Illfated, unhappy woman!'
 Emily, remembering the extreme emotion which St. Aubert had betrayed
 on the mention of the Marchioness, would now have suffered something
 more than surprise, had her confidence in his integrity been less; as it
 was, she could not, for a moment, believe what the words of Laurentini
 insinuated; yet she still felt strongly interested, concerning them, and
 begged, that she would explain them further.
 'Do not urge me on that subject,' said the nun, 'it is to me a terrible one!
 Would that I could blot it from my memory!' She sighed deeply, and,
 after the pause of a moment, asked Emily, by what means she had
 discovered her name?
 'By your portrait in the castle of Udolpho, to which this miniature bears a
 striking resemblance,' replied Emily.
 'You have been at Udolpho then!' said the nun, with great emotion. 'Alas!
 what scenes does the mention of it revive in my fancyâ€”scenes of
 happinessâ€”of sufferingâ€”and of horror!'
 At this moment, the terrible spectacle, which Emily had witnessed in a
 chamber of that castle, occurred to her, and she shuddered, while she
 looked upon the nunâ€”and recollected her late wordsâ€”that 'years of
 prayer and penitence could not wash out the foulness of murder.' She
 was now compelled to attribute these to another cause, than that of
 delirium. With a degree of horror, that almost deprived her of sense, she
 now believed she looked upon a murderer; all the recollected behaviour
 of Laurentini seemed to confirm the supposition, yet Emily was still lost
 in a labyrinth of perplexities, and, not knowing how to ask the questions,
 which might lead to truth, she could only hint them in broken sentences.
 'Your sudden departure from Udolpho'â€”said she.
 Laurentini groaned.
 750
 'The reports that followed it,' continued Emilyâ€”'The west chamberâ€”the
 mournful veilâ€”the object it conceals!â€”when murders are committedâ€”'
 The nun shrieked. 'What! there again!' said she, endeavouring to raise
 herself, while her starting eyes seemed to follow some object round the
 roomâ€”'Come from the grave! What! Bloodâ€”blood too!â€”There was no
 bloodâ€”thou canst not say it!â€”Nay, do not smile,â€”do not smile so
 piteously!'
 Laurentini fell into convulsions, as she uttered the last words; and Emily,
 unable any longer to endure the horror of the scene, hurried from the
 room, and sent some nuns to the assistance of the abbess.
 The Lady Blanche, and the boarders, who were in the parlour, now
 assembled round Emily, and, alarmed by her manner and affrighted
 countenance, asked a hundred questions, which she avoided answering
 further, than by saying, that she believed sister Agnes was dying. They
 received this as a sufficient explanation of her terror, and had then
 leisure to offer restoratives, which, at length, somewhat revived Emily,
 whose mind was, however, so much shocked with the terrible surmises,
 and perplexed with doubts by some words from the nun, that she was
 unable to converse, and would have left the convent immediately, had
 she not wished to know whether Laurentini would survive the late attack.
 After waiting some time, she was informed, that, the convulsions having
 ceased, Laurentini seemed to be reviving, and Emily and Blanche were
 departing, when the abbess appeared, who, drawing the former aside,
 said she had something of consequence to say to her, but, as it was late,
 she would not detain her then, and requested to see her on the following
 day.
 Emily promised to visit her, and, having taken leave, returned with the
 Lady Blanc</t>
  </si>
  <si>
    <t>b'\xbd\x08\x97\xbf(\x1dY\xa8\x80\x02nD\xd9\x08\x80\xc5\xba\xac\xc4\x81\x06\x9dX\xb1vx\tM\xe0\xb7\xb93\x1d]\xdf.9\xf3!\x9c\xa0\xa3\x08&gt;m\xaavE\xc6\xa0\xc9W\xd6\xfdz\x17\xed\x87\xf3\x08\x81\x9d)\n'</t>
  </si>
  <si>
    <t>bd0897bf281d59a880026e44d90880c5baacc481069d58b17678094de0b7b9331d5ddf2e39f3219ca0a3083e6daa7645c6a0c957d6fd7a17ed87f308819d290a</t>
  </si>
  <si>
    <t>b'\xbd\x08\x97\xbf(\x1dY\xa8\x80\x02nD\xd9\x08\x80\xc5'</t>
  </si>
  <si>
    <t>), we have
 ID = 1
 2
 Î¼nCox
 W
 L [VDD âˆ’ (RS + RD)ID âˆ’ VTH]
 2
 , (7.30)
 7.1 General Considerations 313
 V
 I
 R
 DD
 D
 M 1
 D
 RS
 RG
 Figure 7.2 Self-biased MOS stage.
 where channel-length modulation is neglected. It follows that
 (RS + RD)
 2
 I2
 D âˆ’ 2
 âŽ¡
 âŽ¢
 âŽ£(VDD âˆ’ VTH)(RS + RD) +
 1
 Î¼nCox
 W
 L
 âŽ¤
 âŽ¥
 âŽ¦
 ID + (VDD âˆ’ VTH)
 2 = 0.
 (7.31)
 Example
 7.3
 Calculate the drain current of M1 in Fig. 7.3 if Î¼nCox = 100 Î¼A/V2, VTH = 0.5 V, and
 Î» = 0. What value of RD is necessary to reduce ID by a factor of two?
 1 =
 0.18
 1 k Î©
 20 k Î©
 5
 200 Î©
 D
 = 1.8 V
 W
 R
 M L
 VDD
 Figure 7.3 Example of self-biased MOS stage.
 Solution Equation (7.31) gives
 ID = 556 Î¼A. (7.32)
 To reduce ID to 278 Î¼A, we solve Eq. (7.31) for RD:
 RD = 2.867 k_x0003_. (7.33)
 Exercise Repeat the above example if VDD drops to 1.2 V.
 7.1.3 Realization of Current Sources
 MOS transistors operating in saturation can act as current sources. As illustrated in
 Fig. 7.4(a), an NMOS device serves as a current source with one terminal tied to ground,
 i.e., it draws current from node X to ground. On the other hand, a PMOS transistor
 314 Chapter 7 CMOS Amplifiers
 M 1
 VDD
 M 2
 Vb
 X X
 Vb
 Y
 VDD
 Y
 (a) (b)
 M 1
 VDD
 M
 Vb
 Vb 1
 X
 Y
 (c) (d)
 Figure 7.4 (a) NMOS device operating as a current source, (b) PMOS device operating as a
 current source, (c) PMOS topology not operating as a current source, (d) NMOS topology not
 operating as a current source.
 [Fig. 7.4(b)] draws current from VDD to node Y. If Î» = 0, these currents remain indepen_x0002_dent of VX or VY (so long as the transistors are in saturation).
 It is important to understand that only the drain terminal of a MOSFET can draw a dc
 current and still present a high impedance. Specifically, NMOS or PMOS devices configured
 as shown in Figs. 7.4(c) and (d) do not operate as current sources because variation of
 VX or VY directly changes the gate-source voltage of each transistor, thus changing the
 drain current considerably. From another perspective, the small-signal model of these
 two structures is identical to that of the diode-connected devices in Fig. 6.34, revealing a
 small-signal impedance of only 1/gm (if Î» = 0) rather than infinity.
 7.2 COMMON-SOURCE STAGE
 7.2.1 CS Core</t>
  </si>
  <si>
    <t>b'\xba\x1d3\xc2\x89\x07b\xb0$4\xe3\xe0\x86\x1c\x8eO'</t>
  </si>
  <si>
    <t>ba1d33c2890762b02434e3e0861c8e4f</t>
  </si>
  <si>
    <t>e. Will you give me your hand, my 
 kind young friend, and lead me in?" 
 I held out my hand, and the horrible, soft-spoken, eyeless creature 
 g</t>
  </si>
  <si>
    <t>b'=U\x89\x99\xe36\x8e\xa7w\xc2[\xe9}\xacH\xca=7\xbe\x83\xc4t~\x8a\x18\x07Hz\xa2\xab)\xdao\xc1D\xbcO]-\xdc\xbc\x93",\xdb\x1bAG\xbb-N$\x9e\x9e\xee|\xfa\x0eF\x99\x89\xf2j\xf2\xaf\x950\xbcv\x99\xed\xed+gu)\xedpR\xfe\xa71\x03%-\x9b\x84\xa3\xcd\xd8\xee%\xa1\\\xcc\xa8\x019\x81\x0f\xda~\x86YB-\xcc31\x94L\xf6\x14dH\x8c\xc9X\x18\x8a\xcc!\x81\x8eU\x1a\xe6\x8b\x0e\x1a\x97X\xf8z)\xe4\xa2!\xeb\xf9zi\xf2\xeb\x16C\x04\xe0\x95\xe8\x90+\xe1H\x80\xa7$\xa6\xf9\xfb\xe2\xd6OLd^;\xe1\xf3HVxx\x14\x88h\xb6\x82R8f7\x16\x83\x17\x16uM \xfa\xb9&gt;\xac\xb0W\xb2\xe7\xd4h\x87f\x03-O\x02\x91\x992\xfc\xa0n\xfa\xf3\xdaq!\xa5r4y\xcc\xf5\xfe5\x8aE\\(\xba&amp;\x9b\xa9\x10H=r|k\x17\x18\xa9\xcc\xaez\xce\xe0\x13\xd7\xfazf\xc2\xe7\x14\x0f\x12\xf4\xb5j\x89\xf1*\x06[\x83c\x94\xbe\x8c\x1c/\xe0\xd2\x94\x9et&amp;\xc8\xb1\x87\xf5KX]e\x82\xec\xef\x8e\x06\xf6qp\xd8[Pz\xb6\xc4\xb2R\x08\x9c\x8ah\xe6\xbc?\x9a\xcc\x8dXF\x17\xde\xf0\xa5\x87\xda\x15Q\x1a\x19\x1bI|i\xa6\x06\x15\xd6q\x9duu5w\xc0\x18P\n\x13\xb7]\x80\x1c\xa5\xad\xb1\xf1\x8aKs\xca\xf2\xf5\xcdI\x13\x7f"\xfc\xd5U\xad\x18\xcc\x01\x15\xd2\xf9\x939kPQo-\xdfs\xf7\x93\xe7\xac\xc3\x0f\x83\x917AT\x9e\xae\xca\xe5\x9aAy\x08q\xc4\x0fo\x9aW\xd0\xa4\xd4J \x8eQ\xc5$ !)\r\xc9\xb3 q`:\xc2y\xccU\xe3\x9btn\x89\xf5\x18\xafq\xe3r\x8d\x89\xb4\xc6\x89\'\xcd\x82\x86\xdb\r\x1c+\xc9\xf4\xac\x13\x1f\xfd\xa0C\x16B\xc2\xaf6\xee.\xc5\xdc\xde\xb3F\xcbzLn\xb1\xf3\xa3[[L\xa52.\x0c\x97\xfef\x92&amp;7K\xca\xf0v\xbb\x7fD)9\x855\xb8\x05sz\x83\xf6\x89\x1a\x9e'</t>
  </si>
  <si>
    <t>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</t>
  </si>
  <si>
    <t>b'=U\x89\x99\xe36\x8e\xa7w\xc2[\xe9}\xacH\xca'</t>
  </si>
  <si>
    <t>nk the patriarchate intimately, at least at its beginning, to
what is generally called â€˜â€˜the Rabbinic movement.â€™â€™ But this hardly needs to be taken
as unassailable fact. Presenting a strong and early bond between the patriarch and the
sages served the latterâ€™s agenda in the third and fourth centuries, as a self-conscious
group seeking to strengthen their positions in society and increase their influence
over Jewish life. Good relations with the patriarch, whose authority was of greater
antiquity, scarcely hindered such aspirations. But the question of whether to believe
this image, which derives from ostensibly historical traditions in Rabbinic literature
about early patriarchs who came from among the sages, remains open at best. Simeon
Bar Kosiba, the leader of the Bar Kokhba</t>
  </si>
  <si>
    <t>b'A\xa5\x81\xf5/\x1e\xcb7\xd4"\x7f\xe1\xc5\xdcH\xad\x05\'\xa4\xbfS6\x87\xcd\xc7\x0f\xf3\xc0\xbeL\xb7\xce(\xc94\xa3(\x18l\x94(.\xfa\xcc\x06\xe6H\xe0\x0c\xac_\xf4.\x92\x03\xeb\xd7]\xed\x87x\x1d\xd3G#\xad\xd4\'\x83n\xaf\xa9\x17\x9c\xef\xc05\x8b\x95k\xack\n\xd7&gt;\x9b\x07\xbcLE\xb7N\x07\xce\x84\x9d.s\xad\x02\xda\xf6s?\xb1\xa1\xf5J\x85R\xec\x9f\x8c\x1b \xc6\x18J\x05X\xeeu\nF8\xb5\xe9\xa4|\xcb\xa6\xdd\xdc\xe6\xb8\xe7@\x83Y&lt;*{\xc8Wx0\xb4_\xf1\xf0\xe9x\xc4\xdc\xb4\xb3\x95\xf1\x8dbn\xbc\x0e\xef&amp;\x04\x9a:\x98\xa0P\xd2H*z\xfb\x8d\xa0\\\x02\xb4\x1c\xe7\x174\x17\x99\x8c\xd9Q\xb7I\x99qK\x00V\xf4\xed\xbdu{\xda\xb7\xa33\xbb\x9b\xe7!8\x12\x80\x7fo\xb5\x04@w\x19R\xe9M\xff\xd0\x9e\xc3LJ0\x0eD\xceY\xde\xbb\x87`\xa0\xd7\xff \xe0\x1eT\xb6~\x99\xff\x14\xf9Dlh\xdd\xf3\xf6&lt;|\x0b\xdc\xc4\xc025\x84tF\xba\xe9\x82i\x14\x05\xf5\xefv\x12\x0c|\xb4S$l\xd2\xd5b\x02a\xd0y\xfcO\xfc\xf6\xf6\xd2\x8e\xba.f\xda\xa5\xed\xe4\\\xd9H\x94H\xad\xb7\\(l\xe6\xe2|%\x93\x95\xac\x11v\x15\x18\xf8z\xd5\t\x95W.g:WE&gt;\xa21[!6\xbb.\x91\xd9\xb2\xf2\xdeo\xfamt\x13\xa4\xac\rb\x9d\xba\xdeO;J!\x90\x98\x8b\x9f"?X,\xa0P\xac\xef\xaa\x07M\xe3\x16\xb3\x192\xa2(\xd6X\xc2&amp;\x1f\xf0~\xbc@\xfa\xdd\xa6z~\xe2[\x8a\xa1Y%\xc3\xc9\x97\x18\x90\xe6\x84\x91ku\xf0\x0eG\xe3m\'\xe7.qr=S\xe5\x00D\x85]\x05m\xcc\x96\xd0w\xcb\xb6\x922K\xc8/\xd4:\xfcp\xa2 \t8\x8d/\xf5\xdd\xc1,"\xbeh\xb7+\xc7Y\xe9\xce\xc4\xfc\\\xad\x9c\xb1\xa8\'\x83\xb3\x9d{!$\x92\xfc\x1e\xe8\xf6]\x82\t\xdb\xdb\xbe\xb0A#\xf5"\x10\xc2\xf8\x11\x9a\x91\x9ft\x96:i\xc2\x19s\x19\x9d\x04\x0f\x1c\xa9\xb6\xd3_F\xec\x83\xd4\xcc\xb8\rR\\\xb7\xf1\xa2\x8cF\x04\x89h\xb5\xc3\xd7\xbb\xac8\x1c\xb2c\x0c\xdb\xb2\x92\xffY\x97\x1f\xdd\x1e^;$&lt;\xdb\x9fA\x02\x89~\x9e_3b\xd5\xcaV\xb5!\xefi\xe6\xdd^[\xe8\xedt\xe7b\xe9\xfa\x90\xa5p\xe7\xce\x90\xe1\xcfha5n?Mg\xf6\xc3\xf1\xb7W9NPw\x1a\x89\xbb_\xbd\xd9\xcf_\xd3\x04\xd7\xa9A\xf2FVd\x18F\xba\xdb)\xad\xf4\xef\n\xef\x18\x07\x08\xca\xcd\x85\x8bt\xff\x14j[\xf2uH+h\xe8\xe9&amp;\x86\xba&amp;)xO3\xa1\x814\xc9\xcd\xd7+e\xbe\x83v8sV\xe6\n\xa1\xbf\xd5\x1d}\'\xdb\x19\xdc#h\x88\xfc\xbb\xb3\xbc\x11\xa5\xad_\xd5\xcaa\xe25*\x93bD\x00\x93\x9d\x1e\x80x\x83-\t\x05\xc6\x9f\x9b\xf8\x8c\\\xdc\n}\x9a\xc6k\xde\xd8\xf4\xca\x16y\x90c\xc1\xbf A\x1e\xfa\xdd\xe6o7C\xa8A\xa0\xfdq\xa2\xd3\x1c\x7f3\x92\xbf\xbe\x9c\xaa%\xaf\x144P\xecH\x19*\xb8Jt\xe0@(E\xcb\x10\xc4;CA|\x18\xed\xf2I\r\x92}\x94\xb1\xc8v\x9e\xc1\xb7\x18\x04\x84\xea\xcb{\x88A\x8d\x00\x91C!\x8f\x90S\xe1(c\xacW\xe6'</t>
  </si>
  <si>
    <t>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</t>
  </si>
  <si>
    <t>b'A\xa5\x81\xf5/\x1e\xcb7\xd4"\x7f\xe1\xc5\xdcH\xad'</t>
  </si>
  <si>
    <t>.
 We went aboard, and there was twenty people there, snooping around
 and examining, and old Nat Parsons was there, too. The professor kept
 fussing around getting ready, and the people went ashore, drifting out
 one at a time, and old Nat he was the last. Of course it wouldn't do to
 17
 let him go out behind US. We mustn't budge till he was gone, so we could
 be last ourselves.
 But he was gone now, so it was time for us to follow. I heard a big
 shout, and turned around--the city was dropping from under us like a
 shot! It made me sick all through, I was so scared. Jim turned gray and
 couldn't say a word, and Tom didn't say nothing, but looked excited. The
 city went on dropping down, and down, and down; but we didn't seem to be
 doing nothing but just hang in the air and stand still. The houses got
 smaller and smaller, and the city pulled itself together, closer
 and closer, and the men and wagons got to looking like ants and bugs
 crawling around, and the streets like threads and cracks; and then it
 all kind of melted together, and there wasn't any city any more it was
 only a big scar on the earth, and it seemed to me a body could see up
 the river and down the river about a thousand miles, though of course it
 wasn't so much. By and by the earth was a ball--just a round ball, of
 a dull color, with shiny stripes wriggling and winding around over it,
 which was rivers. The Widder Douglas always told me the earth was round
 like a ball, but I never took any stock in a lot of them superstitions
 o' hers, and of course I paid no attention to that one, because I could
 see myself that the world was the shape of a plate, and flat. I used
 to go up on the hill, and take a look around and prove it for myself,
 because I reckon the best way to get a sure thing on a fact is to go and
 examine for yourself, and not take anybody's say-so. But I had to give
 in now that the widder was right. That is, she was right as to the rest
 of the world, but she warn't right about the part our village is in;
 18
 that part is the shape of a plate, and flat, I take my oath!
 The professor had been quiet all this time, as if he was asleep; but he
 broke loose now, and he was mighty bitter. He says something like this:
 "Idiots! They said it wouldn't go; and they wanted to examine it, and
 spy around and get the secret of it out of me. But I beat them. Nobody
 knows the secret but me. Nobody knows what makes it move but me; and
 it's a new power--a new power, and a thousand times the strongest in the
 earth! Steam's foolishness to it! They said I couldn't go to Europe. To
 Europe! Why, there's power aboard to last five years, and feed for three
 months. They are fools! What do they know about it? Yes, and they said
 my air-ship was flimsy. Why, she's good for fifty years! I can sail the
 skies all my life if I want to, and steer where I please, though they
 laughed at that, and said I couldn't. Couldn't steer! Come here, boy;
 we'll see. You press these buttons as I tell you."
 He made Tom steer the ship all about and every which way, and learnt him
 the whole thing in nearly no time; and Tom said it was perfectly easy.
 He made him fetch the ship down 'most to the earth, and had him spin her
 along so close to the Illinois prairies that a body could talk to the
 farmers, and hear everything they said perfectly plain; and he flung out
 printed bills to them that told about the balloon, and said it was going
 to Europe. Tom got so he could steer straight for a tree till he got
 nearly to it, and then dart up and skin right along over the top of it.
 Yes, and he showed Tom how to land her; and he done it first-rate, too,
 19
 and set her down in the prairies as soft as wool. But the minute we
 started to skip out the professor says, "No, you don't!" and shot her up
 in the air</t>
  </si>
  <si>
    <t>b'\xec\xa7\xe4\r!"\xb7\xb5\\\x1es\xe0\x13\xff\x15O\xe8_\x7f\x93\xcd\xe1\x11!\xadi\r}\x02\x034\x07'</t>
  </si>
  <si>
    <t>eca7e40d2122b7b55c1e73e013ff154fe85f7f93cde11121ad690d7d02033407</t>
  </si>
  <si>
    <t>b'\xec\xa7\xe4\r!"\xb7\xb5\\\x1es\xe0\x13\xff\x15O'</t>
  </si>
  <si>
    <t>)
 Thus, for VR = 0 and q = 1.6 Ã— 10âˆ’19 C, we have
 Cj0 =
 _x0007_
 _x0003_siq
 2
 NAND
 NA + ND
 Â· 1
 V0
 (2.79)
 = 2.65 Ã— 10âˆ’8 F/cm2
 . (2.80)
 In microelectronics, we deal with very small devices and may rewrite this result as
 Cj0 = 0.265 fF/Î¼m2
 , (2.81)
 10The dielectric constant of materials is usually written in the form _x0003_r _x0003_0, where _x0003_r is the â€œrelativeâ€
 dielectric constant and a dimensionless factor (e.g., 11.7), and _x0003_0 the dielectric constant of vacuum
 (8.85 Ã— 10âˆ’14 F/cm).
 44 Chapter 2 Basic Physics of Semiconductors
 where 1 fF (femtofarad) = 10âˆ’15 F. For VR = 1 V,
 Cj = Cj0
 _x0003_
 1 +
 VR
 V0
 (2.82)
 = 0.172 fF/Î¼m2
 . (2.83)
 Exercise Repeat the above example if the donor concentration on the N side is doubled. Compare
 the results in the two cases.
 The variation of the capacitance with the applied voltage makes the device a â€œnon_x0002_linearâ€ capacitor because it does not satisfy Q = CV. Nonetheless, as demonstrated
 by the following example, a voltage-dependent capacitor leads to interesting circuit
 topologies.
 Example
 2.16
 A cellphone incorporates a 2-GHz oscillator whose frequency is defined by the resonance
 frequency of an LC tank (Fig. 2.26). If the tank capacitance is realized as the pn junction
 of Example 2.15, calculate the change in the oscillation frequency while the reverse
 voltage goes from 0 to 2 V. Assume the circuit operates at 2 GHz at a reverse voltage of
 0 V, and the junction area is 2000 Î¼m2.
 C L
 Oscillator
 VR
 Figure 2.26 Variable capacitor used to tune an oscillator.
 Solution Recall from basic circuit theory that the tank â€œresonatesâ€ if the impedances of the induc_x0002_tor and the capacitor are equal and opposite: jLÏ‰res = âˆ’(jCÏ‰res)
 âˆ’1
 . Thus, the resonance
 frequency is equal to
 fres = 1
 2Ï€
 1
 âˆšLC. (2.84)
 At VR = 0, Cj = 0.265 fF/Î¼m2, yielding a total device capacitance of
 Cj,tot(VR = 0) = (0.265 fF/Î¼m2
 ) Ã— (2000 Î¼m2
 ) (2.85)
 = 530 fF. (2.86)
 Setting fres to 2 GHz, we obtain
 L = 11.9 nH. (2.87)
 2.2 pn Junction 45
 If VR goes to 2 V,
 Cj,tot(VR = 2 V) = Cj0
 _x0003_
 1 +
 2
 0.73
 Ã— 2000 Î¼m2 (2.88)
 = 274 fF. (2.89)
 Using this value along with L = 11.9 nH in Eq. (2.84), we have
 fres(VR = 2 V) = 2.79 GHz. (2.90)
 An oscillator whose frequency can be varied by an external voltage (VR in this case) is
 called a â€œvoltage-controlled oscillatorâ€ and used extensively in cellphones, microproces_x0002_sors, personal computers, etc.
 Exercise Some wireless systems operate at 5.2 GHz. Repeat the above example for this frequency,
 assuming the junction area is still 2000 Î¼m2 but the inductor value is scaled to reach
 5.2 GHz.
 Did you know?
 Voltage-dependent capacitors are called â€œvarac_x0002_torsâ€ (or, in older literature, â€œvaricapsâ€). The ability
 to â€œtuneâ€ a capacitorâ€™s value by a voltage proves
 essential in many systems. For example, your TV
 changes channels by changing the voltage applied
 to a varactor. By contrast, old TVs had a knob
 that mechanically switched different capacitors
 into the circuit. Imagine turning that knob by re_x0002_mote control!
 In summary, a reverse-biased pn junc_x0002_tion carries a negligible current but exhibits
 a voltage-dependent capacitance. Note that
 we have tacitly developed a circuit model for
 the device under this condition: a simple ca_x0002_pacitance whose value is given by Eq. (2.75).
 Another interesting application of
 reverse-biased diodes is in digital cameras
 (Chapter 1). If light of sufficient energy
 is applied to a pn junction, electrons are
 dislo</t>
  </si>
  <si>
    <t>b'\x9f\x08\xbe(\xa8\xc9\xad75fe_zw\xccl'</t>
  </si>
  <si>
    <t>9f08be28a8c9ad373566655f7a77cc6c</t>
  </si>
  <si>
    <t>ear the stockadeâ€”
  the poor jolly-boat, I afterwards discovered. Away, near the mouth of the 
 river, a great fire was glowing among</t>
  </si>
  <si>
    <t>b'\xdbrD"\x0e\x0f\xeaQz\xc5\xdc\x11uP\x9dc\xcflo\xb3\x8f\xce\xc0{(\xde\xb9+\x90\t\xb7\x8d\xe5(up\xa5\xe2&lt;\x9e\xaf\xc3\xc3\xbd3\xfcZ\xa8\xafi\xcc\xd36\xf8E_\xcc\x86\x01\xa0\x1d!y_E\xc4\xbek\xc5\xb3LzEn\xb7\x86\x19v\xaeW]\xe0\n\xdd\xf1l\xd3 \\O\xf6y\x83q\x10?\xb6\x0e\rI\xbar[\x8ex|S4\xd9\xc2\xe1\r y\x12\xa8_\xa9! \xcf\x19yg\xf5k\xa9\xc7\x93\xdc\xa2\x8e\x14\xafJk\xa1\xcc\x95JC\x18%\xcb\xdb\xd9h\xf9\x08\xb6\xceX\x8f \xb1\xbd\xd0$C\xc5\xb7\xadi\xc0\xec_\xd0\xb3\xdd\xc5s\xdc\xf9\xbb\xc3g\xfc\xd4\xa8m\x0fi\xaf\x07\x0f\x8f\xab\x01\x14\x94\xe7\xe3/("\xb4\xbe\x8c\x8e\x10\x80\xb3\x18iS\x98X\x85K\x88\xc9\xd5g\xa5\x1a\x02\x90\xadz\x1e+\xca7\x05!3g\xcb\xbe\xde\xc5\xb9M\xe4\x86\x99|@\xec\xbfl\x1c\xe2&amp;\x90R\xa1[\xddwd\xc0\xa88&lt;Z\x1c\xf9\x99h\xe3n\xceW\xf2&lt;?7\xbc\xb1\x1e\xb7\x941\x8am\x8e\xbb\x94m4?\xd1\xbc\xd6\x08\xb8K\x8a,\xd0\x9d\x90\x81\xf0\x02\xa7&gt;j\x88\xba\x815~M\xc3\x10\x85/,U\x16\xfbqs\xe5bSs\xa1\x1f&gt;`j!\x12\x17U\xabOy\xa5\xc3\n\xd6\xf1gG|\xad.\xd8&amp;\xe0\xea\xd6\xc6/\ro\xf3}\x1c\x05eY9\x7f\xd7@YE\xedN\x14,h\xbbU\xad\xfc\xd9\xfcB2\x88@\x17\xdei\xc9\x1f\xc8\xfa\x08\xb7*8l\xe7\x7fa\xf2\xe2\x1b\xbf\x1a\xf6\\|*M\xc6\xf4t\xaf\xedrv(x\xe7"\xc61Wj\xbf\xe6\xfe\x80+)\xf7\xe7i\xef\xfa\x83\x0c\xe9\xffF\xbf\xb94\x0b\xad-0r\xf3l|\x1es}\xe6F\x9b\xb5sR\x04\xfa(\'\xef\xcd\xb8r\x11\x9aV\tA\xb1\xab//\xf1\xc8N\x8c2\x8d|N\xf3g\x92\x8f\xa9\xc0\x954\xf7=\xbf\xd6\t\x01K\xf8\xab\x7f\x9eKZ\xcf\xa8\x1avy\xae\x8d\xed\x95\xe5\xb6\xb3'</t>
  </si>
  <si>
    <t>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</t>
  </si>
  <si>
    <t>b'\xdbrD"\x0e\x0f\xeaQz\xc5\xdc\x11uP\x9dc'</t>
  </si>
  <si>
    <t>usinesses with endless funding, they
 were the only game in town, and their way was the only way. But microbrands like the one youâ€™re going to build are the next wave. In this wave, you
 have to think small first in order to think big.
 Itâ€™s Not All Clear Skies and Paydays
 In my career, Iâ€™ve sold (and bought) both big businesses and small
 businesses. Iâ€™ve been a part of a lot of acquisitions through my students, too.
 Iâ€™ve seen pretty much every way the deal can go down, and Iâ€™ve been
 involved with businesses post-acquisition as well.
 Selling your company means handing over a lot of control, and when you
 are handing over your baby, you</t>
  </si>
  <si>
    <t>b'\xa5=e\x80\xa7\xe9M\xc7\xd0;\xe2/(\x8c\xe12\xf9\xda)\xa5\x17a\xde\x9fL0\x0b\xde\x13\xab\xc2JM\'\xfd\x99)\xfa \xf8pBP\x9e\n\x16\xd4\xf1=2\xc9n\x97\xac{7j\x8b\xc5\x93\xf7\xdfh\xd9z\t\x97:\xf3\x0f\x08\x9f\xb9\x90\xea\x9b\x8fa\xdcJ\xc4\x81\xdfH\x10\x11`\x81\xd5\xbb\x87\xf3\x14\xdb\x89\xb9\xef\xcc\x93\xb1r\x94[\x03\xa8\x93K\x8ajM \x15,\xfb\xc7\xe3\xe0\x7f\xe3X\xad\x07\x19\x19\xce\xac\x05\xe7\xfd\x01\xc0M\xd8\xfc\xae{A\x8a,\x89&amp;\xe2E\xd4\x02C\x8f\xdcs\x16ng\xfeUP\xb6\x18\xb79z\xb0FF\xdc\xb72mU\x9bf\xe4 /\nFa\xe8\xbak\xd9\xcc\x1fR\xb9\xcf\xcdB\xbf\xc6%-D|G\xcd\x87\xe53u:[\n\xe3[\xff\x99\x84\x160/_~\x14R\x08\x001\xa7f\x10\xe4s\xf7J\x0c\xf7\xdc\x03 sX!\xe1\xf8\xc9\xbc0V\xb1\xc3\xdb}\nG\xccH\x85:\x00pI\x91\xad\xf6A\x89\x97\x01\xe4J\xe1\xb6\xf2\x0c\x15g`\xbd1\x1c\xcc\xe7\xe6\x9fK\x15c\xec%\x84O\xfef\x84\xb9\x98\x95\xf3\xb1T\x8b\xf7J+(\xee]\x08\x88/\xb8\xe1\x89\x82\x9a\xe4\x86"h\x04\xf6X9\xe9.\xbc\x8c\x12\x1d\xf9_F\xdd\xa2.N\xf2`W4\xd0\xb8\xd0QV[\xc2\x02s\x95r/2\xc0p#\x17~\xad\xad\xedf\xdb\xe6Or\xb6\xe8e\x8d\xec\x1e2\xd0\xb4\xba/\xee\xb1\xd4\xf9\xf5\x8e\x06\x04\xa7\'N\xe4\xa7\x85\x8c\xe0\xc7\xa6\xf0Hw*N\xbf\xab\xb3F\xac\x92\xa1j\xd0\x8c?Y\x83\x06\x1dQ\x8d\xa3\xf2\xecE~\xd7\x92w\xb1!.5\xcf\xe8\x81\x0bK\x99\x81\xdb\xb6&amp;f\xab\xc7\x19\x03\xeew\xcbj\xdf\xc9\x99\xf1K\x1bie\xf2\xace\xa2s\xf4%\x9f\x18\xff\x82\xab\x89\xc9{#a%[\xd0Z\x0f\xd0\xec\x1b\'\x91\xae# \xc9\xed)\xdcl&lt;\x02\xacm\x04\x91S\xc4\xd7\x12\x1a\xbe~\xcc\x04\xef;B\xf7N\x96\xd1f\x0b2\x1a\xdd_\x81\xbf\x05\xea\xe0=K\x901\xcd\xc8\xd8\xd8\t\xb5\xd1\xd2\xe2\xeb\xcb\xd0\xeb\x16q\xfb\xe0B^\xbaI\xb0\xc5\x06\x81\x94\xcf\xeb\xd7\xee\xc7\xf4Z\x13\t\x07\x9cR\x04\xc8\xd4\xaalg\xd7\xcf#\xc9x\x82\xeb\x17\xa6^\xe7F^{\xb38\x84^\xd8\x9fV&lt;\xc8\xef9[\xd3|@4\x9aXuw\x94\x0f\xec\xdex\xd3\xbb \xee0\xda\'4VB\xdbrW\x87-_M}\xedI\x13\x81\xban+\xd0\xea\x18\xb0\xb0\xea\x17\x963\x1by\xd7\xb5er\xa6\x8bo\xe3\x7f|\xb1\x90\xbd:'</t>
  </si>
  <si>
    <t>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</t>
  </si>
  <si>
    <t>b'\xa5=e\x80\xa7\xe9M\xc7\xd0;\xe2/(\x8c\xe12'</t>
  </si>
  <si>
    <t xml:space="preserve">ascular bundles and pith. As
compared to the dicot root which have fewer
xylem bundles, there are usually more
than six (polyarch) xylem bundles in the
monocot root. Pith is large and well
developed. Monocotyledonous roots do not
undergo any secondary growth.
6.2.3 Dicotyledonous Stem
The transverse section of a typical young
dicotyledonous stem shows that the epidermis
is the outermost protective layer of the stem
Root hair
Epidermis
Cortex
Endodermis
Protoxylem
Metaxylem
Pith
Phloem
(a)
Pericycle
Root hair
Cortex
Endodermis
Phloem
Protoxylem
Pith
Metaxylem
(b)
Epidermis
Pericycle
Figure 6.3 T.S. : (a) Dicot root (Primary)
(b) Monocot root
2024-25
ANATOMY OF FLOWERING PLANTS 75
(Figure 6.4 a). Covered with a thin layer of cuticle, it may bear trichomes and
a few stomata. The cells arranged in multiple layers between epidermis and
pericycle constitute the cortex. It consists of three sub-zones. The outer
hypodermis, consists of a few layers of collenchymatous cells just below the
epidermis, which provide mechanical strength to the young stem. Cortical
layers below hypodermis consist of rounded thin walled parenchymatous
cells with conspicuous intercellular spaces. The innermost layer of the cortex
is called the endodermis. The cells of the endodermis are rich in starch
grains and the layer is also referred to as the starch sheath. Pericycle is
Figure 6.4 T.S. of stem : (a) Dicot (b) Monocot
2024-25
76 BIOLOGY
Figure 6.5 T.S. of leaf : (a) Dicot (b) Monocot
present on the inner side of the endodermis and above the phloem in the
form of semi-lunar patches of sclerenchyma. In between the vascular bundles
there are a few layers of radially </t>
  </si>
  <si>
    <t>b'\x7f\xd4vT\x01\xfb\xe7N\xd5\xaf\xd6\xdd\x00\xabm\x84\xd0\x15jr\xf7H\xd2\xb6\xdc\xba\n\xd0\xdf\x90\xb1n&gt;\xde$\xd0\xe9\x91\xba6\'\x1d\xea!l\xbc\xac\xf6\x95\x8a\xd2y\xaa\x9em\x93\x90Rf\x9d\xee6K\xf3q\xb5R\xa5;\xf1\x85\x8c\\\x01\xbf\x1a\x97\xa0H\xfc]N[\xf1\xa7{\x9aw]\xeeMt\xe9\x81\x1bH\x00\xca_W.j\xfc&gt;\xc0\x9dJ\xa4\xb5\xe8:\xd5\xd7.2r[\xbd\xbf\xd5\x03\xe9^\x0b\xeb\xd1C\xd5t\\\xbb\x14\xc5\x05\xa6\x03j;\xa0\xf6\xb3\xb6\n\xbd,\x12\xfb3\x05\xd7s\xc2?\xe0Y\x85&gt;\xb34\xf0\x06\xd59\xc9\x91W\xabz\x1bc\xf9tj0\x82\xbb`\xca\x07\x9b\xef!\xef\xda\xdc\xf7\x89N\xef\\\xae\xdb~!\xa0L\x85,W\xe0\xd1\x1cf(\x0f\xda\xa7\x89\xdc\x06\xe4\x97\xdaq\x00R\xf6\x7f6\xc7\x990\xc2I\xef\xebR\xea\xc6\xdbB\xd9\xb7\xbb\xf8\x08\t~\xe9\x11f\xf9\xf1\x95}\xdbTv\xb2]\x80v\xc6\x9c\xd7{K\xa0F\xc4\x0e\x00\xf0\x88&amp;\x1c\x7f\xcfX\xd5&amp;\x19\xf0\xf7\x83S\xc2\xe1^\xe6\xcaM\xd0\x8b\xb8h\x98\xe9N\xd3z\x9e\t\xff\x95\xcb\xd6\xd4\xe7\x16\x08\xb2v\x06Q/\xba\xad\xa8\x1e\x9c+\xd8\x18\xfcM\x97Znu4\x9a\xfc\x85\xd09\x96\xd6@\xc0~"\xcc0\xbfWy\xe0\x03\xde\xfe\xa9\x84\xdc\xc7\x06\xd2\x87\xb7\xb3\xb2m\xd3\xa6\xb5\xee;\xe8\xfdC&gt;\x06%:\xd3DhNH\x8f\xb3\x06\xf5\xd6&gt;r\x9e6\x0f\xd6\xca\xcd\x1d]\xbd\xc2\xd2\x16\xf9A.\xe0\xc4\xccO\x14Dc\xbb\xc7\x08\x1e\xa6\x1b\xfer\xdf\xdd&gt;\x18\x01e\x8b\xc0\xdb\xc4\xf58\x1eV\xe9\xd7\x0c\xbd\xe2\xa6m\xda\xd4y\xbc\xefY|\'\x04\x98:\x04Jk\x98\xb5{\xbf8,\x97F8\x15&amp;\x91FD\x9e\xa1\xf0Z\xfa\xce\x7f\xe3Qq\xf0\xe1\xb7\x00\xda!F\xf4\xd9&lt;VE!\xef\xb6\xf7yk\xbbm\x15\x10D\xaaO\x1a\xc0\xb1\xa0\xcd\x91\x8ff,\xe0\xa8\xa5e\xb7\x17\xaf\x8d[)Q\xc5\xb5+Rr\xaf\x9f\td\xc4v\xd1\x89\x7f\xd5\xdb\xd2\xf3\xfd\x90\x8e\x90\xc3\x8fs\xe9\xf1\xc2\r~\x95\x9e*\nK\xfa\x9fY\xc1\xadM\x1eN\x96U\x96\xd4`\x96\xc1\xc5\xf5\x1a\xfa\x01[\xec\x00\x94\xfc\xa9*\xaa\xd4b\x1f\x9a\x8d\xa9=i\x01\x1b@\x12\xec\x15\x19\xb9\t\x1a\x92[}\x04\x1b\x8bK%\x8c\xe3\xc9M\x90zY\xb0\xf8\xa2\xb5L\xacZP:\x1e\x16\xe1:AO\x94\xd6\xe6\xd2\xe8\xb1$\x1eO\x07\x85\x1c\xba\x90\xa8\xcb\xd6\x11\x94t\xe8\x07\xdc\x95\xc3\x92\xe7\x7f+\x7f\x97M_\xa6/\xa2\xfe}\xbf\xe3\xd7\xba\xc1\xa6\x04#\xdd\xb0\xcc\xd88\x10\xdb\xdcnV\x139\ty\x1f\xde\xe5\x05\x04{\xc0_sM\xe3E\xce\xf6\xa0X\x16!m\xd0\x8b\xb4\x8cH\x89:\xe0R\x8e\xeeV\xb2\xea\x1d,\x7f\xc9\xba\xc6\xaeI\xf7\x1b\xc7\xe4#i@W1\x16K\x90\nP\x1d\xfe\xaf\x18\x8c \x154\xa1\xdf\x1b\xaa\xa6\xa8\x01\xcaF\x98WP\xcc+\xd7\xdd\x02\xf4\x0eN\x8a\x90\x87\xb3\xd2]\xca^&gt;\x98S,\x02\x14\xad\xab\xdf\x9bA\xbfGu\xda\x0b\x8c\rn\x81U\x92\x9c4|X\xb5b\xad\xc5)\xc90\x01\x8dc\x0c\xb8\xe2\xc7\x06\xf4\xf3H\xb7Z\xd6\x10s\x9e:\x00\x94\xa0\x93O\xf9\xec\x17~\xae\x97S\xe4\xf0H!%\xf5\xa21\x9aWpH\x8a\xdb\x14\xb9\x98\x92_\xe1#z/\x17\xfdh\x0072(5\xa5\xb1;\\\'\xab9\xc7\xbc\xf2\x82\x8f\xca\x8eW E\xc5S\x95\x14\x0ba7\xcf\xf5,#\xf0\xffV\x1eO\\9\x92\xbb\x01\xa4\x1d\x8b:\x8c\xcc\xa0 \x85j\x8a,FM\x03o\x83lO\xa0[\xc1&lt;\xf0\xe5A\xc7\xf8_)X\xac\x87\x893,X\x9f\xc0v\x90\x18(^\xdeA1\x94\xd7\xc6\x8e\xa9\x03/\xb6[\xcbE\x07\xa82"8rF\x1eG\xe8j}\xae,o\x80)\xf4\xbc\x9a%7\xab\xa7\xb1T\x90\xcfi\xa1\x15/\x86oV\xfe\xea\xfd\xa4a\xfe\xd3T\x82C0\xf8\x82\xc9R\x0f\xaf5X\xacrj\xf6DP[\xf3TL\x05Hl\xcd\xfd\xbe\xdeimT\x8fM\xd3\x830J\x80\x19\x91\x15s\x03\xa99\x1e9*\x1d\x11\xd7\xa0\xacIB\x0c*r\xaf&gt;\x7f\x89\x1f\xbf7\xf6\xaa\xb7/\x12\x9d\xdf\x82\xcc\x1d\xf9\xe4\xab\xa8\x01\xe59\xdd\xd2\xa0\x0c\xdc#\xe9\x80\x8d\x8d\xb1\x04g\x82\xd1\xe4\x16\xa2\xf9\xebK\xf0\xa2\xdbR\x95\'\x80K\x95IrT\x01\xbf\x0c\xf0W\x19` g\x82\xf0j\x13\x9c\xac#\xf5\xdc"RC\x87\x90\x06AV\xe5\xb4\x11n/\x90\xed\x0f\x18\x17N\xd7\xe5f6y\xb8\xfb\xca\xec\x0bX\x1e~\xa4\xb5\xabb\xf0\xf2\x94K\x89\xc8\xdc\xb2\x03\xa5\x06\x85\xf0\x07Oa\x18\x04\xc3\x16\x82\x9d\xfd\xad\xbf\xff\xa4WO;X\x13\xca\x7f\xba\x8f\xdcF\xfc&lt;\xb2\x83\x1b1\xff\x08\x86\xa0\x15\x18\x8b\xdc\xc2=l\x94\x96\x8c\xa5&lt;\xc5\x02\x9a\r{\xdf&gt;\x8fyhQ\x99N\xca\xa9i\x89\x91\x85UaCU\xf1\xbb\x15\xe0\x9e\x9bT\xca\xe1\xd0\xa2\xdd\xc9\x88\x98\xe1j+0\x13\xda\xca\x14J+ \xa5sA\xc6y\xdb\x054\xee\xe7\x19\x8e|R\xd1Z*\xe8p*\xa6\xd7\xb6Sw\xb8-\xa4\xfb\xdcPs\x81=qW\xfd\x1b\xd8+2V\x16\x9e\xb0\xad\x913\x82\xd7\xaf\xe5\x12f\xa4~\xa3\xd5\x8eN_\xe5\\\xd6\xeb~\x8e\xa3\xfe\x86\x01\xbfn\x02A\x1cN\xe7\x9c\xa7o\\\x88\x0b\x04\xef\xd6?U\xbb\xd6;K\xacr\xf7\xd1\x8eP`_\xd4j\xf8Qz\xb2!\xd6\x85bW\x96\xc3\x85\x11\xca&amp;\x1d\xc5Z\xee\xfa\x8a\x01\xaey\xe9\xb1\x0c\x82\x03``\xea&lt;\xef\x1ct\xd2\xbb\x1eh\xff\xb4\xcc\xf27\x996`\xa0\xe8\xbb\xe6\x90#\x95\x10v\xae\xac\x86; \xd1\x96\xb6\xfeQ\x9dC\xb6\x9f\x98\xfd\x88\xa0\x92\xb9yaRmz\xbf\xf9\xcc\xf1\xf0K7\xc7\xc2\x1c\xa0\x94\x94\x89))\xc6\xcb#s\xd7\x9c\\r\xe2!\xa6\xc1$Gdp\xc3\xf4\t\xce\x01\x98h\x8a]\x86$i\xc9\xbe\x11\x13\x994[MH\xa0wd\xc2\xe3\xf1o\x15l9\xae\xe1\x0b\x12\xb2\xca\x8c\x9f\x92\xc6k\x80(\xc7\x11^\'\x99l\x04f\x91 \xf1R\x95\xafe\xfb\xfe,q\x1ce\x04\xa6\xccl\xe3&amp;z\x9ac\xa6o5\xefs\xae\xe83\x98m\xc6\x10\xc5\x9e\xdff\xdd\xfa\xee\x87\xecaO\xe4\xe8WJJ\xe1\xfe\xab\xb6\xd7\xb3GIZyU[\xc9a\xa1z\x82\xfa\xd6\xa8:\xc1\xde\x00S\x1c\x006\xf3\x1c#\x01\xfc\xd8\x9at\xcb\xfc\xe8\xbc\x92\xe1\xff\x1c\xdeU&lt;\x04}\xea\xd6\xef\xcf\xa8\x99\xba\xb0O\xa4*x\x06'</t>
  </si>
  <si>
    <t>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</t>
  </si>
  <si>
    <t>b'\x7f\xd4vT\x01\xfb\xe7N\xd5\xaf\xd6\xdd\x00\xabm\x84'</t>
  </si>
  <si>
    <t>n assets until the domestic money supply
 has expanded to . At the resulting money market equilibrium (point 2 in the figure), the
 domestic interest rate again equals . Given this domestic interest rate, the foreign
 exchange market equilibrium remains at point , with the equilibrium exchange rate still
 equal to .
 Stabilization Policies with a Fixed Exchange Rate
 Having seen how the central bank uses foreign exchange intervention to fix the exchange
 rate, we can now analyze the effects of various macroeconomic policies. In this section we
 consider three possible policies: monetary policy, fiscal policy, and an abrupt change in the
 exchange rateâ€™s fixed level, .
 The stabilization policies we studied in the last chapter have surprisingly different
 effects when the central bank fixes the exchange rate rather than allows the foreign
 exchange market to determine it. By fixing the exchange rate, the central bank gives up its
 ability to influence the economy through monetary policy. Fiscal policy, however,
 becomes a more potent tool for affecting output and employment.
 As in the last chapter, we use the DD-AA model to describe the economyâ€™s short-run
 equilibrium. You will recall that the DD schedule shows combinations of the exchange rate
 and output for which the output market is in equilibrium, the AA schedule shows combina_x0002_tions of the exchange rate and output for which the asset markets are in equilibrium, and the
 short-run equilibrium of the economy as a whole is at the intersection of DD and AA.
 To apply the model to the case of a permanently fixed exchange rate, we add the
 assumption that the expected future exchange rate equals the rate at which the central bank
 is pegging its currency.
 Monetary Policy
 Figure 18-2 shows the economyâ€™s short-run equilibrium as point 1 when the central bank
 fixes the exchange rate at the level . Output equals at point 1, and, as in the last sec_x0002_tion, the money supply is at the level where a domestic interest rate equal to the foreign
 rate clears the domestic money market. Now suppose that, hoping to increase output,
 the central bank attempts to increase the money supply through a purchase of domestic
 assets.
 Under a floating exchange rate, the increase in the central bankâ€™s domestic assets would
 push the original asset market equilibrium curve rightward to and would there_x0002_fore result in a new equilibrium at point 2 and a currency depreciation. To prevent this
 depreciation and hold the rate at , the central bank sells foreign assets for domestic
 money in the foreign exchange market. The money the bank receives goes out of circula_x0002_tion, and the asset market equilibrium curve shifts back toward its initial position as the
 E0
 AA2 AA1
 (R*)
 Y1 E0
 E0
 E0
 1Å“
 R*
 M2
 3Â¿
 R*
 E0
 Y2 Y1
 CHAPTER 18 Fixed Exchange Rates and Foreign Exchange Intervention 473
 Exchange 
 rate, E
 E0
 Y1 Output, Y
 1
 DD
 E2
 Y2
 2
 AA1
 AA2
 Figure 18-2
 Monetary Expansion Is Ineffective
 under a Fixed Exchange Rate
 Initial equil</t>
  </si>
  <si>
    <t>b'0D\x02 -\xd0\x9bqi\x8b\xdf?\xc1\xf1I\xee\xf4\xb0\x89\x11OB&amp;\xf56\xd0\xb4\x1b?\x14\x83\x97oQ\xb5\x94\x02 /\xc4\\\x9dYo\xda\xa8J\x872\xc3\xcd\xdf2\xd8\xd1\xac\x85\x9c\xd1E7\x88\xf8\xc0\x89\xa2\xd6\x99\x12A'</t>
  </si>
  <si>
    <t>304402202dd09b71698bdf3fc1f149eef4b089114f4226f536d0b41b3f1483976f51b59402202fc45c9d596fdaa84a8732c3cddf32d8d1ac859cd1453788f8c089a2d6991241</t>
  </si>
  <si>
    <t>b'0D\x02 -\xd0\x9bqi\x8b\xdf?\xc1\xf1I\xee'</t>
  </si>
  <si>
    <t>e charge is
  uniform, at any given time, and is zero at t = 0.
  (a) Find the electric field between the plates, as a function of t.
  (b) Find the displacement current through a circle of radius s in the plane mid
 way between the plates. Using this circle as your â€œAmperian loop,â€ and the flat
  surface that spans it, find the magnetic field at a distance s from the axis.
 7.3 Maxwellâ€™s Equations
  337
  I I
  I I
  w
  (a)
  FIGURE7.46
  s
  (b)
  (c) Repeat part (b), but this time use the cylindrical surface in Fig. 7.46(b), which
  is open at the right end and extends to the left through the plate and terminates
  outside the capacitor. Notice that the displacement current through this surface
  is zero, and there are two contributions to Ienc.22
  Problem 7.36 Refer to Prob. 7.16, to which the correct answer was
  E(s,t) = Î¼0I0Ï‰
  2Ï€ sin(Ï‰t)ln a
  s Ë†z.
  (a) Find the displacement current density Jd.
  (b) Integrate it to get the total displacement current,
  Id = Jd Â·da.
  (c) Compare Id and I. (Whatâ€™s their ratio?) If the outer cylinder were, say, 2 mm in
  diameter, how high would the frequency have to be, for Id to be 1% of I?[This
  problem is designed to indicate why Faraday never discovered displacement
  currents, and why it is ordinarily safe to ignore them unless the frequency is
  extremely high.]
  7.3.3 Maxwellâ€™s Equations
  In the last section we put the finishing touches on Maxwellâ€™s equations:
  (i) âˆ‡Â·E = 1
  0
  (ii)
  (iii)
  âˆ‡Â·B =0
  Ï
  âˆ‡Ã—E=âˆ’âˆ‚B
  âˆ‚t
  (Gaussâ€™s law),
  (no name),
  (Faradayâ€™s law),
  (iv) âˆ‡Ã—B=Î¼0J+Î¼0 0
  âˆ‚E
  âˆ‚t
  (AmpÃ¨reâ€™s law with
  Maxwellâ€™s correction).
  (7.40)
  22This problem raises an interesting quasi-philosophical question: If you measure B in the laboratory,
  have you detected the effects of displacement current (as (b) would suggest), or merely confirmed the
  effects of ordinary currents (as (c) implies)? See D. F. Bartlett, Am. J. Phys. 58, 1168 (1990).
 338
  Chapter 7 Electrodynamics
  Together with the force law,
  F =q(E+vÃ—B),
  (7.41)
  they summarize the entire theoretical content of classical electrodynamics23 (save
  for some special properties of matter, which we encountered in Chapters 4 and 6).
  Even the continuity equation,
  âˆ‡Â·J =âˆ’âˆ‚Ï
  âˆ‚t ,
  (7.42)
  which is the mathematical expression of conservation of charge, can be derived
  from Maxwellâ€™s equations by applying the divergence to number (iv).
  I have written Maxwellâ€™s equations in the traditional way, which emphasizes
  that they specify the divergence and curl of E and B. In this form, they reinforce
  the notion that electric fields can be produced either by charges (Ï) or by changing
  magnetic fields (âˆ‚B/âˆ‚t), and magnetic fields can be produced either by currents
  (J) or by changing electric fields (âˆ‚E/âˆ‚t). Actually, this is misleading, because
  âˆ‚B/âˆ‚t and âˆ‚E/âˆ‚t are themselves due to charges and currents. I think it is logically
  preferable to write
  âŽ«
  (i) âˆ‡ Â·E = 1
  0
  (ii) âˆ‡ Â· B = 0, (
  âŽª
  Ï,
  (iii) âˆ‡ Ã— E+ âˆ‚B
  âˆ‚t =0,
  iv) âˆ‡ Ã—Bâˆ’Î¼0 0
  âˆ‚E
  âŽª
  âŽª
  âŽ¬
  âŽª
  âŽª
  âŽª
  âŽ­
  (7.43)
  âˆ‚t =Î¼0J,
  with the fields (E and B) on the left and the sources (Ï and J) on</t>
  </si>
  <si>
    <t>b'\xff\x1au\x1b\x03\xaeZ^&lt;h\x04Ry\x04\xcf\xc7\xeb=\x0b\xbc\xf2g\xa5\xd3aJ\xa0zz\xa0h\x89'</t>
  </si>
  <si>
    <t>ff1a751b03ae5a5e3c6804527904cfc7eb3d0bbcf267a5d3614aa07a7aa06889</t>
  </si>
  <si>
    <t>b'\xff\x1au\x1b\x03\xaeZ^&lt;h\x04Ry\x04\xcf\xc7'</t>
  </si>
  <si>
    <t>encies. An increase in the indexes is a dollar appreciation, a decrease
 a dollar depreciation. For both indexes, the 2005 value is 100.
 Source: International Monetary Fund, International Financial Statistics.
 CHAPTER 19 International Monetary Systems: An Historical Overview 535
 536 PART FOUR International Macroeconomic Policy
 Paul A. Volcker. The dollar began to strengthen in October 1979, when Volcker
 announced a tightening of U.S. monetary policy and the adoption by the Fed of
 more stringent procedures for controlling money supply growth.
 The fall of the shah of Iran in 1979 sparked a second round of oil price increases by
 disrupting oil exports from that country. In 1975 macroeconomic policy makers in the
 industrial countries had responded to the first oil shock with expansionary monetary
 and fiscal policies. They responded very differently to this second oil shock. Over 1979
 and 1980, monetary growth was actually restricted in most major industrial countries in
 an attempt to offset the rise in inflation accompanying the oil price increase. This policy
 approach prevented an upsurge in inflation, but helped cause a worldwide recession.
 November 1980 saw the election of President Ronald Reagan, who had campaigned
 on an anti-inflation platform. In light of the election result and Volckerâ€™s monetary
 slowdown, the dollarâ€™s value soared (see Figure 19-6). U.S. interest rates had also risen
 sharply late in 1979; by 1981, short-term interest rates in the United States were nearly
 double their 1978 levels.
 By pushing up the U.S. interest rate and causing investors to expect a stronger dollar
 in the future, the U.S. action led to an immediate appreciation of the dollar. This appre_x0002_ciation made U.S. goods more expensive relative to foreign goods, thereby reducing
 U.S. output.
 The dollarâ€™s appreciation was not welcomed abroad, however, even though it could,
 in theory, have lent foreign economies some positive stimulus in a period of slow
 growth. The reason was that a stronger dollar hindered foreign countries in their own
 fights against inflation, both by raising the import prices they faced and by encouraging
 higher wage demands from their workers. A stronger dollar had the opposite effect in
 the United States, hastening the decline of inflation there. The tight U.S. monetary
 policy therefore had a beggar-thy-neighbor effect abroad, in that it lowered American
 inflation in part by exporting inflation to foreign economies.
 Foreign central banks responded by intervening in the currency markets to slow the
 dollarâ€™s rise. Through the process of selling dollar reserves and buying their own cur_x0002_rencies, some central banks reduced their monetary growth rates for 1980 and 1981,
 driving interest rates upward. Synchronized monetary contraction in the United States
 and abroad, following fast on the heels of the second oil shock, threw the world econ_x0002_omy into a deep recession, the most severe between the Great Depression of the 1930s
 and the 2007â€“2009 crisis a generation later. In 1982 and 1983, unemployment through_x0002_out the world rose to levels unprecedented in the postâ€“World War II period. While U.S.
 unemployment quickly returned to its pre-recession level, unemployment in Japan and
 especially in Europe remained permanently higher (see Table 19-2). Monetary contrac_x0002_tion and the recession it brought quickly led, however, to a dramatic drop in the infla_x0002_tion rates of industrialized countries.
 The Strong Dollar and the Plaza Accord
 During his election campaign, President Reagan had promised to lower taxes and
 balance the federal budget. He made good on the first of these promises in 1981. At the
 same time, the Reagan administration pushed for an acceleration of defense spending.
 The net result of these and subsequent congressional actions was a ballooning U.S. gov_x0002_ernment budget deficit and a sharp fiscal stimulus to the economy. The U.S. fiscal stance
 encouraged continuing dollar appreciation (see Figure 19-6). By Fe</t>
  </si>
  <si>
    <t>b'0F\x02!\x00\x8a4\xed\xce"\xae\xd2R\xa9|k[z\xe6i\xa9\xbb\xac:\xec\xda\x18\xaf\xa8\xdd\x1b\xd5s\xc8\x842\xdc\x02!\x00\x8a\xc2[\xf1\x17\xb3V3\xfa\xba\xc3\xd8\x10%\x87\xc7\xe9+\xdb\x9f\x1f\xcck!\x88\xd5\xedP\xcfh\xea\xe4'</t>
  </si>
  <si>
    <t>30460221008a34edce22aed252a97c6b5b7ae669a9bbac3aecda18afa8dd1bd573c88432dc0221008ac25bf117b35633fabac3d8102587c7e92bdb9f1fcc6b2188d5ed50cf68eae4</t>
  </si>
  <si>
    <t>b'0F\x02!\x00\x8a4\xed\xce"\xae\xd2R\xa9|k'</t>
  </si>
  <si>
    <t>FOUR International Macroeconomic Policy
 Studies Based on Interest Parity The interest parity condition that was the basis of the
 discussion of exchange rate determination in Chapter 14 has also been used to study whether
 market exchange rates incorporate all available information. Recall that interest parity holds
 when the interest difference between deposits denominated in two different currencies is the
 marketâ€™s forecast of the percentage by which the exchange rate between those currencies
 will change. More formally, if is the date t interest rate on home currency deposits, is
 the interest rate on foreign currency deposits, is the exchange rate (defined as the home
 currency price of foreign currency), and is the exchange rate that market participants
 expect when the deposits paying interest and mature, the interest parity condition is
 (21-1)
 Equation (21-1) implies a simple way to test whether the foreign exchange market is
 doing a good job of using current information to forecast exchange rates. Since the interest
 difference, is the marketâ€™s forecast, a comparison of this predicted exchange rate
 change with the actual exchange rate change that subsequently occurs indicates the
 marketâ€™s skill in forecasting.11
 Rt - Rt
 *
 ,
 Rt - Rt
 * = (Et+1 e - Et)/Et.
 Rt
 * Rt
 Et+1 e
 Et
 Rt
 * Rt
 Dec. 1990
 Dec. 1991
 Dec. 1992
 Dec. 1993
 Dec. 1994
 Dec. 1995
 Dec. 1996
 Dec. 1997
 Dec. 1998
 Dec. 1999
 Dec. 2000
 Dec. 2001
 Dec. 2002
 Dec. 2003
 Dec. 2004
 Dec. 2005
 Dec. 2006
 Dec. 2007
 Dec. 2008
 Dec. 2009
 Dec. 2010
 â€“0.1
 0
 0.1
 0.2
 0.3
 0.4
 0.5
 0.6
 0.7
 0.8
 0.9
 1
 London three-month Eurodollar rate
 less U.S. three-month certificate
 of deposit rate.
 Percent per year
 Figure 21-3
 Comparing Onshore and Offshore Interest Rates for the Dollar
 The diff</t>
  </si>
  <si>
    <t>b"0E\x02!\x00\xb9\x91b?%\xf2X\xb4C\x87\x1b\x9a'\x1a\x0fN\xd3\xddT\x8e4\x86T\xdc\x0c\xb7\x06r|\xa2\xa1c\x02 2;\xa3FiN\xdc\xa7O\xf1\x80Y{\xedo\xd5D\xb5\x1c{\xb9\x10\x8f#\xa0\xb2\x1b\x03\xd82\xd4\xa4"</t>
  </si>
  <si>
    <t>3045022100b991623f25f258b443871b9a271a0f4ed3dd548e348654dc0cb706727ca2a1630220323ba346694edca74ff180597bed6fd544b51c7bb9108f23a0b21b03d832d4a4</t>
  </si>
  <si>
    <t>b'0E\x02!\x00\xb9\x91b?%\xf2X\xb4C\x87\x1b'</t>
  </si>
  <si>
    <t>he straits by which we had entered in the morning. Even the 
 ripples were a danger to our overloaded craft, but the worst of it was that 
 we were swep</t>
  </si>
  <si>
    <t>b'\x02\xb1\xfb\x0b^U[v\xfa\x7f\xdd\xd7\x04d\x18r\x8a\xb3a\x06#\xa1\x00P\xd6\xe0\x93+\xec\xc2\xe3\x13\xbaND\n\xa9\xe1\xfe~O\xb7\xd4\xe1\xe6\n\xa5(.!\xea\xc2\xa8\xec\x1b#\xa3\xa9\xdfT%\xebs\xf3u\xaezZ\x0fv\xabS{)\x02\x19Sj\x1c\xd2\xa8H\x00\xedH/.\x01]\x99\xb0\x8b\xeeQ\x7f\xbb\xed\x08)\x89\x91\x19\x83z\xe7\xc98\xd06\x16F\xc29\x85i\x01\xd0\xc4\x96\x0c\xd6I\xbc\xd7\xe0\x86\xb8}ZW\xbb\x9cQ\'\xcb)\xa9\xde\x83\t.\xf4\x15\n2\xdeaRD\xbeF|0*\xe0\xe8\xfb\'\xcf~\xa37\xfa5\xf7\xe9\x8b\'\r\xb1p\xacY\x92A\x08\xc2t\xbd\x9cQ\xca\xe3\xfd\xba\xc6\xf9\xe3J, \xaf\xb2\x1e\xfa\x03h\xb2UW\xd5\xca|h\x06\xd2lT\xbc/\xee\x9a,&amp;\xa1\xb1\xb0 \x01::\xb8\xdb\xd7\xb6]\xb3&amp;t\x9b,\x07\x1f\x19\xbf\xa8\xf4C\xaa\x86IQ-z+\xa9\xb7\x83b\xb8\x10\xe3\xdf\xae\x00`Q\xf9\xf0\xb7R\xc9\x9du$\xed\x01\xe9\xe1)v\x9c,\xb0{w\xc4\x889\xccZ\x9di\xcd\xa4\x8d\x93&gt;T\x1f\x01Q}\x93\x83Ne\x1c\xa0\xf3\x11KE\x8a\x94\xa0\x055e\xa3\x01\x83\xcf\xb1\x8a\x01\xdf\xb9\x8d\xc9\n\x8e\x8f\xd5x\xb9\x85\x15\x94ud\x9e]\xe8\x05\xf1\xbcG\x00\x96\x01\xf4\tU\x9b\xebjs\xd8j\xd8\xaf\xc3}\xef-\xa5\xb4\xd5\x94\xadD\x1f\xe6"i\xb3\xc9\xc2h\r\x8an\xf2\xfeeS\xc4\x99#\xe0\x9c\xffX52Z\x1dH\xc9\xce*\x9a\x80|\xc5\xbb3\x10G\x8f\xae\nN\xc8\xeb\x19~Aj\x0c\xa5\r\xfb\x1c`b\xa2\xeb\x10\xd2\xc5\x02\x0b\x15\xa0V\xa0}y\xc5\x12\xd8.\x82\x90Jo\x02\xa4\x16\x1f&lt;\xd2\xc3\xa0%j\xa4y0\xd5\x03\xba\x9f&amp;\xb8t #\xce\x96\x17C\xc2\xeb\x00Q\xa9\xec\xdb\xaf\x15\xd4\xdd;\xa8\x1en\xf1\xa0TW\xe0\xe0e\xd3\xe1g~\x01\xe7\\\x17\xe4x\xf1\xf865R\xb1\xaamf,\x0f\xc2\x84\xf2;\x90'</t>
  </si>
  <si>
    <t>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</t>
  </si>
  <si>
    <t>b'\x02\xb1\xfb\x0b^U[v\xfa\x7f\xdd\xd7\x04d\x18r'</t>
  </si>
  <si>
    <t xml:space="preserve"> the Rabbit hastily interrupted. â€œThereâ€™s a great deal
to come before that!â€
â€œCall the first witness,â€ said the King; and the White Rabbit blew three
blasts on the trumpet, and called out, â€œFirst witness!â€
The first witness was the Hatter. He came in with a teacup in one hand
and a piece of bread-and-butter in the other. â€œI beg pardon, your Majesty,â€
he began, â€œfor bringing these in: but I hadnâ€™t quite finished my tea when I
was sent for.â€
â€œYou ought to have finished,â€ said the King. â€œWhen did you begin?â€
The Hatter looked at the March Hare, who had followed him into the
court, arm-in-arm with the Dormouse. â€œFourteenth of March, I think it
was,â€ he said.
â€œFifteenth,â€ said the March Hare.
â€œSixteenth,â€ added the Dormouse.
â€œWrite that down,â€ the King said to the jury, and the jury eagerly wrote
down all three dates on their slates, and then added them up, and reduced
the answer to shillings and pence.
â€œTake off your hat,â€ the King said to the Hatter.
â€œIt isnâ€™t mine,â€ said the Hatter.
â€œStolen!â€ the King exclaimed, turning to the jury, who instantly made a
memorandum of the fact.
â€œI keep them to sell,â€ the Hatter added as an explanation; â€œIâ€™ve none of
my own. Iâ€™m a hatter.â€
Here the Queen put on her spectacles, and began staring at the Hatter,
who turned pale and fidgeted.
â€œGive your evidence,â€ said the King; â€œand donâ€™t be nervous, or Iâ€™ll have
you executed on the spot.â€
This did not seem to encourage the witness at all: he kept shifting from
one foot to the other, looking uneasily at the Queen, and in his confusion
he bit a large piece out of his teacup instead of the bread-and-butter.
Just at this moment Alice felt a very curious sensation, which puzzled
her a good deal until she made out what it was: she was beginning to grow
larger again, and she thought at first she would get up and leave the court;
but on second thoughts she decided to remain where she was as long as
there was room for her.
â€œI wish you wouldnâ€™t squeeze so.â€ said the Dormouse, who was sitting
next to her. â€œI can hardly breathe.â€
â€œI canâ€™t help it,â€ said Alice very meekly: â€œIâ€™m growing.â€
â€œYouâ€™ve no right to grow here,</t>
  </si>
  <si>
    <t>b'\x95\x8c)(*v$\x18\x00\x16\x8d\xb4S\xe0\xe3\x15\xe7:M\xda\xd2/)\xb9\xaf\xf1\xfd\x8d)_&amp;\xb9^\x03V&lt;\xba\xd6\xd5\x87]\xa3e^b\x7f\xa9&lt;\x85\x02\xc0\xff\xd9\xa4\xbe\xfc\xb7K~^\xa3\xff\x8a-F\xb7\xbb\x85=\x8a\xcf_S\xf8\xb7\xa2\xf2\xe7\xcf6e\xf9r\x90\xee\xe3a\xa5\x17\xde\x15\x80!EM=\xca\xe8\xd4\xfekJ\x12uB\xc2\x11\xf6kN\xfbA\xfa\x9b;v\xc6\xe2m+%KI\xb9\x80"\xf7\xabLq\x806s\xbc\x05b\xec\xa1&amp;\xd2{\x163\xa9\xb8\x0f\xedh\x85\xeb\xf7\x01.~;Q\xde\x89`\xcb\xbb\xcf\xa9v#-\x1aD\x9d\x15\x9e\xd4\n|=\x8a\x99\xcfdu\x93\xf1\xb9\x10\x10\xd9*\xc4K\xbc\x15\x04\xb3\xa1] \xeb:\xc3Wk\xdd\xff\xf2t\x9f\x07\xe0=\x95gz\xd8\xf9\'\x14Td\x10\x82\xc6LdqQFL\xd84\x1c\xc4\x7f\xc5\x10\x81\n\xd0\x02\xc9u\xf1\xf3\x1b?\x98x\x94S\xe8\x9e\x8b\xc7_\x06\xc8w\x16\xff\x06\xdaw\x83\xb0\x85\xa5\xe1w\xff\x81\xb5],w\xff\x13dUNXxTv$rA\xc6+\'*\xd1p\xf7\xdc\xf8\xaaH\x14\x83\x0e\x9f\r\xd5c\xa0\x11\xa5{\xcc\xa4\xcd5\xed\xc9B\xb7\xbah\x07\xf9C\x8ch\xcfH:\xc5\xc6\x19#\xd3\x8a\xa9\xf8\xa7D\t\xf3z\x8a"}3k\xb8\x8f\xe851\x1b\x08\xd9\x0bx\xfbo\xd4Y\x0b\x1f\xb9\xf1\x9c\x03?\x0cG\xc9\x0b~\xc8\xd2\x857\xe3\x96T\xc0O\x9d\x8e\x9dQ\x9b&amp;8\x95\xb8\xc1hP\x02\xef\xbc\x8ed\xdd\xbc\x11\xa7\xeae\xb6!\x83E\x19f*\x1bU\x8dp75\xed\x1e\x03.[\xd9\xf7J\x10y\xf1\xe8\xa2D\x9ahs\xcd\x9e\x1b\xeeC.z\xd8\xef\x0f\x021\xcc\xf4\xea\xdc\x86\xb5uK\xc9\x868-\x89}\xc6\n\x8a\xc4t\xca1/\xc7\xef\xdd\xd7\x8e\xe3\x83\xf3\xc8,\xc5)*\xd2\x0e\x8e3s\xd5(\xa2\xc2\xadxEw%\x9a\xbc\xfa\xd3_rM\x97\xf32\xac\xf96\x173O\xe3\x11\xd3\xc1\xee\xffm&amp;2F\xad\x90c%W\xb8pww?\x1d7\x9b\x1fH\xd3y\xccL"g\xee\xb7\xbe2\x0b\xe9m\x9b\xed\x1az\x00\xf2\xc7g\xfe\xa4U?\xcf\x17\xd4\x9d:7\x1aotQ\x8f\xfd\x80\x8d\xb2\x8b\xd2\x08\xc2\xd1v\x94\xd5\xd3l\x8c\x00|\xc3\x1bE!V.O \xc2\x0f\xfauCWm\xf4\xe0\x85\x1e3&amp;~\x0e\xd4\x85eP\xac*\xc1IV\x803\xe6\xe6\xaar\xe7k\x13\xd9\x9a\x1a\xd3\xbf\x1djv&amp;b3\xca\x92nP\xb0l\xb4\x1f\xe1\xee\xfa\xe9\xcc\xa9\\:\xfb\x8e\x19dK1$r\xdb\xe2l\xb6\xd5\xc0\xc8\xdb\xbd\xcc\xbb\xfd4\xc5\xb1\x7fK\xab!Z\xbe\xb1\x994\xbe\x81j\xe8r\x14D\xd4m\x11=\xfe\xff\xb8n\xd9o\xa4x\xf8B\x0fJC-\x16\x0c\x8a\xd5\xf5\xe9J\x04\xe6\x8e\xb3\xb1y\x81w\xcb\xa2z\xa7\x18\xfa\xdc\xc55\xe7a\x93\x99%\xa46\xfa\xb9\x86| \xab@\r\xb3O\x8eR\x8c\xd6%af.\xb1\x00\xefrx\x8bR\xf9\'\x1d8CMa\x9f^Cv55\xb6\xe2\x88)\x8d\xbe\x15i\x9d\x96\x96\xb25Y\xa9\xe8\x86Z\xfd\xe0\x95\x83z\x93\x13f\xbe{\x05\xd4I \x97\x82\xec\x03\xa8\xe6\xfe\xe3bbK\xac\x14b\xd7\xe8\xac\x0c\xbd\xfa\xa8\x7f\x08G\xac\x1b}h\x1d\xa4\xab\xcc\xd3\x8f\x97\x0e\x90t\xb6\xa4\xa1S\xd2\x9a&amp;\x90\xf0\xa2p\x8a\x00\xaf\xba:\x18Y#L\x01\xde\n"D\x04XZ\x16\xc0%~6\xf2v\x90l`lq\xe8\xdb8\xa0\xfd&amp;?\xe8"\x0f\r5\xa25\xf9\xb5\xde\'Mu\xe4{\x18\xe7\xa6\xbf\xd0\x83\xb1Cl\xd2\xa0A\xfb\'h\xc5\x03\x86\x84Z\x87o\x1d\t\xf9i\xc4\xda)\x83Vy&amp;\xca\xb9b0\x91\xb9\xbb\x05\xb5\xa8n\xca\xc4QO\x98\xd3\x88\xf0\x0f\x0b\x90O\x18I\xdaD\xf5\xdb\xe6\xec\xd6c1\x15\x1b+d1,\xc9\x18&amp;BR\xa3\x13\x98\x05e]\xbc=\xc5\x8eJi\x11$\x00\x0b~\xe4\xae\xe4\xa3TU?\x84h\x9e\n\xcf\xe0\x166B\xf6\xef)i\\*L\xe4\xf4t\xa5O\xa8\xd9\x0e\x81\xf0:}\x04\xff\xebf\x9d\xadKY\xcf\xfe\xe41b\xf9\xd6\x08\xea\xb3\x84\x17\x91 \xaf\xe0A\xb3\x19\x9c\xb4)m\x91\x08\xfcnEQK\xe5`\xb2\xe79\xc1\\\rf\x9ft\x1d(\xd4_\x03\xb3\xc4f\t\r\x8af%\xc3\x17\x9eHD#\xa6\xd9\xb6k\xd2\x13\xe2\xa6\xfb\xe4\xd44\xef\xbaN\xf0\xe5\x8b\xd1\xc1h\'G\xb4/\x7fJ\x06\xbd\x19h_n\xb4\x92\x00\xd1\xa6;\x9d\x89\xd1\x7f\x7f\xdf?,\xf7\x86\x86Xc$\xa8\xd0d\xc3\x03a\x83\xa9kT\x9c\xb4";\xe1\x0b+\xc8\xa2\x17\xe8!Sg\xae\xdcl\xe1\xe6\xcf\xee\x06\xe7\xb5\x037\x93\x86\x9e\xfc\x0f\x08s\xfb\xef\x8d\x9a\x10m0\x11\xb8C\\\x17\xdbb\x13\xfb)4\xdc\xf4\xe2\xf2j\xe7\xb0\\\\\xb42\x99\xbe\xa6\xa0\xd0A\xdd\t%nV\xabT\xf8\x8a\x8ex\\\xa3\xd5\xf2\xf5\x03\xbaq95d\x9d\xe8J\xb2\xa0\xf5}\x10\x88\x01\xea\x1cX\xd5\xa3\x0f\x04&gt;\xce\x10q\xbe4\xd8\xbd\xa8\x83\x03\x89|\xdd\x80\xa7,\x13Ol%\x08l3\x8e\x02/\x02\':\xd2\x9b\xe4 (U\xdd\x87\xa2\xfe\xef\xe3\xfc\xf3\xfa\xc0\x1c\xdf_s\xaf4\xf8\x02\xa8\xb8{G\x99m\x8b9\x1b\x98\x8a\xd7pu\xfb\x8f3\tnq\xd6\xda\xa9\xa4S\xf0\xa0\xb5\'UV\x0e\xac\x88\xb9#\xee\xc3\xceu\xb2\x98\xfc4\xa0=\x8d\x9d\x8b\xf2\x8c\xa8\xd2(AXb&amp;\x83\xa8\xc4\x97\xc3\xce;\x8d\xac\tUJ\x19\x07x\x8c\x89\x06\x07W\xfe3\xf6\x17\x03\xbb~\n\xc6/\x16\xd8\x92i\xf7\x99\xab\xf9\xe3\xaa\x1fY\x88\x8d\xb4\xbc\xf4:\xab\xd1\xf9/\xf5\x036X\xad\xbc\x17&lt;a\xb9E\x12&lt;\x05\x0b7@v5\x84\xbb\xa9\xf66\xe0\x0b\xf7(9\xd3\xaf\xe9V\x93y\xf5M\x8f\xc5\xa6Y\x97\x14\xdd\x1dI&lt;\xb3\n\xdd\xdb\xdb\xde\xf3\xcaeKqv\xc1\xf3hy\x87%\xc8\x0b\x90)]+?\xca\x95\xf3\x1a\x1b\x1dw/\x0b{,l\xf2r\x1f\xbf\xa9;\xf1@\xe5&lt;\xb7\xc5\xdfM\x83J\xb0\xed\xa7\r\x93~O\x92\xfa\x12\xf9\xc0\x0e\x87-\xe7A4\xe5$\xa3\xf2J\xb2T\x10|\xbd`\x1a\xa1l\xb1@\xb3\xc0\xfc\xd2P\xab\xae-\x17\x06\x12m\xef\x96\xdd`r\xc5\xc6\xb8\xe9\x97~\x1be\xf686\x9bY\xea\x1f\xa7\xb1\xdb\x10\xcf\x95\n=2\xed:\x85\x8a\x05\xd2\x99\x99\xc8P\x19\x81LK\xac\x8a23\xd5$in\x7f`\x12\xb6\xe3\xa9\x8e\x8bo\xb9\xfc\xb3\x7f?\xa2\xfb\xe4\xef!\xd3t\x00"\x80\x02\x86\xcbx\xf32\xe2\x8c\xef\x82\x8b|\xbb\xb8\xb5j\xcb\xe2r\x7f\xfb`\xe9\x0f\xdeV\\\x10*\xdb\xaf\x0c\xb3t\xa0"\xd0A\t\x08\xfaMQ$\xcb\x1e\x98^\xb3w\x1b\xf7\xaf#[F\xff\xa3\x82\x94:1\x1a\xc7g\x9cz;\xc1\x89\xde\x1f\xe1\xe8\xfa\xdd\xde\xd0&amp;s\x06\xcfI\x0e\xd1E(\xfb\xae\x81\xc0\x1a-\xb2`\x90\xbf\xf1\x0c \xbf\xddo\xed\xce\xa2\xce?u\xfcv\x86\xc8\xc5\xe6\x9d\xc7\n\xedy\xc9sd\xa1\xd1n\x1ed{\xd2G~\xaf\x0b;\x96\xc5t H\x13\xbf\xc5\x16)g~MSF\xb6\x05\xb1\x16F\xdf0\xe0S\xc2b\xa53\r\x9bW~Q`\xaf\xeaKX8\\A\xf7\xe8\xc9q\x8c\x17\x9e\xf4,K\x91\xc5-LO\xf0\n\'\xd4B\x03\xc9\xd7L\xb9x\x85S\xcep\xa9%\xdf\xb6\xd2lR\x15\x00\xbbM\x81\x00HQ\x947K\x02\xc1\xb7\xb9\xbd\xadl\xa1\x11\x97\xb4\t\xffZ\xdb\x9aZ\x17\xb3\xe3j\xd2\xf6\x02O\xee\xfe\xb2s&gt;\xfc\xaa\xdd^/\x91\xab\xe3K(v\xaa\x85\x87\xc5\xa0H\xea\xd8\\\x00(&gt;\xf7\xf7\x8c\x1b\xa5"_\xa5\xe9\x96\x83ne\xbb\xb9\rW\x03\xe09\x0bg\x82\xcf\xd2\x1dd\x89\x85l\x0e\x91$:k\xfd\xfc\xd9\r\x8e\xddDc\x92\xa8Qz\xd4\xf6n\xec\x04l\xc3\xe8\xa5\xc6\xaa\x17\x90\x19\xafi\xfb*\x05\xcd\xd3AF0\xbap|F\xb44\x002\xcf\xc7\xb8HY\x1c\xf2\xb2\xdbd9c\xf0|h\xa3f4\xcfJ\xa8q\xcc\x96a_\x0f\x19\xb8k\xc38\xd0ZUg\xb9\xad\xb3QN\xd6\xb0\x057/h%\xf4_\x89\xe3z\xe5u\xe2\x95\xe0\x94[y/\xc1\xa6\x13\xf6H\x7fqZ[\xe8\xae4\xbd\xd8\xbc\xe2\xc5\x90\xd8\xd1\x93\x86D}R\xeb*\xb8Gx5;\x15&lt;\x95Xg\x144\xb5\xfe\xe0\xd4\t\xda\x98\xca\x1e\x9b\x8b\xe6FQ!\x1d\xd2\x0b*\x0b\xc9\xf8/\xaf\xe2\xdc0\x16\xa24\x9b\xf3\xcaRP\xd23@W\xa9\xad\xf9\xcb%\xf3t\xf4ur\xbd(J\'\xbd\x92\x10\x8b\x9c\xa1d\xa7zt\xb5\xcb\n\x01D\xf4\x19A@.\x8f\x96\xba\x02\x1d\xb3\x15D]\x98\xff=\xba\xde \x0bG\x7fd\x816\x91\x02X\xfa\xb8T\xcf}\xb0n\x05\xe7*\xc7?'</t>
  </si>
  <si>
    <t>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</t>
  </si>
  <si>
    <t>b'\x95\x8c)(*v$\x18\x00\x16\x8d\xb4S\xe0\xe3\x15'</t>
  </si>
  <si>
    <t>a given time to
produce A1
, B1
 leaves.
2024-25
172 BIOLOGY
13.2 DIFFERENTIATION, DEDIFFERENTIATION AND
REDIFFERENTIATION
The cells derived from root apical and shoot-apical meristems and
cambium differentiate and mature to perform specific functions. This act
leading to maturation is termed as differentiation. During differentiation,
cells undergo few to major structural changes both in their cell walls and
protoplasm. For example, to form a tracheary element, the cells would
lose their protoplasm. They also develop a very strong, elastic,
lignocellulosic secondary cell walls, to carry water to long distances even
under extreme tension. Try to correlate the various anatomical features
you encounter in plants to the functions they perform.
Plants show another interesting phenomenon. The living differentiated
cells, that by now have lost the capacity to divide can regain the capacity
of division under certain conditions. This phenomenon is termed as
dedifferentiation. For e</t>
  </si>
  <si>
    <t>b'\x04\x8e\xf8\x84\x9f\xf6\xfd\xab\x88\xf5\xfb\xfe!\x89\xd7\xe5\xd9\xb8\xeaT\xea~\xbb\x95\xccy\xa6+:\xbe=E}b\xceC\x10\x88\\\xdb\xfc\x83\x90\xe2\xd0(,\x00\x16tjoq\xf0_"\xc7\x97$\x88]\xe4I=\tc\xdc&lt;\x92\x90\xa2\t\x92G\xe0(\x0ev\x85\x00\x9d\x88O@\xf2\x1e\xc3\x1a\xa4Az\xc2\xf2Xt\x902\x079\xca&lt;\xdb\x89\xe4\x1ayn\xe9&amp;\xa6\xb5\xe0\x80\xe7\xaa{?3\x85\xa7\x99\xf4G&lt;\xe6Q\xbc5\x1e\x91\x9c\xd1\x0c(\xda\x9btv\x92\x94\x9aF\xaf\xf6Ip;\xfdUp"\xca:T\xdf\xa1::P\xdd`\x162\x0f.\xd5K\x96\x1c\xde\x1e\xf2&lt;\x84\x9e\x8ay\xee\xf7aU\x1f\xcf\x10Z\xa8Y\xce-\xca\xbd\xaa\\\x12\xd0\xc5 f\xf6i\x0c\xef\xdc\xb6\xe6L\xc7\x00\xdb\xac2\x13\xa6\'qI\xa7\xd1O\xa4\x0c\xc5\xd8\xa0\x01R\x8f*\xf5\x04c\x9f\xcc\xbc\x0e\xd2\x81\x8829Qt\xbc\xf9\xb3.\xc6\xb39\x93\x16q\xdf.Pq\x87\xd4eL&gt;*\x12\x13\x0fx\xaa\xa4\x8d\x11\x04\x11\xd1D\xe0\xfa\xe5(\xb3]-\xad\xbc\xb1\xe13\'Qt.&gt;\x9b\x08"\x8a;\x930{\x1e\xa1F\xba\x13Q&lt;h\xe3\xe1\x16!\xed\xfa0\xcc\x9e\x18x\xf8\x8b\xcf\x9e1\xc6v4\xc9\x87l\xb01\xfa\xef\xf6\xe4\x96\xea\xa3\xb9y\x1c\xfb3\x9bP\xa9\x93C\x86p\xcb\x9e`\x1f! \xa08\xb6\xcf\xc6\x8e\x0b/\x89I\xe6\xe9&amp;\x87%\xe55y\xe9K\xfc\x16\xd7\xbf\x97\x17t&amp;\xca\x11\xd8\xf9?3\xe4)\x1c\xdc\xcb\x9ea!\x02\xf0u\x1f\x9e\x8bl\x84`\xdb&gt;\x905\xe5j\xbf.f&gt;\xcb\xfe\x1b\xa10I7&gt;\xc4\x81B\x1e9Dp\xbc3\x9f\x8b[\t\x1c["\x13s\xe8\xae*\xd2\x93\x15\xc2#\xf0(\xa4VA\xd3\xa6n\x9c\xcd\x91p\xaf\xbd\x96\xa6\xf9\x89C\xf5\x8d\xae\x94\xb9n\x1e\x96\x0c\xb4\xb7\xcf\xd9\t\xf0\x82\x13&gt;\xe0\x01\xfc\xa5+e\x8e\xea%\x05A\xa7\x02\xbd\xa3?\xfe\x9brUr\xcd\xc8\'\xceS\x9f\x05g\xc1\xe1h\x9dg\xa5,y\xf5\xa1\xfc\x84\xc5\xb9hN_q\xc0\xf0\x0bG\xaf~\xaf\xe7\xeeoY\xef\xde\xb4\xed\xa75\xa1\x87\x0bF5J\xa7C\x9f\xae\xc5)\xce\x15\x9e4\x97\x82l=\x17iX\x99\xb0#\x1aq\x03\xb6\x99\x12%\x82\xd0\xde\xe6\xbaR\x9fIi\x16\xc2\xe0\x0b\x00\xb4S@\xcc\xbd\xf1\x92\xcc\xef\x7f\xb9&gt;\x80D?.%\xa6\xe8{G\x04\x0c\xeb\x95\xfd\xd9\xc3\xe3\x0c1\x17\x12\x17\xa5T\xa3B\xf6\x11\xd1\xe0\xfd\xb1#n\x0b\xaa\xcd\x18}:eI\xb8\xaeg@q\xc9\xeb\x80F\x19]\xc3\xecx\xe5\xd3\xed}Y\xd0\xd5f\x95\x1exnB\xbc)\xa7\xe9\t\xb5\x0b8\x8e%i$U5\xc7F`\x8a\xdb\x06\xa4\xbc\xc2\xd9\x8bJ"\r\xa5\xe3\xa6\x9e\x88O.E1s\x1d\xced\x12\xbaW/\xd2\xb6\x14\xee!S\xac\xd4\t\xd1\xf2\xb1\xc0\xaaej\x8d\xd8\xcb\xa5XlZ\x83\xd4\x98\xda\xf7Y\xdfp\xbf\xdf@s\x9c\xa3\x89\xdd\xa4t\x03\xf6\xf2\xa7w\xa06\x83!\xe2\xbb\xdb\xa5\xdfR\x0ek\xd6\xbb\xdc\x90_\x05\x05\x11\xe3\xb2\xdf\xf9Xr\x0bn,w\x1b\xad\xcd\xc8\xfd\x026\x88\x03\x9cCW!eJ&lt;\xee\x811Xt\xf5\xf2]\x9c6V\xa5\x8e"\x03\xbf\x9cz\x97\x03\xc1\x8f\xc9F\xa7\xb8~\x04\xce\r\x8eWyQ\xfe\xa5\xeeW\xedV\xc7\xc5\xach\xbe\x02\xbd\xad\x1b\xd1\xce\xad\x05\x00\x98\xca!+\xfa$\xc7\xa5|\x0c\xc7\xe5\x13\x01\x97z\x0b\x1c\xc14\x18\x97\x16\x99b\x96\x97\xf1\x9e\xfa\xa7z\r\t\xb5\x80\xa7\xd3K\x004\x1am+\xa7v.\x17"\x0c\xaeh{\xcf\xb3|\xffIJ3&lt;a\x8a&lt;\xf7t\xf4\xd21o\x12\x9a\x96\xe0\x8e\xc3\xcc\x8d\x19\x15`\x02G\x08\xdb\xccA\xbf\xcc0\xf5\x99y+\x1eh5\xc5-".\x05\x1b\x14\xdc\x92\xa4Jn^\xad\xe9\xb1\xe6\xb4\xb0\''</t>
  </si>
  <si>
    <t>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</t>
  </si>
  <si>
    <t>b'\x04\x8e\xf8\x84\x9f\xf6\xfd\xab\x88\xf5\xfb\xfe!\x89\xd7\xe5'</t>
  </si>
  <si>
    <t>. Aubert reflecting, with placid gratitude, on
 the blessings he possessed; and Madame St. Aubert somewhat disturbed,
 and perplexed, by the loss of her daughter's picture. As they drew near
 the house, they observed an unusual bustle about it; the sound of voices
 was distinctly heard, servants and horses were seen passing between the
 trees, and, at length, the wheels of a carriage rolled along. Having come
 within view of the front of the chateau, a landau, with smoking horses,
 appeared on the little lawn before it. St. Aubert perceiv</t>
  </si>
  <si>
    <t>b'G\xc9\x95}&amp;\xe8O\xae\xe9\x1cKr\rj\xda~\x1fz\xc8\xf0\xc0\x92f\x9d\xb8\xc7q\x80\xb0/\x0cQd_&gt;\xd8O\x04\x85\xfd\t\xeeK_7u\xc4\x02\xc00\x8353\x05\x00Q\xa8\x98\xc2n\xdc\xa9Wf'</t>
  </si>
  <si>
    <t>47c9957d26e84faee91c4b720d6ada7e1f7ac8f0c092669db8c77180b02f0c51645f3ed84f0485fd09ee4b5f3775c402c030833533050051a898c26edca95766</t>
  </si>
  <si>
    <t>b'G\xc9\x95}&amp;\xe8O\xae\xe9\x1cKr\rj\xda~'</t>
  </si>
  <si>
    <t>my 
 four-penny piece, and repeat his orders to look out for "the seafaring 
 man with one leg." 
 How that personage haunted my dreams, I need scarcely tell y</t>
  </si>
  <si>
    <t>b'\x8a\x98i\xb6\xe4Y~\xdeG\xbbW\xbf)_\xf0\xf5\x92i\x83eM\x12\x9fR\x03\xd8n\x11]\xc6;\xa3\xe0Cy\x7f\xef\xf2\xc2\x1c;\xd4\xba\x89?\x7f\xfe9\xe289\x90B\x17\xf9Tr\xc2\xf6\x1a\xde\xcd\x83i\xd3]\x835\xb1\xf7f\xbeG.\xce\x95\xe8x\x04"\x99,\xdf\xb6\x06\x0f&gt;J\x1a\xa2\xe1|\tj\x0b\xaf\x89\xd2\xe0\x88Z\x88\x15x$\x84~\'\xc9*\x9e2\x971\xd2(\x14I\xbb\xae;W\xae\xf3$\x8b\xfb\x86n+\xd5\x08\xe4\x13\xd4#\xfc\xd2\xd1Q\x7f\xc2\xac\x1b\xb5\xa2\xe3\xabF\x92\x80\xe6\xd3\xfb`\x1c9IW\xfb\x12G\xd2H\x97\xae\\A\xa0FQh`\xce,\xd7\x9d\xe1\xab\x9f\x1c(\x01?\xdf\x85\x84\xef\xd2\xc9\x99\x87\xd3\x0fa\xbe\xf2\x16\xc6\xf0&amp;xK\x89\xd6BP`7O\xed\x9f\xb6\x9f\xa6\xde\xf7\xb6\xb0\x18v\xd6\xe0\x07&amp;\xb1\xa2\x83"\xfa\x00!\x9bb\x1b\xa3\xcd^\xc7\xa5\x7f\xf5O\xe8\x82\xc9\xc7{\xdc\xd8}\x86!\x15\xd2\xecu\xd9\xcdL\xf3\xe4\x92\'\x97o,\x1d\xc3l\xfa`\x1b9\x0e\xd2\x8c\xea`\xde\x82p\xd7ii\xb9#\xf5!\x0bQk\xb3L\x03\x19\xd87\xa9z;\x8d^(D\x98&lt;\xc2\x92\xdb\xf6\x7fW\xc2xbO\x9d\x03 |{U=\xfb\xbc_=n\xbb\x9f6\xda\x9a\xe5\x05\xa4\x9a\x1a\x9c\x98-\xb7\n\xfb\x8a\xa51~4vN\xb5L""_\xbe/\xe0.\xebm\xe7\x80j\xfa4\xc1\x04H\xa0\xcf\xc1\x9f\x1f\xff\x89n\x91}1\x9e.\x1d\xa95\xc4\xb8H\x86\xd72\x9b\x84\xcb\xaci\xeeO8\xe2I\xd6\xa6XB\n!y\xa8z\xb2\xe5\xb6\xbf\xc1p\xea\xfc\xd5\xfag\xf6\x99\x1e\xbdo\xe0\xf9D\xc5\x05\xd2\x13;FY\xb8/:7H\t\x1c\xb6\x12\xf8X5=\xaf\xe2\xc8%I\xb1DjK)\x11\xe4\xdb\x90{\x116\xc17\xf5k\xca{\xacv\xdf\x15\xdc\xef\xb9ZG4t\xaa\xd7\x89X\xbcQ\xe1\xdf/I\xf1\xee\x16XR\xc8r\xa0\xf4\xae\x00\xd6\x13\xee\xfaTh'</t>
  </si>
  <si>
    <t>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</t>
  </si>
  <si>
    <t>b'\x8a\x98i\xb6\xe4Y~\xdeG\xbbW\xbf)_\xf0\xf5'</t>
  </si>
  <si>
    <t>and began to nuzzle and
nuzzle into its folds and butt its tight-curled head with soft impatience against
his side. Of course no boy could have helped speaking then.
"What is it doing?" cried Colin. "What does it want?"
"It wants its mother," said Dickon, smiling more and more. "I brought it to
thee a bit hungry because I knowed tha'd like to see it feed."
He knelt down by the sofa and took a feeding-bottle from his pocket.
"Come on, little 'un," he said, turning the small woolly white head with a
gentle brown hand. "This is what tha's after. Tha'll get more out o' this than
tha' will out o' silk velvet coats. There now," and he pushed the rubber tip of
the bottle into the nuzzling mouth and the lamb began to suck it with ravenous
ecstasy.
After that there was no wondering what to say. By the time the lamb fell
asleep questions poured forth and Dickon answered them all. He told them
how he had found the lamb just as the sun was rising three mornings ago. He
had been standing on the moor listening to a skylark and watching him swing
higher and higher into the sky until he was only a speck in the heights of blue.
"I'd almost lost him but for his song an' I was wonderin' how a chap could
hear it when it seemed as if he'd get out o' th' world in a minuteâ€”an' just then
I heard somethin' else far off among th' gorse bushes. It was a weak bleatin' an'
I knowed it was a new lamb as was hungry an' I knowed it wouldn't be hungry
if it hadn't lost its mother somehow, so I set off searchin'. Eh! I did have a look
for it. I went in an' out among th' gorse bushes an' round an' round an' I always
seemed to take th' wrong turnin'. But at last I seed a bit o' white by a rock on
top o' th' moor an' I climbed up an' found th' little 'un half dead wi' cold an'
clemmin'." While he talked, Soot flew solemnly in and out of the open
window and cawed remarks about the scenery while Nut and Shell made
excursions into the big trees outside and ran up and down trunks and explored
branches. Captain curled up near Dickon, who sat on the hearth-rug from
preference.
They looked at the pictures in the gardening books and Dickon knew all
the flowers by their country names and knew exactly which ones were already
growing in the secret garden.
"I couldna' say that there name," he said, pointing to one under which was
written "Aquilegia," "but us calls that a columbine, an' that there one it's a
snapdragon and they both grow wild in hedges, but these is garden ones an'
they're bigger an' grander. There's some big clumps o'</t>
  </si>
  <si>
    <t>b'j\'\xc8\xc2\xa9\xd8\xcc`\x01\xc6\x9cS\xce\xf5\xda\x82\xd6w\x17\x8c&gt;\x9a\xbe\n\x8b\xea\x00\x7f4^\xdd\xb4\x89\x06\x06\xb5\x93 H\x00\xa7\x1a\x89\x0bQ\x16\r\xdc$\xd1\x11\xe0&amp;\xb6VfJ+\xc38q\x82\x8dF\x95\xc8p;*m\x9f\n&gt;\x88\xfe \xeb\xe05kj;\xb3[\'\x93\x1f/\xbd\xa6y\x8cS\x9e8\x9a\xc9\xfbz\xfcU\xb4u\xea\x1c\x82*~\xc3\xf2O-oH\x82\x17=\xba\x9d\xa6\x1220C\xae,\x93A\xdd\xca\xa5\x85\x06\xc5\xadX\xed\'\xb1T\xd6\x9f6\x17\x9b\x86\x90\x7f,%\xae\xcb\x02\xe4\xa8@P\xb25\x18\xac\xb8O3\x88\xf6\xf8\x0bg[.\xf0\xfd\x1c 0ejH~\x8b\xc1\xa6\x00\xd1m\x93\x04\x9d]\xe4\xd0\xd1Z\xe6:\xffv;wW\x8b\x16\x1e\\\xc9\x16\xf6\x06\x1bW\xdez\x9b\xc9\xbb\x93\xd63_6\xf5*\x00dR\x98\xc2]\xd1\x060\xb1\xe8*\xff\xe0\xcd\x0e\x175\x8d\xf3v\xe2\x05\xea\xf9/3|5/\xa8i\x07\xd5\xd1?n\xe2\xeb\xd0\x9e\xdf\n\xc1\x1bW\xe6|\xb7\x1e_\xe5\xa4\xeb,\x18RU\xe2{Y\xbb\xf9\xfc`\xb3\x1b\\7xU\xecZ\xa3\xdd\xee\x94\x15\xe9J\xa3\xc0\xdd\x03R\x92m\xae\xb3W"J\xf1T\xdb\xdd\xc2j9\x18\xd4V:H\x05\xf8\xa4*a\xbc\xbc&lt;\xa7\xfd\n\xb4(\x0f\xe7\x1c4\x9b\x16\xd9`\xa8\xfa\xa6\xfc\xfd&amp;\xea\xe9\xf2\xdcj;\x1a\x12T54\xe3\x01D\xca.\xdf\x11\xbf6\xa5\xe0\x9dUj#\x8b\x9c\xbf\xbc&gt;\x96\x97\xd7\xba\x9aU\x8b\xcb\x11B\xe0$j] z\xb3\x1b\x1c|\x07\x93);.)|\xb5yR./g\xccA\xaa\x18?@M\xca\xde\t\xef\x89`\x84\xe5\xc47\xffZ^\x85^\xa5A\x99?\xadH \xbf\xf9\xb3\x90\x88\xb8\xef6\xab\xe1\x0b\x02d\xf6e\x19\xbcK\x15\x88p&amp;\x8e#\xcf\xcf\x1e\xdb\x19\x10Z\x9a\xc2\xee\xc0\t\x0c\t\xd1\xb4v\x11\xab\x86(\x98\xa9)XE\x13$+Y8\x951\x8d\x040{o\x06\xfa\x0b\xad\xbbO\xbb\x1b\xf3\x88\xed\xa5\xd6\xb9=|N\xbd\xa4\xd7\x81\x9dl\xd2\xba2c\xe5\xa5~%/&lt;S\x17\xcc\xcd&gt;\x1d;&gt;\xd4\x03&gt;\x93\xe9\x8dgX\xd0Z\xb2Y7~G\x9e\xa9to\xb1,\xdb\x8f\xe5S\xe5\xab\xfau\x12\xa34\xd4F\x96\x97X\x07\x8f\x8cH\xc5Mz Z\xf61l\xea3\t\xa6Y\x97U\xb2\xfe\xe8p\xc2/\xd2\xd2\xe2\xcc"$R{\x1a\xaf\xa7\x82k?\xee\x98Q\xe9\xd7\xd5\xcd`v\xaa{\x94\xc6\xea-\xff)\xb8$\x1d\x00\xac\xa1\r\x88 \x9b12"\x14\nU2\x95\x01W)\xf4\n\xf4\xa4\xe0\xb2\xc3\xc6\xa0\xb52\x05\x90\xa8zTS7&gt;\x05\x86\xbaSB\xd4\x08\x9f\x97o \xaaM\x05q\xa4\x85\xf5\xda!\xdf|\xc32\xe3z\xbaO={\xed\xb6\xe8\t\xc2G\n\x16\x8a%q\x7f\x92v\xc7"y\x04\xd0\x058P;2Q\x17\x97\xa8\x86\r\x1b8r`L\xfc\xda\xbd\xf3\xf5\xb5\xd4\xad\xc1,H\xd6^\x85\x99O\xcb\x9d\xee{\x07\x8b\xb1R\xd0\xe4\xabK\x17\xd4\x9f\xf2\xc3u\xb5\x1b \xff!\xfa\xf7\xec\xa8@\x1a7\xa9\xb5\xd7\x87;\xab\xc2\'\xcb\x9d\xaeZW\xaf\xb7\xdc\x12\x1e\xbd\xe6I\xcc\xa7\xb1\xe6\x0c\xde\xb1\xff\xe7|\xef\x18\xf7l\x9a\x96\x90\x83\xb5N\xba\xcc\xbd\x94\x03a\xe6\xf1*\x087K\xc9\xd8d=m\xbfC`\xa7i;Qp\x16\xc7n\x91\xcf\xb5\x82\xf4M\x18.J\xf4\xcf\rdd1\xab\xf1\xf6\x8b\xf5\x07@q\xd1\xb2\xd5\xe6\xae\xb3:\x12\xfc\xde\xb6\x1e:+Rm\xbd\x0cQ\xce\x17\x16$r\x00q\x0b\x89QVot\x9d\x84\x97\xd0V\x9b*\x8c\xab&lt;\x9f\xe6\x8f\xa4t\xa5\xde\x9e\xc0\xe5\x02KaX#x\xfd\x95o\xd2\x03\xff \x8b\x89\xc0\xa0C\xed4\xe5\x04)\xd9\x00M\xe2\xdbZ\x9c\xedd\xc7\x12\xeb\xde\x86\xd2\xca\xf6\xd2L\x06j\xfe\x99r\xf5IaQ\xcb\xd8\x86j\xd5m\xf3\x89\x7fo\x10\x9b\xa8\xb0)\xd2J0\x7f\x8em\x8dy%\xe4}\xf9\x86\x02\xd7\x84\xe2\x82gj\'\xf0\xdb\xa4~NFeF\x91"\x97\xb41a\xd2{n\xae\xac\x04\x13\xa0\xb2\x08}\x1e\xb5\x8aAL\xf6x\x1f\xe1\x98\x0c#\xa9\xfa\x85\xef\xab\x1e\xe5L\xb6\xe0/=\xc4?\x04\xd5^R\xe90)\'\xdcJ\x9d~B\\pzI\xd9\xf8rv\xd7T/\x0eFA\x879\xab\xb4\xa5\xa5b\x84\x10}I\xdd\xf75\x92\n\xec\xe6\xca\xe9=$E{M&gt;n\xe7\x85\xbbZ\x8a\x9a\xf4\x02\x05\x91\xe4~?3M\xe8\xe03/\xfc\x8f\x90\x1f\x93\xe8\xf2\xc4_\x8f\xb2\xfd*,\x17\x06!_$\x90\x80\xa81\n\xb7\xcd\r\x96\xd2\x9fX\x85\x04aFU\x18p\xc5\'(\xe7?Y\\\\]\xc8\xf8&gt;\x85p\x94\x84\xd48\x16\xb8\x04\xdb\x84\xb3\x96{\xfd\x1aR\xa7\x9e\x08\xc5x3g\xeam\x9b\x07kAf0\x9f\xa9La\xae\xb9J\x92\x06\xd5c\xab5d\xed\xc9\x1c\xc1\x08W\r\xb9A\xd1\x91\xa0\xbb\x938\xcc0\x1d/\x8a$4\xb6`y(\xc3\xda\xaa\xf4\xf5V\xd1Ow\xf9D\xa5\xd9\xc60v\xfe1\xaa6|\xc3\xcc\x88\xef\x9a}\xe5\xc9!\xcf\x0c\x1b),R\x15H\xc7\x0c\x1d\x16ND \xc3\x04\xeaP\x1dA0!\xea\xb1e\x92\x82:\x15\xff"\xe9y\r\xaa\xa0@\xfb\xa7\x1c@bp\x04\xf0\xa8\xe8Iu\xd0\xc9h\xdd\x94\xbfj\xb3\xc5\xaep~\xb9\xca\xde\x16u\xbf\xed\xdaF\xa6kU\x9fM\x08\x92\x82\x06\x9do\xd5eS\xfadu|y\x037\xa2w\xcf\xd1:\xc5\xde\xb7\x8e\xeb\xda\xf0+\xefrDC\xf9\x1a+~\xba\x80c3\xcd\x01],\xf8\xb8\x9e\xc9\xc1"\x85`i\xae\xec\x8c\xa0$\x9e;\xf2\x10\xb9\xb2jr0\xa5:\x1f"p\x19e\x0b\xb3\xd2g\x11\xd9k%\xbd\x8c\xf8\x19N[_(\xd7\xdf\xbb\xd2_\x9f\x80?\x8cZ\xc8\xecgC\xc4$\xd8\xaf1\xd7\x01\x87\xaa\x9dTx\xf0\xfbF\x86\xaa\x9do\x8a\xc1~\xf5\xd8\xe4\x92\xed\xfa\x19qi\xc2\xa8\xc4\xd3_\xfa\xbeoF`a\x98wmk\xb5?LQ\x90b\xeb{N6BD\'\xc3s\xe7\xf3\xb6\x0e0\xb1Z\xb4\xf3L\xf3\xf4`\xf0\xf3I\xbd\xf2r\x9e\x02\xf2\xf8\x1c\xf8\xda/\x89&gt;\xb3\xa8Kp\x90\xaf\x80\x8f\xf0,\x82\x88\xb6\xa8\xac\xb9\xd0o/ea\x06Xs\xf3\'E\x19i\xd4\xc7xmn\x06\xa984\xa5g\x90\x9e\x81\xad\xc6\xeb`8Rb\xe4P9\x8a&amp;\xa7\x03\xf6\x0e\xabY\xf8;\rRd\x92h\x9932\xef\xb4\x15\x94D\x0eN\xd1\xb3\xfa\xeb\x8f\xcd\xf9\x04\xde.&amp;\xc7yL\x84\xdb\x08\xab&amp;u\x914IY\xd1\xe4\xe0U\x1ct\x1f\xfc\xd7\xa5!\xe3D\xa3\xb2NO\x8drNn\x92\x8e\xb2\xbb\x98\x00\x11\xb9\xda\x06\n;\xb9~\xd8kG\x85\x8f\x8b\xa5-\xd0\x06\n\x9a\x17&gt;\xe6\x92$\xc6\xba\xd2\x1c\x19?\xd9\xb4Uz\xe1(\x03\xd27\x19D\x0e\x01\xb8V\x04\x12\xed\xe4;\xcd\x1c\x8d4\xe5[\xca\xea\'"\xa0`4\xbaSo\xd7\x99V\x82g}\x86\n\xdf\xd0:Z\x14\x1d\x95^\xb95\xcb!\xaa8\x14\xb1\x16%\xc8\x90\x12l\x876X\xcb5x\x18wh]\xa5&gt;\xceo\x9es\xa7\xad\x02\x95\x8f7\xb5\x00\xc1xm\xd0\x1d\x19#\xbaA&amp;b\xb4\xa91\xdan\x89\xc4\x83Ai1\xc2J\x94\xbe]\x02O\xda\xa6\x1b\xca\xf1e8|(\xbe\xd2\x88\xd8\xc9\xa4\xd5\x844=c]\r\x93~\x95\x1a\xac\x0c`?\xae\xa3\x85\xd7Pq\xd5\xb4B\xa8\x02\xfcP&amp;%\xef\xbb2\xeb\xad\xfdF\x9b~7$s\xcd6\x13y\xbe\xa3\xac\x053\xbaC\t\x95\x04\x8f\xa7\x18q\xe8Q\xda\x15\x8b\xcb\x81\xd2\x19\x94W\x9a\xf4\xf8$_\xbc\x13J&amp;\xcd\x12$\xcd\x0bD\xa3\xf5\x92\xad\xd0n\x83\x85\xca\xb4AW"\xfa\x930G\xa0d\xc6\xda\x00\x93\x93(\xf9t\xc5\x1b\x85&gt;\xfb\xc2\x17s\xfc\xe5\xb3Z\xbai\x18\xf9)P!\x879\xc0=\x17\xc5\xfa\x06\xab\x8f\xce\x82l\x06\xe6\x7f\x01\x8b~\x93G\xac\n\xc1\xe3\xba\xcc\xc9\x1b\xe9p\x87\x1e_;\x16z\xd18\xe7\x0e\x97~\x8f\xd3\x1c\xb7\x12\x86\xce\x11\x87\x8e\x7fW\xd9y[S\xd6{O_|\x10)q\xad\x8b\xe7|\x0f\xce\x04\x97\xcb\x9e1\xe1YC\x1cv7\xaa \x9e\xbf\x81X\xc2\r\xc1\xab\xb0k\x8e\xc5\xba\x007\xea=1\xe9\xcd\xae\xc1\xdb\x04Sm\xb0\x08Z=\xd8\xaa\x02\x0fX\xf7Nor\xc7\xc1\x88J\xd2\x10\xd7\xadrW\xb0\xa32\xd7\x82\xff\x01\x85\x9dFh\xe9\xdc\x0cc\xbd\x93K9e{g\xc3\x8b"\x97\x9f_\'\xb1\xda\xe8\xed\xa3\xb1\x9b\xc7&lt;\x99\x90A\xfb\xfe\xb8\xaa\\\xf1&amp;\xcd"X\x11Ar\x8a\x18\xe5\x8c\xa4\x8b\xdb\xdc\xc8\xd8\r\xf3\xd6\xbcq\xcf\x13=\xd6o\x17\xdd\x14\x92\xbd\x8a\xa9\x11\x9b\xb0\x89\x88\xf3\x8b\xd0\xbbC\x13\x8b\xd5\xb6k\x15\x8d\xec\x1b\x80\xeee\xee \xf7\xd4\xc5\xdb\xf6\xbb\x96\xee:!\xc8!\x1888//\xcf\xcb\xe4`\x8f\x96y\xf6\xf9\xe3\xdb\xb5\xbc2k\xb9SI&lt;\x99H\xb0\xb2\xb9\xc7\xb1\xf90\x03P\xb8\xf3j\\\x9d\xfb\xe8&gt;\xbc\x92&lt;L\xcaqwzO\xc9Uo\xda\x01\xbe\xae\xec\x00\xc4\x8d\xeco\xa7X\'\xc8\x9d|w@\x8c\xd2\x18u\xdc\x88\xb3I\x15\xef\xfe\xc4\xa7\xa9|\xf8{\xfd;\xd3T\xc6w\xd06\xea\xc5\x12V\x03\xe7\x0b\xf8\n=w\xaa?\x1c\xda\x80E\xad\xe6\xb7`=\x91{o\xb8\xbf;\x04}\xf9u5\xf12\xadc,\x18b\x92\xad\xdb\xfaA\xfbV\x1a\xc8\xd5\x81hzF\xb7C%Y\xadST\xb9U\x9f\x0eWg\xdd\x16\xf2:\x94\\\xc2\'@\x00um\x9f\xd7\x0cia\xa9\xc7\x9f3\x16T\xed\'\x9f\x89\x04\xa2@\xa4z\xdf\xc3\xfa,\xadK\xc4\xb8\x1e\xf0^W\x97\xf7o\x0b\xcb\x978h\xfewvS\xaa~i\xce\x14\xaeLq\x83l\xea\x8c\xd8?\xaf\xc0GY\xcb\xee\x04\xfd\xe8g\xff\xd6\xae\xbd\xcd7\xbe\x94Q|\x12,Q\xb4f\xef\x88^\x1f\xb1\xf8\xaf\xba+\x12\xa7\xc7Z* \xb5d"\x8aS01v\xf2\xafC'</t>
  </si>
  <si>
    <t>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</t>
  </si>
  <si>
    <t>b"j'\xc8\xc2\xa9\xd8\xcc`\x01\xc6\x9cS\xce\xf5\xda\x82"</t>
  </si>
  <si>
    <t>s when the
 snowball effect happens; the success and engagement that come with the
 launch of additional products will create repeat buyers and additional
 advertising opportunities.
 The process to release these products is the same as launching products
 one and two. But when you launch products three, four, and five, the
 snowball effect doesnâ€™t just increaseâ€”it accelerates. The engagement with
 your brand begins to take on what feels like a life of its own; your repeat
 customers begin to compound, and the mentions your brand gets across social
 media increase.
 Each product release will get a little easier and a little faster. Some of
 your products may only be singles or doubles, but a few will be home runs. It
 could be that the big takeoff doesnâ€™t happen until youâ€™ve already released a
 few products.
 While you are in The Gold, consider the following:
 1. Only launch products that are multipliers. Additional colors or sizes
 do not count as â€œnew products.â€ Sometimes, they are necessary to include,
 but they will not have the same multiplier effect as a brand-new product.
 Remember that your customer is on a journey, and your job is to make it
 easier for them to overcome the challenges that they will face along that
 journey.
 2. Advertise via influencers and audiences. If you can only spend
 money to advertise in one place, give it to influencers and other peopleâ€™s
 audiences: blogs, groups, social media pages, YouTube channels, and
 podcasts. Only advertise to audiences that are a direct representation of your
 ideal customer.
 3. Make relationships, not transactions. Be intentional to create
 relationships with influencers and channels, instead of just transactions.
 Sometimes, you have to transact to get their attention, but go deeper. Send
 thank-you cards and gifts, and make them look cool on your social media
 channels.
 4. Pay yourself. When you are hovering around the $100,000 per month
 revenue mark, you can start considering taking a salary from the company.
 Pay yourself enough to allow you to work full-time on the business, but
 continue to reinvest the profits back into the business. The business still
 needs the money more than you do.
 5. Take strategic risks. When you have crossed the million-dollar mark,
 you can start to take some risks. Launch new and innovative products.
 Experiment with new forms of advertising. Consider debt as a resource to
 fund your inventory. You have proven that your company has promise; now
 is the time to turn up the heat.
 If you follow this process, and you do it in order, you will see progress.
 No one can promise you that you will hit the million, or that everything will
 always be rosy, but you will absolutely make progress. If nothing else, you
 will have learned the process for creating a product and taking it to the
 marketplace. From there, your customers decide who wins. If all else fails,
 you know exactly what to do when the next idea or the next opportunity falls
 into your lap.
 In my experience, the â€œidea of a lifetimeâ€ comes around every six
 months. With this process in hand, you will be ready when it arrives.
 M
 12
 Step Ten: The Big Payday
 ark Sisson was in his early fifties when he started blogging on
 MarksDailyApple.com. He had experienced his own set of health
 challenges and business setbacks, so he might as well share them wi</t>
  </si>
  <si>
    <t>b'\xbf\xdb\xbf\xee2\xdc\x1f*\xc0;\xf9}\x04\x81b\xc1K@\xfa\xc5\x9a\xe4\xc6\xa1\x8ft:\xdc\x00F\x14\xce\xe1\xca\xd9\xc7\x1d\xdb\xf5~\xb6\x19\xc00\xb8\xa7&amp;\xac\x9dZ\xf7m\x13\x90Y\x91x\xeb\x00\x81s\x0f;7U\x9d\xf7\xc9\xedy\xf8f\xda\xbe\xdb&amp;\xc5\xbaga\xda\xa6\xb5\x1d\xbdBZ\xe8|\x01T3d\xd0\xc53r\xc7\xf1\x04rJ&amp;\xfbR\xf9 \x81+\'\xe4[\xba,\x19bS\x1c\xbfx\xffr_p\xb4Q\x80\x8e\xd9\xb0#\xf0\xc9\xda\x8f\xceoL\x8c\tz:\r\xad\xafR\xef0\xf8.N\x1c` \xaa}\x8aHc\t\xeb\xec\x1c\xa8p\xae\xb4\rk\x03\xe0\xd3|\xcb\xaf\xbe?\xdcw\xab\x85\xbe\x83\x03s\x1cy\xbeC\x1a\x90\xe7$\xae\xab\xce\xfc\xddo|\x99\xc7\x1c\xcfBm\xbc\xc1[\x0f\x06\x01b\xd6\xf7\xd8(\xb2\xcb\x87\xc5v\xe3\x98\xb1\xdd\x8b\x0cof\x95\t\\,\xcb\x8e\n\x9c\xee\x92\x7f\xd9\xb44CG\xa8R\x9f5\xf8{y\xearR6XO\x1f\xf9\xf7+\xac\xe8\x12A\xe4\xd1E\xd0H\xf3\xdbC3\x88\xa6 \x80\x877k\x1f\x9e\x9f&gt;\xf2\xfc\xee\x9ah\xd1\xc0bI~\x94\xf3z\x81t[F\r\xb9\xc9\x0b\xfe\x13\xe8[&amp;\xfc\xd7\xaa\xce&amp;hPV?\xe9-\x0c\xf53G^7K\x00a\xc9\xe1\xed\xa5\x10\x078\xaa\x1b\xc85RIK\x1fw\xd31\x8e\xf3\xaa%\xb9\x90)M9\x12\xcd\x93\xff\xba\xf3\x1b`T`\xbb:\x05.\x95\xb3\x9c\x98\xf1\xae\xf1\x10\xcc\xf5\xd0\xb3\\\xf5\xd0D\x00W\xe4D\xbf\x1eEo\xc8\xc9vQ\x000J\xb8\xf3\xc7\x9e\x9a\xdc\xcct\x11\xe0\x0f\xc6eO\xe1\x8b\\uxh\xd0\xd8\xc7\xf4\x87\xbf\x18\xf5\x17\xe7\x04g\x9dUIk\x9f\x95\x01\xcch\xed}%t7\xd6\xfa\xe9A\xd8\xd5\xba&amp;M\xa3dh\x9f\xdb\xf2UR\xe2\xde\x05]\x0b\x12\xcf\xe7m\'\t5r\x1cO\x82\xd8H\x8d\x9f\xa5\x17\x05\xe4YU\xf1\xd6\n\xc2\xf8\xeer\xc5\xd8z\xe8\x9d\xf6*\xd4c\xb6\x81\x06\xf12PN\xa4\xbb\x90\xcd\xb9\xea\xbd\xb0\x03-5ik\xc83:\xef\x02\x83\xad\xea\x99\x92\x9b\xb9\xdd|\x19\x1b\xcdb{z0g\xa8\xd4t\xea\xc1\xf5\x84(\xb9\xde\xcf\xfe!\x9a\xe9s/\xc5D(\xea\xef\x9a\xe4^4+v\x8a\x97\xa38+0A\x0c.[\xacy\xe3\x8a\xfe\xbd\xb4\xfe4\x83\xb1\xce7\xe3\xe3\xdcJ\xa6]\x0cy\xbe`\x84\xe3\xd7\xd6\xe3\x1b\xa8"\x81^&amp;\xc7\x9di*\x8dJ\xb8\x03~ft%\xd5\xa03\x04#\xb9\x84\xc3O%f\x13\x9c\xdb\xa9\x87N\x8f)\x84\xf8zi\x13\x87\xac\xa05\xc5\xc0\x88lYI\xb4E\x15\xcd\x9d\x0bC\xf8=\x13Z\x0b\x8d\x17c%\x85\xa7\x1d\x81\x18\xb0\xea2+Hm\xfd\x98\x85\x08\xd6\xd8\xbb\x1b\xee\xa0\xfd\xa1&gt;&gt;\xde.\xe1(j_\xfaX\x1a2\x86*2)ZbI\x10\x9e8\xb5\x0e\xcc=\xb2\xa7\xdb rJm\xf7\xe1\x07Bm\xbe\xd1\xc1\xce\xf3\x90\x18\xe7\x8c_\xc7\x97Q\xabAksg\xef\x11k9\xeb\xb6\xd9\xad\xc3\xe0\xf5\xdaS4\xe1\x91\xc9\xbe\xdb3Ww\x08\xa1p,\xbf\t\xe6-\xb6\xdf\xda\x0e0p\xd9\xa75\x8e\xba\x9ev\xe8K\x08 Kv\x86\xff\\\xfbfZ\xe0\xb3\xd8\x03.\x99\xbc&lt;\xfd-\x18\xd4\x07\xd1\x1f\x00\x14\x15&lt;\xae\xec\t3\xc5\x8f\xf9\xb5\x91\xb4\xe7\xb8\x85\xfb+3\r\xd9\xd7\xef\x02na-\xe0\xd7\x85\xb0[{R\x164\x8e$Lz\xdfF\x04+\x1e3\x0e\x022\xb1\xcdP\xb3Um\xa8\xe7c+\xf0Q\xb6T-\x9c\x9f\xe6j\xfe\x18\xe4\xa2A\xaf&lt;\x85;\x81E\x9e\x91\xc0\xa5\x85L\xc9\x08;\ne\xe4.\xb2\xf8\xafl&lt;\x7f\xcb=\x8f\x85&lt;A6\xa7\xfe\xc4\xea\xa5\x16G\xc4\xdbBX\xf8\x05v\x02\r\x17\xce9J\x1d\xe0\x9e@\xc6V\xf8\x0c\x8b\xbb\xb5w\xc0o\xdb&gt;c\x0b\xcec\x8f\xab\xae\xc0/b\xdb\xb4\x97@\xc3\x9f\x8a\x9c\xb4\xaa2\x87dIw\xc8\xfe\x18\xc8\xfc}\xe9\x04uEqd1I7\x800J\x14f\xcf\x98\xca\t\xcc\xe8\xadY u\xc7\x8a\xf4\xea\x9c\x9c\x85\x16\x99\x8e\x83\xa5\xf7i\x8e\xa0\xe6S\x1eE\xd7\xc5\x94\x80a]\x82\xf6\x93u\x19?\xea}\x82\xde\x9f\xad\x1a\xb6T\xe0;&lt;v\xaa\xeb@\x9bW\x07\x1e\x10\xd7\x1b:%,#\xc7\xd8\xc4\x15\x94\xac\xb6d#M\x05\x94\x0cy\x18\x8e\xfc\xf9;\xbeM\xebw\xbf\x9c\xff\x0b3\xd9C\xddvGLsZ\x83\xc9\x10\ng\xf5\xc5\x9e\x9bI\xdc\x1cU\xc2\xd5\x98\x88}\xb3\xb2\x9fo\x02\x0f\xe9s\xf9\xec\xa3\xe9\x1c\xb5bP\xd7w\x16\x80\x0c\xef\xff\xf1\xaa\xe8ks\x9b\xf1Z, {\x86\x13zR\xfd$\xc7&gt;\xfc\\D\xda\xcd\xfd\xdcW\xef\xcb\xf2\n;\xc1\x06\x1br\xf3\x1fmE])\x06\xfb\x1a(\xc0\x1f\x01\xe78\xa6;\xa8\x12\xd4\xd8\x0c\xc7P\x92\x0f\xa2\xc5\xbbw}d\xa5k\xdd\x97\xad^\xb4zb\x05\'\x1b\xb4\xd1\x95pj\x00\xdc\xeb\x94\xc5S\x85\xc4\x02\xa9R\xff,\xdfSl\xd7\xda\xa6\x8d\xc4\xcek\x93\x9b\xe7\xf0\xc7\xa8|\xb850!\xe5\x86\xf1\n\xa7\xf6\x9f\x06\x1c2\xf1n2\xde\xf8S\xad\xf3B\xd7-\x9e\xf8\xd3\xed\x86sv\xbb;x\x96$\x18\x0e+\xcf\xd9\xa6\x9b\xae\xd6\xf3\xb84\xff\x1e\xd0,\xde\xda9\x9c\xd84\xe7\x02^wm\x01\x07\x8etn\xa5C\x95+4\x06\xe6\x11\x0e\xc5T3\xf8\xd1\x89\x00\xc5\xac\x07)\x13d\x07\x0b\xba\x10\x9e&gt;\x15i|\xf9\xd3\x93\xc7,\xcc\x9aT\x8fyn\x87\xe7_[\xa5\xb0`\xfa\xc1\xdd\x004\xf8\xba(AQ\xdc\x9d\x89\xdf(H\xbd&amp;\xd7H\xc8\xd9\xbf\x87RXSn\x03,XKbS\xce\xfc\xde\x8d\xd7U\x7f\x9c\xdf\x01%\xf0\xec&lt;\x1dvF\xd5\xfd\xd2xX\xc6\x80\x0e\x1fg \x02\xa6\xe1\xb7\x15\xb8\x18\xc4\xf6\xcb\xec\xb3\xe2\xab\x92\x06\xc2f+G\x0c\x92\x8bL\xb1i\xdc\x98\xa67\xf0\xa8&gt;%B\xdf1|\xc1!\xec\xd7\xc6\x9f\x18`u\xc6\x0c\xc0K\xf4$\xd3\x98\x9c12\x01\xf8\x02V\x92\xc7\xde~t\x02\xbb\r\xea\x7f\x18e\xbc|\x0ex\x00\x92\xc7\x8dkHc\xc6\x11G\xa2GyO\xf8\x01\xe5\x88\x1aO_\xeej\xf4K\x15|\xe4\x9f~!\xda\xa8t(\x9b\xfd\xb8SH\xd8\xd0\x91igY\x05\xf80[\x0ed\xe2\xe1l\x94\xb6o\xb6\x06\xfe\xea\xdfs(\x84j\xb5r\x99\xf5\xd8\xaa\xb1\xfe\x04\x94(\x7f\xf6\xfc\xd4g\x0f\xcb\x8a \xb4\xc5\xc8\x80\x96R\x15\x03\xc1\xc3j\x14\x87\xadV\x8ck\xd3\xea$\xb13}\xbaUI\x07\xd1\xeb\xed\xa0\xb4{\xfc|\xf8\xc14\xbcX\xb6&lt;\xa5\x95P\xa3\xca\xb9\xc6V\x18\x9c\xf6\x7f\x93F\x16\xff\x14,4\x9b\xee\x8e\x98\xe6\xa2\x81\xb5\xa9Y.\x8a5\xfc\x8e\xfa&amp;.\xa2j\x0f\x8d\xcaD\xf9&lt;\xbeh]S\xc1\xfe\x89\xbc\'\'H\xb6\xcc\xf2\xdc\xf19\x0c\xaf8\x80\xea\x99\xbb&lt;\xb2\xcf=\x0b\xc3K\x95\xe8\xa4\xf7\xaeK\x0ct\x9ch\x95o2WQ\x9a$d\x14\x98.M\xad\x06\x99\xeb(H\x0eU\xe1dJF\'O[\xccp1\xd7\xd2\xeb-u",\xf4\x1a\x9e\rb\x9b\xa8\xa36\x0cVHUt\xe0\xc7\x01\xed\xa1f\xb5\x96q\x18\xd0\x00\xf4Is\xcd\xd4g\x97\xfdz\xf56K[M\x963;\x1b\xbb\x04\xf5\xdf&gt;\x06\xb3\xda3\x87g\xfd\x83BS\xeb@\xae\xda\xc0$MEb\xd6\x12}\xcb\xa8\xc97\xed\xf4~V\xb9\xb4\xa2\xca\x0b\xca\xc9\xb3N\x1a\xc5\xb6\x89A\xc3d\xa0\x87q=^8\x8c.5\xe4\x00\x14\xe7O\x1c\xfd\xe9\xfeH\xad\x80#\xcc\'d\xe3\xf4X\x98\xc3\xfaYU\xc4y!6c \xb0\xca$\x1b\x18\x1c.mE\x9f\xc9\xa4\xdc\xfa\x8de\x1dt\xe10\x03z(3\x83\xad\xed\r\x0b^\xa0\xa2\x9d6wf\'G}YW\xf56j_\x0f\x11\'\xebs\x8dG\x97\xacx\xd7\x95\xea\x8aY\xcf|\xe6\x80\x07W#\xefJ\xe2\xda(e\x08uw\xab\x9fPe\xf6\x16\x97\x98\xce|\x19\x15\xba}\xaa\xd5\x05y\x00:\xb7\xb2\x97\xac\xd3@^\xac\xd8\xa2X\xd2\xcc\x8b\xf7y\xa2Ago\xa1\xa7\xad\xb0F\xaf\xc2\x0c\xe0\x8a\xb9\x02\xf5w9w\xca)\xee\xc8=d\xd7\x7f\xfa\xb0\x8f\x1b\x8d\x0e\xa4&gt;\x18/a\x81\xf4\r\xa1\xea\xb3\xf66O\xd5\x1fF\x8b\xe1\x19]u\xda\xf1&amp;t\x95\xf1\x0bP3\x05\xdf\x8f\xd5\x12nt\xd1%\x15\x02C\x143\xe4\xa0\xc1\'|n]\x88\xf3\x1a\xef\x8cL\xafNu\x8fvM\x1c\xd9\xc0\xa2\xea\xc3#@\x0f\x80\xcb\x12u\xcf`\x8d\xd9\xa85\x19\xa6i\tP\xc9B&amp;\x95\xf3\x93;D\xces\x8b\xd7\r\xaa\xc5\xa0e\xbc\x8eX\x87\xda\x0fQ\xbb\xfc\xf0e\xcfg\xb9\xaey\xf6"[\x13\xe8\xe0\x05x&amp;\x03p\xe1\x98\x04:\x96\xc9\x87x\x19\xa6c(\xf2(d\xc4\xa3\xbb\xda\x9d\xc9\xc2\x05\xc8\xc2\x04\x80\xdd&amp;\xcaf\xee\xc9\x95\xbf\xde\x1c\xacJxa\x81%U\x85\x08\xb9\xe6I|dI=\xc0\'/X\x81\x9b\x0bx\xec\xe7\x85\xf1nsf\x15\xa1\x8e|C?a\x080/EB[\x15EP\x8b\xfbt?\x1d&lt;\xf3\xc7\x18\xdb\x1b1Kg\xd3\x8cv\x16\xbd\xbf\x10\x99\xbc\xe1\xb1\x05c\xefK\x19\x89Xde\xaa\xe2p\xb2\x84\x02\x01\xd0\x98\xe4e\xec\x8cp\xa8#0\x8a\x0fJk\x97\xebSz\x07\xa3p/\xdc\xf9\x930\x83\xf1Pj\xf6\xc74\x8c\xacgT\xfb\xfe)\xe3\xf0F\x1f3\xd7\x12Q=`\xf3|T\x0f\xe7\xb8\xc0{6\xee\x9c\x04\xaa\x81gq\xec\xdc\xc6\x9d9I\xba\x9d\xf4\x9d\x7f\xb8#E\xe4\x90\xacKmY\xf5\xf6[2\x8d^x\xc5g\xa9\xce1\xf9e\x9b\x84\xd7L\n6&gt;\xf0\xe6\x0eX\xc3Z\x04\xe2\x95\x04\xe0\xe9\xba\xd3\x16+\x16\xd8\x83\xfe\x8fS~E\x15jhELo\xfe\x9f\xa9\x85\xd8\xc2\xb4\xcd\x83\x14\x05\r\x9c\xf7\x9b\xf8\x85\x08}\xd5i\xc9N\x8eq\xc7\xd4&amp;\xe5\xf6G4n\xd9\'1\xd9\x06~Q\xb9\xde\x1b0\x03\xd2\xe9zP\xf3l\x95\xbe)\x12h\xce}\xdf\xeav\xc4\x88\x06\x07\xed\x0cx\x1e(\x98\xc2\xd4\xbaD\x9b\xaf\xad\xb5\x95\xed\xf4\xa1|PY\xb2\xb3\xb4\xb2b\xf5\xda\x0c))\x05\x1b\x9f)q\xe3{ub8\xea\xb45C\x05t\x0f.\xd6!\xc4\xb41\x87\xec\x1a;&gt;\xfc\xac\xd1\xe2\x17\x07\x07\xd2Q\'O@\x08\xe3Z\xdd\x88\xb0\xebg\xf8\xbb$adw\x91\xad\x10\xaa\x18\x11v\xd1]\xdd\x91\xb9\x8b\xd9\xc9T\xb8\x92K5\xbc\xc1k\xb4\x8f_\xf2\xda\x16c\xc1\xdfPr\x90 \xcb["|\xb6p\xc1\xdb\xa3\x8aX\xbc\xe1\xe1\x0c\t\x9f\xb5\xeb7\xc0q\x14I\t\xa6\xe0\xa3\x06\x96\x89\x05\x99v!\xf3\xcfiN?\xe1\xb6\x99\x12\xe1E/\xa5pGO\xf8!\xb2\x9b\x8a\x05\x18\xc7{\xac\x08\xac^s+\xe7\x07q\t\x16&gt;\xbf\x01\x0b\xa0o!\x00p\xa0a&lt; d\xc5\xa5)Qvx/\x16\xd6\xe8\xee\x85V\x88z\xf5\'\xaa{\x80\x89\xcf\x8av5s\xc1IL9bSu\x07\xea\xcd\x10\x87ge|a\xfb\xc5\xed)Dn\xe2\x15\xeb\x030\xa1\\\x0b\xf5\x92\'g\x88Y\xc8\xcf\xf8\xcc^=9\xb0\xa9\xbe8\xdd\xb0\xa47\x13\xd7z}\x95Y\x15n?#\x8b=\xc5\x85h\x8a\x13\x8e\xcb\xda\xc3\x85S\xee\x91x\x82/u\xa1\x99W\xb3\xef\xc1\xbc"d\xb5gh\xa7h\x92\x86\xe5!.\x0fg`2\xe4\xc0\xb6x\xfcob\xf6+\xb2\xb0!R \xb4BO\x14-\x96\xe5\x08\x02\xf1-\xcb\xd5\xd3\xa8&lt;@\xfb\xf0\xb0~\xdc=S\xaf\x08\xe8\xbf\x02(\xf6\xad\xc2:\xe6\xd7^\x83`k[\x18\xda{\xf9\xfe\xb0\xd9\xd3\xb1\x13\xbf\x8d\xe5VB+\xa8\xc8\xde2\xbcM\xb9\xe7\x82\xeen\xeaN\xf6\xb9w\x02\xb4B\rK\x9d$\xe6\xf3\xee\x0b\xef\x8d\x9cv\xb1\xee\xc9\xce\xban\xda\x0c\rC\x98\xd2\x1f\xb4\xea\xb7h\xfc"6\x0e(\xcf\xc0.\xd6Z\xb0\x99T1\xd2\xba\xad\xa9\x13\xf9\xec\xa5\x9f\xb3\xcbty\xec\xff\xb3\xd1Y\xbb[\x0f\xd7Tbb8\xee\xc9\xdd\x82\x9e\x95\xa8\xdc.F\xc1\xec\xfa\xf0{[\x92\x11&gt;\xb5@!\xf1\xa7\x84\xea\x00\xf5\x10K\x875\x81d\xc62\x1e)\x1a\x0e\xbf\xb5\xc6R?\x9d\x9f\x92Xy\x19GD\xac\xe7\x18\x8f\xe1\x97l\xf38\x90\x89\x1d\xe5\xd9"\xdc\xef\xec\xb4]\x87\n\xccQ\x89.\x15*v\x05\x13\x8a\x9f\x7f\x14\xf5d\xba\x80\x91\xc7\xcf\x0e\xbc\x08Os\xeaC\x92\xd2;2E\xe1\x8f\x8e;Z\x1c\xdfa\x8d\x8e\n\x91\'\xa5`\xa7\x8c\x12x\xc3\x13\x94\x87\x14j\xd9r\xaa\xa3\xc9N\xeeSm\xbfr\x14\x97\x06\xe8p\xdc\x95[a\x96\x9f\xf6o\x9bC\xa3\xb2\x06\xf9OC\x90\xb2\\-\x04\xebu\xf0AVk\rj\x14R\xb5\xca\xf5\xef\x06\x7f\x8cB\xe3w\x12\xf2\xc8\xfb\xfdf\x15\x03\x19~\xb1%\xe2\x12#h\x17R\x1eO\x08\xac\x7f\x0b\xf3@l\xedL\xb1\x00[\xbb\x98\xecj\xb9\xd9\xe0\xeaUh\x9bB\xee\xea\xcf\xd47\xc4\xe3b\x8f%F\xab\x96\xffj\xbe:\xde\x99p\x9b]&gt;9s\xdeJ\x16o\xb5\xccD\xae\xc7\x1d\x06\xd9\xd2#\xce\x86\xf4\x80\x18\x84\x04\xc4m.\x9b\xe1]\x92\xac\x90\xf6\xb7\x1e4V\xfa\xbd\xa5\x98\xfe\x1c\x99\xf3\x14\xab\xca'</t>
  </si>
  <si>
    <t>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</t>
  </si>
  <si>
    <t>b'\xbf\xdb\xbf\xee2\xdc\x1f*\xc0;\xf9}\x04\x81b\xc1'</t>
  </si>
  <si>
    <t>suppose you might as well be told somethingâ€”to prepare you. You are
going to a queer place."
Mary said nothing at all, and Mrs. Medlock looked rather discomfited by
her apparent indifference, but, after taking a breath, she went on.
"Not but that it's a grand big place in a gloomy way, and Mr. Craven's
proud of it in his wayâ€”and that's gloomy enough, too. The house is six
hundred years old and it's on the edge of the moor, and there's near a hundred
rooms in it, though most of them's shut up and locked. And there's pictures
and fine old furniture and things that's been there for ages, and there's a big
park round it and gardens and trees with branches trailing to the groundâ€”
some of them." She paused and took another breath. "But there's nothing else,"
she ended suddenly.
Mary had begun to listen in spite of herself. It all sounded so unlike India,
and anything new rather attracted her. But she did not intend to look as if she
were interested. That was one of her unhappy, disagreeable ways. So she sat
still.
"Well," said Mrs. Medlock. "What do you think of it?"
"Nothing," she answered. "I know nothing about such places."
That made Mrs. Medlock laugh a short sort of laugh.
"Eh!" she said, "but you are like an old woman. Don't you care?"
"It doesn't matter" said Mary, "whether I care or not."
"You are right enough there," said Mrs. Medlock. "It doesn't. What you're
to be kept at Misselthwaite Manor for I don't know, unless because it's the
easiest way. He's not going to trouble himself about you, that's sure and
certain. He never troubles himself about no one."
She stopped herself as if she had just remembered something in time.
"He's got a crooked back," she said. "That set him wrong. He was a sour
young man and got no good of all his money and big place till he was
married."
Mary's eyes turned toward her in spite of her intention not to seem to care.
She had never thought of the hunchback's being married and she was a trifle
surprised. Mrs. Medlock saw this, and as she was a talkative woman she
continued with more interest. This was one way of passing some of the time,
at any rate.
"She was a sweet, pretty thing and he'd have walked the world over to get
her a blade o' grass she wanted. Nobody thought she'd marry him, but she did,
and people said she married him for his money. But she didn'tâ€”she didn't,"
positively. "When she diedâ€”"
Mary gave a little involuntary jump.
"Oh! did she die!" she exclaimed, quite without meaning to. She had just
remembered a French f</t>
  </si>
  <si>
    <t>b'\x13\x0f\x89\x03\xc5\xd4\xca\xb8\x1c+\x90\xd6\xf4PO\x13\x03g\xfa\x04B\xb3\xf8\xd4\xcc\xdb\xd2Vs,\x1d\xde\x95TL\x10\x04S\r|\x81M\xcf\xaf\xa5\xda\xab\xa7\xf2!\xa5\xe3\x89\xf6\xb4\xc0:QY\x1f\x07\xe5\xb5\x92\x99\x8bw\xdf\x9bJ\xc0h%\xb1\xba\xa0|#\xdd\xf2\x14\xd0\x12V\xc2\xb3(Q`\xef\xf1w\x9c\xa8\xca\xe14\xa0^!\xb0\x90`W\x04\xe5Y\xe9\xf0\xe0\\E\x12k\x01\x10K\x9c^g\x0ca\xbf\xd9\xe0\xd78\x99\xd4\xda\xf4z|\xbfH\xa2\xfd\x8e\xa5\x93\xef\x99\x134\xa9\xe2\xc3\xcd\x9b\x18\x94\x02UMni\x7f\xf4mTXAN\x80o\xc8\xe3B\xd4\xd0\x98\x18\xdbb\x83&lt;6]a\x80\xd0R\xab|\xa3\x16Gy\x12\xc4\xb4\xc5\x11\xa5 [\xb4\xdc\xece\xc8)\xba\x9a\xd0\xd5ZA0\x97a\xc9\xccm\x12i1o\x02\xaf=\x15\x03v\x81\x07\x0b\xc0;\xba\xa0xN\xcb\xef\x08Y\x19ei\rQ\xba~~&lt;G\x08x\xb5\xaa7\xc6WS\xed\xb4\x1c27G#\x93\xd8Ckd\xa7_T\xb9i\x04:-\xc9\xa1\x92\xa5`a\x92\xef\xe3w\xc0\xb3\x10\xc1\xd3\x7fF\xb3p\xeb\x95\xc8\xc6\x01i\x12\xc2\xd8\xf7\x03\xd8T\xdb\xbff\xbe\xe0\xb2\r\xbd\x8e\xb5\xb4\xa3"\x1c\xf0%2?\xd5\xcf\xd8\xfe\xf5\xf1\x8a\xfck{,l\x14\xd4\xf7h\x7f\xff\x83O\xbd]\xee7\x0c\xefi\x02}h#7y\xda\xb7\xf2\xb6YZw\x8b\xfd\x03\x9ag\xe1#T\x8a\x8f8\xc0&lt;\x1b\x8b\xf3:\x95\xd7\xcc?\x03\x13ZO8\x82\xf4\x8b\xe3k\x83\xb8}\xf8\x1c4\x05\x1a?\'\xe8\x9a\xd2\x91!\xaaFZ\xad\xaf\xf1\x01\xec\x9c\x03\xde(v\x9630\xcc\xc1\xbc\x0b|\x8f\x88\x8fo\x0b&lt;\xb5pCm\xbb\xb1@\x00\x14\xd7\xc4\x9a\xf5\x12\xc7_Y*\xc6\x01\x00\xb0\x1b\'\xa1^;\xcd\xdd\xcf\xf5\xde\xfd5\xfc\x19\xedtE6\x9c\xbe\x98\x1d31"\xfb\x12s\x8di\xccYH-\xdd\xbf\xb5@\xb4H\xb3\xd8\xbc\xfan\xe3\xb4q\xa9\x19I\xee(\xcf!-O6d\xa6E\xd6\x18"B\x98\xf6\x9b\xcbH\xa8\xfe#.\x8bG\x94W\xf5\xd1\x8f\xd6\x11h\xf4\xb6\xff\xde b\xe7\xfd\xf0\x1c=\x14~|\xaa\x15\xd0\xc9\xc6t\xed\x89\xae\xb4\x86\xa4:\xd4\x8a\xd1\xce\xd1\xbc\x89\xb4\xde\xbe\xf1@8)\x81\xbe\xcby\x1b\x01\xae\xda\xa9[\t\xf7K\xf0\x9b\xd7\x8e\xad\x1fk\xeb$\x7f\x93\xb2\xe2;!`\xf6gG\x7f^\xf3\xf4\x0b\xd4\x8e\xa5\xdd\x80\x83`\xe0\x03\xa1{&lt;~\x84\xb7\xbd(\xaaS\x8c\xa0\x88:\xe2\xc3\xd2\x93\xea\xf0\xaf%\x8c@\xb5\x04zj\xefG=\x16\xaa\x0c\xd8h2\xff\xe6\xb5\x97\xf4R-\x83L\xa7\xed\xf1Omk\xfa\\\xc7\xbc\x9c\x810[{\xf09\x1d\x93ak\xb8\xaa\xf6\x95~?\n\xf0\x7f\xcf^\xdf\x18Wu\xc4VnM\xc8+9ErO5\x9d\xbb\xab\xad \xa5rm\xc0\xeerh\xa0,\'\xd7P\xe26\xe7\xcf\xb8\xca\x91\xf7\xea\xbd)2\x0b\x99\xe8\xbc\x12q~\r\xf6\xe2\x99\x1d6on\x8ff-\xba\x8fi\x969\x0c\xcb\xbd\x8ej\x06\x92\xab\xba5\x1di$\xfc\xa6%\xe5\r\xd8\xad0,\x02\x97\xc5q\x1d\xfdE\xa0|\xcb9\xa7\x0eP\xdb\xd0\x88\x0c\xc4\xce\xc5\xa6 \x17\xc3\x0e\xf7m\xf2\x9b\xce\xd6\x8e\xef\xd7uv\xde\xdb\xeagd]:\xd9\x84#\x9e\x8b\xc3h\xe5\x7f\xfdiU\x04h\xd6\xe0\xe9\x8d\x19\xf5\xba\xa1\x1e\x11,\xa7\xe9\xaf\xbf\xb73\xde\xa0\x8dh\x01\xaf\xce"\x95\'#Ecy|\xc1d\xd2\xeb?T\xd7\x1b\xfe\xe8\x96\xa8O4u\x8e4+H\xba\xb1J\xfd\x8d\x8bsD\xed\x94\xe3\xa6\xbc\xa4\x14&lt;\xd0\xa2\xbb\x1ch\xe6t \x8e\xd8\x17\xe75\xcd\xabno\xb3\x12&gt;x\x9a\xf3\x85\xae\xb9GV\x18\x16\xfe2\xc5\xe3\xd0\xd5\x17\xae%\x90F|\x0b\x13\xdf\x91U\x01E\nKp\x1b\xad\x9c\x19\xdd\xf0\xfciB\xf3EX\xfeN\x00\xaey\xd5\x02\x81\xfb\xd2/N\xa4\xfa\x98\x94W\xc7W\xb0Ssr\x9f\x8a\xaf0\xdaYC\xe4\xda\xd7\x86C\xb3Qw_\x98y\x02\xd7\x9e\xd32\x1b\xbc\x17rn\xb7\xc66t0\xde\\\xa3\x96m\x06\xdfs\xde\xbc\x16\xe0\xd9\x95\x84\x81\xb3\r\xb6\xa9H\x14\x85Q\xc1\x94)\x03\xbd&amp;U.*B\x08\x83C6z\x84)\xac\xb4\xb1\x04;\n\x1cZ6\x17\x03\xfde\xb1\xdf\x03\xb5jw\xf2}}\x97Jx\x7f\xb3n\xaf6\xce\xd2&lt;\xa3\x18k\x07,t\xaf\xc4^~6\x8d\x9e&lt;\xf8\xec\x9cF\x1f\xb2\xb1@\x9e(\xfbuE\xed\x89%R\x85\x9e\xf2\xcc\xfa\xa1\xf3\x9aF%*\xf7\x12\xa7$|fNak5 \xf9?\rY\'6\xbb,n\xf1\x99\xf8\x16\xa3\xe5\x12\xd9r7G1*\xd7bO\x88\x11\xf2\xaa9\xaf\tq\xa6Y\x96\xda\x8b3\n\x91\x0e\xdbg\xec\x12\xad\x05\xdf\x1a\t][T;\xf9`\x97\xefWY^\x9b\xf6+\x9b\t\xe6\x16F\xf8%\x8d\xa4\xc3\xb1\x8f\xe7\xd4v\x13\xbb\x16\x8d\xc5 N@\x91\xe5\xfe\x178\xe6$s\xb6W\xe0_\xae\xf4\xc0\x1e\x8b\x04\x91\x86=\xdbB\xb2k\xb7\x98\x98\xf2\x8d\xec\xa3B\x9b\xe8\xe9\x87i\x06X\x8d\x19f0v\x19\xac\x9a"\xbfg~\xbb6\xd7\xb3\xd8\xa9c0\x084J\x00K\x92\xc70\xd0\x80\x1fi\xc6a\xfcf\xe94\x01\x81\xf0\xe1\x01GL\xe6\xdc\xb9\xa7-\x86\xf1\xc2\xba\x81\x97\xe1:\xe6\x00\xd4i &gt;\xe7\x91\x9e\x0c\xb9u[\x9dj|\xc8\x8c/\xc6-\x10_D\x03\xc0\xb1\x96\xc7\xf5\xee\x93=\x02\x01\xf8O\x00\xe4pU\xec\x02\xcc%d&gt;\xa2\xef\x10p\x0b&gt;M\xf36\x1d\x19\xec\xc3@\x1f\x13mA\xab\xa2$\x07\x17n\xeab\xb5\xee;O\xe5\x033\x01\xda,\xbe0\x0brk\xa95.M\x91\x97\x90\xeb\x8b\xee\x12g\x16\x86\xfc\xc9S\xf9$\xc0\xaf\x1eH/\xf6\x80)\x02\x9b\x19\x9a$\xa0Ws1%\xc2\xa2\xdc\x03-/h\xc3\xd6\xab\xd4\xd8\xbdGT\x0c\xac\x122\xf9\xb0\xf5\x9d$\x19\x8e\xf0\xd7@\xb5e/\xdaD\xaab\xf5\xc0\x8f\x110\xe7H$T{ \xbb\x12\x9cS+DM\xc6\x04sfd~\x18 a\xba\xba4\x0c\x9f\xf0\xa3i\xe4\xddf\xd8r\x93\x83.\x03\xdf\x03{\xcfU \xd74\xd5\x00\x99b\x1a\x93+q\xb9\xc5\xd9\x87\x14\xcf\rq\x97\xf2c\xc3Y\xe5y\xa1Av.@\xcc(\xc6\xa1\xc0D\x18\x1d^\xb6\xe4\xc4\x8f,.\xce+2\xb1\x81\xec\xec\xa2:\x8a9\x19\x91\x19J(i\xdc3"\xb0l\xde\xbd0l!]\xc5\x07\x88Ug\x8c`/\x94\x81\x08\xee\x85I\xdcFX\xaf\xb1\x82\xad~$\xec\x9e\x15h\xc1c\x93`J\xad\x97\xa7\xa1\xdf+\xbdva:\x04\xc6|\x0b\xa9\x85\xf0\xdb]]\xb9}\x06\xbe1\xd5x\xaa\xd44\xe3m\xd8Ho\xb3\xdd\xc6\xd4\xa1#\xac\xcbO\xfdg\xabV\xde#\xed\xfe\x83\x92\xac\xccr\xb3\xc9i57\x18\x03\x84\xe5 \x17@)\x89\x9b\x9e\xa9sP\x94\xde\xa4\xa0e\xda\x01&lt;\xe0\x11\xe9r[2\xcbZ\x16\xd7%r\xd8\xe1d\xaf\xa0\xcc\x10\x85\x0e\r\xf9\xe5N\xbf\xa4\xaf\xa9\xf8[\x18,\x9dW]\xad\xec\x8a\xa8\x83;\xda\x15Ah\xd1\x03\xb7\x93\t\x15\xfdf\xbe\xb0S\xa6R\\\xf5\xd5wuJ\xd5\xa6\xa8\xd9\xbe\xa6\xb6\xecU\xf0#\x10&lt;\xdd\x90\xbb|\xa8 \x8e\xa5\xea\x8b\xd9\xf4F\x1f\xe9\xcd\xf7\x85\xef\xd1\xd0M\x08W\'\xe26o\x98\xf9^\x86\xc9R\xe1\x13UK\xf7\xa9\xf5\x98\xc1&amp;RefS\x94\']\x10uz\xa5S:M\xa5\xb1\xaf \xde\x81Ky#G]\xf7&lt;\xddS\xb6\xe1\x04\xe5\x8f\xf8\xa7\x1eRS\x14*\xde\x1a\xfc\xb0\xfd\xda\xfb\x80\xa9[\xb83m\x1bJ\x07\n\xe88\xfc\xb9]Y\x1a\xaa\x9a[\x1cfJ\'s\x1aGTr\xa9\\\xa1\xcd\x81\x871\xee\xbc\xfe\x04\xcdd\x93\xaa\xd0~#\x1c\xfa\xbf\x96\xaf\x0f\x11|\xff\xb1\xc5\xf5\xd9\x87\xde]\x10s\xd9\xf6\x8b\xaeJ\x0fqY\xbbNJu\xda\x90\x892R$b\xeb\x1b\n\x1f\x08\xa2\xa4\xc1\xa8\x0b\xa5P\xa1\x9ck*\xcc\x846t\xfe\x87b\xe0d\x9eN\xc0\xb8|\xb2\xa7\xb0b\xcaz&gt;^.w\x1cX#|/\x06\x11\x08\x82\xd7N\xb8\x03\xa8M\x02\xa8.^\xa2\x7f\x85\x9b\x8a\xf8l\xaa\x1f\x8a\xdf\xfc\x9b\xaaycJ\x03J\xfb\xf3\xfa\xb3]\xe5k\x89\x057,:\x92`\xd9o\\\xcc\xb9\xe1\xdbP; w\xd1\x05\x8f\x8a\x8d\xf9\xe6\x1d1\xdf\x8aZ\xfa\x0c\xd3e\xb0U\x7f\xb4e\xbc\x8f\xa2\xdcH\x9dC\xae\x99io\xeePk\xb8G\xca\xbd\xdd\xbe\xbc\xd2\xf5\x84\x05\xc2\x05LD\xa7i\x08\xf2~{\xdb\x08/\rL?\x0e\x95B\xd5\xb9\xb7\xdb\xf5lX/\t|\xc3\x7f\x8f!\xe8\x01!\x1d\x82&lt;\xa8\r)\xe2_P\x8a\x81\x89F\xadf\xb8(i\xed\xa9w\xd7/LU\xf2Oc\x04\xe1\xd5h%\x98&lt;\x8f\xab\xfa\xbe\xad\xa6\x16\xb74\xd7\xcc\xf5\xe5\xff\xfe\t\x04\x90\x19\x0b!\xfd\xb8RY\xbd\x18L\xa2\x11!M;\xd9&lt;.a\x90&amp;:\xbc&gt;I\x83\x86i\xd0A\xcd\xcd\x18d\xef\xf3\xe7\x9d.\x9f1~&gt;m\xa3\\\xd8\x13\x85\xb66O\x04\xec]\x95f\xc9]\xc1\xeb\xdbpT\xb8\xfb\xc0/\x93iE\x0b\xfa\xc0\xcd\x16+\xfet\x94!\xe6\xe9\x81r1\x1a@M\xad\xf5a7\xad\xb5Xq\xb6R\xd0;\xad\x88\x91\xf5\x16c\x9eD\x91\x8c\x8f\x14V\xcae\x16\xbd\x05;G\x96\x18\xc7\'\xbb\x19\xbcT\x89\x7f\x19\xd7i\x8fi=\x83z\tk\xfe\x973{5Yh\xee*"0\xb2\xb9\xf4}\xc3fol:\xeb\xb3\x984D8\x81\x82+\xd7-\xfb\xc6i\x01J-\x94\xaeF\x01\xa4\x9d\xfc\xffU;\x8ec}&gt;K"iGO\xc4\xaeK|U\x05u\'\xec-\xee\x97\xf2k@\x01\xfd\x9f\xf9j\xc5\x05\xd6\xf6f\x8a\xaf\xdbfG\xb5\xbfm\xcf\xb8\x1c[h\x81\x01\xb3]9\x03+\x15\r0\xb1\'(\xab\'\xf1\x19\xab.\x88\xc6\x13\xeb\x9fi\xbb\x033QH\xa2\x03\xb1-\x11\x9d\x0c'</t>
  </si>
  <si>
    <t>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</t>
  </si>
  <si>
    <t>b'\x13\x0f\x89\x03\xc5\xd4\xca\xb8\x1c+\x90\xd6\xf4PO\x13'</t>
  </si>
  <si>
    <t>s. These ruins, art objects, artifacts, potsherd scatters, and even seeds and bones all testify to aspects of the ideology,
beliefs, aspirations, social norms, and lifestyles of the inhabitants of that empire. Some
of these material remains are studied as art objects, while others are considered
archaeological, but they present the fullest picture of Roman life when taken together.
Given the immensity of this body of information, I do not present a chronological
survey, but rather a consideration of the chief genres of artistic monument and the
leading avenues of archaeological research, grouped thematically instead of by
method of investigation. Art cannot be understood independently of the society
that produced it, and we find the power relationships, agendas, and anxieties of the
Roman world embedded in its art. From this</t>
  </si>
  <si>
    <t>b'\xb7O\xf0\xa7c\xcd\x14q\xf2\xaa\x0c\x0b\x14\xbc_.\x9eV4\xd3\x02C\x02\x186\xdd\xb9\xacR\xa0\xecs\x95\x1a\x11\x9bsKO\xa1q\x9fx\xdcL\x03\x02\xad%\xd5\xe1\xb1\xa6\'7N[\xea\xf1\xd7\x95\xdd\x1b\x12\x1e\x02\n\xa2\x8f5%\x89\x18\x89\xa3\xe2\x98a\xd7\x02\xa5\x0f\xf3\x81h\xa46\x88p~\xffs1\x80\xc0j\xd7\x82\x87\xa2y\x8b\xe1\x04\x86\xf3A"\x01Pq\xaa_\xf57\xce#G\xb2\xf4SJ\x8cH\xfc8\xc8E\x81\xc4\x99\xfe\xeb!\x8bX8\x08\xf1\xc7fQ\xdd\xd8sy\xef\x0b\xb1\xff\xcd\xe4C(\xf9"a\xdbQ\n\xc8Q\xb1\x8f\xe4R\xbe\x88\xa9\x1a\xf1\x98\x82$\xa0\xc5l\xd2`\x87\x1f\xd6H{wvL2\xdap\'cr\x15\x02\xec\x93\xed\xb1\x0e\x04\r\xb0\xa7"\x97\x08\xaf|\xf8\xf7a\xb7\xf3Q/\xbb\t^\xf8\xcb\xb3\x881D6\x1e\x86w$w\xaeX\xdf\x88\xf4\x80\x03\x8b\t\r\xf0&amp;5\xdf\xd1\x7f\xe9\xafRh+\'\x0b\xe5%\xea\x95\x99\xe6\xce\xeeS\x9c\xd4\x97\xb7\x05Q\xb7\x81\x95z\xd3\x1fV!\xea\xe2T\x898UCV\xdf\x15.\xd1U\xb8V.\xefe\x85D-@6a\xdd\xa8\xb5\x83\xa8\x13\xfe\x81\xb7k\xe7^\xbf\xf9\x95\xd4\x1c\x0f\xc0\x1b\x82\x8d\xad c\xaex9\xff-\xa2]\xd3$\x19\xd1\x83\xfc\xb0\xfdK\x07\xf3\xb4\xf7\x93`\xfc\xd8\xb8\x99a.J\xce\x9cw\xb0[/\x03\x89\xcewMs(:c\x19&lt;\xb5g \x13M\x1e\r\x9bA\xb7\xe3\x84L\x9d\xd3\xeb\x18t\x18\xcf\x130\xbbAg\xe85\x0b\xb8q\xdc\xd2\xdcB.1/\x87\xa5\x0f\x87\x05\x12\x9b\xa2\xcf\xd2,}\x1e\x92\x9f\xb3\xa0\xfb\x8c\xf1n\xe3\xb7\x0b\xed\x9c\xac\xbc\xc2\xcd\x14;\x195\xe0\xd8\x9c+.v\xb5Z,\xbe\xde\xcc\x1d\xde\xbb\x06\xcf\xbax\x02\x1cz\xcd\xd3l\x03\xf2\xbay\\\xdf\x1b\xe7\x1d\xc8\x98\x7f\xfb\x99rtjA5[\xea\x1cf&gt;\xc8\x0cxc\x81)?\xe4\xce\xef\xe4\xb3\xf0&lt;\xa0!|\x84a\xbc\xe1\xe6\xd9\x18\xe9\xe7\xa4\x87\x87\xd4I\x07X\x9b|6\xee\xc5\xd5\xc2\xf5:\r\xd0\xfa\xc6mB7\x8c%\xd5\x93\xce\xe5\xc39\xb4\xa3\x8a\xd58+K\x19\x84\xd2"\xc2\xef\xd3(\x8d\xabv1O\x1f8A\x93\x84!m\x92\xf3\x9f\x8f\x16-\x9b\x88IC\xe0\xa5f\xb3\x8d\xd6u)\xdc\nU#I\x16i\x04\x06~\x99\x0bJ\xf8[C\xd7\xaf9uS\xb8P\xa2W\x03U\xf9"\x82\xfa\xbc|\xff)\xac7\x88\xc3;\xe2\xa9\xb4K7\xd7&amp;\xb4\x198\x9bg\x13\xe8\xc2\x8d\xf6\n]\xe0\xa7-R\xe7\xf1\xc6\xa6\x96\xdc6\x859\xd0\x97\x0b\xaa5\xd29\x8d\xd1\xc6\x8f\xef\x92\x1b\x18\x10?\xb6\xf9N\x0f6\xdcU\x0c2\xd9\x0f\x93\xe3\xd5\x91\xa6\xe8b\x8fV|f|*a\xab*\xdf\x83#\xf2pN \n)\xfa\x86$\x91"7n%% f,8G\xd0\xb9y\x04:;b\x9d)=\xca\x9f\xd3x\xb5\xd5\xden\xeb\xaf\x9b\'P\x14\'\xff\xf1x\xf1\x91\x1a\x9d\xb7_\xa7\x99B\xc8`X\xfcC\xe5\x051\x02Bu\xf4\xe812=\xbe[\xec\x8e?\x1dI\x81a\x14\x96\xe7O\xf4\x10k\x80o\x90&lt;\xae\x80\tM\\j\xa0-~\x1cu\x92\xcc\xeb`\xa89\xfb\xbc\xf4y46\xd8\x94\x10\x0e\x04\x8e\x9e\x14\xa1\xe5&gt;\xedb\xed\x16\xe7\xb63\xb1\xde\xcee\xd4\x16\xf4O\x19K\xd5\x0b\xd0\x99\x88\xedz'</t>
  </si>
  <si>
    <t>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</t>
  </si>
  <si>
    <t>b'\xb7O\xf0\xa7c\xcd\x14q\xf2\xaa\x0c\x0b\x14\xbc_.'</t>
  </si>
  <si>
    <t>e you tired of your good Black Auster?"
 "Oh, no, not at all," she replied, "but I am amiable enough to let you ride him for once,
 and I will try your charming Lizzie. You must confess that in size and appearance she is
 far more like a lady's horse than my own favorite."
 "Do let me advise you not to mount her," he said; "she is a charming creature, but she is
 too nervous for a lady. I assure you, she is not perfectly safe; let me beg you to have the
 saddles changed."
 "My dear cousin," said Lady Anne, laughing, "pray do not trouble your good careful head
 about me. I have been a horsewoman ever since I was a baby, and I have followed the
 hounds a great many times, though I know you do not approve of ladies hunting; but
 still that is the fact, and I intend to try this Lizzie that you gentlemen are all so fond of;
 so please help me to mount, like a good friend as you are."
 There was no more to be said; he placed her carefully on the saddle, looked to the bit
 and curb, gave the reins gently into her hand, and then mounted me. Just as we were
 moving off a footman came out with a slip of paper and message from the Lady Harriet.
 "Would they ask this question for her at Dr. Ashley's, and bring the answer?"
 The village was about a mile off, and the doctor's house was the last in it. We went along
 gayly enough till we came to his gate. There was a short drive up to the house between
 tall evergreens.
 Blantyre alighted at the gate, and was going to open it for Lady Anne, but she said, "I will
 wait for you here, and you can hang Auster's rein on the gate."
 He looked at her doubtfully. "I will not be five minutes," he said.
 "Oh, do not hurry yourself; Lizzie and I shall not run away from you."
 54
 He hung my rein on one of the iron spikes, and was soon hidden among the trees. Lizzie
 was standing quietly by the side of the road a few paces off, with her back to me. My
 young mistress was sitting easily with a loose rein, humming a little song. I listened to
 my rider's footsteps until they reached the house, and heard him knock at the door.
 There was a meadow on the opposite side of the road, the gate of which stood open; just
 then some cart horses and several young colts came trotting out in a very disorderly
 manner, while a boy behind was cracking a great whip. The colts were wild and
 frolicsome, and one of them bolted across the road and blundered up against Lizzie's
 hind legs, and whether it was the stupid colt, or the loud cracking of the whip, or both
 together, I cannot say, but she gave a violent kick, and dashed off into a headlong gallop.
 It was so sudden that Lady Anne was nearly unseated, but she soon recovered herself. I
 gave a loud, shrill neigh for help; again and again I neighed, pawing the ground
 impatiently, and tossing my head to get the rein loose. I had not long to wait. Blantyre
 came running to the gate; he looked anxiously about, and just caught sight of the flying
 figure, now far away on the road. In an instant he sprang to the saddle. I needed no
 whip, no spur, for I was as eager as my rider; he saw it, and giving me a free rein, and
 leaning a little forward, we dashed after them.
 For about a mile and a half the road ran straight, and then bent to the right, after which
 it divided into two roads. Long before we came to the bend she was out of sight. Which
 way had she turned? A woman was standing at her garden gate, shading her eyes with
 her hand, and looking eagerly up the road. Scarcely drawing the rein, Blantyre shouted,
 "Which way</t>
  </si>
  <si>
    <t>b'\xd6\xfd\x05D4\xec\x8ca'</t>
  </si>
  <si>
    <t>d6fd054434ec8c61</t>
  </si>
  <si>
    <t>the United States to Canada equal in value to the profits
 the plant yields for its American owner. To be consistent, we must be sure to include these
 profits in American GNP and not in Canadian GNP. Remember, the definition of GNP
 refers to goods and services generated by a countryâ€™s factors of production, but it does not
 specify that those factors must work within the borders of the country that owns them.
 Before calculating the current account, we must include one additional type of inter_x0002_national transaction that we have largely ignored until now. In discussing the relationship
 between GNP and national income, we defined unilateral transfers between countries as
 international gifts, that is, payments that do not correspond to the purchase of any good,
 service, or asset. Net unilateral transfers are considered part of the current account as
 well as a part of national income, and the identity holds exactly if
 Y is interpreted as GNP plus net transfers. In 2009, the U.S. balance of unilateral transfers
 was .
 The table shows a 2009 current account balance of $2,159.0 billion 
 , a deficit. The negative sign means that cur_x0002_rent payments to foreigners exceeded current receipts and that U.S. residents used
 more output than they produced. Since these current account transactions were paid for
 in some way, we know that this $378.4 billion net debit entry must be offset by a net
 $378.4 billion credit elsewhere in the balance of payments.
 The Capital Account
 The capital account entry in Table 13-2 shows that in 2009, the United States paid out net
 capital asset transfers of roughly $0.1 billion. These payments by the United States are a net
 balance of payments debit. After we add them to the payments deficit implied by the cur_x0002_rent account, we find that the United Statesâ€™ need to cover its excess payments to foreigners
 is raised very slightly, from $378.4 billion to $378.5 billion. Because an excess of national
 spending over income must be covered by net borrowing from foreigners, this negative cur_x0002_rent plus capital account balance must be matched by an equal negative balance of net
 financial flows, representing the net liabilities the United States incurred to foreigners in
 2009 in order to fund its deficit.
 The Financial Account
 While the current account is the difference between sales of goods and services to foreigners
 and purchases of goods and services from them, the financial account measures the differ_x0002_ence between acquisitions of assets from foreigners and the buildup of liabilities to them.
 When the United States borrows $1 from foreigners, it is selling them an assetâ€”a promise
 that they will be repaid $1, with interest, in the future. Likewise, when the United States
 lends abroad, it acquires an asset: the right to claim future repayment from foreigners.
 billion - $124.9 billion = - $378.4 billion
 - $2,412.5
 - $124.9 billion
 Y = C + I + G + CA
 CHAPTER 13 National Income Accounting and the Balance of Payments 311
 To cover its 2009 current plus capital account deficit of $378.5 billion, the United
 States needed to borrow from foreigners (or otherwise sell assets to them) in the net
 amount of $378.5 billion. We can look again at Table 13-2 to see exactly how this net sale
 of assets to foreigners came about.
 The table records separately U.S. acquisitions of foreign financial assets (which are
 balance of payments debits, because the United States must pay foreigners for those
 assets) and increases in foreign claims on residents of the United States (which are balance
 of payments credits, because the United States receives payments when it sells assets
 overseas).
 These data on increases in U.S. asset holdings abroad and foreign holdings of U.S.
 assets do not include holdings of fi</t>
  </si>
  <si>
    <t>b"0E\x02 y\xc3\x97\xef\x10\xa0!3\xf4\xeff\x8f\xab\xac0\x0c\xc8+\xc3&gt;\xbd\xf3\xb7\x94d\xf8\xc9\x01\xea\xc3w\x98\x02!\x00\xf5\xb7FE\xe4\xd2\xe8\xb7\xfe\xbf\x17\xba\xdb\x8ad\xcc?-\x83\x00'\x80\xaf\xb1\xfe\xb4\xe9\xf6\xf7\xd4r\x8a"</t>
  </si>
  <si>
    <t>3045022079c397ef10a02133f4ef668fabac300cc82bc33ebdf3b79464f8c901eac37798022100f5b74645e4d2e8b7febf17badb8a64cc3f2d83002780afb1feb4e9f6f7d4728a</t>
  </si>
  <si>
    <t>b'0E\x02 y\xc3\x97\xef\x10\xa0!3\xf4\xeff\x8f'</t>
  </si>
  <si>
    <t>ical.
 Solution As illustrated in Fig. 9.4, we replace Q2 and RE with their equivalent resistance from
 Eq. (9.1):
 RoutA = [1 + gm2(RE||rÏ€2)]rO2 + RE||rÏ€2. (9.15)
 It follows from Eq. (9.7) that
 Rout â‰ˆ gm1rO1(RoutA||rÏ€1). (9.16)
 We wish this value to be twice that given by Eq. (9.7):
 RoutA||rÏ€1 = 2(rO2||rÏ€1). (9.17)
 Vb
 R
 Q1
 V
 R
 Q1
 V Q2
 b1
 b2
 out
 out
 RE
 R outA
 RoutA
 Figure 9.4
 9.1 Cascode Stage 399
 That is,
 RoutA = 2rO2rÏ€1
 rÏ€1 âˆ’ rO2
 . (9.18)
 In practice, rÏ€1 is typically less than rO2, and no positive value of RoutA exists! In other
 words, it is impossible to double the output impedance of the cascode by emitter
 degeneration.
 Exercise Is there a solution if the output impedance must increase by a factor of 1.5?
 What does the above result mean? Comparing the output resistances obtained
 in Examples 9.1 and 9.2, we recognize that even identical transistors yield an Rout
 (= 328.9 k_x0004_) that is not far from the upper bound (= 500 k_x0004_). More specifically,
 the ratio of (9.7) and (9.12) is equal to rO2/(rO2 + rÏ€1), a value greater than 0.5 if
 rO2 &gt; rÏ€1.
 For completeness, Fig. 9.5 shows a pnp cascode, whereQ1 serves as the cascode device
 and Q2 as the degeneration device. The output impedance is given by Eq. (9.5).
 Vb1 Q1
 Vb2 Q
 VCC
 R out
 2
 Figure 9.5 PNP cascode current source.
 While we have arrived at the cascode as an extreme case of emitter degenera_x0002_tion, it is also possible to view the evolutio</t>
  </si>
  <si>
    <t>b'[{\xa5\xb6\xef\xa4v2S\xc7L\xa7b|\xb8\xcd'</t>
  </si>
  <si>
    <t>5b7ba5b6efa4763253c74ca7627cb8cd</t>
  </si>
  <si>
    <t>e wilderness
hiker tools to enhance their experience. Users should be aware of how the device functions as well as
its limitations. Devices should be used along with â€” not instead of â€” skill, experience and selfreliance.
34
After Wilderness Hiking Course, What Comes Next?
Take more hikes
ï‚· The resource page will give you an idea of other hikes in the area, and websites and books that
will give you unlimited options.
ï‚· The more you apply hiking skills and knowledge, the more competent you will become outdoors.
ï‚· Whether itâ€™s with your troop or your family, carve out time to enjoy outings in all seasons.
ï‚· Getting out to explore and build your skills is the best progression to backpacking.
Basic Backpacking
Sign up for Girl Scouts San Diegoâ€™s many backpacking trainings and training trips. The Basic
Backpacking Course is open to girls in grade 7 and up, and adults. Upon completion, you will be
eligible to sign up for Girl Scouts San Diegoâ€™s advanced trips, train your own girls to backpack and help
our council trainers teach Wilderness Hiking and Basic Backpacking classes/trips.
Advanced Backpacking
Upon completion of Basic Backpacking, girls in grade 8 and up and adults are eligible to go on our
Advanced Backpacking trips.
ï‚· These trips are rated numerically, so you can choose the trip that is best suited to your abilities.
ï‚· Trips are led by qualified, council-approved trip leaders with the appropriate Wilderness First Aid
training and backcountry experience.
ï‚· Check the Girl</t>
  </si>
  <si>
    <t>b'\x17\xe8\xea\xc4\xd1\x91\xec\x9aFv\xa8\xc9\x04!\x86\xe7\xc1\x95\xdfg?\x90*\xd4\xd8/\xee\x19\xbc\xd9\x0b\x13\x95H\\\x009\x90Y\x80\xd2+\xd2\x90tI\xce\x01v^\xb1\x85\x82r\xf9\xda\x1f\xdewmf\xae\xac\x91\xd0\xb8(F\x90\xe3\xb4\xfc&gt;\xec\t\'\xfa4\xdb\xf8\xff\x07\x1b\x97\xdfq{\xfes\tV\x9e\xc0\xfd3W\xcd\xa4v\x01\xdc\xac\x86P\xeeV\x83\x9a\x7fk\xfe\x8fI&gt;\xad\xd1\x0b\x83\x15l#\n\xb852\xfbr:J\xaa\xd4\x9c\xeb+y\x85Y\x06\xc5\xbc\xb1s!\x14\xc6\x05Wh\x0b\xea\xa5nP\xee\x0e\xe5\x01()\xd2\r\xdf\xa3h\xba\xb92\x8dYpc\xa9\xec\xb6H\x87\xa8v\x1f\xd0\xd1\xe0\xc7Ff\xc6:\x86m\xe6\xf0\xe9N\xff\x89G\xf4\xa6\xf3-\xc3!9\xc52.\\\xa1\xd5\x98\xb4\x16\xd1l\xf7\xaa\xe3i\x89\xb6\xdb\x10\x8c\xe2\xef\x17i\xf9\xab\xce\xa4\x9c*\xc7\xc4x\xc2SD\xdcD\x00s\xec\xb6\x01\x97p\xb2\x11n\xdbg\x0f\xbc=J\xea\xe8\x9ab\x1fq\x1dS&amp;\x1fsr\xb4\x85\x04\xf5\xd4\xec\xac\x15\xb0\xbc\x10\xd4\x98qm\xb27Y\xe3\xe0\xd8\xc32\xb2b\xb4\x15S\xbc\xe2\x01\xd3\xfb\xf3h}H\xd0\xd1j\x9d#-&gt;EK\xa3G\x90\xb2,B`\xa0^\x85\xdd"\x1c\xbbQ\xbd\x10\x1e\xbf\xf3\xf8\\\x837,\x99\x97sb\x07\x0c\xe3c\x1eW\xed\x8e\x9b\xec\x83\x8b9uH9-o\xe8T\xda\xe7\xd6\xab\xa2\x86\xcbw\xd0\xf3/\xf8s\xa4]f\x11\xba\xaecYi\xc7\x9a\xc8j\xf0\xaa\t\xf2\xf7\x15\xc7\xb1\xf5/\x8ao\x92J\xcf\x8e\x94\nn\xe9e(\xd9\\\x91\x98\x88\x82\xf6\xe6\x1f\x87R\x8d\x91\xaf\x02}\xb1\xac\xc1\xe5\x07\x14\\\xe2ib\xcd\xcd\xefP\x94\x9f\xa7,\x8a\xf6\x1cbl\x88\x0fv\x92\xf2\xfaRm2i\xbd\x13\x07i\x99\x10\xeb]\x7fPa\xf5\x18\xa00y\'\x03vq\xf0u&gt;t\t%?Y%m\xebpDFP!\x98]h"}\xa7\x95\xc1l\xc7\xad\xd45\x854n\xc7\x02\x85\x8bd\x1d\xc7\xc3W\xfa\xbb\xf5\xdf\x0b\x91\xa6\xf3&lt;M\x80\xc9\xbd|\x12\xf3=\x8a/\xd6\n\xb8\xb9{n\xfc\xeb\x8b]\xb0\xe2\xceb\xd2a\x0c\xe5\x99\x80C\'&amp;\xebi\xefU{\xd0\x91PQ\xaf~Ph\x1a\xd2aH\xb9\x91\xd9\x96\n\xef&amp;\x1f\x86\xad\x15\xcd\xb2X\x80\xb3\xa5\xc9\x9a\x86\xb0\xee\xcd,\xb7\x8d\x9f\x17?zIXGL\xfd\xa8\xca6.\x95\x1d\xd8)o\xf7\xff\x9dj\xd9\x16 \xaaGsy\x05\xb8\xb0\xf3\xa4\x95es\xdf\xfd\x929%k\xce\xd9*"\xae=\xf9\\^\xd5\x8eT\xf1$L\xe6@\xf9\x10n\x17\xb5\xdc\xe2\xa4\x8a\xec@\xdb\x08u\x93\xdf5\xf6\rvL\xac\xe5\xbcS\xfd\x9b\xbdw4\xe4\xfa\xb5\xee\xce\xad\xcbF|\x0be2\x96H\x18\x8d\x1d\xff\x9d&amp;$p\x98\xee5l(\x99.\x11\xf9(\xd0_\xf2`&lt;2\x17#\xdd\x92Z\x90Z\xa5;\xe6\x05\xd1\x82\xa7L\xca;\x92\xb8\x7f\tR/\xf9\xef\xf10\x97\xc1\x0c\xb2\xc4\xc5.\xc9\\.\xf5\xfc\xbe\xc0\xb7_M\\V\x08\x8cY\x94,\xc8Lu\xfe\x98\xe3cc\x07f\xb0\xb9&lt;\xe7?VU\x01]W\xf6\xf1\xc0\x17\x19\xb7\xb0,\xb6Z\x06\xe1b0{\xb2\xccvK\x19\x06\xf51NSpB3\xe2\x895\x1a"\xc3\x8co\xa0a]\x02\x80)^\xeb\xab\x17\x95\x8a\x98\xdbs\xdb\x1b \x14\x1cVq\xa6.\xb6e\x90\xb0\x16\xb4\'\x1c_\xb41\xc1\xbfZ6\x8aMd\xe3i\x7f6\xb4\xfb?%\xd4t\x87\x8b\x08\x97\xb4\'\x8f\x984\x87\xf46w\xf4\xe3Z\xc6\x05\x1c\xb8IPO\xbf\xee\xb4\x83\xff\x14\xec\x86?%\x8a\x92!\x85G\x04\xb5\r\x93\x96\xeb|\xd6\x8cHc\xb9/ud\xda\xa7\xdaQ\xb8\xa5u\xd8g&amp;\xce2F\x0fTXN~&lt;b\x14\xc5\xfa\xf4A\x1d\xb2\xfa\xba\xeb\x1c\xbb\xac\x11o\xf8\xa4\xbbv\xf0\xcf2\xc3\xaa\x9f\xb2\xf1G(\x06\xd9\x88*~\xe6J\xf4\xafW\x90\xdc\xdfW\x80\xb3|-\xb3tb\xed\xd7N?\x81\r\x8a\x0e\xd8\x16,\x86\xf0^&lt;Y\xd5w\x8a\x1c\xeb\x86\x8cF\x85\xe2M\x1b\xc8Y\xe9Y=\xbb\x8833.\x98\xbfO\xf2\xd7;\xa3\x1b"\xfe\x9c\xa9c\x0c\x95;\x19\xdfhV\x90\xa1"\xe7\xc5Jze?\xd4\x11\x19\xf2\xe9\xaf\xab]]1\x8d\xfd\xfd\xf5@\x0b\xc3\x7f\xca\xf9\x81\xdc\xc8\x1cc\xac\x9b\xfaa\rl=\x10\x9c\x9f\xa6\x01t\x97\xfbyW*\x1fgB\x93qk\xc5Xl\xcf\xc2\x84\xa9t\xae\xa5j6\x92\xd7\xc2\x1b\xa5\'\x95F]s\x0e\xa8\x95\x9a^W\xda\xb0."}\xdb\x97\xcd\x02\xbf\xbf\xd9\xa0+\xd6R\x88z\xc4!Q\xbbA\xb8\x94V\xd2\xe6h\xc5]\xd5\xe9\xa8\xfb_\xfb\xa6\xbd\xdd\xcdN]\x12\xac\xea\xca5\x9c\x01\xac\xc78\xe2\xb7\xa2\xeb\x9e&amp;\xc1\xa6\xca\x03JY\xf1&gt;\xdc|\xbb\r`\x12\x1d\x80X\x96\xb7\x02yu\x9dv\xfb\xca\xa0\xd5_\xa7\x1a\xb7\x92Xk\xa3\x9e\x07\x00F:\xbe\xc25P\xc2\xf84\xe0\x9fH \xef\x9f2\x1f*\x82\xce\xb0\x81T\tb\x8fX\n#\xfcL\x97s0"\x86\xab\xd8\x9ek\xfbs\xb6\x0eys/\x19\x06\xfb\xc0BZ\xae\x100sJ"MTC=\x07\x87\xc1{E\xf8\x8a\xa8\xed6;J\xf0\x9c\xe9j\xe1\xf3\xf6:2\xb6\xd7(.\x91\xb9\xb1l\xfa\xb1\xd5\xba\x84\x95p\x0e\xd7\x06 \xcd\xdd\xf9=\xb1\x8c\xe6\xec#K\x91\x0f\x1c\xce\xb2@\xf2\xd9gQ\xff\xb8\xaa\xcfN\xe9z\x00* \x1b\xa6\x1d\xf0\xba\x8f=,\xf2/\xe2\xad\xda\xd9\xae\xb3"\xbf6\xb0m\xf2e\xfb\xd8\xf4\xd3\x85\xa6\xf3\xadB\x1e\x8b\x1a\x19\xab\xaa\xfbpf\xaf\xa1"\xee\xc8w\xc8q}A\x89pe\x05\rF\xaa)[Z\xed\x0eB\xc6\x1b?\xbe\x918\x1a\x0e(\x8e\x13\x1b\x1b\t\x1f\xea\xf3\xfc\x97\xa0y&amp;\x11\x9f\x05X[\xf0\xecb\x97\x9a\x16\xd3~d\xaf{\x9a\x13/\x9e\xf1\xf0\x80\x0c\xcfS\xeb\x8b,\xc6\xac\xb5\xffF\n\xe3\xbes\x17\xc4\x03}\xe5\x9c\x8b'</t>
  </si>
  <si>
    <t>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</t>
  </si>
  <si>
    <t>b'\x17\xe8\xea\xc4\xd1\x91\xec\x9aFv\xa8\xc9\x04!\x86\xe7'</t>
  </si>
  <si>
    <t>hus passed the night in ineffectual struggles between affection and
 reason, and she rose, in the morning, with a mind, weakened and
 irresolute, and a frame, trembling with illness.
 599
 CHAPTER 2
 Come, weep with me;â€”past hope, past cure, past help!
  ROMEO AND JULIET
 Valancourt, meanwhile, suffered the tortures of remorse and despair.
 The sight of Emily had renewed all the ardour, with which he first loved
 her, and which had suffered a temporary abatement from absence and
 the passing scenes of busy life. When, on the receipt of her letter, he set
 out for Languedoc, he then knew, that his own folly had involved him in
 ruin, and it was no part of his design to conceal this from her. But he
 lamented only the delay which his ill-conduct must give to their
 marriage, and did not foresee, that the information could induce her to
 break their connection forever. While the prospect of this separation
 overwhelmed his mind, before stung with self-reproach, he awaited their
 second interview, in a state little short of distraction, yet was still
 inclined to hope, that his pleadings might prevail upon her not to exact
 it. In the morning, he sent to know at what hour she would see him; and
 his note arrived, when she was with the Count, who had sought an
 opportunity of again conversing with her of Valancourt; for he perceived
 the extreme distress of her mind, and feared, more than ever, that her
 fortitude would desert her. Emily having dismissed the messenger, the
 Count returned to the subject of their late conversation, urging his fear of
 Valancourt's entreaties, and again pointing out to her the lengthened
 misery, that must ensue, if she should refuse to encounter some present
 uneasiness. His repeated arguments could, indeed, alone have protected
 her from the affection she still felt for Valancourt, and she resolved to be
 governed by them.
 The hour of interview, at length, arrived. Emily went to it, at least, with
 composure of manner, but Valancourt was so much agitated, that he
 could not speak, for several minutes, and</t>
  </si>
  <si>
    <t>b'\xa2I\xa3\xe7\xbf\xb5`\x9c\r\xd8&gt;q`` #x\x1c\x9a\x0e\xc2\x86\xe7@d\x15\x9c\x00\xcd\xb7x\x91\x93Ni\xa7\xa6"\x03V\x02\xe8\n\xc3\xde\xc0\xed\xa5\xc6h\x19A\x93\xc1~\xe5\r\x8a\xff\x1bD\x86\x96\x17'</t>
  </si>
  <si>
    <t>a249a3e7bfb5609c0dd83e7160602023781c9a0ec286e74064159c00cdb77891934e69a7a622035602e80ac3dec0eda5c668194193c17ee50d8aff1b44869617</t>
  </si>
  <si>
    <t>b'\xa2I\xa3\xe7\xbf\xb5`\x9c\r\xd8&gt;q`` #'</t>
  </si>
  <si>
    <t>have shown a better. He 
 fairly outstripped himself in willingness and civility; he was all smiles to 
 everyone. If an order were given, John would be</t>
  </si>
  <si>
    <t>b"\x0bT\xf0\x12\x03\xae\n\x9f\xadT\xec\xc7\xab\xa4\xffz\xb6a\xd1r$\x1f\xd7\x02\xda\x94\xd9\xb1:\xa6\x11\xc4;\xc8\xab\x9b\x85v\x8c`\xdbUTyP`\xff-\x9b\xf9]\xc3\x13\x9a\xec\x183\x05\xa3\xc7b\xf9\xc61\x1bId\xda\xd4J\x83\xe5\xe5\xcc\x19\xf0#v)\xe7\xaf\x9cY\x9efw\xa6{\xc5g\xd5\xee\x95\n\xbb\xf2\\\x0eU\xe1\xe0\t\xe4\xfem\xcc\x01\xd5&gt;ou\x935\xe9Vs\x06\xd5\xda\xa8\x8e\xd0\x92G\xae\xb6\x11MB\xbc\xb8C-Xrr\xcf\xe4\xb6\xa3\xc9\xf6\x89I\xf1\x8bx4,}*\x9c\xaf\x11\xb6\xe7\x04\xf7\x06\xe0P(i|\x9d\x91\xf4\xa6`e\xab\x7f\xcd\xb0\xd1!\xb8\xdcb\xe0\x00\xa0 \x1e&amp;K\xff\xc7\xce\xaec\x98T\xf6d\x8e\xa5\x01P\xdc\xf5\xf1\xf1@\x92\xcd+[V.\x93\xc6\xf4sL&amp;\xdf\xac@\xa4\xeb\x99q5\xd9\x0e\xbf'\x08:\xe1K\xd4\xed\x05\xffw\xbf\x04\x90?ms\x98\x8cii\xfb\x8d\x9c4\x0f\xbd&amp;U\xb8"</t>
  </si>
  <si>
    <t>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</t>
  </si>
  <si>
    <t>b'\x0bT\xf0\x12\x03\xae\n\x9f\xadT\xec\xc7\xab\xa4\xffz'</t>
  </si>
  <si>
    <t>ry certainly has touches which evoke recent
Augustan developments, but they are nuanced allusions, and they do not justify the
view that Livian historiography merely projected onto the past an Augustan recipe for
political virtue.
An apt illustration is the treatment of Romulus early in Book 1. Legend identified
Romulus with the god Quirinus, and Augustan religious imagery was to make great
play with this idealized figure, associating him with the princepsâ€™ adoptive father Julius
Caesar: his ancient temple was rebuilt, and the awkward charge of fratricide was
mitigated or refuted. The Livian account is similarly idealized in some of its features:
the founding kingâ€™s providential survival as an infant, his military successes, his raising
of the first temple to Jupiter, his creation of a senate, all prefigure a divinely sanctioned Roman future that had already come to pass when Livy wrote, fate having long
ago decreed â€˜â€˜that such a great city should arise, and a start be made on the road to
the greatest empire that has ever beenâ€™â€™ (1.4). In other details, though, the Livian
account runs rather against the Augustan grain: it seems unconcerned to exculpate
Romulus from the stain of a fratricide committed in pursuit of autocratic power, and
is studiedly agnostic both about his supposedly divine parentage (was his father really
Mars?) and about his mysterious final disappearance from menâ€™s eyes (may not his
rumored ascent to heaven conceal a bloodier fate â€“ assassination by disapproving
senators?) (1.4, 16). These touches could not fail to put Livyâ€™s contemporaries in
mind of a case much closer to their own time: they evoke Julius Caesarâ€™s path to
autocracy through civil war, his subsequent assassination, and his posthumous deification as Divus Julius. Their uncommitted tone, though, is hardly that of Augustan
publicity â€“ and at the end of Book 1 Caesarâ€™s assassins will reappear, allusively but
unmistakably, in the guise of the virtuous band of senators that swears to rid Rome of
the outrageous tyranny of Tarquin, and thereby ushers in the momentous transition
from monarchy to republic (1.59.1, with Ogilvie 1965: ad loc.). On this reading, the
evocations of Caesar that open and close Livyâ€™s account of Romeâ€™s ancient kings
point up â€“ and pointedly leave hanging â€“ the fundamental political question posed by
Augustus the princeps: was one-man-rule at Rome just a temporary expedient, or was
it henceforth to be a permanent fixture?
3 After Livy: Latin Historians of the Early Empire
Livyâ€™s nuanced reservations about the permanence of autocracy at Rome arguably
gave his history a sharper resonance in his own day than is often assumed, but for
most post-Augustan readers, for whom rule by emperors had become a brute fact of
life, the question came to lack edge; for them, the appeal of Livyâ€™s history would lie
rather in its patriotic triumphalism and pageantry â€“ and on that score, we have noted,
it exerted a shaping influence on a broad imperial readershipâ€™s notion of the Roman
past. An influence on subsequent historiography is evident, too, but in this field there
418 Rowland Smith
were critical as well as admiring reactions, and the picture is more complicated.
A contemporary of Livyâ€™s, the historian Pollio, famously criticized his work for its
â€˜â€˜Paduanness.â€™â€™ Padua was Livyâ€™s home town, and regional traces in his literary
diction may have been at issue, but the charge arguably went deeper, resting on a
sense that Livyâ€™s idealized Rome was tainted by â€˜â€˜small-townâ€™â€™ sentimentality and
political naiveteÂ´ (Syme 1939: 486): a product of Italyâ€™s municipal gentry, never a
senator and never a holder of public office or military command, Livy lacked the elite
insiderâ€™s political antennae. On these counts Pollio was</t>
  </si>
  <si>
    <t>b'M\xe6\xa3F\xf4NZ\xfa\x01\xe9\x16\x12\xdb\x86\xf3r\x9e\xeb\xb1g\x82&gt;\xa0}X\x06\x82\x8e\xdf\x00w\xb3\xac\x90\r^8N\xe2\x92\xd8\xcf\xefF\x15\x84\x9fF\xe8\t99\xbf\xe5\x02"\x19\xe7\xbe_\x0c\xcb\xf2\x15\x1f`\xa2\xf5\x86}V\xaa\xb4d=6=\xb3\xb4etXs\x19\x13\xf8A\xfe\xfa\xac9\xaa|\xe5\xba\x11_V\xfb\xe3\x0fy\xd6\xde\x12\xb8[\xec\xa8}\x93\t\xf3\xb4\xda\xe7\xeaY\x9fi\xb3(z \x19\xbd%\x8c\xf6\xaa\x9c\x18\x10\xfa3\x02\xc45\x11^\xa7\xb3\xb9.\x01\x07\x15\x93\xa9&amp;\x81bU+\xd2\x031\xa6m\x17}(O|\xd4S\x0bc0\xbd{\x0fX\xdb\x83\r\xa0\xe5\xcd\xe0\r\xd7\xac\x17UY/\x19\xe3\xfc\xd4\xad?`\x07\xaa6\xac\x99\xd2&lt;\xf9v\x9fb(E\xdcU^x7\x0c\xb8da\xd6\xe7l_\xe0p\x14\xef7\x9a\x16\r\xea\xb4\xcf\t\x8d\xa59\xf1b\xb2,\xb8)\x9c\x8a\xaf\x90\x90{\xb7\x029Jf\x85\x8a\xa4E\xc1\xb1\x893\xb5\x84S6r\xe2P\x96\x8b\xe3-\x88\x9e\xc5\xe6\xd3J[-\x90"\x7f"dZ\x82\xb0\x0e\xfbk\x12`x\x86\x06H\x85\xc6\x17V\xe8\xd3\xe2e\x97\x00\x88\xf1&gt;\x1b,)\x1c\xc2\xa6\xfa\xe9\r\xb3\xcae\x89\xdbX\xf0S\xb0\xc6\xd5\xdee\x9abT\xf5\xfc\xed\xfcW\xa5bry\xbf\xff\xc1\xab&gt;\xa2u\x84\x8d^W\xbb|\x7f\xad\x8cq\xbe\x9b\x92C\x1a\x08wn]\x9e\xc3\x042\xc6\xa1&amp;\x14\xa3\xfb\xaf\xf0\xf2\xeb\xbc]D%\xe1\xca\xa3\xb7\x99~\xf0\xe0\xd6\x99&lt;\xb4\x0c\x9b$\x1b\xaf\xcc\xe0\xfa\xaa/:\x8f\x94]\x97\xce\x98\xa3{In\xfb\x98&amp;\xd4\xa2+\xd0O\xc7\xa7[\x06w\x0f_\xdbz\x82\xcbMD\xd2\x135\xb5zX\x03E\xcf\xe6q\xb3\xb00;B\x00\tf\xcc\xe5\xbbd\xdc7\xd6\xb8r9D:\xd2g*"\xc2\xb4\x1b)\xd4`\xc1\xf2\x9b\x89R\xebO\x98\xc59\xc7\x86=\x89\xd5\x1e\xfa\x9e\xa7Fjbm\xbc&amp;]\x85B2\x86\x93\x13\xb3\xd4\xa1\xda\xb3\x0f\xa6\x8etY\x97R6\x17W\x84R\x93\x80\x04P\x95xS\xa5\x1d^#\xf5\xbf\xaf\xf3\xcel\xb3\xbe\xb1dC\xde\xc7mK\xde\xd0\x835|\xd8R_pZ\x1e\xa1X\x00\nq\x8eJ\x85\xdc\xfa\xe3\xf2\xc2\x05u\xdb\xc9G\xd4\x05oY\xc1l\xa6\xcc\xd38,\x02\x9a\x98\xe6\xb7d\x01\xc6\x86\xc0\xbe\r\xd7vr\x05/\x8d\x84\xe9\x1bI\xa1\x82\x17\xac\xf0&lt;\x07\x1d\x1e\x04\xe1\xf0\xef+V\xac\xbc\x15\xe8\x90\x9bJ\xc9\x00\xab\x15\x84}\x88;[P\xdb\xe4\xb1\xddy\x94\x86"\xb58\x13\xec`\x89\xb5\xd6\x1a\x8fS\xe6!\xae\xe1\xe4]\x0c\xf9\x17K\x836\x9e!(\x12X\xcdc\xb7\x88\x01\x15\xc5\xaf-|2D\xaaD\xa1}~\x94\xdf(4\xb4\x82\x03\x90v\xf2M\x9f\xcdT\x15\xb8\x88\x8f)\xf1\x0b&gt;9\xa5\x05\xb7\xc5\xaa\xe8Ag\xd6*\x0bZ\x12l\x9ce\xc0\x0e}\xf3\xdb\xf8\xfc\xb6\xe1%\xbe[\xc06G?F\x85\xed\xbc\x9b\xa2\x1b!\xb5\xd6,\xda\x83P/\x93\x1f:\xa5\x16\x9eG\x03\x06\xd0\x8aA\xb5\x1f\xfe\xb5\xf0daZ\xe2\x11\xbd\x1b\x9a\x89\x8c\x8a\xbb\xac(d0\x8f)}n\xada\xd7Lei&gt;@ \x15\x17!\xb2\xdc\xeex~\x14\xb6\x95\x12\xaf9\xbb\xd1S\xf09\x88r\xc1zG\xed\xf8\x0e\xef\xcbmi\xcc\x1bB\xe3\x9c\x81\xb4\x12\xbc7KG[\xcf\xcd\xf7ZDn\xf0t,\xf0j5r5\x81)z4\xdf\x17_E\xae\xd62\xb0\x8d\\.\xfa~\xb4\xb8\xfdw\xb1\xd2\x81C\xcf\xbd\x0f\xeb@\xb7\xafT\\\n \x84\x0b\x86-\x1bd\xca\xd0\xc1Q;o\xc6\x1a\xf1\xa4\xbcw\xaa6\xe1\x94\xd13\xea{\xbe\xbe\x89\xae\xc4\xe2s/\x8dP\xe0\x1d!\xb3\x8d\xbbW\xa2i\x05r\'\xc8\xe6\x0c\x9a\xc6\xe1E\x1b\x164\n\xc3\x81\x1c\xc8\xcf\xda\xf8\x1c5\xb6\x18\x95\x1c\xf1\xb1{GB\xd5\x04\xc4\xe5\xd2\xb0\x11\x15\x02\xd4?Q\xa4\xa1\x88\x98\x1d-W&lt;\x7f\xac`\'@\xfb\x86Z\x13:P3+\xbcl\xe4\xf5Z+r\xc9\xbd\xaf\xf6\xc7M\xce\xdf\x16^MTOi\xd0bp-\x1e]\x80\xc7\x93\xae{O\xa7b8R\x0b\xff\xcd\xe6\xf9\x03\x10\xae\xafJ\x19\x05\xcc\xd0\x01^\xbc|\xc4\x17\xcf\xa8N\t\xf2\xc6J\x98E\xb6\xb1s\xb2\xd5\x89N\x1f\xef\x8f\xf5/r\xf7\x10\xccZ\xcf(\xea~D\xbf\xa2L\xe3)\xb8\xcb\xb6Fcw\xb7\xc6&lt;)x\x95*\xbe/\xb5\xb74\x04e[\xe0;t7\xd9k\\\x8a\x18\xcb\xffK\xc2\x80\xb3\xf5Z#g\x89\x99\x9f\x93\xab\xbf\x99\xda&lt;\xecA\xa4\xb4\t\x87\xa6\xfdM\xbcp\xab\x16^N\x11s\x1f\xd8\x07!\x16#\xaf\xca\xe4]p-w1?\xe73\xcb\xd8#\x07|\x804\xdeov\x10\xff\x19m=J\xd0~M\x94*Mm@\x0c\xcbr~\xa8\x10\x8b\'T\xa5\x93\x14\xcf\xb41i\xa8\x82\x8d\xa76\xbf\xfa\x06\x03\x1e\xb1^&lt;\\\'\x18\x85\xb4C\x97\xdd\xa5\xaf\x97\x8c\x81\xfd\xd5\xfa\xd5\xc0o\x08Y\xe9v\xd5\xc08\xbe/\\WM\n,\xd9\xa8L\xb5\xb4\xbaQ[\xd1\x95\xfdU\xc7\xa96\x03k\x18b\x96\xefP7K\xaa\x8f\'\x16Ah\xa85\x80\xb6PL\xfb(\x8e\x00\xfe\x0e\xb7\x17\x8b`E8\xb4\x85#\xfe]\xb8G.7\x9b(\x8c\x86\xbe\xa8\x89M\x90\x86\xf1k\xd9\xb2D\x1d\xe2\x98\x84\xc0\xae\x1b\x9c=\xaaUyx\xa9\xda\x17/\xa2\x92\xba\xdd\xa1U\xba@\xba:=W\x0f\xe7\xda0%\xe9B\xc9\xc1\x1d\x19\xf0xiZ\xcd\xc6\n!\xc6\r\\\xd7\xfc\xa75\xc5\x07\xceI{\x88^\xd8\x06W\xdf\x91\x18\xf1@9# E\n\x16\xea,\xac\xf2\x1fl,\x8e ,\xbd"\x0e4\xc8\xe6\xf3\xca\xc3\x19|\x0e\xa0\xb3\x139/%\xb5{\xe5\xa1q\xa6\x86\x9f\xfc\x14Cs\x83VUo\x81\x8f\xd4\x83\x9c\xe7\xe8X\xbb\xfb:\x8ey\xa4K\xbb-\x00\xa5v\x8c\x10\xe5\xa58\xc6m\xad"\x1e4\xa5\x8bY(\'\xa0\xc3(x\x82\xb0\xa4\x07\x82|\xf0\xce\x12\x85Sp@O\x08N\n;o\xb2\xff\x9a?\xc8\x92+O4\xff\x13\x7f\x05\t.\x82\xea\xc1~\xfa+\xf4\xbdf\xfd5Z&amp;&lt;F1\xdb\x07P\xa4\xc7\x08\xf6G\x101\xeeL\xc12\x13}eohv*\xaf\xe8[\x87\xaa\x89\xf1\x9c\n\x95t\x80\x1a3\xbb\xabH\x85\xa1Wj\xc7\x94\x14Qm\x86#\xed\xcb\xdf\xcb\xd4\x05\x15As(\xb7\x11P\xc1\x12\xc5z\rV4\xba\xa4)\xd3\x05\xf3h\xe9t=\xf4B\xe2\x11\xcc\xdfU\x94\x8d\xa6e\xf2\xd3\x00\xa0\x02~\xf3kT\xe2\x04X@}&gt;f&amp;\xe1\xe9\x07\xaa\xde\x99\xecd\x1b\xbf=-\x0c\xa8\xc5\xed\xd9\xcf\xc3&amp;\xa3\n\xfd\xafqm\xcc\x0bN7\x17^o\xa65O"\x02\x06/\xf3\xed\xcd\t\xc16\xa6\xc8\xd2E!#J\x18\xbb\xfava[\xb0\xba\x04\xe4\x10\x15\x12\xa8#\xc5b\xef\x06?\xec\x1dKk\xed\xb86\x8e\xd6\x17}\x9aM\xeb\xc1\x02\xab\xfa\x12\x93E\xf5W\'\x9a\xad,\xd8\x90W\xe84N6K\xf5\x1d\xfd\xcea2\xac~\x92\xce\x82\xd7\xb1\xef\xc4\xe2P\x8a)G5|HZ\x8e\xcd\xffE@\x95T\xcd\x8d\xfc[\x04zOam\xbah\xe1\x8a\xf9\x1f5\xe1\x0e\xcb\xb61\xdf\x1b\x828gk\x0e\xf7"z\xdc\xa6\xca\xfbD"J\xa6\x96+\x17\xf3\xc4\xc9d{\x01\xc3.\x89\xc7\xb7\xe6\xbc\xa5\xb0\xf5_=\xdfw\x99\xa7@\x99\x9d\xa7\xbb\tq6\xc4W\xb9_\xd2\xbd\r?\xf8\x89\x0c\x01\x007\x18I\xa6\x96|\xf8\x02G\x0fR\x88\xa3f#\xa1c1\xc9\x9fK\xe70"\x02\xbf\xa6\x96Le\xf6`L\xd5\xd9\t4\xd4\xb8y7F\xb7O\x02\x88U\xb8\xa6\xd2\xf1\xda2\xdf\x93\x92&amp;\x92\xd0\x0f\xda\x9d\xc9P\xfaQC\xf3E\xfb\x0f\xe8W=\x89Y\x8e\xba[\xe3\xbbDbYb\x80\x8f\xbc\x87\xb6\xa9d:;Ez?\xc1\xdf#x\x93\x19.j\xf7\xeeQ\x994\xa8"\xb9\x84\x8f(\xdb\x99T\xaa\xe2-\xe8\xca\x8f~\\j\xd1\xdd\x17\xd48\x9c[\xb0\n:I\xed\x07\x8d\n\x90\x9cD\xcb6\xdeR\xc0\x10\x11\xf7\x07\xcf\xc0\xa6\xb6\x9d&gt;W&amp;@t\xa2^%\xb4\xf5\xbf^zX_\x07\xa1\xb3\xde\x8e\xdd=\xfcf\x0b\xfd\x1a\x95\xb7\xa9^s\xd2\x9b\xc5\xb1\xb1&amp;\x90l\xab&gt;?\xf6\xb3&lt;\xc89\xa6C\x90\xfe\xe6\xb70f\xec\x8f\xf6\x80bf\x9e\xba\x1e\x16\x834m\x06\x12p\xab\x98&amp;\xad\x90*k}\xad\xbd*\x96\xb5\x97&amp;\xa5B\xbe\xef\x81\xcd\x1f/\x9cE\x0b\xe54\x16\x93\x8cz-\xf2\xd8V2\xfa\x98\xf2\xf3\x96 \xf8\xd70\x85\x92R\xcck\xe3\xbb\xdb\xa3+W\x8a\xe0\x9eV\xfc\xb2\xf7y\xf9\xb6\x8fl\x1dw\x99\x06\x1eJ\xfa\xa6Q\xda\xae\xbb\xf2\x9c\xe6E\x0b\xcc\xcb\xd88\xe9\xd02Jn\xd9v)\xc7\xe2*g\xc6\x06\x89sb\x01/\xa9S\x9d\x92\xcfkS\xe2\xaf\xf1:M\xf1\xe22\x8dO\xa2\xc4P\x1c[=}\xd0j\x93\xc5i\x07\xf8\x9b8#Sj\x03\xb4\xb1$\xb8P\xc4\xae\xfd!\x93\xa8\x12\xb4\xb3\x0b\x10\x13J\x8cOC\x9e\xc7\xe8\x08\xdc\xd0R\x96\x94_/\xe0\x19$]*\xdfy\xfe\x17\xca9\x0b4E\xc7\x8b&amp;\xb8\x8aj1b\xa8\xf0\xa7\x84xF^\x85\xe1\xa6\x97\x85s\xb7#\xb6\xd0]\xf9P\x80\xea\x07\x1eT\x89c\xe9\xc4\xff^k%!\xe4\x83\xfb!(\xa0\xab\xc6G\xbdd\xed\x1c\xb3{\xd4\x88\xe6\xe0-\xdd\x06\xdd2\xdc\x9f:\xa4\xd3?-\xd7\x0e\xf4\xea:\x98\xd5\xef#\x8a\xf92`\xaf\x08\'\xe2ja\xbb8\xb2\xe9aK\xe5C\x94\xed\xd8\xa5L\xb5\x1cC\xee\xf7\xba\xae@\xb3%\xb1\xa2g[\xa20BP\xc6v\xed\xdaD\xdb;B\x14q((\xf2\x89\rJ\xd2\x1b\xf0\xb9Wj~9a\x0e\x8f\x81\xdaoi\xe1ss\x14\x15K[|Z\xb6\x9d\xe3\xda\xfdw\x1bG\x85\x0b\xc5\x9d&gt;\xd8\x90\xee\xc5\xb2\x1b\xf5Z\x86$\xe5\xfb\xbd&amp;})\x00\xeb^\xc4\x00\xb98\xd2K\x81\xf4\x1bo\x1c\x04\x8eN\x83\x8c\xfc~\xa6\x94"\x8d\x0f\xc8\xa7L\x97\xd9K\xe8\xbem\xdf+\xe8\xdb\x86\xbdJ\xcbP\'*\x81u8\xc9\xd4UiS(\x99m\xab\xb22\x96\x13\xeal\x92\xd4Q\x95\xcb\xb9\x81\xad\x1aU\x994\xe9\x05\xb73\x86\xd42"\x8c\x9b \xdd\xd3Ou\xda1"vO\x16\x02%`\xe2\x13M\x9e\xfcAf\xf4\x1b\x8eS\xd7*\xd1\x92\xa3\x19i\xee\x1a\xd8\xb4\x07\xf8\x8be\x8f\xbd\xcc:\xbe`1\xd5\x14\x88"\xc5\xaa\xc3\x0f\xd6H\x1d\x1f\x1dZ*\x12@Jh_^\x86\x91_K\x8b\x0b%\x04\xbc\xc7#\xae!p\x91\x14\xb9\xb5\x9d\x94\xf0V\xe8n\xb7D\x87\xb4\xa6K\xea\xd5\xc7f\x12z4\x8a\xd2\xa5\xc9\xe7\xd7\xa7\x9d\xa7\x10\x1f\xda\xbc\xd3\xff\x03#\xe2\xad}\xf38o\xae\x8d\xe1\x9a\xb2\xe1\x15o/\xde\xd2\xa3\xb0\x90:{j\x7fR\xf2P\x0f\xb5\xa1P\xe7[\xd9\xfb\x82,\x13xp\x0e\x0f\xbc1\xc8d?C\x9d\x9d%b\x11\x00#3e\xc1\xaeL\x1e\x8b\xd8\xdd\x1fY\x96W\x1e2\x917\x14\x8b\x7f\xfb\xf5\xfb\xc4\xea\xd6_\xab&amp;$ZuU\x82\xe3NC\xa1\x043\\\xdc\x898\x9f\xb4\xc1EX\xa0\x17\xfd\xc3\xc3\xba\x90\xc2\xf9W\x97\xbe\x1f\x84?\xc1\xf3\xf6\x1c\xe1\x8e\xfc\xfc\xcc\xd4\xed4\xbbNFB\xd3\x8e\xc0\xdei\x1b\x1at\xa8GQ\xe0\x930ml\x1b\x10G\xda\xa0\xf6\x84\x18\xffM\xb9\x91(\xa8\xfd?o\x04;Sk)\x11\xcdrJ\xdfh\xe666`\xb3J\x0f\n9|iV\xe3K,N\x14Q\xfa\xd3dm8\xb8T\xad\x0b\x94H\xf8\x06\xcf\x91^ \xd2\xa8\xa0\xbd\xb5\xa2s\xd3\xb39 X\xa8\x95\xae\x0fi}\x9bBR\xc8\x0fax~1\xe1\xa8\xe9\xae\tb^\x83 \xc3/\xa9\xd2\xc4\xdc)\x8a\x9a\xb2\xf2\xcb\xea&gt;\xec\x03\xc5+\x83\x97O\xa6\xd9a"9\xa4)\xf3\x93:\xc4\x9a;)h[\xd7\xe5\xa3\xd6\x1a\xcc\x04\xe6-\x92\xf40\x1a\x88g;%8\x17{\xd6\xb3\xc2\xd9\xe2\xb1\x02\x15\x8ep+\xd0)\xf8\xe5\xd8{\xe1V\xa8\x97\xa0\xa0\x8b\xb0\x14A\xf6t\x94\x89\x1f\x14\x9c\xc3l\ni\x02\xbf\xedn\xdb\xe3m$\x0b\x1dzY\xb2\xf7\x9d\x17}\xf3*\xd8C8\xd3j\'\x00\x08\'\'\x9f\xaa\xff\x1bxB\xbdw_v3\x83\xa3\xa6 #\xee\xbb\xa1\xc4\x85nM5\xa6O\xe3\x1d`\xb6,\x03\x1a\x8b\xf3\x8c\xa3\xda\xa4t.o\xd3p\xe0\xf5\xa3\xa7\xcb~,\x05\xbasY\x84\xba\x04\x93[ \xd9\xb3\xae\x1a#\x8c*\x08@\xc3\xb5\xbb}\xb2\x8aBF\xb9\xbc#\xddjwR\xb5\xa1i\xf7\'\xc7zg\'e\xb7\x0b\xb3\xa3OA\xce\xd4\x7f\x00,\x0e\xde\xfd\x1f\x0c\x978\xdd\xf0\xa1d\xc6\x08\xd5T\xf8\x07`\t\x83\x00d;Tj\xd5\xe7t\xb8\xb2Y\x0c\xf7\x96\xd7\xf6\xfd\xe6\xb1\xce\xdd\xb4%=\xaf\xe8\x85gY\x89T\x0e\x88\xa8E\x9d\xb8\xbf\x15\xb4\x08}w\xf5v}\x02\x9d\xc6\x8b\x92\x8d\x87\xca\xad\x01\xdaM4\xfd\xa7\xbd\x8d"\x86\xa0*\x1aL\xb9Z\xe0@D+\xbc\xe0\xf9YW\xd4k\xf8\x96\xb7I\xde\x9a\x06\x16A!r\x90B\'\xfb\xee\x9e\xf0"\xacX]\x8c[9)\xac\x0e\x00\xa9G\xd1\xbb\x92H\x02\x14H\xe0\xc9\xeb|\xa1U\xe7\xbbW\xa4\x08\x82\xd2\xfb$\x05V\xb7Y/\xe8M\xf4\xa4\xfe\xb5Zy\x9a5o\xef\xf2Z\xd28\xef\x12{\xa3J\xe6^B\xcc\x1a0\x81\x1eN\xa3\x13\x8c\x8b\x93\x93\x9d\xf5\x81\x12!\x18E\xf9\xe8\xa1\xe5\xe7,\xc8\x92\x02"rT\xce\xf7\x0e0\x8f\xcb\xab6CJ\xaf\xfc\xe8\x10G\xef\xeaJ\x01\xaclW\x86\x89|5\x01\x12;\x18\x81SG;I\xd7\x9c\xae\xd6rc\x93U\xe9\xa1\x1b\xd8&lt;\xb2\x16\x83\x12W\x12\xac2!\x1bZ\xb4\\0n- \x8d\x96Q\xbc\x90\xc1\xb0\xd5\xd8\xd1lCF\xbd:D\xeeP\xc0m\xb6\xe0\xa8]D\x0ef-\t6\xcd^9\x14\x7f\xa4\x8c(\xc9e^&gt;\x00\x99[\x81T]\x8dJL\x1d\xf6|\x83x\x1bsM\xfb\x18\x14\xc1\xd8\xcfnnb\xc1\xd3\x9f\xad\x19\xd7\xa9\xecT\r\xffj\xd4\xd2\xeb\x8d\x9fv\xd2`\x92\xd5B\xb8\xbb\xbd\xfcT4=\x85i\xc6?1W5h\xbeux\xaf\x18\xe5\x01T\x03\x93=I7\xbb\xba\x1d\xdd,\xbf\xebrM\x7f\xec\xf1d,8B4\xcb\xe9\x83:\x86\xef\xb8\xebo\xb8j.\x10\xb4\xc6W\x948\x9e\xc9ot\xb9\xce\x7f}*\t\xb3Z6w)\xdf9\xa0JWq\xd0D\xb2I\x0cJ\x1b\xb8uD\xa2\xb1j\xa0\x01\xcf\xb2A\xd7\x04\x1fKU\xbfn\xd0\xa2\xe9\xb2\x15o\x12\x9b\x94"h\xf0\xba\x91\xc7\x03\x05&lt;\xc6Z\xdc\x1b\xd4l\xafS\xcc$\xaf\xb0V\xda\xa8\xaf\xe2o\x15Er&gt;8\x9a)\x97&gt;\xb5\xce\xc8\xf5e\xb9\x9a\xfa\x06f\xec9\xb7\xd2{\n\x87\xf3tV;\xb2\xa4&lt;\xd3\xdfk\xf8\xafDZ\x18\xd5\xd56\x1f\xb3\x03\t\xe2%\x9e~\x85\x0c\xd7^&lt;\xbf\xd5\xc7n\xf7\x0e\xc8\xb3v_\x12A\xd9\x85\xe9\xf7\xe3&lt;J\xb3Z\xef\xc9\x1b&lt;3{.\xa7Q\xecO\xd8s+\xaf]\xda0%\xf0\xc7\x02l\x9duY\xa0\x86\x0e\xcd\tb\xf0\xb1A\xa3\xb8\xaf\x0b\xa8\xdf\x94\xd0\x183\xa5&lt;\x99\x8b\xa7\xd3B\x07\xb0q\xc4A\xfeU'</t>
  </si>
  <si>
    <t>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</t>
  </si>
  <si>
    <t>b'M\xe6\xa3F\xf4NZ\xfa\x01\xe9\x16\x12\xdb\x86\xf3r'</t>
  </si>
  <si>
    <t>g to have a tough journey.
 If you are only focused on the â€œsomeday goalâ€ of having a million-dollar
 business, then you will overlook the work that is right in front of you and fail
 to reach your goal at all.
 In this book youâ€™ll learn why you have to go through each step in order,
 one by one, to achieve your goalâ€”and why shortcuts will actually crash you
 into the side of the proverbial mountain. Expect your fair share of bad days,
 self-doubt, and confusion along the way. We will overcome most of your
 challenges together, but for the next twelve months expect a lot of long hours
 with no pay, countered by infrequent moments of deep joy, excitement, and
 passion.
 If you take away one thing from this book, though, it should be the deep
 realization that you can do this. You can come out the other side with a
 profitable business that sets you free for the rest of your life.
 12 Months to $1 Million
 Iâ€™m going to repeat the following many times throughout this book. In fact,
 by the time you finish reading, youâ€™ll have it memorizedâ€”itâ€™s that important.
 Hereâ€™s how you build a million-dollar business:
 If you have three to five products, at an average price point of $30 per
 unit, each selling twenty-five to thirty units per day, you have a million-dollar
 business.
 When I tell people this simple formula, their eyes widen. They often
 donâ€™t believe me.
 â€œSeriously?â€ they say. â€œThat doesnâ€™t sound so hard. That sounds easy!â€
 As far as what to sell, this process will theoretically work for any type of
 business. That being said, Iâ€™ve seen the most success selling physical stuffâ€”
 or, as I call it, building a brand. A brand is simply a group of products (three
 to five), each of which serves the same customer.
 Itâ€™s not complicated to follow the process I lay out, but it takes work to
 get there. The process includes a series of steps that canâ€™t be skipped.
 Imagine building a million-dollar business like building a house. You have to
 carefully follow the blueprint, or the whole thing falls apart. You canâ€™t just
 skip putting in the foundation in favor of painting the walls.
 In the chapters that follow, hereâ€™s what youâ€™ll discover:
 1. Opportunity. What is the best opportunity for a new entrepreneur to
 build a successful business? Why is now the time to do it? How does the new
 landscape of e-commerce and social media create an environment of
 opportunity? And how do you fit into it all? You will discover why now is
 the perfect time to create your pie, and why there are others who are ready
 and willing to buy a slice.
 2. Mindset. Thereâ€™s a reason not every wantrepreneur becomes a
 successful entrepreneur, and psycholo</t>
  </si>
  <si>
    <t>b'\xbc\x8dY}\xc1\x10{ \xc5~\xe9{\xf1&lt;5\xf5\x9b\x99V"4\xe2\xc2\xcd\xdc\x18\x93\xca\x99\x80\xfb\x15j\xff2g\xe9\x92\xfb\xf3\xa8\xec98\xb9CDt\xcaM\xf8\x9a\xf4\xd1&gt;}\xdda\xafI7\xaa%\xb2\xf8X\xbfS\xacl\x85Nt\x036\xa8\xb2DI9_\x05\xf2l\xb5\xb3\x98\xb7&gt;\n\x104\xeb\x87\xd8\x0cHY\xca\xc41\x19o\xed\x83\xc5\x0b\xbbl\x1ad\xf4\xe0tj\xdfJ\xa38b\xa0\x9f9\x8eP\xff4\xf7T\x91(e\xa5\xacy\x06\x92\xe9\xb3b\x03\r\x12J\xc0\xb4\x83qi\xb27\xaa\x95G\xb9\x1dF\xcf\x80\xf9\xb0\x97\x17\n\xca\xd1d|\x97\'\xbd{\xc0R\xde\xae*\xda\xa3\xba\xd4$w\xc5;\xbcthg\xbaO\x06\x96\xfa\xb1\x81\xf0\x81\x1a\xcc\xa1\x17\xbfo\x1c6\x9b4\tR\xe7v&lt;\x8d\xbbh\xeb\x01\xc0\xc9V+b\x80g%\x10\xf1\xfa\xcb\x01\x01\xa6\xd0\x8d\xc3\xd7\xd4\x08\xb5\xfe\xf6\xa9\xf5\xc1\x81\xf5&lt;5y\xef-FRG\xd5E^\xe4yl\xab)Qe*\xa3i\x00\xa6mP[\x1e\x03[\x06%\x1dk\x8f\x00\xd4n\x12X|\x94\xf5\x91\x08\xd43\xb5\x8e\xb4\xe8Z\xef\x1dXP\xa2\x1c\xd8\x82;\xfd\xa2\x08\xec\x14\x9a\x7ft\xd4\xf3\x93\xda\xd8\xab&lt;X6\xfc\xfd\xb7]\xf8\xa0\r/\x8c~\xb4\xae\xe1\x14\xacw~l\xf6\xc5\xab\x81;!t`\xec\x8f-\x9d\xcfK\xcc`\xfc\xb8a\xdd\xdc]\x14_1\x88\x01h\xa2\x03\x13\x10\xdd\x83\x9f\xcer\xce!\x97\x1dW*=\xc5\xb6~\xe6\x1cy\xf5G\xb4\x02\xee\x02\xb3\x02b\xcc\x8bt\xf0\xcf\x1d}Br\x9d\xfbYm\xef\xbbT5m\x0b\xee\xdcC\xac5\x06\xd1\xeb\x8da\x8c\xc0\x05\x04xe\x8a\xea\xbb\x10K\xf0\xb3&lt;\x9d\xa1Ik\xe8\xbf\x83\xb8\xb9X\x984\xb6\xcb\xb5G\x18\xf4\x1d\xb6\x95\xaff\xe4&lt;\x95\x97\xd4\xdcS\xe3I\xc0\xc5K\xb7\xec 4Q\xf5\x084[\x06\xd5\xbe\x04\x99\xed\x0cj}&amp;\xfbD\xf5\xe8\x1a\xa4\x1b\x9c\x10g\x7fA\xcb\xe6\xbd\xdf\x94\xd5\xd8)\x11\xb8\x1e\x86\xf6\xcaF\n\x9f\xd8\xf9\xd0\xe6\xe6\x87\xf5h\x7f\xbf}4\xfd\x86\xbf\xd9\x8f7u!)gx:F\x8c\x9f\xe2\xed\xe2-\xc1 ~\x88\x1e\xc7\xe2\\\x9c\xcc\x99\x150O[\x88\xbe\xfa\xb1\x93:\x1b\x1e\xfe\xc6f\xb8E{j\x95\x90\x9e\x94T\xe9h\xf2fY}9\x98\xf4\x0c\xadT1\n\xe7\x15dj}u\xd5u\x01\n:\xbb\x12t\x19\xa7t\x9f\xd4\x8b\x93:\xd5:\xd4\xaa6\xb9\xf7\x03\xae\xbbx\xb6\xf6\xc7\xc6E#\xca\x1c\xcfR*\xfcH.\xa0\xean#\xfd\xa9\xdc\x9eH0\x03\x7f\xfc\xf2\xbaT\x11\xc8\x058\xf4$T9\xb3x4\xfc\x89\x16\xa4\xbf\xb2\xb6H\xd9\xc7N\xc3\xfb\xbax\x99\xe5&amp;\xad\x03\xaa\xbbc\re:\x1eK\x8d}\x85\x8f\x18\x9c\xab\xb4tU$\x9e\xcdqp\x8b\xd8\xbbgC\xd9\xdbl\x02\xb8\x9b\xb4~\x95\x81\x18@\xd8\x98Q`\r6\xbe\xcf-O\x85\rz\xea\xb3Xr\xb9\xcc$\xde\xb8R\x0f\x93\xa7dY\x0eK\x0e\xa7\xb1m\x12?\xdc3\xec6j\x966\x81\xf1U\xdf\x02DW\xa9\x14\x1er\x07\xb1\xc99\x05\x8f84+\xc9\x08i[\xe7\x11\xb8\x94\x18K|\x8e#\xf3\xe9\xd0\xb6\tD\xef\xe0\xf2\xac&gt;x\xe7\x9c\xd8\xa1NpYW\x8b\xfc\xf0\xd3\x03\xba\x11&gt;\xc0\xd9$\x0f\nQ\xae\xa2\x1e\x8c\xdc\x9e1\x90\xcdM;\x95\xc2\xfeNM.\xa6L\xfe\x03T\x1f}\xcb\x97\xad\x97R\xc8H\xd2\xbb[(\xa8\\\xa3\xe6$gu\xee;\x91\x1f\x8b\xc1\xd3\xe1\xe8\x03\xe4\xb2@\xcafC\xef\x90\x17\xc4\xf3f\t\x10\xd8x\x90\x08I\xd4M,^G\x11\x19\xd3P\xf1\x13fI\xbf\x03\x84\xdd\x08\xd5\xc1\x18\xdf\xb7\x9e\xb5\x8cui\xb1\xfc\x81\xe2\t\x84\no\xb3\xef\x05`k\xa6\x11g\x14\x86l\xea\xc9\x16\xc4/\x80r\xf5\xed6\x99_{\xcd\xe1\xa8\xfa\x93dN\xa0I\xab\xcaf\x99-\x88\x0c\xd0\xc8"N_\rE:\x13\x06\xc1\x821}~\xc5\x08\xe9\xb0\x98\x13\xab\x88\xb7&lt;L`~\x80!G\x9a\xf9"%l\x95q\xc4\n\x89P]P \xac\x03!\x0e^\xd9\x17\xb7\xd1\x04\xca\xdb\x98\x08G\x06\xd4\x1b#*\x16%\x96\xdcO?\xf0\xde\xad3 v\xc9/\xca\xcf\xc0\x19G\xcde)\x9a\x8dl\xa8#\x0f\xc8\x0e\x01\xfa\x1bY@\x94\xca\x85\x08+e#\xc5\xa7.\xe8\x07t\xf0\xc7\xbb\xdd\x12\x85*R\xcb~\x9ac\xfd\x18\x83\xf1\xcd6_\xa6JV\t\x1c\xa2fr\xfac\xc0t\x8a?[\x14$\xdc\xb1\xbb\xb4\xbc\xdfP\xa4\xed\xfc 9E\x86\xbfp\xf1\xf1\xa2\xd9\xeeZ\xcc\xc8n+\xbd\xcd\xc0\xc9\xaaHR\xe1\x1am~\xff\xf5v\x18\x00\xdf\xd8\xca\xbe\x13\x9d-1&lt;M\x18\x86\xc85\x96\x1fu\r4B+\xd2\x88\xfb\x92:\x86\xe2\x1fPS\xa5\xac\xb8A/\x0b\xe7\x9f7\x92\x05\xa9c\x19O\x1a\xdcP\xab\xed\xbd\xf46A\x10\xfe\r\x9b\x1ct\xea\x8aX\x10F\xbb{\x7fd\t\xb0^\xfe\xd35Y\xefa\xd9T\xa5*!\xbe47\xae\xc8 r,S\xeb\xbc(\xc3\xc3\x11\n\x14doz9(:\xdb\t\xedZ!\x04\xd1\xb3^\xcf\xa2\x07\xc8\x91\x99J~\x9c\xa1\xf7\xf1^\x9b\xbd\n\xea\xedW\xb3!\xc9\xdc/\xcc0Ig8.[\xe7Ml\xcd \x15`\x11\x01En\x87\xe1\xa6\xf7\xc0/\x04\x0b\n0\x126B\x97\x88\xcfE\xc2\xa7\xf4\x07$Z\xff%\xb0dC\xd957}\xfa\xf8t_\xf1\x04%\'a\x81\x94Z\xbdUN\x00\n\x079&gt;\xbd\xd6\xfbZ\xd6\x1e\x02\xe8\x89f\xaf!!\x19\x90\x95&amp;\x9a\xc4\xf6\xcev\xb8\xa3}?\x85}\xf2R1\xe4) \xc1\xb5\xeb\xf3\xb5\x7f\xbe\xf5\x1a\x03\xcf\xf4psNfoq\xd6\xb8\xdb\x8c\xe7\xd7O\x05z^G\xbc\xae\x8cY\xbf\xd6\x1cO^/J\xfd\x97K289\xf5\xe3\xb0.\xe0\xd0\xb0\xb2\n\x8a\x9a\xf5\xd5-\xdd\x0b\x95\x17\x8e\xeb\xcd\x06\xfem00\xbcg$\x86\xbd5\xc3\xf5\xc5\xf5\xd4\xcehg\xe8\x81/\x8f\xffP\xdd5:\xab\x9b\xc8HmB+jV\x02\xa77\x87\xe0\x07\xee=)A\x84\xa3\x9e\x8bXj\xe3!\xc5_M&gt;K\x92j2\x90A\xa5\x89|\x83\x8b\x00\xa7};RQ#a\x17\xd9\xf9\xa6\x8b\x8d\x17\x11i[&amp;\xd3\xbb\xa4\x91\xb5\xca\xaa\xa0H\xb1\xbf\xa6\x03\xa7!4\x11\xf9\xcec6\xc7\r\x0f\x80\xed(\xe6m\n^\xc9\x1f\x81QU,?R$\xdf\xf9i"\x0fw\xce\x05\xec\xd8\x8c8\xc7\x92\xe8`\x16|\xed\xd3\xfe]\xbf\xe9\xb1\xab\xf3\xc7\x8ba@\x97\xc78_2\xee!7\x06_\xf6\xad\xe4\x1a\x96S\xfd\x8b3/\t$R\x08\xab]\xf3"P\x88\xd9\xe9\x1a~\xa9\xcb#\xcd%kEL\xb1q.\xcc\x10.o\x04r\x10H\x1e\x05\xe2@\x840\xf0p\xaa&amp;\xc8\x03\x07_m\xb6\x0b\x86L\xfa+K\xff\x94\xf4\xb2\xedi\xa9e\xe85A5\xee\xaf\xbb\x8a\xb7\x1d\x00\xa3\x04L\xb5\r\xdd\xcb(@\xf5\xfd\xed\xa1\x1d\x83\x06dMt\xc5n\xf85\xbf)YM\xdfx\x95\x16L\xa6\x8c\xd4R\xdd\x9fjG\xb2\'9r\x9b\xb8N"\x88\xa3\xe8\xf2a\x97\x01A\xff&amp;\'\x94&amp;\x99\xe2\x06"\xda\x80*Y 7rP\xaa\xe4\xb0\xef=GOi\x85\xe5\xbf#Z\xc6\xf6\x1d\xee\xefvx\x94\xe8\xe6l\x84Y\x9f&lt;\x15\x8d\xaa\xf8\xa5\xac\xe7\xa4\xa8\xdc\x81o\xe7U\xdbs:\xe1\x9a\xe28L\x18\x8f\x1a\xc4\xc8S\x90\xed\x83\xcb[\xc8\xd2$0\xa7\x05q\xcb%.\xadQ\xbe\x90\x91:k}\xa3\xfb\xc5\xfaeb\xe4\xf2\xf5\x00\x17+\xf4\x1b\xf0r\x1c\xbe\xc2Gsf\t9\xdb\x1bDM$\xc3\x86\xf1X\xbd\xa2\xab\xdd%&gt;\x7f\xfc\xd8\xc6\xfb\x90\xc9s\xd2(\x95}e\xb1\xee\'D\xa0W\xf6\xc3\xbc\x10nvc\x03r\xa2\x17\xc1]\xef\xb7\xd9K&lt;\xdd6\xa9\xd7\xecw_\xbc^\xf9zM:\xeeq\xf3A\x88\xce\x0e&lt;\xa5\xa9\xa2\xdd\x88{\x87\xb9Hg\xbfe73\xf1\x13\xc8\x19\xab\xae\xa5d\xe4o\xf5\x8c\xec\x9b\x92\xcd?\x83\xec\x91\t\xb8\'r\x81!}\x02L\xfb1\xec{\xfb\xb4\x10\xddj\x8c6\xc2\xd5\xe4\x99\xf7\x13\x112\x9c\xb5&lt;\x9dL\xdc\xbb\xa2B\x036\xef\xa2\xda\xecv(\xe1\xfd:Xh\x95\xaf\xe0U\xc0_\xd2)&gt;B&amp;y\xda\xba\xaf\xf0\x7f\x05"\x13\xc8\xae/\x8aG\x91\xced\xc8\x1e\xc8\xe5L\xed%\xe20~\xa5\xb1\x83\xf4\xb8z\xcct\xa9\xe9\xf4:$3\xab\xac\x19\x97\xbe#\xec\xba\\l\xba\xdc\x08\xc4\x8d\xa6f\x03\x18\'\x91\xfcP/\xc0F\x9b\xf5\xbc\xb7w\x020?\xa7\x8ar~\xfe\xecc\xa5\x19\x18\xde\xa2\xa7\xeb=\x83\xe8\xc6\xcfYv\xbdi\x07\x0b\x87,\x18\xd6\xa4\x9c\x82Tp\xd2\xa18\xf1\xe3n\x83\x8a\xa9\xe0\x1a\x84+\xb9\x1c\xa8\xd3 4\x80\x9e\xb2\x8b\x0e\xfd\xfbUY\xd0\xf2f\xd6\xd1"\xda\xe2\xc2\xfa\x0ct4\x14\xc0\xa6&amp;r\xe0,z\x9cRA\x81\x87\xc9@\xd3,\x9b\x01}\xea^\xea\xb8\xe8\xa5g\x18Rr`.\x96\xdb\xcf\x06\r\xc8\xcb?\xd6\x14V\x80\xb3\x1b\xe9L\xe4\xb1&lt;\xd2\x11:}\x9c\x90\n\x15\x88o\xbeT"\xcau\x92\x88\xf3*i,\xfa\td\xa30\xd0\xe8\x18\xdejF6x\xff\x10\x87\x1c\xd6\x82\xb4\xde\x1a\xb4\xe4\xc30\xdb\xe73.\xa1\x9c\xca\x91\xa9\xab&lt;M\xe0X\xc7\x87rd\x8c\xae\x15\xf6\xb0\xc8\xec\x8c\x02\xd5\x08\x1bwuHiB\xfai\xf6\xf5\xd04*\xf4eL\xa6\x8f\xc8\x8b\x1f\x93Ln\'\x89\xe9\xb5D\x1eh\xc6b\x81\xe3\xc5\x0b\x05\xe3\xa3o\xfb\xe8\xd0\xac\x08\xa8\xfdiHe\'f\x15H\x9a\x08\x0f\xb9\x16y\x18\x10\x01^gDt\x1d\x1f\x13\xdc\xec\xa3\x15\x05\xdf\xc8tz\x93u\x8e.pJ^\xcdp\x9a\xccv\x98&amp;\x88\xbe\xa2\x92z\x04\x1a\xdf6\xc7\x00\x1c\xd8\xbe\x99\x96\xc3\xe3d\xbby\xa0\xac\x98\x9de\xe2#\r\xd99\xe1!\x08\xf3~\xa4")2e\x89\xbb\x8a\xf6\xda\xdf\x91\xa2\xc7*n].5\x9e\xd6\xe3\xa6\xd5H\xf6p\xc4\xdbE\xe3~\x15@\xcf\x9b\xdf\x1dsv\xd9\xccF\x90\xc1\xe1\x7f\x1b\x0c:\xb6\xbb\xb9\xb0u@j\x19\xad\x01\xa7\x88\xeb}\xe2\x18\xedw\xf9Ucc\xfeh\xb0(\x14\xd8G\x80x\t\xfd\xc3\x13}\xea\xdd\x1dv\xb2-A\x99\x0bw\xa2L\x08\xaa\xaf\x83"\x99F\x9e?h\x19\xe7\xa4(.\xbd^H+m\x17\x07T\x97\x80`\x9a3n\xbd\xfc\x90\xae\x98~&lt;\xbeA\xf8\x0e{}\xe4\xa2$0\x83\xe5\xf1\'\xe7\x85\x19$dG\x1aYiLP\xe9&amp;q\xa3\xbc\x96\xf7\xf1\xc44\xff&amp;\x18'</t>
  </si>
  <si>
    <t>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</t>
  </si>
  <si>
    <t>b'\xbc\x8dY}\xc1\x10{ \xc5~\xe9{\xf1&lt;5\xf5'</t>
  </si>
  <si>
    <t>the United States in
 2009. Unfortunately, there is no guarantee that the government will have the political will
 to synchronize these actions with the state of the business cycle. The state of the electoral
 cycle may be more important, as we have seen.
 5. Policies that appear to act swiftly in our simple model operate in reality with
 lags of varying lengths. At the same time, the difficulty of evaluating the size and
 persistence of a given shock makes it hard to know precisely how much monetary or
 fiscal medicine to administer. These uncertainties force policy makers to base their
 actions on forecasts and</t>
  </si>
  <si>
    <t>b'0D\x02 QLIAQ\x83\xc3\xc1MP\xc6\xcd\xad\xbd\x1eX\xb4\xb1U\xa1&gt;\xd1/H\x11\x94\xc380g\x01\xce\x02 \x11_yC]\xbe6A\x0f\xccDF\x188\xdc\x8d5\x9f\xa4*\x88.K\x03\x0c\n\xb8\x11\x8e\x9e\xf9\x98'</t>
  </si>
  <si>
    <t>30440220514c49415183c3c14d50c6cdadbd1e58b4b155a13ed12f481194c338306701ce0220115f79435dbe36410fcc44461838dc8d359fa42a882e4b030c0ab8118e9ef998</t>
  </si>
  <si>
    <t>b'0D\x02 QLIAQ\x83\xc3\xc1MP\xc6\xcd'</t>
  </si>
  <si>
    <t>s conversion? As depicted in Fig.
 3.1(b), the output of the transformer exhibits a zero dc content because the negative
 and positive half cycles enclose equal areas, leading to a zero average. Now suppose this
 waveform is applied to a mysterious device that passes the positive half cycles but blocks
 the negative ones. The result displays a positive average and some ac components, which
 can be removed by a low-pass filter (Section 3.5.1).
 1This value refers to the root-mean-square (rms) voltage. The peak value is therefore equal to 110âˆš
 2.
 2The line ac voltage in most countries is at 220 V and 50 Hz.
 3The actual operation of adaptors is somewhat different.
 59
 60 Chapter 3 Diode Models and Circuits
 t
 110 2 Block
 Box
 Vout
 t
 3.5 V
 V
 t
 2
 60 Hz
 4
 V1
 V1
 t t
 4 2
 V1
 ?
 60 Hz
 Equal
 Positive and Negative
 Areas
 Positive Areas
 (a)
 (b)
 line
 Figure 3.1 (a) Charger circuit, (b) elimination of negative half cycles.
 Did you know?
 The rectification effect was discovered by Carl
 Braun around 1875. He observed that a metal
 wire pressed against a sulphide carried more cur_x0002_rent in one direction than the other. In subsequent
 decades, researchers tried other structures, ar_x0002_riving at â€œcatâ€™s whiskerâ€ rectifiers, which served
 as detectors for the reception of wireless signals
 in early radios and radars. These were eventually
 supplanted by pn junctions.
 The waveform conversion in Fig. 3.1(b) points to the
 need for a device that discriminates between positive
 and negative voltages, passing only one and blocking
 the other. A simple resistor cannot serve in this role
 because it is linear. That is, Ohmâ€™s law, V = IR, implies
 that if the voltage across a resistor goes from positive to
 negative, so does the current through it. We must there_x0002_fore seek a device that behaves as a short for positive
 voltages and as an open for negative voltages.
 Figure 3.2 summarizes the result</t>
  </si>
  <si>
    <t>b"\xae\xb8\xcdN,\x04\xf8'\x1e\xbbCM\xa41R\xee"</t>
  </si>
  <si>
    <t>aeb8cd4e2c04f8271ebb434da43152ee</t>
  </si>
  <si>
    <t>a) Determine the phase margin.
 (b) Place a capacitor between nodes X
 andY so as to obtain a phase margin of
 60â—¦. What is the unity-gain bandwidth
 under this condition?
 (c) Repeat (b) if the compensation capac_x0002_itor is tied between X and ground and
 compare the results.
 M 1
 VDD = 1.8 V
 M 2
 M 3
 1 mA
 M
 M
 M
 M 3
 4
 5
 6
 Vin
 X Y
 Vout
 100 fF
 Figure 12.124
 REFERENCE
 1. B. Razavi, Design of Analog CMOS Integrated Circuits, McGraw-Hill, 2001.
 13
 Oscillators
 Most of our studies in previous chapters have focused on the analysis and design of am_x0002_plifiers. In this chapter, we turn our attention to another important class of analog circuits,
 namely, oscillators.</t>
  </si>
  <si>
    <t>b'4\x0b\x92|\x92\x89&amp;\xaf\xd1\xfa\x02\x8c\xd6\x9at%'</t>
  </si>
  <si>
    <t>340b927c928926afd1fa028cd69a7425</t>
  </si>
  <si>
    <t>ius. The philosophcal history. Text with Translation and Notes.
Athens.
Athanassiadi, P. and Frede, M. (eds.) 1999. Pagan monotheism in late antiquity. Oxford.
Atherton, C. 1998. Children, animals, slaves and grammar. In Too and Livingstone: 214â€“44.
Aubert, J.-J. 1994. Business managers in Ancient Rome: A social and economic study of
Institores 200 BCâ€“AD 250. Leiden.
Aulock, H. von. 1968. Kleinasiatische MuÂ¨nzstaÂ¨tten. I. Die vermeintliche Stade Sebaste in
Paphlagonien; II. Korynai in Paphlagonien. III. Aizanoi. JNG 18: 43â€“8.
Aulock, H. von. 1969. Kleinasiatische MuÂ¨nzstaÂ¨tten. IV. Kolbasa; V. Die Homonoia-MuÂ¨nzen
von Mytilene. JNG 19: 79â€“88.
Aulock, H. von. 1970. Kleinasiatische MuÂ¨nzstaÂ¨tten. VI: Die roÂ¨mische Kolonie Komama in
Pisidien. JNG 20: 151â€“9.
Aulock, H. von. 1977. MuÂ¨ nzen und StaÂ¨dte Pisidiens Teil I. DAI Istanbuler Mitteilungen
Beiheft 19. TuÂ¨bingen.
Aulock, H. von. 1979. MuÂ¨ nzen und StaÂ¨dte Pisidiens Teil II. DAI Istanbuler Mitteilungen
Beiheft 22. TuÂ¨bingen.
Aulock, H. von. 1980. MuÂ¨ nzen und StaÂ¨dte Phrygiens Teil I. DAI Istanbuler Mitteilungen
Beiheft 25. TuÂ¨bingen.
Aurenhammer, M. 1995. Sculptures of gods and heroes from Ephesos. In Koester, H. (ed.),
Ephesos, metropolis of Asia: An interdisciplinary approach to its archaeology, religion, and
culture. Harvard Theological Studies 41. Valley Forge, PA. 251â€“80.
Badian, E. 1972. Publicans and sinners. Ithaca.
Badian, E. 1989. History from square brackets. ZPE 79: 59â€“70.
Bagnall, R. S. 1977. Army and policy in Roman Upper Egypt. JARCE 14: 67â€“86.
Bagnall, R. S. 1985. Currency and inflation in fourth-century Egypt. BASP Suppl. 5. Atlanta.
Bagnall, R. S. 1992. Landholding in late Roman Egypt: The distribution of wealth. JRS 82:
128â€“49.
Bagnall, R. S. 1995 Reading papyri, writing ancient history. London.
Bagnall, R. S. 1997. The Kellis agricultural account book. Oxford.
Bagnall, R. S. 2000. A note on P. Oxy. 4527 and the Antonine plague in Egypt: Death or
flight? JRA 13: 288â€“92.
Bagnall, R. S. and Frier, B. W. 1994. The demography of Roman Egypt. Cambridge.
Bagnall, R. S., Frier, B. W., and Rutherford, I. C. 1997. The census register P.Oxy. 984: The
reverse of Pindarâ€™s paeans. Brussels.
Baharal, D. 1996. Victory of propaganda. The dynastic aspect of the imperial propaganda of the
Severi. The literary and archaeological evidence AD 193â€“235. Oxford.
Bakels, C. and Jacomet, S. 2003. Access to luxury foods in Central Europe during the Roman
period: The archaeobotanical evidence. In van der Veen, M. (ed.), Luxury Foods. World
Archaeology 34.3: 542â€“57.
Baldus, H.-R. 1969. MON(eta) VRB(is) ANTIOXIA: Rom und Antiochia als PraÂ¨gestaÂ¨tten
syrischer Tetradrachmen des Philippus Arabs. Frankfurt.
Baldus, H.-R. 1971. Uranius Antoninus. Bonn.
Balsdon, J. P. V. D. 1969. Life and leisure in ancient Rome. London.
Bal</t>
  </si>
  <si>
    <t>b'i\x0f\xeb\xfb@\x0ec\xe4R\x1cF\x9f\x99\xe7-\xe6q\x18\x05\x0ep\x16\xa0\xe8\xdd\xbc\xd5\xb2\xa3\xa1X=\xe6\x93Ft\xd1\'\x8aG\x9d\x06\'!\xdb\\\xb8\x84y\x9aK]\xf8J\xd8qR\x94\n\xbe\x9e\xadg\x07X4\x90\xedt&lt;m\xe6r$\xffb\xb0\x9c\xf324\xf5\x0c\x9d\x05\xf3*\xad\xa2\xf7\xdd\x95\xfb\x12\xcck\x05\'\xdf\x893,\xfd\xf7^;vag\x1a"D\xc6\xac\xcb\xbe|.|\xbch\xb0\xf7\x81\xcb\x1eK@Z&amp;\xb7`\xd9\x88\x0b\\52\x97s\x14\x80\xd2\xd2W\xa0E\x11k\xc5\xe5\xbe\xc8\xe5\xeeW?\x9e(@\xf5\xfd\xd9\xc4I\xc7\x87\xde]\x80!\x13\x84\xc2BV\xfb\xed\x99\x14\xc4\x92\x9480\xfe\xd8\xca\xf5H\x8bO\x8b\x9c~\xa5\x07\xea\xe2\xc4k\x95\xfc\xe6\xa5]\x92\x01\x85_gZ\xd2\x7f\xec\x18\xf08\xca\x95\x95\x11v\xe3\xadCx\xf5b]$\x07\x81\xbe\x05]\xd0\xa9\xa7\xe5\x10\x1d\xc8,\xf0\x9a\xe5E\x98\xad\x015_\x8dotX\x19d\xf8N4\xbcR\xc7\x84\xb0\x8e\xd3\xa7\x92\xc8\x1a\xea\xf8j\x995\xdf}\x14\xc4~"Uz\xfa{\x8cP\x1d,~l\x9f*\x81\xe5\x80*&lt;\xb4\x1chzM\xd5\xdc\x02\xb6\xdd\x80\xff\xcfn\xb9\xd8\xa6\x15\\\xa4\xd3\x02\x16#\xb9\x19\x94J\x060v\xf7}\xc3\xf5[^Q\xfc\x86\xe2\x96\x0c\xb9[\xf4D\xa9\xcb\x8a"\n\'/\xf2\xd0@\x84\x8dq\xf6U\xbc\x1c\xfd\x08Z\x80~\x93\xb9\xb8\xe0\x97\x04\x17\x82w\xbc\x03O\xef\xd5\xd7\xd1g/j\x91\xd0}T\xe9\xfd\xe98B\xc8\xd9\xb4\x13\xc5w\xdc\x10v\x03e\xba\xael\xa1v\x97j\xaf\xc4\xd6&gt;fm\x02\x83\x0c\t\xcbVJ\xdcr\x8c\xe9\xf3\x92\x15\x02Z\xaf\x04\xfbKY\x97\xd8\xee\xbf\x05\xe8\x01\xc2\xe2\x13\xe3\x08m\xc3\x95\tr\x9a\x04\x19#C(\xc1\xbd\xbdN\xdd/\xe4\x1d #\x19\xf7aJ\x19\xa9\x89\xa2\x8a\xe1\xe3\xffI\xb7\xbf\xb7f\x01\xcc?j:\x05\xf5\xa1\xaeF^i\xec\xb6\xa47\xdd\xe4\xd8\xb8\xeb\xdeB;j\xef6\x04\x8a\x7f\x90_h^T\xd7@\xe7&lt;\x1f\xa1\x082:\xdf0\xac\x16\xfa6iq\x17\xd4\x85\x06\xd3k\x91\xc2\x89\xa4\xe3{\xa0\x06jk\x0c\xb0e\x00$n\x88?|\xe2\xdco\xc9\xc2u\xe1\xbd\xf3\'\x94\x8fHP7-X\xf0\x15O\xdb\xbf\xd0\xe3$\xb68\x14\'\x8e\\\xa7iev\xe2\xed\xd6\xe3\x0c[g\x12J\xc7\x07\x05\x9dMi\xc2\x1a\x05W\x8c\xf8,K\xdc\x93\x7fY\x93H\xc1\xc78\xe38WVF\xdck\x06o\x11\x08\xba\xa9}\xac\xfa\x9c\x02\x932j\xd2\x94\xa5\xd8\x07\x88:VW{\xce\x0e\x91\x10\xe0\xb1Q\xaf\x87M\xbb\xb3&amp;\xf8"\xbc\xfe\xeb\xd8\x98\x0b\xbb\xbc\'\x8399\x86\x9d\xe4\xea\xd4\xef8\xf9\xcc\x96ZbX\x9b\xf3\x1ag\x9f~\xf6a$\xdb\xce\x10\x18\x84\x04\x08V\x91\xb72*\xe7\x1c\x1eeQ\xd6\xf691\xd1\xc0Q\x02\x87\xbb\xca\xb62k\x00\x18"p\tw\xa0aM\xfe\xc1%\xc8\xe1\xe7\xac\x05\xb1;q\x87Q\x894\xd7&lt;\x8e\xf7\x18\x8ew\xaeWZ\x1d\xd2\xbbn\xdd\xeb\xfc.7\xeb\xd7c\x0bY\x9f\t\x8c\x99\xe3\x1cy\xf3\x16?Z\x9f\x00aK\xea\x80\x00\x16\xc6\x88\xb2\xdf\xc6u\x84\x0ba\x1f\xe7\xe8D\x96n\t\x96\xef\x0c\xc5\xa5\xe2\nf!\x8a0|Q\x8a\xf1G\xa96\\\x06\xaej\xbb\x0c\xc8;\xd4\x1e\xe3\xc69\xe29O\xc1\x90$\x99\xc9\xf2$bQ\xe1\x8c\xd7to\xd7$\xbec&lt;q\xa5\xf9\x12\x1f\xb6\x19\xcf\xd3\x84\xae\x97\xcf\x14,I\x860\xa0u-\'H\n\xa4\x19d\xa4}3s-\xfb\xd9\r\x92\xcb\x1b\xe7w\x15\xa1S\xcd9b\x17\x96\xccTj2q\xb1\xa5u=\xc7\x99\xf4d\x95\xb0\xedo\xa6Tz\xf9\xc4\x9d(\xa2\x0c\x11\x9d\xb4\xa1\'\xfb{\xb9z\xb1\x03x\xdb\x86g\xfa\xaa\xd5\xf6g\xb4Rt\x0f\xe0O\xf3U=D\xd1 Y|[\x8e\xc6S\xfc\xf0\xab\x01\x0cm\xd2\xc6A7\xce*\xb4\xcaB\xa8\x06o\xb5e\x0fn\xa6#,\xc8T&amp;\x19or\xda?\x1b\x13\xa4UE\xdf\x13\x90No\xb8)\xe6\x84\x98\\\xc9\xf6\x1d44^\x89 \xce\x98+:f\xd3 \xdc\xa5\x9f0b6\xda\xe9\x02\x93\xa5\xa3\x9d\x14\x12t\x9b\xae\xc6W~Q\xf8\xf6\xc4\x93\xb8\xd6\x99D\xf8\x80Q\x0b\x18\xdb\xd0\x131\xc90,\x7f\xfa\xecK^\xf9-p\xcb\x9d\xd3\n\x0c\xde\xd1\xc7[\xbc~Nc\xc70\xc6p\xf4DOz\x96\xc3\xff\n\xcdw\x89=W\\;)\xd8\xd5\xce\x00\xf5\xa6J\x83w\xa9\x10\x1d\xe4P\xe9FMN\xf0\x84I\x9c\x16C#\x1e+\x19\xc7\xc0x\xc4\x00%\x98\n\xbd2\xa7+\x85\xccd\x1c\x7fY\xb2\x9dy\xed\x0b\xd6p\xd6\xe7\xd2\xfa\xc9\xb3k=%i\xd7&lt;\xec\x9d\xa4\x0ba#5\\\xea7^\x8b\xb5\xf5\r\xb3\xa8\xaf8S\x81V\x8fh\xbe\xc94@o\xc7o\xa4\xb1\x15\x1b\xe1nE\xe9\xbf*\xbd\xfcVN\x08\xb2\xa2\x9a\xdb}\xd0\xb2\xf3k\xb2\xf9\xf2\xddZ\xe9~\x8d\xaa%\xa5\x92\xda##\xe97\xc7\xa4\xd2\x0b\x98\xe4$\x87\xc4F\x1c\x8f0\xb5P\xda\x80\xa0\x00\xb6\xe8\xa8zZ\xfc\n\xaa\xe9\xa4\xd5\x8fMp\xc6\xee_\t!\x1ay\xd1N\xbeQ\xbc\x8e\x10\xb2\n\x1a\xa0\xdfq\xca\xb5\x93wEv\xd3D5\x86\xdd\x8e\x99\xaaD\xacE\xea\x1a\xc5\xfb3\x8e_t0\x02\x89.|\xc1)\x1eL\xfaR&gt;\x93\xef5A\x97YY\xcc\xfd\xf3L\x927\x1a\'\x7f7*S\xbaO\xee\x83\xb2\x81\x8bTDL\x13[\xef\xf9b\xb2\x9c\xe5.L\nik\xf7\xd0\xf2\xb1\xe3N\xbe\x95#y8V\xa6\xbd\x8e\xd5N^{\x9ai\xae\x15N\x99$8\x98{?e\xeaS&lt;:o1lg,\xd0\x03\n\xdc\xa3\xc0\xe3\x1b\x0ev$\xcdX\x8c\x82\x01\x8eD\x1f\'7\xe9\xfc\xc5\x90/O\xeeT\x16\xf7\r\xd0\x06\xe9w\xceRj\xb1\xaa\xa2P\xfe\xb7-!\xf7zC\xe1\x12j3,\x1c\x9bZ\xae\x89\xc5\x1e\xb6=-v\x1c\x1d\xaa\n\xf8\x0c\x0c\x0e\xd2\xf7P7\x17W&gt;Y1\xfd\xf4\x1a\xba\x07x\xba\xcc\xb8Q\xaf^!\xa8\x1e\x8f\x88N\xb6\x83\x1a\x91\x8cF\x9b\xd9\x17\xd860\xba\xea7\xfaJc\x8f\x8a\x05\xe3\x88\x1a\x8d\xbd\xf7\x13b\xac\n\xb9\xf0A\xe9\xbd6#\xe5\x9f\x8d\xb5\xe7\x1e\xd6\xbaSN\x82:\xa0\xfc\xcd\xb3i\xb4\xa7\x80\xf5\x183l\xfbW\x01\xad\x88\x87\xa3\x13\xf6+NX\xa6\x08\xbe\x1ef\xc0\xde\xca\x9a\x9d\x9b\xeb\xe1M\x8f\xf0%l"\x95\x8d\x1b\x0f6\xa7\xf93Z\xe6jmK\x0b\xa5\x86\xd7!\t\x1a\xd5J\x0f\xa4\x89)\xb6\xd6\xeca&gt;\xd6{u`ZG7}\xc5\xe6\x9fil\x81\xde\'\xae0\xbb\x0fKBE\xaf\xf5_J\x1b\xde\xcf|\x1f1w\xd4\x8e\xd3\xde)+\x8c=x[y\xf3\xcf\xd9}\xf7\xe5\x00\x81\xfc\xfbY4K\x91\xa2Y3\xc5\x92&gt;c\xd4{\xc9A\x92\x8cI\x98\xa5\x1f2\xcb\x88\xaai\xeb\xeaRj(\x85W\xcf\xefh\x88,\xe73Ar|\xfd@r\xed\xbe\x05\x97_\xbf\x9a8\x9ce\xff\xc4\xc0\x99\x19&amp;\t\xba$,+\x92\x9d\xe7:\xf5~\xbba\x04$5hX\xd4\x97I\xf7\x03S *\x16\xfd\xc5\xe7\xf3\x0b\x93\xe3\xcf\x17sN)\xb2\xfa\xb9&amp;\x8e\xda\x8d\x13W}!\xa7~\x13,\x14\xbf\xd4\xc8 \x9c\xfaA\x13%}&lt;6\x16\x7f1\'\xc8\x9e\x1f\xeep\xf6\xaa\xad\xad\xecq\xa1\xa8\xcdq\xbd\x7fa\xc4\xc7\xd8K\xb2\x85{\xb7m\xd4!5\xf0\xf5\xd9\xe4\xb5\xc5u\xf8\xff\x106\xad\xcf\x8b\x88b\xc3\xa5\xd2z\xb3Q\x7fC\xe9\x0e\x987\x1b\xda\xce9\x89\x91\xb7g\xd45\xe3jZ\xeb\x94\xb5W\x7f:\x87\x07\x85\xd6\xc3\x95\xc1\xc0\xb9\xabwM\xdd\x96\x0e\xc1`\x85\xf9h\xd4\x99q\x8a\xa41E(%\x8a\x88kX \x04\ri\xcf0\x08O\x0ct\xd6\x81@go\xf5\x01\xc3S(\x99\xe2y\x9d2\xeeE\xbb,U\x85\xcc\xa5\xef\xd0\x99\xde\x0b4\x8f\xd3\xd2\xa1\xb1\xf6q\xda\xd9&amp;\'Xs{\x18|\xd0\xc9l&amp;m\x92!\x97[nl\xd1\xc1\xfb^.\xbe\xd7\xce\x96\xf54K\xfc6I\xff\xc0`\xbc;\xfepc\x10\xcc\x83u6?\xa2\xcd\x1e\xca\x8fY\x88\xf48\xe6\x02\xb0\xb7\xebkO\xef6\x0fz&lt;\x18%`\x94\xd3\xb8\x88o\x10\xf15\xa3\xc91\x1c\xca\x1a\xe7\x9a\x01Qz5\x88Q\xd1q\xe7\xbc\x0f{8\n\x9c\x02\xe7w\xdc\xf9\xad\xc4\x96\x13\xb7\x94(\x10\xe4\xba]\x84\xa6~R\xab\x1d7\n\xc9\xbd\x96\xb2\xd7\x88\xc0\x17%\x97d\n02\xc9\x98\x7f\x15\xd2g&gt;\xe5\xe2\xee\x96|\x15/\x8b\xb8M\x13\xcd\x17\xe1\xcf\x02U\x07&gt;\xd1\x90\xca\x82Ga\xe1M\xc8\x8cV^\x91V\xcc\xf1(\x97qY\r\x9c\xa8\xda\xfc\xc7G\x9aTQ\xaeS\x88B\xaa\xcc}\x9dq\xec5r\xb3\x86\x11\xa9\xbb.Y\x92\xdd\x88C\tq\x15\x9a\xfbCu\xb9\x91\x8fj\x02\xa3Wbl\xc3\x10\x80k\x84e\x9b\xde((\x92\x93\xf7\'"\x06\x16\xaf\xae0O\xe2\xc7\xfa\xcd1H7\xfb)\x9c\xd04-\xa1\xda?\xc8\xdc\xe6\xe4x\x9aY\r\x0f8 \t\x84\x10j\x06\xb0=}mZ\xa9\xdc\x98\xd1\xb0\xc9\xf3jVf\xee\x8b\xdfI-\xc2W\xec}\xfa\x95D\xb7\xab\xf3\x912\xc9\xa4\x19\xe76\xa2\xee\x81\x9b\xa9\x0b\xf3\xb6\xdfaU\xd7;Y\x90\xe7)\xa1Qo\xce\x94\xc7@T,\x8fYt\xe9C\xf0\x92\x1a\xa8z\xde\x9a\xf5\xf1\xed\r#E\xd8\x11\\\x08\xfen\xa5\xe1\x14+\xeb\xfb\xd9\x90P\xfaC\xae?\xe8\x04\x8b!\xc4_\xda\xff56(\xd1J\x11+\xc5[}\x0bG2,\\\x08\x00\xe3\x7f\x90\xf5-\x94\\\xe8\x1e)\xf1\x81\xaf\xc2M\xd1\x04\xb3Y\x15L=klgW\xb0n\xa0\x01?\x1dQ&amp;\xf6\x81P\xad\x93F\x0b&gt;)\xfc\'\xe4\x17\xde*\xce\x1fr\xc8&gt;\x1e\xa3\x08M\xfbe?\x1f\x18\xb1\x16\xa0\xcb\x8b\x93\x18\x1a`\xb4f\x7f\xf3Mn]\x15\x07\x9b\x88\xcd\xdc\x0cC\xb1xp\x00+\xff\xaaE\xf3\x05^\x17\xf3\xc2\x94\xa79\x0b\xfe\xa38~S~\xf7\xb6&amp;\xbf\x88\xac\x0cA\xe4:t\xe2\xb6\x07\x8f\xb5\xcf\x12\xdb\x84\x12y\xad\x1bs\x07A\x94\xa2?\xf2F\x994\xea\xbce\xdd\xfc\x87\xcd\xcdn\x19@kre\xd2\x0b4n\x1e\xfa\x0b\xf4u\xeaw\x99\xf3N\x88\x17\xe5\xa4\xc0y\x93\xad\x8a:\xc8\xb9\xcdt\xa2\xe3*1_\xecp\xd2V&amp;\xfb\x19\xfc5\xedu\xfc3\xa6\xb0\x0c\\x\x19\tZ.\x8b\xf4If\xcc\xc6\x1el\x109\x0c4Q:edaV1\xd9\xa3\x91\xa8\xb9\xae#\xb6#b\x8d\xed\xd6\x93\xee\xda\xb7\n\xe8o\x03e9-\xe9\xecr\x05gb\x14\xa3\xc5\xd2\xb0\xac~x\xdf\xc2W#\xa9m\xbarp/\xbf\xc6\xc9\x84u\x80&gt;\xdfU$C\x08\x89\x0e`p\x18_\x1dK\xa7d80Av.\xaf\x0eD\xec\xd2\xce\xca\x13VH\x0bU\t\xd5\x19&gt;t\x1c\xc2Z]\xc1r\xfe!Ni\xde\x8b\xd2\x10\xdb\xb0(\xad\xdb\x98cU\xf2n\x11h\x12mT\x9a\xd31\x92`\xabg+\x19\xe57:{ \xda\xce\xd5*\xeb:\xfeK\xba\x821\xa4\xeb}\xcb\x19Twz\xd3\xfcT\xa7&lt;\x89:\\JD\xc8\xbc\xbfp\x0e\x15B.;\xaf/\x96\xbfp"\xf7\x05\x85\x93+\xe9\xc1F\x96h\xc6 \xd0\x14\x14w\x16\x05\xf9qT\x16\x0f\xbc\xa6\x03\xcfX\x95Ct\nuN\xe7\xe8\x84r\x80'</t>
  </si>
  <si>
    <t>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</t>
  </si>
  <si>
    <t>b'i\x0f\xeb\xfb@\x0ec\xe4R\x1cF\x9f\x99\xe7-\xe6'</t>
  </si>
  <si>
    <t>er in the business, not a
 spokesperson. Building a relationship like that can take years. It is no way to
 efficiently build a seven-figure business.
 On the other extreme, there are some businesses that will happily pay
 social media celebrities to talk about products. But little to no trust is passed
 on in that exchange, and it rarely has the impact expected. In my opinion,
 paying an influencer to talk about your product is a fast way to lose money
 and get frustrated in the process.
 However, there are ways to advertise and create relationships that can
 drastically improve your sales when they are done correctly. This chapter will
 show you how to get tons of exposure for your brand, without going broke.
 Youâ€™ll discover how to find distribution, how to choose advertising
 platforms, and h</t>
  </si>
  <si>
    <t>b'\xf2d9L\xe6{\xf3\xad0%$%3\xc6\x9a\xba\xab\xee\r\xc0\xb0\xa8\xc5\xcd1)\x87Z\t\xde\xc3\xd7\x95\xd8\x89H\xc3\xd7\x00\x91\x15\x91\xd0R~\xec\xff\xf1\x02\xa36XP\xf3\n&gt;\x01&gt;\x11h\x11%\x96\x93\x1d~+\x97\xf6}\x98\xdfB\x90\xe0d\xaa\xf6.(\x84\xce\xfe\x07X\xdb\xad\t\xb3\xbe\xbb\xc1\xb3\xbdK\x00\x04\x9b\x04\xe9\xcb+An\xfb\x81\xff\x16d\xa8\xc9:\xca\x89\xa0\x8e\xbeS?\t%\x920+\xa1&lt;a:L\x80\x0c^q\x19\xc8\x9c\xfc\xc07\xd9\x1f&amp;\x05\rs\xc3i\xb0:\xb8\x16;\xd2\xbd"\x94v\xec\x1a}UG\xe1\xa3\xa2(xy\xcf\xdc\xd4\xfc\x08[\x8f\xf8\x02\x84\x82P\xc4\x84\xf6\x98\\\xb2/\x87\xac\x11\xcf\xe7_\xfa:\xbe\x9c&amp;\xe0\x82\x81g}\xc7\xec\xf9\xa5\xfe\xadP\xef\x07\xbd\xfd%\xdd\x0f\x13\xd1\x1f\x9fe\x14\x16\xdd\xca\xe5\r\x84=\xec\xe8\xdfd\xc4]U\x0c\x1f*\x8c\x9c\x81\x11\xbb\x87\x8fBZ\x83\xa0\x1ew~\xc1x\tPi\xab\xa45\x91\xaeV\x93\xc0\xab\xfa\xac{\x00\xea\xc2\x8d\xb5=v\xd3[\x82oC\xcf/\xa6|\xe7\x16\xa4$\xe3\x1c\xb8\x0e\x84\xf0\rq\xef1\x1c\xb2\x9f\xa1.|a\xad\x0c\x03\xb7#\xd4\xb5 \x85@\xf8\x87\x8aW \xda\xef\xa4\xd6lA\xf1\x7fqB\xfa\xe6\x14\xa6@\xab\xcd0\xcc\x1e8\xbf\x7f\xdb\xe3\x94t\xe2\xafy\x90T\xc3\xc2\xf1\x11\xc9\x0bZ\xc8\x8c\x07\xa9\xb9-I\xdb9\xf5T6N\xfd\x89J\x0em\xf7\xb5\xd5I\t\xa9l\x9a\xd6+\x11~\xbc:\xfd\xd57\xb8\xb2\xfb\xab\x9b|\xa0\x0b T+\xe9\r\x9e\xdcDm\xf2O\xc7\xe8i|\xb5t\xd6\xe6\xc3\xdc\xe5V\xbb \x96\x8d/\xcept\xa8{\xd5-\x13Y\xa1B\xfc|\xea-j\xbb\xb6\xad\xcb(r\x01\x95\xf0.\xeaV\x7f\x88k\x0b\xc5\x1a\xbe\xb8\xf1\x08\xd3\x96*\xcbG\xd8\x05\xb3\xf1\xdb\xb6\x96\xb5\xda!q{\xcdq\x8eCvR\xdbj\t|\xee\xb8\xd4\x01qdh\xb8\x16\x14\xbd0\xac\x0c\xc1\x1e\x99\xfe\xfd\x9f\x1a\xd2\x15\xb6X\x14\x0f\xd1Z5\x15\xf1\x13iZ\xe9Ut\x0c\xbe\x8b\xfa\x9b\x13&gt;\x91F\xa6\xb25H3Y\xa0\xf3\xeeM\x03F\xfe\xd50\xaed\xfb\xc7\xf4\\\xc8\x82&gt;\xd7G\n]\xb8\xe4\xb3\x96S?\xba\xcc\x05\x1e\xeal\xf5\xaax\x1d\x1d\x12S:\xa6\xa6\xed%\xd2\xfa&amp;\xa2\x9d\x02\x15as=w\xe2:\xa9\x05\x98@M\xccX+\x92\xc9\x9bkD\xc5H?.y\x0b\x92\xfe\x9a\x8f\xafNI#\xb2 ]M\xe5Bn\xe0$\x15*\x13\xe0\x157TO\xe2\xaa\x1c\xf1Q\x98\xb7/\xef8\x8f\xa0J\x82\xb1)&gt;\x1f\xe8\xc6j\x0b\xa5ZX\xaf\xfb\xdf1*\x19\x86C:\x03\xdd\x06j\xe5l\xa8\x84S\x02\x9e\x89\xdf\x19g\x04\x89\x12\x15)\x14\xa0\xbd;C?\xfcDR\x05\x81\xcb\x05\x93\xf2@\'\xb9\x94r\xce\x1d\xb8&lt;\xe1\x0b\xe8\x98\x96\xf1V\'\x1fL\xde"H\x10\x101\xce\x0f\x9a\xb5\xd0\xf1\\\xd3\xa23\xc4\x06\x14Qz\xbf\x9cy\x0c\xe0\x05\x1d\xd6\xcfN|1#a\xe9o\xc0\x8c\x87\xc9\xce\x86\xb7\xa4v&gt;\x81\x18\x16\xbfgw(I'</t>
  </si>
  <si>
    <t>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</t>
  </si>
  <si>
    <t>b'\xf2d9L\xe6{\xf3\xad0%$%3\xc6\x9a\xba'</t>
  </si>
  <si>
    <t>who had enabled him occasionally to leave his prison-chamber; and
 Ludovico, who had for some time found a difficulty, in procuring any
 part of the wages due to him, had now scarcely cash sufficient to procure
 necessary refreshment at the first town, in which they should arrive.
 Their poverty was the more distressing, since it would detain them
 among the mountains, where, even in a town, they could scarcely
 consider themselves safe from Montoni. The travellers, however, had
 only to proceed and dare the future; and they continued their way
 through lonely wilds and dusky vallies, where the overhanging foliage
 now admitted, and then excluded the moon-light;â€”wilds so desolate,
 that they appeared, on the first glance, as if no human being had ever
 trode them before. Even the road, in which the party were, did but
 slightly contradict this error, for the high grass and other luxuriant
 vegetation, with which it was overgrown, told how very seldom the foot
 of a traveller had passed it.
 At length, from a distance, was heard the faint tinkling of a sheep-bell;
 and, soon after, the bleat of flocks, and the party then knew, that they
 were near some human habitation, for the light, which Ludovico had
 fancied to proceed from a town, had long been concealed by intervening
 mountains. Cheered by this hope, they quickened their pace along the
 narrow pass they were winding, and it opened upon one of those pastoral
 vallies of the Apennines, which might be painted for a scene of Arcadia,
 and whose beauty and simplicity are finely contrasted by the grandeur of
 the snow-topt mountains above.
 524
 The morning light, now glimmering in the horizon, shewed faintly, at a
 little distance, upon the brow of a hill, which seemed to peep from 'under
 the opening eye-lids of the morn,' the town they were in search of, and
 which they soon after reached. It was not without some difficulty, that
 they there found a house, which could afford shelter for themselves and
 their horses; and Emily desired they might not rest longer than was
 necessary for refreshment. Her appearance excited some surprise, for
 she was without a hat, having had time only to throw on her veil before
 she left the castle, a circumstance, that compelled her to regret again the
 want of money, without which it was impossible to procure this
 necessary article of dress.
 Ludovico, on examining his purse, found it even insufficient to supply
 present refreshment, and Du Pont, at length, ventured to inform the
 landlord, whose countenance was simple and honest, of their exact
 situation, and requested, that he would assist them to pursue their
 journey; a purpose, which he promised to comply with, as far as he was
 able, when he learned that they were prisoners escaping from Montoni,
 whom he had too much reason to hate. But, though he consented to lend
 them fresh horses to carry them to the next town, he was too poor
 himself to trust them with money, and they were again lamenting their
 poverty, when Ludovico, who had been with his tired horses to the hovel,
 which served for a stable, entered the room, half frantic with joy, in
 which his auditors soon participated. On removing the saddle from one
 of the horses, he had found beneath it a small bag, containing, no doubt,
 the booty of one of the condottieri, who had returned from a plundering
 excursion, just before Ludovico left the castle, and whose horse having
 strayed from the inner court, while his master was engaged in drinking,
 had brought away the treasure, which the ruffian had considered the
 reward o</t>
  </si>
  <si>
    <t>b'\xc8\xb752T\x92\x9cX\xf7\xc3\x92\xb74uRb\xc2\xd8uW\xafSf\x8c\xc7\xa9\x93\xda\xa3\xde\xda*!\xfb\xbd\xa8D\x9d9\xd0}\x80\xf9\xfa\x9f\x1d\xe7\x83\x0e\x0b\xc1Xu\xee\x88V@XL\xbaWpa\x8d'</t>
  </si>
  <si>
    <t>c8b7353254929c58f7c392b734755262c2d87557af53668cc7a993daa3deda2a21fbbda8449d39d07d80f9fa9f1de7830e0bc15875ee885640584cba5770618d</t>
  </si>
  <si>
    <t>b'\xc8\xb752T\x92\x9cX\xf7\xc3\x92\xb74uRb'</t>
  </si>
  <si>
    <t>ere anything else we should know about the brand?
 What would you like to see us release next?â€
 Natalie is thinking, Damn, this company is AMAZING.
 Now youâ€™re in an exchange. Youâ€™re building a relationship. Youâ€™re
 giving the customer something they loveâ€”value, and the thrill of feeling
 specialâ€”but getting so much more in return. Always go for the give.
 From there, if your customer gives you feedback or a great idea, keep
 going: â€œHey, thatâ€™s great to hear. Thanks so much for the kind words. If you
 feel like sharing about your experience, we would love your feedback in the
 form of an Amazon review.â€ Thatâ€™ll do it, every time.
 When a customer does leave you feedback, screenshot it and post about it
 on Instagram. Publicly celebrate it. Show the community that you are
 listening. Your job at this point is to make your customers addicted to giving
 you feedback. They donâ€™t just like your product; they love giving you
 reviews. They love supporting a company thatâ€™s so involved in their
 community.
 What If Iâ€™m Stuck at Ten Sales per Day?
 Youâ€™re going to get stuck at times.
 Some get stuck around ten sales per day. They launch, get to twenty-five
 sales a day, then have pullback. They start thinking, I donâ€™t know what to do
 now. They start worrying about numbers and algorithms and stop being
 curious about the process and the people behind the purchase. They donâ€™t
 open up customer loops. They donâ€™t think, Who are my people, and where
 are they hanging out? Instead, they figure, Well, my product must not be
 good enough; guess I better go find another product to launch.
 They spend all that time stacking the deck, building up an audience for a
 launch, and then they just walk away because itâ€™s not an instant success. Or,
 even worse, they think, I donâ€™t understand. My product is better than
 everybody elseâ€™s. It deserves more sales. Why arenâ€™t people buying it in
 droves?
 Just because you think your product is better than anything else on the
 market doesnâ€™t mean it will outsell everyone else. Thatâ€™s not how it works.
 Any idiot (and Iâ€™m not calling you the idiot!) can throw a product up for sale
 on a place like Amazon and start to get ten sales a day. And that idiot can buy
 reviews from cheap Chinese accounts until he or she gets caught and banned
 (yes, I know many people who have done this). It takes the willingness to
 keep grinding, being in the weeds, and cultivating a following to grow to
 twenty-five sales per day and beyond.
 If you plateau, your temptation is going to be to think bigger. I
 recommend you do the oppositeâ€”go super micro. Remember my advice to
 Ken? What can you do this week to get ten more reviews? What can you do
 this week to blow a customer away? What can you do this week to motivate
 your following? Who can you contact this week who might talk about you
 publicly?
 I have students who get a bump in sales every time they talk about their
 product on their own personal Facebook page because theyâ€™re
 communicating with a different set of people. They highlight a different
 feature about the product, or they simply hit people at the right time.
 Sometimes, doing the small things for long enough is all</t>
  </si>
  <si>
    <t>b'\x88\x82.XOzP\x08\xaa\x10=\x9f\x96n\xc6\x1f\x19\x82y\x84\x85\x84vy_\x1f\x16\x83Xu\x18\xf1e\xc7\x17\x96\x9a\xbe\xd3P2P\xb1?\x7f:\xc6D\xca\xb2,\x80\x1b\x02\xa5\xaf\x11\x7f\xa4\x90R.\xae}\x81t/\xc5\x1b\xac*\xbbuE\xf4\x0e=\xe9\xc6P\x7f\x91\x93\xe7\xaeA\xe5\xb2\xa4\xff\xcb?{\x03BK\x0cL\x1c\xe9\x869\xcf%\xa6a/\xd5S\xd7\x1d\xaf\xca)\x8a0&amp;\xe2\xd3\x9f\xef\x84\x18\xff\x18|\xbb!\x81\nR\xdc\x12\xa5\xd4\x02\x7f2\x9cX\x0b\xaf0f\x8cp8\xd9\x87+\xb3\x17K\xc8\xd7 \xddf\\Go\xa8\n\x8b\xaegG\xf7@\x01\xd8\n\xbamj\x9a\x83\x0eW\xc5\xae(\x17\xb7\xf2\xf0\xb5\xbdcG\xb8no\xfal\xfb\xf0dfQxp\x8f\x877\x83\xac\x00\x9e\x83\xfa\xc7\xdb\r\xbc\xb6_\x8b\xd5\x16\xe7\xda\xabt\xa5a\xb27B&amp;/\x1f\xfa\x1e\x92\xda\x8f\xf5\xb7\x01o\xe54\x9doG@s\xd2_\xa4\x9b\xec\xd2\xcam\xf9\x03\x07]\xc9\xa3\xa7\x8f\x87j\xe0\xeeM\xedn:\x8d\xf0z\xc6\xa3\x97\x01R\xb4\xb5\xfe\x13}\xe81\xeb\xca\xc2\x07t\x8a\x94&amp;6\x9dm\xfem\xb1Z\xeb\xcdx\x12\x08\xeb\xa6.\xf7\x18U(:\xa89\xad\xc3^\x92\xeca\n\xbeA\xca\xff\x9bn\x84\xb4o\xde\x1cp\x15\x12?\xfc\xeb\x0c\x93\xfaQ\xcd=d\n@d\x94\xce7\xd1\x089\xccKj%\x9d\x1ayG\x16\xa57\xbc\xe7\xf3\x06{\xa1\x9af\x80\x83\xae\x8d\x8bG2\xabA\x0e\x17A\xa3\x1e\x86\xfb\xa7\xc1\xde\xa6d\xb1x\xe1\xc23\xa4=5\x9e\xac+\x9eE\xb3Vs\xe8w\xbb\xf9?\x97\xd7\xcf\x94\x9e\xcd\x14\xf7\x8d*\x0fr\xbe\xad\x94\xda~/\x91\xc3r\xca\xf2$~\xb1&lt;6.K\xb4O\xb7h\xac\xc2\xc0\xb7\xdc2\xb9\xc0\x8bS\xa1{t&amp;R\x8b+\rkl$T|\xaf\x9b\x94\xa4\xa2aX\x81\xba6s\xdawL\xea\xce\xd9W\xfa\x18\x8b\xc2X`y\n\x00p\x0c,\x96\xe2h\xeaT\xb4\x9a\xf2g\x01\xe0\xeb\xc0(D\x18\xae\xf7\xa6\xc9\xd0\xa9bGuj\x91?)\xa6@\x82\xdcl\x1a|2\x1byw\x86e\xb1\xb2&lt;\x88\xa7c\xe2R\x1e\xa5\x8f\xe4\xd4\x05\xf2YH\xed1L\x9a2\xf2j{\x15O!\xa3\x93/!\x98\xd3\xa7\x7fP\x81oiA\xe9\xbf\xe6F3`h~\xc5{\xfa\x1e\xcb\xb6\x7fT\x0ep\x8f\x12o\xb2n\x99\xc1\xcb\x85\xa1\x0c\x96\xef\xdb\xae\x9c\xe8dY~\xc6\'\xcf\r\xee\x12\xa8/@\xf4_\x0f\xf0D\x97\xfb\x02S\xb3\xd8\xdb\x11\xa7\xf4\'V\xf3v\xfc\xc9\x1b\xe5\xde8\xa5\xc3(\t\x84F\xa3\x8fvb\xfc\x1f\xdb:l\xbf\xbb\xd9\'\xce\xde\xc97\xaa\xde\x06\x04\x95^\xe9CK1\x085_\xaf\xb9\xf3U\xdb\x1f\xceIJ)\xd4\xc2\xac\xab\x08\xdf\xde\xd8\x94Oy\xb9z\x90\xbay)\xccy\xca\xbe\xec.\x1cX\x8a\x12\xccTU\xaaB$\xf5"\xcf\x0c\xbd\xe8\xbd\xa1\xc2x\x1e\xce\xffV\xce\xbb\xe6\xe9\xc2\'\xbb\x9d\xe4\xe1d8l\x05J\x14J\xb2\xcf8\xe7\xc5\xb4\xe3\xe4]\xff\xd24\x8b\xd3dA\xd9#\xe7\xe10\xdfS\xcf6/\xea\xcfd&amp;\xa49p\x18\xff\xbc\xfd{\xfe\xa6$\x0b\x9f|\xf0\xa4\xfc?\xe1e\xd1\xacI%@\xd7*\x017\x81\x10\x1a\x1b\xd7\xad\xb0d\xcaYvx0\xae2\x14C\xfb\x18\xee\xbb\x18Iv\xf9S+9w\xccA\xe2\xba.P8\x95}\x83r\x7f\x915\x1e\xcel\xc9X\xca\xddYc\xed\xed\x92}\xfbDV\x14\x14x\x90\xf1;y\x03\x8e\xb7\xd2\xfb\n\xe2\xea6\xfc\xe0\xe4\x1e\x92\xd27\x01\x8bA\x823\xca\x91j\xa3\xbd\xd7\xf5L\x1arN\xc5\xda\x1e+\xfd\xcb\xa5\xdf\xe3\x07`\x9d\xe5\x7f\xb9N\x8e\xb5J\xe1\x91\xd6\xc9\xa9Tn\x9e\x93\x86D\naj\x1c9~\xb1\xee\x08\x04\xd9\x0c=\xba&gt;\xcd\xae\x02\x87\x01;\xd3\xc0\xc4Qz\xa2V\xee\x8d\x9c\xb9ug\xdd\x87\xa9"\xa2\x04\xf7N5\x0c\xdf-\xe16\x9e\xc5\x94\xdd\xee)\xd1Yl\n\xef\xb2h0\xdd\x0f\xec\x8e\xff\xb2{\xcfe\x96}\x02K\xf4\xa2\xc7|T\x19\x9b\x02\x80gz\x8b,\xe2\x18\x1a\xbdG\xc9\xf4a\x92\xa7:3\x94-\ryy\x87\x06\xa1\xfd\r\xb9,\xbb\x05\xa0Qs\xa4\xc4\xf1\x03~\x82HV\x7f3\xfd\x9d\x87\xf2\x9a\xe4\xde*\x89*\xca\xe70\x9c\x02\xfa\xe5\xc3\xf8\x94\xe1P\x03\x06\x86\x88y`zA\x04\xa7e&lt;G1\xe1\x15v\x9e\xa4\xd7^j\xf1\xeb\xd2&amp;\xb6\xea_G\xfd\xb1\xaa\xa8\x02\xa6bU,\x94{\xf5\x80S\x16\xcb\x03=\'\xc9\x06\xb6\xce?\x91\x12\x131X\x17\x88\xf30sL\xb4\xb2\x85\xc6@\x12\xfb\x93\x84\xcc[\x973s\x92\xad%\x7f\x9eW\xccR\x859\xa0es&lt;\'T\x93\x05\xbfU\xc3\xa7\xb5\xa1.l\xf4 Q\xe9F\x04\x9d\xb3\x8f\x10\xc5z\x9bD\xe4\r\xb05\xf1\xb2T{&amp;/`\xdd.I]\xb4B\x87j\xb8\xe4\x88\xa6\xd7\xc7\x929g\xbc\xa7\x1c\xfd7\xe1\xf7\xc81pRSPu\xf7&lt;!% \xbf\x17\xcd\xc1\xd8\xf4\xf0\x00=\xdaL-\x92\xaaC&gt;\x1d\xc3\x98\x12\xf3\xb4\xc4W\xda\x1d\x11\xe4\xb1\xd1^\xfb\xe3\x08\xea \x18nI\xa9t5{\xe1g4"b.\x96\xd8\xb4(\x95:\x13\xb24d\x81]\xd3\xcdX\x93Y\xdf\x86d\xad\x94\xda\xfc^B\xaa\xf0\xb2\xfe\x8e\xb5H\xd3k\x0b\xe4\x8e\xa6\xfb\x91\'\x01\xc3\xc5s\x02\x115\xb92g\xdcIWZ1R4\xd5N\xb4N\x0eE\x96\x99|\xfaR\x9f\xd4H\xb6\xf3\xf5\xden\x11\x1cr\x98\xee\x89\xff\xc2\x94\xa6\x0b\xe0b\xad\x16\xf4\x07\x02\xc2{\xeb\x84\x0e\xc4\xa5\xf8bG\xff\x14M\xe4\xcfd\xefD-\xdb\xf2\reRB\xdb\x01\xe4\x98\x8b\x0c\xd0eaI\xbcl\xb8z6\xca\x0f\x06\x91\xfd&gt;\xf4\xa0\x97\xf7\xcd\xb7\xfa\xd4\xbc\xe7\xca \x89\xf2\xd3ONw\xd1X\xb2 \x9dG^*5A\x90\x0e\x1d\xdc$g\x84:E\xa7?\x05\xac\x8a#\xa3\xb8\xc3+g\xedNR9\xf1n\xa6G\x8d\xee\xdd\x93#\x89\xeaV\xeb\x8b\xc6\xc4!)\xe0,\x99\x96\xdd\xd1\x1b\xa1\x1d\x06T\x18\x94\x9b\xb0\xcb\x9e\x96\xd2\xeb8V(IA\xc1-\x8b\xb2M\xf2\xa9T\xf6S\x0cS\xb8H\x110\n\x07\x9au#&gt;\xcf\'\xd1w#\xfb|\xf4\xc7\x98?C\xef5:/\x94\xbb\xc9\xe4\x18/\x08x\xfb\xd2\xa8W\x0b2\x14U\xdb\xf9x@{Y+\xfb\xb8\xa5\x06\xdcg\xbcO\xe6\xea\r\xd5\x9d\x9c\xb3\xe1M\x8d\x16\x07L\xd8\xca\x9d\xb9\xe4\x94\x0b\xeb\xcb\x06f\xc7{\x0b\x12(;b\xe8\x85\x17\xf3\xe0\x02e e\xfe\xf0&amp;&amp;\x86\xba\xeaH\xf7\x90\xa7\xde\xad\x94\xca&amp;\xdf`\xc7\xed\x81\x9e\x03\x1a\x15)\x96U\xe8kWe#f\xda!:{\x17\x00X&lt;\x8cr\xcd\xb9\x98\x8d\x13\xc3y\xb2\x9a\xf1\xadjv\x0c.\xe5(\xd1\xa0D\xdb\xda\x0f\xef8j\xb6r\x83X\x1a\xc0\xea&lt;\xbb@\xf0\xe7\xf5\x13\x94`WBS]\x08\xfd\xdb\xc4p2v\x1c\xa0s\x89Z\xec\x11$|\xee\xb9\xee\xf20\x93\x9b\n\xb6\xdf\xb3c/\x9c\xec\x13J\x9f#\x0c\x99BYd\x93\x01\x04\x91;\xf6N\xc1\xdb\x07&amp;4\xf6\x82\xa5\xbe6\xe4\x05\xe1\x93\xe8M\xb9\x94\xde\x1bw\xaf\xabx\x815\x95?/|\xcf\xf1\x03\x03q\x1e\xc0\xa4\xf8[\x1b\x01\xf7\xe5\xe2\xca\x8f\xcdmx3\\\x12;\x1f&gt;, \x8c\x8d\x81V\x89\x8d\x07\xc2.\xc9e^dC\x12\\1%B\'\xa2\x1b\xb7\xbao\xf6\x87\xf7\x8e,\xdd\xe5\x14\xb3\xd0\x0e\xa4\xb6\x17\xf3\xc0S.\xbe\x16\xb8\xf8\x0b\xf7\xcc\\6\x9f\xc5\xc3H\x9f\xfd\x18d\x02\xf94\xbdW\x9b\x0e\x9e\xd8\xee1\xe9\xe2uV\xf8G\xab-M\xae\x9e&gt;\xd37&amp;\x8fC\xfft\x91w\xcf\x11]\t\x97-\xabL\x14\xe1\x90\xc5\xde\\p\x8d*\xa4\xe7\xde\\vn.cp\\p\xf4\x0c&lt;\xb2\x7f\x0ba\x19&lt;\x1d?\x02&lt;\xcb\x0fZ\xdd\xd4&lt;\xec\xb7\x18!\x01\xf6\xab3\xda\xca\x83\x8a\xbb\xe5\x0b\x89\xb1\x99\xefU\xacK\x00@=\x87\x12R\xca\xb5\x10\xd9f\x92\x83\xbf\xda\xc3\x05\xb4\xe7\x13\x00\x1f\xe3\xe0d\x17g\t\x89W\xe3U\x01\xd2\x9c\x04F\xea\x03o\x19\xd6\x97\xd44\x19= \xb2\xd7\xa9\xc2\x92qXQ\xd1e!\xd8|p\xbd8K\xb0e\xc1f,[\xa6\xa3N\xec\xcc\xfcP\x90\xa5\xa9 \xb7\xc8I\xfb\xb2\xb4E0\x91c\x90\xa9y\xa3\xa4o\x1d\xe8ee\xf8\x91\x98\xf9j\xc2\xd2\'\xb4f\xd8U/\x12|\x90\xb4\x01\x90\'\n4\xe5\xcbq\x816ay\xe1\x871/3_\x86\x07\x91\x02\xd5\xc87\xd22J\xc0\xca\\\x9e\x16]\xcd\xebK\xa0kbS\x9f\x95\xae"i\xeb\xb9\xfc\x15\xe96\xe3\x8c\xc1\x1abo\xa6Db8I\xd1KY\xa9S\xeb\xe2j\xde\x12\xf7\x04=\x82\xf1\xbbX\xb0\xaa.\x03\xd9c\xaf\xe5\xfa|\xbdi\tu\x83\xdcO\n\x8c\x88\xe8M\xe1\xac\x99{"\xc0j\xdc\xf9\x0cN\xb7\xc4\xeb\xf5\x1a*\x8aj\xa6f\xf3\x03\xaf.}N\x1c\x8d\xdaA~l\xbd\x0e\xda\x9a\xb1H\xe8\xa85U\xa8"\x96\xb4\x14\x9ae\x86\x0f\xb2\xf3\xe7\xef\xd1\xb0\xfd\xb18S\xac\x02\xb4\xb2\xe4\xaa\x88\xb0\xa3\xb5\xf31\xfdbK\x07\x13I\xb4\xf6\x98\\n\x82\xd5&gt;C\x02&gt;\xc2\xa4\x1d\x05\x99w\x91B\xa8w\x1b\xbe\xed\x83\xac\xe4\x83-\xf4\x94\x95\xdc\xbd2\th\xf7\xdf\x99\xc9,4\x08\x1e\x90\xf2\r\xf1\x98\xbeuA\xf3\x05&amp;\xa7\xcd\xd7BlK\x934N\x1a\xec\x1c\x13:;\x12\xbf4\xf9\xdc\x1b\xa7\xfa\x81&amp;\xd4\x0f\x96\xcc\xe3\xa2hq\xf3\x9e\xbci\x90\xcfN\x9e\xc9Q\x80\xc7\xda\x96tW\xed\x91\xb9o\x85r\xa4\x89\xd9\x94\x9e\x8fw\xef\xf2\xa8X\xf7\x89\xcf\x8c5\xdc\x19nV\xadIa\xba\x1b\xa3\xfd\x13;\xe7J\xfa`P\x8dY\xad\xc9\x7fU\xea\xe9\x8f[\xb1.tg\xcf\r\x87E\n\xbbS\x82\x8a\xa5\xed\x9e\xa5+\xc6\x02Ft\xb5a\xf0\x0fe\xe9/\xd1\r\xfd\x8b\x85K\xf45\xde\x94\x17\x9a\x08\xcf\x90h\x00\x9c\xb8\xf2\x1dA0\x18\x05\xcc.9`\xa7\x9c\x17\x9ef\xf3\xb8 \xb4\xda\xc0\xff\xe4\x11\x9a\x00\xe1u\x05\x8f?S\x97H\xd5\x1f6\xa5li\x9d\xe4O\xb5$(\xc4\xef\x8cV\xef.\x12\xb1\xc6\x88\'\xf9N\x92\xb6\xc7\xc1\'\xb3g\xf2\xcc6\xa8`n\x06}~\x19(\xcc\xd7)\xe9\'IR{\xc0@z\xad(z\x1bb\x1c\xa8\xaam\x82\xbc\\\xfe\xb7\x9b\xae\xa3:X\x8bSp4\xceb\xe6o\xd1\xb9)W\x9dD\xcb\x9e\xc0+\xdaq\x9a\xd2\x07qZ\xdc\xf3\xbf\xb2\xd0\x97p\xca\x02\xc2!\x1f"\xa8\xc44\xb4\xee\xe0\x99\xaf\xe5\xdb\x1c\x81\x90\xc2\xc1\x1a%J\x8f6\xf3Bln\xf0`\x8e\x04&amp;P*QXZ\x8a\xb3\x86\xa5L?*\xb3\xfd%\xc0\xe3\xebx\xdd\xab\xac\xc4Q\x1c2\xac\x9e\x817\xf6\xa3\xba!o\x8d0ph\xe5tvG\xd4\x1a\x81\t\xd4 9\xcb\xf7\x91k\xc1$ofs\xa2\xa1\x06\xf6\x94\xfe\x94\x8bP\xbdl-\x17\xfa{[\xf9)\xe6\x98)-\x1d\xd7L\x86\xe9kp\xaa 5"\x81\x9c\xe5J\xc5i\xd6\xb7\x85\xf3N\x88\x7f\x81r\'\xf4\x0ea\x12p_\xe8;*\t\xf8\xf9\x0b\x8d\xdd,y\xc0\xf6NQN\x90\xb5\xad(\xf5\xf6\x1eS \x1e\xdc\x04\xf4\xc1\x84\x11\xfe,F\x01i\x07\x8f=H\xb6C\x01\xa2\xba]\x83 +\xf4q%I\xffix\xcf\x86\xe8\xb7~\xf9y\xb0\x17\xfb\xfc\x02+\xd2\xaa\xa2\xba\xdf\x87K\x11W\xb3_\xf8\x12$\x99\xc1i\x04H.\x84\x9fPg\x87X["Y\xd2S\'\xa7\xa9\xcaq\xbf\\;\x1esm\xfa\xab\x1b \xe1\xce\x87\x06\xa0.\x05\x80\x16\xec\xeae\x1d4#\xb2(\xeb\xf3\xff\xc3zv\x9a\xce\xb3\xb6\x9c\x12\x8e \xb0\x94\x84\xdf\xf6\xff\xe2\x08\x89\xc9\xbd#\x06\x9e\xf3\xb6\xfe\x97"\x7f\xce\xb5\xde\x10\xd7\x0f\x87\x9d\xfa\xa5e\xb2\xd0\xf3\xb5\xd7\\rCu\xb5V\x94hE\xd9= \x92M\x1f\xcb)X\xea\x06\xe9&amp;;\xbd\xf5O4\x1d\x03z4~\xa0l\xa6\x1e\xbc\x8eI\x14\xd7h\rx\xb1\x1b%\xfe~D\xf8\xde\xcanc&lt;\x8b\xd5\xfaT\xe0\\\xe8RS\x1c\xcfh\xca\xb4J\x0b\'\xd6t3\xbb\x8eM\x1c\x00\x8a"\xcf\xdb]\xcc-\xa9p(\xfc\x88\xe8B\\\xe5\xde\xff\ns\xe4\xc5\x9b\xae0u\xbb\x86te\x04\x03\xdb4\xcb\x8a\x9f\xb6\xc2\xab\xe0f\xcc\xf9&lt;]W\x1fJ\x1d\x918&gt;\xf3Pt\xcf\xde\x13F\xad\x17\xaec\xc85L\n\x82%\xc7\xce9t\xd0\xba(3]=\x13\xb1\xf9\xae\xc6\x02v\xe1[AyX\x04b\xbc\x903\xdc\xd0~\xa8\xc8\x94%\xb3s\xc43\x18\xc2\x1a\xf7\x1f\x8f\x90'</t>
  </si>
  <si>
    <t>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</t>
  </si>
  <si>
    <t>b'\x88\x82.XOzP\x08\xaa\x10=\x9f\x96n\xc6\x1f'</t>
  </si>
  <si>
    <t>our view of how these ancient Christians interacted with their Jewish
and pagan neighbors. Orthodoxy presents a story of almost universal hostility directed
against the true church, stretching from the murder of Christ through the persecution
of his saints until, miraculously, history reached a moment of dramatic reversal with
Constantineâ€™s conversion. It foregrounds an image of heroic resistance to relentless
attacks from furious Jews and murderous pagans, while belittling non-orthodox Christians and denying that they showed such resolve. It presents orthodox identity as
distinct, unambiguous, and unchanging, preserved through a principled separation
from the world, with â€˜â€˜trueâ€™â€™ Christians assiduously avoiding synagogue and civic
rituals, and any sort of friendly â€“ or even normal â€“ contact with pagans and Jews.
The messiness of real life rarely obliges the clarity of ideology. Embedded in the
very texts that promulgate the orthodox view lies the evidence of a more complicated
â€“ and more interesting â€“ story. To understand and appreciate the diverse practices,
experiences, and commitments of these many different sorts of ancient Christians in
the period before any one group could impose its own views is the goal of this
chapter. To re-imagine them, we have to place ourselves back in their world: a
world thick with gods and different ethnic (thus, religious) groups; a world where
communal eating and public celebration were the measure of piety, which was a
concern of the state. Further, and despite its roots in the farming villages of the
Galilee, Christianity as soon as we meet it in its earliest texts â€“ the letters of Paul (c.50
CE) and the writings of the canonical evangelists (c.70â€“100) â€“ was essentially and
alrea</t>
  </si>
  <si>
    <t>b'\x92\x14\x0e\x1bzX\xa0\xc5G\x0e\xf5\xb9\x81$\x89\xb2\xe7P\xf5\xf06\xda\xb7(Y\xb2@\xff\xaa%\xe2i\xd0JS\xfeK\xa2\x1ds\xae\xf9\xf4\xedY\xaf\xde\x12\xd3\x96\xc4\xc3w~\x9b{\xe9S\xe2\xa8\xef Y\xdc\xdb\xd0r\x1f\xf5\xdf\xf3\xc0(W\x8d9\x10\xd2U\xf7\xf9\xb1G\x92\x1d\x83\x0b\xa5\xbf_\xa8\x01\x1bXG&amp;?&lt;\xeb\xeap\xa3\xc1\x9f\x8d\x18\x9f\xb7\xaf\x11\x0b`R\xae\x00\x97\xd0\x85\xb8\xfcaot\x17\x7f\xa1\x17\xd8\x03\xe6\xbd&gt;\x01\x10\x04!\xca\x91\xbea.\xda\x18E7\x92\xa1\xa85\xecv\xd6\x86\xea\xbal\x94(\xa2m;\x9a\x806&lt;$\xa8\x10\x0epP\xbe\xeb\x00\xa9\xd6\xc7\x1e\xe2\xa4\xc6:\x0f\x8d\xe4"\x8fC\x1d\xaa\'\xec\xa4=\xb7\xc0\x12\x15\xa2ib\xc1\x1f\xcf\xc5\xcbD=N\x8a\\\x15\x12i4\xb1\xe3\x8c-}\xad\xba\x04\\\x96\x9b\xd4\xe0?\xdf=\xd0\x84:\xe6r\xb8o-v\xdbT]c\xf7\xfd5\x85$\xf8{G_\xa4\xb9\x1f@\xe7E\xd6\xef\xa8\x0bZR\x0c2)\x1f\x8dv\x9d\xf1\xd9J\xb9\x89\x8cj1V\xf5\xb4"\xf4\xb78\x12\xb6\xb0\n\xa1\x82Pw1\xda\xfc5@=X\xe7\x0e\xd9\x07\xf2P,N&lt;\xec:\x0c\xb2\xc0\xff\xb4\xc1\xfa\x94\xddr\x12P\xa2\x0ej\x8d\x19\x01\xc2\x07Ln\x96\x9a\x88\x81\x81\x18)\xfe\xe4\x0f?\xbb\xabo\x01\xb9\x10U\xac\x01\x8c\x14X\x17&lt;C\xff\xf3\x94\x1c\x0b\x0f\x13\xdd4)\xb2\xd9\xaaa\xf6.\x0ci\x08&lt;F\xa9\xb7\xf0Q\x1d\x1c\xff\xe8\xff\xfb\xde\x8b\xfb\x12\x14\xdb\x81w=\x07\xa9\xd6\x1bD\x7f\xa5\xa0\xb4:\x80\x19N$\xb4Mm\xc3\xady\xe5\x02\x1e\x0fG\x92\xb0\xbf\xf5G/\xa5:\x0b\xaeKt\xffO\x1e\x18v(\x88\xac\xa2~\xb6\x82\x00\x9dL\x9b\x08\xfd\xa4\xce\xdf\xcdb&gt;Pae\x1d\xf5\xcb\xfdB\x10\x92\x14}\x0c\xa0\xbcDc\xbd\xe4\xc9\x1c\xb1\xca}\xf1\xad\xad\x88g\xe2?\xf4\x89\xc8$\xeb;\xbar\xd6\xb5\x83\xdcP\xb6\x88\x05&amp;\xa6?\xb8#\x83E\xb28v\xdb\xfdx\x10\x0c\xd0\x8f2yKk\x1e\xda\xd3\xd4Py\xf6\xaa\xb9\xf7\xf3B\xbc\xf5\xf3\x94oz\x8dl\x93\x05N\xd3\xd5\xf1Z4\xbe\xe4\x88\xd2|\xe7Kj\xb5b\x82\xa2\x1d\x7fvd/\x03\x8b\xc50\xc4C\x8d\xcbC\x02G\xbb\t\x13\xfeB\xa7"|W\xe3\xa9x\xb2[\xca\xa6K\xf3\xc2\xe2\xed\xfcV+hK&amp;\xf2\xf2\xe41\xf4\xab\xf9\xee\xfe\xce\xe8\xf6s\xb2M\xc7S\xb5d\xd5\xa1\'\xf8}\xa3\x1c\xad40n\x07da!\xbc\xaa\xed\xa4\xa3\xff\xdc\xc0\xa9\xe6{\xe2Y\x99\xeb\xf3\x99\xc1\\\xa5\x89~T\x86O\xc7\r\xd4!:\x17\xdbD6\x95g\xff\x9f\xde\xc4\x84\n\x94\xcb\x85\x0e\xe0\xab\xd2e\xa4*e\x89\x89\xcf\xe1\x08\x04u\x9aI\x8d\xae\xab\x87|02\xb6c\xfe\xe4\x81h{\xee\'r\xaa\\\x01\xeeEy\xd7\xe7\x84m\x02\x9c\x990\x02\x9a.X\xede\xef\xae4\r[\xd0\x97\xd8\xdd5^\xbb\x0c\xa2\x8f\x8e w\x1b\x1ea\xd14\xaes\xf3\x9e\xe3Y\xce\xc6\x93\x98P\xb3\x8c \xd96\x05LI~/\xb8\xfb/\xa8\x0e\x12\x91W\xbd\x89\x02\xcc\xad\xa6\x9e\xde\xde#\xb7n\xf2T\x01\x13\xf5\xc4_\xfb\xd1u\xfa%+\xe3Q:\xbe*\xea\x85\xa8aX_+(i\x1d\xaa\xbc8\xd3\x8b\\\xe1\x9c\x91\xa0\x90\xa0\x94[\xf4\x073\x9f\xa1\xf4\xc0\xddn\xee\xd2!+\xc2+\xa6B\x8b\x7f\x05\x1b\x8aWk\x03\xe3!\xa9u\xbc\x13\xfdeg\xdc\x87$\x93T\xb9\xc4V\x1f\xc7\x93\xd1&gt;%g\xcd&amp;\xcc\xe8~\x12\x81\xc8\xe8|@g`R\x14\xf6\xa6\xbe\x11\x9bQo\xa6@\x98\x05\xaf\x1f\x009\x93\x9bKT\xc6\n\xad\xa8\x97\xc0\x01=\x0e\xd6\n\xd1!8\xae\xd8\x0eE\xf7\xd3\xfb%\xec^jA\x19\xd9OwX;W\xf2\xd2\xa6\xfa;}\x8a\x05\x06\xce\xbd\xa8\xb5\xb0"\xa6\')\xab\n[\x89\xc7\xeef@\'d\xf7\x08\xb6\xc8\x9f\xb9\xdd:\xb2\x075\xbb\xe1\xb5tM\x89\xa5V\x9f"\x83;\xf9\x9dN`t\xc3\x9b\x83$WS1\x0f\xca\x10\xbc\x0b\x89\xf5r\x0eP\x8d\xc2\x82\xb4o\x86\xd0\xc0P!a\xe7[\x9c\xce0X\xaf\x14\xa2&gt;\x98\xc7sAj\xcd\xb8\xc4+\\+\xb3\xd3\x17\x1eO\xb1\x0f\xa2\x17\xc0{%\x82\x03\x83\xe3\xe3\xda_\x90\xa0_A\x14z\x7f\xf1Y(\xde\x9e\xe41\xa4N\xaf\xc9h,\x8b#\xb1\x1b\x14\xac\x1d\xec\xdb\xda\x15\xc6A\xd8ES\x07\xe3\x9ft\xe5L\xa7\xf4\x10\x07\\\xfe\xc9H\x0f)|d\xaf\x83\x81z\xf3\xdf\x8f\xc9\xf4&lt;A\x11t\xa1!S\xf0l\xc0\x1c{?\rkG\xb2\xdcu~[\xd0\xb4\xc5\xf4)md\xae\xcb\xb0\x05o\xa2k\x87$\xf8\x7f\x11\x14\xe5Q\xbe\x81\xe2?\xd2N\xef\x8c\n\xcd]\x11m\xa3\xbdS\xe8\x1e4\xbc\xf7\xd4TEc\xe3\xc6\xe2\xeb\xcb\x86\xfc\x9e\x98:\x06\x94\x0f\xd8\xf3l\xf9\x92l\x12\x96D\x1fY\xda\xe0\x83\xce\x15\x02\xe5\xa4\x16\xa2\xf5\xdbS*\x8a~\xba\xca\xfc\x82\xdf\xdcR\x84\x17\xed\xbf\xac\xcf&gt;\x08"\x0b4\x90\xc3\xb0]\x1c\xe1\xd6\xea\x9du\xf8\xb4\xdb\xbf\xe2J\x8e5u\x0b\x1f\x1fwD?\x9e\xb07i\xb5\x0b\xa0\xbf\xb7K\x9czW(\x90\x15b\xbc\xba\x0cvZ\xef@\xa0z\xd9N\x9c\xffi"\x054\xb1\xc9\x058w\xb1\x86\xe8\xf5\xbb+\xa7G\x9a=\xf9NM\xba53\x83xN\x06\xfdFo\xf5k\x8e9\xf8\xacq\xc4\x83K\xcd\xac1\'\xe8\xfc\xab\x85\x13\xfb\xf5a \xfe\x1d\x9dd\x1d\xc4:\xb36\xde\xcds?\xc0\x1b\x87Z\xd4\xd2\xf5\x0e\xca\xa6)\x8b\xf9\xea\xa4\xa3\xb1$\x9d,\xaes\xc3\xb5\x9d\t&lt;J;\x85\x8c]\xabSRd6\xb9\xdek\xa1\xb6(v\xa9f$\x83\xed@"\xc9\x14\xbat?\x01\x07\xe7\xa3\xd3-Kx\x1e\x87?\x14\x11\x02\x00\\&lt;Z\n\x7f\xe5\xf0t&amp;4\xef\x13\x8fS\x84@SEx\xac\xab\xd4\x13*`q\x0e\xe6\xc5"\x0c\x8c8G-J\xe2\xf4S`\xaa\xad\xae\x93\x9d(\x0cN\x1e\xf88\x99\xa4y\x06mOQ\x12/\xc1\xebx\xee\x8e\xce\x1eO^\x9b\xf1\x8e\xc0\x99\xb5\xac?nH\xf7\xcb\xc1\x04\xabe\x9e\xd4\xed\xe2\xd1\xcf#\x01\xb9oK\x911\xbe\xc0\xaf\x91\x9e\x041q\x18\xcfIO\xd0\x8a\xd0\xd3\x88\xebLQg\xeeJ]\x0e\x11\x10\x8fcL59\xfb\xcd\x80\t\xe2\xcf\x14F\xd8\xf4\xc4\xc5\x03L&lt;\xc6\x9d\xac\xf4\x97R:\xa5\x049\xedzyn 1\xd0I[RD\x03\xb2a\xef\xf2D\xe5:J\xfb4\xac?\xd6MK=\x03G\xd4[Y6+\x1dM\xde1J\x80\xfc\x1354/\xd4*\x10K.c\xb6\xefL7\xd8\x95eq\xe9 \x7fT\xc3\xdd_v\xd2\xdc\x8d&lt;\xb1\x9a=\xd5\x98\xd4\xe0f\x8a\xb1q\x89\xfa,\xba\xdb\xe1\xab%b\xa2\xc8\x1c\x1c\xe9=g\xeeE\xa4\xb1\xf0?\xa0\xf5\xb4#\xb1$[Y\x1f\x87 R\x9d\xd0R\xed0\xac1\xb5Fy/\x08,g\x87\xc4\x9aAdM\x8f&gt;\x9ech\xd5&gt;\xa6\xb9d\xf9\xfc\x97\x11\xf3^\x88^p\x81\xc9J\xa6\xee\xbc'</t>
  </si>
  <si>
    <t>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</t>
  </si>
  <si>
    <t>b'\x92\x14\x0e\x1bzX\xa0\xc5G\x0e\xf5\xb9\x81$\x89\xb2'</t>
  </si>
  <si>
    <t>I1 = 1 mA. Assume Î» = 0
 and C1 is very large.
 V
 R
 DD
 D
 Vout
 M 1
 I 1
 C1
 Vin
 = 1.8 V
 Figure 7.70
 Problems 347
 VDD
 Vout
 M 1 Vb
 Vin
 R S
 M 2
 VDD
 Vout
 M 1 Vb
 Vin
 M 2
 RD
 VDD
 Vout
 M 1 Vb
 Vin
 R S
 M 2
 R1
 VDD
 Vout
 M 1 Vb
 Vin
 M M 2 Vb 3
 RD Vout
 M M
 Vin
 Vb 1
 R D
 I 1
 VDD
 2
 (a) (b) (c)
 (d) (e)
 Figure 7.71
 (a) What value of RD places the transistor M1
 100 mV away from the triode region?
 (b) What is the required W/L if the circuit must
 provide a voltage gain of 5 with the value
 of RD obtained in (a)?
 *7.44. Determine the voltage gain of each stage
 depicted in Fig. 7.71. Assume Î» = 0.
 7.45. Consider the circuit of Fig. 7.72, where a
 common-source stage (M1 and RD1) is fol_x0002_lowed by a common-gate stage (M2 and
 RD2).
 (a) Writing vout/vin = (vX/vin)(vout/vX) and
 assuming Î» = 0, compute the overall
 voltage gain.
 (b) Simplify the result obtained in (a) if
 RD1 â†’ âˆž. Explain why this result is to
 be expected.
 V
 R
 DD
 Vout
 M Vb
 Vin M 1
 R D1 D2
 X 2
 Figure 7.72
 7.46. Repeat Problem 7.45 for the circuit shown
 in Fig. 7.73.
 V
 R
 DD
 Vout
 M Vb
 Vin
 D2
 X R D1
 M 1
 2
 Figure 7.73
 7.47. Assuming Î» = 0, calculate the voltage gain
 of the circuit shown in Fig. 7.74. Explain why
 this stage is not a common-gate amplifier.
 VDD
 Vout
 M 1
 Vin
 I 1
 R G
 Figure 7.74
 348 Chapter 7 CMOS Amplifiers
 7.48. Calculate the voltage gain of the stage de_x0002_picted in Fig. 7.75. Assume Î» = 0 and the
 capacitors are very large.
 VDD
 Vout
 M 1
 R
 R D
 R 1 CB
 R
 R
 2
 3
 4
 Vin
 C1
 Figure 7.75
 Sec. 7.4 Source Follower
 7.49. The source follower shown in Fig. 7.76 is bi_x0002_ased through RG. Calculate the voltage gain
 if W/L = 20/0.18 and Î» = 0.1 Vâˆ’1.
 M 1
 VDD
 R
 Vin
 G
 RS
 Vout
 1 k Î©
 50 k Î©
 = 1.8 V
 Figure 7.76
 7.50. We wish to design the source follower
 shown in Fig. 7.77 for a voltage gain of 0.8.
 If W/L = 30/0.18 and Î» = 0, determine the
 required</t>
  </si>
  <si>
    <t>b'(j\xb5i\x06\xf7\xab\xf8\xe7\x1a\x03\xdb\xd4\x98\x8f\xce'</t>
  </si>
  <si>
    <t>286ab56906f7abf8e71a03dbd4988fce</t>
  </si>
  <si>
    <t>idence (see Bowersock 1973).
3 The Social Sciences and Critical Theory
Although the importance of documentary and archaeological evidence for the study
of the empire has long been widely recognized, in certain important respects it is only
within the last 30 years or so that researchers have begun to exploit its full potential.
Interdisciplinary Approaches 101
The main reason for this development lies in the increasing influence of the social
sciences. The new fields of inquiry and the new methods of analysis that have been
developed in the disciplines of geography, economics, sociology, and cultural anthropology have inspired scholars of the Roman Empire to treat documentary and
archaeological evidence not merely as a supplement to the literary sources, but as
the basis for completely new avenues of investigation. Like the disciplines noted
above, the social sciences originated in the nineteenth century; their impact on
Roman history, however, has been much more gradual. Indeed, Rostovtzeff â€™s Social
and Economic History was perhaps the first major work to show their influence, for all
that his use of sociological and economic terminology was vague and problematic.
For it was not merely Rostovtzeff â€™s interest in the new archaeological research of his
day that made his work so seminal, but even more his willingness to formulate
hypotheses about historical development that neither depended on the evidence of
the literary sources nor were defined by the issues on which they focused.
But despite Rostovtzeff, the influence of the social sciences was initially much
stronger in other areas of history. This was particularly true in France, where Marc
Bloch and Lucien Febvre, in the journal Annales: eÂ´conomies, socieÂ´teÂ´s, civilisations,
which they founded in 1929, championed a historiography that stressed underlying
environmental, economic, and social fa</t>
  </si>
  <si>
    <t>b'\x1f\xc8\xcb\x86\xbcb\xb9`I\xe1\xe4(\x0c\x9c\xa9\x08\xec\x91\x81\x84$\xc8\xda\x01\x1f\xc8/\xd1\x88M\xf1\xf8y\x19\x16\xdc]\x87a\xec\t\r6\x1b\'\xae\x86\xfe\xb1\xe3\x82\xfa\x12\x06\xda0g\x84uM\xd6\xba\xcc\xeb(\xcb\xc9*dPM:\x11H[\xd7A\x85)\x96\xb8\xedG\x01s\x007h\xa1\x80\xb6n\x13\xa1\xe71\x1eZ\xc1)=\xac\x7f\'\xef\xd2\xc6}\xba\x1a"\xaa\x00\xc6B]\x8b\x86u\xaasQ\x89Z\xd1\x8e\xc7\xa4\xa51\xa3\x98\x9e\xd7\xb6\x8e\xd5\xb6\xf6\xfe\xd3\xf3\x85\xa8FXri6\xf1\x88\xae\xb3\xbf\xa1\xdeq\xb5\xe94$}&amp;[\x8e\xd0\x06\xf2\x16\x971,\xb8\xa2\xf0\xa3X/Wb\x83q^\xe1w\xde58%\xe6\xfe\xc93l\xa8-$\xad):F0\xc0x\x01x\xa1\xd6Y\n-\xd9*\xe1[ue\xa1E\xcc}\xbe&gt;W1}\x9e\xde\xec\x10 \xe1\xa0\x89G\xd02t\x8br\x12\xff\xc4+. 0\xab\xbe\xdc\xf4\xe3\xc8\x821\xeb\xdav\xb8\x04\xf3\x85jjfL\x87u\x9d&lt;J\xf7\x1ds\xbe\xfd,Q\xba\xb9\x1em\x8ceB\x06\xac?\xd1\x86\xaa\xd6\xecj\xf3\xcfI\xde\x9c\xa7l\x1b\x05N\xd5\x87\x0f\xcb\x80\x99\xc5\x98\x97\xd5\xb3\x07\xe4\x86OX0U\xa4\x9cc\xfd\x86\xd8N\x8c\xa7+\xcc\x93\x9be(\xf1\xbe\xdb`Ek\x05\x05\x9c\x95\x8d\x13\xd0\x0c\xa45\tu\x92\xb1\x03\x8c\xe10J2o\xbd\xb3k\xfe\xbe\xa0\x00Gb\xcd\xa2\xbd|Z}s\xb1\x0f]=\xbc\xff\x1a\x06\x0f\xc3\xec\xa0\x97K\x04\x9b\x7f.\xc5*\xd6\x01\xc0\xb4\xe7\x96\xad\xed\xfa_\x93\x94\xe1N\xcc~\xe7Y\x1ct\xe15\xa7!\xe6 F\x15\xdd\xa3\xe5p\x96:`\xa4\x93\x9e%Lg_\xbd\x8c\xa8\x1dcP\x8a\x97\xb4\xb9\xb5^6\xc1Z\t\xbb\x19\x93!Pb\xf1\x0b\x92b\xd6&amp;i\x16\xfb\xb4\xe1\x00\x13j\x06\xfa\xe6Lk%\'\xf6\x94-\xfd.\x1aLu9\xd4\xce4\x07\x0f\xd7KM\x00\xaf\xe4\x13\xc1\xfe9\xcc\xd9\xb3,d\xe3\xa7_\xc7\x7f.\xbaU\xe6\xa0?\x15r\x0cv\x85\xad(O\x89\xd45\xca\xa2\xd9\x04/\xaa\x06\xd3r\x9azp\x9b/V\x14\x94u\xcd`C\xdc\xba\xf4\xef\x00\xf7\xc1M\xdc\x82\xb6\x93r?g\x0e\xe7\xf8\xc2*\x0e\xadb\xcd\x8e,\xcf\n\x05\xd18z\xd2\xd0\xf6\xb2}\x88\xf0\x7f\xd3I,_\xfbp\xcd\x1b,\x8e_\x81?\xa8\x7f\xa0\x07u\xb0\xe0\xb4MR\x12L\xab\xbd\xaf\x9a\xed\x93A\x9e\xc3&amp;\x81w\xe5)\xe0k\xeb\xb7EpCf\xfe\xc0\xfe\x95\xb5n\xaa\xbb=\xb9{\xe2\xe8\x9b\xd6j\xc6\xbf\xf0\xef\x89\x1e\x00+N{\x94\x1a\xf0\xfa\xeb\xcc\xaf\xc7\xc24\xe3\x95\xb3@+~A\x0fh\xdes\xfc\xb7gZ\xbf\xd4$&gt;^\xe5,\xe3;8}\x83\x0c,Y$\xf8\xa7\xb2\x9a\xeel\x95Z\x80\xf1\xb6\xdb\x14\xcdk\x18\xa0\rWX&amp;\xbb\xf0\xae\xf3V\x13\x80\xb6\xd7vtC\xdb!\xb6|\xf1\xe9\xf2J\x19\x9a\xee\x16\xac\xf5\xdf\x1f}}\xbd\x97\x1a\x94^\xd3\xf8\xe1\xde\x146|\xd5\xde\xfd\xd1u\x84\xe6\xf1X\xb6\xc4\x0f\x03\x87g\x8b\xc1\x052_\x82\xa4\x03+\xa0\xc3@\x1e\xfe\xda"\xd9%s\x1b\x90\x8eK\x85\x96t\xfd{sW\xa8\xd5\x08\nu+\xec\x8a\xb4}\xea\x84\x00\x8d\x0e\xf7V\xf1\xb8+=\xadqg\xce&lt;A-\x12\x04\xb9\xb0]HkB\x12\x0e\xe4b\xb5e\xa3\xe55\x96\x97\xfb\x94\xdc\x02%\xda\x1a\x0f\x92\xc3\xe3\x84\xe9\xbf\xc8mo\xe6\xf3\x10\xc1\x0c\x99[\x85Q\xfbc\xcb3B\x84\x1a/\x8eKZ59\x11\xd0\xd3\x8d$,\x14\x8c\xc2\xfb\xce\x06@\x9d\x8c8\'\x1aj\x8b\'\xd80!\xc7\x9fF,\xb6\xd8\xe9\x03\x1el\xe3&amp;\x0e\xccJBat\x92\x96\xd4\xdd\x98\x7fl5\x80\x8d\x10?\x96X\xaa\xff\xb1 \xa0\xb3\xa9\x0f\xc6\x89x+\xb8\xaa\xe2n\x87\x0b\xec\xc2\xd9\xd5\xbb%\xd8#\xbc$\xa4\xfe\xbf\xc9\x06\x9a\xf3[\xad:\xab\x04w\xd6I\xc6\xafT\xcc\x1c&gt;\xe9\x88y\xd5\x1e\x1c\x8e\xc7\x1c\x1d\xc7\xc05\x9aE3_\xca\x0b\xa0Jz\x80\xbb~\xa9\x95[\x84&amp;\xf66-\xd8\xfbT\x1e\x17\xee\xb87\xc0.\xcej\x03\xfa)\xdb\xdf\xc0[jL\xe5\xa0B&gt;\x1f\xc1!\xcdr\xc1\x89\x93R\xb3\xf8\x0c\x1e\x18\x15\xc2\x1b\x82\xa5\x90\xf5ng\xf8\xf4Fou\xbdGY,\xe6\x06@L\x03\xbc\x00C\x12\xfa&gt;\xfd=WQS\x0f\x9f`(=q\x1f\xe1\xd0\xd3v\xc8\xb5\x01@\xe5\xfc\xd5O1\xc1d{h\xf2\'b\\\xbf\x9a\xf6\x8fh\xba\xd2\x82\xdf\xe01\x1exV\xf2`\xf5Z\x1b\x92\x8f\x7fp&gt;\xa9\xa21\xd8\xa0c\xa4]\xb9\x80v\r\xc7\xae\xc3\x8ci\x01\xb2\xbc\xc1\xe1\x81\xcbX\r!\xd9\xf3\xbc\xc9~\xed6\x15\xc2\x1f4M\xe2\xb4~8\xd4\xa4\x91\xbe\xbc&gt;_\xf6\x1d\xfc0`\xefg\x82k\xe99z\x0c\x1by\x8e;l\x19\xf1q\xd9\xc6\x9c\xfa\x96\x89$\xae}\xcf\x9a\x06\x88\n\xd5\x1e\x18\xa0\xb1mr# \x19\x18\x1eaM\\\x95\x1d\xb0mmp\xec\xfar\xc7\xc5\xd6\xb2\xaa\xa69K\x18\x1cL\x97|75:,\xd9\xe0\xb2zi\x06\x8d\xcaEpI\x05\xd9.\xa6+\xddg5\xd6\xc0\x96\xc5\xcf\x93b\xd9:\xe4\x1dQa7\xc3N\x03\x87MY\\7\x8c\xfa\n\x12r\x94\x17\xf49\xf3\xb6\x15\xfb\x04gd\xb4,\xfb\x19\x98\x93+M\r\xfc\xf2\r\xd8\xf5\'Gq\xea\x8d\xf7\x1cI\xaaOIF\x93e\xb8\xa2\xd0\x80\x95\xc4\xabC\xd4\xa6\x1c\xb9\xdf\x7f&amp;\x0e-\xda\xa2\xb4\xaf$\x94;q\xb8\xd7\x85p\xe4\x03\x00\xa3\xf2\x1fK&lt;\x9bNbZ\x9a\x8e\xc9\xa6\xc1L\xc6\x8ft\xf8\xfb&gt;J\x05r\x9bY\x07\x03h\x91Z\xf1\x8cnMR\xdeg{\xa9\xe7\n\xd2+Dw\no\x97j\x16b\x9e\x83rPR(f\xd8 \x86D:\x8f \x8c5\xff\xe4,f0D\xb1Je\xf4%\xfa\xbd\x8aF\x9c9\t\xc1~L\x83\xb7\xe0\x9fz\xba$\x1dQ\xf6/\xe1~\xaa\x81\x12b\xe1P\xc8\xef\x7f\xaaN_\x12\xbaZ\x9d6(\x0fVV\x00\xd1k\xb8\xd4ES\x89:\xfb\xa6WWF\xc2:+\'\x88\x140\x9ca=\x92\xe6\x87T\xbdw\xfchRB\xadx\x82\xc9\xa8;%\xc3\xf7\xe4\xd4&amp;F,\x8dd[\xccs\xf4\x08\xa8\xcdO\x1c\xde&amp;\x05gpD\x95Qe\xdd\x9e\x80]\xe1($j\xd3\xa0\x1f\xa6X\xc5\xa2\'c\xf1\xbdj\x19p\x977\x851\xd0MD\xe9uZ\x01,\x9dx\x7fC U\xd5\xe6!\xf2\xfc\xb6\xd0\\\'`E\xee\x9a\x9e\xde\x9b\x0b\xfb^\x8cV\xed\xbf\x8bL\xea&gt;\t\xd9|\xd3\x01\x95\xeb*\x7ft}.,t\xa1\xbd\xff\x06\xc1\x0e\xb4\x81\xb6\xccs\xa7ye\x1f\xdf\x9azX\xddB\x9fT\x11m\xa8\xeak!\xf9k\r\t\xb4\xa8\x83gr\xd0\xf3\xb8\xb9\x17\xc4r\t\xbbz\x1c\xd2#\'w7\xb9\xa8\xa9\xaa\xdc\xe8\x7f\xd8o\x85\xe9\xe1K!6B\xfb2I\x97\xf1zt&gt;\xf3\xff;u\xfd\xc6\xd8\x06\x86Sa\xe5?\xd5\xe7\xc5Cf*\xc0-\x02O\xfbi\x1f\xfc)S\x1e\xfb\xe4\xd1\xfd\xed\xd4\x8f\xe9"\xfb_r\xf4\xd9De \x05\x9f=\xf1\xf9\xaai\xdb\xd1!\xba\x11Cz_\xc8\x05\xcdfp\xf9PXd\xa8v\x96i\x16W\x9b(\xaaD\x8aO\xf1-OH\t2|yR\xdf\x06\x0b\xc3g3\x0f~\xa9a\xc6\xbe_\xc8\x15\xb6\x81\xdc\x8dF\x003\xc2+\xcf\xb2\xdbp\xc9&lt;\x8fG\xecQIW\x91\xe8!\x1edd\xe9J\x13\xbd[h\x8a!#\x0f\xfaa2]Xu\xb0\ng\x14$j&amp;\x7f'</t>
  </si>
  <si>
    <t>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</t>
  </si>
  <si>
    <t>b'\x1f\xc8\xcb\x86\xbcb\xb9`I\xe1\xe4(\x0c\x9c\xa9\x08'</t>
  </si>
  <si>
    <t>rtising, and it worked well for
 them. They gained national exposure, and it wasnâ€™t long before their t-shirts
 were seen in gyms all over the country. Then they opened a gym.
 Instead of settling as a brain-optimization company, Aubrey sprinted fullthrottle into becoming a total human optimization company. That included
 brain, body, and mind. Today, the Onnit headquarters in Austin, Texas, is
 buzzing with jujitsu classes, a full cafe, and more than 100 employees. They
 continue to be mentioned on the Joe Rogan Experience and many other
 podcasts, and they have a raving fan base around the globe.
 Think about a series of products that serve the same person: Thatâ€™s the
 power of a brand.
 Welcome to The Growth
 Few people understand how powerful it is to take an idea from scratch, bring
 it to life, and make a sale. This is why I say entrepreneurs are the most
 powerful people on the planet; we literally make things up, make them real,
 and sell them to other people.
 Proving you can take an order for a new product validates your idea. It
 proves itâ€™s real. Then it becomes your job to turn that into a machine that now
 creates predictable sales.
 Your entire focus in this stage of the process is to create a stream of sales
 that regularly churns out at least twenty-five sales per day of your product.
 You do that by continuing the momentum you created by going all in on your
 customer: getting excellent reviews, responding to every comment, thanking
 your customers, connecting with influencers, and continually stoking the fire
 on a one-to-one basis. Doing all this will get you the reviews, exposure,
 publicity, and word-of-mouth advertising you need to hit the twenty-five-
 sales-per-day mark.
 When you have a consistent twenty-five sales per day, you have a
 machine that can be applied to more products. At that point, you will release
 multiple products into the machine, and your business will surge past 100
 sales per day, giving you the million. Yes, it can happen that quickly.
 But first, we need to build that machine</t>
  </si>
  <si>
    <t>b'\x1b\xf0\x85\xb8\x81G|\xc9\x13\xca\xd0\xd2\x83\xee\xf0`\x06`\xdf\xb0&amp;\x90\x01wN\x17\x82\xecB{\xad\xdc\xbf\x84 \xb2\x84\xfc\x11q%\xea\xef\xa7\x12\xd46\x15\xbf!z\xc1\x9d\n\x0f%%.M\'\x8a\x0b\xcf\xd3\tU\xeaR\xc2\xe0\xb9\xd4i\x0b$\xc1KR\n\xc0\xf6\xc5\xd2&gt;\x82\xc0\x9d\x1b\xe4\x00\x00\xa5*\x9d\x17&lt;\xe1j\x84k\xf2h\t\x92\xaaRuu\xff\xa2\xe5\xea\xe1\x81\xd8\xa5x\xf1\xee\x14\x14:\xb5aE\x8e\xfb~\x84N\xc3\xd4g\x03\xe57\xe3\x93k\xbc\xa4\xe7\xe0{L\xc7\xda\xfe\xff\xee\x83\xd7\xde m"\x19\xee\xcb\xb7\x1dj\xc7\xfcn\xa7\xb3\\,\xfd\xaf,\xfd\x10\xa1\xf4\xb7\x80\xd8\xdb\x8d\x99\xf1\x8eJ?\x1b|\xe1U\x9f\x98&lt;*Qf\xf7\xa2\x97:z\xf2\xd2tm\x95\x11\x1d\xab\x14)KbiJ\xcc\xcf\xd6\x80\xbf \x90\x08/;q\xc2(\x08p\xe8\x03w\x86\x06\xcd\rr\xfa\x89\x1f\xa4\x96\xfd\x0e`J,\xdd\xd52\x11\x0c\t\xeeBZ\xe43\x8fv\x94r\x0b\xb6.F\x0c%\xe1\xcc\x7fv\xc5_\xc0sqJ\xa2Wy\xe4\xdb\xf2\x1b\xc6\x18\x9fB\xf5\xa9F-\xd7V\x99\x8c\xc6\xce\x93\x17\xb6\xb5c\xf0n\xf9[\xefI[#\xf3\xe7\x82S\xba\xa6\xf2w5\xef\x05\x97\x8c\x0b\x98\xd2\xdc \x92|&lt;\xa2\xb8\x8fC\xc6\xc7)7b\x06\xc5s}\xe8X\x05s\x81\x86\xc1\xf5\xa7\xa7\xc75\xe3\xdc^\x8b\xf4\xd2\x9e\xd51\xd0\x83\x13\x86\xb2\xe3"9\x90\xd8\xc1q\xa6\xae\xde8\n:\x16-\xef\x11P\x80\x84\xf6\xd9j|\xfb\xd3\xd7\t\xa1J{|X\x8eD\x1c\x19\xbep\xb2A2u\x87k\x851\x81v-!\x1c\xfa\xddL\xed\xce\xc1J\x1c\xbd&gt;\x12dY.U\x00 i\xaf\xf0\x8f\xd73\x8e\x06`\x8a\xc2\xbe\xae+\x95\xb9\xc8\xea\xef\xc0\xb9\xf2@\x0f\x96"\xb6\xfa@8\r2\xe3\xc5O\xc0\xcbO,r\xdeV\x9df\x10A\xcd3\xe1\xdc\x90\xc9\xc4\xb6\x85]\xc5 (\xf6\x91\xc0\xc6\xd3\x0cn\xf2\xf0u\xbf\xd1\x7f\xc6\x81$\x96E\x1d\x02\xf0\r.&lt;\xa5`e\xe4\xe3\xb8\x97z/\xb8\xf1?\xccF\xf7Ag\nu\x96\x16 \x84\x0e\x1a\x89\x063\'\x03\x14\xe5\x03H\xbe\xf5}\xab\xc2\xc9\xb6\xe7\x8d\x0f\x0c\xc5X\xd3&gt;\x17nUq\xb9,\xa2\x0e~\x1dz\xc8\x01\xa9\x927\x9bQ\xcb\xee\xee\xb7\xf4\x047\xf6j\x04i\x9b7\x17&lt;\xed\xf5h\x03\xd5\xdc\xfc\xe4kH\x01\x1c\xa0o\\\x93\xf6\xd9\x10n\xc0\xe3f]\xc6\xe7\xdd\x19\xc0\r\xd6\x06Q\x17\xdbJm\xcc{][2!\x89D\xf4\xc1\x0bl\xf42\x1b\x83\x8d?\x056\x1dRJ)q\xa7D\xd6%\r?\x02\xcd_\xab\x97n\xa7n\xa6s\x0f\xf6\xff\x8c=O\x96\xb2E\xe0\xc1\xb7\xf9\xdb1\xf2\xfd\x04?\xc1M\x90\t\xffj\x1f9_\x99\xae\r\x11\x0f\x91\x88)\xd7\x8d\x1a\x81t\x10.L\xc0q\x05\xb7\xc3\xc1 R-\x0f\x14\x90#1\xe2z\xb1\xe0\xd8*\xe0\xf1O\x94\xf2\xf2\xa7\xc0#\xec:p\xac\xe1&amp;RQ\xc9\x92{\xdf\xac}\xfb\xbf\x8bu\xdf(\x86\xf5\x19:bZ\xb3\xb6\xf2\xa9\xfa\xd7v\x12j#\xd2\xa6\xd1\xba\x0c,\xa8.\x9f\x134\r\x19\xd7\xb5\x9c+\xbe3\xf1\xb4\x9eM\x9e\xc8J@\x1eP\xe7W;\xae\x17\x9f\x0eFD\xf7\xf69e\xbd\x19\xc5\tO\x92\n\xba\xc0v\xce\xbf\xc9yv\x8b\xacS\xdd\xc6\x82l\xdf\x9ey\nT\x02`\x90}D?\xe4\xfa\xf2\xf1W2\x19\x05N\x1a\xc3YwE\xdbTG\x81\xba\x05\xed:\x19@\xde\x87My\x07&lt;m2JO\xd0\xb3\x13\xfd\xa7\x08\xf7\xa0\xa5I\x15\xa1\xaf\x07\xf9r!=&gt;\xee\x7f\x11\xc4\xe9\xd7k\xb0k\xa1\xe4\xf5\xcc\xfeU\xd3\x19c\x8c\x1fD\x92\x13\xc2\x81\xa6\xf9\xf8\xc4%-\xcf\xfctb\x8d=\xfd\x98\xea\x90\xfd5i\xbb\x1ff\xf8\x0f$v\x90vw\xf0\x94t\x8d\x84\xba\xb16&gt;dF\xe2-d\x1ex\xbf\xb0\xcag\x84\xd9{\x95\x98\xdeR0\xe3\xf8L\x05\xbe\x11\xeb\xd3\x80\xce\x9f\x94\x95\x8b\x15\x01\x13\x14\xa3\xcc(\\\xc2S&gt;\xe9\x91\x1b\xc5\xd5S\xc6S\xbfp\xab\xe3\x8d{Mcx:\xea\x02\x00\xba\x8f\xf1\xd1\x1f\x9a\x12F\xc9\x07&gt;\x1f\x18T&gt;\t\x13)Q!\xde\x1db\xd0\xfdVV\xa9\x98&gt;&amp;\x8c\xfc\xfeK\xa0\xbb\x92\x08\x1az{\xb1\xc6fe\xc8\xc5\x9b\x94c\x11\xe2\xc5\xb6\xd2\x89\x8bu\xbdA\xab\xfal9\xe5\xad\x84H\xe3\xa01%y\x99\x11`\xe5-ZP?:\x862\x86&amp;vZ\x8a|/0_\x18\xfa\xd0\xcbi\xd7\xc7~\x04\t\xde9\'\xfa\xaf#\x87\x17J\xca\xdb\xfa\x98v\x10Y\x82u\xe0\x14\xb4b\xd5\xbdah\x95\xa9\x01JN;\x16r\xad\xe00\x0e]Zy\x88\x1a\xef\x10\x01Qe\x85.L\x19\x7fo\x9b\xb6Y\xe1AM\xeaq\x15\xe5\xc0l\xd8\xd2\xd7\xe4\xad\xec\x0c\xb9n\xc0!?0\xdd~=\xa8\xc5E4\xd5yx\x12?\x1f#i\xd4\xc2\xa6\xea\xba\r\xecXj\xe0qEh\xeb\xa5\xde\xb9:\x84\x81\x1a\xee\xa3\xdb\xd1\x08\xf2\xf3\xaf\'\x04&gt;\x9a\xdeg\xa2\xa1\xd3\x8f\x05`[\x94e\xbcR\xd2Y\xcc1"\xbd\xf5h(\x8e\x84Q\x81\xc8\x1f2\xbdCK&gt;\xd9_\xa6\x1bO\xc4\x80\x1e\x85\xcb\xb7\x06\x02\xfb\xef\xc4\x9bn%\t\x8e\x93\x10\xc3Ao\xfd\x96a8\xf7x:\xec\xa6\xd79\xc5\xbf\x1a\x98\xb8D\xdf\xd7\xb7\xbfk\xe3\x13\x14\xc7T\x84\xd0\x043\x92&amp;B\xc4\xe6\xdc\x9csM\xcb`U\xb8\xe8\xc0\x04\x9cx\xe7\x8d\xe7WE\xe7\x19\xf4\x1a\xfa\x8a\x1b\xcf\xf5\x9b\xc5\x06\x1bY{\xbcO\xa6f\x0e\xeeu\x01g\x88\x02\x92=\xde\x80*\xbd\xb8-\xf5&gt;\xaa\xf6\xc5\x17\xfco5*\xe8H\x919S|\xa8jp\xcb\xb7}=;I\xec"E=\xf6\xbe&lt;+\xea\xac/\x7f\x16iUll\xaf6"\x8e\x15\xa8wuz\x07i\x05b\x91\x93\xaa\x01\xcc\x88\xc1@~\xea\n\xd7g\xbc\xf2\xe2\r7K\xcc\xde6\x90-~\xb6L#,c@e\n\xe1\x13\xa9\x94\xca3\x02\xe9\x1f\xfb=\x85\x0f\x8b\xben&gt;\x0c#\xb6i\r\x1d\xb6\xd5\x1c\xdat?\xb1&gt;\xbbL/D\xc0q\xc6\xa0\t*w\x0e\xbc\xb2\xefsz\xe0(\x80\xc0hme\xd0a\xc9\x1c9\x07h6XW\xf2\\\xbe\x87\xddb-\xbf\xfa\x8c\x80\xf9o\xb3J\xc0e\xde\xfd\xac\r\xca\x8f\xdf\xe0L\xf3\xbf\xd5\x08\xd9\xd0\xd8\xa6\xf7\x1b[\x1d6p\x9b\x03\xb6Z\xe1\x9dZ\x93[\r\x19\x98\xa7\xde&gt;\xf4|\x98y\xce\xfb\xe9\x870\xab\xb5d\x8a9D{\x91\x80\xdc\xc7\x86\xbc&amp;l:\xeb\xfe\xcf\xa5"\x19\xfa\xda\xd5\x97\xb7y\xd4\x0b\xefw\x02\x86p\xd2m\xc9\xc715\xeeJ\xf8\xa2E\xf9&gt;X9SGkcHZ\xf7\xd9u\x02\xb5\xd3\x93\xa2\x0cx\xf1\xf7f8F\xfb.)\xbd\x81\xaa\x00^\xe8/&lt;\x92\xc0+\x07(k\xdd\x90\x8e\xd6\x05\x9a\x8c\x972\xb5\x11\xc6\x1c\x16T\xc9g\x05\xd1\x81-?\xa8Z\x04 \xb6\x8al;\xbf\xab%\xab\xaa\xef\xd9\xa3\xdf\x97\x9e\xb7\xf3\x83\xc4\x0ei\xcbr\xbe\x14:\x95%\x01\xbe\xdfs{BC4I\x93\xe2\x05\xd5UT\xfb\xdeNe\x84\xda\x07\xc5\xe1\x18\xbf\xc4Gu4\x17\x93\x98w.\xcd\x93\xffK\xf1\xe7\xd8\x1bP\x9f\xb0\x9d\x14\xd8(.l\xce\xc7\x8d\xb88\x83[\x18\xc8\xde\x91w\x07Vow&gt;\x9a\xd8\xa4\x00\xd0\xa42\xf0\xcc\x85\xba}\x85\x8bp26s\x02\x95v\xdc\x0eD\x9ed\x80\x9f\x8a\xa7?\x1e\x12G@&gt;\xa7\xc4\xe4V\xfe\x82\x90gv\xc0\x9d\xe1A\xd8:\x12\xe5\xb0\x86k\x06\x1c\x9e\x1f\xee\xcf\xff\xa0\x05\x99\xf3\xc6\x81P\xfd\x99\x98#Gl\x04\xdd)\xc9J\xdd\xc6\xd1]\x83]}\xb5\xbf\xcb\x91\xfd\x85\x19\x1bc\xcc\xff\xd93\x86e\xaa&lt;]U\xc0q\x97\xda\xc3\x95\xd2\xbe\x03\xe0Y\x10E\xc1{4R\xeb\xfd\'7#H\n={\xae\xad5+\x93\x1b4\xdb\x15\xb9\xb8\xd4\x01r{\xda\xa3j\xe4\xe8\xfer\xa4\x11\xf8\xf2\xads\xd1\xe4\xc9\x1cIG\x86\xd9\xe7\x08b\x1f0\xf0\x1c2\xfb\xef\''</t>
  </si>
  <si>
    <t>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</t>
  </si>
  <si>
    <t>b'\x1b\xf0\x85\xb8\x81G|\xc9\x13\xca\xd0\xd2\x83\xee\xf0`'</t>
  </si>
  <si>
    <t>e Laurie could recover from his surprise. Seeing
that he really was out of temper, Jo, who knew how to manage
him, assumed a contrite expression, and going artistically down
upon her knees, said meekly, â€˜Please forgive me for being so
cross. I came to make it up, and canâ€™t go away till I have.â€™
â€˜Itâ€™s all right. Get up, and donâ€™t be a goose, Jo,â€™ was the cavalier
reply to her petition.
â€˜Thank you, I will. Could I ask whatâ€™s the matter? You donâ€™t look
exactly easy in your mind.â€™
â€˜Iâ€™ve been shaken, and I wonâ€™t bear it!â€™ growled Laurie
indignantly.
â€˜Who did it?â€™ demanded Jo.
366
â€˜Grandfather. If it had been anyone else Iâ€™d have...â€™ And the
injured youth finished his sentence by an energetic gesture of
the right arm.
â€˜Thatâ€™s nothing. I often shake you, and you donâ€™t mind,â€™ said Jo
soothingly.
â€˜Pooh! Youâ€™re a girl, and itâ€™s fun, but Iâ€™ll allow no man to shake
me!â€™
â€˜I donâ€™t think anyone would care to try it, if you looked as much
like a thundercloud as you do now. Why were you treated so?â€™
â€˜Just because I wouldnâ€™t say what your mother wanted me for.
Iâ€™d promised not to tell, and of course I wasnâ€™t going to break
my word.â€™
â€˜Couldnâ€™t you satisfy your grandpa in any other way?â€™ â€˜No, he
would have the truth, the whole truth, and
nothing but the truth. Iâ€™d have told my part of the scrape, if I
could without bringing Meg in. As I couldnâ€™t, I held my tongue,
and bore the scolding till the old gentleman collared me. Then I
bolted, for fear I should forget myself.â€™
â€˜It wasnâ€™t nice, but heâ€™s sorry, I know, so go down and make up.
Iâ€™ll help you.â€™
â€˜Hanged if I do! Iâ€™m not going to be lectured and pummelled by
everyone, just for a bit of a frolic. I was
367
sorry about Meg, and begged pardon like a man, but I wonâ€™t do
it again, when I wasnâ€™t in the wrong.â€™
â€˜He didnâ€™t know that.â€™
â€˜He ought to trust me, and not act as if I was a baby. Itâ€™s no
use, Jo, heâ€™s got to learn that Iâ€™m able to take care of m</t>
  </si>
  <si>
    <t>b'\xb3\x814i\xef\xc3|\xed4+\xcb\x87&gt;\xbc\xd7\x01*R6\xd6\xc65\xb8\x14&amp;\xe1!\x8e\x98a\xed\xef\xf5E;\xb31V\x05\x02\x0f/B\x16\xbcT-\xefU\xd8\x18\x12\xb5\xe6G\xea\x80\x88\xf0\xff\x07\x07\xd4\xcf\x8d\xfc\xeb\xf2\x174`\rW\xde\x0b\x96\xcf(~\xa0\x7f@\xa6\xdd\xc8M}\xc3\xca\xd9\x9b\x90k\xf3\x07}W?\x1dF\xa5\xf51;\x05\x8f\xc6\xdcdj\xbb\x85fm\xc5\xb3j\xf5.g\x867Z\x9c\x83\x07[\xef\x85{+\xd5Nv\xd0\xbe\xb9pM\x19\xb1@\xe6\x80\xd6*$\xb7\xcf\xefR\x7f\xecO=Ea3\x1b\xf9\xe6i\x19\x1dn\tL\x18\x16\xa8\xa4YRmx\xf1\xb9\x19\xdc\n\x00j\x7fH\n2\x05p]\xc4\xbf9\xf4\xcc\xf0\x1e\x82V\x18A%q\xb9\xc7\xfd\xb6N\xa5\x05;\xa3Q\x11\x1b g=\x05:g\xe1\x1f\xfa\xa3\x9b7\xb8\x9c\xaek\x15;i\x0bC\x08\xaec\xd7\xacz,\x11UF\x0c\xf1;\xbe\x18\x1c\x97\x18\xac\xe4\xb2\x0f\xc8b\x8d\x922\x85\x0fu\x13m\x14\xc5\xd6\x02\xf4\xe5\xc3\xbc\xac\xd8/\xf9_\xab\xb7\x03\x1d\xb5\xec\xd7\xca`\xb0\xc5\x12\xa5\xf0\x1c\x8d\xce\rq\x83\xda\xa5\x17\xedU\x00a\xaf\x81\xdf\x06\xa7y\xb2$\xc0\xdc$6zX\xae\xb4\xcc\xc15Q\xcdb\xfa!\xad\xd9\xf7\xebUW2"f\x9b\x8eW!n"\xea\xff\xdc \xdeppk\\\xfa\xf8\xee\xea\xf1\xc4e\x17\x8eK`T%\x14\xe9\xcb*y\xfc\xac\xf2%\xcan\x89\xd1\xc7\x8d\x0b\x14\x17^\x0e\xbb\xfa\xc1\x85\x92m\x1e?o\x0eq.9\x951-b\xec\xebE\x8a?\xbaeG\x15`K{\xb2\x01\xab\x1e\x92\x13\xb3\xe8\xdb\x14\xaf\x11\xd7{s\xcdv\xd6\xf4\x8b\xeem)d\x83\xd2\xcf\x8a\xb5\x16O\xf8HR\xa4\xed\xc0\xa48\xcb+\xf3k\x8a]\xe1\x10\x1a\x14D\x98\x13&amp;\x99\xa5\x87).{\xf7n\xc1\xae\xc3\x8d\x7f\xd2\xf8\xd2\xc0\xc2\x966\xe4\x97z\xda\xa1|\xba\xfbg\xd0\xad\xabs;\x12\xd5\x87\xb3\xbem\xea\x14\x82\xa3\x0c\xc8\x9e\xac\xde`\xc6\xf0\xdb\x0f\xc0\x96\x08?D\xd8\xb7d\xb4\x99!\x01\\\x9bx\x96\'e\x9d\x9d\x9cmA\xf4\xcb\x10\xa1\'i\x9eQ\x8d\xf1j\xc3a\x83*\x8f\xb8\xd3P\x11\xf7\xfcL^*\xe5#M\xdf\xd4\xab\x03\xc0l\xb2\xd0`\xb1\xe2y\xf2\xe4&amp;\xd2{\x1f\xd3\x95d\xfb\xb0\x8b\x95\x0f\x80%v\xdbp\x81\xa6"\x0ep;\xc0\xd9\xfc,\xcc\x1a\xa0\xee\xf4\xf5b\xc4\x18\xcf9\xf4%_\xaa\xe5\xa3\xed$1vI\xb0\x8b \xaf\xe1\x8e-\x83\xcflo\xc0\xbb\xc4\xfa\xaa\xb8\xd3j8\x15\xbca\x8b\xbaW3\x96\xe0L\xb7\xcf\xc9y\x14/&lt;\x9c\xbf\xbaO\x12)\xa3\x1c\x9c\x00\x13\x84\xef"9Aun)X\x95\x89\xbcdkg\x05\x8f\xc2LT\x0e&lt;A\xfd\xf1\xa6\xcaA\xc3\x1cBd\x8d\xc3ejr)\xee\x03\x0cc\xe5N\xd2,\xf1jGJc\xab\xdb\xe4\xd0\x19\x04\\e\x8d\xc6\x04\x80\x86\x13l!\x87C\xf58\x8a\x92A\xa1\x96\xd9\x1d=n\x1ba\xfd\x07j\\M\xd1\x9e\xecu\xc8\xde\xa3W\xfcR=s\xd8\xd2\xe2}\xf2%\xdb \xf1\xd9\xbe\xaaI\xfd\xbc\xebF\xfe\xf8\xa6m\x99\xc3\x94\xc4\x07\xd7\x11\\+$\x1a\x8a\t\xff&gt;\xf1i\xe2\x1b:\x842N\x06\xe7\xca\xb2\x07\x01^\xa9\xe7q\x9e\x7fu\xef\xa6\xd4\x16\x03\xcf\x91!\xbb\xed\xf4u&lt;\xfc\xd8H\x18\x1fH\x9fdYx\x99/P\xc8T\x85`\xa2\xcexx\xe3\xda\xbb\x91\xfd\xcb\x91\xd6~\xc7n\xcc|\xbe\x82\x8b\xd6%\xd1\xc4\xf0\xd6\xfd\x9f\xd2\xca2O4\xe1Y\xd4:\xd9\x8c\xb4\x84\xef\xbbW&amp;\x07\xf0\xfd\xa1K\xe5\xde\xcc\xf3B\x81g\xd0\xd5x\x8f\xbb\xea\x9b\xb8\r\x89c\x87]\xe6\x86\xa8a\x9b}\x8b\xb1&lt;\x95\xf6\xf6\xbd\x1fC\x88\xebm\xed!R[\xe0*\xffK\xed\x04\xc6M\x94\xfa\x99\x8b\xba\x96\xae\x82m\xfb\x7f\\3\x96\xca\xf26\xd2\xb4\xd7\xd6e\xcd\xd7\xf4:\x15\xa1\xebL]\x0c\x15\x90|P\xd2z\x9e\xc2\xd9\xcd\xdf\x18\x85\xad\xd3\x96\x11\xae\x9c-\x11\x07q\xdb\x1dT\xc0\xb59G7\xe6\xb9c\x96%\x80\xb9\x96`3\xf8E\xff\x01FF#\xb9\x91\xd7%\xf6v\x92\xd6g\xa5l\xf03\xdb P\x89\xdfm\xe6\xd8\xf4Od\x8b\x91R~E#X\xa2KZ[\xa6\xf2\xd4\xd6\x06\xccOSZ\xd4\xd9\x92\x8b{\x91\x9c\xed\xb9k\tv\xa9+\x16\xf2r\xfb)\xeb\x81\x9f\xef\xedr\xb3\x91\xbe\xd1\x92\xd5]\x19\x16\xa6\x92\xba{\x1c\xbcr\xcfq\xd9\x0cC\xe8x\xd4\xda)\xefx\xb4\xc8\x04:\x92:\x17\xab\xaej\x14\xe2? \x1f\x86\x8a\xdc\n\xb6.\x00%\xd37\x0f\x9e[\x04\xc3{\xc4f:\xb0\x15\xa5\x1e\xb2\xa0\xceP\xea\x14\xfd\x14\xe7L\xbe,\xf8\x93:\xca\xb6+\xcan\x04l\xff\xafed\xc4*5n\xa1\xaf\xcff\x15\xa9\xbf%\xc2\x8c\xd2y\xbbPyL\xe92\xf2\xb2IjgP\x16\xf5\xe7u\xbb@\xd9\n\x12\xd8{D\xb9\x80\xd0)\xc9\x9d\xeb\t\xe9,\x9a\xea\x8f\xdes\xa8\xc25\x16k\x0e(M+"\x89\x15\x92\x82\xac\xf3X\x9c\xb6\x0f\x8d\xfckY\xd2\xc3\xfca\xd1z\xf8\x1eYX!,\x19\x13\xc5\x80\x18k\xf4r2@\x8bj\xbf\x06=\xd6\xf8}\xc3\x8e\xa0\xd4n\xc3\x14\xc9\x90\x10\xfd/+i\x13\x1c\xf7\xbe\xc1\n5s\xf0\\\xf4\xc8\n\xfb\xb06C"(H-\xaa\xd7\x1eX\x0cP%\xa9\x18\xb6\x1c\xf5\x7f\xb8$g\xa5:\xa7\x8a\xc1\xf3\xb1\xd3\x18\x94\xe2\x96\x7f0b80\x9fA\xfei\x90(\xc4ql\xab\x13\xcb\xb5O\xfa\xa3e\xa0\xfc\x15s\xa5\x1a\xbf\xef\xad\xc1L\x99vW\xf0\x88\x8f\xec7\xd8\xb5\x87\x05\xc8M&lt;%\xe4\xb9\xe2V\x97\x83\xb7\x80\xf3k\xad\x85Q\xdci7\xbc\x91\xc3\x92\x93K\x97\xd9\xc9\x82\xcc\x97\x14^n\xadU\xd6\x16\xb9\x815\x80\xa3J\x8e-\x9f\xc2M\x87\xadr3\xa2x\x97(V\xa3]H&gt;\x00\xb3"I\xcf*\xdc\xb9Q~\xf2U\x992\x97r\xf0\x1f\xa8L(B\x8b\x92\xde\x97\x99\xcb%\xea\x90O\x89\xa8l?;9Z\xe2\xcb\x04;\xdd(9w!j\xa0l4\x0b*\x8d9\xc9\xd4mj\x93\xb8.\x9ed\'\x1a\x93s\xf4\x90l!\x9a\x16f\xc6z\xd5\x8fl\xc70\xec\xbfK\xd1\x9d\xc5\xa4\xe4\xf9\xcbd\xd3:)\xca\x11\xe6\x85@\xf8|\xf1\x93\xe5h~\xb6\x86\x9f\x17\xd0\xa2&gt;~\x12g\x7fs\x9b\xb0j\xc1\x8d\xa5\x9b\x8e3I\x8c\xb7\xb7\x7f2\xf24\x81n\x05\x97\'&amp;\xa7\xf5\xc0[\xa6!\x12\x12! \xa8\xc5\x89\xb9\xb0Ce\x8d\x8b^y\x86\xb6\xb2\x82\xfa\xf6&amp;"\xe9\xdbJU\xcc\xbb\xd8\x10Z\x80\xc0\xf5\xb1\x1f\x9cZ\t\x83q\x8cT\xd3A\x19\xa3\x01u\r\xdf\xf6\x12A9_\xb8T\xa3\xcb\x042\x90\xd8\x00\xf2\xcd\x7f\xec\xd4W\xe5*BY\xa5s\xf9]!\xa0\xa1T;Z\rA\n0\x1e\xa7\x1d&gt;\x8c\xd9\x803S\xd9\xbe\xf6w\xafP\xb4\xa8\xd2\x930\x96^\x8c\x80\x84\x12\xb9}[)\x8f\x92\xc5\xeb\xa7\xc7\xa8\xea\xfd&gt;\\i\xb9\x11\xef]\x12\xcaD\x97\xc0\x8a-\xb9\xe5\x0b\x03\xf8\x98\xf8\xbb\xc6\xa0\xa7;\xfd\xef\x1d\xc8\xb7\xe30\x9e\x94Z~\xf4~[|\xeb\xa73\xc43)\x02&amp;\x9ew\xc0\x19x\xce\xf5\x14_\xb421(\xbd\x1f\x9eI\\\xf9I\x07\xd6Y\xfcx\xa5\x8f\x00y\x88wN\x92H\x88\xe3i\xf53FN\x97*\x08\x10N\xdahC\xee\xc5\xe4MlW\xa3\x8d\xb5\x9a|`\xe1u}\xda*\xc0e9\x84\xa7\xb7+P\x89\xff\xe7\xdb\xbd\x84B\x98P\x14\xd6k\xd6\xf2\xa1nG\x8fxmq\x07\x1a\x17m \xd4\xf6\xf9-j]TEe\xa1\xdb\n] \x0c\xff\xf0B\x85\xbe\xcb\x7f\xcf\x90\xa1\xa3\xbb\x98\xa4\xcd&lt;\xc2\xa2\xa6)\x01\x85\xe0\x941\xb3r\xf2\x82\x03\xf5\x17\x07[\xb4\xdfA\x01\xf0Oi\xabY\x85\xc3\xabF\x1c*\xee\x18\x7f\xca\xd3=ZX\x8b\xeb\xe6\x05Ts\xb8\x0f\xb2k\x1d\xab l\xeaL\x96\xd2\xe0p\xf2\x18\xe9\x99\x1dVV\x17\x98/L\x91\xfbG\xed\xe7\xdd\x13\xf5gQ_\x93\xb0\xe2\x7f'</t>
  </si>
  <si>
    <t>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</t>
  </si>
  <si>
    <t>b'\xb3\x814i\xef\xc3|\xed4+\xcb\x87&gt;\xbc\xd7\x01'</t>
  </si>
  <si>
    <t>oviding
 LLR assistance in international banking. The problem is similar to the one that arises
 in allocating responsibility for bank supervision. Letâ€™s return to the example of the
 London subsidiary of an Italian bank. Should the Fed bear responsibility for saving the
 subsidiary from a sudden drain of dollar deposits? Should the Bank of England step
 in? Or should the European Central Bank bear the ultimate responsibility? When cen_x0002_tral banks provide LLR assistance, they increase their domestic money supplies and
 may compromise domestic macroeconomic objectives. In an international setting, a
 central bank may also be providing resources to a bank located abroad whose behavior
 it is not equipped to monitor. Central banks are therefore reluctant to extend the cover_x0002_age of their LLR responsibilities.
 6. When a bank has assets and liabilities in many countries, several governments
 may have to share operational and financial responsibility for a rescue. The resulting
 uncertainties can slow down or even impede the rescue operation.
 International Regulatory Cooperation
 The internationalization of banking has weakened national safeguards against banking
 collapse, but at the same time it has made the need for effective safeguards more urgent.
 Offshore banking involves a tremendous volume of interbank depositsâ€”roughly 80 percent
 of all Eurocurrency deposits, for example, are owned by private banks. A high level of
 The moral hazard that results from a combination
 of perceived government guarantees and weak
 regulation of the guaranteed institution has helped
 fuel excessively speculative investment in many
 economies. To see how it works, imagine that
 there is a potential investmentâ€”say, a large real
 estate developmentâ€”that will cost million up
 front. If all goes well, the project will yield a re_x0002_turn of million; but there is only a one-third
 chance of this, and a two-thirds chance that the
 investment will yield only million. The ex_x0002_pected payoff, then, is only 
 which is far
 below the million up-front cost. Ordinarily,
 this investment simply would never be made.
 Government bailout guarantees change the result,
 however. Suppose that a real estate developer is able to
 borrow the entire million, because he can convince $70
 $70
 + (2/3 * $25 million) = $50 million,
 (1/3 * $100 million)
 $25
 $100
 $70
 lenders that the government will protect them if his
 project fails and he cannot repay. Then from his point
 of view, he has a one-third chance of making 
 million . Otherwise
 he simply walks away from the project. Itâ€™s heads he
 wins, tails the taxpayers lose.
 The preceding example may seem extreme, but
 this kind of logic has led to financial disasters in many
 countries. The 2007â€“2009 financial crisis is the most
 recent exampleâ€”and the most costly one to dateâ€”but
 it has many precedents. In the 1980s, the U.S. savings
 and loan industry was granted what amounted to priv_x0002_ilege without responsibility: government guarantees
 on deposits, without close regulation of risk taking.
 The eventual bill to U.S. taxpayers was billion.
 Similar mishandling of the financial sector le</t>
  </si>
  <si>
    <t>b'0D\x02 v\xb2K\x1b\xfa\xb6\x9a}\xcf6\x91\xa8\xfe\xa4T\xc8\xc9Z\xd2a\x07\x19\x0c\\-wd\xeb[\xd5]\x88\x02 \x1bt\xb4c6\xb7\x95\xb5~\r\x81\xa6\xfd&gt;\x8b\x0e\x99h\xb5I\xb7\x89,\x04WS\xf6\xd8\xdc@\x02\x86'</t>
  </si>
  <si>
    <t>3044022076b24b1bfab69a7dcf3691a8fea454c8c95ad26107190c5c2d7764eb5bd55d8802201b74b46336b795b57e0d81a6fd3e8b0e9968b549b7892c045753f6d8dc400286</t>
  </si>
  <si>
    <t>b'0D\x02 v\xb2K\x1b\xfa\xb6\x9a}\xcf6\x91\xa8'</t>
  </si>
  <si>
    <t>w
that we come here. Dickon and my cousin have worked and made it come
alive. I shall send for you sometimes to helpâ€”but you must come when no
one can see you."
Ben Weatherstaff's face twisted itself in a dry old smile.
"I've come here before when no one saw me," he said.
"What!" exclaimed Colin.
"When?"
"Th' last time I was here," rubbing his chin and looking round, "was about
two year' ago."
"But no one has been in it for ten years!" cried Colin.
"There was no door!"
"I'm no one," said old Ben dryly. "An' I didn't come through th' door. I
come over th' wall. Th' rheumatics held me back th' last two year'."
"Tha' come an' did a bit o' prunin'!" cried Dickon. "I couldn't make out
how it had been done."
"Sh</t>
  </si>
  <si>
    <t>b'\xa6\xdfg\x01\xbfx9\xacl\x91\xd0\xb7\xb1\x10\xaf&lt;W\x99\xee\xcb\x95\xe4\x1e\xbdPr7\xdf\x04\x11\xd5\xa7\xb8\x01\x82\xd6\xdeNA\\\xdd\x0c\xfdFP7\xf9\x8f\xc0hi\xea9\xdcj\xf4*\xd3\xa4R\nCU\xa3\xbe\r2\xda\x96\xa5~\x1c(\xc8\xeaa\xe7\xa9\x93\x027q&amp;\xb9\xe0F\xe3\x08\xf3\x86)\xf8^e\r\xf5\xecI\xafnnH\x10,\x8c\xc7Y9\xc5\xc6L"\xdd\xdd\xee\x80&gt;\xf4\xa52!a\xe4\x00\xd4\x8b\x90\n\xccQ\xfb\x07\xa4\x85\x0c\x85\xf3\x8a\xb2\x89\xa8\x0e\xb9.w399u\xe8\xc4}\x9c8\xc1\t\x12\xa0\x07\xe6\xf5L]\xcfQe\x0fG\xf3\x83D\xfde\x87\xc1\x1d\xce\xb5c\x9fG\xae\x81f\xab\xbel0\x98\xca\x08\xbb\x08\xb8\xaa\x17\x86)\xad\x11\x9c"\xd7\xd2\xc3\x0bvy\xac\xe7\x84[g_\xd3h\x82\xc3\x99\xf0\xfdY\xb37Z\x14\xbd\xf1x\xfdN\x98lJ{\x05\x80hb\xdb\x1e\x03{\x99\x81\x87\xd4\x0fR\x93\xd1\xc4\xe9\x80\x89\xd2\xe0v/&gt;X68\x04\x05g\x80\x99R\xcb\xb6T\n\xca\xd7S\xe7}|c\x8ct\xeb\xc8\xed\xf0T\xb9v3\x8b\xa6\x84\x80\x82\xfb\x9e2=vV\x99\\\xd9u\xdaI]^\x85\xcc\xa1\xe5\x99\x82-\x109\xfc[\x8d6[\xa5)A]e\xad\x06\x84@\xf6\xdb\xb1t\xca\x19\xb3_\xe8ma\x8d+\x97Jef}g\x0b\xdep\xab\xf4\x9bch\xea7\xb03\x8b8\xdbn\x05Y\x18\xcc\x95\xfb\x84\x86\xc6Y\x07\xbe\xf7\x98\xe6%\xbf5}\x94\x93\x8a:\xe6\xfa!\xedv\x8e\xee\r\xd7\xf8\x07z\xdb\xa5\x9f\xb7\xcc\xe8\xc8!\x8c\xc2$\xbe\xcb\xd4\xc0h47a\xf9\xcd\xfd\x07\xbb\x96\x84\xfa\xd7\xa4\n+:\xbf\x807\xab\xea\xd5\x91X\x9d\x0b\xc9\xf7\x1aZ\x1d rw`\xd6\xdb$\xbb\xabV\x16\x99\x95{D\xc3A\x8d\t\xfd\x7f\x9c\x8f\xef\x172\'Q\xc48\xffh\xe5\xdd\x8fv[\xcd\x9e\xe7\x88\x8e\xf79\x9f~,#\xbb\xf9\'&amp;\x99\x18q\xbczv\xd3\xff\xf6k,\x13\x01\xae\xa8\xdd\x82\x1f\x90-\x1f|\xcfq\x19\x87\xe2\rk\x99\xbf\xc7 \x7f\xa8\xed+C\x92\xf7R\x9a\xe1\x81d\x1e\x11i\xd0(\x98\xb2\x1d;.\xb1\x7f\xac\xe0\xe4\x0ca\xe8\x01\t!.\x9eG\xbc\xe4+\xc6`\x1bH\xc5\xa0\xb87o{/\t\xe5\x9b\xea\x80s!P8O\xed\x9br\x91\x10S\xeel%\xb7\xa3\xa1\xa5\xf7Vk-`%\xba+97\x19\x95a\x9b92\xadZ\x1ft\x18\xc6mhKB\xd8\xcb\xa6[\xf8\xb5\xa21#\xc41\x8e\xe1@\x00\x8dh\xad\x05\x88\xac\x10\x8a\xeb\xbd\xb8o\x04Rzaq\xfc\xdb\xd1\xf3(:\xa6\xc7e\xf8\x00\xd5s\x1d\xbdy\x98\xa2)\xb6\x1dXI\xde\xeaK\x1a\'\x9e\xa3\xc6\x17\xd8&lt;\xa5c#\xf8\xa4\x11\x81\xd8.\x931.\xdf\'.\xc3\xb5\x87\x03\x1c\n'</t>
  </si>
  <si>
    <t>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</t>
  </si>
  <si>
    <t>b'\xa6\xdfg\x01\xbfx9\xacl\x91\xd0\xb7\xb1\x10\xaf&lt;'</t>
  </si>
  <si>
    <t>erse bias voltage across such devices increases, an avalanche
 effect takes place. Even though the leakage current is very small, each carrier entering the
 depletion region experiences a very high electric field and hence a large acceleration, thus
 gaining enough energy to break the electrons from their covalent bonds. Called â€œimpact
 ionization,â€ this phenomenon can lead to avalanche: each electron freed by the impact may
 itself speed up so much in the field as to collide with another atom with sufficient energy,
 thereby freeing one more covalent-bond electron. Now, these two electrons may again ac_x0002_quire energy and cause more ionizing collisions, rapidly raising the number of free carriers.
 An interesting contrast between Zener and avalanche phenomena is that they display
 opposite temperature coefficients (TCs): VBD has a negative TC for Zener effect and
 positive TC for avalanche effect. The two TCs cancel each other for VBD â‰ˆ 3.5 V. For this
 reason, Zener diodes with 3.5-V rating find application in some voltage regulators.
 The Zener and avalanche breakdown effects do not damage the diodes if the resulting
 current remains below a certain limit given by the doping levels and the geometry of the
 junction. Both the breakdown voltage and the maximum allowable reverse current are
 specified by diode manufacturers.
 2.4 CHAPTER SUMMARY
 â€¢ Silicon contains four atoms in its last orbital. It also contains a small number of free
 electrons at room temperature.
 â€¢ When an electron is freed from a covalent bond, a â€œholeâ€ is left behind.
 Problems 55
 â€¢ The bandgap energy is the minimum energy required to dislodge an electron from its
 covalent bond.
 â€¢ To increase the number of free carriers, semiconductors are â€œdopedâ€ with certain
 impurities. For example, addition of phosphorus to silicon increases the number of
 free electrons because phosphorus contains five electrons in its last orbital.
 â€¢ For doped or undoped semiconductors, np = n2
 i . For example, in an n-type material,
 n â‰ˆ ND and hence p â‰ˆ n2
 i /ND.
 â€¢ Charge carriers move in semiconductors via two mechanisms: drift and diffusion.
 â€¢ The drift current density is proportional to the electric field and the mobility of the
 carriers and is given by Jtot = q(Î¼nn + Î¼p p)E.
 â€¢ The diffusion current density is proportional to the gradient of the carrier concentra_x0002_tion and given by Jtot = q(Dndn/dx âˆ’ Dpdp/dx).
 â€¢ A pn junction is a piece of semiconductor that receives n-type doping in one section
 and p-type doping in an adjacent section.
 â€¢ The pn junction can be considered in three modes: equilibrium, reverse bias, and
 forward bias.
 â€¢ Upon formation of the pn junc</t>
  </si>
  <si>
    <t>b'\xe0\xaeu\xd4\xc69\x05$\xf0\xf4\xec\xc8\x00\xbcPR'</t>
  </si>
  <si>
    <t>e0ae75d4c6390524f0f4ecc800bc5052</t>
  </si>
  <si>
    <t>lant band. He had been in fewer adventures than any of them, because
 the big things constantly happened just when he had stepped round the corner;
 all would be quiet, he would take the opportunity of going off to gather a few
 sticks for firewood, and then when he returned the others would be sweeping
 up the blood. This ill-luck had given a gentle melancholy to his countenance,
 but instead of souring his nature had sweetened it, so that he was quite the
 humblest of the boys. Poor kind Tootles, there is danger in the air for you tonight. Take care lest an adventure is now offered you, which, if accepted, will
 plunge you in deepest woe. Tootles, the fairy Tink who is bent on mischief this
 night is looking for a tool, and she thinks you the most easily tricked of the
 boys. 'Ware Tinker Bell.
 Would that he could hear us, but we are not really on the island, and he passes
 by, biting his knuckles.
 Next comes Nibs, the gay and debonair, followed by Slightly, who cuts
 whistles out of the trees and dances ecstatically to his own tunes. Slightly is
 the most conceited of the boys. He thinks he remembers the days before he
 was lost, with their manners and customs, and this has given his nose an
 offensive tilt. Curly is fourth; he is a pickle, and so often has he had to deliver
 up his person when Peter said sternly, 'Stand forth the one who did this thing,'
 that now at the command he stands forth automatically whether he has done it
 or not. Last come the Twins, who cannot be described because we should be
 sure to be describing the wrong one. Peter never quite knew what twins were,
 and his band were not allowed to know anything he did not know, so these two
 were always vague about themselves, and did their best to give satisfaction by
 keeping close together in an apologetic sort of way.
 The boys vanish in the gloom, and after a pause, but not a long pause, for
 things go briskly on the island, come the pirates on their track. We hear them
 before they are seen, and it is always the same dreadful song:
 'Avast belay, yo ho, heave to,
 A-pirating we go,
 And if we're parted by a shot
 We're sure to meet below!'
 A more villainous-looking lot never hung in a row on Execution dock. Here, a
 little in advance, ever and again with his head to the ground listening, his great
 arms bare, pieces of eight in his ears as ornaments, is the handsome Italian
 Cecco, who cut his name in letters of blood on the back of the governor of the
 prison at Gao. That gigantic black behind him has had many names since he
 dropped the one with which dusky mothers still terrify their children</t>
  </si>
  <si>
    <t>b'2\xec\xfd\xec\x8fG\xab\xdf'</t>
  </si>
  <si>
    <t>32ecfdec8f47abdf</t>
  </si>
  <si>
    <t>d spot on
each cheek.
"Come in," he said. "I've been thinking about you all morning."
"I've been thinking about you, too," answered Mary. "You don't know how
frightened Martha is. She says Mrs. Medlock will think she told me about you
and then she will be sent away."
He frowned.
"Go and tell her to come here," he said. "She is in the next room."
Mary went and brought her back. Poor Martha was shaking in her shoes.
Colin was still frowning.
"Have you to do what I please or have you not?" he demanded.
"I have to do what you please, sir," Martha faltered, turning quite red.
"Has Medlock to do what I please?"
"Everybody has, sir," said Martha.
"Well, then, if I order you to bring Miss Mary to me, how can Medlock
send you away if she finds it out?"
"Please don't let her, sir," pleaded Martha.
"I'll send her away if she dares to say a word about such a thing," said
Master Craven grandly. "She wouldn't like that, I can tell you."
"Thank you, sir," bobbing a curtsy, "I want to do my duty, sir."
"What I want is your duty" said Colin more grandly still. "I'll take care of
you. Now go away."
When the door closed behind Martha, Colin found Mistress Mary gazing at
him as if he had set her wondering.
"Why do you look at me like that?" he asked her. "What are you thinking
about?"
"I am thinking about two things."
"What are they? Sit down and tell me."
"This is the first one," said Mary, seating herself on the big stool. "Once in
India I saw a boy who was a Rajah. He had rubies and emeralds and diamonds
stuck all over him. He spoke to his people just as you spoke to Martha.
Everybody had to do everything he told themâ€”in a minute. I think they would
have been killed if they hadn't."
"I shall make you tell me about Rajahs presently," he said, "but first tell me
what the second thing was."
"I was thinking," said Mary, "how different you are from Dickon."
"Who is Dickon?" he said. "What a queer name!"
She might as well tell him, she thought she could talk about Dickon
without mentioning the secret garden. She had liked to hear Martha talk about
him. Besides, she longed to talk about him. It would seem to bring him nearer.
"He is Martha's brother. He is twelve years old," she explained. "He is not
like any one else in the world. He can charm foxes and squirrels and birds just
as the natives in India charm snakes. He plays a very soft tune on a pipe and
they come and listen."
There were some big books on a table at his side and he dragged one
suddenly toward him. "</t>
  </si>
  <si>
    <t>b' \xd9_\xe2\xa2\x95\x97\xfbj\x8b\xbbD\xe4\x9c\xa9O\xbe\xff\x9bd\x08!?lk[=\xeaw\xb8\xf2\xcb\xb5\x19\x0e\t\xa2\xf4\xc7\xf5[\x7fld\xd2\x0e\xb2\xa3\xa9\x19X\xe8\xcd\xe6\x9f\x1b\xbb`\xad\xdb\xf2\xad\xd3\x81\x8b\xff\x0e\xd4\xb2\x030\x82\x04\x8b\xa3\xe1\x08\xb1\x1f\xd3\x06f\x0b\xffDR\x02uK\x03\x16V\xbb\xf5\xd5\xafj\xb0\xbf8Y\x95\n\xd5mY\x01\x05\xbb\x0e\xbeaU\x86\xba\x13a@\xd1\x93;\xb5\x9cR\xa1\x89V\x80"F\xa8\xceI\xe5\xb3\x11f\xda\xc4\xf5\xbaP\xc6\xa7k\x82\x0c\x98\xd1\xca\xc3\x11\xb1\xef&lt;\xc3RR\xc1\x98\xf8\xa0\xe9mL\xf7=b\xcdx\x8f\x99\x1b\xb7!PG\x06\x96\x12\xd1\x0f\xe5\xb3\xbey\x98\x18E\xcc\x02\n\xe5\x18=%\xe0\x05\xfd"\xb7\x7f\xe4\xcc \x15\xf7\xafY\xdf4I\xa9{[[\xda\x06^G7\xc8\xecjH\x81E\x84K\xc7\xc3~\x10\xabZ-q\x1c\xc2\x14\xf4#\x97\x91\x02lt{\r\xf0|\xe3\t--z\x05+GM\xc3-\xf2\x9b\xad\x15\xa7\xa4&lt;\xc4@\xa8\xde*\xdds\xcax9\xad\xc6^\x963i\x1a\xde\xc9\x18\xfaeY\x8e\xe3\xf0\xa1"\x15\xd3\xfb\xd3\xaf\'#9a\xdc\xd3\xefl\xd5\x18c"\xb7\xfd\x14z\x12\x0e\rtj\x9c\xb6\xd3"\x92\xca\x1cr\x1b\xd6O\xd6\xfb\xef\xd7\xb0\xa5\xa2\xa8c\xce\x01@\xa4\xad\xc8R\xf3\x89\x87\xb3^\xe5\xf1t\xdc\x15\x12\x82`\x96-M\x83\rj\xaf\xd8&amp;M\x81O\xb0\xee1u\xb08\xb4\xfd\xb7b\xfb\x00\xe1\xe3\xe9\x8dM\x1fU\x1f\x16\xead\xee\x93*Y\x8d\xab\'\xbd\r\x90\xd3\x14\xdds\xcb\xf3f\xd20\xef\xdb0B\x14\xaaa\xff;gK\x8f\xe0\x1a\xb6[\x95?/u\x17p\xa8\xde\x90FroH\xcc\xecC\xd5\x82;|\x90: \xc4\xc7\xd2[\x8f\x94\xeb\xe4\x905\xed\x1e\x08\xfa\xe75[\xf5\x81\xdb\xa3Q|\'$B\xb3\x9e\x9b\xb1\xe1k\xf6"\x9c\x98\xe0 \x9b\xe2\x05\xce\x13\xd0\x8c\xd7\xeet\xc6\x18\xa5\xca2\xca\x02\xfeW\x83\xa3\xb6\n@\xe2&lt;\xf3g\xd7=\xcci`\x13\xb5\x9d/\x84\xd0_\xbf\xec~\xaf\x9d1\xf8\xd0v;\xd1\xfc\xdb\xa2\xdc\x80f\x80^g3N\xbf\xcf\\\x0c\xbe\xd8\xbd\xcbP\x93c\xb3e@\x95v\x0b\r\xe9\xf7\x1b.\x0e3\xdelu\x01\x05gM\x9a2/[\xdb\x8a\xf9\xe6F2&gt;\x9e\x03\xb7\xb2\x81F\xbd\xff\x17\xe5\xa3\xcb^\x02G\xea\xf7\x94\xcf\xe1\x01_/\x13\x13\xabk\xeb\x7f[\\Z\x88\xb8\x0fA\xdd\xd51\x137\xddj\xafz\xac\xb9\xffz2\x9b\xbc\xb4\x01\xb0y~\xa9.p\x0b\x93\xe4\xdc\xef~\x801\x9c\x84_\xd3\xbc\x99\x88@#d7\x7f\x9d\xee\xc7\x0fsXI\xf2\x98\x06\xf1\xdd\x89d\xfe\x81$83;o|\xb2\xd5\x8a\xb2\x12\x8f\xfd\xa7\xdd}9\x9b\x1e\xc73\xf6\xd5\x18\xd4bD\xe56G\xad\xef_\xb5\xd2\x97\x03\xe7Z\x95D\x8b\x07j\x01\x18g\xbb\xc5\x17\xc1\xbap\xd2\x95[\x10\xc0\xe0\xd8\x0eLn\x9a\x91\xce\xc7J~\xfeb"\xba\x17.\xab\x861\x11\n\xdeB\x17\x8fd\xc7\x94K\xc4\xbaC\x03\x8d~\'\x88\xd3\x9f1\x88]4\xb6\xe4 \xb8\x92\xe2\xa47\xfck\x82g\x8b\x99\xdc\xe7\xe9k\x19\xa9\xf4\xf4],\xcb\x83\x14^\xdd\xe9\x8c\xd9\xa5\x83WC=m\xf1\\\xcc\x8d\x04=\xec&amp;i8 u+\xdee7;G!%\xbal\xb66\xb9\xfd}\x06g\x85\xd0\xb6\xe4\x8b!\xe6\xa1\xd0&lt;F=:}\x11\xf6\xbb\xe5\xe7j\x96%\xc2\x89?\x9d\xf6\xd6\x11\xb08\xdeP\x84u1s\xa8\xdfn*\xf6\x12i9\x8bd6\xe3V\x95\xbdy\']\xc5e\xb4\xab\x0f\x16z\xfa\x1c\xa87=j\xba\xe9M\x99\x08)\xae\xa6\xde\x86\xbbH\x15\xa5\xc0)\xf7\xbe*f-lxR\x1bJ\x0cM\x9a\xb7%\xcej\xfeY.\x99\x0c\x8a\x89\xfb\xf5\xd4\xab=En\x85\'\xecj\xc7\xa1\xed\xead+\x06a\xab\xde\xa6&lt;\xf5\t\xed!d@K6\xc5JX \xdf\t!\x85\\\x17+RA\xd7\xaa\xbd\x03\x13\xc1\x9f8r\xb9KE[\xaf\xc9\x01i\xda3\x10\'L\x92\xa8\xb4b\xc9\xa8&amp;\x88\xfet\x1c\xe9\x97\xa4\xder\xc7\xc7y\xcf\xdd\xc10\xd1\x0c\xe6\x17\xef\xec\xdeA\x82\xce\xaeJ\xe9\xf9\n&gt;\xd2xD&lt;o\x86\x97\xf9(O\xea\x80\x95+TD4\xcb\x9d\x89\xc0\xbb\xf8&lt;\r\xd8_\x8d\\1\x0c\x9c\xdb\xd2\xb3s\x8a-1tADa\xe6\xa6\xa9%H5\xaf\x8d\x8b\\\x0c\x14w\xda\x94\xfa\xec\x14\x93\xe1?p\xb7\xe1\xac\xb0\x1a6\xe6\xc6\x1f9\x98\x94\x84By\xcd6\xd5\x87\xc4L\xf9!@\x1b\x8a^\xe7\x8d\xa7\x18\xc7\xe9\xbb"4\xa4\xfd&lt;\x00$\xeb4\x84D?\xa5\x04\x17s\x05\x84\xa3M\x84\x15\x8bn\x16\xaf\xfb\xc5\xd4\x04G\x0f\xb6@\x08\xe0\x9f\xd6\'6u\x1d\x83\x14\x8da\x9dC;w\xd6KW\xd7\x12\x01!\xfe\x11\xa88\x849\xed\xe9/J\xf8\x83\xac(\x12U\xfcvz\xc6\xfd\x891\x1fl\x8cClR\xdf\xd3\xb8\xd2\x937\xd5g\xfeG\xf7e\xe4S\xda\xbe%I\xa5\xc9\xf2\x80\x17|\x93C\xca\xad\rK2\x94\t\x98\xc0/\x19\xd3\xe2e\xa4\xd6\x05\xe8\xcb\xe6m`\x93h\x9c\xcd\x01u\xad\xeb\xac\xa7\xdeO\xcf\x1cs\xea\x81\x81\x03\x17N\xcb\x14!\\\x1e\xa0\xdcj\xd8\x8d\xe2\x94\xdd\xb69\xd0\xa3\x9eg\x86\x92\x12\xa9C\x12\xde\xb1\xe8\xd1&gt;a!&lt;%\x95\xa8U8uO\xc35P\xa7|\xbf\xc4\xd0?,IS^\x7f~\xa6\x0c\x14\xa7.z\xe2,\xe94*\x08z\x05\xea\te[\x8f\x10\n\xd5!\xa4p\xfb\xa5}\xda\xbf\x11\x87\xf4\xad}\xb4\x0ek\xf4E\xcc\xc1\x9d\xfe\x87\xcfC\xee\xc6\xef\x13\x8e\x05G\xab@\xfa\xb3\x8a\xf3]C`\x08\x9c\xfb\xbb\xa6\xa6\xe9\x8d\x96\xd7/\x07\xca\xe4\xf0\xd7\x07{\x8c\x13\x9fx\x9fJ\xb6{U\xf4\xdb==%\xafh\x9d\x86\xb4\x97\xbf+\x8e\xa6y=\x11\xd4\xa8\xc4S\x1c\xfb\\\xdd\xa1\xd0\x9bi\xe09\xcb}\x8ag\xcc\xcb,r\xfe\xb9?\xb6\x96\xb1\xf8G\xe9\x93\xb5\x08)V\xef\xe3W\xd4\xeb\xbb-\xce[Q\xb4-\xc0\x81\x9b\xea\x0c\x99\x9b"Fw\x01\x10\xaaB\xfcgif\x82\x99(7\x14\xb9}C\x96`\x83\x17\xd5^\xca\xc0b?\xbe\xf9\xf9\x0e\x11\\\x84X\xeb\xf6\xc2\x1f\xf1\xf9\xd8\xa0\xb5tv\xf9\x8f\xe7Q\xee\xe3\x0e\xf79|_\xf9\x00\x08J\xadk@\xfa\xcc\xe0iHtPp9\xf2G4u\xf5A\x84N\xb8\xba\x0c\x84A\xfd\xf9.\xd6L\xbf\xe1\xaeX\x98)/\xa3!\xf7\x15\xd1\xf8}s\xa5p\r\x03)\xc8\x16\xffb\x01\xd9\xd9\xfb\xfbi\xb9"w\xbd\xe3-\xf8W\x17\x90\xf9\xf8\x12\x1b\xad#\xa0Z\xb4.B\\\xbb\xaaK\xb82\xf4Z\xbdF\xd0\xb9\x07\xf0\xbd\xae=\xe6G\x1c\xb7\xe1\x0b\xb1\x1c\x1e!}a\x1bc6\xb4T\xd4\xf8\t\xe4"\x93\xcf_\xadj\x1bJ\xdd\xe6r\x87\xf3d\x10\xce&gt;\x93\x9e\x8c\xdde\xc5\xc5@+*\xb1\xd5z\x90\x12-\r\xc7\xb7\x99i\xae\x1bLn\x8a\x99\x06\xa3\xed\xbf\x9ey*\x8cD\xde\xf0U\x84\xf7\x0fW\xf36\xe9-\xd0X\xa0\x88wC\xf9\x8b\x92\xfe\x0b&lt;\x9c\xb1\xdb\xe8\xd9[\x03\xa20\xb2)\'\x96\xcd\xdcg\xf9\xcb\xee\xbcx\xf5e\xc7\xcb\x94\r\xad \x15yn4o\xb9\xd9\xe2wF3\x11qN\xf4\xf9D:&amp;\xa3W\x1ai\x08\xf8\xafPNN\xf0\xe3NJX\xa7\xbd\x11\xb0\xe9]\xf0\xb4\x98\xf5\\\xf6\x15M\xed(\xa9\xe7\xf4e\xcd,\xb7\x86\xf7e\x82x\xc6\x90\x04\xdb\x87R@\\\xb2I\xea\x9d\xbb/\x0bM\xdbL\xb0\xc2\x8e-\xe3\xf8,\xd3\x9bKpv\xdbF\x82\xc8\x99\xd7\x83\xfe$\xfe\xb3\x03\xd05\x1c\xb5\\\xebS\x9b\xdfXZ\x98\x1b\xf8\xf8\xac\xc2\x1d\xec\xfd\xa7(\xffl\x14\xbe$Pq\xcbR\xf4\xc4\xe4\xe1\xc33\xb2C\x1c\x9c\xfd\x1c\xa4\xb1\xdc\xba\xd5\x84\xda\x1a\xfb.P\x03v\xc8\xb5\x89^x\x1eD/2\x86&amp;W\xdbj\xc2\x17I\xaf,\xe4p\xa7\x96\x1dnI\x93b\xed\xa2[w\xe5\x15\xad\xea_\x9aH\xbcv\xe8\x0b\xd5"K\x9a\xd0\xb4\xd7\x970\xf3\xe1WA\xa5\xce\xf5\xf6\xe9\xe6\xe6\xba\xeeSs\x94\x05\xe4Y\xc6\xd1\xdf\x1038\xa4\xe6q3\xee4\x82\xe3\xad\xae\x96$:\xab\xe8\xac\x0b\x1e\x03H\x9d7\xa4\xeb\xb2&lt;*\xd4\xe7\xe8Dm\xee&lt;~\xd5\xd3W\x99d\xdf\rs\xfe\x90\xb0\x0c?%]6o\xe9\x06v~\xbe=\x073\x83T\xa4\xaa\x174\xdb\x02dc\xc444\xb5u\x05KU\x15\x05\xfe\xfe(%\n\xd7R\xf7\xe8\x07L`v\n\x9a6 {\xdc\x94N\xd8WD\x05\x1d\xb5\xb1R\r\xb8wh\x16x2\x8a\x1a\x16\xbc\x96\xe7h8\xb0\x9az?\x96\x9ci\xd3\xb7\x8f?N\x88\xd8N\r\xd7\x88-\xe0\xaeD\x83\x06\xedV\xc9\x87\xd4*\x8a\xeeY\xd0]\x88\xb1\'\xfd\x987]c\xc7\x95(\xd6\xa5\xb8\xc8\xaf\xf3\x99\xa1\xc1\x1d2\x91@\xcf\xf2E\xbf]\xba\x1fxB\xf8T\xae.\xe7@\xccK@\xac\x00&lt;\xb3\xd3:\x94\xdb2s\x8d\x90\xa1\x92\x06\xb3\xebmMGp\x04R\x92\xf7z\x9f\x00\xdb\xd7\xa5\xe0\x102\x04\xd2\xb3\xdbq\xbf\xac\xa1\x07\xa7\x17\xe1v3\xb5\x1f\xcc\x1e\xf4G\x86\x98-\xaeL\xe2}\xa2)\x1d\x08\xe2\x97\x04\\\x15\xca\xc8\xf1\x98\x12\x80\x1c\xe1\xc1U\x05\r\x95\x90q\x13r\xe0\xe9\xbfk$\xb4\x8f\xc3\x0b\x8a\t)\x03\x9b\x80\xe7\x84")4\x92\x04\xec\xd8vB\xd9\x10"^\xb0}\xee\xfe;\xe3\x08/{\xd7\xf1\xf7":\r\x02OB\x1c\x9a\xcf\xbaf\xdb\xf9\xc2.\xd2\x1f\xc7\x1b`\xe7\x15\xa1\xd9\xdc\x13\xee;\xab\xc3&gt;M-\xc1\xf9\xb6\xdb\x92\xa7\xab\xa7O\xeaJp\x99r\xb9\xd6M\x7f\x9f\xb7\xc8}&lt;%N\xd2\xa5\xb7\xad\xd6\xb3\xe0w\'Z\xa9u\xa4\xa3\x07\xd9}D](\x1a\xbb\xb7_V\x8c\xd3g\x94(u\xdf\x1b\xfd#\xd9'</t>
  </si>
  <si>
    <t>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</t>
  </si>
  <si>
    <t>b' \xd9_\xe2\xa2\x95\x97\xfbj\x8b\xbbD\xe4\x9c\xa9O'</t>
  </si>
  <si>
    <t>ean countries were continuing
 to peg their mutual exchange rates as part of an informal arrangement called the â€œsnake.â€ The snake evolved into
 the European Monetary System (discussed in Chapter 20) and ultimately led to Europeâ€™s single currency, the euro.
 CHAPTER 19 International Monetary Systems: An Historical Overview 527
 One possible solution at the time was an increase in the official price of gold in terms
 of the dollar and all other currencies. But such an increase would have been inflationary
 and would have had the politically unattractive consequence of enriching the main gold_x0002_supplying countries. Further, an increase in goldâ€™s price would have caused central banks
 to expect further decreases in the gold value of their dollar reserve holdings in the</t>
  </si>
  <si>
    <t>b'0E\x02!\x00\xd67\x92\xfa\x93\x12\xd2\\\x99\x95\xa6\xd4\x14\x98\x88m\x89m\x8c/\x15\xb9}_\x14ThF^\x81\x99(\x02 o\x1b\xa5D\xb3V\x1e&amp;3y\xe7!\xc4\x0c\xc3\xbf0a:\xb9\xbe\x8f?\x89\x06D[\xd6a\xc1\x17P'</t>
  </si>
  <si>
    <t>3045022100d63792fa9312d25c9995a6d41498886d896d8c2f15b97d5f145468465e81992802206f1ba544b3561e263379e721c40cc3bf30613ab9be8f3f8906445bd661c11750</t>
  </si>
  <si>
    <t>b'0E\x02!\x00\xd67\x92\xfa\x93\x12\xd2\\\x99\x95\xa6'</t>
  </si>
  <si>
    <t>wo-pole system cannot oscillate.17
 Solution As evident from the Bode plots in Fig. 12.62(b), the phase shift produced by such a
 system reaches âˆ’180â—¦ only at Ï‰ = âˆž, where |H| â†’ 0. In other words, at no frequency
 are both Eqs. (12.181) and (12.182) satisfied.
 Exercise What happens if one of the poles is at the origin?
 16It can be proved that the circuit continues to produce a sinusoid at Ï‰1 even if the electronic noise of the
 devices ceases to exist. The term â€œoscillationâ€ is thus justified.
 17It is assumed that at least one of the poles is not at the origin.
 12.8 Stability in Feedback Systems 617
 K
 H (s)
  Ï‰ 1
 A
 B
 H (s)
  Ï‰ 1
 A
 B
 H (s)
  Ï‰ 1
 A
 B
 (a) (b) (c)
 K K
 Figure 12.64 Evolution of oscillatory system with time: (a) a component at Ï‰1 is sensed at input,
 (b) the component returns to subtractor with a 180â—¦ phase shift, (c) the subtractor enhances the
 signal at node B.
 In summary, a negative feedback system may become unstable if the forward amplifier
 introduces a phase shift of âˆ’180â—¦ at a finite frequency, Ï‰1, and the loop transmission |KH|
 is equal to unity at that frequency. These conditions become intuitive in the time domain
 as well. Suppose, as shown in Fig. 12.64(a), we apply a small sinusoid at Ï‰1 to the system
 and follow it around the loop as time progresses. The sinusoid incurs a sign reversal as
 it emerges at the output of the forward amplifier [Fig. 12.64(b)]. Assumed frequency_x0002_independent, the feedback factor simply scales the result by a factor of K, producing an
 inverted replica of the input at node A if |KH(jÏ‰1)| = 1. This signal is now subtracted from
 the input, generating a sinusoid at node B with twice the amplitude [Fig. 12.64(c)]. The
 signal level thus continues to grow after each trip around the loop. On the other hand, if
 |KH(jÏ‰1)| &lt; 1, then the output cannot grow indefinitely.
 Example
 12.37
 A three-pole feedback system exhibits the frequency response depicted in Fig. 12.65.
 Does this system oscillate?
  Ï‰
 0
  Ï‰
 0</t>
  </si>
  <si>
    <t>b'\xdf\xe5o\xfb\x0c\xe7h\xbcz\xf0\xa5\x86j5D\xd7'</t>
  </si>
  <si>
    <t>dfe56ffb0ce768bc7af0a5866a3544d7</t>
  </si>
  <si>
    <t>the breakdown region is known as as zener diode.
Appearance
Schematic Symbol
Backwards Current Flow Too, but only Past the â€œZenerâ€ Breakdown Voltage Figure-12
      64
                 3.17.1. Characteristics of Zener Diode
(i) Its characteristics are similar to an ordinary diode with the exception that it has a sharp (or distinct) breakdown voltage called zener voltage vz.
(ii) It can be operated in any of the three region i.e. forward, leakage or breakdown. But usually it is operated in the breakdown region as shown in fig.11.
(iii) The voltage is almost constant (vz) over the operating region.
(iv) Usually, the value of vz at particular test current Izr is specified in the data sheet.
(v) During operation it will not burn as long as the external circuit limits the current flowing through it below the burn out value i.e Izm (the maximum rated ze</t>
  </si>
  <si>
    <t>b'\x98\xae\x00\xcd\xc5\xe6ei6\x7f\x065\xc0e\x02\x0cpIK\x10\x9bZ.JIo\xdd1x\xd0\x05\n!\x8e\xdf\xde\x18\x9f\xf3\\\x97\x13ZO\xce\x06\x06\xc5s\xfd\xb9\x16\x12\x81\xb5qfn\x18\xad&lt;$\xa7\xbdS\x0c(\xb2\x93o\x84og\xf6\x8c\xd1j\xaaEF\x1c\xfb\xb3\x95\xae\n\x99/\x80\x16X\x02S\xad\x88\xc6\xb7\xae\x008\xa7\x08\x14\xde\xd9\x89G\x97\x18\'r\xd9\xda\xba\x90\x87\x0b\'\xc8\xccPJ\xb1H\xbe\xe1Cg \x14\xeaY\x94\xb6U6"\x1cr\xf2\xf0\xa3`\x06\x063_\xdaC!2t\xa8\xc9KC#\x0bWq\xdfL\x15\xdc\xb7\xa9m\xa0\xf5\xb3\x07\x98@\x98\xf0L_\x11\x19;\x9d\xc5\xb8b\xf3\x109{Y\x99\xf8\xcce\xf4\xc6\x92g\xea\xcf\x03x\t\xbe\xf9\x81\x97.\x19\xe6\x006\x08\xed\xd8\xf8N\x01orYY\xe2\xaf\x01~v\xd0HM%\x9aR\x01xz\xb8\xc5!\x10\xcb\xe7\xd0\x83wK\xaf\x1f\x9fS\xff\x1e{\xbb\xa8\xdf\x01i\x01\x19x\x82*=&lt;\xe3\xf2\xf4e)\x9a\x04\xabs\xca\xf6f\xee\x05O5\xddtK1\xb9Z\xfb\xf6b2\xfd[z\xd2\n?,\xc7\xde&gt;n\xf9|\xab\x05}|\xbd\xe3;G\xdd\xdd}\x04\x94\xeeaP\x07q\xc2\x00\xd2W\xe9\x1f\xb8\xb0O\xa9N\xa6\xf5\x93\x82E\xca\xf0p\xf6v\xbd{S\xa2\xac\x80\x9c\x95\x99\x95\xaf\xac\xcfV;\x18~(\xcdlt\x8e\xe3*\x18\xa0;\xe8\x84\x98A\xd4\xb3 #\x9e\x81\x84*\xcaC\xc7\xe8\xd4G\xcfc\xcf\x01v\xde \n\xfe\xbf\xa8\xaa\xac\x035\x1ec\x84=U\x82\xa7\x0f\xb9\xf5_\xbb\x957\xc1O\xb8\xa3\xbbs\xc58\xa27\xd8\xaf\xe39\x04gF\x95/\x06\xf2\x0f\xd4S\x97\xd5\xdd\xbcM\xe9\xa2\xd2d{O\xe9xM\x8f\xeb\x87k{\xd5\xf2\x9a\x1d\xe0\t"\xff\xef_\xdd \x7f\r)\x10eY\xc3\x12~\x0f\xea\xb8\x17\xc3\xfcM9\xd6\xf2/\xc8@f8\xd6\xbb\x80&gt;o\x19\xb8\xd25\xc0\xcbo\xdcM\xbae\x02\xe6\xda\x1d\x05K\xa8\xe9^\xd3ak\tL\xb8\xdb\xa9\nrU\xabim\xfa\xb0Z\x08\x04CG\x04\tW\xf7\x1a#o\xcc\xc0\x1f\x96\xdb;&lt;\xff\x87\xc8\x8a\xad\x89\xf5\x93D\x9bS:\xd2\xfdG\xfd\xa4\x0f|\xc6\xd1\xfeU\t\x83\xdd0\x14\xb9bZ\x1e\xa9:8\x13\x15\x19\xbf\xce\x83\xac\xe6\xbf\xb3\x82|G\x89\xd2\xd2o6X[{#J\xc7$\xc21\n\xf4d\x13\xc9\x9c\x871nWV\x92\x11i^\xec\x8a\xc0\x8f\xa0\xed\xea\xf90j\xfeM\x830\x14\xce(X\xab\xfc\xb9\xf5@\x8d\xef\x0f_\xbb\xa9\xb2L\x92\xe16\xc4\xfb\xf7\x0f\xff~\x01\x84\x18\x0e(\xa00\xb7\xcbF\xed\xf1`\xd2I\n\x1e\xa5\xc5\xe8\xbf\xf9\x1cY&lt;9\xaf\xaa\xe4L\x85\xe5\x94\x00C\xdc\xe1\xe7O\x1e\xa0W\xa7\x91\x13\xf1:\x0b\xcd\x1d\xfa\x90T\xc1\xfa\xf3A\x89\xb2&lt;\x1c\x10\x83\xce\xffj\xe1\x02\xa5\xd0^\x0b\xbe,\xbf\xa9\x10\xea\x9c\xea3\x0b\xdf\x1fVC\xe2&gt;\x92\xddE\xa4h\xb3v\xaaoO\xce\x0b\xbc,D\xed\x8bqJ&lt;&amp;\x99xFD\xd4.\xe0\xd8+0\x9ddz\xdb\x87\x07\x80ph\xb62\xf2kN\x8e\x12)l$\x0e\x00\xf1i+\xb1\xf9\xc2\'\x026\x85\xe7\x7f\x8b\xe1%:\xe0\xf8z\xe6\xf9\xe6\xe5\xbf\x82\xc0\xd7\xac\xcb\xb7\xc5\xaa\x14\xd9\xd7\x1c\x02\x08\xb2\xe7\x1a\xee"#i\xbd=\x86\x1c$~\x9b'</t>
  </si>
  <si>
    <t>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</t>
  </si>
  <si>
    <t>b'\x98\xae\x00\xcd\xc5\xe6ei6\x7f\x065\xc0e\x02\x0c'</t>
  </si>
  <si>
    <t>anges little for VX â‰¥ 0.8 V.
 VX D1
 R1 2 k Î©
 I X
 Figure 2.42
 2.20. In the circuit of Fig. 2.42, the cross section
 area of D1 is increased by a factor of 10.
 Determine VD1 and IX for VX = 0.8 V and
 1.2 V. Compare the results with those ob_x0002_tained in Problem 2.19.
 2.21. Suppose D1 in Fig. 2.42 must sustain a volt_x0002_age of 850 mV for VX = 2 V. Calculate the
 required IS.
 2.22. For what value of VX in Fig. 2.42, does R1
 sustain a voltage equal to VX/2? Assume
 IS = 2 Ã— 10âˆ’16 A.
 2.23. We have received the circuit shown in
 Fig. 2.43 and wish to determine R1 and
 IS. We note that VX = 1 V â†’ IX = 0.2 mA
 and VX = 2 V â†’ IX = 0.5 mA. Calculate
 R1 and IS.
 VX D1
 I X
 R1
 Figure 2.43
 *2.24. Figure 2.44 depicts a parallel resistor-diode
 combination. If IS = 3 Ã— 10âˆ’16 A, calculate
 VD1 for IX = 1 mA, 2 mA, and 4 mA.
 R1 1 k Î© D1 I X
 Figure 2.44
 2.25. In the circuit of Fig. 2.44, we wish D1 to
 carry a current of 0.5 mA for IX = 1.3 mA.
 Determine the required IS.
 2.26. For what value of IX in Fig. 2.44, does
 R1 carry a current equal to IX/2? Assume
 IS = 3 Ã— 10âˆ’16 A.
 *2.27. We have received the circuit shown
 in Fig. 2.45 and wish to determine
 R1 and IS. Measurements indicate
 that IX = 1 mA â†’ VX = 1.2 V and
 IX = 2 mA â†’ VX = 1.8 V. Calculate R1
 and IS.
 R1 D1 I X VX
 Figure 2.45
 58 Chapter 2 Basic Physics of Semiconductors
 **2.28. In the circuit of Fig. 2.46, determine the
 value of R1 such that this resistor carries
 0.5 mA. Assume IS = 5 Ã— 10âˆ’16 A for each
 diode.
 D1
 R1 I X D2
 1 mA
 Figure 2.46
 **2.29. The circuit illustrated in Fig. 2.47 em_x0002_ploys two identical diodes with IS =
 5 Ã— 10âˆ’16 A. Calculate the voltage across
 R1 for IX = 2 mA.
 D1
 I X R1 Î© D2
 2 k
 Figure 2.47
 **2.30. Sketch VX as a function of IX for the circuit
 shown in Fig. 2.48. Assume (a) a constant_x0002_voltage model, (b) an exponential model.
 R1 D1 I X VX
 Figure 2.48
 SPICE PROBLEMS
 In the following problems, assume IS =
 5 Ã— 10âˆ’16 A.
 2.31. For the circuit shown in Fig. 2.49, plot Vout
 as a function of Iin. Assume Iin varies from
 0 to 2 mA.
 D1 I Vout in
 Figure 2.49
 2.32. Repeat Problem 2.31 for the circuit de_x0002_picted in Fig. 2.50, where R1 = 1 k_x0006_. At
 what value of Iin are the currents flowing
 through D1 and R1 equal?
 D1 I in R1 Vout
 Figure 2.50
 2.33. Using SPICE, determine the value of R1
 in Fig. 2.50 such that D1 carries 1 mA if
 Iin = 2 mA.
 2.34. In the circuit of Fig. 2.51, R1 = 500 _x0006_. Plot
 Vout as a function of Vin if Vin varies from
 âˆ’2 V to +2 V. At what value of Vin ar</t>
  </si>
  <si>
    <t>b'\x1dO\x8b\xc2\xc8\r\xb2\xcf\xc2[\x13k\xa0\x8d\xac:'</t>
  </si>
  <si>
    <t>1d4f8bc2c80db2cfc25b136ba08dac3a</t>
  </si>
  <si>
    <t>ushing
 upon the plank, he crossed it, and fell unconscious on the deck,
 just as the Carnatic was moving off. Several sailors, who were
 evidently accustomed to this sort of scene, carried the poor
 Frenchman down into the second cabin, and Passepartout did
 not wake until they were one hundred and fifty miles away from
 China. Thus he found himself the next morning on the deck of
 the Carnatic, and eagerly inhaling the exhilarating sea-breeze.
 The pure air sobered him. He began to collect his senses, which
 he found a difficult task; but at last he recalled the events of the
 evening before, Fixâ€™s revelation, and the opium-house.
 â€œIt is evident,â€ said he to himself, â€œthat I have been abominably
 drunk! What will Mr. Fogg say? At least I have not missed the
 steamer, which is the most important thing.â€
 Then, as Fix occurred to him:â€”â€œAs for that rascal, I hope we are
 well rid of him, and that he has not dared, as he proposed, to
 follow us on board the Carnatic. A detective on the track of Mr.
 180
 Fogg, accused of robbing the Bank of England! Pshaw! Mr. Fogg
 is no more a robber than I am a murderer.â€
 Should he divulge Fixâ€™s real errand to his master? Would it do to
 tell the part the detective was playing? Would it not be better to
 wait until Mr. Fogg reached London again, and then impart to
 him that an agent of the metropolitan police had been following
 him round the world, and have a good laugh over it? No doubt;
 at least, it was worth considering. The first thing to do was to
 find Mr. Fogg, and apologize for his singular behaviour.
 Passepartout got up and proceeded, as well as he could with
 the rolling of the steamer, to the after-deck. He saw no
 one who resembled either his master or Aouda. â€œGood!â€
 muttered he; â€œAouda has not got up yet, and Mr. Fogg has
 probably found some partners at whist.â€</t>
  </si>
  <si>
    <t>b'G\x9e_\xb82N\xb0aY\xff\xf8r:\x1e\xcf9a\x87}\x08@ \x0f\x10+Q\xab\xadM\xa2F\xe7'</t>
  </si>
  <si>
    <t>479e5fb8324eb06159fff8723a1ecf3961877d0840200f102b51abad4da246e7</t>
  </si>
  <si>
    <t>b'G\x9e_\xb82N\xb0aY\xff\xf8r:\x1e\xcf9'</t>
  </si>
  <si>
    <t>ed speedily; and though I could, perhaps, bear to die, I 
 could not bear to look upon my fate as it approached. 
 So I must have lain for hours,</t>
  </si>
  <si>
    <t>b"Mcp\x97?\xfd\xa5\xfcj\xe8\xa7\xa5n\x18\xcaRlL{\x9bk\xc35\x186+\xa0\xf5eby(s\x10\xc0\x07\xd5\xe0)\x15\xdc\xa2\xcd-n\xba\xcaw\xae\xd3Z\xfe\xf6\x9c\x7f\xc1\xa9w~\xf5\x86\r\xfdIo+\xd4a@UY\xa0{`\x0c\xff\xd2\xc8\x96\x1cIc?\xb9oA\x9a\x18\xd2\xd0\x19\xaf\x16\x04\xdd\x8f\x94V\xc0$\xcf\x93\xc4\x16\x9dH\xe9TX\xfck\x81a\xbe\x81\xd7.\xc0\xb0\xbe\x18\x87}\xd4s\x0b\xa6ZO\xf6B\xe3M\xe2Q\x9f-C_\x10\xaek\x14e\xb3&amp;\x8fP\xd1O5\x82\xe8\x1bu\x88's\xbf\x97\xbcS\x13\xcb\xaa\xfc1\xfb3h\xf4S\xa56\xd4\xa6\x18#J\x83\xde\x94\x96\n\x0et\xa2L\xc3\xfbDk\xe6A-\xcb\xe8\xff6\xd8k/6\xd8\xc4\xaa\ro\n\xc57{\xa6%\x19\xe3 \xcd\x81\xe8\xbc8\x14{Ji\x87W\x17\xc1\xdc\xa7!\xf5\xe0\x05\xed\x05\x86\xdb\x9d\x0c\x8aSg\xfe\xdb\xdaL1\xb7\xab)\xc4\x8d\xb6"</t>
  </si>
  <si>
    <t>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</t>
  </si>
  <si>
    <t>b'Mcp\x97?\xfd\xa5\xfcj\xe8\xa7\xa5n\x18\xcaR'</t>
  </si>
  <si>
    <t>e
 Vout = âˆ’VT ln Vin
 R1IS
 . (8.66)
 The output is therefore proportional to the natural logarithm ofVin. As with previous linear
 and nonlinear circuits, the virtual ground plays an essential role here as it guarantees the
 current flowing through Q1 is xactly proportional to Vin.
 Logarithmic amplifiers (â€œlogampsâ€) prove useful in applications where the input signal
 level may vary by a large factor. It may be desirable in such cases to amplify weak signals
 and attenuate (â€œcompressâ€) strong signals hence a logarithmic dependence.
 The negative sign in Eq. (8.66) is to be expected: if Vin rises, so do the currents flowing
 through R1 and Q1, requiring an increase in VBE. Since the base is at zero, the emitter
 voltage must fall below zero to provide a greater collector current. Note that Q1 operates
 in the active region because both the base and the collector remain at zero. The effect of
 finite op amp gain is studied in Problem 8.41.
 The reader may wonder what happens if Vin becomes negative. Equation (8.66) pre_x0002_dicts that Vout is not defined. In the actual circuit, Q1 cannot carry a â€œnegativeâ€ current,
 the loop around the op amp is broken, and Vout approaches the positive supply rail. It is
 therefore necessary to ensure Vin remains positive.
 8.3.3 Square-Root Amplifier
 Recognizing that the logarithmic amplifier of Fig. 8.24 in fact implements the inverse
 function of the exponential characteristic, we surmise that replacing the bipolar transistor
 with a MOSFET leads to a â€œsquare-rootâ€ amplifier. Illustrated in Fig. 8.25, such a circuit
 requires that M1 carry a current equal to Vin/R1:
 Vin
 R1
 = 1
 2
 Î¼nCox
 W
 L (VGS âˆ’ VTH)
 2
 . (8.67)
 (Channel-length modulation is neglected here.) Since VGS = âˆ’Vout ,
 Vout = âˆ’
 _x0007__x0008__x0008__x0008_
 2Vin
 Î¼nCox
 W
 L
 R1
 âˆ’ VTH. (8.68)
 R X
 Vin
 1
 Vout
 M 1
 Figure 8.25 Square-root circuit.
 8.4 Op Amp Nonidealities 373
 If Vin is near zero, then Vout remains at âˆ’VTH, placing M1 at the edge of conduction. As
 Vin becomes more positive, Vout falls to allow M1 to carry a greater current. With its gate
 and drain at zero, M1 operates in saturation.
 8.4 OP AMP NONIDEALITIES
 Our study in previous sections has dealt with a relatively idealized op amp modelâ€”except
 for the finite gainâ€”so as to establish insight. In practice, however, op amps suffer from
 other imperfections that may affect the performance significantly. In this section, we deal
 with such nonidealities.
 8.4.1 DC Offsets
 The op amp characteristics shown in Fig. 8.2 imply that Vout = 0 if Vin1 = Vin2. In reality, a
 zero input difference may not give a zero output difference! Illustrated in Fig. 8.26(a), the
 characteristic is â€œoffsetâ€ to the right or to the left; i.e., for Vout = 0, the input difference
 must be raised to a certain value, Vos, called the input â€œoffset voltage.â€
 What causes offset? The internal circuit of the op amp experiences random asymme_x0002_tries (â€œmismatchesâ€) during fabrication and packaging. For example, as shown concep_x0002_tually in Fig. 8.26(b), the bipolar transistors sensing the two inputs may display slightly
 different base-emitter voltages. The same effect occurs for MOSFETs. We model the off_x0002_set by a single voltage source placed in series with one of the inputs [Fig. 8.26(c)]. Since
 offsets are random and hence can be positive or negative, Vos can appear at either input
 with arbitrary polarity.
 Vout Vin1
 Vout
 Vos
 Vos
 (a) (b) (c)
 Vin1 â€“
 Figure 8.26 (a) Offset in an op amp, (b) mismatch between input devices,
 (c) representation of offset.
 Why are DC offsets important? Let us reexamine some of the circuit topologies studied
 in Section 8.2 in the presence of op amp offsets. Depicted in Fig. 8.27, the noninverting
 amplifier now sees a total input of Vin + Vos, ther</t>
  </si>
  <si>
    <t>b'\x08\x1b^\xe1\xbf\x19Y\x00\x0bT\x85\xe7\xb0\xe4^\xb4'</t>
  </si>
  <si>
    <t>081b5ee1bf1959000b5485e7b0e45eb4</t>
  </si>
  <si>
    <t>nly sure sources of cheerfulness, the immoderate
 and feverish animation, usually exhibited in large parties, results partly
 from an insensibility to the cares, which benevolence must sometimes
 derive from the sufferings of others, and partly from a desire to display
 the appearance of that prosperity, which they know will command
 submission and attention to themselves.
 Emily's pleasantest hours were passed in the pavilion of the terrace, to
 which she retired, when she could steal from observation, with a book to
 overcome, or a lute to indulge, her melancholy. There, as she sat with her
 eyes fixed on the far-distant Pyrenees, and her thoughts on Valancourt
 and the beloved scenes of Gascony, she would play the sweet and
 melancholy songs of her native provinceâ€”the popular songs she had
 listened to from her childhood.
 One evening, having excused herself from accompanying her aunt
 abroad, she thus withdrew to the pavilion, with books and her lute. It
 was the mild and beautiful evening of a sultry day, and the windows,
 which fronted the west, opened upon all the glory of a setting sun. Its
 143
 rays illuminated, with strong splendour, the cliffs of the Pyrenees, and
 touched their snowy tops with a roseate hue, that remained, long after
 the sun had sunk below the horizon, and the shades of twilight had
 stolen over the landscape. Emily touched her lute with that fine
 melancholy expression, which came from her heart. The pensive hour
 and the scene, the evening light on the Garonne, that flowed at no great
 distance, and whose waves, as they passed towards La Vallee, she often
 viewed with a sigh,â€”these united circumstances disposed her mind to
 tenderness, and her thoughts were with Valancourt, of whom she had
 heard nothing since her arrival at Tholouse, and now that she was
 removed from him, and in uncertainty, she perceived all the interest he
 held in her heart. Before she saw Valancourt she had never met a mind
 and taste so accordant with her own, and, though Madame Cheron told
 her much of the arts of dissimulation, and that the elegance and
 propriety of thought, which she so much admired in her lover, were
 assumed for the purpose of pleasing her, she could scarcely doubt their
 truth. This possibility, however, faint as it was, was sufficient to harass
 her mind with anxiety, and she found, that few conditions are more
 painful than that of uncertainty, as to the merit of a beloved object; an
 uncertainty, which she would not have suffered, had her confidence in
 her own opinions been greater.
 She was awakened from her musing by the sound of horses' feet along a
 road, that wound under the windows of the pavilion, and a gentleman
 passed on horseback, whose resemblance to Valancourt, in air and
 figure, for the twilight did not permit a view of his features, immediately
 struck her. She retired hastily from the lattice, fearing to be seen, yet
 wishing to observe further, while the stranger passed on without looking
 up, and, when she returned to the lattice, she saw him faintly through
 the twilight, winding under the high trees, that led to Tholouse. This
 little incident so much disturbed her spirits, that the temple and its
 scenery were no longer interesting to her, and, after walking awhile on
 the terrace, she returned to the chateau.
 Madame Cheron, whether she had seen a rival admired, had lost at play,
 or had witnessed an entertainment more splendid than her ow</t>
  </si>
  <si>
    <t>b"\x07q\xc1\xb9A\xe1\x86\xba\xcfw;%\xcc'^\xd4\x9b\x03R\xb9|\xd5b6\xa1B\x8eh[|\x9ag\x90A\xf7\xa4V\x82,~'B\x92\xe1O\xf0\xac\xe8 \x93\x88\xd4D\x01\xa0\x96\x1c\x11\xdf\xf4\x8b\x1c\x0c\xce"</t>
  </si>
  <si>
    <t>0771c1b941e186bacf773b25cc275ed49b0352b97cd56236a1428e685b7c9a679041f7a456822c7e274292e14ff0ace8209388d44401a0961c11dff48b1c0cce</t>
  </si>
  <si>
    <t>b"\x07q\xc1\xb9A\xe1\x86\xba\xcfw;%\xcc'^\xd4"</t>
  </si>
  <si>
    <t>Table 9.5). Collagen is the most abundant protein in animal world
and Ribulose bisphosphate Carboxylase-Oxygenase (RuBisCO) is the
most abundant protein in the whole of the biosphere.
9.5 POLYSACCHARIDES
The acid insoluble pellet also has polysaccharides (carbohydrates) as
another class of macromolecules. Polysaccharides are long chains of
sugars. They are threads (literally a cotton thread) containing different
monosaccharides as building blocks. For example, cellulose is a
polymeric polysaccharide consisting of only one type of monosaccharide
i.e., glucose. Cellulose is a homopolymer. Starch is a variant of this but
present as a store house of energy in plant tissues. Animals have another
variant called glycogen. Inulin is a polymer of fructose. In a
polysaccharide chain (say glycogen), the right end is called the reducing
end and the left end is called the non-reducing end. It has branches as
shown in the form of a cartoon (Figure 9.2). Starch forms helical
secondary structures. In fact, starch can hold I2
 molecules in the helical
portion. The starch-I2
 is blue in colour. Cellulose does not contain
complex helices and hence cannot hold I2
.
2024-25
BIOMOLECULES</t>
  </si>
  <si>
    <t>b'3\r$UH\xf7\x15\xc8f\xe7I\xb7 i\xd1\xf8\xeah(\xba$\xd8$pn\x0e\x99\x08#\x8eqm\x80\xfe\x97\x1a\x8d\xf8&lt;\xa5\x99\x80}\xfc&lt;\xf2\x9f\xd1\xb0\xa2\xb5~\xe1dv\xe5y5\xe7\xfb\xa99\n\xf9\r\x9e!\\]F\x15\x8a];\x0e\x98r\xd7\x0cfn|\xbe\xa0\xed{\x08\x1c\xc0\x13\xc8\x92\xd6\x9f&amp;\t\xfc/OkDbN\xb2\x05Cd\xc4\xfa\xbb\xb1\x7f\xc1)\x8d\xc7\xf3\xa9\xb1\x86\x8diQO\x1e\xff*\x1b\xff\xd2\xec\xb8v\xea\xdc7\x0e\xdch\xd8\xda\xb5};\xd8\x94f\xfb\xe7\xedB-[\xa8E\x9d \x1c\xfc\xd7~JT(B\x1f\xa8\xdd\x93\xcc\x04\x1bD#\xd1\xe2Qi\xb7i\xd5\x82SR-\xae"\xacaI\xb4\n\x9cf\xa7aW\x0e\xce\xadW\xc4\xa1E\xa6pds52\x14\xd1\xa3\xd2^\xd1{\x1c\x05\\\t\xbb]\x97\xeb\xa9\xec\x9b\x82X\x10\x03ni]&gt;\xf0\xcf\xe8\x8e3^aT\xbc\r\x10\xe6L\xc1\xef\xadi\x99\xaala\xd4r\x04w\xd8r=\xb6\xf7\xb0\x04\xcc?\xe5\xa2\\#\xb2y\xcbfK\x14\xb4\xd0\xf4\xedl\x95=\x1c\x8bc\x7f\x04\xc8\xf5\xa5:\xca(\x9b\x9df\x0e\xd0\x9c:\xc6\x82lI\x90\x87\x90\xb54&gt;\xe7\x06\x19,\xed\xb6f\x99\x11\xc4bX\x95{M\xc9OS6\xbaJ\xee\xdcOLHx\x7f\xbc[e\'\x83FB\xec+\xe7&amp;*\xfc\xe1&amp;#\x1bm\'\xc1\x15\x86~\x89\x04i\xae\xc8\xf6\x03_G\x9cR|.5m\xc2\xe9Q\xc3\xfa\xfc&gt;^_\xc9\xe0h\xca\xd0~z_\xf6\x89\xdd\x7f\xd3\x10\xac\xee\x06\xc14Z\xaaf\xdb~\x17\xc2]&lt;\xb9?\x10\xbe0PW\xd4\xd0\xb0l\xd5!\xefo\xa7\xe00\xa7i\xe98\xc5\x0e\xcd\x88n\xdb\x15\x9f\x173\xab\xbd4L\x90\xad\xd5K\xa6\xf6Y\x0e\x91\xc5\xb6\x06V\x8e\xd7\x0c}T\xb5\x91(\x92\x10\x1c\xb2Q\x17\x0c,X\xaaJn\xce\xae/\xd7\xf5N3\x8a\xcapNtM\x96\xe7\x86\xb8\x97&lt;\xc8\xf4T&lt;\xc7\xa1\xb8\xcd:&amp;\xd5\xea\xff\xed\xb4\xfa/yd\x8a\xd4.\xe6zdx\x0c\xecm\xc4\xea\x8fc\x86\x1e\xef]\x90O\xbdU\xa2O\x80\xdb\xe0\xf0$`l;\xc4\x85\x1c\xef\xb0\xba\xcd\xea\x87$.\xfa\xf9\x85\xaaE\x1e"$\x83\xc4\xb4\x0f\xad\x82\xd7\n4\xd7O\x80\xd2;\xa0\xe5\x7foH\x80\xecF\x88{\xc1w\x9d\x9b\'\x00\xbc\xf8N\xc7\xf0\xb5\xfc\t\xc0\xc0\xb2\xa8\xca\xcf\xbd\xdb\x9e\xc0cf\xd2\x08\xbek\xce\x85/\xdd\xaa\x17.\x9d\x16\x8b \xa5"]\x9d\x9b\xed\xfe\xcc\xdbVP\xcbE\x82\xba]\xdc\xfe9t\xa4b\xa1\xea2\x10Q\xd1\x0f|\x12\x05yh\x10\x02\xcd\n\\!&lt;\x95`\xd8\xc6\x19\xfd\x15\x0f\xdeKu\xd9\x8d-\xf1:\x11\xd4\xa5T\x8c7\xca\\\\\xe6&gt;\x1a\xbd\x8c\x8d(\x89\x19)]\xfed\xb0A\xcc\xdd\x1d{\xa3\xdf\xe8\xa4\x7f\xca\x16\x98i\x0eE\xcdYH\x85\xdd\x10\xcd-\xcb\x86\xd8B\xce\x98\xae/D\x8d\xc6\xc2a\xc2\xc3\xc0a\xd0cE\xb6\x0f\xd0\x16\xd8\x13\xd1\xc2\x12\x9b\xf5Se\x967\x9e~s\xdc\xff#\x97\xbe\x9d\xf0&gt;\x98\x95\x89`\x85\x15\x12\xeaK(S!\x02\x07\x1e8\x15\xe8\xec\xb6\xaa&amp;\xe2\xdaj\x96\xf4\x1asF\xd6M|\x11vya\xdc\x9b\xa5b\x8c\xc0\x92\xfcXa-\xdd!oUS\xc1.-\x15\x1dM \x92E)Z\x9d\x01\xa1\xe6\x8b{\xfe\xd0\x0f\x16\xf1\x05&amp;\x99?\xef\x8a\x11\xf4\xad\xd3\x0e\xa3\xe6\xd8gJ"\xe28\xe2l\x83\x834H\xd7,\xa0\xff\x89\x83? \x14\x81y\xf0\xf5\x95$"&lt;\x9eT\xa6\xfdba\xf4\x97r-\xd41\x14@H\x84X%\x05\x9f\xbcg\x99\xc7c\xb3\xe2I[\xd5\x96@) \xc6\xbe\x9cG\x04\x8a\xdf\xfa\xb56vd\xf4]\xa5b\x13\xae\xe1\xbd\x95\x82\x96\x1c\xb1\x17\xa1\x11\xbd\xee3\x89\x0e\xc5\x13\xec\xe2F3pC\xb8\xb9\xf9,\xb0(O\xfdo\x8c\x08Etk{\xe0\x90\xed\x0bjKw\x00J\xac\x9c\xb2\xdc\xd7\xa5\xa4\x0e\xc1\'\xc2;w\x1bM\x96?S\x0bp%0\x9f$\xe5\xf7\xdb\xa5\x84\xfbT\x1f&amp;\x1a\xe00\x885\xeeV\xef\x98\x96\xfc\xfd\x15R\xc6\x84\x02\xe2\xd7\xc1M&amp;\xa5\x99\xa2\x1b\xf4\x9d\x187\xe1\x86\x19\xe60Q&gt;\x9d \xdc!\xc7\xdf\\\x13\xb5\'\x18q3h\xe6\xd9\xd3\xc2\x95\xa0\xa5\xabV\xe0\x17i\xb8\xc8~\xa0\x9d\xe1\xfd\xd9\xdd\xe8b\x8bBI\xa7\xab\xcfdc\xf0gi\x18\x05\xd2\tGi\x95\xdc\xddW\x82\xba\xd2!T\xbcI\x88sJ\xe5\xdc^S\xdf\xf2\x84\x14\x89V\x02H\xcc\x87\x1an\xb3=ap\x9ay\x04\xdd\'\x86Qeb\xa4\xcb\xe2\xb6\x0e\xb1\xabt-\xae'</t>
  </si>
  <si>
    <t>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</t>
  </si>
  <si>
    <t>b'3\r$UH\xf7\x15\xc8f\xe7I\xb7 i\xd1\xf8'</t>
  </si>
  <si>
    <t>was Becky's face, and Becky had been
 crying furtively for hours and rubbing her eyes with her kitchen apron
 until she looked strange indeed.
 "Oh, miss," she said under her breath. "Might Iâ€”would you allow meâ€”
 jest to come in?"
 Sara lifted her head and looked at her. She tried to begin a smile, and
 somehow she could not. Suddenlyâ€”and it was all through the loving
 mournfulness of Becky's streaming eyesâ€”her face looked more like a
 68
 child's not so much too old for her years. She held out her hand and gave
 a little sob.
 "Oh, Becky," she said. "I told you we were just the sameâ€”only two little
 girlsâ€”just two little girls. You see how true it is. There's no difference
 now. I'm not a princess anymore."
 Becky ran to her and caught her hand, and hugged it to her breast,
 kneeling beside her and sobbing with love and pain.</t>
  </si>
  <si>
    <t>b'z\xec\x81_\x17\xc3fg'</t>
  </si>
  <si>
    <t>7aec815f17c36667</t>
  </si>
  <si>
    <t>ork_x0002_ers in the import-competing sectors become unemployed and have difficulty finding new
 jobs in the growing export sectors. We have argued in this chapter that the best policy
 response to this serious concern is to provide an adequate safety net to unemployed workers,
 without discriminating based on the economic force that induced their involuntary
 unemployment (whether due to trade or, say, technological change). Here, we quantify the
 extent of unemployment that can be traced back to trade. Plant closures due to import
 competition or overseas plant relocations are highly publicized, but they account for a very
 small proportion of involuntary worker displacements. The U.S. Bureau of Labor Statistics
 reports that from 1996 to 2008, those closures accounted for only 2.5 percent of total invol_x0002_untary displacements. Many of the same factors that we mentioned as also affecting income
 distribution, such as technological change, shifts in consumer tastes, etc., play a larger role.
 Figure 4-12 shows that, over the last 50 years in the United States, there is no obvi_x0002_ous correlation between the unemployment rate and imports (relative to U.S. GDP).
 CHAPTER 4 Specific Factors and Income Distribution 67
 On the other</t>
  </si>
  <si>
    <t>b'0F\x02!\x00\x83\xbc\x84\x91\x8e\xf0!~\x11;\xfc\xb05\xe6A1`\x8f\r\xa2\xb8$l\xb1\xd3\x11\xa2_5\xf8\xa9\xa7\x02!\x00\xb2\xc3+&gt;\xa0&gt;jy~\\\xd0(\x93\n`\x98\xc5]\x8c}\xa5M\x126x\x0f\x16\xc5\x17\x99\xf1k'</t>
  </si>
  <si>
    <t>304602210083bc84918ef0217e113bfcb035e64131608f0da2b8246cb1d311a25f35f8a9a7022100b2c32b3ea03e6a797e5cd028930a6098c55d8c7da54d1236780f16c51799f16b</t>
  </si>
  <si>
    <t>b'0F\x02!\x00\x83\xbc\x84\x91\x8e\xf0!~\x11;\xfc'</t>
  </si>
  <si>
    <t>ngs to the stars.'
 'Oo!'
 'And, Wendy, there are mermaids.'
 'Mermaids! With tails?'
 'Such long tails.'
 'Oh,' cried Wendy, 'to see a mermaid!'
 He had become frightfully cunning. 'Wendy,' he said, 'how we should all
 respect you.'
 She was wriggling her body in distress. It was quite as if she were trying to
 remain on the nursery floor.
 But he had no pity for her.
 'Wendy,' he said, the sly one, 'you could tuck us in at night.'
 'Oo!'
 'None of us has ever been tucked in at night.'
 'Oo,' and her arms went out to him.
 'And you could darn our clothes, and make pockets for us. None of us has any
 pockets.'
 How could she resist. 'Of course it's awfully fascinating!' she cried. 'Peter,
 would you teach John and Michael to fly too?'
 'If you like,' he said indifferently; and she ran to John and Michael and shook
 them. 'Wake up,' she cried, 'Peter Pan has come and he is to teach</t>
  </si>
  <si>
    <t>b'l_\xf0\x90u/\x99\xbe'</t>
  </si>
  <si>
    <t>6c5ff090752f99be</t>
  </si>
  <si>
    <t>top of that the three gentlemen went below, and not long after, 
 word was sent forward that Jim Hawkins was wanted in the cabin. 
 I found them a</t>
  </si>
  <si>
    <t>b'\xa4Z\x9b\x17\xdd\xa1\x954\xb3K\xf6\xf0n\x1b\x02\x1e\xb3\x07\x1a_\xc2\xa9\x17P\xb9g\xe3\xe78L\xd5\tE_\rx\x1f!\xe6\xde\xa6\xb3W\xd7\x7f\xcb\xeakK\xa4S\x08\xcb:w\xc8\xa08*\xe4\xd7ac\xf3\xf2\xb99\xab\xe8\x03\xa5\xfd\xbcc3\xa2V\x93\x1e\x0eZ2\x80\x1d\x0b\xf5YM\x9eb\t\xd3\x83\xe8gSx\x93\x11\xcd\xf5|\xf2\xb9\'\xe1\x9a\xfcd\xbc\rZ\xaf\t\x10\x9458\xdfSq\xae\x04\xf7\x8a\xe1\xc4cI7\xb3?\xc2#\xf4:I\x16\xe0\x83*H\xb4\xca\xf3\x1b\xcf\x9f\xc5h\xab\x9aA\xdank\xbaV\xd9{\xd8\xa2N\xd4\xcb\x9e%$\xe7l\r\xcd\xa6D7X\xfd\xe2\xe0\x86\xb4V.\xa4Dw\xbb\xf1g\xc5\xcc\x1c@ZM\x82N\xfe\x8d\xe9\x9e6\xbf\x93\xe4\xfb\x15#\x01i\xbe&amp;\xb2\xba\xecIP\x86\xc0_\x9f\xabEn\xaa\x19\xa6\x11\x1e)%\x19\xfb\xde\xc2\x8dY\xba\xdd\xda{\xfati\xaf\xe0\xc5q\xaa\xa6\xb8\xf5+\xd7xh\xa1=*\n-\xae\x082\x16\xad\xc00\t\xc0X\xc1\x9et\x87\x15\xd7E\xa4\x01~\x1e\x87&lt;\xc2\t\x95\x9f\xba\x83\x0c\xc4O\x0b\xd3Wh/\x11\xb8\xd1\x8f\xa1\x02\x03\x97\x08B(\x9f\x8bq\xb8\x8f\xd0@jp\x98Q\xde\x16w\xdb]Z\xec\t\xe18)\x9c\xc5\x89S\x8ck)\x04\xacA\xecePh\xca\x1d\x8c\xf1\x12\xf6p4\x9dm\x9c\x13M\xf4i\xa7\xc2`\xcb\xcd\xb4\x17_\xa6\x84\xf1\xbd_B\x8b\xd4N\xca\x91\x0co\xff\xb01\xb9W8\xac\xee"\xff9\xdb\xe1*\xc5\xb7\xf5;|\x01\xad\x11\x80V\x9e\xb2l\xbeT\xc9\xd1\xd5\xfd\xa6\xd20\x9e!\xa0F\x88\xe5{\x06\x0e?5\x87\xa1\x1e\xfa\xfe\xca\xe1j\x80]\x9b$7\x9d\xa3\x8d}\xf4_0/:\xdbkHL\xb2\x12$\x08V\x93G\xc5\x00\x05\xaa\xdf~\xbe\x17\x85\x05a\xc4\xbc\x02Q!\xd9\xe0$\x93\xdc\xf7@\x1bJ\x01\\.\x10\x9f0\xda\xfc\r\x89}\xec\x02\x9e\xca-\xd8\x83\xac\xc8\xca\x7f\xbbv\xf2\xdd'</t>
  </si>
  <si>
    <t>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</t>
  </si>
  <si>
    <t>b'\xa4Z\x9b\x17\xdd\xa1\x954\xb3K\xf6\xf0n\x1b\x02\x1e'</t>
  </si>
  <si>
    <t>he above example if Ï‰p1 falls between Ï‰z and Ï‰p2.
 Amplifiers having multiple poles may become unstable if placed in a negative-feedback
 loop. The following example serves as our first step toward understanding this phe_x0002_nomenon.
 14It is assumed that the poles and the zeros are located in the left half plane.
 15In general, it may not be possible to construct the phase profile from the magnitude plot.
 12.8 Stability in Feedback Systems 615
 Example
 12.35
 Construct the magnitude and phase response of an amplifier having (a) one pole,
 (b) two poles, or (c) three poles.
 Solution Figures 12.62(a)-(c) show the response for the three cases. The phase shift between the
 input and the output asymptotically approaches âˆ’90â—¦, âˆ’180â—¦, and âˆ’270â—¦ in one-pole,
 two-pole, and three-pole systems, respectively. An important observation here is that the
 three-pole system introduces a phase shift of âˆ’180â—¦ at a finite frequency Ï‰1, reversing
 the sign of an input sinusoid at this frequency [Fig. 12.62(d)]. For example, a 1-GHz
 sinusoid is shifted (delayed) by 0.5 ns.
  Ï‰
 0
  Ï‰
 0
  Ï‰
 â€“90Â°
 â€“45Â°
  Ï‰
 (log scale)
 (log scale)
 H
 20log H
  Ï‰
 0
  Ï‰
 0
  Ï‰ p1 Ï‰ p2
 â€“180Â°
 â€“90Â°
 (log scale)
 (log scale)
  Ï‰
 0
  Ï‰
 0
  Ï‰ p1 Ï‰ p3
 â€“90Â°
 â€“180Â°
 â€“270Â°
 (log scale)
 (log scale)
 20log H
 H
 H
 20log H
 (c)
 (a) (b)
  Ï‰ p2
  Ï‰ 1
 Threeâ€“Pole
 System
  Ï‰ 1
 (d)
 p1
 p1
 Figure 12.62
 Exercise Repeat the above analysis for a three-pole system if Ï‰p1 = Ï‰p2.
 12.8.2 Problem of Instability
 Suppose an amplifier having a transfer function H(s) is placed in a negative feedback loop
 (Fig. 12.63). As with the cases studied in Section 12.1, we write the closed-loop transfer
 function as
 Y
 X (s) = H(s)
 1 + KH(s)
 , (12.180)
 616 Chapter 12 Feedback
 K
 X H (s) Y
 Figure 12.63 Negative feedback system.
 where KH(s) is sometimes called the â€œloop transmissionâ€ rather than the loop gain to
 emphasize its frequency dependence. Recall from Chapter 11 that for a sinusoidal input,
 x(t) = A cos Ï‰t, we simply make the substitution s = jÏ‰ in the above transfer function.
 We assume the feedback factor, K, exhibits no frequency dependence. (For example, it is
 equal to the ratio of two resistors.)
 An interesting question that arises here is, what happens if at a certain input frequency
 Ï‰1, the loop transmission, KH(jÏ‰1), becomes equal to âˆ’1? Then, the closed-loop system
 provides an infinite gain (even though the open-loop amplifier does not). To understand
 the consequences of infinite gain, we recognize that even an infinitesimally small input at
 Ï‰1 leads to a finite output component at this frequency. For example, the devices compris_x0002_ing the subtractor generate electronic â€œnoiseâ€ containing all frequencies. A small noise
 component at Ï‰1 therefore experiences a very high gain and emerges as a large sinusoid
 at the output. We say the system oscillates at Ï‰1.
 16
 It is also possible to understand the above oscillation phenomenon intuitively. Recall
 from Example 12.35 that a three-pole system introducing a phase shift ofâˆ’180â—¦ reverses the
 sign of the input signal. Now, if H(s) in Fig. 12.63 contains three poles such that _x0003_ H = âˆ’180â—¦
 at Ï‰1, then the feedback becomes positive at this frequency, thereby producing a feedback
 signal that enhancesthe input. Circulating around the loop, the signal may thus continue to
 grow in amplitude. In practice, the final amplitude remains bounded by the supply voltage
 or other â€œsaturationâ€ mechanisms in the circuit.
 For analysis purposes, we express the condition KH(jÏ‰1) = âˆ’1 in a different form.
 Viewing KH as a complex quantity, we recognize that this condition is equivalent to
 |KH(jÏ‰1| = 1 (12.181)
 _x0003_ KH(jÏ‰1) = âˆ’180â—¦, (12.182)
 the latter confirming our above intuitive perspective. In fact, Eq. (12.182) guarantees
 positive feedback (sufficient delay) and Eq. (12.181) ensures sufficient loop gain for the
 circulating signal to grow. Called â€œBarkhausenâ€™s criteriaâ€ for oscillation, Eqs. (12.181) and
 (12.182) prove extremely useful in the study of stability.
 Example
 12.36
 Explain why a t</t>
  </si>
  <si>
    <t>b'K\x85\x87\xaa\xbe\xb8\xe5&gt;\x0b\x92\x1ed\xabb*\xec'</t>
  </si>
  <si>
    <t>4b8587aabeb8e53e0b921e64ab622aec</t>
  </si>
  <si>
    <t>that scholars have long explained the rapid expansion of the Christian
movement and even the abundance of proselytes to Judaism. Both religious subcultures not only promoted rituals for safety in the cosmos but also defined social
boundaries as crucial to participation and benefits.
But the legitimation of foreign religiosity in these social and personal domains was
the corollary of â€“ and might quickly revert to â€“ an intense anxiety about foreign
Traditional Cult 563
religious subversion in political and civic domains. A religious movement like Christianity, whose adherents (officially) refused allegiance to Roman religious traditions of
sacrifice and devotion, was easily cast as subversive group of atheists whose very
presence in the cities and countryside caused cosmic havoc (by the fifth century
â€˜â€˜pagansâ€™â€™ and â€˜â€˜hereticsâ€™â€™ were construed in the same manner: Rives 1995).
â€˜â€˜Magic,â€™â€™ an idea that by imperial times intrinsically denoted foreignness, was officially proscribed â€“ and was even the subject of inquisitions â€“ while virtually everyone
sought its benefits and powers from the perennial ranks of ritual experts (Beard,
North, and Price 1998: 218â€“25; Dickie 2001: 142â€“321). Divination, which offered
the power to discern prospects for the most mundane crises and the most sensitive
political situations, could appear uniquely dangerous to the stability of the empire,
and frightened emperors and officials tried at various times to eliminate even old,
indigenous oracles. Expulsion of the foreign â€“ whether wizards, modes of divination,
cults, or religious societies â€“ reflected a general anxiety about boundaries, but this
anxiety only increased over the third and subsequent centuries as the empireâ€™s
political structures and centers splintered. In their dramatic, often violent character,
purges of foreign influence offered participants the possibility of renewed tradition
and renewed commitment to the old centers (Brown 1970; Beard, North, and Price
1998: 228â€“44).
564 David Frankfurter
CHAPTER TWENTY-EIGHT
Jews and Judaism 70â€“ 429 CE
Yaron Z. Eliav
By a conservative estimate, scholars assess the population of the Roman Empire at the
beginning of the first millennium CE to have been 50â€“60 million, inhabiting the lands
around the Mediterranean basin. An educated guess counts among them about five
million Jews, more or less (Hopkins 1998; Schwartz 2001: 10â€“11, 41; cf. McGing
2002). Something between 10 and 20 percent of the empireâ€™s Jewish population
lived in the area now called Israel or Palestine, in those days a Roman province first
called Judaea and later Syria-Palestina. The rest lived in cities and villages throughout
the Mediterranean world, from Egypt and North Africa, through Syria, Asia Minor,
and Greece, to Rome an</t>
  </si>
  <si>
    <t>b'\xa9\xf4\xa5\x92\x83\xa5\x1eU\xb5\xcb$\xa8\r\x9c\xaa\xf0\x9f@r;\xe8Xd\xb8,\x0bu\xd6}\xa9%\xfa\x99\xaft5\x1eU\xf2~\x84G\xb4\xe5\x0b\x99\xca\x9e~\xff\xb0\x8a`\xd4\xbce\x98\xcd6o\xf2\xeb\xc2\x04L\xa1I\xfb\xda\x1f\x04\x92:\xa6:\xaf\x15\x02\xfb\x91\x06Mj\xb0\xb3 \xce\x06\xce\r\xfd\xed\x17\x8c\xd9\xfc\x95y\xb7\xde\x82\xa6dO\xc4\xf5;!\xdb\x8b~\xf2\xff\xfd\x11Ojl\x86\x8f\xbf\x10x\x16]\xa6m\xe2\x9c\xdea\xa9\xb8\xfe\x03h\x05\xa6\xe9\xfa%\xb2?K\n\x7fR\xa0J\xf2\xd5\xbe\xbf\xa3|y\x7f\xc0\xb8\xa3k\nE\xe1\x04\x15RY\x80-N/u\xd9\xee\xf2\xf6G\xdbF\xde\x8a)7\xf4u\xfbN8J#\x08\x19\xe2\xebJ\xd7\xb5\xf7 \xd2\x9d\xfb\xb9\xec\xb1v\xb60\r6\x9d\xef\x82h_\xd1\x1e\xa3\n\x8fge:\xee\xc7nS\x97\x9bL\x04D\xfck\xce\x86\x91\x80\x99\x16\x00\x0bi\xbaN\x93I&lt;\x1a\xa9\x8e\xb8\xb9\xd7sSV\xb7\x8b\xc4\xc3\xde\x0b6@\x0cu\xd6\xd9I\xad\x07x\x0c\xf3_\x05\xe4\xfd&lt;\xd2!\x81Pe\xaa\xdb\xebl\xf3\xd3\t#\xc8l\xe9$\x1d\xed\xef\x1d\r\x8a\x04G\x17\xea\xff\xcc\x901h^`V%O\xc5\xed\x06\xd5RM\xfd\xc8PB-\xd4\x01\xd2Q4\xc8v\xf0\xa8\x9a%\x17\x889L\xc1\xd9ZK\x1c\xca\xdb\xb2\xfe8\x87\xe4\x02\x94\xef\x87\x97Qb\xfc9s\xb5\xcc\xdfxA2Ue\x1dW\xf4f\xb9\xccl]\xc9\xed\xfeT7\xa2\xe6m\t\xdc\xce*f\xffVJ\xca\xec\xde\x8f\'\x1aE\xd5\xcc%\xb9-\xe1\x8b"\x05\xf1\x00\x8d\xef9\x0e\xabD\xef\xc9\x88\xf0\xa0+$G\xd3\xcb\xb3:(\xa6\xc6FW*\xfd\xb6c:\x18\x9a\xd6p"\x8c\x94j\x842\xca\x98\xf6\x12\x91xN\xe8,\x195B2\x02\xc1\x85\xf1K\x00\x02\x04\xdc"\x10z\x96\x1a\xc4\x10l\x90\x0b[,\xd5\xedR\xedd:\xcb\xe9\x8f0\tk\xc0\xd0\xda\xa6\xfe\xa4\xe8\x8d\xc1\xefte\x1dS\x17\xde\xb5\xf6/\x87W\x8e\x92\xc1\xdf\x15\xca\xa0\x1d\xc4\xc1\x8f\x95\x15\xe0kq\xe4C8U\xdeCg\xac\xfc\xe7x\xcdo\x9b\x044\x85jrj\x15\xa0Xh\xce\xaf\xc6N\r$zV\x87\xda\xeb\x9c\xc8\xa0\xde\x91\xb2\x85\xe3j\xf7\x0b\x91JdB\x9c\xbc\xe3\x9b\x01\x87\xb1\xee\xe5)-\xa2\xb0\xfe\xaa\xefpu\x0f\x9cI\xdc\xcf^\x83\xec\xd6\xfd\xef\x08\xc7\xce\x97\x8e\xf7\x06&amp;\x89\x19h1\xc9\xfb\xd5\xf8Wc\xc3\xe9*B\xc6\x10\xf9N\xeam\xe6\xa6\x16\xb9-L\x8f\x8b\x92\x0b\xb6JN\xf3\x07\x9f\xc1A\t\xb8\xa1\xf7\xa6+\xf1.=(\xeb\xfe\xdb\xe3\x13\xe7#\xd2\xc1\x91\x11\x8f\xbf&gt;r,\xa3\xf7^\xb4\xa7\xba\xfc\x9c\xdc\xdc\xe7\x9f\x8a\xd3\xc1\xa5\xaa\xc8\x07\xc1\xa3\r\xe1[\xceT\xd1\x15\x01\xbd_\x88R-\x14W\xb0G\xc4\x9c$40\xfd\xf3_\x9b\xc0)\x8a\xa9\xc0`\x96\xa3\xf6\xcf\x18\xee\x02\x99\xdd\xcd\x91\x8c\xe3&amp;H\xaa7\x02\x92\x91b\xf7\xd3G\\wx,:?!Q\xe8~w\x97\x1c\x1c\xcd\xab\xfdPy\xe5Y\x89z\x7f\xb8\xa0S\x98K\xc0\x1b\\!\x1b\xc4\x07\xdf`\x1f\xf1\xcd7\x9d&gt;\xe0RG\xa5\x91[\xc3\x95\xabgMm\x10Gcl~\xb4N\x1c,\xc8Z\x7f\x98\xc5\x00P \xe9;\x03+b\xe0\xb6E\xb6\xa8\xe9R\x87\xdfe\xee\x81E\xea\x92#\xc0\xaf\xff$t&gt;\xfb\x96\xb2\xb3?k\x11\x99\x81\xf9\x9a\xec%\xf9\xf9\xd5\xc5\x9a6\t\x18\x94o\xdf\xc5N5\n\x1c-\nX&lt;\xe84\x81\x8b\xb1\x0b\x8es\x89\x12A%\xcbl\x9b\x1a8\xad\x98\xd7\x98\xe4\xf4\xa4$\xba\xb6Esz\x8e\xb5\xc5\xa4\xb8\xc5G1\xc7\x8d\xc8&lt;L\xc1\x881\x8bJ\xc0\xdf\x8c\x13\xbf\x1bD\x1a\x8d\x99q&amp;HDf\xbd\xa0\xb1B\xa6\x7f}N1\x99\x1b\xcfra\x8b\xcc\xfb*B\xf3\x0c9\xd7oc\xa0\x9d\xbc\xf9n}\x03\x0f\\\xb7\x06`1\x14\x8c\x8e}ZmsFy\xf3\xb4\xad\xa9k\x9cd9\x7f\xd8\x00\xe0\xd2\x06\xba\x92\x85\xdb:\x03\x8e\xa6\xc5\x92rE\x07\x82[\t\x81\xb6\xc4\xed\xb5\x83\x14\xf62"\x11-{S\xc1)\x8c\xab.,\xde\xf4\xf1\xdf&amp;j\xdeW\x16\x81\xea;|l\x14\x12\xce\x15D\x0f\xf1\xb3I\xad\x10i,\x17\xee\x13}\x8c\xa5&amp;UR\x1e\x1a\x01(%\x7f\x03@\xb0XKt\x8f\xb0{\xd4\'r\x1fo\xf0LI\x95\xf6t\x9ci\xa2\xaax\x19xm\xfff\tlQ\xfa\xb6\x95\x16n\x10\x19$\xb9\xc3\x80\xd9n\xa7\x99kM\xd5&gt;\xc4V!O\xde\xb0\x05^[\xca\xb7Vm\xbc\xbe\xba\x9b\xf5\xe385\xe1\x7f\xddD\xc9\xb6+9C]\xd9\xb87\xd9JK\x07\x01\xa6\x9a\xf4\xa7rwK8WF\xb7\x10k\x85\xf3\x8fD\xee\xce\x08\xd3\xfb\x14\xd0\x98X\x19\xfb\x80\xf9!O\xcf\x8e\x8f\xbb _\xd8]\x0b\xc7\x19\x11\n\xda&lt;w\xc4\\\xd6\xfalr+\xf1\xb4G\xb25\xc4\xcd\xda\xc4\x16\x98,\xb2*\x87\xceJ\xaa\xf1A\x07\xe8gS+\xca\x12\x8f\x19\xbb\xb2\x99.nvM\xdf\x1b\xda\x17\xb2V\xfa\xac44\x92\xdal7h\x91+|u\xfc\xd6/\xccZ3\xdf\x81\x8a\xda\x12\xea$\xae\xc1#\x1d\xc5u\xf6\x85\xe09\xdb\x11\x115\xa7\xc6j\x8d7\xa74\xc2\xa4\xe9c\x90\xd9\x0b\x19/\x84o\xc3V\xe7\x95/\x86\xd5^\x0fbWT\x8f\xc9\xb0\xe0\xf4\xf6\xc4N\xd3\x1a\xf1\xdc\x9ee\xed\xbf\xceI\xacs&amp;\x89\x15 \x9e\xdak\x90\xe6gb\xda\xf0\xe1\x85b\xd29^}\x05ay\x8bV\xf0\x99\x08\xb1\xc6t\x12}W\x19[\xca\xa5I\xdd{\xa6\xa2F\xa0!\xbc\xdb\x8f0\xb8-\x15\x98~\x13\xd8\xa2\xdd\xbdb$\xe8\xda\x17p\xfdu\n\xae\xc8^\xb9V\x9e\xe2\x0e\xe0\xad\x9c\x0f^\xfd\xb8\xf1}\xf1\xb7\xa5\x01`\xbb\x1f\xb2l\x93A\x82\x92^\x8b\xc1\x9d\xf5\x8afp\xbe,\xb1#ze\xe6\xfa\xb8\xc2_\x1c0\xcf\xdcH\xf7+\xee\xd0\x17\xa6\xc7\x11\xe8\xabe\x82|y\xaa\x982\xa5\x80\x85\x89%\xd2\xbdl\x84\xd5fO\xe7\x1dwUrN\xc4\xaa\x90RI\xc3\x02y\x07\xd6\xb3\x1a\xc7u\xc1\x93\xaf\t\x18Vd7\xb0\x0f]\xd4)\xb91\x03\xdb\xbc\xcd\t\x8a\xea\x9b\x95\x00C\x9f\x9c8\x02w\x13\x11\xf5\x84\xc0&lt;\xb4\x94\xfd\x12.)\x8ca\xbfn~\x15\x91d\xbaFc\xd0\xfc\x9dd\x85\x16ub\x88\xad|r\x90\xa7\x82\\\xec\x7f\xe9\x81\xb8\xd0\xd1\xe5\x96\x1eF\xabbD\xa0%+\xda\x9b3\x8d\x03N\x8a*\xaf\x03\xdb\x95\x07\x98&amp;2\x18_\xa5\xdc\xbfH\xb3\xed7\x85\\\x1c6\x81|H\x07\xd65J\x80\xfbh\\Dz\x0cK\xb0\xcc\x8bC\xfe\x92S\xd7O\xa53\xaal\x8b\xa1&gt;\x96uk^VK\xe8L\x08[\xb8\xd8\xf5}\r\x0e\xf0\x9fk|\x86t\x8d\xea\x8cHA\xa8\x18\xd5\x92\x8c\xc4o\x8b\x82\xc5\x8f\xf5\xb0=\xf1\xfa\xa1\xdc33\xf2{\xc3\x1c~r\xde\x10\xe6\xf7r\x80aeZ\xeb=\x8dN \x81n\x83\xc5\xc8I\x8e\xb2\x0b\x9c\xdf\xa8P`f\xb7\xf2\xee\x91\r\xdf@\x08\x88d\xf5\x03\x13uU&gt;\x99Q\x90r\xf8\xf3\xa8\x85\x89\xc4\x13\xe9\xe2=\x866d\xa0\x0e?\xe9\xd3\x9aH\x93\xe6\xdf\x0c\xf8e\xf2\xca\xf6?\x12A\xa6\x85\xc4 x\xfb\x98\xc7\xd4\x9eU\xa4\xf8d&gt;\x7f\x85\x84\x0b+J\xe8O\xb0]\xa0\xa3\xeb\x02\r\xb9\x8eg\xd4s\xad\xe47\x997c\xc0\xae\x1dV\xcd(\x96Bg\x9ab\\\x13\xb1\x84\x97\xa4\x0c4\xf6\xa6\x10tH;\x14\xd3eJ7\xce\xd3\x84Q\xd6\x80\x03\xb74\xba\xe4\x17\x8e\xd9\x84FA@\x9cR\x18\xe3\x08\xae\x9a-\xe5Vv\xcbk\x12\xbc\x92|\xc8O\xed\x0b\xab\xdda\x9b:\xaea\x9e\xba\x1eb\xed\x87\xa6]\x7f\x9b\xfa(+\xa2\xba\x81\xe3fgG\x83\xc5\xc8_W\x82\xe9&gt;?\x18\xdaMe\xc9\x0e\xa4/\x9f`\xfc\xe0\x1fU\xd4\xb2B\xaby\x82A\x10\x00\x1d\xabOC\x01K\xfc\x8e\xa3\xe7r\x92;\xf6*W?\x8b\x17\xd5(\xd3\xaf\xbe\xf7\xa8\xb5\x03kU\x19 \x12\x0c[\x85\xd4\xd7\xef\x128|\xe1\x1c\x06jF\x99\xe1\xca\x1f\xf1up\x1f \x04\x03\xa2\xccC\xb7\x1c\x1f\xdd\x12\xfa4N\xdc\xc0C[\x9b{\xa0\x07i\x8eR\xcea1\xc0\xe4TVIP*\x7f.\xf6@w\xc2&gt;\xbb\xedDR\xc7{\x02IA-\xfc\xfb\xfd\xfe\xb3\x1a\x0c\xcb\xa1-\xc9Q\xf71\xef\x1e\x8e\'_\x9c`[\x0e\xb4\x07;l\xd5\xba\x02\x7fE(sw\xc6z%&amp;Y\xca\x7f\xb8\xcb\xb9w\x81$\x0e\xf3\xc0Z.\x04\xd7\x831\xeb\xad5\x1c}\xec\x19\x8aV,i$\x00\xf5\xfe\xc4e\xf6\x06\x98\x8dX\xcb\xcf\n1\xb7\xaei\x06\x01\x89\xd7\x1e\xb8\xc4\xf1\x8e\x03kO2\x82\x15\xc4&amp;\x8f\xf4\x01\xa9\xfc\xee\xca^\xdb?\xb1 _\x9a\x05\xb56\xea\xc6\xd7sy \x84\xe1\xe4\x8foa\xb8\x19&lt;\x15B\x06#\x0b0\x0e{r\x9b\xe2\x05\xc5\xcd\x90\xc2&gt;Bm\xf1\xfd\xf7\x1c\x7fY?\x98!Z\xc8\x90&lt;\x12La^,\xaa6\xf2&gt;uK\xdd\x1e\x1e\xd73\xc8^\xfe\x06\xddp\xdb\x039w\x9c\xf3\x1e\x16\xfa7\xe4\x1dm\xed\xd9\xd1MZN\x19\xde\xe9\xf0\xd4S\x8e\xf9\xc3&amp;\xb5\x86;r\xcc\xd8\xa8\xd4\xbfM\x9bN?\x0fNdQ\xf8\x0e\x00\xcc\xe8\x82\xb7\xf3*\x035P\xc2C\xf8\x1bG\x15\x0c\x10\'N\xa1P\xdf\x0fs\x94\xf7\xcc\x1c\xe4O8\x96\x04\xcf]7\xc9i\x8c+Mp\xa0\x8aDN\xd3\'I\xad8\'\x7ftW\x17L\xcb\xeb:x\x14\xf8\xbe\xfd\n\xe8\xe1\xc2\x9d\xaa\x11YXJ\x9e\xbe\x18\x1f\x80\xbf\x1c\xc9`\x17\x10\x90q\xad=\xac\xd1\xdb\xd9\xfc\xb9T\rM\xbe\xe1\xeb\x18}\x0e\x1d\xbc\x01(.\x00\xdc\x98\x81\t\x82\x16\\\xf3\xfb&amp;w\xc1\xff\xaf9\xb0Y\x86\x14\x96\x87\x92A\x90\xa9\xfb\x99\x1f\xf1%\x92\x8a@\xc8 \xb0\x98Y!VEK\xf5\xa9\x07\xdf\xc1\x90W^\xafH\xed\x11H\xd3\x02\xa8+\xf37\x87\xd3\xf9\x08*\xa8\xe5\xb4\xdd\xe8\xfe\t\xcd\xa2C\xcb\xce\xbc\xa3\x95\x1a\x15~\xad`&gt;\xc9\x08\xfb\x16\xb1\xd2&gt;\x90\x98\x816\x8c\x9d\xbb\xcd\xa3@\xd7&amp;\xefGA\xed\xdb\x17%\xce\xcf\xa9\xf7\xda\xfduF)\x81q\xe1W\x87&amp;$`\x10\xbd\xdb\xf9\xd4\xe1\\A\x18\xce\xd9\x8b\xe4!N\xc8\x9bA\x1b\xa4?\x92T \x01^\xcd G\xe4\xa9\xa3\x80_\xae\x94=Exk|\x9c!\x18\xf5[\x10\x12[\xf3\xb0\x93\xf6]\xacHM\xb6x\xc1@c?\x15\xb2\xbc\xe73\x169\x8a\xb7t(\x1e}\x0b\xc8a\x14\xa5d\x7fY\xc6(\xbf\xff\xeap\r\xf9J\xf3h\x1a\xebUS\xee7\xff\x8dN$U\xdc\xc2h@\x99\xc4\xb8o\x9e\x8dA\xb1\x15\'SE\x00f=1\x8b\x8eFi\x9ew\xab&lt;\xba\'\x8b\xd6\xfb\xd63)5)\x14\x14\x90Y$\xe9\x9b@\xd6\xdb\x1e\r\x10\xa0\x80\xfb~D;\xb0%Ev\x8c\xca\x7f\x91\xd9\xcf1i\xac"\xb4\xa1\xde\x9bQ\xcf\xe6\xaa\x0f,\x83\x95\x18"bJu\x8a\x9a\xbcc=\xc6\x9c\xd3\xd1\xa5FY\xa8xd\x13#\x8c\xa3\x0f\n.8rU;}\x00\xa1\t\xf4"x\x11\xc05\xed"\x93\xc0i\x166}\x13s`Y\x1f\xe5\x1d$^\xed!@\xe0X[Z\x8c\xbdf\xc8{\x02\xb37\xe0\xaf'</t>
  </si>
  <si>
    <t>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</t>
  </si>
  <si>
    <t>b'\xa9\xf4\xa5\x92\x83\xa5\x1eU\xb5\xcb$\xa8\r\x9c\xaa\xf0'</t>
  </si>
  <si>
    <t>remarked that the completed work seemed to
contain more law than anyone knew existed (Const. â€˜â€˜Tanta,â€™â€™ 17). Like other ventures at consolidation, the Digest put paid to the specialist works from which it was
derived and it was the Digest, not the works of the jurists themselves, that was the
foundation of the rediscovery of Roman law in the eleventh-century schools of
Bologna.
The majority of the jurists whose names occur in the Digest lived in the later second
and early third centuries, with outliers such as Q. Mucius Scaevola and P. Alfenus
Varus from the republican period and Hermogenianus and Aurelius Arcadius Charisius from the late third and early fourth century of the empire. It is ironic that the
period of the jurists coincides with one that, apart from ecclesiastical writers in the
shape of Tertullian and Cyprian, has left hardly any Latin literature. The Cambridge
Roman Law and Roman History 481
History of Latin Literature produces no significant author between Fronto, Aulus
Gellius, and Apuleius in the second century and the fourth century, and is totally
silent on jurists. Yet jurists were invariably men of a literary education, which was the
foundation of a legal education and always preceded it; they frequently rise to
eloquence even in the excerpted form in which we have them, and their writings
are in play in dictionaries of the Latin language. It is not obvious why juristic culture
should have less of a presence in a history of Latin literature than an astrologer and
the author of a handbook on military science.
The Digest is such a monumental book as to defy summary, beyond saying that it is
divided into 50 long books, that it covers the full range of public and private law, and
that in translation it fills two very large volumes in fine print. Not that it is entirely
unknown, for a privileged few texts have long been in play for their contribution to
specific topics and have entered into the general literature on them. No one would
address such fundamental questions in political philosophy as the definition and
purpose of law, or the distinctions between â€˜â€˜civil law,â€™â€™ â€˜â€˜the law of nations,â€™â€™ and
â€˜â€˜natural law,â€™â€™ without studying the first chapter of the Digest and the related
definitions at the beginning of Justinianâ€™s Institutes. Also in the first book of the
Digest is a passage from Pomponiusâ€™ â€˜â€˜Manual in One Book,â€™â€™ which is a plausible
elementary guide to the historical development of Roman law (1.2.2). A substantial
extract from Ulpianâ€™s â€˜â€˜On the Duties of a Proconsulâ€™â€™ explains very carefully how a
governor should treat his province, to the extent of advising him that he may take his
wife though it is preferable for him not to, asking him to ensure that he enters his
province by the most important city (mentioning Ephesus, the metropolis of Asia),
reminding him that he must listen patiently to endless speeches of welcome since the
provincials expect it of him, and warning him to be careful to strike a balance between
accepting too many gifts and seeming offhand through refusing them. On this last
point a letter of the emperor Caracalla is quoted, expressing his opinion with an apt
Greek proverb. In any discussion of provincial life in its relations with the ruling
power, this text is essential reading (1.16.4, 1.16.6â€“7, 1.16.9â€“10). So too in the
matter of demographic trends is the â€˜â€˜life-tableâ€™â€™ cited by the jurist Aemilius Macer
from Ulpian, giving figures for life expectancy from various base points, from birth to
60, in order to calculate the tax consequences that arise for the future in the case of
usufructs and annuities received as inheritances (35.2.68). It is a complicated law,
much debated by scholars, but on any account is an essential component in any
discussion of life expectancy in the Roman Empire (Frier 1982; Parkin 1992: 27â€“ 41).
A ruling, again by Ulpian, that fideicommissa might be expressed in any language,
whether Latin or Greek,</t>
  </si>
  <si>
    <t>b'\xcc\x8f\xcaT\xc2\xfd\xc3\xdf%\xda\xb8`\xbc\xff\x99\xe3\xe5\xa2\x07\xb1}\xb2\x1d\xbd\xb8\xc7\xf4\x11\x14\x999\xea\xe0\x18M\xbe\xceMN\x9f\'yww\xbet\xca\x12&lt;~\xdb\x03\xc1\x81&lt;\xf3\x1b\xb6\x85gU\xca\xde\xbc\xd2\x1d\xac\xdc\xdb\xaa/\x1a`B\xabXR\xe81d\xa7\x02Q`\x92I\xc7t\xd6\xce\x16M\xaeW\xb1y"g\x9cpM\xb6[\xccG^\xbb\x07\xc3\xf0}\xed\x1d\x06\xec\xd2(^\xb6\x15o\x85u\x81F\x81\xcb\x1fi\xc8$\xea\xa0\xc6M\xee\x13\x07/\t\x16\xc56\xd8\x84\xcc=\x9cv\xa6W&lt;*M\xba\x8d\xb3"Z\xfc\x90..Vu\x8c\x96\x0fO\x82\xa7t\xb9P\x07_\x86\x07\xf1;8\x0b\xcd\xef1"0\x05d\xf5\x1ca\'\x07\xddn\x04\x06Ow\x1a\xab\xc4\xa2\xbc\xb1\xf0+\x88o3f\xb1B\x9bI\xae?(\xca*\x98\x11\xb1I\xd0\xf6\xbc1@\xb4\xb3\xb2\x01\xb7\xb7\xe9\x192\x97\xdb\xde\x9cm\x17\xd7W\xff\xbdX\x19}\xb9\x8d\x83\x90\xc8HP\xbf\xdf\xc4\x96\x7f|\xc7\x90\x08\xa4\x84\x95\xf2\x8a\xdb\xb8\x99\x89\xc2A\x06\xfaW`\x05J\xfb\x14C\xfa\xa1\xe3\x98\x95\xc6\x82\x92$\x97\xd0\t\xe4,\xfd\x07v\xfd\x91m\xb5(\xbah\x16\x1c\xd1\xf1\xd2\r\xb1=\xa6YX\xb3#\x81\xa1f\xb2&lt;\xf0\xa0\xdeY\xa7\xc2\x96\xa9\xa2\x8b\x8eD\x01D\\\x124\x03\x99\xcc*\n#\xd4\xc1&amp;W\xd8h:\xe9\x9dx\x7f\xd2\x1b\xfd\xba\x88\x99v\xc3\x8c\xef5\t\xfc\x8aI\xd3fx\xb3\xbd\x96\xf3\xf0\xec\xcb|#\xf0\x07\x8d\xec4\x0f\xdc\xac\x18\xa4\x8cV\xeb\xc2[\xa9\x01\x17h6\x16xJW\xeb\xf1@\xd7\xe0K#\xdcut*i\xc9N\xf5\xc6\xa5{\xf0tN\x02\x18\\\x9bF\xf6\xe8\xb5i\xdef\xd7\xc6\x98/5\xd1\xa6\x88\xa7\x8d\x96\xfcu\x08\x05\xd8\xa6\xe2\x96\xe8\x111\xce\xee#\xd2\x8b%X\xc2Vc\xb1\x83\xdds\x87Z\xb9\x0exGG\xf1T&amp;!H\xc8\xf4\t\xddw\xf1\xfa\xde0^2\x85\x197|\xafh\x90\x0b\x8bYi.\xc9\xb9\x7f\x8fO\xd85\x084\xb8\xbf%!R/\xa9\x14\xd90\x8e\xe7+L\x10\xda2\x85\x94\t\x04\xf4\xad\xab\xef\xe44\xb8u\xe3*\xc2W\x9a\xec\xd0\xfd\xcfh\x11\xe3\xb6\xe3d\x0f\x8fU\xf7\xffT\x8e\xb2\xb1\xb1\x8e\r!\x9b\xa4\rg\xae\xf1\xdcIt\x85Q\x84;\xb4\xd9\xc3Y/\x18\xc6EP\xf9q\x17\x18%\xec\xa3\x87\x9b\x1f""\'+\xc4\x16\x19\x19tAK\x90G\x7f\xc3\xb3\x00\xed\xbf\xba\xf7\xb8\xbc\xbf1\xd0y\xc9\xd0\xd7zR\xba"G\x14\x9d\x87( \xf1\xc0Gc\xba\xc5\xaf\xbd\xd8\x9f\xb8\xf7\xe4\x08\xdc\xd7\xc8\xe1\xd5\xde6\xdb\xe6\xfb\xcd7\xb5\xa0A*A,\xb0J\xde\x0b\xd2\xee\x865\xa2\\\'!J]\x18\xe2\x89\xbd\xa3\x9c\x0cw\xcc\xaa\xebo\xbeO\xf2=\xbb\x920e\xf0/z\x94\xafW#\xdc\xa0\xd0?\xb4\xd3#\x14v\x18\xa4\xbc.\xc2\x9f#F\xc7\xaa\xfa-}\x90\x8c\t\xc9d \x86\xc1\xd3\xef\xda\x9d\xb0A\xa6\xdc\x15\x85?\x01?\x89$+\x7f\x1a\xf2\xc0`\xc7\x92\x8e\xb7\xfe\xd7\xfbo\xea\x84K\x92X\x12\x01\x1b\xb4\xe8\xbf6\xd72\xc8\x80\xf8h\x15\xb3\x85\x92]\xe3\xffY5\x1dy\xb4,\x9e7kE$\x1d6\xe6\xd6\xc6+\xbfa\xc3\xd4\x95I\xca\xfc\xd2r\x11\'\xb5dM\xfb\xdf\xa0o\\Z\xf7\\\xd5\x91K[\x7fF,\xdb\xf5\x01\xa7/1!(\xa4\xb3\xd9@\xa8@U\xbc\xf5\xcbuh*r\xa4\xbb\xe9\x07\xe8\xb8\xb1D\xb6\x9e\xb6\x9f\x16Z\x9c\xe8\x8b]\xd2\xb8,\x90\x8e\xc8\x08\xb7,\xaaLU\xfdNd\xb6\xe3S\xc6q\x7f\xffbD+\xf8~\xb4e\xe9FF\xc5\xe9\xd5L\x8e`\xc4\xa3)\xb4D\xcc\xb2\xa8.\x04\xd5z\xde\xadZe-\x8dX2\xa7\xb8\xb2\xee\x11i9\x14\xae\xf67\xcfBr\xa4pE;Q\xd7\xd4\x1d\xf0\xb1\x1bq\x1e\xb3\xb3/\x9d|&lt;\xef\xc8?\x11S}ko\x1cw\xe3\x83\xc8\xa2*\xb4_}\x9aF\xa9c3o\x0f\xe9N#\x9b\xfe&amp;\xdc\xa8\x95HjP\x1d&gt;tF!\x9c\xc6\xf9\x80^(\x1d\x94\x11\xfd\x88\x0f6qV\xc5-`\xeew\x0b\\^\x16\xe0\x81/\x95\xb8rG]rV]\x07\xed!\xc1N-\xb3Ja7}\xb7"\x80\xeaEd\xceF\xd2#\x1b4\x8b\xa5\xe4Z\xd2?"\xa7\xf8N&gt;.\x0b\x04S\xe5Q\xe4\xdc\xe43G\xc3\xac&amp;\x11e\xfb&amp;\xd7u\x15\xdd3\xd1S\xdc\xc4\xe4\x0b\xa6\xc5c\x80\xcb\nf\x99\x1f\x89[\n0\xbe\xca\x9f3Nl\x8d\xb3~:\xf5\xb8\x81r\xe4\x18\x159\x01\xb8J\xea6\x93\x14\xfb\xa0EA\x920\x9b\x89\xbfg$`\xf4\xe6\x17\x96\xc6D\xc4\xf3uN\xbfu`\x87\xce\x1b\xbd\xb2G\xce`\x1fO e\xdak"08\x9e\x92\xfb\x10l\x1c\xe7$\x04\x10^HQ\\\xe1\xa8\x83\x970\x07\x0c\xc0\xfc\xeap\xae\xe3GD\xe5 ,\xc7\xbdi\xe1Nk#\xea]miG.j%\x82\x8f~u\x82\xa0\xb5\x97\x9a\xf0\xf7\x06\xf42P(\x91$s\x81\xa4%"u\xben\xe6\xb4\xe3m?K\xa8\xf9`\x8du \x98\x82p(g\xb2\xef\x9dXW\x812\xd3k\xc4\x8d\xd8\xa6\xdb\xb1\xa7\x07o\xff\xafZ\xe3B\xff\xf4\x05rH\x80&gt;\x01Yt\x14\xaf\xd4\x9cj\xc0\x08\xc7C\xa9\xaf\x92s\x06\xc2\x0e\xce\x18\x1a{7\xb0\x16\r\xdd\x147c\x87\x89K\xbfT&gt;\x0f\xd2\xaa\xbf\xf7J\xdc\x80\x8c \xe9R\xcdI\x14\x14\n\x0c\xabs\xe6\xb5y\xb0Xe?\t\xa8&lt;\x17\x9d\t\xccwP\xc4\x1e\x15\xf0\xf0\x0f}\xae&lt;\xd4\xd7\xd4(\xc0$|\xb4q\xd4\xca@a-\xa1\xe9$W\x17,cC\xb9\xc6\x00g\x8b\xf8[\x9e\xecF\xed\xf1o\xff\xa6:F\xf9\x10S\x8e\xcd\x99\xa4a\xe2\x1e\x9f\x8d,Kxi\x9f\xd5\xca(\xbe\xa7\x11n\x152nU\xe7\x8e\x01k\x8e\xcb\x89\xf05\x9cn\xf9\xaa\xb6\x96\x87p\x96uj\x1d\xd3\x87\x9b\xe1q\x81\x1a\xcb\xec\x88J\xc4\x14\xd8\xf2q\xae\x91]\x05\x0e\x16\xb9\x1ct\xe9$\x8b\xd0\x8ac\xdcq-1\x19\xf5\x06\xb0\xecT\xb0\xc7a\x85&lt;\xdd\r\x98\x15\x8fP\xc7&amp;\x0c\x04B\xc7&amp;\r\xa7\xf10\x98\xff\t\xea@\xa17\x0bt]\xedH\x82j\x13\x88\xf73hSWM\x08\xe0\xe5\xfb\xfb\xd7R\x87\xc5\x9aG\xa1\xc00)\x1d\xbdO\x03\x11\xa3\xac\xcd\xd4 \xdb\xe9|\x9b\xd5\x00\x981\xb7\x8b\xe5^\xdf&gt;F\xfa\xdb\x06\x1a}\xfd\x9d@\xf1[\xc2O&gt;\xe2s+\xe63\x0fe\xcf]\xb9\x1dw{\xab\xa0\x17\x13\x02\xf7O\x15t\x07\xfcA\xbb%\x9c\x7f2o\xf7\x7f[\x98\x01f\xdeW\x1a\xe2\xa8\xb3I\x8c\x05\xab\xa6^&amp;\xc8\xc04\xda\x03\xd9\x8c\xb6\xfev\x08\xf4\x1a&lt;ui\xfa\x1b\x13s\xae\x05\x81X\x16\xe7\'\xedS%\xae\xd8\x8b\x9e\xbd\x95R\xbe\x84\x1eCR\xda\xd9\x12\x17\xd4\x1a\xe6U\xf3\xf9\xf0z\xa7\xa2\xf9ja\x98_q\x12$\x95\xe2\xa9%\x1c(\x9c\xd2\x0f\xd1\xb0\x0c\xa0A\xaai\x96\x86 \x81\x14\x17\xb0\xd1\xec\x8d\x9b\xd0q\xbd\x86y\xd8Q\xbb?*\xda\x00\xc3\xe70w\xdc|\xb1\xf7]6?\x10f\x96\xf4\x9a\xd7\x9eL*D\xb5V\x0f\xc0\xae^G\x00\xe8\xb7\xb2E\xfd\x10@V\xc8\xfd\xb2?\xde\xae\xbd\r\x95\xb5*q\xf2\xdaUz;SC\xa2\x9cr?\x82\xf73\xc4\x82?\xa3*\xab\xacR\x18!WbI\x9e\xb0\x9aL\x16^\\\xcdQS\xa9R\x12\x9e\xee\x1f}\x0e\xd8\xf5_\x0fL;Qw\xa2[\xfaWh\xdd\xf3)\xc6\x1c\xe2YE\xbb\x08\x1e\x05a~\x81\xd1\xb9\xd2\x02\x99\xb3U\xa3\xb2\x8d\xf8\xe4K\xa6o\xf6\x7f\xc4\xed\xd7\xfd\xf9\xc8&amp;\\\xdd\xa0\x88G\xd3e\xbe\x7f\xad\x88\t\xa7ce\xcd\x18\xc1\x8f\x1b\x06\xc7D-\xa7\x12\xb84i\xb6\xfc\x8bb\xd5O\x8a\xack3/\x7f.\xc2\xa1ms\x19\xf6\x1eB\x99\xb9?\x17H\xfd\xd0\xbc)E\x80\xd4\xf7^\xbaJ\x99\x87\xda\xdb\xcd:\xa0\x8b%?0mkR\xf5\xfc\x13f&amp;\x02\x9f\x90\x95\x16\xcb\x12\xf6+\xd2iH^\x8eg\x01\xee\xcd\xf4\xc0\xa7\x80S\xf9\xf3\xa4\xba\x0eE\x81\xfa"_\xd1P|\xd0i\x88m\x04\xa8\xa2\xd9\xb8\x0fl3\x00;\x9f\x98\xa8~q\xc1\xd93\x9c\xb7\xa3\xb0o+\xc7S2m$\xf8\xff\xbf\xeb\x9b\x9e_\x1c.\x86U\x08\x9c\x07\xc1Q\x85\x88,\xfd\xff\xc8\\\xdc\xd1+G\x90\xe3D\x0c\'\xdf\x19\n#\xa6\xa1\xdd\xafw\xc7\xe6\xad\x87\xe2\xd4\xa8D\xbb\x16\xba\xcdo\xa9\x06\x03\xbc\x1d\x9f*\x80\x10\xf4\x86\xb8Yr+5\xdbx\x1f\xad:\xea\xe4\x9a\xd8P\xbf\xab|\xd4\x89\xf0f\xb0\x163\x8cn@\xae;-7\xd0V\xc2\xba\xc9ut\xf7^2[\x0cq\xd5\x9c\x11\x14lS\xd9\x86\xce\xe8\x1f\x13\t\xf8\xf9\x97#\x1c\xe2~z\xa6/H\xea\xb4\xd1\xa4\xddH\x90\xa5i5Y\x03\xba\x96\x8a\xaf\xf1\xaf\xbc\x8b3\xdfh\x10!\xa2D\x16P\xdd\x05\xa4@[W\xe63\xb3\xcb\xc0\x8d\xbc\x9c&amp;6\xa6\xdf\xef\xdcm\xa3\x14\x89:P|\x1bK\x96\xec\xbfa\xf4t\x85\xcdm\x90\xa5Y\x9d%\xde\xa1\xf1\x7f6\xc8\x83\x82\xb0zTr\x06\xa77\xc0\x03&gt;\xa4ia\xd6cG6\xe30O\x94\xa1.\xca\x15,\x7f\x80Q\x07\xaf(\r\xe2\xd1So\xaf\x99\\FR\x171\xc9"u\xf3x\xfbb\xfa\xf37{;\xea\x05o7\x9b\x1d\xbd\x18\x00\xf6\xac\xde\xc2#Z\x88\x12Y{F\xcbJ\xf1s\xc6\xea\x84\xf1\xed\xfbk\x92\xbf\r\xc7\x87\x80\x93D\x1c\x8a\xd9\x86\xc0\xd2\xdb\x10i\xd7/]\xb5v\xf8\xd80\xfaW8(\xe16=\x8cY\r\xe2\xd5\xc4-\x84\x06\x05\xca\x1c5;8,\xbd\xfb\xcch\x1f\x96\xb8\xb3\x80\x9a7V\xb1o\x06\xd0\xd9\xab\xaa\xb5\xc9\xaf\x9b\x03\xf7\x0f\xfa\xbc\xd7\xa1\xb2\x02\x156 lr6`\x1f\x11?g2y\xd9\x9a\xc0\xc6\xa89c\xa3\x81K\xbfJ\xb9j\xaa\xe7\x9d0D\xbb\x1c\x9c\xf5\xfaT\xb6\r\x04\x85\xf1\xcfH\x86\xb9\xe0\x02\x85x\xa2\xb9\xf9\x0eXy\xa7\xbe\xc6\xb8\x02=)\x85\xd0\x06\xe5`\x8bg\xf4\xdc\x7f\xfbeW\xb5\x01\x14\x0f\x89\xa9\x90n_s\xad\xff\xd8\xa0\xc3%\xec\xcc\xef/\xaaZ\x89\xe3s\x1d\xec*\xa8\x8b+\xcd\xc4W.TJw{\xf5\xae\x9e\xe1\x97\xb1o\xa2&lt;\x1c\xba\xca\xa4F\xd2\xcd\x02}\xe6$\x1a\xb3\x17\xee\xd5\xc2\x95\xd0\xd9M9\x91y\xea\xdd\xd0\xb9\xa5S\xc0\xb9\x9cK3I\x82\x81\x00\x1b\xdfv\x10\xb6\xf84\xaf\x12\x9e\xa6\x1f\x90\xcd\xb6\x12_\xd2J*\x1a\xd7\xdc4\x1f.\x9dV\xcd\xa4\x88hI/J\x8e\x0fXP\xd4\x8f\xf3\x81\xbaa\xee\x0e\xd7\rM\xe1\x17\xdc\x9e\xbb\xc8\xc1\xac\xfb;\x87m;T\x04B\x82\xb4\xcfm\xf6\xe5t\xea5\xd4\\\x1ed\xa7T_\xcf\x8eU\x1bOdM\x0f\xbe\xf3\xce\x83\xa3P\xef\xa45\x08\xceH\xbe\xba\xad\x84\xc4A\x15\xfc\x18\xb3\xcfm\xe24\x048\x12c\xb8\x94\xf0\xa8\x99I;\xc7Usj\xc1\xad\xa8G^\xe4\xee\xae\xc1H\xa61\xb8\xf4\xf7\xd7\xdez\xf9\xd8\x1d\x9dU1!\xb3\xdd=\xfb?(#8.\x06\xe2\xad\xd6\xdc\x13\x14in\x81\x9c\xd8w-\x08-\xb1\xc0\xde\x80\xe0\xa6\x15H\'#\xa8\xb9Z\\x\xb4)\xfc\x1e\xc6\x0ce\xd1Q\x92\xbb\xa1h"\xb5\xfb\xd1\xd6P\x11F(f\x0e\xc1\xc9\xc3\x1d\xc0\x01C\x14D/\x12\xe2\x80\x8a\xda\xf0%4\xcd\xf7\xe2\xe2#\x97\x1f|\xe0\xf6zt\xc8\x82\x1a\x16 Ms\xcdzU\x9b\x7fsd\x19R\x8f\xe5E\x8fZd\x1b\xae7\x1c\x89\xc1\x80E\x89\x9b\xb7\xf3\x83\x19\xd9ro\xea~o\xd5P\xb6\xebl\x18t\xce\xffs$\x9d\x17S\xe1%\xaa|\x97\xb9*\xb3\x0c\x13s\x87\x9d\xfd\xff\xb6\x11\n\xca\xdb.\xc4=\xadG\x8e\x1f*-\x08IE\x08T\x05\xb1!Kz"\xcc\xad\xa6\xf6\xd9\xeb\xe4*T\xdb\xe2T\xf7\xb0}\x93\x19{PZ\xc1z\xa7\xf6O\xc3\x11s\xd2\x1f/\x95\xa7\x07\td6\xe2q\xe6\xf0\xb1\x94n\xd5\xd3 a\xbe\x0c\x90\xfeS\x93\xec\xa6\x0e\xd7\xbd\xe1\xa21\'_\x98Y\xd1l\x8f,\xbd\xc9\xca\x9a2n"\x8e\xfb\xed\xe5\xef\xce`\xd6\xf8\xea\x8e HQ\xef\x04\xaa\xcaM\x84L\xf8&gt;\x07\xd3%\x96\t\xa9\x1c\x18nr\x0c\xe4\x81\xff\xc0\x8bJ\xc3\x9e\xfd\xc5\x03\x03\x04\x9a\x91\\\r\x88J\xebF\xe1\xf62S-\'\x05\xe4\xff\xfd/\x11\x12\xc5\\\x8d\x96\xbd.\xe5\x0f\xea\xdd9\xbe\xa4\xe5\x88\x06h\x8b\xa5\xa8\xf7\xb9\x93\xff\x02a%K\xe8\x1b\x15%+\xf1\x8c\xfdq\xacrt\xa9\x1b\xab1\xd0\x00.\x9flo-D\xdf\xb9Y\x06\xce\xb8?\x90d\xf7\xadY\x93.\x95+bs\xfa3\t++\x9fSl\xd1\x92\xc7f\x08-tC\x1e\xfe\x94:w\xe0\x94\xb8\x0b\xf66\x19\xcf\xde\xee\xc4\x0b\xccW.u&lt; )\xd0$z*g\x04\xf1\x82A\xe0\xc7.?\xc5\xa3-\xd1\x19\xdb|)(\xc0\xff\x93\xe5\x96\xc8]\xe0\xfe\xd8\xc7\xf8\x86#\x959%\xa0\xa8\x8d\x0b\xeb\x1cY\x94N\x08j\x84\x1c\x91\x96\x9b\xb1\xa1;&lt;\x11\x9e5\x19\xb8\xeef#=\x0f\x91L$\x8f\xb1\x94\xcc\xcf^\xca\xfcm\xd5\t\xc7\x0e\xe5\xb4\xe6\xd1\xf4\xda\x0e\xd7\xd62-\x9bA\t\x1aH\x06\x8c\x06^K\x91\x94\xd4\x14[:\x88\xf6H\xder\xe2m\xc5\xed\xdfQ&gt;\xf8\x84\x9c\x91\x06\xd8\xcd\xa8\xb4\xba~\x9b:\x81g\x12\xb75\x96\xb7\xd98T\xa9\xf6\x02\x0f\xdcCQM&amp;\xa0\xf6\t\x89\xa7,\x0f\x11\x03\x88\x0f\xe4\xf1{\xdaQ\xe3-/{\xbc\x98\x86Q8\x17!\xe3}"\x8e\x8e\xbd\xe3|/u\xae\xabT!!&gt;F\xbfm\x97)\t.d\xc9\xc9\xfc\x9d\x87\xcc%\xc0\xa4\xab+\xf2b\xfdY\x8f&gt;X\x9cZ.` $\x9c\xc9\x88\'\xf1t-\x93\xaaj/\xa3\xdcK%\xfd.8\x1a:\x9d@\xccP\x9d\x15R-|X07H\xbf\x81Vv\x10\xbd\xd2y\x94\x01\xd9\'\xdeF\xaaT\x06\x8d\xceo#\x06\xd3\x86\xfe%2\xccU\xb51\xaeu\x1b\xde\xf0\x9d\x03\xba\xfd\xbcL\xac\x97p\x9bM\xa0}\x07K\xd0\x0eX\x83\xfcm\xddK\x95\xccM\x00&lt;\x88?8\x96\x19y\x970\xd7)\xda\xa9\x9c\xcdp&lt;_\xcd\'\xe0F|N\x9b&gt;\x06\xcc\x85\x05\r\xa1\xa3(\x82\xa4\xfa\xff\x15\x93\xf1U5\xccN\xcc\x01k\xfd\xfe93v\xaf(/Q\xbc@;\xb5\x1d\x11\x1c\x97f\xc2\x9e##\x16).Wq}\x8ey\x13\xd5\xc0m\xc6\xf2\xb2q\xb2\xa3\x9ba\xf7\x08\xef\xc5t\x86\xf6#\xca$\xbe\x08\xffL\x1c\xc7\xde\x8cW4\x7fH\xc5JV\xe6I{\x8f\xdb\x0f-\xf9\x86\x95\x96\x8b\xf5\xa1P_\\\x81T\xfak\xb1tK\xc3\xf9\x93\x90\xc9)_\xe5\x7f\xfa\xc5\xa2\xbf\x08\x8a]\xe8O\xe5\x83\x0f\x03@\x19yo\x9e\xa5aP\xb6\xb3H&lt;OA\xf4*;)K![\x07\xee%\xd7\x9b\x06\x8f\xd2ki\xe3K\xf6\xb5A?\x93-[65\xce-\x81gJ\xd1\xb7SY\xb4\xac\xcf8\xf7\xc4\xa8\xc0\xcaw$\xd4\xc7\xdaP\x88\x9aSZ:&lt;|\xf0h\t\x12\xfdO2\xfc&gt;0\xc3#\x1c\xeaQ\xc7\x9aY\xc6\xf7]6q\xa0\x83\x95,\xc9\x94\x18\x1e\xd1+\xb3\xda\x11q9\xb4\x1f\xee\xe2^\xdc\xe3/\xec\x0b\x82\xc9J\xe0\xee\xf2;\xf7&amp;\x14E\xd6ju\xfe\xcc\x1e\xe4\xa0G\x8e\x16\xd9\x1c\xd8l_^\xdfg\xd62&gt;\xf1\x16&gt;P\x97\xe6\xae\x8f?=\x16B\xf1\xce!\xe2\xb5*\xe6\xd6&gt;d\x86Q(\x9c~\x83\xb7\x91Q2\xc0\xdc\xd1\xd4j\x1dY-&amp;?\x9f\xe2\xf6k\xe3N\x86\xf6&amp;\xb55\x9b_\xff\xd3\x11W\x9a\t\xea{\xefYw\x88\xcfJs"kI\x1d\xc4|^\x1a\x92\xc3\xdc\xe7\xf5Y\x88\xc5{\xb8\xf3\xbc\xeat\x8f\xd2p qDK\x96T\x05\x0c\xeeE\x03\x96z{Y\x992\t\x14\x0b6\x0c\x8a\xea\xbe\\o)|\'\x1fh4Wbv\xd6a\xe7\x01\xba\xc0\x9dh\xd0\xd4\xbe^\x94\x94\xff\r\'\x9a^\xd77\x87\x1d\xd6D\xef\xef\xd8\xb1\xc1\xfd"\x16\'!\xdaU\xf3'</t>
  </si>
  <si>
    <t>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</t>
  </si>
  <si>
    <t>b'\xcc\x8f\xcaT\xc2\xfd\xc3\xdf%\xda\xb8`\xbc\xff\x99\xe3'</t>
  </si>
  <si>
    <t>id he: 'I did not consider, that the
 lady was your relative, when I spoke of her so lightly.'
 Montoni accepted the apology.
 'But the Signor will oblige us with the reasons, which urged him to
 believe, that the lady committed suicide.'
 'Those I will explain hereafter,' said Montoni: 'at present let me relate a
 most extraordinary circumstance. This conversation goes no further,
 Signors. Listen, then, to what I am going to say.'
 'Listen!' said a voice.
 They were all again silent, and the countenance of Montoni changed.
 'This is no illusion of the fancy,' said Cavigni, at length breaking the
 profound silence.â€”'No,' said Bertolini; 'I heard it myself, now. Yet here is
 no person in the room but ourselves!'
 'This is very extraordinary,' said Montoni, suddenly rising. 'This is not to
 be borne; here is some deception, some trick. I will know what it means.'
 All the company rose from their chairs in confusion.
 336
 'It is very odd!' said Bertolini. 'Here is really no stranger in the room. If it
 is a trick, Signor, you will do well to punish the author of it severely.'
 'A trick! what else can it be?' said Cavigni, affecting a laugh.
 The servants were now summoned, and the chamber was searched, but
 no person was found. The surprise and consternation of the company
 increased. Montoni was discomposed. 'We will leave this room,' said he,
 'and the subject of our conversation also; it is too solemn.' His guests
 were equally ready to quit the apartment; but the subject had roused
 their curiosity, and they entreated Montoni to withdraw to another
 chamber, and finish it; no entreaties could, however, prevail with him.
 Notwithstanding his efforts to appear at ease, he was visibly and greatly
 disordered.
 'Why, Signor, you are not superstitious,' cried Verezzi, jeeringly; 'you,
 who have so often laughed at the credulity of others!'
 'I am not superstitious,' replied Montoni, regarding him with stern
 displeasure, 'though I know how to despise the common-place sentences,
 which are frequently uttered against superstition. I will enquire further
 into this affair.' He then left the room; and his guests, separating for the
 night, retired to their respective apartments.
 337
 CHAPTER 8
 He wears the rose of youth upon his cheek.
  SHAKESPEARE
 We now return to Valancourt, who, it may be remembered, remained at
 Tholouse, some time after the departure of Emily, restless and miserable.
 Each morrow that approached, he designed should carry him from
 thence; yet to-morrow and to-morrow came, and still saw him lingering
 in the scene of his former happiness. He could not immediately tear
 himself from the spot, where he had been accustomed to converse with
 Emily, or from the objects they had viewed together, which appeared to
 him memorials of her affection, as well as a kind of surety for its
 faithfulness; and, next to the pain of bidding her adieu, was that of
 leaving the scenes which so powerfully awakened her image. Sometimes
 he had bribed a servant, who had been left in the care of Madame
 Montoni's chateau, to permit him to visit the gardens, and there he
 would wander, for hours together, rapt in a melancholy, not unpleasing.
 The terrace, and the pavilion at the end of it, where he had taken leave of
 Emily, on the eve of her departure from Tholouse, were his most
 favourite haunts. There, as he walked, or leaned from the window of the
 building, he would endeavour to recollect all she had said, on that night;
 to catc</t>
  </si>
  <si>
    <t>b'\xcd#\xbf/\xfb\xc4\x85{8\x95\xda\xa8\x04\xd6\xe9c(\x9aj\x19\x9f%\x16\x7f\x8a\xdc\x05\x9fag\x183\xc7\xa9#\xcd\x14C\xd5B\xfa\x92\x8c\x82\xa6\xdf\xd5K_ud+Bd\n|L9H\x01\xee\xd4b\x05'</t>
  </si>
  <si>
    <t>cd23bf2ffbc4857b3895daa804d6e963289a6a199f25167f8adc059f61671833c7a923cd1443d542fa928c82a6dfd54b5f75642b42640a7c4c394801eed46205</t>
  </si>
  <si>
    <t>b'\xcd#\xbf/\xfb\xc4\x85{8\x95\xda\xa8\x04\xd6\xe9c'</t>
  </si>
  <si>
    <t>at her, too, and
wonder what on earth this common little cottager had the impudence to be
doing under their very noses. But Martha did not even see them. The interest
and curiosity in Mistress Mary's face delighted her, and she went on skipping
and counted as she skipped until she had reached a hundred.
"I could skip longer than that," she said when she stopped. "I've skipped as
much as five hundred when I was twelve, but I wasn't as fat then as I am now,
an' I was in practice."
Mary got up from her chair beginning to feel excited herself.
"It looks nice," she said. "Your mother is a kind woman. Do you think I
could ever skip like that?"
"You just try it," urged Martha, handing her the skipping-rope. "You can't
skip a hundred at first, but if you practice you'll mount up. That's what mother
said. She says, 'Nothin' will do her more good than skippin' rope. It's th'
sensiblest toy a child can have. Let her play out in th' fresh air skippin' an' it'll
stretch her legs an' arms an' give her some strength in 'em.'"
It was plain that there was not a great deal of strength in Mistress Mary's
arms and legs when she first began to skip. She was not very clever at it, but
she liked it so much that she did not want to stop.
"Put on tha' things and run a</t>
  </si>
  <si>
    <t>b'j$I\xa1\x95\xf3\x9bSAf\xe0U}\xa9\x0e\xea\xaa7r\xa8\x85.o%\xdd9B\x8b\xbc\x08H\xd0\xba6ft\xe1\x8e\xb7)\xb9\xd6\xbe8\xa9\\\xde*x#\x17\xf0YI[\xae\xc0&amp;0\xc3l\x82\\\x89;\xde=\xaarj\x133u\xdadb\x9a\x04M\xddokq\x9d\x03\xa6\xdds\xd5\t\xf3i\xbc^\xd4\xb7\xe5\xb6_\xda\x1fQI&gt;!"l\x8bh\x14\xf4\xa9\xae}F\xae{p\xddF\xd5\x1f\xc1m\xd8\xcd\xcf\x108\xf3\x06\xc1\xdd\xea\xf8z\x86?\xbbks\xbb\x03wL6Z\xf5\xf4\xca{\xd8\x9b\x047\xd2\xd2\xd1:\xa7W\xdf\x88\x88\xae\x0c\xc4B\xea\x9e\x94o\x9dB\x1dv2\x01DV\xaf\xc6\xb5V\xc1\xee\xc6j\xd1\x0c\x1c\xe6&amp;\x18\xb4\xf1\xd1w\xf7\xbe\xb6\xed8~\xb1\x9cu\x9a\xeb\x8c\x1d\x0b\xa5\xc6\xd0\xb9\xbb\xce,\xcb\xe2:\\\xc5\x8b;\xd1\x9aZl\xce\x10&gt;\x0c\xc68"H\xc3?44l\x1a$\x95\xd3\x7f!\x1c1\x1c?r\x84vJ\xc6f\xc8\xe6\xa6\x9c\x16\xfe\x8d3\x8f\xd6\xf9\xc1\xdd\xccL\xac ^&amp;\x13\x1a\xbf[\x81\x101\xafB\x08\x14\x9d\xc4\xe5\xa6{\x16gH \xd5\r\xaf\x8b\x06\xef\xe8C\xb5\xed\xf2\x9a\xe0V_?\xcf\x9b\xa2\x94\x9f.\xda\xf8\xa2ZdF\x18\xd54\xf1\xbd\xea\xa2\x13J`\x9cG~\xeb\xaa.h\x0e\xd7\x06\xf3\xd5q\x97\x90i\rs6$d\xfa\xf5G\xeb\xca\xc05\xd0\x18\xeapd\x1c\x8d\x9eE8\xc0a6\x9c\xa3\x07\xfcP\xdb\x8a\x08\xa1\xf8\x1eR\x97r\xf4\xae\x14\x86&amp;6&amp;]D\x9d\x05\xae\xe4)\x85\xcb\x1e\xef\xc9\xa9\xb1\x83uU\x18\xa1\xc8?\xe0\xc3v\xd5\xfex\x90\x88\x9a#\x8f\xa1[\xff\t\xd0i\xe9\xcc]\x1f\xcc\xc8\xd6\x870\x82\x891D\xb7\xacB\xf1\x8a/C\xef5\x1fo\x7fwM\xcc\xeb\xe7\xc5=\xa2\xf2\xa1@\xf7\xe9j\xf6\x83\xa7\xf8\x95\xde\xf9\x00U\x87\x14\xdb\x9a\x955\x1fd\x957%\xc7\x85)\x9dOr![\'4\x06P\xc1\xb1yX\xf7g;\x93e;tVKFt\x8d\xae|\xe1\x81\xd4\x08\xb4r\xceCt\x15\xc56Yy\xd7\x9fB\x1c\xa1 \x9c\x08o\xb0\x96][\xd9H\x92.C\xd0\xdesO\xdc\xab\xce\xee\x0e\x03\xe5x\x8b\x8e\xbe\x9f_\xf5\xe7\xb1\xcbev6\xd6\x903AV\xce\x13\x85\xc4o\xb7i\xa6$%\'\xcc\xf4g\xb9\x00\x01ReiU\xf5\xc3\x0f\x0644b\x1e\xf2\xe9\x81CG\xc0o\xaf\xd1\x08\xee\x10Bp\xbb\xc1\xe1\x04\x19~u\xea\x95(\x1e\x0b1\xdf\xe9N\xd3\xa6!\xdd\xb3e\xa1\x9b^TJ\xc3@L\x8b\xf9\xb0\xdf\xdfQ\xccK\x942\xf0?\xc1K\xc2\xff\xec:\xca\xf7\xe6g#\xf0\x00\xfe\x84\x05;\x89\x8b8ok\n\x01gE\xbd\xc9\x9b\xba\xcf\xa4\x1a\xd0I\xb6D/\xa9\x83\xc6\xfd\xe6\x9a\xc5\x15\xe0]q\xfb\x0e\xde\x0b\x8cT,kO\x0f\x85JI)\xbc\xda\x88\x0b=\x9a\xf9\xce\xefn\xf9\xaau\xd30\xa3\x0e\xf0\xde\x8cbf\xd1\xf8\xbf\xbdH\x03t\x14\xe3\xf1&gt;\x1e\xee3\x87o\x8d\x19&lt;\xea\xbe\xf3\r\x84\xbf\xd5"\x99\xdd\xe9M\xab\x8c\x1fH\x0c\t\x1b^\xbb\xe8\x8c\x03\xa1!\xf8\xbc\x87\xa2\x01\x82dE\xac\x8d\x85\xf5q\x83\xaa\xa2\x11"\xe1\xd1\x99\xfe^\xf4.\xb6\xb89m]\xba\xab\xb6\xc8\xdeX*\xe5\xaa9\xf1\xfb\xf7\x7f;\x13n/*.\x02\xc8\xa6\xe2\xa2\xf5\x8e6d\xf8\xbe\x9f-\xe0#J\x10\xea\xb8\xd4`\x08"\xa2\xdb~a2|\x99\xb2K\xf2\x91?\xb1\xec\xdb\xfe^U~5\\\xee j\xf4\xbe1\xa7X\xb2\xb9#E\t\xa6F\xfc\x1c\xc7r\xe4nqd\x14\xbd3(\xea\xec\xe3\xc2\x86j\xebM\xcc\x1a\xc2:\xbf\xe3m\x00\x07\x8e\xf6\x91L7m\xe9\xdfs4\x8d\xed\xad\xd6\xb2\x81\xd7\xd3\x91\xebgb1y\x7f\xa1Ua&gt;&amp;\xb9quc\xa5*O\xc2:\x06)\x0eLWn\x80\x92\xca\x90}\x98_ \x9d\x1b\xdc\xf6\x19\xa5\xef^T\xa4[\x92\xf6\xab\xe9\x02\x9b\x90\x86\x07:\xf8\xd3^{C~2\xc6\r\x9c\xa0\xca\x83\x0cA\xd9\x9fvr\xb3\x07\x0eN\x9bu\x1aS\x8a:4\x1a\xab\xad\xd27\xf5\x8cx\xa2\x9f\xc6\xb7[\x9f\xd0\xb99\x1e\x16\xf0+\x0f:\x7f\xd2\x8e\rX6\xc8&amp;s\r0\x0b\xfc\xf8\x14\xa7#\xf2\xd9k\x14x&gt;i\xdeL\x98\x8d\x0f\xda\x16\x7f\'Z%\xd1\x01-o\x0cR-(\xce\')g\xea\xe9\x13&amp;\xe3\xde~\x10\xe2m\r\xe9\xf1S\xca\x1cN\xa1\x1c\xcf@#\xc5g\x00#\xe2\xba\x91\x00\xaf[\x98\xe8:\xa9\x9b\xea\xe9#\x8f\xf4*\xc6\x02\xcd\xcd\x1e\x00:1jU\xbc\xb3\xedc\x8dS4c\xa9\xcaI`1Y\xc5W\xab\x11\x9c\xd0q\xbc\xca\x1c\x91va\xd7~\xa2\xb8\x88OT\x07}oke%\x81o\xe1\x89\xa5\xf0\xc9\xa3\x9dy\x14\xb8\xa9\x08\x1c\xc5\xeb\xb7\xbb\x92\x1d7#\xf7\xff\xe4/FD5i\xee\xd6l\xd9O\xcd\x00\x14\x9b\xc0Q|\r\xee\xd2\x93{P&lt;\xc1u\rCQ\xb4a\x1f'</t>
  </si>
  <si>
    <t>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</t>
  </si>
  <si>
    <t>b'j$I\xa1\x95\xf3\x9bSAf\xe0U}\xa9\x0e\xea'</t>
  </si>
  <si>
    <t>can identify two components: (1) the amplified
 version of the microphone signal and (2) the ripple waveform present on VCC. For the
 latter, we can write
 Vout = VCC âˆ’ RC IC , (10.1)
 noting that Vout simply â€œtracksâ€ VCC and hence contains the ripple in its entirety. The
 â€œhumâ€ originates from the ripple. Figure 10.1(c) depicts the overall output in the pres_x0002_ence of both the signal and the ripple. Illustrated in Fig. 10.1(d), this phenomenon is
 summarized as the â€œsupply noise goes to the output with a gain of unity.â€ (A MOS
 implementation would suffer from the same problem.)
 110 V
 60 Hz
 R
 Vout
 VCC
 C
 C1 Q1
 To Bias
 t
 VCC
 t
 Vout
 (c)
 (a)
 (b)
 VCC
 Ripple
 Signal
 (d)
 Voice Signal
 Figure 10.1 (a) CE stage powered by a rectifier, (b) ripple on supply voltage, (c) effect at output,
 (d) ripple and signal paths to output.
 Exercise What is the hum frequency for a full-wave rectifier or a half-wave rectifier?
 How should we suppress the hum in the above example? We can increase C1, thus
 lowering the ripple amplitude, but the required capacitor value may become prohibitively
 large if many circuits draw current from the rectifier. Alternatively, we can modify the
 amplifier topology such that the output is insensitive to VCC. How i</t>
  </si>
  <si>
    <t>b'\x08\x1b\xcd$\xc8tU\x91rl\\\xa2\\K\xe9j'</t>
  </si>
  <si>
    <t>081bcd24c8745591726c5ca25c4be96a</t>
  </si>
  <si>
    <t>rs are out of
 business now that their flash-in-the-pan fad has fizzled out.
 If you only think about products based on whatâ€™s hot right now, youâ€™ll
 eventually be threatened by a mass of competitors, and thatâ€™s when profit
 margins get squeezed. Amazon can be the best place to get started selling
 products, but if you just look at whatâ€™s selling on Amazon and try to sell that,
 youâ€™ll struggle to build a real business. Why? Well, if someone else sells the
 same product for $30, you have to sell yours for $28. Then the next person
 will price his or her product at $26. Now thereâ€™s a race to the bottom on profit
 margin.
 When you start with people and create products for them, you become a
 price setter, not a price follower. That gives you better profit margins. And
 you get repeat customers, rather than one-off sales.
 How to Choose a Winning Product
 If you have a person in mind, itâ€™s easy to discover what products he or she
 will buy.
 It used to be that to sell products, you had to develop them from scratch
 and do a lot of guessing. Companies had to spend thousands on research and
 development, and then spend millions marketing them via television,
 newspaper, magazine, and radio ads. After all that, they would then hope and
 pray the customer would buy the products. There wasnâ€™t much else
 companies could do to affect results or drive growth.
 But today, you donâ€™t have to guess. You can know if a product will be
 successful from the very beginning. Sales channels like Amazon arenâ€™t just a
 way to get eyes on your product; theyâ€™re also a research gold mine.
 Right at your fingertips, you have access to all the data you need about
 how much a product is selling and what customers are saying about it. Just
 search for the products your person buys, look at what other companies are
 offering, and pay attention to the reviews. This helps you zero in on exactly
 who your target market is and what their needs are. What donâ€™t they like
 about this face cream? Whatâ€™s wrong with that instant pot? What are their
 pain points? How can you improve upon whatâ€™s already being offered?
 Check out Kickstarter and look at projects that raised a million dollars.
 Go to Amazon and find the best-selling toilet paper. Watch Facebook ads and
 see what companies are being talked about. You can do this kind of research
 on any channel where youâ€™re thinking about selling, or simply by paying
 attention.
 Your job is to identify three to five products that your ideal person might
 buy. You donâ€™t need to worry about how to make it or how you will sell itâ€”
 weâ€™ll fix that later. Just brainstorm what your person already buys and
 potential things he or she might like to buy. People who do yoga buy mats,
 towels, and blocks. Thatâ€™s three products. What else might they buy? Clothes,
 travel cases, or yoga pillows? Do people who do yoga buy other things, too?
 Like tea, meditation cushions, or essential oil? And do people who do yoga
 have different shopping habits than others? Do they buy organic, or avoid
 synthetic skin creams? Write it all down.
 You donâ€™t need to worry about how youâ€™re going to do anything just yet
 â€”just know that the internet has opened up opportunities for anyone who
 wants to create something from scratch. Anybody can do a Kickstarter
 campaign. Anybody can sell on Amazon. Any website can rank in Google.
 Anyone can run an ad on Facebook. Anyone can post on Instagram and
 connect with any influencer. Your job is to find out where your customers
 are, and drop your bait into that pond.
 Identify Your Gateway Product
 Once youâ€™ve thought of a target person and are brainstorming at least three to
 five products that make up your brand, your next step is to start narrowing
 down the first product youâ€™ll sell. I call this</t>
  </si>
  <si>
    <t>b'\x8f^P\xbf\xf4\x8a\xf9\xd3Tw*&gt;\x80X\x0e\xee\xca\x99\xe3a&amp;\xd3\x1d\xb4?\xf1\xac-\xd6\xa5)\x0cI\xd4\x84C\x11\x92r\xbb\xe1q\x85\x9f\r\xd7\xba1\xdbx\xef\x12sb\xf1/qU3bF\x00\x00@\xbb\xbb \xd7=\x05\x92\xd2P\xea\x1a\x01\xcf\xe7}\xc8n\xd6\xee\x1a\x0c@\xe53\xc0\xf8J\x9c]\x9b^~d8"\x83\x1d\xdco(\x19\x0c\x16\xdax-\xd5\xd8\x0e\x8e\x1a\xe0;\xc7O\xf3\x19\x07\xf4\xd1\xca\xcbZ\x1b\xf9i\xbe\xe2\x16\xa0~\x15\x13\xa4\xf12\xda\x83C\xa0|\xc9\x16\xbf\xad\x1f\xd4&lt;\x14g\xbf\xbd\xe3.\x90u\xef.\xce\x98\xe8\x86\x01"\xf8\x8d.\x87\xd9\x17\xc0\xc8\xb7a\xa0\xc0\x9d\xd6c\xff\x17u\xe5\x89D\xba\xc3\t\x81EP\x0b\x8f\xc3\x853|\xa7\x9a/\xf1j\x92\xc8\xd8I\x87)c\xfcjea\xac!U\xb2O\'\x89\xd5\x93\x91:3Rx0\xab\x1b\xc7\x18\xed}nO\xb6\x8eqa\x12aC\xd3\xcfSc\x03\xd5\xea\xe4v]\xee&lt;\xc0\x82U\x95Z`\x1c/j\x82\x7f\x0b\xb2\x02\xf0"\x04\x8c&amp;\x8cZ\xff\xcbB\xaa\x0e.\x05sQS\xe8\xb4\xa3\xdd+BJ\x80\xf5Z\xe0z\x00\xc5h\xc9\x93\xe1X\x83]o\\\xa2\xa1r\x18\x91\xd8\xc8\xc1\x00\xfb\x0fA\x95\xd8\xe4-\xa02m\x14\x1a\xe6\xef\xa60\xc0\xeb\x8f%\xd0\xacO\xc0zA!\xabU\xa8\x88\x1e\xb5\xb5\xa9v\xcc\x07\x83\xf2\\b\x16\x0b\xcf^\xa1\x8eh\xbd\xd1\xf8\x0b\x08\xd9&lt;\'I\xb2\xef\x91\x90sI,m\xda6\x02\x00\x8e\x88}\x8e_\x8d#+AKV\xcd\xfd`S\xdc\xe5\xe9\x9bF\x95{.\xf96\x84t\xd3\x93\xe4\xee\x05*\x1f\x89\xae{\x92\xbf,T\xce\x8b\t\xaa\xe7\x05\xfc`\x1cx\x1b\xb45\x16\x9b\x93\xb6\x92-1P\x13\x9fH\xb4\x13\xa4\xc0%/\x90\xfe\x01\xf6:\x1f\x05uk\xe8\xfc\xda\x96\xe4NO\x9d|\xcb\x87x\xf5l\xe6JQwv\xb6\x9e\xb5\t\x9b\x06\x10&amp;\xaeY\x01\x981\xe1\xfc5\\\xe4d\x06\xff\xbb\x8fb\xc9Z\xc1\xc1k2+z]`\xbd\x9a%\xddfo\xda\x93Me\xfaJ}\xcf9}\x8fv\x01j!\xca\xb3\xa5\xe4\xb6\xec9\xff\xaa)p\x8f\xa9R\x15\xa7r\xf7J\xfc\xb6W\x0f\xefb\x1eA\xa4\xbcl"\x7f\xd5r\x9a\xfb\xa0\x8b\xed\xcb\x9d\xaf\x8e\x1bO\x1b\xaf\xa9h\x89\x9e\x88\\\x8ar\xfa\xf6`\x1f\t\x9e\xab/\xff\xbb\xb5c\xc8\x08o\xc9]YIa\x12\xbf\x97\xe5\x8d\xb8d\x92TW\xeb|\xd4\x92\xee\xee%I\x8aJ\n\x99\xa7\x93\xbe\xfe4/\xf7,4\xc9\x94\x00\xde\xab"=@O\xd5eqG\xbf\xa6\x1bN\xb8g\x0f\xa1\x82\xde\xf4\xe6D\x85\xc6\xc7\xda1\xed\x9c\xb1\xc4`\xdf5\x85\xa6*\x91\\\xeb\xb3n\x9f\xbd\xbe\x92\xe2!\xcaK\x8d\xe3g\x05\xa5\xed\xff\x93\xbcs\xf8\xd8\xb6J\xa6\xa2\xd2\xd5\x84\n\xb1\x05_\x19A\xe8\xb6\x871\x10)\xf3\x8d\xe6V\x17!&amp;j\xaef\xdb\x94\xec\x15y1\xad\x12\xfb\x11jC\xec\x8dl\x99f\x8eRg\xccl\x13\x9b\x84@\x18`\x9a\xc1(\xa2\xde\x83\xbe(1\x9aGO\x15l\r\x0b\x1b\x93\xc3^\xc3\xd2`\xf2\xe4\x8a\xa0G&lt;\xc2\xb7\x13\xd7\x9d\xa8{J\xd8\xcfPV\xaf\xb4(\x0e\xf8]\x91\xc2K\xc9\x18\xa6\xcd\x0ff\xcb\xfbo\x89&lt;\x8b\xbe_\xf6\xf9\x87\x06\xb0\x13(g\xc8\xd9\xebFY\xf2\x03-\xe4&amp;\xfe\x88S\xdc\xea|SPu\x86\xa0\xaf\xac\xfaf\x1ay.~\x1ed\x8d+pA\n\xc4X\xd9}\xdb\x91\xd5e\x08\xea\x9fy;\xb0\xecYz\xa0\x9f4\xc1;\xd5\xb4\xc6\x80\xb0\xde\x1e]\xd3\x06\x1a\xb7\x89\x0c\x969\xf3%\x8b\x87\xa9\'B\xcf\x9a\xb4\xf6f\x93\x8a\x19\xfe\xeb\x89\xf5h,O\x1a}\x06\r\xd4\xc1m\x9e\xaa\x87\x94g~\x8f,[E\xf2\xfc\xcbp\x99\x97L\xe4zR\x99\xdf\x14c\xa1\t\x17\xba\x17h\xd1Lp\xea\x9d\xf1R\xc9\xa8b-\x8e\x89\xfc}?\xeeO\xc6\x14\x8c\xbb\t\x98\xdev\x92\x89w\x05\r\x18\xc7\x99\xae\xe1\xd0b\xdcn\x06\xa1\xcb\x8c795x\xf6\xa7\x9adj\xbe.\x026\xfa\x15\xa9\xc3\xcey\xf2\xfdq\xf6}\xef\xc7\xb3H\xa6&gt;\xbf\xbe\xc3\xdb&gt;]\xec\x87\xfc\x13z\xffd^\xc4\xddpu\xbc\x12/\x02\x96+\xb0H\r\x11:8\xf2dZ\xf3\x95m\xdc\x9d4^\xf8\xff;\xa6\x14|\xa4\xb2fiU}\x1f\xa8\xab l\x95\xac\xbf\xd6\xea\x91\xa0\x81\xa9\xea\xc0\xbd\x07O\x7f\xf3\xd6\xf0&gt;H1\xf1\xd46R\x99\xa4[\x1c&amp;\xc5 \xac\xc8\xf0\x14\x8d\x8e\x98\xc5E{8v\xcf\xf2\xcc\x17,\x16\xa1\xe0xW\xbfg%\x94\x97\xc4\x87\xf4\'(#\xf6\x94&amp;\xfb\xcb\x8e\t\xf2\xa9\xb6\xce,e2\xf4T\xf0\x8dy\x16\x96gSo\xe9\xbb\xc7E\x04$|\x8a2\xdd\x07\xe4iqW\xbd\x92Q\xa8\\\x88\xe4\xbd\xa3\x90G.C\xef\xd8\xaa.\xf9\xf8\xbdQ\xc0y\xc62\xba\x13\x19\x11)UN\xc1+Z\x10?b\xfb\x17T\x9b\xe2\x94\xdb\xa0\x004\xf9\x1c\xa7\x97/M\xd7/#\xda\xdbx$^\xeb\xd2\xba|\xa6\xe9\xd7\xdd\x94\r"G\xca4l\x9dR\xcd`-46\xdc\x83\x8dX1]\xdb\xde\x92d\xe7\xdc&gt;p+\xb0\x97`\xe3\xb2\xed\xdc\xf0d\xee_\xe6rs\xd4\xf4\x8d-*+\x93\'w\x05\xaa\xe4\x19z\xa48\xc5K\x0c\x11\xe6\xb0GD\xf2\x9eJ\xbd\x06\xedI\xde\x81o\xec\x08\x13l\xad\x90\x82\xec\xa1\x16\xec\x9bqr\\\xb7JPRr\x17\x80\xfd\xf7\xe7\xf3.D\x13\xb7+\xdf\xa3J\xdd\x06!\x85\xdb\xfe\x03;\rV#\x81H\x8b9YX=\xd5\x0bI\xa7k[\xc8m\x86\x8268\x1ea&amp;\xbf\x7fh7H\x9f\xe3\xfd\xb3[\x88\xb1a\x00o\xa4W\x90\xca\xe2\x81\x85\x07\x9b\x05\xe8\x93g\x8c\xd1d\xafp\t]vw1\xa0\x0c\x1a\x15\xe7\x7f9\x9df\x0b\x0cj\xb4.\x93\xef\x01B\xa3w\xe7x;k\x81\x8bqTm\xfa(\x92b\x93W,\xb5\x04C\x91\xd4n\xa9\x86\xb84\xde\\M\x91\x81\xd2\x87\xe5j\x02\xaa|\xe5\xe0*};7f\x12\xc9\x15\x86f\xb8\xaf\xed[\xdd\xb2\x9a\x90\x1e\x85\xf2\xfe^\x0f\x96\xe7}o\x8a\xe7k\xdbuC+\xe09\xe1n\xe5\x16\xfck;\xffr\x87\x9a^\xff\x0f"=\x07\xd5\x8f\xc0\xa1\xaa\xa6\xe3\xcb(\xf1H7\xcb\x8d\xd7\'\xd0\x18\x01P\x88[\xb2\xf0\xe4\x1b\x98 \x8fn\xa58\x16l\x94\xc3P\xd8\xf8\x18\xa0\x91\xde4JC)\x7fsls;/\xce\xfe\xff\xd0;\x14p\xa6\xcc\x0bU\xf2\xf6TJ{\xe3\xaa.J%\x93\x1c\xc5.7N\xbb\x94?\xf1\rH\x915\xe3\x06\xfe\xbd[\x86\\%\x9e\x0e\x13\xdan\x8b\x84\xfe\xc1)\xfb\xaa\x12\xa2K\xec\xda\xa6\xffd\xbd\xaf\x15&gt;\x94\xd2\xf5\x10\xd0\xab\xb9\xa0\xdcFW\x02\xc2\x96A\x9f_\xc6h)\xca\xe5+\xcb+\x11A8\xdc\x85\xbc\xfb&gt;\xc3c\x8dp\xb4\xbeT\x17\xe9L\xa5*\x84\x07\xc2\xdbFNr\xbc\xe7h~U\xd9\xa2\xf1\x8ei|\x9a(L;\xf1S\x85\xdf\x84\xcd\r\xd8Ysa2\\W&lt;A\xf1$\xd8U\xff\x12} ;&gt;\xd0\x88@\n;\xd2\x84\xb7\x8e\xc5-R3\x1e\x05\xe7\xea\xc8\xe6\x04]\xec}\xd14h\xeb\xd6\xc3\xf7z\xb8\x97\x03\x80\x998\xfa\xcb\xb8\r\x91\xe5&lt;\x15/)\x11n\x1a\xa8\x15\xfd\x11W3\x07\x88G\x1d\x05!\x7f\x0e\x8d&amp;;\x18w\xc8yO$\xfb\xb9\x9a^\x8e\xa8\x08\xe4cp`\x08\xd2&lt;\x0b\xfb\xc1\xd8\xe1d|n\xa6\xddH\x859\xedr1\xe9\xc7\x14\xc3\xa1"s\xed\xdc\xaf\xbb\x85\xc9&lt;\xd8\xd6(Y\x0c\xb20\x03\xee\xda\x1c&lt;\\\x89~\x95h\xf3\xb6\x0e\xd9\xcayZrk\x9f\x8a\x10\xe2\xfc@\xf3\xe9\t\xc3#0\xbc\xebtMY\xdb\xad\xff`\x05\xea\'@\xd0NhL\xee\x07T\x9a\xb0\x0f*\xb9\xe5\xbf\x7f\xdb\x94\xf7\x16H\xe1\x9a\xb3\xdaL\x9f\xd5\xb2{\xbbF$\xbe@\x0c\xfb\x9a\x9c/L \x1c\r\xf1\x80/)cr\xe4?\xa6\x12R\xee\xb3\x88\x96\xef\xa7:{#\x18\xa6%\xe9\xc2\xeeCAr\x08nil\x9a:\xf234:\x9cB\x95=x\xd1;"\x8b\x80\'\xb4V\xc0F\xfe#-\x9b\xe5\xe9\xb3A\xd0\xda\x1bX\xab\xd2G\\\x8a\x06\xf1\xb1+\x10.\x06\x85\xf8\x02\x15\xc7~\xd1\xed\x8a\x9e\xff@\xc1\xa1\xdc\x88\xdf2\x96\x07\x12\x87\x17\xa4\x13z\xbdW\xe8\x8e\x92\nXd)\xab\xb2\xee]\xeb\xf0=\xadI\xcf)\xcb\xdc\x0f\x0081\r\xfe7\xc8\x8c4\xc6\xce\x90\xec2i\x06\xfa^\x99Ac\x8fw\x1e\x12\x1d\xfd\xcc\x14\x1c\xaa\xc9\x86\x00w\x99\xb7\x92^\xc9BPwg+\x08\xf3_\x99\xc5Hb\xfa\n\xf0\xff\x81\xd1\xd9\xe627n2\xa5\xe3\xc6\x9c\xdcE\xd4SGNg\x8fy&lt;-\x08q6\xd3\xdeS\x02\xd9||\xf6U\xc4\xb9\xbd?m\xb5\xb9\xc8\xf0\xeb\xa6j\x8aP\xdaV\xacA\xcdf1\x7fe\xee\xdac?\x8b\xcbi\xd7\xeb\xe2\xf9\xad2^\xe4\xe4\xd10\x8f]N\xdd\x98S\xb6\xb6\x9d\xbb\xac\xee\xdfV\xc6\xa2\xf4\x89\x80U\x0e\x08J\x872\xbe:\xfd\xeaI(q\x96\x92\x8d\xa0\x12\xd4|&gt;\xd27%\x0f"\xac\n:\xa7\xf1\x85\x84\x07P5\x84\xdcI)\xd4\x0f\x8a\xeb\x8a\x9ew\xc6w\x9a\x0cl\x0c2\xb2O[\x1e\xb6\xd2\xb7\x89"\xd8\xc1)\xfa\x1e\xda\xb5\xb1\x8a+L\xd1wN\x18\xab\xa1\xa1E\xffU+Ah\xb2\x99\xc6\x94\x93\x8a\x1e\xc9!\xb1\x91]A\x9d!\r\x98\xde\xfah6\x00\xafU\xc1s\x8d&amp;\x17\xf9_\xd9\xe3N\xb9\xf7\x1b3\xfa\xd8|\x81\xadAAT\xd7\xb0\xf3\x8a\x02\x16A\xcc\x9b\xa0\x19jW\xe7\xca\x83\xeb\xc8\x8bn\xab\x83 \xd0\xa2\x06\xa2\x16\xdd\xc2\xe9\xd2\x94\x9e\x82\x06\'\x1e_\xc5\xa8\xb0\xff\x11\x94\xfd\xe8*z\x1a7K\xc2I&lt;e\x94lDNA\x8f,v\xdd\xb4\xbe\xc9\xdd\xdb-\x9d\xde\x14\xf4*\xaeu\x0f.x9\xe8nrzn\x10b9\xef[ill\x0b\xfe@\x1a\x15\xdd\xbf3\xf5o\xf8\x06\xfd\xb0\x13\xaa\x07r\x99\xe2+\x16\xf5|\xd3^\xc9\x9a#F\xc1\x82L\xf58n\xa6S\xa0\x89\xdc\xaf\xe08E\xce\xb2\xa6\x10\x8e\xf7\x07!6\x9b\x1a\t]\xa2E\x02U\xd1\xcc?\xd9\x950\xc8\x14\xce\x8cl\x9ce-8Y\xcd\xdfA1\xc0I\x00\xb6\x8cX\x00\x03\xb0q`N\xb6\x9b2\xb1^\x828o_\xf9\xc2\x84\x85\x1a\xe8)\x92.\xa5I\xe2\xebE\xbe0\xeb\x94\xa1H\x03\xf5\xdf\xa6\xebg\xe7Xt\xd4\xa7\xbe\xf5q\xad\x12\xd5\xf9\r\x14i\x13\xda\x90h\xe9\xa8\xf8\xa8\x94\x1f\xa0h\x83G7ZEn\x1f\xa3[\x96\xe4\x07\x87\xc9\x16\xb5\x82K\x84+\x03\xf5\x96\xa4t\x15@\x8a\x83\xaco\xd2a&lt;\xb8U\x0cm\x8b\xe7\xc1s\xd4\xc3\xdb\xfe\x15\xe2\xf0N\x9akA\x85\xf0\x1d\xf4\xd9\xd0\xba@\xcf\x0f\xd8b\xf6\xaa\x0b\x8bKL\xd9\xaf\xceC\x08JU\xc6\x1d(\x10\x96\xa1\x9b\xfd^\xf9\xde?\x0e\xcd\x13/\xe7\x16\xd7o\xff\x85\xca\xdaf!1\xc1\xfe\xa259:i\xfd1{\x9c\xf0\x9cB\x0c~\xee\xfbH45vx\x0e\xcd\xaa\t\\hw\x0c`\xb7\xde\xbf\xeeAr\xbc\xd8\xaf\x938\xef\xe3m$\xe7Q\x82\xf0\xeaG5\xda9\x1d\x92\x95\xbf\xd9n\xb7\xff\xab\xce\x8dY\x1b\x0c\xceg\x9e\xfbz\xcc\x89\xf7\xfc\xa7X3\x08@B\x05l~\xd8FD7sq\xc1\x1a2\xa9\xa2l\\"\n\xac\xe6\xacd\xd3\t\x8d\x06b\xe3Z\xed[\xb7\xdcUN\xe8\xc2\xc3\x93\x0eNR#\xde\x04\xd1\xaf\x8f-\x1c\xdc&gt;\x0b\x0f\xc9\x9c|h"F\xc9\xc2C\x8e\xb3G\xa9\xb1\xe7\x14&lt;\x05L~\xfbp\xc6\xd3\x85\xcd\x87\xee)\xd2|\xf3\x7f\x89E\xef\xaeT\xf7\xe8T\x07\xec\x80\xfe8\x9f\xb2^\x02@\xd4\xa7n\xfa\xe2\x06\x0c\xda\xfe^k6\xa1t\xc0\x8f\x94A\x10^\x94\xb1\xa9w\xd7\xc4\\0\xee\xa2\xd6\x93T\xb6\x16\xf0r _\x83_\xf07\xa4Y!\x0b+\xb6?\x82\xee\xd6C\xba\xab\x9c\xfd\x01\xbd\xcf\xb56\xd0;\x04\xe5\x1ae\xcf\x88\x03\xdf&amp;B\\^6\x00y\x01K\xfa-\xca{\x1a6\x1b\xa68\xc3\x83\xc6\xaa\xc2\xb3\xaaz\xb5\x11\xde\x8em;\xff4\x1b\x9a\xab\xc3\xc0\x93\x86\xb8A\xfb\x1b\x03L\x85i\t\xefw4\xb7\xa8\xcb\x18\x9c\x9a\xd3i\x05\x96B\x01)#\xb1\x05\xe6#\rE\x96\x84\x13\x04\xbf\x86\xc4\x8d\xa1\xb6\x99\xaf\x9a+\xec]\xe9[\xc8 \xc0o:]|`\xc3\x1b\x00+\xb7uJ\x12\x13\x89Q\x9eu\x8b\x0c\xad\xd1F\x15Wts*\x14\xf3\xfd/\n\xd4\x87\xb0\xf2\xf0%\x89\x02\x04\'\x19\x7f\xfaN\xc7\xd2y\x02\x1a&lt;8`&amp;I\x87\xa9\xd9\x86{\x1e\xfe\x93\xeb\x03\x93\xa3x\xe6\xab\xa9\xc0\xc2\xe8l!\xf0\x1f/z\x07\xd9X\x00~\xaa\xec\xe6[\x8d\xb7cG\xaf*\xfa\xf2\x8a)\x8e\xbf\\5\'\xe3Q\xe6\'\x08\xfa\x1b\xeb\xbd\x99(\xa3\xa9\x06h\x85\xba6t\xc4p\xe5\xf9\x8diW\xf6Jf.ES\xde\xa2\xb7qS\xbe\xcd\xb4\xf2A\x00\xc2\xad\n\xc4\x80\xa1+\xde\xa2\x86\xb3\xf7\xc3\xc1\x00\xdb\xb57\xa9\xa4W\x87\xb5\xef\xc7\xfeu\xf2Hu\xb6=\x0f\x86\x87\xda\xbfL[\xf1&gt;\xef\xec\xf4\xa2hm\xea3\xfc\xf6:#\xa4\xaeo\x7f\xb84\x81+\xaa\xb9\xa8Z\x0c\x81\xf6k\x01]\x98\xc0\xc5\xb3\xbe\x02\xb9\xe6l\x19\xd5\x81\x0f\xe0Y\x18\xf0\x87\x13\x99\xdc\x8e\x18\xb7u5\x8a\x10\xf3\xdcu\xd5\xf9\xfeT#=9n\xec\xac\xc0\x81\x08\x16\xa9\tS\xf0`\x18\xc5\x7fR\x17\xb9\x93&amp;AE\xb0&gt;\xca\xb51\x91w\x80\xa6\xd55\t1\xb8\xe6\x9a\xac\xd2\x1d\xd1\x0cy\xeb\x1e[U\x90\x1ew-\x81U\xe3q\xbeMj\xf0\r\x11\x17u\x95\xf4I\xe7\xf2z\xf1T\xad\x84\xcc\xc8x\x9cr\x89\x97M\xc0*\xcb\x9d\xdc{\xfd\xff\x8f\xba^d\x8a\xef\x84Y\xe7\\\xd8\x93\xc2\xfa%p\xea\xf2\n\xa2\xf2o\xb8KS\xda!M\xa2Tj\x10;wa\xf5\xe1\xb1Y\xb6X\xc7C|\x8f\xfeN-j\x0e\xfe\xc3\xef!\xae\x08\xfa\xdf\x94gw\xf2\xa3$S\x11\xa3\xdb\x98u;\x83\x1bM\xfb\x96\xd8\xf0\x93\x0e \xca\xea\xbd\xb0\x9d\x9d\xa7\xa7\x04\x19\xdbrj\xde\x96\xef\x97\x8b\x8dbd\xff\nJ\xa0\x99\x16E\x02\x05\xd4\xd7\xf5)\x9b\x82\x88\x0bz\x80\xdd\x0f\xe8\xde\xa4\xa6i5\x9em\xb6j\xa8\x9f\x16\xc1J\'\x88%\xb7Y\x81U\x04\xc3{\x91\x1a\xcb\x1c\xc3P\xa8\xcc\xb76}\r\x11\x8e\xeeabPr\xe7J\xb9 0O\xdd5\xb07\xb1M\tj\x92a\x19\x1d0\xe7\x86\x10\xba\x880\x99E\xd6\x9a\xe4\x16\xf2\xca\xe3\x81R\x97%\xbe\x05j\xda\x0f\x8e)\xc6\x8f\x8b\xcc\x85v\xc1\xaf\xc2\xed!\x85\xf9\xf8\xa8G\\01\x9a\x9d\x03\xe9\xaf\xec\x9dO\xf7\xd4O^c\x07\x0f\xf6\x873\\\xf1\xe3\xac\xfe\x05\xa2\x08\x02\xbc\xc7\xfd\x06\xfc \xf1\x7f\xe8\x8bdr\t\xf5\xd3\x12\xa5|\xd3\xa3\xdc\xc8\xb0\xf7\x12\xae\xe1\xb0\x8ct\xad\xca\x81\xd5W\xc9\xbb\xa1\x1e\x00\xd8\xbfE'</t>
  </si>
  <si>
    <t>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</t>
  </si>
  <si>
    <t>b'\x8f^P\xbf\xf4\x8a\xf9\xd3Tw*&gt;\x80X\x0e\xee'</t>
  </si>
  <si>
    <t>get
  (a)
  E
  FIGURE12.29
  E
  (b)
  Suppose you use protons (mc2 = 1 GeV) with E = 30 GeV. What Â¯ E do you get?
  What multiple of E does this amount to? (1 GeV=109 electron volts.) [Because of
  this relativistic enhancement, most modern elementary particle experiments involve
  colliding beams, instead of fixed targets.]
  Problem 12.36 In a pair annihilation experiment, an electron (mass m) with mo
 mentum pe hits a positron (same mass, but opposite charge) at rest. They annihilate,
  producing two photons. (Why couldnâ€™t they produce just one photon?) If one of the
  photons emerges at 60â—¦ to the incident electron direction, what is its energy?
  12.2.4 Relativistic Dynamics
  Newtonâ€™s first law is built into the principle of relativity. His second law, in the
  form
  F = dp
  dt ,
  (1</t>
  </si>
  <si>
    <t>b'\x16\x97\xdfU9s;\x89\xfb\x12\xd0\x13X-7\xa3tm\xf9\x16\xae&amp;\xbat\xf5\xfe\x1e\xb0\x9d,G\x93'</t>
  </si>
  <si>
    <t>1697df5539733b89fb12d013582d37a3746df916ae26ba74f5fe1eb09d2c4793</t>
  </si>
  <si>
    <t>b'\x16\x97\xdfU9s;\x89\xfb\x12\xd0\x13X-7\xa3'</t>
  </si>
  <si>
    <t>g master
 was killed."
 "Ah! poor gentleman; I read all about it in the paper at the time. A fine horse killed, too,
 wasn't there?"
 "Yes," said James; "he was a splendid creature, brother to this one, and just like him."
 "Pity! pity!" said the old man; "'twas a bad place to leap, if I remember; a thin fence at
 top, a steep bank down to the stream, wasn't it? No chance for a horse to see where he is
 going. Now, I am for bold riding as much as any man, but still there are some leaps that
 only a very knowing old huntsman has any right to take. A man's life and a horse's life
 are worth more than a fox's tail; at least, I should say they ought to be."
 During this time the other man had finished Ginger and had brought our corn, and
 James and the old man left the stable together.
 34
 Chapter 16. The Fire
 Later on in the evening a traveler's horse was brought in by the second hostler, and
 while he was cleaning him a young man with a pipe in his mouth lounged into the stable
 to gossip.
 "I say, Towler," said the hostler, "just run up the ladder into the loft and put some hay
 down into this horse's rack, will you? only lay down your pipe."
 "All right," said the other, and went up through the trapdoor; and I heard him step
 across the floor overhead and put down the hay. James came in to look at us the last
 thing, and then the door was locked.
 I cannot say how long I had slept, nor what time in the night it was, but I woke up very
 uncomfortable, though I hardly knew why. I got up; the air seemed all thick and choking.
 I heard Ginger coughing and one of the other horses seemed very restless; it was quite
 dark, and I could see nothing, but the stable seemed full of smoke, and I hardly knew
 how to breathe.
 The trapdoor had been left open, and I thought that was the place it came through. I
 listened, and heard a soft rushing sort of noise and a low crackling and snapping. I did
 not know what it was, but there was something in the sound so strange that it made me
 tremble all over. The other horses were all awake; some were pulling at their halters,
 others stamping.
 At last I heard steps outside, and the hostler who had put up the traveler's horse burst
 into the stable with a lantern, and began to untie the horses, and try to lead them out;
 but he seemed in such a hurry and so frightened himself that he frightened me still
 more. The first horse would not go with him; he tried the second and third, and they too
 would not stir. He came to me next and tried to drag me out of the stall by force; of
 course that was no use. He tried us all by turns and then left the stable.
 No doubt we were very foolish, but danger seemed to be all round, and there was
 nobody we knew to trust in, and all was strange and uncertain. The fresh air that had
 come in through the open door made it easier to breathe, but the rushing sound
 overhead grew louder, and as I looked upward through the bars of my empty rack I saw
 a red light flickering on the wall. Then I heard a cry of "Fire!" outside, and the old hostler
 quietly and quickly came in; he got one horse out, and went to another, but the flames
 were playing round the trapdoor, and the roaring overhead was dreadful.
 The next thing I heard was James' voice, quiet and cheery, as it always was.
 "Come, my beauties, it is time for us to be off, so wake up and come along." I stood
 nearest the door, so he came to me first, patting me as he came in.
 "Come, Beauty, on with your bridle, my boy, we'll soon be out of this smother." It was on
 in no time; then he took the scarf off his neck, and tied it lightly over my eyes, and
 patting and coaxing he led me out of the stable. Safe in the yard, he slipped the scarf off
 my eyes, and shouted, "Here somebody! take this horse while I go back for the other."
 A tall, broad man stepped forward and took me, and James darted back into the stable. I
 set up a shrill whinny as I saw him go. Ginger told me afterward that whinny was the
 35
 best thing I could have done for her,</t>
  </si>
  <si>
    <t>b'Pz\xa9l2\x91\xb3H'</t>
  </si>
  <si>
    <t>507aa96c3291b348</t>
  </si>
  <si>
    <t>y that I shall never forget. The other horse was thrown upon
 his haunches and one shaft broken. It turned out that it was a horse from our own
 stables, with the high-wheeled gig that the young men were so fond of.
 66
 The driver was one of those random, ignorant fellows, who don't even know which is
 their own side of the road, or, if they know, don't care. And there was poor Rory with his
 flesh torn open and bleeding, and the blood streaming down. They said if it had been a
 little more to one side it would have killed him; and a good thing for him, poor fellow, if
 it had.
 As it was, it was a long time before the wound healed, and then he was sold for coalcarting; and what that is, up and down those steep hills, only horses know. Some of the
 sights I saw there, where a horse had to come downhill with a heavily loaded two-wheel
 cart behind him, on which no brake could be placed, make me sad even now to think of.
 After Rory was disabled I often went in the carriage with a mare named Peggy, who
 stood in the next stall to mine. She was a strong, well-made animal, of a bright dun color,
 beautifully dappled, and with a dark-brown mane and tail. There was no high breeding
 about her, but she was very pretty and remarkably sweet-tempered and willing. Still,
 there was an anxious look about her eye, by which I knew that she had some trouble.
 The first time we went out together I thought she had a very odd pace; she seemed to go
 partly a trot, partly a canter, three or four paces, and then a little jump forward.
 It was very unpleasant for any horse who pulled with her, and made me quite fidgety.
 When we got home I asked her what made her go in that odd, awkward way.
 "Ah," she said in a troubled manner, "I know my paces are very bad, but what can I do?
 It really is not my fault; it is just because my legs are so short. I stand nearly as high as
 you, but your legs are a good three inches longer above your knee than mine, and of
 course you can take a much longer step and go much faster. You see I did not make
 myself. I wish I could have done so; I would have had long legs then. All my troubles
 come from my short legs," said Peggy, in a desponding tone.
 "But how is it," I said, "when you are so strong and good-tempered and willing?"
 "Why, you see," said she, "men will go so fast, and if one can't keep up to other horses it
 is nothing but whip, whip, whip, all the time. And so I have</t>
  </si>
  <si>
    <t>b'1\x91\x1c\x9d\xaa\xa0\x1b&gt;'</t>
  </si>
  <si>
    <t>31911c9daaa01b3e</t>
  </si>
  <si>
    <t>.2.5 Biasing of pnp Transistors
 5.26. Determine the bias point of each cir_x0002_cuit shown in Fig. 5.125. Assume Î²npn =
 2Î²pnp = 100,IS = 9 Ã— 10âˆ’16 A, and VA = âˆž.
 Q1
 VCC
 200 Î© 60 k Î©
 = 2.5 V
 (a) (b)
 Q
 Q1
 2
 VCC
  Î© 80 k Î©
 = 2.5 V
 300
 Figure 5.125
 5.27. Construct the small-signal model of the cir_x0002_cuits in Problem 5.26.
 5.28. Calculate the bias point of the circuits
 shown in Fig. 5.126. Assume Î²npn = 2Î²pnp =
 100, IS = 9 Ã— 10âˆ’16 A, and VA = âˆž.
 Q
 Q1
 2
 VCC
  Î©
 = 2.5 V
 1 k Î©
  Î©
 18 k
 32 k
 (a) (b)
 Q1
 VCC= 2.5 V
  Î© Î©
  Î©
 18 k
 32 k
 100
 Figure 5.126
 5.29. Draw the small-signal model of the circuits
 in Problem 5.28.
 5.30. Calculate the value of RE in Fig. 5.127 such
 that Q1 sustains a reverse bias of 300 mV
 across its base-collector junction. Assume
 Î² = 50, IS = 8 Ã— 10âˆ’16 A, and VA = âˆž.
 What happens if the value of RE is halved?
 Q1
 VCC= 2.5 V
  Î©
  Î©
 RE
 5 k
 10 k
 10 k Î©
 Figure 5.127
 5.31. We have chosen RB in Fig. 5.128 to place
 Q1 at the edge of saturation. But the actual
 value of this resistor can vary by Â±5%. De_x0002_termine the forward- or reverse-bias across
 the base-collector junction at these two ex_x0002_tremes. Assume Î² = 50, IS = 8 Ã— 10âˆ’16 A,
 and VA = âˆž.
 Q1
 VCC= 2.5 V
  Î©
 1 k Î©
 5 k
 R B
 Figure 5.128
 5.32. If Î² = 80 and VA = âˆž, what value of IS
 yields a collector current of 1 mA in
 Fig. 5.129?
 Q1
 VCC= 2.5 V
 20 k Î© 1.6 k Î©
 Figure 5.129
 *5.33. The topology depicted in Fig. 5.130(a) is
 called a â€œVBE multiplier.â€ (The npn coun_x0002_terpart has a similar topology.) Construct_x0002_ing the circuit shown in Fig. 5.130(b), de_x0002_termine the collector-emitter voltage of Q1
 if the base current is negligible. (The npn
 counterpart can also be used.)
 Problems 259
 Q1
 R 1
 R 2
 Q1
 R 1
 R 2
 VCC
 R3
 (a) (b)
 Figure 5.130
 Section 5.3.1 Common-Emitter Topology
 5.34. We wish to design the CE stage of Fig. 5.131
 for a voltage gain of 20. What is the min_x0002_imum allowable supply voltage if Q1 must
 remain in the active mode? AssumeVA = âˆž
 and VBE = 0.8 V.
 VCC
 Q1
 Vout
 Vin
  Î©
 = 2.5 V
 50 k
 Figure 5.131
 5.35. The circuit of Fig</t>
  </si>
  <si>
    <t>b'$\x9bn\xf6M\xa4\t=[H\xf5\x1c\xfd\r:V'</t>
  </si>
  <si>
    <t>249b6ef64da4093d5b48f51cfd0d3a56</t>
  </si>
  <si>
    <t>bine MacCormack (1981) is just one
example of what can be done with rigorous attention to the nuances of coin evidence.
Work on mint output has revealed the possibilities of addressing coin types in
quantity. The question of who initiated designs is irrelevant â€“ we can at least say that
no coin presents the emperor in a negative light â€“ and it is an obvious inference that
the content of the coinage was subject to high-level review. Thus coins have their role
42 William E. Metcalf
to play in the study of imperial self-representation, and this has been taken up in an
important article based on the silver coins (NorenËœa 2001).
For the provinces much basic work remains to be done. The older catalogues and
â€˜â€˜corporaâ€™â€™ are all incomplete, having foundered under the sheer mass of material, and
long out of date. There are significant studies of individual mints in the provinces, e.g.
Corinth (Amandry 1988), Thessalonica (Touratsoglou 1988), Smyrna (Klose 1987),
Anazarbos (Ziegler 1993), Balkan mints (SchoÂ¨nert-Geiss 1965, 1970, 1975, 1987,
1991; Youroukova 1973, 1982) and Asian mints (von Aulock 1968, 1969, 1970,
1977, 1979, 1980), and of individual problems (Howgego 1985 on countermarks;
Johnston 1985 on portraits, etc.), but these only scratch the surface. Plenty of mints
await the detailed study that would constitute dissertation work if numismatics had
the relationship it deserves to the mainstream of classical studies.
3 Conclusion
The outlines of the imperial coinage are becoming tolerably clear, and the effort
required to refine the picture of production and impact is staggering. It might seem
that the investment of effort has reached the point of diminishing returns: hardly
anyone outside the field appreciates the labor involved in producing even the simplest
mint study, which invo</t>
  </si>
  <si>
    <t>b'gJ\xbfw\xb2\x9bf\xe0\xa6$\x98\xf5\x1e\x85\xa7\xd9?\xb6\xbe\xeb\xea\xe9a7\x94}\xf7\xff:\xb8?\x9f~f\xdbz\x92\x8f%k\x04%\xfck\x07\xea\xb9y\xe5\xaa\x0b\xf6\x9d\xc9^\xdc\x18\x8c\x8dc\xe1&gt;CD\x87\xab\xf0\xf6\x03\x9a\x93 \xb6\xa3@\xc5\xd8\x97W\xbb\xef\xbepR\x9eb\xd1\x87\r&gt;}T\x82Q\x86\xc1%\x10&lt;\x1b\x84\xe40%L\xcd\x80\xbc\xf0s\xf3\xa1Hm\xaes8\xe2{\xce\xe0\xce\xc7H\xc7E\xa8\x92y\xca\x9bW\xeb\xf56\x91\x0b"gC\xab\xd5?w\xa4\xf6\x1a\xdc\xa5h\xda\x0cF\xf6K\xe7\x1b7\xab+\xd0@\xd7\x84\xc4S\x17\x9e\x9f\xdd\xc1\'4\x88c\xbf\x0e\xeb\x8b\x81ugy83\xb3\x19\x1f\xdbt\xbc\xe7&lt;\xb4\xd9\x86F\xe1\xbc=l\xacc\x84\x16\xe8]\x8b\xb3\xf7ZZ#\xda^\xc1n\xf3GDK47\x90]\x06\xbb\xbd\x99@\x19\xa2\xe4-\x9e\x95X1L\\\xfa\xcb\x84e\x00\x10\x06\x84\rA8\x18\xdb\xa1\xe3\xc5\xf9C\xd0o~@X\x8fk\x86,C^\xde\xc2\xe1l\xe8\'\x1f\x0fMW\xf5\x89\xb6\xc5t\xa9\r\xe9]\xdcWJ\xa3?\xce\x1e\xfd\x99\xff\xebM\x0b\x1es\x9b6d\xc8jq\x85W^#\x8ct+\xf8ET\x8d\\\x1e\xe3v\xdb\xa7x\xa7\x8d\x0e\xfd\x10*\x84\xb1\x80\x07,\x92v\xc6v$\x17z&lt;\xeb\xb9[\xfc\xcc\xa3\xa0y\xed\xd8\xb0F\xb8\xe4|5f\x0f\x93v\xc8\\\xf4\x80{\xbd\x97y~\x9b\x97z0\xf5\x1b\xc1\x03{\xa0\xb4}\x1b"\x0e\xc8\xce\xd2\'\x80s\x1e\xf6\x15\x03\xb6\xd0)\xf5\x1c\x04f\xa8\xf1\x1b\xa1\xea\n\xf3\x88N\xbe\t`~y\xa4\xfb8D\xa2/G`K6\xcd\xd1\xab\xe3\xf4\xa4\xab\x1cs\xea\x059\xe3+m\xed\x89\xd3\xeb8\xa3\xe0\x1ce9V\x08\x96\'\xafUO^R\xfa\xfb6\xd5\x1f\xe3\xbb\xdes\x87\x8eefy\x12\xe1\xbd\xe8\x04\xdc\x86a\x8c$B\xf9\xb5\xd9M\xec\xb1*\x8d#{5"\xc8\x8b\x95\xd1\x0b\xc6\xec\xb4\x97\xb7\xceu\x0bclF\x03Z\xe2\x91-\x7fU\x86\xba\xd8a[\xf2\x03\xe4\x9c\x07\xebe__b$\xed\xbf\xe3\x8b\x8b\x0b\xfbK\x11\x8f\x04\xf4Q:\xdd\xd9\x80\xfa\xa3uj\xa3\xc4U\xd5/C!\x1d\x9a\xbf]\xdc\x19\x9eU1\xc3\xab6\xfc]\xbekE\xd2\xeb\xf7\xba-3\x03\x99\x9d\x10L\x9b5\xa7sf\xc0-C\x89\xa7iw9\xdf@w8\xcb\xe6\xef\t\r\xcc[\xf4\x1c\xb7\xd2\xc2\xa1\x80\x17\xcbd\x99\x89iqw\xeb\x12SQ\xe1\x95\xcbz\xa8\r\xd6\xe6\xa3x\r\xf9\xb8\xff\\R\xbd\xa7_\xef\xae\xcd\xd3\xcfa\xc1X\xdb?L\x85@\x00\x82.\x98\xe2\x1f\xc1F\x1f\xbc\x04\xe3&lt;K\x0c\xd1L\xe8\x8bV\xd7\x91\xe8\xd3\x06\x0eEp\x1emg\xda\xf3*@\xfd)\xaf\xb3:\x01\xabX}\xea&amp;\xfb\x18\x82\x0f\xf7\xc1\xaf$\xae\xacZ\xa7h\xc3\xd1\xa1\x8c\x0fa4 8pV\xae\xc6\x99V\xd7\x15T\xfd\x16`\x8f\xea\x0b\x9a\xfc\xa8\xa20\x97\xe2O*\xbb:\x1f\xcd\x15JRb\xcb#r"\x87D\x0038C\xe3\xd7U\x11\xc8a\xfd\x05.\xc8C\xef\x01\x104m\xb9\x00\xa4\xaeo\xb9\xd1\xf7eok\x90&gt;KL\xe6\xe7\x1f\xc0w\x90\xd7\x98\x91\xa6\xcd\x9c\xee\x1f\xd7\xe17gy\xda\xdeA\xa9\xe716\x07&amp;\xb2\x94f\xf8\xc0\xdf.\xa2\x08\x08u\xcfGK\x12\x03y\xe4NA4S:U\x1c\xba\x05A\x98\x0f+\x89\xb2Ph(\x0f\xbc\xd9mN`\xbf\x98lP\xd5t\x15t\xd4i\xdb\x9d\x86\xd3_O\x95}\xb3\x82;\x08\x08\xbaz\xfb,\xc5\xfa\xbd\xa1\' :\xca\t\x1d\xd4\x98\x9bQ\xc0X\x11[:u\x00\xe1\x9d\x8f\xc8h)\xa0v\x11i=\xe8\xbce\xab\xd2I\xc2\x04AY\x02~\xf5\xa8C\x0f\x03\x92\xcf"\xd3\xf8\xda\xca\x82~\x8f\x0e!\x92\xe0\xb6I\xae\x868\xe4\xc9\xb5P\x92e\xa0\xa8\xe0\xdd\xa6\xe6\xff\xdb\xd2\xfcJ\xc8`9\xee\x99WL\x84\x92\xee\xb9\x85\x1d\xa6P\xa8\xc1D\xb2\xae"\xe1\x7f\x11\x93\xa8+\xd4\x1f\xacK\xd6\xed\x9eD\x1fs\x07\xa8j\xb6\x05\xbe\xdd\xe7\x95\x89&amp;\xbf\xdbI\x88\xa6k\xb5\x03C\x92\xf1\x8at\xcb\x99\xe6Hq\xce\xf5\xff\xd7Ck\x8eH\x15\xc7?FV\x12[\x17\x03\xd8\x9c\xdbv\xd7g\xf8\x03E\x0c\x06\xb4\xab\x1f\x8c\x99o;nB9\xc6\x86\xcb#\xa4\x11X\xcf\x1a\x82\xaa\xe1c\x1b\xec\x16u\xb3\xc4#\x0c\xdc\xea\xe8@\x7f\xbf\nHw\x91\xa7?\xb1\xc6$\xa3\xac\x89\xb0S\xdb\x07\xd0j\xe1\xe5o\xf0\xb5k^\xce\xf5\xa6^K\xb9\xfb\xf5\xae\xf2\xdd\xffh\x10\x03\x1fi\t\xf5\x19ew\x80\x9c\xbf\xc3&lt;e\xfd\xb9\xa0\x8b\xf6\xf5^\xc5M\xf6i)n\xbd\xe2\xf1\x9435\xc4\xb1\'\x98hs\x94\x03\xb81\x04\xb3\xcf~\x9b\xba\xc3\xa0\xcd\x1b\xa8\xdc\xb18\t\x87\xfd\x82^\x7f\xbb\xda\xe4\x8cN\x82\x19\\\x8c4\xf2&lt;\xf4.\xf6\xee\x9e\xdd/b*\x81\xa9\xf0\x90Y\xef]L\xcae\xb3\xcb\xb5\xbf\xdd\xd6\xbfw\x14\xc3\xfc0\xb4\x11\xa6\r\x92a\x91\xc0\xe0\x11/i\x9bsVMG\x8c\x8d\xf7)"m\x0e@\x021\xfa&amp;L\x12\x11\xa0\x9a\xdd\xb5H\xafk\x7f\xb0NY\xbe\x1a!w\x7f\xdda&amp;7g \xdf,\xccz\xaf\xc0\x19f\xd68\xcb|\x85\x17\xf3\xea\xd8q\xecn%K\xdf\\\x8c*0\x96\xd7y\x92\xc9~O\xe3.\x086\xb5\xf2\x95\xc4!\xedd\x94\x1d\xb8+ZV\xccC\x8cUu6\x01nnK\xa4fd\xf5\xea0R\xb56xx\x02\x8f\x14R\n\xcd\xc6`\x90\x8f\xafy\xfe\xba\xcbrd l\xecB!\xc5\xf8\x8f\x8fz\xe8T\xed\xf6\xb1\x87I\xa6\xb4\x04\x11\xce\x87\xdb&lt;)\xb3\x0fw\xce\xecy\xa0C\xc8\x8c\x9c\xfc8x\x03\x80\x8a\xd8w\xbbj\x8f\xe9\xae\x05\xc8M\xa7\x1ee&lt;\xb4\xd6;\xaa\x85\x7f)\xfeB\xe9\x9dZ\x7f\x8b\xe58\xa32=r\xe4aD\x14\xe5\xb1\n)\xf0\xab\x1a\xcb\x9e\x11d\x18&amp;uH\x0c\x02\x81\xfd|\xac)9\x12\x84\xc2v\x95n\xa5{\xfan)\xb7\x04/)\xd5 \x85\x16sM\xee\xed"r~%\xa1\xd8XQ\xcf/\xc6\xc80]\xe8@&gt;\xa1\x1a\x82?\x9f\xc7O\xce\x0f\xacA\x06\xa2Y$\xf71\x92\xb4\rg\xc9\xb7\xac\x1e\x13\xbd\xaaJ-\x99\xdf\xa9q:\xc2p\xfaM\xc32\x05x0\x82\x1fZ6\xa5\x8e\xe8z\xb7$\x9d\x95\x8eo[=\xa2\xdd\x80t\x04p\xfe\x8c\xf8i\xfdL\xdd,-\x06ja\xd6\t\xed\xd2\x81V\xa1n\xfe\xf7\xca\'\x18\x92\xc1\xf3i\x88\x9e\x0c&amp;*h\x94f;\xf01\x0e\x07\x19\xac\xe4\x9a7J\x8f\xeb7\xf9\x8b\xff!G\xd4\xa6O\x86\xc9\xa4&amp;R\xec~\x06.\xca\xc6V\x80\xe4:\xe1\xbfo&lt;\xf1\xae\n+U\xeb\xf4\x901\x89\xdc(\xb3\xd0t\x85k\x99&lt;\xdf\xdevC\xf1\xbc\xe4\xf8\xec\xa9\xd8:\xc3\xd2\xe2\x90\x95\x17\x8d\xfaAQ]\xb7\xed6~\x93\xd5c5^X\xfa\x0b0+\xb5\xeed\xe3\xac\xaf\xaf\xb1\xbe\xe3\xa4\xdc\xdb\xab:R#\xdc\xac,\xcc:-6c\xa3+\x89\xcc\xbb\xce\xe2\xf9\x8fo\x03\x00\x12\x19]\x1fxa3\x06\xbdB\xbc\x03\xe6\xc8\x7fc\xe2Ir\x01\x8c\x9f+\x19\xdbm\x96\x9ehj\xb3\xb3]X(;\x82J\x9d\x01\r_\xd1h\x93\xf5\x07\x8f?\xf4:I{n6\xeas\x1a\xd9D\xdd\xf9\xc1'</t>
  </si>
  <si>
    <t>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</t>
  </si>
  <si>
    <t>b'gJ\xbfw\xb2\x9bf\xe0\xa6$\x98\xf5\x1e\x85\xa7\xd9'</t>
  </si>
  <si>
    <t>ions, your ladyship,' said one of them; a labour which she was
 somewhat surprised, that Montoni should think necessary, particularly
 since he had never spoken of the castle, as of a place, at which he meant
 to reside for any considerable time; but she passed on towards a lofty
 arch, that led from the south to the east rampart, and which adjoined the
 castle, on one side, while, on the other, it supported a small watch-tower,
 that entirely commanded the deep valley below. As she approached this
 arch, she saw, beyond it, winding along the woody descent of a distant
 mountain, a long troop of horse and foot, whom she knew to be soldiers,
 only by the glitter of their pikes and other arms, for the distance did not
 allow her to discover the colour of their liveries. As she gazed, the
 vanguard issued from the woods into the valley, but the train still
 continued to pour over the remote summit of the mountain, in endless
 succession; while, in the front, the military uniform became
 distinguishable, and the commanders, riding first, and seeming, by their
 gestures, to direct the march of those that followed, at length,
 approached very near to the castle.
 Such a spectacle, in these solitary regions, both surprised and alarmed
 Madame Montoni, and she hastened towards some peasants, who were
 employed in raising bastions before the south rampart, where the rock
 was less abrupt than elsewhere. These men could give no satisfactory
 answers to her enquiries, but, being roused by them, gazed in stupid
 astonishment upon the long cavalcade. Madame Montoni, then thinking
 it necessary to communicate further the object of her alarm, sent Emily
 to say, that she wished to speak to Montoni; an errand her niece did not
 approve, for she dreaded his frowns, which she knew this message would
 provoke; but she obeyed in silence.
 292
 As she drew near the apartment, in which he sat with his guests, she
 heard them in earnest and loud dispute, and she paused a moment,
 trembling at the displeasure, which her sudden interruption would
 occasion. In the next, their</t>
  </si>
  <si>
    <t>b'1\xa5\x87\x0f\xd5\xc8pE\x87\xaf\x1dm6\xb4\xfb\x88F\x83\xac%t\xe7\xa5/2\xb8@8/\xc1\x81\x9c\xbc\x1a@\x80\xd03m1@\x8cj\xea\x9f\xc9\x8f\xbe\xfc 6e]\x8f^A\xb4\xea\xd3F\xc3\xcc\xedh'</t>
  </si>
  <si>
    <t>31a5870fd5c8704587af1d6d36b4fb884683ac2574e7a52f32b840382fc1819cbc1a4080d0336d31408c6aea9fc98fbefc2036655d8f5e41b4ead346c3cced68</t>
  </si>
  <si>
    <t>b'1\xa5\x87\x0f\xd5\xc8pE\x87\xaf\x1dm6\xb4\xfb\x88'</t>
  </si>
  <si>
    <t>l at last the dervish opened his box
 and told him to put it on, if he wanted to. So the man done it, and sure
 enough he was as blind as a bat in a minute.
 Then the dervish laughed at him and mocked at him and made fun of him;
 and says:
 "Good-bye--a man that's blind hain't got no use for jewelry."
 And he cleared out with the hundred camels, and left that man to wander
 around poor and miserable and friendless the rest of his days in the
 Desert.
 Jim said he'd bet it was a lesson to him.
 "Yes," Tom says, "and like a considerable many lessons a body gets.
 99
 They ain't no account, because the thing don't ever happen the same way
 again--and can't. The time Hen Scovil fell down the chimbly and crippled
 his back for life, everybody said it would be a lesson to him. What kind
 of a lesson? How was he going to use it? He couldn't climb chimblies no
 more, and he hadn't no more backs to break."
 "All de same, Mars Tom, dey IS sich a thing as learnin' by expe'ence. De
 Good Book say de burnt chile shun de fire."
 "Well, I ain't denying that a thing's a lesson if it's a thing that can
 happen twice just the same way. There's lots of such things, and THEY
 educate a person, that's what Uncle Abner always said; but there's forty
 MILLION lots of the other kind--the kind that don't happen the same way
 twice--and they ain't no real use, they ain't no more instructive than
 the small-pox. When you've got it, it ain't no good to find out you
 ought to been vaccinated, and it ain't no good to git vaccinated
 afterward, because the small-pox don't come but once. But, on the other
 hand, Uncle Abner said that the person that had took a bull by the tail
 once had learnt sixty or seventy times as much as a person that hadn't,
 and said a person that started in to carry a cat ho</t>
  </si>
  <si>
    <t>b'\xa4\n\x9b\x9aq$\xf0\xfe\x83\x07\xae\xe7*:}\xe3\xc4\x04\x8c\xc3\xd9\xff\xd8~\xd3\x97\x06\x8f\x8a\xa7\xa2\x1e'</t>
  </si>
  <si>
    <t>a40a9b9a7124f0fe8307aee72a3a7de3c4048cc3d9ffd87ed397068f8aa7a21e</t>
  </si>
  <si>
    <t>b'\xa4\n\x9b\x9aq$\xf0\xfe\x83\x07\xae\xe7*:}\xe3'</t>
  </si>
  <si>
    <t>erties to self-heal a damaged plate, it also has the ability to re- anodize the foil plate. As the anodizing process can be reversed, the electrolyte has the ability to remove the oxide coating from the foil as would happen if the capacitor was connected with a reverse polarity. Since the electrolyte has the ability to conduct electricity, if the aluminium oxide layer was removed or destroyed, the capacitor would allow current to pass from one plate to the other destroying the capacitor, â€œso be awareâ€.
2. Tantalum Electrolytic Capacitors
Tantalum Electrolytic Capacitors and Tantalum Beads, are available in both wet (foil) and dry (solid) electrolytic types with the dry or solid tantalum being the most common. Solid tantalum capacitors use manganese dioxide as their second terminal and are physically smaller than the equivalent aluminium capacitors.
The dielectric properties of tantalum oxide is also much better than those of aluminium oxide giving a lower leakage currents and better capacitance stability which makes them suitable for use in blocking, by-passing, decoupling, filtering and timing applications.
Also, Tantalum Capacitors although polarized, can tolerate being connected to a reverse voltage much more easily than the aluminium types but are rated at much lower working voltages. Solid
  Basic Electronics
37
                 tantalum capacitors are usually used in circuits where the AC voltage is small compared to the DC voltage.
However, some tantalum capacitor types contain two capacitors in-one, connected negative-to- negative to form a â€œnon-polarizedâ€ capacitor for use in low voltage AC circuits as a non-polarised device. Generally, the positive lead is identified on the capacitor body by a polarity mark, with the body of a tantalum bead capacitor being an oval geometrical shape. Typical values of capacitance range from 47nF to 470uF.
+
+
Aluminium Tantalum electrolytic electrolytic
Figure-22 : Aluminium &amp; Tantalum Electrolytic Capacitor
Electrolytics are widely used capacitors due to their low cost and small size but there are three easy ways to destroy an electrolytic capacitor:
Â·Over-Voltageâ€“ Excessivevoltagewillcausecurrenttoleakthroughthedielectricresulting in a short circuit condition.
Â·Reversed Polarity â€“ Reverse voltage will cause self-destruction of the oxide layer and failure. Â·Over Temperature â€“ Excessive heat dries out the electrolytic and shortens the life of an
electrolytic capacitor.
2.4. The Inductor
When an electrical current flows through a wire conductor, a magnetic flux is developed around the conductor producing a relationship between the direction of this magnetic flux which is circulating around the conductor and the direction of the current flowing through the same conductor. This well known relationship between current</t>
  </si>
  <si>
    <t>b']]\xf66\xe1`\rH|\x15E[\x8c\x94 \xa4\xe6\x08\xb5\xf8\x96\xae\x88\xc6\x17P0\x83RE\xdd\xea\xee\xda\xbb\xc7\xec\x9b\xee\x82\x80\xf7eW\x95\x15\x9f\xbd\xe1\xef}O\xf8\xfd\xefZ\xe5g\x8d\x1e\xc4nq\xad\x03g\x97)\xb2U\x18\x00\xdb\x18\xd1\xcdl\x13,\xff\xb2\xa9\xaa\x84|i\x12.N0\x9f\xa1\xb9\x8d\xe9-\x100g\x05\xa7\xd8\x88{\x9e\xc4z\x87\x12\xca\xd0\xbc\x10\xda6b\x84\x81\xcc\xfa\xeb\xa5\xe1\xb9R\xe47\xc0\xc8\x95g:i95=\xee\xc9\xf54\xe9\xc0"x\x80i\xb2\xc0:B\xd2@\x80\x03z\x83\xa4\x92\x10\xf4\xec)\xe15\xffN\x02\xfb\x03\xafL\xe5\xb5\xe8~9\\\xa2\xd4+\xb5]\x8c\xc3z\x0c.\xce\xa8\x9819z\xbc\'\xa5I\x14\xa9\x97-\xa9\x81\xde\xea\xf7\xea\xa2\xe5_\xfd\xb0\x8c\x98\xb2\x95+\x91\x1c\xc6\xf2)a\x02\xe3}\x94\xder\x0bh\x9f[\xdfS\xc4\x07D\xdb\xcd\xb6\xf9U\x04\xbd\xebj\r\xcd\xeegJ;\x16;9\x19(\x10dr\x86\x8av)\xf0\xba\xea\xce\xf6\xda\x0c\xe7$IL\xd6\xbc\xc8\x15\xbe\x16\xc0s\xb8\xb1\xc52:\x1c\x94\xcbu\xcb\xef1\xfa\xd3m\xca4\xe9U\x91\x9d\x13\x97\x10\xd0\xe8&gt;v\xc5\xfc\xcc\\\xd8&amp;,ey\x9c\x17O\xc5\x88M\xb18N#3#\xe5\xb0\x1d\xb2,\xdbX\xc2\xbaX\xb5\xde=\xa1$U\x12\xb9\xa4&lt;\x95[\x95\xb7\xba\xe1\x00`i\xc3\xf8^0S\xb1v\xd3\x87}\x98\xe0v\xfb\xf6\xb87\x1c\x19\xd2\xffT{\x84U5\xee\x10\x92\xac\xea2\x8d\x9dD\xbe\xb9\x15J\xf3]\x13-\xcbeb\xf4\xc0\xd9\x89\xc5/\x85\xcc\x15\x81MP\x7f&gt;\x0c\x02)\xa53\xeet\xd2I T\x82h\xe3\x986sFCF\xb0M\x9b\xc4GTyU\x98\xc8\x9a\xea\xafk\xdf\x93\x8fKl5v\xad(\xeb\xd2\xd2\x7f\x06\xf5avgrH\xc2\xac\x87\xdaNZ\xc6;\x8f&amp;\x06\x0e \x9b\xc1\xe6\xf92\x1a\xa6\xcb\xe3\xd0\'\xe6\xbb\xf47J\xefk\x13\xb2N\xe8\x01n\xddN\xf0\xa8"\x85\x19v\xb5\xf0\xe2]l\xc3\xba\xa2\xec6m)\x04\xa8\x1f-p]A\xa9\x80\x1f\x01\xd7\x04\xca\xbaw\xbf\xf2g\x95\xb2\xb6u\xa5\x91\xd1\xe9?|\x9a\xfa1T\xe2B\rh[X\x8d\x06\xcc\xd5\xa8\x19\xbf&lt;\xcdI\xc0\xaf\xf9\x88v6\x98\xd7\xa5\x1b\xb3\x9fa\x0b\x1fT\x8aD\xfbr\'s@\xe6\xb5\x1e\xb9\xd7n\x8am\x8f\xc9x\xf6\x19\xf8\x03\x9axc\x06\x89d\xf51)8\xef;\x1aMV\x7f\x15\xf5B*\x83\x8b\xc0\x0f\x81e4\xbe\x0fC\x87\xaa8\xd3\x88\xd2W\xb2 \x0e\xca\x95\xbd?\x81?u\x03\x0f\xea\x12\xc7f\xcc\xd4\x890\xfd\xf8\xf8o\x85,H\x1a\xeb\xbdI\x9b\x8f\x08So\x96\x800\x83\x92\xe2\x18\xa8\xd5\xc4T^\xecQ\xaaW\x1fD\x9f\xab\xe6\x1c\x10\x95P\xa4\xb6L\x9d\xc7\xdf*c\x91\x0e\xceb\x91?9\x0c\x0b\xac\xcdP\xdf\xde\x91={\xcd\xa8{|\xd1\xe31@\xf4\x8a)dh\xa2\xe5\xfa\xdcS\xb5\xa4\x96\x9dl\x1eh\x04\x88\xdcy$\xff\xb5pz\x1b\x9f\xe6\x08\xd9\x9c\xb0\xe7\x9e\xe8\xc8\xa1\xb2\xf13\xb9\xd5$\x0b\xb7)\x1b\xa6Qp\x9c\xaf\xf8\x8b\x8eu/\x02\xe0\xca\xa66\xd0\xf8\\\xfdu\xa3\xa9\\q\xda\x91\x95\xe7\xa2\xfdd\xc4\xcb\xb8\x86\x8d\xba\xe8\xfc\xb1\'5\x15\xaf\xc8\xe6w\x06\xc2I\xa8\xa7\xbcn\xaf\xba\x1a\xcd\xe3\x08zb\xfc7\xf3^\x13X\xe0\xd7ny3\xa0\xc4\xb2\xd66\xf7Wot\x82\xa5\xe7S7\xe8\x05\x87\xcc\x818w-@\x90\xfbQ\xc6\x16\xbd\xfbz\xd9\xd2\xf0\xfbmmw/\x89N\xe8@\x9e\xb4\x9e\xfc\x8b\xff\x01%\xf4\xb8\xee\xa2:\r\x95r\xf1\x83\r\xd3ntS\x8ecn\x11\x99:\xe1f\xa7\x11\xfa\x98\xcc\x18\x99\xb3\x07\x9c*\x9aeH3\xb4\xb9m\xaa\x83/\xba\x85o\xab\xb4\x80\xd2By$\xa4w\\\xf5\x89v\xbd\xfc\xf5\x7f\xcb\xe9\x7f!\xa8\x17}&lt;&amp;\xc0\x82\xb4O\x94\x0b\x92!\x1d\x89E\xaa\x87]\xc9\x01\xe6bTQ\xdf\xda\x92\xb9\xa17\x0e\x9a1\x01\x82(\xf3\x16\xccs\xa5\xa5S\xe3\xc8\x85\x1f\xce\x01\x8c+i\xc6\xe7\xb4\x0bg\x83\xb6p\x15\x7f\xa7*n\xbbQ&lt;l\xdd?\x88\xf6\xc2I\xd6\xc0\xe2H\x80\xb7\xc9\x9ai\x1aYg\xf2\x1c\xa0\xa2\x15\x04\xb0\x11\xc7\x8f\xe1\xe8\x1atwR\xd5)V\n\xa5I\xcc\t\xa2\x9b\xa4\xdatx\x8b\x95\xc4p\rQK&gt;\xd2|\xddXe\xd1\x13\xab(\x16H^\xc4\xad\xc0\xd1\x1c\xf8\xd5\xbb\xd4\xa8\xb0\x83\xe2\x89\xdd\xb1\x12\xf4x\x16\xa9?\x84{N\xf6\x95\x1c\x17\x9d\xa0\xd7"\'\xf7\xbff\xad\xceO`:\xde-&amp;]\x80\x1b\xcem\x0c\xd0\xd7r@\xfcB\xa5\xad\xf1\x8a\xc1 :%\x01\xdfos\x8d\x15; \xc3\xe3\'\xbb\xf5rzB\xd1\xa1\x02\xc3\xefC\\\xee\xe3nX\xb4\x1d\xcb*\xa30\xe7\x0f\xeb_\xae\x9dg\x02+\xc3\xf4H_~Q\xcc\x89p \xae\x93\x7f\xc66\xf3\xea\xb5\xad\x8f\x1b\xb1\xfbF\xc3q\x19\xc9\x11^]_]\xd5\x81\xdaV\xde\xf4\xec\x98\xb3!:\x10P\x8a\xdc\xf0\xb4\x9e\x8e\xce\x1c\xadU\xce\xa2h\xfe\xec\x86W\xe22\x83\x19\xfb\x13\xf7\x89\xbf\x93}&lt;)\x9c\n\xc3\x7f\x15\x1a\xc8K\x11 \x0f\x98\xb2\xc2\xb3}\x9ct\x1e\x15P\xae\x8f=\xeb@\xad\xf43\xadx\xd6\x02\xf5\xc1w\xb5\x1e\x8a_\r\xdd\xe3\xf75\x9e\x82\xcb\x8e,[8\xe6\x0b6|\xde\xb2.H\x1a\x81\xffsmN\xbb?;\x93\xdc\xf2\x92\'_`\xd2_p\x9a\xb9\'\xe69\x0e\xcd\xe3*HXu\xc5x?\xe5\x91\xdd\x8d\xd3\xef\x9b\x81\xe9\xc1\x94e~O\xb8\xdd&gt;\xa1\xb3\xca\xa00\xf4\xb5`\x8fb\xf5\x91U\x83\x04\x89\xe6E\xdf\x9e\x98\xe7\x80\x0c\x82q\x06\xd8\xf9\x84\xcf\t\xdfs\x08x\x01F\xb0VR8\xfa\x94;\xda\n\x15\xbb\xdf/\xa2\xc9\xb0\xca\x1b\xe4\x1d\xe0\x8d\t\x80f\xeeF&lt;\xda\xae\x88\x18\x85\xfb-/\x11\xf6v\x04\x1c7\x97K\x04\x86\xe4\xab\xda\xb7w\xcb\x13C\xf39Y\xa4]\x84Y\xc0\x08\xa4\xf1\xbd6\xeaW\xb8b\x99c]:\xc8 \x8f@\xea\xba\xcd\x92\xc8\xab\xab+:\xacp\x81\x17\xdd\xe7\x80\x16\xc7\x10\xb4\x1e\xc8\xf6Lf\x02\x9e\xbb\xa6\x8d\x9aP\xa0@Nh\x08d\x07\xdb\x14A\xa8\xef\x14l\x08\x9a\x98\x8fe\xd8\xf6\xabL\xf1\xdb\xe2G\x1b\x06\xb1&lt;\x84\x01\x90Z\x93\xa2\x7fO\x00g\x86\xad\xf3\x84G\x00\x90\x8c\x0f}\xfb\xb8\xa1j\xab^\x97\xfb|\xc8\xd9\xe5\xca\xb3f&gt;\x94\xe0f\xc9\xf5\x81\xc8\xd8\xc4\x13*?W&gt;\x89&amp;\x05\xc4\r\x96&amp;0\x86\xab\xc3\xb7T\xbc?%)\x9f\x14s\x95ln\x96\x10\x18\xbf\x9d\xfa\t!\xba\xe7\x8e\x1a9O\xcd\xd1\x9f\xebE\x14\xd8\xb2\xde\xc2\xab&amp;\x7f!I\x03c\xa0\xaej\xab\x0fl\xee_\x8a\xd1\x8b!%\xcc\xc5\x8a.L\x19\xe5\xe6W\x10R\xeay\xaa\x85xX}6\xcf,\x0c\xb5\x0e*\xfb\x0e\xfe\xbbHQ)\xf8Y#\x05\xee\xa2\x0bb\x0c\x02\x05Xy\x82\xf9\x8d\xd4&gt;\xb7\xd2\x9b?\xe9p\xe4&amp;\xa7g\xcae\xb3[\xc2\xdb\x89\x1d-\xca\xbbW\xaa\x132\x01L\xd9&lt;d\xfa\x16P\xc1\xc8\x05\xdc\xa6\xb1\xe9\xd4\xf3S\x13_\x93\xbd\xf8_Z,\x83\xeb5\x9cQ\x0f\x9e\x8e\x8f\xe80\xb3\xbf\xf4]\xfd\xc7\x0b\x8b\r(\xc4G\xdb\x02\xc6\xef5\xa5\x7f\xf04/\xdb\xdc\x08Wke\xe5\x15!~\x17\x8a\r\x00\xb4\x9b\x0f\xfa\xd6LO/V b\x8afP\xcd\xee\x9dRl{\xd0\xfd\xb4\x97\xf7\xa1\xdcg\xc3\xa9X\xb5\x19mn/\xe6\xa8\xe1\x15k\x88\xf5K\xda\xe9\xdaW\xc6\x82,\xa2c\xa4BY.D\xf4\xea\xd6\xae\r:\x81\xe5\x11I\xaa-\x13\xe6\xa0\xf1s\x98\xce\x8cDb!4(\xe5\xfa\xae)\x87j\x0c\x10O\xfdb;pX}W\x86\xe9\xedY\xd4\x1b\x11&lt;\x8d0\xf6\xe5o\xfds\x85\x88\xabI\xf6\xc4\x17\x18\xab\xef_\xbd;z\xd1\xb4\xec\x15\xe8E\xe2=w\x81\x00ni\xdck\xc2R\xef\xd7\xf7\xeafj\xd1\xf4\xd51\x820g\xe1\x8f6\x86j\xe9\xd7\xe9?\x8d\xcf\xb7\x82\xcc+\xc1f\xfbU\xe8\xe2b\x98B\xf6\xdfq?\xdf\xb0\x91g_\x8d\xcfa\xfb\xcb\xa8S\xe3\x02\xcex\xcd\x14\x8a\x9a\xff\x14\x89\x97\x99\x99\xb9\xaf\x10\xb2M\x13\x0b\xff\xab\x89y1\xf8\xea(\xa6\xd9\x9f&lt;\xb5\x8e\x83W\x8c\x92e*W\x12\xf3\rn\x1f\xcb\x1aE\xe9\x84\xae\xd4\x91\xc2BwA\x03\xbe?^\xf2Q\xb3\xff\x96\x81\xee\xeb\x0f\x85\x0e\xb7\x9a=6[\tK\x1d\x14\xd0RM\xb4\x9eh\x84{\xa0\xf8J:_\xe4\xa0_X\xcc\xe2%\xe5j\xe5\x82\xd4!\x86fo\xa6\xfb\xbdJ\xa5\xd2^\xccP\xb1\x80\xb4\xfc\xa8f}\xda\x18W\xc1L\x02\x16\x8e\xe2\xe0\x85\xc7\x14\x93\x1cu\xdf\x13\xd3\xfb\x82\xe0\xfcWb\x92\xe7\xbc}\x8f\xbfY\xecc\xb2\xd1}\xcdK\x9dh\xbf\xd4\x02\x1eK\xfe\x0cc\xb33t\xf3\xa1\xbez(\x0f\x9f\xe3\xec\xa5\xa1\x1d\xc2"\x7f1\xbc\xfa\xa5&amp;\xbb\xc2:\xaek\xbc\xe2\xb1\xaeB\x19@\x9b\x9dFl\x18U\xbey\x80\xc4\xbf\xee:\xe8\xbf\xf2\x8e\xcd\xe3a\xc8\x00\xf0\xbb\x04\x0c\xab\xb2\x88\x95\x1a\xe4\xa00\x97.\xf5A(T[\xb6\x01\x9eb\xf4\x81Y_\x0fa\x04\xb1\xb0\xa2\x16w\x97}\xff\x7f\xca\x8c\x04\xd7*\x02\x10\xd7\x95P\x03\x8f\x1f\xdc]\n\x01(\x8c\xc1"\x15;\xa7\x80~&gt;lT\xf1\x87\'d\x99\x91\xec\xef\x8f\x9a(x\xbf\xc4T\xa6q\x07\x9e\xea7\xefZ\xb7\x81k\xde\xc9~z\xbd\xad8\x00\xe4\xad\xbd\x18\xd9\x8dP\x88\xecq\xe1\x02\xd2=d3\n=&lt;\xf68X\xea\xe5&gt;\xe7\x95\xf4\xefG2\x1f\xf9yE\x85\xa8\x0b\xb1\xb7\x12\x1b\x17\xe3\x95\x1c\x84I\xf7\xea\xb5Z\x99\x1cQM\xcf\x9c#\xdd1\x1b\xcdH,\xb6D\xe5,I\xb0N&amp;\xe9\x99\xd6|\xf3a\x98\xbe\x9e\x0f\xfb\xcc\xb6\xa8[\x08\xdd\xeaO \x0b`\xc6\xfe~\x84\xd8\x9c/\x93\\\x97(\x99sD-\xae\x1eF9\x89r\xb6F\xab\x10\x0e\xe8\xfed=\xe0\x9ey\x88JO\xc0\x9a\xba\xfc\xf0\x93\x13\xb1%\xc4\xf4\xcd\xb7\xcc\xa0\xf2d\xdb\xeb\x14\xc3m\xddr\xcc\x18\x8a\xc8@\xa7%\xb6y\xbd\xfb\x16\x16\xbf\x1f7 \x97\x12_\x0c\x15\xdd\x0bo6\x05\x7f\xb3C6\xed\xfa\x0b\x02[\x96\xfa\x84\xc5+\x0e\xd4b\xd3\xeb\xcb\xac\xea\x1b\r\xa4\x02\x1ch\xcb*\xdd\xdd\x91\xb6VpX\xc4\xd81\x1b\x8b\xa5\x119\xd31 H\xa2\xb4\xe5h3\xc7\xb3\xec)!\xcb\x89\xae\x9d&gt; \xd8])a\xdbU&amp;E\xb6p|\x1b\xfc\xd4GS\xd7E\x8dCF\x16\'\x8cd\xea\'\x01\x14\x12\x9f\xc9\xe8n\xc5b\x06\xa3\xad/\x033\xadn\xa3&lt;&gt;\xed&lt;#\x04\xba\x97\xec\xe1Oa\xf6\x8f\x1d\xa1BYQ\xd7\t#_u\xcfS\xb6D\x1cf\\(\xb5A\x82\xc03Rq\x87\xf9\xf8n8\x99\xe6\xa2\xc1d\xe3^\xee=\x10J\xb5\xff\x0b\x87\xff\x17\xa8 \x91\xa1\xe4dB\xc6\xf7&gt;y\xc3q\xf9\xaak\xa5\xdf\x05\x9f,\x84|G\xd2\xcb?LAl\xff\x8b^WR\xfdJ\x05\x83\xba\xe4\x82mU(\xf3\xf2\x16\xdd\xef\x9b1S\x08\x0f\xb45%\xce\xaf;\x0b\xbf?\xd4\x05\x10\x9b}'</t>
  </si>
  <si>
    <t>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</t>
  </si>
  <si>
    <t>b']]\xf66\xe1`\rH|\x15E[\x8c\x94 \xa4'</t>
  </si>
  <si>
    <t>a detailed description of the effects of sugar import restrictions in the United States.
 CHAPTER 4 Specific Factors and Income Distribution 69
 International Labor Mobility
 In this section, we will show how the specific factors model can be adapted to analyze the
 effects of labor mobility. In the modern world, restrictions on the flow of labor are
 legionâ€”just about every country imposes restrictions on immigration. Thus labor mobility
 is less prevalent in practice than capital mobility. However, the analysis of physical capital
 movements is more complex, as it is embedded along with other factors in a multina_x0002_tionalâ€™s decision to invest abroad (see Chapter 8). Still, it is important to understand the
 international economic forces that drive desired migration of workers across borders, and
 the short-run consequences of those migration flows whenever they are realized. We will
 also explore the long-run consequences of changes in a countryâ€™s labor and capital endow_x0002_ments in the next chapter.
 In the previous sections, we saw how workers move between the cloth and food sectors
 within one country until the wages in the two sectors are equalized. Whenever interna_x0002_tional migration is possible, workers will also want to move from the low-wage to the
 high-wage country.9 To keep things simple and to focus on international migration, letâ€™s
 assume that two countries produce a single good with labor and an immobile factor, land.
 Since there is only a sing</t>
  </si>
  <si>
    <t>b'0F\x02!\x00\xfe\x8c\x08\xd4_)\xda)\x9d\x93\x8f\x9e?\xa5\x8fJz\xb9\xd5TAF\x06w*rl\xdf\xc7\x90V\xcc\x02!\x00\xf54\xa2h`\xbd\xd5\x17&gt;\x0c\x89\xa5\x14urWu\xc1\xb1\xcb\xd1x\xf2\x14\x19]SW\xcdFK\x1a'</t>
  </si>
  <si>
    <t>3046022100fe8c08d45f29da299d938f9e3fa58f4a7ab9d554414606772a726cdfc79056cc022100f534a26860bdd5173e0c89a51475725775c1b1cbd178f214195d5357cd464b1a</t>
  </si>
  <si>
    <t>b'0F\x02!\x00\xfe\x8c\x08\xd4_)\xda)\x9d\x93\x8f'</t>
  </si>
  <si>
    <t>onomics
 In case 2 the interest difference is the same (4 percent), but it is just offset by an
 expected depreciation rate of the dollar of 4 percent. The two assets therefore have the
 same expected rate of return.
 Case 3 is similar to the one discussed earlier: A 4 percent interest difference in favor of
 dollar deposits is more than offset by an 8 percent expected depreciation of the dollar, so
 euro deposits are preferred by market participants.
 In case 4, there is a 2 percent interest difference in favor of euro deposits, but the dollar
 is expected to appreciate against the euro by 4 percent over the year. The expected rate of
 return on dollar deposits is therefore 2 percent per year higher than that on euro deposits.
 So far we have been translating all returns into dollar terms. But the rate of return dif_x0002_ferentials we calculated would have been the same had we chosen to express returns in
 terms of euros or in terms of some third currency. Suppose, for example, we wanted to
 measure the return on dollar deposits in terms of euros. Following our simple rule, we
 would add to the dollar interest rate the expected rate of depreciation of the euro
 against the dollar. But the expected rate of depreciation of the euro against the dollar is
 approximately the expected rate of appreciation of the dollar against the euro, that is, the
 expected rate of depreciation of the dollar against the euro with a minus sign in front of it.
 This means that in terms of euros, the return on a dollar deposit is
 The difference between the expression above and is identical to expression (14-1).
 Thus, it makes no difference to our comparison whether we measure returns in terms of
 dollars or euros, as long as we measure them both in terms of the same currency.
 Return, Risk, and Liquidity in the Foreign Exchange Market
 We observed earlier that a saver deciding which assets to hold may care about the assetsâ€™
 riskiness and liquidity in addition to their expected real rates of return. Similarly, the
 demand for foreign currency assets depends not only on returns but also on risk and
 liquidity. Even if the expected dollar return on euro deposits is higher than that on dollar
 deposits, for example, people may be reluctant to hold euro deposits if the payo</t>
  </si>
  <si>
    <t>b'0D\x02 #\x80Cm\xfa\x1eWF\x16&lt;2ba9lC\xea\x18\xe9&lt;\x1e\xb5\xf2\xb0\xe5\x8f\x8atk#\xf1\xb4\x02 Ts8\xbb\xe3$wPw\x1e+\xad\xfb\x169\xe6\x97\x8beC\x01l?\x10\xa8\x8fj8\xf7}.8'</t>
  </si>
  <si>
    <t>304402202380436dfa1e5746163c326261396c43ea18e93c1eb5f2b0e58f8a746b23f1b40220547338bbe3247750771e2badfb1639e6978b6543016c3f10a88f6a38f77d2e38</t>
  </si>
  <si>
    <t>b'0D\x02 #\x80Cm\xfa\x1eWF\x16&lt;2b'</t>
  </si>
  <si>
    <t>d Standard and the Great Depression . . . . . . . . . . . . .517
 The Bretton Woods System and the International Monetary Fund . . . . . . . . . . . . . . . . . . .518
 Goals and Structure of the IMF . . . . . . . . . . . . . . . . . . . . . . . . . . . . . . . . . . . . . . . . . . . . . . . . . . .519
 Convertibility and the Expansion of Private Financial Flows . . . . . . . . . . . . . . . . . . . . . . . . . . . . .520
 Speculative Capital Flows and Crises . . . . . . . . . . . . . . . . . . . . . . . . . . . . . . . . . . . . . . . . . . . . . . .521
 Analyzing Policy Options for Reaching Internal and External Balance . . . . . . . . . . . . . . .521
 Maintaining Internal Balance . . . . . . . . . . . . . . . . . . . . . . . . . . . . . . . . . . . . . . . . . . . . . . . . . . . . .522
 Maintaining External Balance . . . . . . . . . . . . . . . . . . . . . . . . . . . . . . . . . . . . . . . . . . . . . . . . . . . . .523
 Expenditure-Changing and Expenditure-Switching Policies . . . . . . . . . . . . . . . . . . . . . . . . . . . . .523
 The External Balance Problem of the United States Under Bretton Woods . . . . . . . . . . . .525
 CASE STUDY: The End of Bretton Woods, Worldwide Inflation, 
 and the Transition to Floating Rates . . . . . . . . . . . . . . . . . . . . . . . . . . . . . . . . . . . . . . . . .526
 The Mechanics of Imported Inflation . . . . . . . . . . . . . . . . . . . . . . . . . . . . . . . . . . . . . . . . . . .528
 Assessment . . . . . . . . . . . . . . . . . . . . . . . . . . . . . . . . . . . . . . . . . . . . . . . . . . . . . . . . . . . . . . . . . . .529
 The Case for Floating Exchange Rates . . . . . . . . . . . . . . . . . . . . . . . . . . . . . . . . . . . . . . . . . .529
 Monetary Policy Autonomy. . . . . . . . . . . . . . . . . . . . . . . . . . . . . . . . . . . . . . . . . . . . . . . . . . . . . . .530
 Symmetry. . . . . . . . . . . . . . . . . . . . . . . . . . . . . . . . . . . . . . . . . . . . . . . . . . . . . . . . . . . . . . . . . . . . .531
 Exchange Rates as Automatic Stabilizers . . . . . . . . . . . . . . . . . . . . . . . . . . . . . . . . . . . . . . . . . . . .531
 Exchange Rates and External Balance . . . . . . . . . . . . . . . . . . . . . . . . . . . . . . . . . . . . . . . . . . . . . .533
 CASE STUDY: The First Years of Floating Rates, 1973â€“1990 . . . . . . . . . . . . . . . . . . . . . . . . .533
 Macroeconomic Interdependence Under a Floating Rate . . . . . . . . . . . . . . . . . . . . . . . . . . .537
 CASE STUDY: Transformation and Crisis in the World Economy . . . . . . . . . . . . . . . . . . . . .538
 What Has Been Learned Since 1973? . . . . . . . . . . . . . . . . . . . . . . . . . . . . . . . . . . . . . . . . . . .544
 Monetary Policy Autonomy. . . . . . . . . . . . . . . . . . . . . . . . . . . . . . . . . . . . . . . . . . . . . . . . . . . . . . .544
 Symmetry. . . . . . . . . . . . . . . . . . . . . . . . . . . . . . . . . . . . . . . . . . . . . . . . . . . . . . . . . . . . . . . . . . . . .545
 The Exchange Rate as an Automatic Stabilizer . . . . . . . . . . . . . . . . . . . . . . . . . . . . . . . . . . . . . . .546
 External Balance . . . . . . . . . . . . . . . . . . . . . . . . . . . . . . . . . . . . . . . . . . . . . . . . . . . . . . . . . . . . . . .546
 The Problem of Policy Coordination . . . . . . . . . . . . . . . . . . . . . . . . . . . . . . . . . . . . . . . . . . . . . . .547
 Are Fixed Exchange Rates Even an Option for Most Countries? . . . . . . . . . . . . . . . . . . . . .547
 Summary . . . . . . . . . . . . . . . . . . . . . . . . . . . . . . . . . . . . . . . . . . . . . . . . . . . . . . . . . . . . . . . . . .548
 Appendix: International Policy Coordination Failures . . . . . . . . . . . . . . . . . . . . . . . . . . . . .554
 20 Optimum Currency Areas and the European Experience 557
 How the European Single Currency Evolved . . . . . . . . . . . . . .</t>
  </si>
  <si>
    <t>b'0D\x02 \x13\xed:k\xb0/&lt;\xbe^\x98\xc5Lz\xb5}\x11\xd8\xc5\x04\xdb\xe9\xf9^i\xadfL\x01*[\x1fo\x02 d.\x95\xe0\x07;\xce{\x0b\xcb\x84\xd3A\xb3n\xb2YRY\xd6\x14Zp\x1f\x11.\x7f\r\xe9c\\n'</t>
  </si>
  <si>
    <t>3044022013ed3a6bb02f3cbe5e98c54c7ab57d11d8c504dbe9f95e69ad664c012a5b1f6f0220642e95e0073bce7b0bcb84d341b36eb2595259d6145a701f112e7f0de9635c6e</t>
  </si>
  <si>
    <t>b'0D\x02 \x13\xed:k\xb0/&lt;\xbe^\x98\xc5L'</t>
  </si>
  <si>
    <t>re were hours when even these failed of their effect; when
 the genius, the taste, the enthusiasm of the sublimest writers were felt no
 longer.
 Her little library being arranged on a high chest, part of the furniture of
 the room, she took out her drawing utensils, and was tranquil enough to
 be pleased with the thought of sketching the sublime scenes, beheld from
 her windows; but she suddenly checked this pleasure, remembering how
 often she had soothed herself by the intention of obtaining amusement
 of this kind, and had been prevented by some new circumstance of
 misfortune.
 'How can I suffer myself to be deluded by hope,' said she, 'and, because
 Count Morano is not yet arrived, feel a momentary happiness? Alas!
 288
 what is it to me, whether he is here to-day, or to-morrow, if he comes at
 all?â€”and that he will comeâ€”it were weakness to doubt.'
 To withdraw her thoughts, however, from the subject of her misfortunes,
 she attempted to read, but her attention wandered from the page, and, at
 length, she threw aside the book, and determined to explore the
 adjoining chambers of the castle. Her imagination was pleased with the
 view of ancient grandeur, and an emotion of melancholy awe awakened
 all its powers, as she walked through rooms, obscure and desolate, where
 no footsteps had passed probably for many years, and remembered the
 strange history of the former possessor of the edifice. This brought to her
 recollection the veiled picture, which had attracted her curiosity, on the
 preceding night, and she resolved to examine it. As she passed through
 the chambers, that led to this, she found herself somewhat agitated; its
 connection with the late lady of the castle, and the conversation of
 Annette, together with the circumstance of the veil, throwing a mystery
 over the subject, that excited a faint degree of terror. But a terror of this
 nature, as it occupies and expands the mind, and elevates it to high
 expectation, is purely sublime, and leads us, by a kind of fascination, to
 seek even the object, from which we appear to shrink.
 Emily passed on with faltering steps, and</t>
  </si>
  <si>
    <t>b'\xf8\xd5\x9fMp\xe9\xa4\xfc\xf0\xc1\xb6;R\xcd\\Z\xd0\xf6\xc7\xd6\xef\xc1\xbe@!sP\x7f\xd3 \x13z\xfdN\t\xcc\xb0\x12z\xf5\x16gs\xf47\x00\x99\x8c[\xbb\xd3\xb2C\xf3\xb8\x18\xa3\xa8\xcc\t\xcf\xc8`\x7f'</t>
  </si>
  <si>
    <t>f8d59f4d70e9a4fcf0c1b63b52cd5c5ad0f6c7d6efc1be402173507fd320137afd4e09ccb0127af5166773f43700998c5bbbd3b243f3b818a3a8cc09cfc8607f</t>
  </si>
  <si>
    <t>b'\xf8\xd5\x9fMp\xe9\xa4\xfc\xf0\xc1\xb6;R\xcd\\Z'</t>
  </si>
  <si>
    <t>blues, 
 but Captain Smollett was never the man for that. All hands were called 
 up before him, and he divided us into watches. The doctor and Gray and 
 I</t>
  </si>
  <si>
    <t>b'\xa3?\xd2b\xdd"\xf91\xd7\x10\xc9\x1fC;\x9a?\x81\xe4Sf\x0c\xd9h\x86^\xefQ\xc2\xdc_\x9fi\x84r\x19\xfb`\xa1j;\x0f\x9ctA\xe0v\x89^\x03\x8f\x11\x06\xb4\ro?\xd1J\x9bjc\xaa?\xee\xa2\x83\x8ag\x1c\xd8\xb7\xdc\xc8=Q\x91\xe1\\\xd3\xf0u\xec\xec\xf3G!\x1d!]\xdc\xf5\xd9\xa5\xa7\xdf1\xf92\xe1\xda\xb6~}%[\xf6\xf2\xbe\xee?\xcb\xa9Z{V\x94\x83\xb20\xfb{\xb9\xb3\xf9\xf6\xf1-z\x9d\x94\xa2\xac}\'\xf1\x0c\xcd\xaf l\x93H\xe9\xab\x81Pv\xf8\xea\x08S:\x90pB\xac\xc9\xd2\xca\xde\xa8&lt;%\x02\x86\xfbJ?\xf2\xad\xb9\xc9x\x12\x1er|5n\xaa^#\x15\x1b!\xc6\xf3\x02,\xfb\x1e\xd39\xb3\x17\x01\x9fv\xf4\xdd\xba\xc3P\xaa\xa7\x1f\xcd\x86QRx\xea2\xc9\xaa\xb3\xcd\xb4\xf0\x1b\xb1\x08\xf4\xb0\x10hK\x1b\xee\x1f9\xd3&lt;\xfb\xb7\xd0\xc3\xb7\x81\x11\xaa\x16\x81\xd9\xb14w\xd2c\x05\x8c\x9d,\xceG\x179\xc0\x0bJ\xdb\x86\x9f\xe8H\xbc\xb1^\x19l\x028joT\xd3\xa4\xb9\x98P\x0b\xd3\x19\xec\x95:c\xe5\x13+ \x8e\xc6\x94]xK\xa3\x82\x0b+\xcf\x9e\xcd6\xb5G\xfc\xfd\xf6@\x94\x12\xb3\x1c\xedx\xe6\xa8[\xe1\xae\xd5\xe1\x11\x17\xd5T,\x94x\xb7\x1cd=f*\xe7\xb2F\x11\xbcO\xb1H+\x14\xe6[\xbce73\x89\xc3\x8c\xca.\xe27\xed6\x86M\x12\x83\x13`\xeeE\xaewiM\xe8\xf4&lt;\x01Yh\\\xae\x8dI\xdb\r\x8f\x83\x0b\xaf*\xde\x89\xf7\x80\x12P\xa5$H\xaa\xac\xd1\x12\xc3\xad\xf2G\xd0\x94x\n\xc7\x8c\xb7\x88\xbcD\x9c\x870I\xee\x8e\xf2\x02)\x04\xcf\x9c\xae\xc1\xf1aev\xd7^\x07r\xf0G\x1e\x98\x8e\x11\xcf\xff\xf5\xac\xc7\xd0\xa8\x17\xbeA\xc8\x15\xb5k\xa1\xc4\xca\t\xcd\x8b\xce\x86\x0f\x1a\x82d6"F\x1eE\x83+\xfb\xfb\x19\xe7\xf4\x9f\xdbwy;\x98\xd3\x95\x98\xf5\xd5\xc6\x1c:\xbf\xf1\x8bf\xf7C\xa5\x13\xbaN&amp;W5\x0b'</t>
  </si>
  <si>
    <t>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</t>
  </si>
  <si>
    <t>b'\xa3?\xd2b\xdd"\xf91\xd7\x10\xc9\x1fC;\x9a?'</t>
  </si>
  <si>
    <t>the soft sand, rolled headlong down the slope. 
 When I had first sallied from the door, the other mutineers had been 
 already swarming up the pa</t>
  </si>
  <si>
    <t>b'\xbc\xa3.\x88\xb1\xfeh\xc5\xcc\'U=\x19r\xe0\tLR&lt;\xa1k\xae\x90i\xadK\xbcz\x05\x96 \x18W\x18\x17 \x89v\x0cI\xf1\xfb8\x85/q\xac&gt;\x8b\xcf\xd4\xde\xa7X2uk\rk\x9a\xac\x01\n\x8ev-\xd3H\xc1;\xc1?[\x80\xad\x888k\xfd\xcaB\xaf\x91\xac\xe7\xad\xf7\x15i\xb4\xa3\xff[\x9ei\xc2\x91\xc63p:x\x8d\x08\xdf\xb1\xedR\xa6\x97~\x1c\xcf~D\x83\xdd\xd3\xed\x06X\x1f\x99&amp;R\x9b\'\x9c\xb14\xb2\x9a\x01~e\x97\x82_\xe3,c0"\xa2)\xc9\x109*c@a\x9d\xe5\xc77)\xbdn\x07n\xfe(o1cG\xe7\x100\xa8\xc9\x8b:-\xd4`\xe9\x970?\xbbl\xae&lt;6\xf12\xc3\xbf\xc0\x8a\x12\x85_\x83\xdf\xfb\xac\xe7\x8aW`5za\\\x9c%x\xcf\x9f^y\'Q\x9d\xf3\xd2\x81rw\xb8#\x05^eU\x10m\xc9R\xc8\xd8w\x9f\x00\xec\x0c\x05\\\xc8\\r9\xc8\xf1&amp;\xd1\xdb\x9f\x01\x10\xd7(:'</t>
  </si>
  <si>
    <t>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</t>
  </si>
  <si>
    <t>b"\xbc\xa3.\x88\xb1\xfeh\xc5\xcc'U=\x19r\xe0\t"</t>
  </si>
  <si>
    <t>t half-past six on the
 6th 7 of November, directed her course at full steam towards
 Japan. She carried a large cargo and a
 well-filled cabin of passengers. Two state-rooms in the rear
 were, however, unoccupied,â€”those which had been engaged by
 Phileas Fogg.
 The next day a passenger, with a half-stupefied eye, staggering
 gait, and disordered hair, was seen to emerge from the second
 cabin, and to totter to a seat on deck.
 It was Passepartout; and what had happened to him was as
 follows:â€”Shortly after Fix left the opium den, two waiters had
 lifted the unconscious Passepartout, and had carried him to the
 bed reserved for the smokers. Three hours later, pursued even in
 his dreams by a fixed idea, the poor fellow awoke, and
 struggled against the stupefying influence of the narcotic. The
 thought of a duty unfulfilled shook off his torpor, and he hurried
 from the abode of drunkenness. Staggering and holding himself
 up by keeping against the walls, falling down and
 179
 7 Towleâ€™s translation and Verneâ€™s original have the 7th, but that
 is incorrect. As weâ€™ve seen, the Carnatic set sail on the evening
 of the same day Fogg arrived at Hong Kong, i.e., the 6th.â€”J.M.
 creeping up again, and irresistibly impelled by a kind of instinct,
 he kept crying out, â€œThe Carnatic! the Carnatic!â€
 The steamer lay puffing alongside the quay, on the point of
 starting. Passepartout had but few steps to go; and, r</t>
  </si>
  <si>
    <t>b'1t\xd6\xe8\xfe##b\xfen\xc3&lt;\xa1@\xd9Z\x81_\x82\xe6n\x7fn\x86\x1c\xb1M\t\xf2\x83&amp;E'</t>
  </si>
  <si>
    <t>3174d6e8fe232362fe6ec33ca140d95a815f82e66e7f6e861cb14d09f2832645</t>
  </si>
  <si>
    <t>b'1t\xd6\xe8\xfe##b\xfen\xc3&lt;\xa1@\xd9Z'</t>
  </si>
  <si>
    <t>w.
 The gaiety of the most splendid court in Europe, the magnificence of the
 palaces, entertainments, and equipages, that surrounded himâ€”all
 conspired to dazzle his imagination, and re-animate his spirits, and the
 example and maxims of his military associates to delude his mind.
 Emily's image, indeed, still lived there; but it was no longer the friend,
 the monitor, that saved him from himself, and to which he retired to
 weep the sweet, yet melancholy, tears of tenderness. When he had
 recourse to it, it assumed a countenance of mild reproach, that wrung his
 soul, and called forth tears of unmixed misery; his only escape from
 which was to forget the object of it, and he endeavoured, therefore, to
 think of Emily as seldom as he could.
 341
 Thus dangerously circumstanced was Valancourt, at the time, when
 Emily was suffering at Venice, from the persecuting addresses of Count
 Morano, and the unjust authority of Montoni; at which period we leave
 him.
 342
 CHAPTER 9
 The image of a wicked, heinous fault
 Lives in his eye; that close aspect of his
 Does shew the mood of a much-troubled breast.
  KING JOHN
 Leaving the gay scenes of Paris, we return to those of the gloomy
 Apennine, where Emily's thoughts were still faithful to Valancourt.
 Looking to him as to her only hope, she recollected, with jealous
 exactness, every assurance and every proof she had witnessed of his
 affection; read again and again the letters she had received from him;
 weighed, with intense anxiety, the force of every word, that spoke of his
 attachment; and dried her tears, as she trusted in his truth.
 Montoni, meanwhile, had made strict enquiry concerning the strange
 circumstance of his alarm, without obtaining information; and was, at
 length, obliged to account for it by the reasonable supposition, that it
 was a mischievous trick played off by one of his domestics. His
 disagreements with Madame Montoni, on the subject of her settlements,
 were now more frequent than ever; he even confined her entirely to her
 own apartment, and did not scruple to threaten her with much greater
 severity, should she persevere in a refusal.
 Reason, had she consulted it, would now have perplexed her in the
 choice of a conduct to be adopted. It would have pointed out the danger
 of irritating by further opposition a man, such as Montoni had proved
 himself to be, and to whose power she had so entirely committed herself;
 and it would also have told her, of what extreme importance to her
 future comfort it was, to reserve for herself those possessions, which
 would enable her to live independently of Montoni, should she ever
 escape from his immediate controul. But she was directed by a more
 decisive guide than reasonâ€”the spirit of revenge, which urged her to
 oppose violence to violence, and obstinacy to obstinacy.
 343
 Wholly confined to the solitude of her apartment, she was now reduced
 to solicit the society she had lately rejected; for Emily was the only
 person, except Annette, with whom she was permitted to converse.
 Generously anxious for her peace, Emily, therefore, tried to persuade,
 when she could not convince, and sought by every gentle means to
 induce her to forbear that asperity of reply, which so greatly irritated
 Montoni. The pride of her aunt did sometimes soften to the soothing
 voice of Emily, and there even were moments, when she regarded her
 affectionate attentions with goodwill.
 The scenes of terrible contention,</t>
  </si>
  <si>
    <t>b';jY\xe4{\xea\x1a\x94\x88Z\xab\xfen\xc5\xfa\xdc\xac\x99c\x95\x8f-\xfc\x14\xac\x10e\xe9\xc4\xads\x15\x8c\x13\x1cUzYR\xcd\x82\xc2\xca\xa0F\x86\xb3\xf4\xd9\xebd\xaf&gt;7\xfd\xee\xfd\xa17\x82\xa8\x94.M'</t>
  </si>
  <si>
    <t>3b6a59e47bea1a94885aabfe6ec5fadcac9963958f2dfc14ac1065e9c4ad73158c131c557a5952cd82c2caa04686b3f4d9eb64af3e37fdeefda13782a8942e4d</t>
  </si>
  <si>
    <t>b';jY\xe4{\xea\x1a\x94\x88Z\xab\xfen\xc5\xfa\xdc'</t>
  </si>
  <si>
    <t>as by 
 my own volition, and I am sure it was without a conscious aimâ€”b</t>
  </si>
  <si>
    <t>b'd\x86\x11\xd7\x14\xf8X\x9b\x1aa\x10\t&amp;\x19\x0c\xff\x9f\x81\x83\xc0\xda*\xb9\xdb\x98\\\xb4\x88\x1e\xe7\xcc\xd9\xb4A\x1b#lXv\'@\x17\x90W~3\x8c\xaa\xa1\x18\x13J\x00\xaf\x07FZ\xa52A\xc1)\x8d\xaa\x0cxvp\x17\xaaI_\x1fk\xff\xed\xd7V\x1c4\x7f\xdc3\xf5\x19\xd9Y\x14\x99\x82\xdf\x00\x86\xabY\xb3\x83\xa3\xa7\xc1\x02:#\x13\xbc\xd2\xee\xa9H\xc5\xfcb\xd2\xb1SR\xe8e\xfd\xf3\xe9k\xc4\xe1\xf3@\xd6\x03\xfa\x8dvk\x98KN\xb5M\xfa\x19\x8e+\x9d\xe6`f\xc2U\xa6\xec\xed\xbd\xb2D\xd6\x8cM\x94bmj%\xf5\xb7&gt;\n \xeb\xcd/\x81\x1f\xb1\xac_\xa3p\x10\xac\xde\xb6\xffi\xc1^\xeb\xf4\x91\xf4\xc0\\\xd5\x9a\xbc\x8e\t\xd5\xf2]\x8c\xd3\x19P*-\xb2\r\xbd\xe3r\xf6\xcb\xedn\x9e\xd7\xa8q\x14Y\x1c\x94\xb8F\xe5\xe8m\x9d1,\'p\x1d\xecWg\xd9\x17\xfbZ\xc6&lt;\xd4\xc9Lv\xe9B\xce\xa9\x8c\x92v\xb0p\xbb\x0cc\n}E\xc6\x86/;.!_\xe9\xc2m\xb2\x9e\x01\x86\xcfR\x18*Y \x0c$\xba\x10\x8a\x00=."\xd3\xe3\x9d\xeb\xe6*o\x1e\x9dN\x14QY\xc74\xa6,\xab\xd2\xfc\x1fhG\x03^b[\x92-y\x7fo\x90&gt;_z\xean\x0c\xb1\x9bj\xdd\xe9\xf9g7`\xd0B\x9dZ\x02~\xa0|h\x9db\x08\x92\xb2\x03E\x92ib\xd5qQ\x99\x1cj\xcff&gt;v@\rM\xe4\x87+\xb4\x85:6\xa14\xdf\xd6\xbf\x93;\xf0\xedd\xc6\xc1\xa3\xf5j\x92\x7f\x1fW\xa4\xde\xaa\x83]\x10\xc4\x80\x97j+\xff~\x95\xb7\x1f\xdfglW\xd0GI\xd0\xb5P\xcd\xc0n#\x8a\x18\xdf4\\{Z\xbb\x83J\x9e\xd4\x17\x8e\x17\x8cd\xa1G\xcdMFM(\xc4\xf0\x9d\xd4\xb0\x01\x993\xa3\xc1L\xba\x1b\x88\x12\xd6\xb1\x1aJ\x98|B\x9eI\xcfk\xcfC\x1c&lt;\xf4};\xe5\xadl\x95\xd0[!\x9c\xb5z\x0b\xa0\xf23ug\xa2&lt;\x98\x16\x92\xc9]\xf2\xda\xf4\xa3\xca\xe6h'</t>
  </si>
  <si>
    <t>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</t>
  </si>
  <si>
    <t>b'd\x86\x11\xd7\x14\xf8X\x9b\x1aa\x10\t&amp;\x19\x0c\xff'</t>
  </si>
  <si>
    <t>rying. Before I could look over the edge it was all dark again, and
 I was glad, because I didn't want to see. But when the next flash come,
 I was watching, and down there I see somebody a-swinging in the wind on
 the ladder, and it was Tom!
 "Come up!" I shouts; "come up, Tom!"
 His voice was so weak, and the wind roared so, I couldn't make out what
 he said, but I thought he asked was the professor up there. I shouts:
 "No, he's down in the ocean! Come up! Can we help you?"
 Of course, all this in the dark.
 "Huck, who is you hollerin' at?"
 "I'm hollerin' at Tom."
 "Oh, Huck, how kin you act so, when you know po' Mars Tom--" Then he let
 off an awful scream, and flung his head and his arms back and let off
 another one, because there was a white glare just then, and he had
 raised up his face just in time to see Tom's, as white as snow, rise
 39
 above the gunnel and look him right in the eye. He thought it was Tom's
 ghost, you see.
 Tom clumb aboard, and when Jim found it WAS him, and not his ghost, he
 hugged him, and called him all sorts of loving names, and</t>
  </si>
  <si>
    <t>b'\x99\x86\x88\x99\xc6\xe5\xee\x8f@\x16\x98\n\x8b/l\xfd\\bGBq\xf8\x14\xec~M\xf7\x806}\xbc\xd6'</t>
  </si>
  <si>
    <t>99868899c6e5ee8f4016980a8b2f6cfd5c62474271f814ec7e4df780367dbcd6</t>
  </si>
  <si>
    <t>b'\x99\x86\x88\x99\xc6\xe5\xee\x8f@\x16\x98\n\x8b/l\xfd'</t>
  </si>
  <si>
    <t>r Ï€ Î² + 1) RE + (
 VA =
 Figure 5.75 Impedance seen at the emitter or base of a transistor.
 Example
 5.39
 Determine the impedance seen at the emitter of Q2 in Fig. 5.76(a) if the two transistors
 are identical and VA = âˆž.
 Q1
 R
 Q
 VCC
 RC
 v out
 B
 2
 R eq R X
 g
 1 RB
 Î² + 1 +
 Q
 VCC
 RC
 v out
 2
 R X
 (a) (b)
 m1
 Figure 5.76 (a) Example of CB stage, (b) simplified circuit.
 13Alternatively, the current through rÏ€ + RB is equal to vX /(rÏ€ + RB), yielding a voltage of
 âˆ’rÏ€ vX /(rÏ€ + RB) across rÏ€ .
 234 Chapter 5 Bipolar Amplifiers
 Solution The circuit employs Q2 as a common-base device, but with its base tied to a finite series
 resistance equal to that seen at the emitter ofQ1. Thus, we must first obtain the equivalent
 resistance Req, which from Eq. (5.291) is simply equal to
 Req =</t>
  </si>
  <si>
    <t>b'\xb6\xa7\x06\x99\xa23;\xf6\x19\xdc\xcf\xc59X\xe2\xae'</t>
  </si>
  <si>
    <t>b6a70699a2333bf619dccfc53958e2ae</t>
  </si>
  <si>
    <t>world is related to trade barriers and departures from
 r US
 e = r E
 e
 2 2The two-period analysis of international borrowing and lending in Chapter 6 assumed that all countries face a
 single worldwide real interest rate. Relative PPP must hold in that analysis, however, because there is only one
 consumption good in each period.
 414 PART THREE Exchange Rates and Open-Economy Macroeconomics
 free competition, factors that can result in pricing to market by exporters. In addition,
 different definitions of price levels in different countries bedevil attempts to test PPP
 using the price indices governments publish. For some products, including many serv_x0002_ices, international transport costs are so steep that these products become nontradable.
 5. Deviations from relative PPP can be viewed as changes in a countryâ€™s real exchange
 rate, the price of a typical foreign expenditure basket in terms of the typical domestic
 expenditure basket. All else equal, a countryâ€™s currency undergoes a long-run real
 appreciation against foreign currencies when the world relative demand for its output
 rises. In this case, the countryâ€™s real exchange rate, as just defined, falls. The home cur_x0002_rency undergoes a long-run real depreciation against foreign currencies when home
 output expands relative to foreign output. In this case, the real exchange rate rises.
 6. The long-run determination of nominal exchange rates can be analyzed by combining
 two theories: the theory of the long-run real exchange rate and the theory of how
 domestic monetary factors determine long-run price levels. A stepwise increase in a
 countryâ€™s money stock</t>
  </si>
  <si>
    <t>b'0D\x02 \x04\xb9J\x8c\xafZ\x16\xc7[\x83w\\\x1dI\xc8J=\xcf\xae\xbd?\xf2\xfd\xe1$\xd7\xae\xda\xd9Q:\xb8\x02 \x13\x9a3\x08q\xc6\xafp\xb3&gt;\xcc\xc8\xbew\x9b\xfc(\xa0k\xbe&amp;\xe5dfQ\x0b\x1e\x94(\x08\x0e\t'</t>
  </si>
  <si>
    <t>3044022004b94a8caf5a16c75b83775c1d49c84a3dcfaebd3ff2fde124d7aedad9513ab80220139a330871c6af70b33eccc8be779bfc28a06bbe26e56466510b1e9428080e09</t>
  </si>
  <si>
    <t>b'0D\x02 \x04\xb9J\x8c\xafZ\x16\xc7[\x83w\\'</t>
  </si>
  <si>
    <t xml:space="preserve"> 19.5 Diagramatic representation of the mechanism of hormone action :
(a) Protein hormone (b) Steroid hormone
(b)
2024-25
250 BIOLOGY
only one hormone, while pars nervosa (neurohypophysis) secretes two hormones.
The pituitary hormones regulate the growth and development of somatic tissues
and activities of peripheral endocrine glands. Pineal gland secretes melatonin, which
plays a very important role in the regulation of 24-hour (diurnal) rhythms of our
body (e.g., rhythms of sleep and state of being awake, body temperature, etc.). The
thyroid gland hormones play an important role in the regulation of the basal
metabolic rate, development and maturation of the central neural system,
erythropoiesis, metabolism of carbohydrates, proteins and fats, menstrual cycle.
Another thyroid hormone, i.e., thyrocalcitonin regulates calcium levels in our blood
by decreasing it. The parathyroid glands secrete parathyroid hormone (PTH) which
increases the blood Ca2+ levels and plays a major role in calcium homeostasis. The
thymus gland secretes thymosins which play a major role in the differentiation of
T-lymphocytes, which provide cell-mediated immunity. In addition, thymosins
also increase the production of antibodies to provide humoral immunity. The
adrenal gland is composed of the centrally located adrenal medulla and the outer
adrenal cortex. The adrenal medulla secretes epinephrine and norepinephrine.
These hormones increase alertness, pupilary dilation, piloerection, sweating, heart
beat, strength of heart contraction, rate of respiration, glycogenolysis, lipolysis,
proteolysis. The adrenal cortex secretes glucocorticoids and mineralocorticoids.
Glucocorticoids stimulate gluconeogenesis, lipolysis, proteolysis, erythropoiesis,
cardio-vascular system, blood pressure, and glomerular filtration rate and inhibit
inflammatory reactions by suppressing the immune response. Mineralocorticoids
regulate water and electrolyte contents of the body. The endocrine panc</t>
  </si>
  <si>
    <t>b'j%p\x1c\xc7pHe\x9a\x92a\xcbxG\x02\xb4\x1b"\x8d\xc7\xef\xb5\xd5R\xf3\xc4!\xeaG\xe8B\x94t\xe1ZA\xaf,T\xef\x16\x161.P\xb1e\x83o\x9e{\x91\xdc\xaf8\x86O\xd0\x13\t\x8c\x0f=\xf7\xc6H\xd0\xeb=\x0c\x82k\xa9\xde\xbbR\xa0\x7f_\x19^\x11D\xa6\xb4\xe5\xa4\xf1naM\x01\xeb6\x07r_\xa9\xf2\xfe\x8d\xe1-"T\x08\x92y4\x90\x96\x17\x05\xc8j\xfb:_D\x17\x8aN\xef\xcd\xd88\x88(\x9d\x15xmE\x9d4\xe9zk\xcas\xda\xedI\xfa\x86o\xda{\x97p\xa0\xda\xdd\x96e\x1a\xf0\x1c\xf5"\x11\xc0\xee\x9d\xcc\xf4\x1c\xbf\xb3Z\xad\xf1Y^\x9d\xd2R\xe8~\x0f\xeaS\xc0\x93\xe1\x8e\xba-\xee\x97\x85\xa8$\x8e&amp;\xfd\x14q\x9a\x1e\xeez\xdf9\x99\xb6\xd4LH\x18\xe8M&amp;\x8e3\x14J;\x988\xf0\n\x95\x92\xf5\xe3\xec8&lt;\x8e4qQt"W&gt;\xea\xdc\x9a\xe1x\xdd\xb6\xf1&lt;\xdd\xc8#5m\x7fNCH\xaa\x1fK\xd9#\x86\xf3L\xc7%w\xc4}A;\x7f\xb4-2\x96H\xfc\xb9\x81\xf0L% K\tH\x10v[\xa7u\x88"8\xdf\x88\x8em\xb2\xaf\x7f/\xfeP\xe4h\xa4`\xa2\x85o\xa1tz\xb18\x96W\x91P\x9b\xf1g\xc3{\x896\xae\x0f\xad\xb4\xbf\xc9I8\xbcD\x1c&lt;\xde\xfaI\xcb{[\xedP\x80\xed\x8e\xf4\xbenNHl@\xd8gz\x8eO\xa3v\xbe\xb9-\x1a\xd4H\xc0/`\xe3\x00\xeb\x86\xac\xe1q\x0cJ\x05\x8f\x08\x8a\x89@\xb35\xa7\x01\x9d\x11\xe6\r\x015k\x8e\x04W\x1a`\xc5\xd6;~\x82P\xe0P\x00\x11\x02\x1e\xfa\xfa\x16\xa0\xbb\x9cA\xec\x11Lx?\x01y\xc3!\xa4\xfbO)]\xd9\xfaX\x1de!!\xbd\x7f\x08\x98"\'lp3#\xb9L\xa4{Ku\xe3\xc5C\xefok\x91\x1e\xe4\xe2\x85\x03\xf4y\x10\xfa\x9e@!\x8e+\xec\xa7\xf2r\xd4\x1f\xcb\xa3=\x87_\xef&gt;\x84\xa7A\x8dH\xa5\xdcsz\x96\xb1\x0c\xf8\x83T\xd3\xc9\x81t\xa2K\xe3\xed\xb4\x8a+\xdfc\xe9n\xae\'\xce\xe4\xa7~\xca=e\xb5\xf4\x80o\x8e\xb1\xcd\xf8\xf3N\x81dn\xe2\xb7\xe1\xed\xa9\x80F2\xd87n\x97+\xee\xe9\xeb\xb7\t\xe7\xd3\xed&lt;L\xfe\x12:\xd36jJ\xea\n\x04osE\xc5T\xde\x81\xdc\xd4O\x1c\xa7HA\xef^+\x10\xf2\'\xe7\xdf\xd7/\x07\xf4\xf5\xc0&amp;#P!(9u\xfd\xcf\xca{\xcb\x9a\xcc_\xd3\x05@\xbf\xad\xa4\xe7\xd5\x97\x852\xd7tA\xf5\x01\x82\xe4\x0b2\xeezY\xc7\x8b\x1c\x8aM\x99\x7fM\xa9\xaf\xf2\xa5\xaa\xc9\x83\xdf\x8f\xc2\x00\xf8\x02[\xe1\x8f\xfb\xbd\x15H\xaf{\x19\x1at\xd11\xc8;7\xd6\x1b\x8e\xeb\xe0\xdd \x8c\x17\x1e\xd2g\xaa@9r(K\xb4%\x1c\r\x14f\xeft\x00\x07\xdf8\x90\xf8\x89\xf6](DD\x16\x88P\x17\x08M\x0f\x13\xf0h\xbc\xe3BK\x91\xbd\xd8N3.0\xed^\xc6&gt;\xdd\x88 l\xfa\x91P\x88\x84\xb1\x8aV\x92k\xb9S\x1fs\xa6-1\xa6\t\xb9d\x90oz\xb2\x82\xea\xfe\xda\x99\xca\xb1r\xe5\xabN(\x1eM\x89\xf4*\xcc"3\xd1Bub\xefA\xd1\x88u(\xce\x08Q6\x17\x9fEj\xebiaj)\x8d\x15\xd1\xfd|*\xbbF%\\\xe5\x93!\x83\xcd^}wr\x96\x85k \xa2s"\x0fI^ES%\xb2)\n\x05l\xeb\xc9\x1e\xd7whb90\xba|e,\xa5Y\x19\xe0\x8dau\xff\xc3U4\\\xefj\x989\xceRE\x11\xa6DVQ\xec9o\x94\xb9\x8a%\xb1\x8e\x06E\xa0\xfa\x16`\x13&lt;Z\xe7/i\xc4\xce\t+\x98\xa5I\xb2pmb\xe1:}\x1a;l/!S&gt;\xb6\xa9\x05\xd9\x19t\x93\xe2\xb5n\x1ba\xcb\xae\n\xa8\x97A\x10\x18\xfc\xb2\xbba\x00\x88\x04\xee\x9c\xe9\x10\xc7\xeaTx|\x18\xd6\x19aPd\x91&gt;ex\xc9\x80fB%8\xdb\xdd\\,X\xd3~.\xadn\x90\x85\x91\xef^\xf8\xc2\x94t\x14\xba\x9d\x92\xe7\x94\x97]\xb6\xcfu&gt;\xfd\xf2r.\xbdC!\xac\xe9\xb5\x83\xe96\xd9\xea\xb8\xcd\xbe\xa2\xe4;wy\x9c"\xea1\xb6%I 2\xaf\x88\xc2;\xf7Z\x95&gt;\x15\xce\xdd\xb6\xd9P2U\xb3\x05\xe0\xc0\x04\x11\\\xd6\xee/\xbd&lt;\x00\x0e\x94\x84H\x80\x85\x8eN\xb2;\xe8\xabs\xcdOT\x1aM\xab\xf6\xbf?\xbc\xad\xd6\'C\xec\xe4r\x0b8;\xa6~Y\xbc\xc0\\$E\xab\x9c\xc9\x9bb\x15\x0e\x01p\x19Y\x8b\x89\x01\x90\x04\xf3%bW\x1c\xf7\xa8?\x7fh\x06\xff[\x01\xd9\x05\xc7\xc4n@\xdf\xa1\x81\xa6\xe3\x19\x15\xb9\xb6\x11}\x12\xc4\xb0j\xe5d\xfc\xd4\xd2\x85\xcd\x13M\x85s\x9f\x10\x06\xb7\x13\x17E_\xfd\x82\xbe\xe4\x12\x05\x83\xb8c&lt;\xeb\xaf\xd6J\x88\x8dB\x879\x96M\xf6\xdd\xcd\x99\xd1\xf8\xbc\x02\xe3\xe4nQ\xb7\xd1l\x03\xd1\xa61\x88(7;\xa8\xab\xf3\x97\xfa1\r\x00\xf4y\xe7\x99\x8a\xa7\xe7!R\x85p\rj9\xd8\xfdW\x81f\xf7\x13mhL\xa5\xf7\xb0b&gt;\xe0:\xa1,\x0c\xdca0\xbc0\xb3\x84n\xfd\xa7\x9f\x89\x9f\xa8\xe2\xce.t\xdbs\xfe\xb3\x00?\xedx\xff_\x90\xa4Y(0?\x1b\x91\xfd`\x17\xb0\xb4 &amp;2\xfej\x00\xab\xfa\x95\xc5\xa5\xf1\xdfM%x\xbb\xc1_\xbc\xd7\xc7lU\x06\xd9\r\x00\xce\x14\\\xf5\x96\xff\x04\xcc\xe4\xd2\xddl\xfc2\xf7\x7f\x9e\x98\x12vA\x0b\xd0\x80\xf4\xf3\xe7\x0c\x0e\xc4k\xa7\xf3\xd27\xb4\xceJ\xe3\x98\x1e5\x0f\x99\xcc!1\xa3_\xd1/B\x92:{\x1ea\x9cX\xbaP\xa8%\x9cF\xb8\x10\x0e\x8a\xd9\xae\xf1[\x05/\xd7\xfe\xfaam\x12\xbe\xfa\xec\x81N\xd0\xc7\xd8\xf1\x06\x94\xaf\xab6\xad\xd6V\xe4\xb2\x8c\xe3.\xc4\xa7\xac\xea\x98\xc9\x03\xd1\xd8,.\xdd\x92\xa0\x1e!I\xc1\x10\xeba\xf3\x8f\xf8\x1b|~ou\x80y\x80\n\xdd\x18\x9b6\xd4=\xcd\x0eI\xd0\xc7\xdeQ\x04\xbb\xb1\xb9\xfc\x8ck9\x16P\x8e\xbb\x91\xf0\xd4+\x13\xaf\xc7\xe5\xb8R\x83\xc0j7\x0f\xb0\xfe?\xe2\xf2\xf3-K&lt;\xaaja$a$\xc8\x81\x9d\xd8\xb5t\x92\x7f\xe6\x9e|jl\xe6\xfc\x1f\xae\x84\xabT\xa3\x08d*\x13\x1a\xcf@^\xe3\xca\x98\xdek\xa1wQ\xc3\xb1\xbd=]=\xb7\x9a\r\x94\x82\xbe\xca\xef\xdaFQ[\x88G\xa1\xe0W\t\xa8\xeb\x90\xee\xd2\\\xb8UF\xb0V\xc44$\xd4\xa0r\x1f0\xf7\xfe\xc8\x00%,r/\x9cvvl\xceI\xebb\xbe,\xe6\xdewgi\xf4\xb6\xffl\x03\xf7\xb1\x9d\xd6D\xda\x81\xf2\xd5\xd9\x9e\xea\xc1o\x15\x97\xa3\xde}\x1by^\x1aC\x93\xc1z&gt;\xe1LVnw\x17\r\xc8b\x9e}zV\x04\x14\xc9\x9f\r\x1bX\xd1`\xb2\xe9f\xea{\xe4#\x04\xc6\x8b\xdd=\xe1X\x93\x16\n\xca\xe8d\xadb\xc4\xd6,\x038:\xb8\x02\xce \xa5\x16X\xfe\xe2\x06T\xb5\xe0^\xa9\xfe\xa9\xe4\r2R\xfe\x01\xba4\xa12\xee\xebp\xab\xc0\x87\xf7\xda\xc2\xcda\xe9hS;%.\xcdz&lt;\xa4%\xca((\x1b\x03\xa0\x9e9\x80R\x0c&amp;\xc6s\x9d;\xbd\xef\x88\x0c\xa1\xcc\xe8\xfd\x1c\xb2\x94\xe4\xf6t\xf6\xda\xf8\x05X\x95\xd8"\xc3[&amp;r\xd2\xa9\'2z\xe5M\r\xeep\xbd\xcd\xb0\x9f\x8fP\xa6\x01\x8bJ\x9eu8Z\xdap\x86y\x80\xe2#\xce\xe6\r\xcdA4\xbdV\xa7\xc5\xcaC\x9d"\xf2|\xd2\x7f\xa6\xc2\x9b\xb9\xb0\xb2\x1f\xc9\x86\xcb\xb6\x8b\x14\x0c\xfb\xed[\x10\x8e\x97r\xc3\x10\xd1N\nrZ\xe5},\xd1\x14\x0f^\xb4\x06\x1f\x0ev\x8e\xa5#\xaa\x15\xf7Qc\r\xdf\xb6\xc8\x0b\r\xf9[\xc1\x180q_\xcd\xf4\xb8\xdf\xae\x84\xa5&amp;\xbd\xa9\x97\xd0\xc9\xa3\xce\x92\xf4\xcf\x12\x94Q\x8bpA\xb5\'bc\x1bK\xfe\xd0X1}2\xd6#\xf8.\xd3\xde\x85gl&lt;m\xb5\xf3\xc6\xaa\xb6\x0e\x00\xeeM['</t>
  </si>
  <si>
    <t>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</t>
  </si>
  <si>
    <t>b'j%p\x1c\xc7pHe\x9a\x92a\xcbxG\x02\xb4'</t>
  </si>
  <si>
    <t>e IC = 2 mA, VBE = 754 mV, and
 RC â‰ˆ VCC âˆ’ VBE
 1.1IC
 (5.85)
 â‰ˆ 475 _x0002_. (5.86)
 Also,
 RB = Î²RC
 10 (5.87)
 = 4.75 k_x0002_. (5.88)
 Note that RBIB = 95 mV, yielding a collector voltage of 754 mV + 95 mV =
 849 mV.
 Exercise Repeat the above design with a supply voltage of 2.5 V.
 5.2 Operating Point Analysis and Design 191
 Q1
 RC RB
 Q1
 R B RC
 Q1
 R 1 RC
 R 2
 Q1
 R 1 RC
 R 2
 Sensitive
 to Î²
 Sensitive
 VRE R E
 I 1
 Always in
 Active Mode
 to Resistor Errors
 Figure 5.23 Summary of biasing techniques.
 Did you know?
 The self-biased stage incorporates â€œnegative
 feedbackâ€ to stabilize the bias. For example, if the
 collector voltage tends t</t>
  </si>
  <si>
    <t>b'/\xc4W$\xec\x92\xfd\x80\xfa\x8f\x97\x05Jzg\xd7'</t>
  </si>
  <si>
    <t>2fc45724ec92fd80fa8f97054a7a67d7</t>
  </si>
  <si>
    <t>of our thought
 process thus far. The mysterious device generates an
 output equal to the input for positive half cycles and
 equal to zero for negative half cycles. Note that the device is nonlinear because it does not
 satisfy y = Î±x; if x â†’ âˆ’x, y â†’/ âˆ’y.
 t
 t
 x t( )
 (ty )
 Figure 3.2 Conceptual operation of a diode.
 3.1 Ideal Diode 61
 3.1.2 Ideal Diode
 The mysterious device mentioned above is called an â€œideal diode.â€ Shown in Fig. 3.3(a), the
 diode is a two-terminal device, with the triangular head denoting the allowable direction
 of current flow and the vertical bar representing the blocking behavior for currents in the
 opposite direction. The corresponding terminals are called the â€œanodeâ€ and the â€œcathode,â€
 respectively.
 D1
 Anode Cathode
 I X
 Forward Bias Reverse Bias
 Hinge
 Valve
 Forward Bias Reverse Bias
 (c)
 (a) (b)
 Stopper
 Pipe
 Figure 3.3 (a) Diode symbol, (b) equivalent circuit, (c) water pipe analogy.
 Forward and Reverse Bias To serve as the mysterious device in the charger example
 of Fig. 3.3(a), the diode must turn â€œonâ€ if Vanode &gt; Vcathode and â€œoffâ€ if Vanode&lt;Vcathode
 [Fig. 3.3(b)]. Defining Vanode âˆ’ Vcathode = VD, we say the diode is â€œforward-biasedâ€ if VD
 tends to exceed zero and â€œreverse-biasedâ€ if VD &lt;0.4
 A water pipe analogy proves useful here. Consider the pipe shown in Fig. 3.3(c), where
 a valve (a plate) is hinged on the top and faces a stopper on the bottom. If water pressure
 is applied from the left, the valve rises, allowing a current. On the other hand, if water
 pressure is applied from the right, the stopper keeps the valve shut.
 Example
 3.1
 As with other two-terminal devices, diodes can be placed in series (or in parallel). De_x0002_termine which one of the configurations in Fig. 3.4 can conduct current.
 D1 D2
 A C
 B
 D1 D2
 A C
 B
 D1 D2
 A
 B
 (a) (b) (c)
 Figure 3.4 Series combinations of diodes.
 4In our drawings, we sometimes place more positive nodes higher to provide a visual picture of the
 circuitâ€™s operation. The diodes in Fig. 3.3(b) are drawn according to this convention.
 62 Chapter 3 Diode Models and Circuits
 Solution In Fig. 3.4(a), the anodes of D1 and D2 point to the same direction, allowing the flow of
 current from A to B to C but not in the reverse direction. In Fig. 3.4(b), D1 stops current
 flow from B to A, and D2, from B to C. Thus, no current can flow in either direction.
 By the same token, the topology of Fig. 3.4(c) behaves as an open for any voltage. Of
 course, none of these circuits appears particularly useful at this point, but they help us
 become comfortable with diodes.
 Exercise Determine all possible series combinations of three diodes and study their conduction
 properties.
 I/V Characteristics In studying electronic devices, it is often helpful to accompany
 equations with graphical visualizations. A common type of plot is that of the current/voltag</t>
  </si>
  <si>
    <t>b'\x02\x7f\xc6!\x0c7M\xc5p\xfc\x86\xb7\xdc\xfet\xd7'</t>
  </si>
  <si>
    <t>027fc6210c374dc570fc86b7dcfe74d7</t>
  </si>
  <si>
    <t>t, or the evil one, or something worse, if anything 
 can be; and upon my word, I felt sorry to see him all in a moment turn so 
 old and sick. 
 "Come, Bill, yo</t>
  </si>
  <si>
    <t>b'U\x95\xcanYz\x17_\x17\xbdK\xaf\xfc\x9c2U\tP\x13Z\x94\xb9+Pr;\xfbCH\xf2yx\xf2\x0c\'\x990u\xe1\xd08R\x81|=\x1bw\'BP[\xfc\xe5g0d[xC\xb51\xb2\x013_\xb1\x9ae\xdfV.A\xa9\x1b\x0f\xbe|+;m%\xcfA\xa2\xce\x9dt\xa0F1\xdf \xf0;\xdc)2\xf8S\xc4\xber\xe1{\xd5\x10\x8f\x87\x18\x8e\x92\xac\r\xca\xcf\xee\xc1\xe84\xd4\x95j\xd0X\xf4\xff\xe0p\xe2\xb7\xa3y\x03\xef\xeb\x14o/uFp\x8c\xdf\x1b\xd4u\xc5\xa8\xc5\xbd\x89\xb5"^9F}"\xbb\x97R\x86\x15c\xaaUyq\x156&lt;k\xdb\x15\xae\xd6.\x7f\xae&gt;\xd2V1.K\x99\xfa\x8e\xb1\x108\t\\\x15\xaau=\xd7D\xb8\xb6\xe8\xaf\xce}\xab?\xe9\x01;\xa0\xcf[\xd4P\xe5\x88L\x11\xeb[5\xf1\xe2\xf6\xac\xa3\xcb\xbc\x97\xe8T\x8b\x9fSC\xcb\x83\xfd\xaf\xa0\xcd\xad\xebK\xed0&lt;\xad\x99\xde\x92\xc5\x07\x05\xa3'</t>
  </si>
  <si>
    <t>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</t>
  </si>
  <si>
    <t>b'U\x95\xcanYz\x17_\x17\xbdK\xaf\xfc\x9c2U'</t>
  </si>
  <si>
    <t>stening to, 127â€“128
 relationships with, 152â€“155
 selecting products for, 31â€“32
 customer testimonials, as advertising, 126, 136
 D
 debt, good and bad, 69â€“71
 decision making
 during The Grind, 166
 for starting business, 35â€“38
 design features, 50
 Diamandis, Peter, 50
 Diesel, 5
 diffusion, 9
 disruption, 176â€“177
 documentation
 of company development, 136
 of product development, 87, 91, 167â€“168
 Dollar Shave Club, 10â€“12, 59â€“60
 Drucker, Peter, 28
 Dubin, Michael, 10â€“11, 59â€“61
 E
 Element 26, 130â€“132
 email lists
 advertising with, 149
 as communication channel, 156â€“157
 of Native Deodorant, 43â€“44
 of NeatPack, 57
 for prelaunch audience-building, 84
 Empathy Wines, 77â€“79
 endorsed traffic, 151
 entrepreneurial mindset, xxix, 13â€“21
 affected by past events, 14â€“17
 taking care of yourself, 18â€“19
 taking responsibility, 17â€“18
 work and freedom, 19â€“21
 and work required to realize dreams, xxvâ€“xxviii
 entrepreneur spotlight
 on brand, 143â€“145
 on customers, 39â€“41
 on funding, 73â€“75
 on growth, 130â€“132
 on launch, 114â€“118
 on product development, 55â€“58
 on revenue, 162â€“164
 on â€œstacking the deck,â€ 95â€“97
 EXO Protein, 156
 eye health business, 89
 Eyelove, 129
 F
 Facebook
 audience-building with, 68â€“69, 82, 84, 128
 as large brand, 4
 micro-influencers on, 85
 premarketing on, 56
 for product research, 31
 rapid changes in, 86
 running video ads on, 126
 FBA (Fulfilled by Amazon program), 2
 FedEx, 40
 feedback
 in growth, 124â€“125
 increasing sales with, 128
 during product development, 50
 used by NeatPack, 56â€“57
 Ferriss, Tim, 7, 8, 20, 69, 78, 156, 185
 first-sale feeling, 100â€“101
 Flexible Dieting Lifestyle, 93â€“94
 focus
 on core competency, 117, 164
 on customers vs. competition, 107
 maintaining, 44â€“45
 Folgers, 2
 Four Sigmatic, 7
 Franciosa, Jason, 130â€“132
 Franklin, Benjamin, 183
 freedom, 19â€“21
 free samples, 99â€“100
 Fulfilled by Amazon program (FBA), 2
 funding, xxx, 59â€“75
 crowdfunding, 67â€“69
 and custom</t>
  </si>
  <si>
    <t>b'\xc5\xb2"\xfd\x05\xb9@\xf5F\xd8\x1b70k\x98\xfe\x04n\x03\xcf\xa2\x83\xd38\xeb\xday\xf46\x02\xdb\xc1nZ\x9e\xf5\xf3\x06\xcd\x07_\x9f\xa8\xf4)~\xab\x01u\x19a\x03o\xfe\x7f\xd4\x892\xc7\xc9\xd5\xc6\xca\x1a\xa6\xf41\x7f\xc1o\xd9\xba4B\xcb\xc9\x8e\xe9\xd8l\x83\xd5\x933\xc0\xa0:h\xfbf\x1d\xcfQ\x84p]\xe7\x1b\xe8\x133\x10\x8d\xdf\xbb\xcf\xd0\xd5rX\xca8L\x14x\xaf\x99\xbc\xf2)\xbb\xbb\xa3\xb6b\xa3L\x0e\x08\x10J\x87c\xcb\xf7\xe4\x83\xa8\xd5\xf3\xc6)\xc4\xb7m\xea\x05\xa1\xc5\xacx\xc5\xd7\xdc\x19\xf57\xa5wC,_e\xaf\xc8\xa7\xceFC\xc8W\xc8@\x8e\xb4\x12\x83]\xe7\xac\xe5\xa7 \xca\x90A\x1a\xfb$\xf5\xf9\xb9Vz\x0b\xdd\xbd\x8a\\\xdc_\x98|\x82\x9e\x9c\xf4\xc4\t\xa6\x1b4\xb9\x8a\xd7\xa1\x98A\x17\xf7!\xe1\x18\xa5\x13d\xa3\x8f?H\x0f\xc9\x18e\xbd\x8a\xf0\xa4\x0b)\xe5\xf6\xf3m\x18\x9b\xf8q\xdc\xfe\x18\x8aW\xee\xe8\xa7\x01jTC&gt;\xfe\x99^\x8e\x94\xea\x9f\x00#\xee"\xde\x1b\x9a\x14A~wXW\xab\x9fA\xa6\xba"&gt;\x03\xeb\xd9\xaaK\xa13\x95\xbe\x17\xbe\xfd/\x03\xea:\x12\xb0\xe1\xecL\xeb\xd4\'\xc2\xca\xae\r\x9aFn\xd4\xa3\x93\x87\xa0\xd7;\x0b\x02\xca\x1c,#)\xa1\x1d\xdd\xb3\xaf\x9c\xf5k\xc6bm/B\xb2\xd45\xc7\xcc\xa3\xdf\xfb\xf3\xdf\x0c\xb9\xaf\xca\x15\xc0RC;\x041\xea\xfc\xff\x94:\xafW\xed\xb5\x92^Z\x97\x0b\xc1`\xbf;R\xd4C\xf8|\x15\xe1l\xe6\xda\xef\xcc\x8fMM\x85k@\xccr\x180\x87V\xbf\xffR5\xc5\xd1#4/\x8bG9N\xdeK\x19[3G17\xbd_\xc5\x02\x87X\xf9P1eqW\x939R\xc1\xb9i\xc1`j\xa1\xfe\xfc\xf95\xdd\xd7q\x96Xv\xe1\xac\xf1\xdb\x11\'\x83\xd6z\xf8\xed4U:c}\xd8\xcc9\xd4\x03\xb3\xde\x97U\xeeB\x0f\xceA-\n\x0b\xcd\x1a\x96\xc8\xa2!\x10\xeb?n\xbf\xf1=\xa1\xb8\xe06\x86R\xd9\xe1\xf0i\xce0\xf4\x9cI\xf7\xa1/t\xd7\xb7\xa4\xdf\x9f~&gt;\r\xe6\xf1Q6\xf3\x89\x04\xdfp\x8e\xf2\xd40\x85\xeadXW\x80\xd3f\xbb\xb4X\xc5\xbem\xb7\xf5\xc6\xcd\xb3&amp;\xe0\xa4&amp;&gt;\x19\xb5\x82\x8e\xdd\xe9o\xfb\x98\xf3\x07\xbd@\x15)}N\xc8\x85\xea\xa7f\xe3\xbc\xf2\xaae-9\x81\xabu\xcf\x87\xe93\xaf\x15_\x1d\xb3%}3\x97K\xf7\xe2p\xa1V[\x8c\x01\xf9:\xdfq\xa2\xb8\x1c\x01\xbbD\x89=r\x07u\xb47H.\xd3\x94\xb3\xeb\x03\xda\x80#\x07.[2\xd8\xb9J\x80\xa0\xfd\x90\x0c\x1d\x16)\x8b\xba?\x80\x06|\xc2\xf0\x07h\xe6\xfe\xa9{\x8d\xd9\x8c\x8c\x13\x82\xa9o16"\xca7\xa9\xc1\x8a\xb15C\x954\xf3\x877Wo)\x80;\xf8/1\xe5M()N\x19\xe2]`\xf1M0U\xa4@\x10)\xce\x06/\xb0=\xb1\x0f\xc1[\xceUli\x13T\xcc\xa0\xe4R\xbbJ\x153\x7f:$\x95q\x92a\x81\xc7f\x00@C\xedC^\x19\x00)\x81\xd7k\x0cs@\x86\x04\xee,\x81]\x9daH\xac\x1b\xb5W\xad\x91|\xdb[\xa4\x8b\x96\xa3\r,`\xa7h\x8b\x16\xe7Y\x1e\xd8\x0b\t\x9av\xe1Z\x94\xe5,2\x9d\xa4\xa2\x17\'*\xe2\xb8\x0f\xedf\xbam,G\r\x9d\xb9g^\xb2\xa7\x04G\x13\x89\x97\x9fl\xdc\x85\xbb\x902\xb7\\c\xdf\xf7s\xc2W\xba\xef\xb7t\x99\xff\xc4\xd9\x98g\x10\x1a\xc2\x8eNSW"\xeb\x95K\xc8\xe7\xa4S\xd1\xc8\xc4\'\xf6\x1e\xa9=\x89\xab\x17\x97 \xd1w\xb2O|z\x0e\x0bO\x98\xe1\x12\x89.f\x10\x05\xa7[;\xe2q"s8O\xf4)I\xf3$\xa9\r\xe3\xb7X)|l\xb5\x00A\x8anc\xe7\x7f\xdbP\xba\xc7\xc25\xaf\x89\x1a\xd51\x17\xbe(q{\xe95\x9bBa\x8b5\xc7\x92\x19\xb3d\xedk\x82\xad\x04\xdc\x96\xcc\xa4v\xb5s\x8e\xfb\xc0\x1e\xf3"F\xae\xae4\xb6u9|\xbf\x82\x02\x17\xf9\'\x9a\xc4\xd1\x01;_\xfdF\x87\x9bnT\x9a\x1e"\xda\x83\xf6\xbf\xfcv\xca\xf1\xd2\x87\x11\xbdDR\x97\xe3U\'Q\x0f;\x08\x91NUF\xbc(\xd8\xda\xac\xb9@4#@\x00\xa6-\n\xfe\xcd\xd2\x92A\x81&gt;\x1a\x16\xd0\xed\xf9VH\xf5*\xca\xd0\xb3\xc8r9\xe6u\x94\xf0:_\xfdR*\x91\xe3\x06JY\x0f\xc7\xf8\x04Z\x1e\xb5\x90\xd3\'\x8e,\x81\xde;o\xf3\xc7\xe5\xf4\xe0\xdey\xde[\xe1\xdf\xd5\x80"\xe97\x06\xa6tT\xd1\xc1\xa6[=\thy\xbe\xef\x8b\x1d\xd1\xb1\xba\xa3"\xf71\xaf\t\x17+\xe6\x87\xf1\xba\xb7\xdc\xa7\xe0\x0c\xbf\x98\xa2\x8c\xe1\xc5\xa6t#\xf3\x00\xaa\xf6c\xfe\xb9\x18\x89\x1c1\x00\x19\xd2=R\xfa\x9b\xb0\xee@\x10\x06\xed,\xa0%z\xb9\xe3\x87\xcd\xf9PTJ\xe2Xz\xe5\x85_\xcb\x13\xb1\xe9z\xd5W^\x86\xcf\xb8\x18\x84\xc7J\xbb\xb9\x80\x15\xd7\x8394K0\x9c\x0cjBZ\xb4\x0b\x91\xee\xb7\x90\x15Y?\x0c\x99\x88\xa82\x9bN\xf2\x19rq\xc0\n^Bk\xb3\xae\x15UH\xf7a\x0cj\xe6\xd8\xf3\xe0e\x12\xa8\xc5\x05t\xdc\xbd \xe0ke#\x89{\xca\xc5\x84Z\x8f6\xbf\xf4L\xba\x99X\x8d\xe6\xd8\x06\x80f\xf1\xa23\xa3\xdfw*_\xa3\x93\xc6\x1bUc\xd4\xd1DB\xc2~&gt;\xc3\xcb\xbd\xedX,7o}\n\x9c4\x9c\x86\x08n^\xd9\x02\xfe\xb9\xe1\x9a\xd07)\xe4T\xbfw\xc5\x0b:\xe3\xe0f\x05D\xcf\xc1\xea\x83\x0f\x0f\xbeU%\x80\xaa\xb3K0~8\x9b\xa7\xdf\xd9\xed\xcb\x04\x9dh\xd7\\\xf4\xd2[J\xde}\x00\xd6\xf6}YU\xb9\x9a\xb6\xb7\xf7\xafU\x94\x91\xd3)\x1e\x83\x89&lt;\xb3q\xdcJ\xa2\xd8\xf1\x1a\x05\x13\x84&amp;l\x98\x8c\xc9\xc6\xfb(\x9f\xa4C\xefF\x94\xfc;5R\xd1\xd6\xb4! *Lv\xbd\xfa\x92\xd8\xb2\xb2:M\x1a{[\x01\xcc\xe5h\x8e\xd4S\x14\xde\n11\x1aqjb\x17[\x03\xe4\xfc}\x12$R\xa8\xed\xc1\x90\xd0[[`\xad\xe1\xf6L\x04\xd4\x06\x99fRZ\xfc=CIf\x8f\x17\x04\xb5\x86\x8f\x90\xb9\x03F\x1b\xdaR\xb4"\x07\x8c\x95\xef{\x83$\x8c\xf4\xcfz2\xf1\x8c\x02\xe2\xbe\x97fc\xde\xf2[\xfa\xeb\xf4V\x8e\xca\x80\xf6i\xc1Y\xa0O\x1c\xd1\x83\xb7UI\xad\x9a)+L\x05j\xea\xc9\x06\xe6\xd2\xd7\x9a?8\x02+DH\x01\x05w\xa8\x98|98a\xa2\xad\xe1\x9b\xaef\xad\xe1\xc3aE\xd2\xcc!"\x8f\x0f\x11\xddQb\xef:\xb2{\xac\xf4)\x85y\xf3j\x10\xa2\xa8\x91\xb2&amp;H\x0b\xb5c\x17\xa3L\x0e\x8e5TN\xd4\xe2ri\xaf\x90\xe0B\x9a\x93p0\x8d\xc2\xcc\xcf\x16\xfa\xe5/\x9c\x19\xc2\xffb\x11\xea*S\xe8\xce\xb0\xf2I\xed\x90mf\xc66\xd5RI\x90f\xd3\x9c\xc8r\xac\xb3\xb5&lt;VE\xcea\xf4\x90\x12\xccV\x9a\x08\xc4\xeb2\xb9\xf5z\xe9\xc5\xa8G\xbf\x16\xa4}\xcf h\xf2\xbf\xa0\xa9Mg`\x14{{{\x00.\x08\x18&amp;!\x82\\\xcck\xab\x91ej\xd9\xe9\x11\nfqq\x87\x8bt#\xba+\x9b\xe6J$\x0e\x0b~\x96\xb8Z\x17:\xd6 %\\\'\x96\xf6\xb8`\x8bo\x9a&gt;\x0e\xf5\xaa\xff/\xb6\x0ez\x92\x15\xa5\xcc \xbe8\xfc\xff\xe9\x11\xc5\x9f\xc5\xc1\xc5S\xb8\xfd{\xd2?\x0cLpF^5\x84\xed?.s\x9a1}4\xee\x07\xa6\x87\'l\x94A\xed\xf9$;\x1b\xe6\xf0\xfc\x84\x94gD\xa2\x9e\xdb\x8e\x99I\xf9so\xab)\xc6\xfar\x1fW-a;,\xebE\xdaW\x89c|F\xae\x181]\xadbkFp\xa8\x15M\x88\x83i\xbeL\x16`j\xe8\xd8\xb1\xda\x7f\xd72h\xc8\x00Rw",}\xc0\x82-\x94\xea4\xf6\xb2\x10\x833-\xd0q'</t>
  </si>
  <si>
    <t>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</t>
  </si>
  <si>
    <t>b'\xc5\xb2"\xfd\x05\xb9@\xf5F\xd8\x1b70k\x98\xfe'</t>
  </si>
  <si>
    <t>bond is selected. Numbering of the
chain is done from the end which is nearer to
2022-23
HYDROCARBONS 385
the double bond. The suffix â€˜eneâ€™ replaces â€˜aneâ€™
of alkanes. It may be remembered that first
member of alkene series is: CH2
 (replacing n
by 1 in CnH2n) known as methene but has a
very short life. As already mentioned, first
stable member of alkene series is C2H4
 known
as ethylene (common) or ethene (IUPAC).
IUPAC names of a few members of alkenes are
given below :
Structure IUPAC name
CH3
â€“ CH = CH2
Propene
CH3
â€“ CH2
 â€“ CH = CH2 But â€“ l - ene
CH3
â€“ CH = CHâ€“CH3 But-2-ene
CH2
 = CH â€“ CH = CH2 Buta â€“ 1,3 - diene
CH2
 = C â€“ CH3
2-Methylprop-1-ene
 |
 CH3
CH2
 = CH â€“ CH â€“ CH3 3-Methylbut-1-ene
 |
 CH3
Problem 13.7
Write IUPAC names of the following
compounds:
(i) (CH3
)2CH â€“ CH = CH â€“ CH2
 â€“ CH
 y
 CH3
 â€“ CH â€“ CH
 |
 C2H5
(ii)
(iii) CH2
 = C (CH2CH2CH3
)2
(iv) CH3 CH2 CH2 CH2
 CH2CH3
| |
 CH3 â€“ CHCH = C â€“ CH2 â€“ CHCH3
 |
 CH3
Solution
(i) 2,8-Dimethyl-3, 6-decadiene;
(ii) 1,3,5,7 Octatetraene;
(iii) 2-n-Propylpent-1-ene;
(iv) 4-Ethyl-2,6-dimethyl-dec-4-ene;
Problem 13.8
Calculate number of sigma (Ïƒ) and pi (Ï€)
bonds in the above structures (i-iv).
Solution
Ïƒ bonds : 33, Ï€ bonds : 2
Ïƒ bonds : 17, Ï€ bonds : 4
Ïƒ bonds : 23, Ï€ bond : 1
Ïƒ bonds : 41, Ï€ bond : 1
13.3.3 Isomerism
Alkenes show both structural isomerism and
geometrical isomerism.
Structural isomerism : As in alkanes, ethene
(C2H4
) and propene (C3H6
) can have only one
structure but alkenes higher than propene
have different structures. Alkenes possessing
C4H8
 as molecular formula can be written in
the following three ways:
I. 1 2 3 4
CH2
 = CH â€“ CH2
 â€“ CH3
But-1-ene
(C4H8
)
II. 1 2 3 4
CH3
 â€“ CH = CH â€“ CH3
But-2-ene
(C4H8
)
Fig. 13.5 Orbital picture of ethene showing formation of (a) Ï€-bond, (b) Ï€-cloud and (c) bond angles
and bond lengths
2022-23
386 CHEMISTRY
III. 1 2 3
 CH2
 = C â€“ CH3
 |
 CH3
2-Methyprop-1-ene
 (C4H8
)
Structures I and III, and II and III are the
examples of chain isomerism whereas
structures I and II are position isomers.
Problem 13.9
Write structures and IUPAC names of
different structural isomers of alkenes
corresponding to C5H10.
Solution
(a) CH2
 = CH â€“ CH2
 â€“ CH2
 â€“ CH3
Pent-1-ene
(b) CH3
 â€“ CH=CH â€“ CH2
 â€“ CH3
Pent-2-ene
(c) CH3
 â€“ C = CH â€“ CH3
|
 CH3
2-Methylbut-2-ene
(d) CH3
 â€“ CH â€“ CH = CH2
|
CH3
3-Methylbut-1-ene
(e) CH2
 = C â€“ CH2
 â€“ CH3
|
CH3
2-Methylb</t>
  </si>
  <si>
    <t>b'.R^\xb1F\x14@\xf5\xcc\x8e\x9fJ\x84\xb7m\xcf\xe6\xb4\x00\xa5*\xc0\x8c\xfa\xd3\xd4\x06\xa4~\x0f\x1b\xe2&lt;AM\xa9\x15\x04\xdd\x9aY&lt;\xd0\xb7\xbb=a\\\nI\x9a\xdc\xfc\x1fh-P5\xadL\xe01]\x1d\x08\xe3\x19w/\x1d~_\xa0b\x1d\xab\xd8KV\xb8\x8cl\\\x977\x87\xdb^\x8e.\x1f&lt;\x1b\xde\x06d\xa2 ~MU\x9b^\xb7\x825=X\xe2}&amp;\xa4\x12\x13\x8e\x08\xcdI\xd9\xccm83`-\xcc{mu\xa6\x9f\xf9\xee\xb7\x03\x7f\xd6\xdb\xdc \xe9\xdaJ\xd5\xfc(\x1fl\'t\\I\xa5[i\xbbM\xb3\xac\x1f\xa8\xb9\xce\xa4\xabH\xd4\xcdV\xf0\r\x15\x97\x14\xcb\xe3@}\x15\xa2++W&amp;\xf7\x8b\xd9\x18A\x8b\t\xed\x9eeZ\x15"\xea\xab\xe0\x82\xdbz\x8e&lt;O\xc51\x04\xb9N\xc8M\xe7878\x8e\x0bwU\xc0Z\xb2g\xfb\x1c\r\x89\xfe\x96\xd0\xf3\x89&amp;\xc0\x1c\xb30\x1d\xdd(&lt;g\xd1H\xa9\x9bi\x7f\x8fF&gt;Q\x97\x8c\x93sR\x01n\xe5\xda9\xb6\xe3R|\xfe\\\xb5\xc2;\x17)\xcdU\t*\x7f\xfb^\x89i\xbbT\xb8&amp;^B\x8a\x01K\xeay\xf6\x1b\t\xd03\x04\x07\x1fk\xddT\xff\x01\x12\xac\x9a/"h\xc8\x94\x90\xf5Al.N\xf1\x1f\xca\n\xa5\xaf\x9f2\x83=\xc2\xd8\xc8|\x826;N\xb7C\xc9\x11\x1b\xac\x1c\xee\xb6\x12\xe89\xc8z\xe8\x16\xaf[;|\xd9Dwk\xf1\xcf\x06\x9b\xa7U\n\xf9\x95\xc2\xc5#:\xc5%\x8eV\x03\xed\xb4RK\x07\xe5\x1bG\x17I\xc8\xa1\x8e(\x88\xb1\x0c\x89\xa4|q\xdd\x90\x91w\xd0\xb7\x99\xfa\x7f\x95J\xbf\xe0$e\xfb\xbd\xa4\xf1\xa7\xa1\xcbI\xba\x0b\x80wlv\x82\xdcG[`C\xb1(9\x07\xfc}x\tz\xef\x9f\xdd\xc4\xefP\x80wd`#D|\n\xa8\x06\xef\x9b\xd1#\xa2\x08\x90\x93\xa9\x9f\x16\x1a\r\x0f\x90\xb68\xfd\x16K\x9f\xf6{y\r0u\xe6\x87\xf6\x05K\x18\xf6\xbaUf\xbd\xb4\xa5\xd1\x06#\xe1\n,@V\x04\xae\x8d\xaal\x99{\x18\xa6iQ/Q\x12\xa03\x7f\x9b)\x8a\xb2\x18V}d&gt;\xbf\x17\xb8\xec.y\xef\xa33*\x9c\xc0\x965\xc4\xdaD\xc9\x12\x8b\x16R\xf2\xbb\xe4\xa0\x94\x15k\xb8O\xfd\x924M\x1du\x85\xd3\x92bC\x94\xb9\x1d-\x12\x82\x98\xc0#\x8aq{\xef\xb6\x1c\xa8\x12\x9b\x8f\x86f`\x9dC\x84W\x12\xcb4\x89\xe20\xbd[6\xc1\xa2V\xbc\xe8\xffq\xe2\x1b\x0f\x945\rM\xd9\x1b\xbb\xebn#E\xb1\xfcq\xb5\xba\xe9&lt;J QRG\x88o\x90z\x1c\x8di\xa4\xf7\x17c\xc32\x8f\x90kD\xf8\xd7\x16^7\xba[?\xa3\x98[\xb1i\xd7\xca\xc9\x89)\xc5\x15\xac\xddj \xa9Q\x1b\x8a\xb6JS \xd5\xbc\x07\xde\xa3\xbc.\x17\x06\x9d\x95\xa7\xc9\xa5\x80\x9b\xf7\xe5\x89\n\xe4\xd8B\xb3R\x8a{\\L\x02`H\xaa\xff\x17\x89-7*F7\xa0\xb8\xafK\xa9\x00\xfc[\x18\xf7w\xd6|V\xb70r\xd0\x1c\xdb\x90\xf0{\'\x03d\xe7\x97eE\x02\x9d\x0e\x1f\xbebrgx\x01\x03;\xce\xb7\x88\xe3E\x8b\x15\xdd2\x07\x0b\x11t\'\xd2\xd9\xec\x8f\x8f\xb0\x0cr&lt;\x8c\xb0\xde\x9a\xe2f\xeaC\xd9M\xd3\x85\xc6\xac\xb6*\xac\x9fx8\x15\xd0\xb8U\x97W=Z\x83\x88\x91\xa0t\xb1y\xf2\xce\'/\xc41\x12cl\x8a\x15\xe1\x89\x8c\xcbv\xf4(\xb6\xaf\x97\xefz\x03iz\x0b&amp;\xd8\xc0)N2\xcb\x94\xac\x8d\x80U\x00\x15\xbd\xb1\x03\xfc\x86M\x17\x91\x05\x9a\xbf\x9bd\x83\xcb\xa3\xc5\xd3\xd3\x1bp\xc9\xa1R\xc4L*\xb7X\x16\x8f\x99&lt;\xfd\xfa;Z\xa5\x12^\x1crb\x18\x1b\xdb\x16\x91N\xa7\xfej\xd8AC\x91\xc1\xebD\xeco\xa0\xb8\xca\xe6\xed\xd5\xbe\xb3\x88\xa0Z~\xa3\t\x11E*\xda\xa9\xdd\x18\xef\xff\xbeo\xf0\xfdCa1\xdd\xe0\x8b\xe8\xfcF\x04pcjO\x01\x81\x04r\xd6y\xd9\xb3\xdc\x1e\nC\xa7\xe9\x0c\xe4\x95\xcd\xe3{`Ckk\x86l\xeb\x07\x98S\x9c1\xd5\x9a=\xa1A=\xf9\xd8^\\el E\x84\x1d\xbe\xbc\xa8;9hr\xaa\xd8\xf7\xcf\x03\x7f\xe2+\xac\xb0\x97\xecx\xeb\xe2\x98\x08\x913A\x93\xa8\xc1}\xf3\xd5r\x8bD\xcdA\x95\x9b\\\xca\x90\xfb\x1c\xba\x99\xcb\n\x84\xdf\x13\x98\xdf\xbczj\xab\xddS\x9d$$Qy\xdf\xf0\xa2\x87\x1bS\x12Qskf\xc57\xba\x8a\xbe\xde\xe1:^\x14\\\xdd\x17\xa8pcg\\B\xaf\xe3\xd4\xe9H\xb2\x94w4\x12}\xa4\xfb\xf0o\x98\x9a:\x12&amp;\xb1\x19\xbd\x17\xbc\x17oB\tR\x19a\x86\x0ev\x924\xf5vn\xafbVH\x1b\xbdp\x0c7\x89\xde]\x8b.\'32\xad\x0b\xe0\xc8d\n\x12\x0e\xc8Aa\x02\xe3[\xa4A+^\x8fue,\x90\x17SF\xa6"\x8cD\x96+\xeb\x1b\xe3\x9f\xa2\x9bC\xd99t\x89*\x99\xffVv\x19ce\xa1 }\xa6\xbd\t\n\xee\xe4-\x1a\x06\x82\xc1\xe0p\xeb\xb7\xd1\xa9\xc8\xd1\x9f\xe5\x8f\xe7\n\xb2\x93\x1fD\x04-:\xc9\xc3`k\xbd\xd4\x0c\x95\x9e\x0bJ0@\x98\xc8\xe2\x9e\xefsO\x81\xf1\xb8\xfd\xaf~XL\xbc/\xacW\x04\x8c\x17\x8dbF\r\xf2\xe4z@Bc\xc7\x1bl\xbc\xff\xe7\x08-\xb9\xfd\xdd\xe6\'\xbd\xcd\xd7\xf5\xbai\xae\x0bU\xb0\xcd\x01#&lt;\x86\xf1\x0c{\xb5`&amp;|\xfcD\rs\xb4\x97^\x0e\xee+\x03\x85\x9a\xb6\xa4\x95\xae\x13\xe4\xff]\xcfxmd\x1bd\xe1E\xc7S\x06?\x7f)\x96\xa0b\xd4n1\xe1\xf1\xac!\xa4\x85{^|\xdcT\xfeN[\x92\x9b\xdc&gt;\xe9\xbc\xf9\x0e\xa1\xe7\x03\xe3&gt;\x8d\x10\x7fC"\x10p\xa0\xcb[8\xaa\x0e\xdf\x8b\xa4\x9b{\x11\xe2\ro\x90\xddK\xe4\x87\xbb\xadi#j\xb0\xc4k*\x02\x1a;f\xd1a35\x0c:\xda\xafK\xb8\x15\x11\xa3\x9e\x97\xa4R7\xf7h\x07\xee\xdc\x99\xe3W%\x89N\x19\x94\xbf\x1aT\x87!=O\xc9N&amp;k\xe1\x9d@\n #\x99\xcb\xd6\x04\xda\x13C\xa4y8\x07\xa2G\x9b+\xea\xae\x8cO_\x0f*\xc1\xcf\x8a\xaa\xff\x92/\xe9\x1d\x1e!\x15\xd9\xd5j\x886\x8c\xd6\xdb$\xe6\xae5\xa2I 0\xe4\xe3\x98\xe9\xe9\xa0FeZ\xabW:x\x1502X;\x87\x84\x92\xfb\x0e\xb9Ka\x857\x80J\xd3\xb0\xcc\x007\xf5\xd2\xea%\xc0\x85\x02\xb2\x8f\x1d*\xc7\x01\x87\xca6\xf5\xc5\x0c\x95\xca\x86Y\xf0\x16\xc21\x97\xe3\xa1\xf7\x9fP\xcc}Q\x8aP\xa2%:\x0f\x17\x19L\x1a5\xaf\x86l+\x01\xfeN\x1dK\xa0_\x03&gt;]\x9bv\xe8\xdfvgi\x948\xe7\x93}\x19\x9e[\x97N\xab6\x87f\x94\x8f\x8fobF}\xcbU\x8f\xcca(\x11\xf1I=\xae\x11\xb08\x1b\x1c\x02\x13G\xee:LA,&amp;\xcb\x18\x13\x08+\x85\x1ad+c\xba\x07:Z\x88 23\x07T\x0b\xb4_\xad\xda[v\xd8N\x17\xd8z1`\xe6&lt;*M)\xbd86tIy\xf1\xe6\x18y^\xf9\xafu&amp;h=\xc6H\x9e\xbdk\xc2\x1f\xdd\x8f\xd4\x9c\x17\x9e}\xfe\xc9\xd9X\xcdoMo\xf2f\xf3\xf6\'\x18L\r\x8dLx\xaf\x8dP\x0c\xf1}\xce\xb1 \xb7\x9b\xae{HJ\x99\xda\xa6N\x86E\x1bN\xde\xdc&lt;d\x12l\x02\xd1\xa5]\x83\xba\x0b\x96\xb3\xc1\x10\xd5\xdb+f\xe4\x8d\xe3\xc3\x7f\t\x01Y\xe1\x0b\x82\x19\xaf\xe0\x81qk\xe5\x82\x0e\x19&lt;caj\xa1\xe9&lt;\xcd\x135\x9f\x83\x8b\xbb\x91\x8bZ\xe1\x0e\x8b\xf4X\xa8\x91ci\x01"V\xb9\xaf\xc7dn1\x97\x89l\xb1\xdb\xcb\x00\xb5IHb\xa0\xd7\xf6\xcc\x13^\xdeJ\xce\xf7\x15\xab\x18\xe4B\x8f\xb3xf\x84\xcd\x9fy\xb8\xb9\xafb\xa0_\x02z\xe8\xc8\x1b\xa1&gt;\xba\xa4\xee;:\xce\xef \x9b\xeb\xacb`\x83w;\xe8L\x7f\x0fr-\x92\x8et\xa1\xcbg\xc3ew[\xed\xce\xf6\xe8Nq\xf3\xc3*\x17\x9dC\xfd\x8f\xc0/\x93\xa9u\x91\x0b\x0b=\xb0wo{\xecZ=\xe9j\x97\xf7\x96N+j\x9ap\xe6\xd4\x89GL\xd7\xe9Qz(\x17K\xc42\xe6\x8b\xfao\x8d\x8bnb]X\xd3\xd3\x1f\xd2\xe8/\x11\x8c$\x1ea\x82\x07\xf8K\xaf\xaf\xa6A\x00\xb8\x07q\xdc*\xa0cc\xe9\xc3|\xe9N\xb4IZ\xfe\xb7$\xcdm\x8eY\xc14\xbe\x82\xdf/g\x87\xf0b\xd4\x7f\x9b5\xd7\x13\x15Y`xF\x98\xb7\x89hoR\x071\x10\x9d,\xce\x83\x0e^\xefaU\x86\x13\xe4eF\xa3\x00S\x951&amp;ki\xcc\x00u\xe5\n\x0b4\xd8\xf7O\x87\xb3\xb8u\x02\xc9\xcd\xffn\xb0\x85\xcbAX\x1c\xb6|\xf0p\xb8\x81\x9e^D[\xf2r^\x92\xbd\r\xeas\x87&gt;\x1b9\x18\xbaE\xf5\xf0+\xd4\x83\x81\xb26\xcb\xef*0\n\x1e\xd6\x1b\xe0\x8f\\\x1b\xcf0\xbfh\x88\xc8l\x9b\x8d\xe8XU4\x9b\x11\xe8\xd4t\x07q\x94\xfc\xbc\xe9N\x96\x9c\x99\xe5_F\xb5D\xa8\x04\x90`\xd17G\x9al\xda\xfdN\xf9w_\x1f\xf3\x05\xff\xde\t&amp;\xc7=\xaa;\x08=&gt;\x94$\x01V\x1b\xc1O\x05\x04\xe2\xfa\xc4\x08\xf1\x90O\xa7\xb7u\xb4&gt;\xcf\x18\xc3\x1f\xb5\xcb\xdf\xb6aR.\xcd\x02\x8b\x05w\x1c\xad\xf3_Fz\xe1\xcd%\xeb\xc3\xda\x12\xb4\x8aB\xe1\\\xe8{\x99\x1c\x99\x1bJq(\xba\xb2\x9c\xcb\xd1\xe7\x1c\xc0\x8a\x00W\xb7a\xa6\x8ei\x89\xd8,\xc2\xc0\xc0\xe4\xa1?K\xa8\xd2\x9c\x80{7X\x87C\x902\xbb\xcb\xfb\x94"M\xdd8\x8f\xd8l\x1c\'\xfa\x8d)Z\x01\x9a\xc8\xef\xe62\x11\xe5\xc7g\xfamT\xb2\x0f\x18\x8d\xa3r\xb7\xb2\xae&lt;i\xb4\x1c\xe2\x88\x10Al\xae\x8e{\xef\xf2\x8d^\x88)\xbbJ\xba\'\xb4N\xef!:\xeaK\x1a\xe2V\x1f.\x94\xa2v\xfe\xe3\xe7\x16\x8db\xa0?\xf4\xd7\xb9\x19\r\xf8\xc5q{\xd7\xc1L2k\xdccc\x1c:3\xec\xca\x0c\x9e\x15\xf2{\x9b\x94\xc6q3\xed\x10'</t>
  </si>
  <si>
    <t>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</t>
  </si>
  <si>
    <t>b'.R^\xb1F\x14@\xf5\xcc\x8e\x9fJ\x84\xb7m\xcf'</t>
  </si>
  <si>
    <t>u are reading right nowâ€”12 Months to $1
 Million by Ryan Daniel Moranâ€”is the next classic for this generation of
 entrepreneurs. His simple yet wildly effective formula to hit seven figures has
 set hundreds of entrepreneurs free to create exciting businesses.
 I first discovered Ryan Daniel Moran when I saw his now-famous t-shirt
 in a viral video on Facebook. It read:
 Democrat
 Republican
 ENTREPRENEUR
 Right away, I knew that he was someone who thought differently. This
 was someone who wasnâ€™t afraid to resist the norms and push the limits of
 what was normal.
 However, I didnâ€™t meet Ryan in person until he asked me to speak at his
 event, the Capitalism Conference. At first I declined, but then Ryan made me
 an offer I could not refuse: He offered to have a private jet pick me up in
 Boise, fly me through the night to Austin, Texas, and then have me home in
 time for dinner with my family.
 This guy knows how to get things done, I thought.
 As impressed as I was, the community of entrepreneurs at his event
 impressed me even more. Men and women had flown from all over the world
 to grow their businesses. Many of them had become millionaires in two years
 or less. All of them were eager to learn, excited to grow, and passionate to do
 more in the world.
 This was more than a â€œrah-rahâ€ event full of slimy salespeople. Instead,
 this community was giving, present, and eager to make a difference. They
 were true capitalists: people who take ownership for their lives, create value,
 and serve their community.
 I am honored to support and endorse anyone who can raise a community
 like that.
 Like myself, Ryan grew up with very few opportunities, but a lot of big
 dreams. He figured out this game in the trenches. People like us didnâ€™t grow
 up with â€œhow-toâ€ manuals, so itâ€™s our responsibility to empower the next
 generation of entrepreneurs with the knowledge that we learned along the
 way.
 I do that through my books, my podcast, and my yearly event, Funnel
 Hacking Live. Ryan has been doing it for years through his podcast, but
 nothing compares to the book that you hold in your hands.
 When I discovered Ryanâ€™s podcast a few years ago, I discovered someone
 who was willing to share everything. He shared the exact strategies to pick
 the right products, get them selling profitably, and how to grow a sevenfigure business that you can ultimately sell if you want to. He also shared
 how he invested money so that he would be free for life.
 Ryan is one of the rare characters on the internet who willingly shares
 everything. More than that, he shares the ups and downs, which few are
 willing to do. Instead of flashing fancy cars or claiming that everything is
 fine and well, Ryan opens up about challenges in a way that helps
 entrepreneurs overcome their own struggles and move forward with more
 confidence. My favorite video that he ever did is called, â€œAll I Ever Wanted
 to Be Was a Millionaireâ€ (if you have never seen it, it is worth a Google).
 I also discovered that Ryanâ€™s strategies complemented mine perfectly.
 While I help people build cash-positive businesses that produce amazing
 short-term results, Ryan focuses on building long-term assets that can be
 scaled or even sold.
 I do not always agree with his opinions, and he certainly is willing to be
 more controversial than me, but the results of his students speak for
 themselves. Between the two of us, it might be argued that we have helped to
 create more millionaires than any duo in history.
 This is the single greatest time in history to be an entre</t>
  </si>
  <si>
    <t>b'\xd0\x84\x88\xb8\xdd\xc0\x7f\x82\x1a0 \xe1od\xc38&lt;\x02&gt;\xb6[\xc57\xb9\xf6\xa8zM\xf1\xf3\xc5\xf1\xdf\x834\xc9\xeb5\xa7\xde\xbcOJ\xa5\xcd\xf3\xde\xed\xdd\xbb\xf8q\x84\x16E\x9f*F{\'\x03\x99\x96\x03I\xe1Q\x1d\xaf\x9d\xf3&gt;\xd9\xc9\x15&amp;j\xec:\x89w\xc3q\xc8\xf1\xce\xb3=G\xcb\xa9KQ&lt;\x7f?Va6\x0f\x07z\xd09\xe4\x01I\x9a\xad/\x95Ub\x10&gt;\xd4\xa3~&amp;z\xf2\x1e\x93\xf9)\x92\xb5J\xffB\x86+\xf7\xd4\xdc\xb4\x86W"\xe3\xd0\xde\x9b\x1f\xf2\xf26\xfbi\xdb\xa2\x88\x0cO\xd9\x96\xf8\xe1\x17/\xea\xf3\xd3\xa1!$bt\xb3`\x89\x98\x0ct\x08\xf0\x81\xbc\x81\x87o\xa4\x06g\x9a\x95\x93p\xf5\x97\xfd\x05\x96\xf6a\x1f\xa1\x13z:\xc3T\x0eF\xd7\xe9{\xd9\xbc\xc0X\x03\xb5\x0f\x96\xcf\x81\xe0\x03\x89\xa2\xa8\x07$\xfcR\xb2\xe3\xaf\\\xb5WY\xb6\x99\xa9A\x1c\x05\x08\x08\xad\xd6\xafA@\xdb\xa1\x92-\x7fP7\xad\x95\xba\n\xbe\xf2E!\x91\xbb\xfen\x9d\x92WU\xcb\xc4ts\xd9,a:\x9a\xba\x95\xae\x85y\xb0|\xe7\xfb\xd4&amp;gw \xb4n\xbfK\x97\x83\x8d\x87\x8b\xfd-\x89 \x18\xb5\x9d\x02\xba\xdf\xe2egT\xf9\xad\x97\x8b$r3\xd2f}\xf9-\xc3\xf0$k\x1f\xd6\x87\x12\xa2\xc4\xb5(\xa9)\xd3\xe7\xfe9\x01\x07\xbdY\x16\xfa\x7f\xec9\xdb\xe7\x0f\xe0\x9d\x97?)\x85\x164\xa9\xd8&amp;\xe6\xdd\xe0\x94\xc6\xce\x97\x10\xc9j\x1f\xb8\xbeECP\xe1 AXU\xc1\xb3\xd0\x8f\x88}\xbe\x92\x8c\x84\x16\x03Z\xb0\xd0\x819-*\x94\x12\xd8\x9b$\xf1\xb7\x03\x188\x7f\x83z\x1a\x071"\x13\x02Sf\xed\xee\x18\x1e\xb8\xd2\xb8|*\xd3\xde\x9e#\t\xfc\xc5\x7f\x06\xa7\xe0.\x89\xe2tc\x00j\xc9\xd1O\xca\xdao\x97k"QdB\xfdpw\xe8\xaeNi\xb8gX\xb9\xe5\xa5\xad4\xc3yb\x99:\x0f\xccP\xa8i`j\xb7\xb2\xee1xV\xf6OX\x01\x05M\x02)12\xbcU\xb4bj\x0f\x9f/F\x868&amp;\x99\x0fti\xa4\xe8\xe3\xbd\xcf\x8c#|\x96l\xe4\xe7\x18bpMP`np\xa6\xcc}\xcc\x18`\xf2\xa5\x95F\x80.\xfbphn\x87\xa4\x97\xce\xb0o$5\x18u\xe1\x08\xeb\x14!\x18vz\xd5\x9e\xc6\xe8\xba\xa2\xec\xb4\xf3/\xdb7#\xe9\x00\x0c\x1d\xa9\x0f\xe1T\xdc\x08\xe64\x0b\xd2\x94\xc9\xbc\xf3\x97)\xa6m\x9e\xe1\x90\xdaqz\x87$ Mh9\xcf\x95K\xa9\xfdV\x86\x13!\xd1 \x11~\xb1\xa9a,\xc5\xdf\xd8\xff\xc0\x1a\x82\xf8\xdaO\x94\xd48l\xcc\x01FK\x1b\x84\\f\xc7\xf3`\xd9\xfbEun\x80\xec\xf9\x1e\xff\xd0\xf29#\xb8-\xa2\xff\x11L!6\xbc7\xf91\xc3pI\x8a\x80\x81\xf9+&amp;L\x83\x1b\x1d\xfc\xe6V\x00=|\x19\xdf7 \x87\xf3g\xa6\x1d\x9aTy\xe0\xd1\xc1(\xa1Uw\xc6\xa8,\x9b\x97\xe3hFs\x08\x10K\xc0\xad`\xf52\xd7\xab\xcaf\xa4\xcaT\x90\x86`\xd6@Nt=\x80[\x83\xa2v\xf9y\x9d\x92\xc3x\x11Uf\xc2b\'\xb4\xfa\'\xeaN\xc4\x17\xb3\xcd\x12&amp;F\xf6\xca\x19\xa3\x94\xafM\xb6\x9b\x8a\x17\x8c!\xbd[\xfd\xd6R\xb0\xbb\x17\x94^\xe2\xf7\x11\x9a\x0b\x9a\xc5\xeb\xda\xe3\x18 ,=ZZ\xdd\xbbR\xd47\x06\xc1zdH_N=\xcb\xc4\xb6\x13f\xb4L=\xe7\x90\xe4v\x13\xe4\xcd:A@\xd7\xfbIz\xdd\xf1\xa4\xa1\xda\x92\xf8\xe9\xe7\\}\xb1k\x07\x80\xe0w\xbb\x0c\xd1\x07p\x10H\xfa&gt;\x97\x9d\x9d\xe8[\xee\x16\xb0\xe3\xa7\xf4F\xdf\xd4\xc3\x98\x98U8l\x02\x1f\xdf\xfa\xd6O\xa1\xc2\x14\x0f\xdc\xf5}3e&lt;p%\xd9\x879\xb6,l\xc7\x93_\xc4^/$(0z \xf3\x98R\x04=\xe5B\xc5\x18\xed\x1cJ\x9auhXS\xa1\xaa\x9b\xbf\x80\xc9\xae\xfa\xba\x1b\x08\xf8\xc7syN\xbf\r\xad\xe7\x97S\x8b\xe64O\x1e\x82\xc3\xf2G\xa2m\xbd\x11\xe6\\(\xa5LA\xc0\xb5\xe3u~\x14i\xc2\x0e+\x0f:V+i\xf7\xca\xc9W\x10\xfb\x14L\xbf\x1f@\x82\xd9K\x13\x1c=\x94\xda2\xaf-\x9e\x92\x12\xf3\x9b\x7f7`Hcy\x966\xffyb*,m\xc0-\x18\xb0\xeb\x01\x9b\xaf\x9b\xfd\xe6\xac\x89\x91\x9a\x91\xa9\xaaD\xa0\t-\xbdl#A\xa1\x93\xfa#Z\x05\xee[\xf4\x192\xc9\xc1\x9bi\x8b3\x10\x9d_\xc1\x85\xae:\xa2\x83\x1c@K+\\\xc4a`\xee\xcaP\xfc\x84\xdc\xc3\tq\xf2U\xb5\x12\xe4B\xb3\rM2zz`\xf9\xfdm~\xd2"\xabG\xc0#;1\x03f\xfc[d\xa30\x02\xd7\xc2\xfc\xf3\xb04\x0cH\x88\xa7\xc6\xf4\x0b\x07\xf8\xe7a\x10\xdf:\xffnNo\xae\xb1\x0e\x92i\xa4\xc7\x81\x8b\xbe\x99\xcd\xb9*\xe8K\x83\xc8M\x9cxVR\xa9sf\r\x82&amp;\xbb\xd7\xd3R\xee4}}\xfd@\xa9 M\xf7\x9f3\x85\xdag\x92\xcb\x16\xc2|\x84\xa6\xba$\xe7\xaa\xe9\xdf\xa3\x84\x9f\x02\xbc\x96c.\x88\xb4sn\xdf\x1b\xd1\x1c\x86\x83=\x9b\x1b\xfe\xbc\x84&lt;+$X\xf2\xcc\x82X\x12v\x95\xa9\x1a\x95\x07\x8f\xc6\x93\x94\x96\xa6\x90a)\xa8\t\xb34\xef\xca\xf4\x1a\xed+\x84L\x18\xbd\x8baE\xe5\xa6!J\x1d\xd6\xd7\x832\xbcF\x9d]\xe7\xf0\x1f\xaa\x1fF\x8aW-/\xd9O \x94\xb3\x88\x012W3\xd3\xcc\xd9\t#\r\x84\x9b\xd3\xff\xb1\xe3\x8f=\n\xcc\xdbJ\xe9\xd9\xc0\xc2!\xb5\xca\x1d\x0b\xca\x9f\xbbA\xdd\x7f+s3\xbe\xc1\xb7\xec#\x1do#\xc4\x06\x98$\xfe.\n\xf2\xabj!\x9aC\x08[\xa1\xd9YY\xea\xee+\xa1\xf5\x9cl\x97Y\x9e\xfa\xde,\xb7}\xadXDTm\xf0.\xa8\xca\xb7\xde\xa6\xe8\xfb\x1f\xef&amp;\xcf\xf4\xbe\xb1[h,M\xbcY\x1e\x15t\xbd\xcdz\xeb`\xfa\xc2f\x80\x1eR\xe0]\x03\xf7O2[\x846L\x80!\xbdhH\xd8\xd2\xc2N\x12\xb5\xafVU{\xd0\x8cv1|\x8a\x02\xc6"\xc2cU[\x9a%k{a\tk7\xf2\xf4\x06\x9b\x11wc\xdf\xbf&amp;np,\x9a7\xea\x16\xff\xa2D\x18\xe3"6\x1a\xae=d\x8dC\x85\xa4\xf8\xea\xa8\xba\x03z\xf6\xb6\xbf\x19,\x9f&lt;\xed}&lt;\x8b\xec\x98\xebu\xfaK\xc2\xd8\xa0^\xc3\xf2q\x19E\'I"\x01\x1f\xc1R\xac\xfe\xeb\xc4\x96\x08\x84\x154\x18\x91\xf6k\xe8\x17(\x0f\xd1\xbeC\xacN\xfc`\xdc\xfdR\'22\xd63\x0eNz\xc8\x032\xff\x8bf\x87\xce$^\xe2\x11\x92H\xf9\xcbb#\xbbz\xffZ\xbfE\t\x02+\xd3\xb8\xc7C\xc5\xd9=\xbegX\xef\xbe\xffOpV\rjMd\xe3\x03e\xf0m\x8dw\x0cV\xf9\x92\xd4\xbeY\xd7l\xed;\x9e%\xcc\x85r\x99i\x8c\x8b@\xc6f\xab\xdc&amp;^\xe4UKiK\x14\xb2\xed\x85\xc8\xe0\x86/\x00\x1e\x8d1\xf8NY\xdfzj\xf6D\xd7\x1bk\xe8\xea\xfd2\xf9\xe1\xfaj\xbd\xa0rc\x15\xe5f\x8d\x19\x84{\x1b\xcb\xdb\xad\xe2\xe9\xb5\x8c\xb6\x81L\xba\xb6\xfaDD\xba\xc9\x8b\xb7s\x1ae\xe5\xdc\xd7\xc6\x874\x85\xe0\xbamy\xc9\xd6\xe9\xd6\x15\\\'\x86\xf7\x10\x19\x84\xc6\x058\xe1\x99\xef\xac\xdb\xfe\x97\xdb/\xd0\xb3\x8a\xbb\xc9R~\xe7&gt;&lt;\x1b/\x89\xd5\xe6\x1b\x93\xab\xca\x7f\x19\x02\x0e\x8b\x8c\xb7\xa3\'\x14\x05\xf8|\xc8?\x18\x92F\xd3\xae\x80\x12\x07\xbb\xec\x05X\xb7\x11\xb6\xf7\xba\x17\x9c3X\xd4\'\x91\x0f\xcdj\x07\xce\xfc\xaeR\xdb\xeb9\xff\xbc\x8f\x8d\x89\x9aG\x0c\xc4,,r\x1cC\xdd\x1c$\xa8&gt;\x84\x9a%\x8dtzM.\xae\x1ak7%\x10P\x94\x817k\xd6\xa3\xde\x01\x15`\x91\xa0\xe4\xae\xb8\xd7\xd15\x87\xed\xe2cd\xb4\xcef\xc6\xb88\xd3\xbb\x04\x84\x84\xd3i\x7fi\x0b\x84\xb1\n\x87\xcaj/J\x9ak\x18\xe3\x1d:i\x04\xc2 \xafa\x10)\xfcH\xa4\x8b\xaf-\xe3Qa\x1d\x92\xb7R`\x06\xec\xaf\\\x18\xe0\xc4\x05~&amp;\xe6\xb9=*\xf2\xf2\x08\xfa\x02\xc5Wx\x9c\xf6\xfb[\xb9&lt;\xaa\x9f;a\x8cF\xbbO/\xf4P\x95\xd4\xb6C]X\x97Q\x086U\xcd\x9f\x98\x02\xd3j\x1d\x12\x0b\xa6\x03~,+\xe3\xedfU\x84""\x9c\xf8\xc1`\x05\xfa\x80\xe8QZ\xaf\xd6\xefCb\xbc\xed\xe6\xa0\xa0\x9aF\x0c\xbb\xa6]\xe0\xac1\x12&amp;\xd02&amp;%\xba\x98;\x11G\x1a-\xba\x99\xc7\x19.\xc0\x8f\x180\x02/\xffe\xa5~tO\x0e2xlm$\x02D\xc3\xc3\xb2\xb4ouE!\x0b\x10\xa7i\x04\xdcv\xc5\xe0\xdc\xc6\x13d\xde\xddAv\xb0\xfb\x90.\x83az\xad\xd0\xffJ\x17_\xdd\xc2\x86!\x85\x8f\x1d\xae1\x02m5\xe5\xdd)\xcc\xbf\x04u!v\xfb5\xb3\xcfK@0/\xe5\x05\xb7\xb1&gt;\xb5\xc2\xee}\xb5\x99\xa3\xe0\xc7\x1a\xd7Gt\xe9\xe0\x16b\x90\x1c\xe1z\xcb"\xdci\xb2 g\xc2\xa7z\x98\x9c\xacePX\xe8\x8b%G\xca\xff+k\xe1\x86\xfc\x04\x11\xb8\x8c6\xf3\xf4&amp;\xe0\xd6\xf5\xa7\xdetnRo?\x8aN\xfd\xf6&lt;\x90:G\xd6\xb7\xba\xcb\x8cG\x11\x9a\x18\x1d\x18x@\x1eF`-\xe3Z\xf0\xe7\xef\x93\xf8\xf3X$Gh\xbd\xd5\xc2\xc2\xdaA\xa0\xcd18~\xf5`Z\xea~\x9e\xb4\xc5\xbdM\xed\xc7\x1b\x8bx\xe9\xc2\xaa"\xe9y \xb7k\xe3G\xb8\xcb\x07\xb9J\xedW\xb4]Y,z\x02$\x8f\xd3\xae\x7fI\x01\xf2\xee.\xa3\x12\xee\xb0TE\xe0Vk\x07\x85\x1a\xc1\x99Ih\xe8\xd4\xfa\x94h\xdf\xa6\x19\xcd\xbc9\xe7\xef\xf5\x19\\\xd1\xac\t\x92\xdc0P\x07\xc0\x94\xb9\xbc\xfa\xe8\x95#\xff\xed\xaf\x81"M\xe7\t\x0cP\x1e\xb7CU\x10sk\xddM\x94\x99\x05\xfb\xebI\xb3\x1d\xec\xf7\xc5[\xa0X\x1f\xd9~pw\x16\xad\x82E\xdf\xf4~\xb2c\x01\x14!\xcb\xd1\xd8\x1d\xaa\x0b\xb1\x97\xae\xf5\xe5\xb8g&gt;\x8ey\x92a\xc2yN\xa6\xf3\xb6Fqy\xbf[_\x1a\xc7\x7f\x02\xa4o\xea\xadD\xe7\xad*\xd6\xa0\xe6\xd4&gt;\x1ae\x82\xe8\xa5s\xd7\x13\x17\xbd\xb0J\x95U\xd6\x92\xe1\x80(\xa3\xee\xbe\x0f\x18\xb1\xbc\x08*\x18\xf3\xaa\xec6\xe5\xe2\xb9\xb8\xf6IZ]\x84\xa8\x0b&lt;%9\xfd\x12\x91,Z\x93\x80x\xd5\x1e\'5\xbbw\x86\x94bLZ"\xdd\x9e\xc5.\xde\xfc\xa7\x86\x92\x1c\xfey\x81s\'\ne\'k\xde"\xe0\n\xea\x1a\x01\x01\r\xa7dz\xe1\xa2[{\xc3 \x94\xd3Y^&gt;;\xffi\x96\x0e\xcb\xd1q\xf0Y\xdex=M\xcd\xbb\xb6\x94\x9d\xf5\xde\x13\x9d\xce"\x18\x8admJ*_\xb7~ \x93B\x16!\x95\x06a\x02CCK\x9b\xfa\xdbI&gt;\x0cC5\xd1{\xdf\xa0\x9b\xd7\xa7E\x84\'\xf0S\x0b\x8f\xc4*\xca\xa4\xe7\x891\xdc-\x02\x9a\xd7\xf4!`\x00\x8e\xb4\x95\x85\x03\xe9\x9b\xe1\xdd?\x94C\xf3\xa5\x8c\x8aW$\xa1\xb5\x98p\x89\xc1\x9e\xfb\xa82\xe4\xeb\xc8\xb6\t\xbc\x03\x8b\xea\x14\x0en\xf2\rmRR\x96\x1bj;m\xd4l\x9f\x93\x05R\x06\xb0k&lt;\xd2\xc1\xff\x9dUL\x8a\xfb\x8d\xac\x8e~f\x91?\xccZ\xc6I\xd0\x91F\xed\x7f\xe5U\xbai0\xd6\x0f\xd2l\xeas$\x8bGs\x01\xc49\xd5\xb4|c\x0b\x81=\xa8\x99\xd8\xe2=`\xef\xae\xfdL\x82+\xe0q\x07eG\x19\x1ag\x92\xca\xc7\xfa\xb87\xc0\x88)\xb8\x94h\xf38.R#c\x14\xf0\xaa\x1b\xf4$\xb9\x13\x93\xc2\x82\x06!\x80\xbdF\xb4\x91\xdd\xb8,\x06&gt;\xf0\xf6\x90\x85\xeb\xb4s\xf7\xc9A\xda\xfb\x89\xbe\x9c\xe4\xde\xfa\xf7\x9d?\xa2\xedX\xf5\xb4\xc7\xec\x9c6\x97\xf3\x8d\xfb\xc6\xaaM\xacDz\x9d~,u\xd2\x95\x95\xa4\xb0~h)\x84w\x1b\xbd3\xca\\7\xc9\x8a/\x80\xab\xbd&gt;\xf8\xa1?\xdb\xc2\xae\xbbd\x1a\xf1\xff\xfc\xe6\x8d/\x8cd\x83\x82\x16WM\xb2\xbb\xa6k^\x1c\xfd\xac\x10B\x08{a\x10\xd9s{8U3\x11k\xe5Q\xe9\xed\x10!\xc8\xde\xa0_\xc2w\x9e\xb9k\x92\xee\xd0\x91\xb0\xb0]&amp;\xdd6\xb7\x82\xb7D\xd0eE\xec.rE)+\x0f\x84\x9c\t+rK\xfaa\xa3P|\xe6\xa8\xef\xee\x13\xed\xa0\xc1wj\x88\xf6\xf5\x99\x9bz\x96\x1e\t\xf5u\xe0\x1e\x13\xa7\x18\x92\xc3\xa0[\xca\xf9Cs\xb9;\xc9\xfd\xbe\xd5\xb4\xaa!5\xa5\xcc\x7f\x9c\x9e)4[\x85\x86\x12\x8b7\xb5\x01\xc7[\xb0\x8a\x8f\x0c\x96^"\x9a\x04Y\x7f\xd8\xa9\xd1\x98b0?\xd7\xfc\xee\x87\x1d\xb7w\xab\x12\x97\xc6\xee\xf9\xe7\xc3w\xa3Y\x1b\x85\xfe\xfa\x0f\xc6\xad\xf2\x961:\xf9\xa1\xd4\xa1\xf4\xb9\x8e\x86\x9f8\xfe\'\x0ej\x839\x7f\xd6\x1a9\xc4x\xf3\xf5\x99\xe5\xce\xfdb\xdbZpY\xaem\x10n:\x8b\xe7\xd0\x8f\x16\xa7\xe5\x14\xa7WC\x1ea\x91\x91\\$\';\x01\x89\t\x11\x9f\x9f"\x85 j\x99\xe3\x97\xb1\xb0m\x88\xf6\x13\xd4\xbd\x0b\x9e\n\xf5FCl\x0c\xb83\xc4\xf0\x83\xb4\x15\xaeR\x990\xb0\xbd\xe8\xb8\xf5t\x9f\xac$\xdb\xcby\t\'F\xdf\x84\xff\x88H\x84\xd0~\x06R5?\xddI\xa8\x0ba\x06\xbc\xa6"@\xb6QS+\x08\xa9\xc0Fp\xcdD\xaf\xad%R\x8d\xdf\xff7\xa0 ^\xf4E\x14N ;\x0c\x97\x7f\xa96\xd5@\x05\x8d\xe1*\x1a\xdf\x1fvl\xc6\x89X"\x16\x93\xa3"!l\x03\x07\xe0\x8a\xbcb\xa8{\xdeY\xcf\xf3\x1d\x88\xecJ\xb9\xc6rW?\x17%* \r1N\n\xd3\x98\x9e\x85\x8d\xa5v\x1dR\x87\xdehqClt\xb1\xcd~\xc7\xb9\x1b7ro\xed\xc8\x93w\x82d\x8d\xbc\x022\xb6\xdb\x90\xcc\xa4p&amp;\xf8\x19\x9a\x80\xac\xeb\x05\xb6\xe7y\xd2\x15&gt;\x84G\xcd\xe9%\x9e3[\x83,\xbe\xce\xad3&gt;\xb1+\xac\xed\xc4\x9fI;d\xa7:K?G$\x0e*\x0f\x13\xa1\x13\xde\xc6oO\xda=\xd2yC8R\x86\xd1\xaa\xe4\x84\x16\xcd\xb3&amp;\x1f\x85\xd7+0\x0cL\x8cS\xe6Wv\xcc\x97\xf3\x04Y\xf8V@V\'(/q\x8d\xe6\xba\x1ey\xe0\xeb:\x95\xf9t\xc3\xd4v\xfam\x1d\xd6/2f\xceJ?\xdboOA^\x07\xf1\x86d^\xcc\x0c2\x9c\xf4\xc3w\x0f-\xc0\x0c\xab\x14|\xd8\xe8\x99M\xa8pj\x1d'</t>
  </si>
  <si>
    <t>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</t>
  </si>
  <si>
    <t>b'\xd0\x84\x88\xb8\xdd\xc0\x7f\x82\x1a0 \xe1od\xc38'</t>
  </si>
  <si>
    <t>schedule defining the dollar return on euro deposits. The marketâ€™s path is just the path
 traced out by the vertical dollar interest rate schedule as it moves rightward because of
 PUS
 2 PUS
 1
 R$
 1 R$
 2
 R$
 1
 MUS
 1 /PUS
 1
 MUS
 2 /PUS
 2 ,
 PUS
 2 PUS . 1 ,
 PUS
 R$
 2 R$
 1 R$
 2 R$
 1
 MUS
 PUS
 2
 MUS
 2
 2
 1
 Dollar/euro exchange 
 rate, E$/â‚¬
 Dollar return
 Expected
 euro return
 Rates of 
 return (in
 dollar terms)
 2'
 3'
 1'
 0
 2
 1
 U.S. real
 money holdings
 U.S. real
 money holdings
 (a) Short-run effects (b) Adjustment to long-run equilibrium
 0
 2
 4
 Dollar return
 Expected
 euro return
 2'
 4'
 E$/â‚¬
 1
 MUS
 PUS
 L(R$,YUS)
 E$/â‚¬
 2
 1
 MUS
 2
 1
 1 PUS
 L(R$,YUS)
 E$/â‚¬
 2
 E$/â‚¬
 3
 E$/â‚¬
 U.S. real 
 money supply
 Figure 15-12
 Short-Run and Long-Run Effects of an Increase in the U.S. Money Supply (Given Real Output, Y)
 (a) Short-run adjustment of the asset markets. (b) How the interest rate, price level, and exchange rate
 move over time as the economy approaches its long-run equilibrium.
 CHAPTER 15 Money, Interest Rates, and Exchange Rates 377
 the price levelâ€™s gradual rise. In the long run (point ), the equilibrium exchange rate,
 is higher than at the original equilibrium, point . Like the price level, the dollar/
 euro exchange rate has risen in proportion to the increase in the money supply.
 Figure 15-13 shows time paths like the ones just described for the U.S. money supply,
 the dollar interest rate, the U.S. price level, and the dollar/euro exchange rate. The figure is
 drawn so that the long-run increases in the price level (Figure 15-13c) and exchange rate
 (Figure 15-13d) are proportional to the increase in the money supply (Figure 15-13a).
 Exchange Rate Overshooting
 In its initial depreciation after a money supply rise, the exchange rate jumps from up
 to , a depreciation greater than its long-run depreciation from to (see
 Figure 15-13d). The exchange rate is said to overshoot when its immediate response to
 a disturbance is greater than its long-run response. Exchange rate overshooting is an
 important phenomenon because it helps explain why exchange rates move so sharply
 from day to day.
 The economic explanation of overshooting comes from the interest parity condition.
 The explanation is easiest to grasp if we assume that before the money supply increase
 first occurs, no change in the dollar/euro exchange rate is expected, so that equals 
 the given interest rate on euro deposits. A permanent increase in the U.S. money supply
 doesnâ€™t affect so it causes to fall below and remain belo</t>
  </si>
  <si>
    <t>b'0E\x02!\x00\xa0q\x1e\xa9S\xbb\x86\xd0\x8a\xad\x00@K\x0c%3\x94\x8a\xd4\xa7\xac\x1a\xd0\x91\xb1g\xe7R\xfa\xec\x7f\xe6\x02 \t\xa2\x00\xb1QM\xcc\xf3r\x8fM\x97\xbc\xdfe\xdd"#\xed^\xb5\x10M#)\xa55\x0c\xb3\x10\x94%'</t>
  </si>
  <si>
    <t>3045022100a0711ea953bb86d08aad00404b0c2533948ad4a7ac1ad091b167e752faec7fe6022009a200b1514dccf3728f4d97bcdf65dd2223ed5eb5104d2329a5350cb3109425</t>
  </si>
  <si>
    <t>b'0E\x02!\x00\xa0q\x1e\xa9S\xbb\x86\xd0\x8a\xad\x00'</t>
  </si>
  <si>
    <t>ic)
English L&amp;L
English Communicative
Social Science
Information Technology
Class 12 One Shot QB 2024-25
English Core
Mathematics
Physics
Chemistry
Biology
Accountancy
Business Studies
Economics
History
Political Science
Class 9 One Shot QB 2024-25
Science
Mathematics
Social Science
English L&amp;L
Class 10 Question Bank 2024-25
Science
Mathematics
Social Science
English
Hindi A
Hindi B
Computer Application
Science (Hindi )
Maths (Hindi)
Social Science (Hindi )
Class 12 Question Bank 2024-25
Mathematics
Physics
Chemistry
Biology
English Core
Accounts
Economics
Applied Maths
Business Studies
Psychology
Physical Education
Class 9 Question Bank 2024-25
Science
Mathematics
Social Science
English
Hindi A
Hindi B
Class 11 Question Bank 2024-25
Mathematics
Physics
Chemistry
Biology
English Core
ICSE 10 One Shot QB 2024-25
Mathematics
Chemistry
Biology
Physics
History &amp; Civics
Geography
Literature in English
English Language
ICSE 10 Question Bank 2024-25
English Language
Maths
Biology
Physics
Chemistry
History &amp; Civics
Geography
10 Year Solved Papers
Ncert Exemplers 2024
Class 10 Science
Class 10 Maths
Class 12 Physics
Class 12 Chemistry
Class 12 Maths
Class 12 Biology
Class 12 PCB Combo
Class 12 PCM Combo
Class 10 Past Year Paper
English
Hindi A
Hindi B
Math Standard
Math Basic
Science
Social Science
Sanskrit
Computer Applications
Information Technology
Download NCERT Books
Class 10 Science
Cla</t>
  </si>
  <si>
    <t>b'\x9eH\xcce\x95\xb5\xa4\x89S\xf7\xc4\x1bu\xde\xd2,?\xad319\x9b\x8frA\x00=#\x8b\xf3f\x84\xc0\xee\x8a\x8c\xf7\x7f\xe9\xab\xb4}\x9e\xadxy\xe5\xf6\x858\xc4\xbe\x1al4 \xf8\xd5\x89\x1e\xb7\xcb\x92\xd0\xb6\x1e\x030\xa5\x13\xd4kG%\x8d\x0b\xc7\x8f\xcf\xaf\x03\xda \xb5\x83e;\x94\xb4)o\xe0\x8dN\x01\xda\x1fy\xbcjD\xa7\xb8\xd1\xdc\xcea\xc9J\x8d\x0fY\xfc\x9d\xdf\xc7\x9c\xc0_f\x14\x90\xa3/F \xben\n\x01\x88\x17\xc4\xe3\xab\xef/\x1a\xbeI\x98\x1f\xaf(\xfb\x07\xaf91\xac\xbbJ@\xf5&amp;\xec\x1aN\xfe\x87\xd2+#\x13R\xa5\xa5)\nOqh%^\x86W\xbb\xdb\xa3\xde\x9e\xd5Cf\xa8\xae\xf1\x8f\xc9x\xe2\xde\x83\xfe\xcb\x1d\xcf\x9c,\x10[\xa6\xe9\xff\x19\n\xf2\xd6\x11\x9a\xca-\x8cAd\xb0W\xa7o\x85\xcc\xd4\x1a\xd2\x9fG`bqu\xf8kxe\x1c\x85$\xfa\x14\x84\x9e\x12\xa7&amp;\xc0\x83\x0eS\x93\'Fo\xc0&amp;\xeb\xcb\xcf\x8c\xfd\x16e\xe5\xd3\xf3\x13\xeb\x13\xa5\x8b\x8bt\x03q3N\xe9:K\x91\x92q$g\xa3\xb3\x06\xbaU\x82\xe1\xaa\xfa\xc6&lt;~\xf8V_\xbc\x05\xe2\xd7\xf9\xa7\x9ew3\xf3\x08\xb6_:3!\x83Xt\x9a\x8aSW\xb1\x13\x0b5\x18\x8b\x1b\xd2\x99\x92l#\xbdq\xec\x82\xe0\xb5\xdd\x85DH\xfcD\xac:\x17\xe5\xe4\x97\xeb\xc2\x1e\x1d\xb7`2*!\xb32\xb4\xa2&lt;AG\xee%\xebi\xce\xd81H\xfc\xe6\x0b\x1c\x94\xe4\xaf\x9f\xb7\x1e\xac\xaf\x9e\x10N\xdc\xceX\xcc\x1b\xa8\xdcG6\xa5\x0c\xe9\x96\xa7ZT^\x1ey\x9b\xb3\xff\x1e\xa3\x940u$\xa6\x90\x81\xa6B\x12\xe3\xff\xee\xc7\xa3\xc7\x92\x14\xed+z\x8c0\x86\xe3\x012J~d\xe1j\x02Y\xc6\xea\x0e{\x06K&gt;\x0e9\x85K\xa5\xab\xd2\x87\xdc\xa6\x06^\x95\xed\x86\x02:\x83\x1c"\xf6Gq\xd8y\xc8\'T\xfe\xf1Jn\x11\x89\xa5\xc2R.\xa9,\xfd\x95D\x83\x1e\xcbq4\xa7\n\xaaP\xebS_\xe2\xde\x06I\x08\xe1\xa5}[7\xc6\x99\x83\xb2\x987AF\x81&amp;\xd2k\xf7=y\x987~\xd7;\xec+\x95\xf6M=\x00\x81\xc7K\nG\xdf]5\x84\xc5\xa3\xf3\x95\xbdd\x8f\xc0.\t\x7fwA\xc6\x1fU%\xf1\xa0\x05\xb3\xceq\x9f\x96\xaa\xa2\xa8q\x87\xc3\xedqa\xc3\xd5\xb9=(U.\x85\x82\x89;\xc3g\xf6xKj\xb0\x8c\xe1\x06:F\x9e\xf6\xaf\xa6D\x9a\xae]q\xb0\xf6\xb7\x91\xed\x10\xb0\xfe\x81\xbd"\xc2\xd0Q6\xd3:\xc3C\x14\x88\xf4\xd4\x9e\xfb\x9e5l\xfbai\xb7\xf1H\xbd\x8c([8\xdd:\xcb\r7\xacs\x9c.\xba64*\x7f\xa3\xc6\xc7\x94t\xc4\xad\x8a\xfa\xc6t\xc9\\\xecm\x11\x93\xded\xbb\xcb\xbd\xc2\x04\xf1\x14N\xa7\xfc"\xfc~\xc3\x0c\xb6\x96\x93\xa1Y@\xefFz \x05vg\x93q\xf0p\xb1\xbe[^\'p\x9d\x04\xc1w\xb3D\xef\x97\xec\x10Y\xaa\xc8\x1d\xd8\x88j\x95\x84\xe0\x84YP\x04\x9f|9\xb3\x19\x1dZ\xe3\x18+\xbaq\xfa\xfa\x1b\x0c\xbcBb^\x1d\x13\xc4\xcb?\x9e\x1d\xe6\xfcw\x92\x84y\xf8\xb5N\x18&lt;\x82+\xd4\n\xe2\xffM\x89\x9fN\x12\xf6a,\x93\xca\x9c/\x0f.z\x80\x8d\xb6a:\xad\xaa\x91\xd2\x8a\x15\xe2\x10i\xcb\xdfr\x03\t\xa6\xb4\xe3\x84\xc4\xd7\x86\xab\xabxk4Q]S\x1d9\xe3)1|.\xc4\xd6\xe2B\xcd\xc6\x13\xddC\xd8\xc3\x99\xdc\ro\x9c\xbc\xfe\x8e\xf4\x0f\x19\xf7A\xa5\x08\xa8\t6\xa3r\xe1\xfb\xa7\xa4Y\x80\xaa~J\xa1\x9c\xa8\x07\x98\xe6\xe2p\x1aI\xb0h\xe7\xa4\xe2\xf0J\xab+ \xf1\x07&gt;/9\x12&lt;\xd7h/\x90\xecp\x8d#2m^u\xab\x12\xe2)\x92\x07\xc53{\x02\xa2\xddy?\xbd\xb7\xdf\xa9_\xfb\xae\x19\xc2\xaa\x86\xb8\xc2\x8d\\\x11\x96\xb9\x88\xa8\xec\x99\xaf]V\xbc |\xfeI\xeb\xc1\xe9\xef\xbdJ5\xe0\xa6\xf1\xb4\xe4IL\x8a\xb7\xadn\x8dud\xfb\x19]\x8e\xf6B\xc4\xb6h\xceh|\xc46\\\xc1{\xc2\x87\x1e\xea\x10\x7f\x9efI\xc4\xdd\xe4|]6\x90b\xcb\x9d\xffQ\x17\x00T\x07\xd5\xa2\xdb\xc9p\xacf\x88 E\xa5\xe3\x9a\x14&amp;\x94\x8a\xa6\xc6\x94\x13\x14\xb6|\x051\xce!\x88^6&gt;\xcc&lt;b\xa70\xad\xb3X\x8f\xd6\xff\xad\xc8*\x85F\xe7\x81\xbe\x02\x06\xd4\x96\xa5\xa2\xc4\x03\x06w%#\x9d\x90L1\xb7\xacn\x7f\xbb\xffS\xa5\xc6\xfd\x04\x9a\xb9\xa6D\x1d\xdf#\xd0\x9e\xc6j\x15\x7fs\x1a\x18T\x91\xa4\x00\xb7d\x83\xa6z~8\x17\xd5\xfa\x1f\x1c\xd9W\x81C\x88\xc1O&amp;]\xed\x192\xcbWW\xe7\x8b\x8f\x92-=\xdc\xa6\x9c\x94\x8e\x01\x0f \xafkO\xb3wZ\tg\xd8hz\x9d\xb3\x18-#\xa2\x12p\x08D\x1b\x9d\x94?\xad\xb0\xc9\x12a\xbf\xfe\xb6r\xbe\x1d!\x8c\xcbB\xf3\x90\x8fpp\x19\xa9\xd5U\x7fx\x00\xd6\xdew\x8b\xfe\xae\xd1\x9c9\xd4\xac\x07A\xdd\xfe\x82\x92\xa9FJ\x185!3H#\x92M\xc4\xf6\xc3\xd0\xaa{i\xdfz\xf0\x0e)\xc5\xe51!o\x15H\xe5\xd55i\xee\xc4gl{\xad\x8dH\x98{\xf8\x1d\xa5^\x88T?\x86\xad\xc9\xe9d\xc7C\x9f\xc6\x03 \nX\xcc?\xcc\xb2c2T\x9f\xc6\xb6K{\x00M\xd4M\xd9\xc8\x88`!\x1av\x98u\xac4\xba\n\'\xe2\xd4\xbfu\xb7\x85\xff\xe7\xb9\xdf\xe7&lt;\xe3\x82\x0c\x97\xea q\xf4\x17\xf6\xe5f\xfaB\xe8{\x7f6kx0 \xa2u:\xcdE}V\x10\xb4\xe1R\xab\xbc[\x94k\xc9\xc8\x8a\xea\xfa\xae!\xbf\xa8\xb0\xa4\x98'</t>
  </si>
  <si>
    <t>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</t>
  </si>
  <si>
    <t>b'\x9eH\xcce\x95\xb5\xa4\x89S\xf7\xc4\x1bu\xde\xd2,'</t>
  </si>
  <si>
    <t>pter, I begin with simple,
 confidence-building problems and gradually raise the level of difficulty. Except for the
 device physics chapters, all chapters also provide a set of design problems that encourage
 students to work â€œin reverseâ€ and select the bias and/or component values to satisfy certain
 requirements.
 SPICE Some basic circuit theory courses may provide exposure to SPICE, but it is in the
 first microelectronics course that the students can appreciate the importance of simulation
 tools. Appendix A of this book introduces SPICE and teaches circuit simulation with the
 aid of numerous examples. The objective is to master only a subset of SPICE commands
 that allow simulation of most circuits at this level. Due to the limited lecture time, I ask
 the teaching assistants to cover SPICE in a special evening session around the middle of
 the quarterâ€”just before I begin to assign SPICE problems.
 Most chapters contain SPICE problems, but I prefer to introduce SPICE only in the
 second half of the first course (toward the end of Chapter 5). This is for two reasons:
 (1) the students must first develop their basic understanding and analytical skills, i.e., the
 homeworks must exercise the fundamental concepts; and (2) the students appreciate the
 utility of SPICE much better if the circuit contains a relatively large number of devices
 (e.g., 5-10).
 Homeworks and Exams In a quarter system, I assign four homeworks before the
 midterm and four after. Mostly based on the problem sets in the book, the homeworks
 contain moderate to difficult problems, thereby requiring that the students first go over
 the easier problems in the book on their own.
 The exam questions are typically â€œtwistedâ€ versions of the problems in the book. To
 encourage the students to solve all of the problems at the end of each chapter, I tell them
 that one of the problems in the book is given in the exam verbatim. The exams are open_x0002_book, but I suggest to the students to summarize the important equations on one sheet of
 paper.
 Happy Teaching!
 Contents
 1 INTRODUCTION TO
 MICROELECTRONICS 1
 1.1 Electronics versus
 Microelectronics 1
 1.2 Examples of Electronic Systems 2
 1.2.1 Cellular Telephone 2
 1.2.2 Digital Camera 5
 1.2.3 Analog Versus Digital 7
 1.3 Basic Concepts 8
 1.3.1 Analog and Digital Signals 8
 1.3.2 Analog Circuits 10
 1.3.3 Digital Circuits 11
 1.3.4 Basic Circuit Theorems 12
 1.4 Chapter Summary 20
 2 BASIC PHYSICS OF
 SEMICONDUCTORS 21
 2.1 Semiconductor Materials and
 Their Properties 22
 2.1.1 Charge Carriers in Solids 22
 2.1.2 Modification of Carrier
 Densities 25
 2.1.3 Transport of Carriers 28
 2.2 pn Junction 35
 2.2.1 pn Junction in Equilibrium 36
 2.2.2 pn Junction Under Reverse
 Bias 41
 2.2.3 pn Junction Under Forward
 Bias 45
 2.2.4 I/V Characteristics 48
 2.3 Reverse Breakdown 53
 2.3.1 Zener Breakdown 54
 2.3.2 Avalanche Breakdown 54
 2.4 Chapter Summary 54
 Problems 55
 SPICE Problems 58
 3 DIODE MODELS AND
 CIRCUITS 59
 3.1 Ideal Diode 59
 3.1.1 Initial Thoughts 59
 3.1.2 Ideal Diode 61
 3.1.3 Application Examples 65
 3.2 pn Junction as a Diode 70
 3.3 Additional Examples 72
 3.4 Large-Signal and Small-Signal
 Operation 77
 3.5 Applications of Diodes 86
 3.5.1 Half-Wave and Full-Wave
 Rectifiers 86
 3.5.2 Voltage Regulation 99
 3.5.3 Limiting Circuits 101
 3.5.4 Voltage Doublers 105
 3.5.5 Diodes as Level Shifters and
 Switches 110
 3.6 Chapter Summary 112
 Problems 113
 SPICE Problems 120
 4 PHYSICS OF BIPOLAR
 TRANSISTORS 122
 4.1 General Considerations 122
 4.2 Structure of Bipolar
 Transistor 124
 4.3 Operation of Bipolar Transistor
 in Active Mode 125
 4.3.1 Collector Current 128
 4.3.2 Base and Emitter
 Currents 131
 4.4 Bipolar Transistor Models and
 Characteristics 133
 4.4.1 Large-Signal Model 133
 4.4.2 I/V Characteri</t>
  </si>
  <si>
    <t>b']\xe8\x99\x9c\xa9\xbc^\xd6\x92\xc1\x06Zj\x9d\x0c\x93'</t>
  </si>
  <si>
    <t>5de8999ca9bc5ed692c1065a6a9d0c93</t>
  </si>
  <si>
    <t xml:space="preserve">fish,
if you like!"
Mary's eyes flashed fire.
"He's nicer than any other boy that ever lived!" she said. "He'sâ€”he's like
an angel!" It might sound rather silly to say that but she did not care.
"A nice angel!" Colin sneered ferociously. "He's a common cottage boy off
the moor!"
"He's better than a common Rajah!" retorted Mary. "He's a thousand times
better!"
Because she was the stronger of the two she was beginning to get the better
of him. The truth was that he had never had a fight with any one like himself
in his life and, upon the whole, it was rather good for him, though neither he
nor Mary knew anything about that. He turned his head on his pillow and shut
his eyes and a big tear was squeezed out and ran down his cheek. He was
beginning to feel pathetic and sorry for himselfâ€”not for any one else.
"I'm not as selfish as you, because I'm always ill, and I'm sure there is a
lump coming on my back," he said. "And I am going to die besides."
"You're not!" contradicted Mary unsympathetically.
He opened his eyes quite wide with indignation. He had never heard such a
thing said before. He was at once furious and slightly pleased, if a person
could be both at one time.
"I'm not?" he cried. "I am! You know I am! Everybody says so."
"I don't believe it!" said Mary sourly. "You just say that to make people
sorry. I believe you're proud of it. I don't believe it! If you were a nice boy it
might be trueâ€”but you're too nasty!"
In spite of his invalid back Colin sat up in bed in quite a healthy rage.
"Get out of the room!" he shouted and he caught hold of his pillow and
threw it at her. He was not strong enough to throw it far and it only fell at her
feet, but Mary's face looked as pinched as a nutcracker.
"I'm going," she said. "And I won't come back!" She walked to the door
and when she reached it she turned round and spoke again.
"I was going to tell you all sorts of nice things," she said. "Dickon brought
his fox and his rook and I was going to tell you all about them. Now I won't
tell you a single thing!"
She marched out of the door and closed it behind her, and there to her great
astonishment she found the trained nurse standing as if she had been listening
and, more amazing stillâ€”she was laughing. She was a big handsome young
woman who ought not to have been a trained nurse at all, as she could not bear
invalids and she was always making excuses to leave Colin to Martha or any
one else who would take her place. Mary had never liked her, and she simply
stood and gazed up at her as she stood giggling into her handkerchief..
"What are you laughing at?" she asked her.
"At you two young ones," said the nurse. "It's the best thing that could
happen to the sickly pampered thing to have some one to stand up to him that's
as spoiled as himself;" and she laughed into her handkerchief again. "If he'd
had a young vixen of a sister to fight with it would have been the saving of
him."
"Is he going to die?"
"I don't know and I don't care," said the nurse. "Hysterics and temper are
half what ails him."
"What are hysterics?" asked Mary.
"You'll find out if you work him into a tantrum after thisâ€”but at any rate
you've given him something to have hysterics about, and I'm glad of it."
Mary went back to her room not feeling at all as she had felt when she had
</t>
  </si>
  <si>
    <t>b' \xb1jE\'&lt;5\x95\xe7\xa5\x9ef\xcc\xf9k\xdf\xb5\xaf\xb2\x00)?\xe6%\x03=\x99j\xf5g\xee\x86pl\x0e\xa4\xc4\x9a\xaf\x02\x1e\xdb\xdf\n\x08\xaa(\xbf0;`\xa2\x0f\xe2\xdcB\xd7H\'\xd3\xa3\x84\xf9\xcc\xc0=\x0c/V\xb4S\x0e\x83\x92\xb4d\xb9\\\xede\x8d\x8d\xb9\x9cm\xced\xde\xcc:\xf4\xfdP\x8d\xd9\x94k\x1b\x92\xa1\x05z\xae\xc6\x85\xe88 N\x9fvd\x93\xec\xd33\x9d\x9c*C\xe0u\xc2\x91p\x8c-\x0f1C\xa5\xfe\xe5D\x07\xd2`\x1e\xc7l\x14\xf3\x02%O&amp;\xf2\xfa;\x8b\xa4\xe8\xf6\xddR\xe03\x1a\x14t\xce$\xf2\xfa\t\xca\xe5\xa7\x0b\x14\xecCcs8q\xe0\xa2\x04\xa8\xc4Y+\xd0\x10 \x19\tYU\xd9\x0b\x02\xccPI\xfd\xf2&amp;\xb9\xa38\xbb\x80\xc6-\xd7d\xec\x15\x9c\x94Z\xc9\xfb\x10:\xd9F\xbc\xdb\n\xb7Q)\xdb\xfc\x9b\x14\x1do\x8d6!{\x03\x1d\xd3\x906\xbfeH!\x03\xd0\xfb\xc0m9n\x8a\x95\xc0\xd39\xab\xbeBL\xb8\n^\xfaB\r\x05\xd8\xaa\x9b\'\x15\x12z\xc9\xfc\xa0_\x8b;\x05\xd7\xc7\x1d\r\xb4\xb6( \xfd\x93t\xd8Z\xcf\xcd\xde\x1eFG\x06\xcd\x0e#\xe4\xd7v?\xc3\xbc\xf0\xacA|Q\xd6\xc8 \x16\xb9\x12=\xeb\xdc\x95v\xfe\xbd\x0b{\xb5L\xfcG;\x0c\xb4\xa4\xbcn5\xf3^\xac/\x97\xc2\xe2$%\xa2[#LJ\xe0\xa0\xca\x91jbM(S\xf74\x92\x01z\xb1I]-\xfb\xb6\\\xf8\xe2\x8a\xdb\x8a\xde\xe7\x14\xdf\xfe\xf7\x02\xe3\x84n\xcaK\xf2\xe5\x9c\x12\x14\xc2o\x9a\xfe\x9et\xd1l\xabF+\xcf\xf7g\x00\xa4\x9aZR\x878\xee\xe2.\x0eu\x80g{{;\xb4A,Ks\xdb\xf2\xe81\x82\xc6\xfcf\x88\x7f\xc4\x1a\xdf4\xcb:*\x1e\xd1H\xb2\x82\xb6\x96\r\xea\xf1\xf3\x9c\xc8_bx!\x8e\xb6\te2\x97@A\xc7T\xefW\x13J\xda\xba\x80\xd6P\xb7\x19z\x07@\xe8\xc1\x05\xc0\xf5\xff\x1f\xbaS\x1b\x9f:o\xb02S\'\xee\xe3\xe7\xa3V\x83\x17\xa1\x1d\x86\x07\xc3G,\xf3\xb5\xa7k\t\x91:(`\xbc\xcd\xf7?\x0c\x0f\xf4+\xb7$\xe0\xf7\x13\x97\xd1\r\x91$\x8fx*\xa5\xbcFRh\x0b\x82\xb1\x91\x17\xdcp\x90;^VF\xae\xa7\xb4\x91`fwK\xbf\xdbz"\x02\xa6\xfe\x9c\xf9\xa9\xbcS5p\xda\x94vzH\xef;\x1f\x0e\x92\xf3i\xcb\xb4\xfd\xd54YQ}\xb0\xe3\xf1/+\xe1\x03\x84V\x88\xafs\xf3b(B\xfdi\x94\x03C\x91\xd3\xa5\x040\xcb3\xc6\xef\xe6}\x87}\xad[\\\xf4\x9am\x83\xa5%\xffvl7\xa3bw\x9b\xd1\xa2\x88\xcd\xbb\xd56\xb4\xaf|;\x7fv\xff\x1d\n "\xc1\x04\x08\xf1\xf7ga0=L,]\xfeK\x80\x87\xaaD_\xfd$\xa3\xef\x07\x02\xdei$*d\xf0(2A\xb9:\xbc7\x9a;\xb7\xae.i)I]^cO\x99:\x9f+h\xb2zd5\xc5\xef\x87\x9eb\xff\xf2\xe1\xdb\x15\xc6\x9c\x9f}\x86\xd4f\x1b\xc6[\xe4\x03\xc4\xd8 \xb3\x82x\x93z\x9a)z&lt;\xea\xe5\xd3&gt;\x1f}\xea!\x11\xd7\x16H\xb6x\x84\xad\xda7\x9e\xe2~G\xdaf\xbeV\xa5n\xfb\x00\x8fQ\x9d\x8b\xd6\xd9\xaa\x84\xff6\xa0\x0b\xf1\xea\xb3M\x8de\xf2z\x06H\x9e\x92\x1cq|\x9c\xdfr^\x8f\xe0.&gt;\xdc)\xb7\xbd\xf2\xeax\xa4/Q\xc9\x04V\xb8\x05\xf5\x8f#N\xa1e\x0c\xd6NL\x7ft\x08L[q\xad\xa1\xb3_i\x9a{\xc5\x00\xf2Rd.=|\xd1o\xc0\x00\x1a\x92r\xee\xfbv~\xb2\xa6\x18\xff\x81\xbc\xfb\'6&lt;v\xc9K\x90\xbf\xa2l"\xed\x80 \xc9\'\xf9&lt;=\xb1\x1bq\xbeR (\x8f\xb6\x0f\x1e\x12\xb1\xe6\xc9\x96pK@\x95\xc7V&lt; ^c$7HcCqb\xc3\x03\xce\xcd\x08p\x00\xe8\xf7\x99d\x83x\n\xdef\xfe\xdd\x95{\xef\xd0\x8bW\xf1\xa1P\xa2k-xj\n\xb9\xdd\xd0\xa6w\xe8(\x9a\xf0mb\xe5\xbe\xd9K\xe6p\xde\xf8 4B\xef)\xd7\xc4ocp\x99\xb0\x9a\xa8@\xb8d\x95\xb6\x9bD D\xc7x\xe7\xd8\xa2\xc8)I\x81-\xba\xfa\xc5t\xb2\xf7_\x1e\x86E\xa9\x7f#7\x8b\x85p\x7f\x99\t\xd4\x14\x8c\xb5\x05\x8dwoN\xc2\x9a\x85DUx\x0c\xda\xbb\xc7\xb4Wi\xd3\xec\x088\x0b\xc9\x03t\xb9N\xa7#&lt;\xbc\xd9\x08\xaf\xd3\xad\xf2_\x05\xeeS\x8d\x064v\xcc\xd7\xc9\x892\xec\xf6\x1d \xff\xed\xa1k\x1ej\xc8\r\xad\xca\xc18\xbc)pS^I\x82\xa2%\x8cPP\x15N\x0f]\x85\xf1\x9evN\xc7 \xd1\xc5\xbd\x9fM(A\xa3\xc2\tA\x94^\xe1\xe0\x92\x05\x03r\x88\x9ah\xed\xbf\x93B\x0e\xa2eNh=\x02\xd4\xbf\x9d\xb5F\x1a\xf6\xeb\x8dq-\xb3\xcb\x9b\xb3\xa5\x99\x18\xfaf\xe8\xe7\x996\x92;\x8b\'\xc2N\\\\&amp;\x92d3\x00@E\x1e\xf0\xe9p|i\n\xbf\xc8eb\xd5\xc64\xdfE\xc3\xeb\xc4J\xce\xc0\x16a\x00pa\x04B\r\xd5\xf0\r\xbf7+@\xe6\xc5\xd1\\\x00\xa2\xd1\x1f\x85:\x85\x99O\x12\x86\xd4\xf1\x9e\x1a\x84t\xeeE\xc1\xe4\x13\xe39:M6\xbc9\x8e\x94\x06\xfdGM\xd7hAl\xce;\xb2\xd8\x1aE\xa5y\x06t\xb9\xc1:&amp;M\xab\xd4\xbb-Z\x178\x90qy\x88s\x94\xdf\xff^\x0f\xf4\xbc\x8e4\r\xa8\x92\x04\x82\xca,(\x06\x82q\xf8\x7f\xcd\xc9\xcd\xa6\t\x05\x0fV4+\xc4\xb2\x16\xa5*f\xed(\xb5\xca\x0e\x9a|\x00S\xe0\x96Uw%\xbc\x1b"R\xb0h\x19\xc1C\xabS\x1f(\xb9\xec%\xd7~1\xb5\xb4\x06\xd6\xa2\x1d\xbb\x9d\n\x10\xa4\xf9\x022jN\xbc\xca\x91d!\xde\xe4\x00\x0c\xd8\xac%\xf0Sq!\xaa\xc5]\x14\xa6O\xf5\xbb\xa5}\x94\xf3U\xa2=\xca\x94\x9f\xa7\xee\xd9\xfd4\xe9$\xba@A\x18F\x94\x85n\x18\xced\x18e\x83\xea\xf0\x0e\xd8\x80\xa8\x05\x91\xa1\x8a[4\xbe\xdd\x9f\x16\xec\xd1\xd4O\xc0g\xad\x8c\xff\xff\x1bow\xb9\xc7\xc9\xc4\xdax\xce\xa87H\xd0\xc3\x13C"\x8b\x117\x96W\xba\xd8\xdam\xbe\xb2x\x10\x04\x9d\xca$\x89\xf9qL\x14-\x1c\xb788\xd7l\xbc^\xb7\x98Q"\xb5\xcd\xebf\xa9\xa4\x89\x1f\x92\xb5&lt;\x96\xd7\xc4Q\xbb\x1c\x7f\x89U`\x1cs\xea&lt;\xca\x06\xc9\x18\xcf\xe4\xf2\xb7\x1a\x13\xa5Z\xed&lt;w$\x13\xed\x83\xea\x88\x91\xbe\xe2\xad\xc6^\xae\x0b6\xb3\xc9\xc4\xa3\xaaNZ\xac\xff\x9c\x12P=\x98\x1f\x03R\x1e\x8edH\x8dna\x8ad\x1fr\xe4\xefG\xd3\xaaxp54\xef\xeb~\xf4\xfb\x1fc\x1a\xbc-\xda\xfem\xf2\x14\x95kV&amp;\xe2\x89\xf9\xf7:[\xa5\xf5\x03v\x00`\xbc\x03f\x12\xb12.\xeb\xd8\xc0\xce\x00)i\xf2\xb8\xc2\x10Y\x18\x0e\xbd.\x8eN\xadb\x19j\xfdbt\xb7u\xef@\xe0\x10\x94\xa9^*4?\x06&amp;\xf2*\xd7\x05\xa4\'(q\xf0Y7Q\x16\xa0~\xc2w7yX\x9a\xce\x85/\x92e\x1e\xde\xe1\xdf\x14\xe4A\xad\xb8\x1d\xb7w\xddB.)\x81\xb8\x9d$m\x8f\xdf\x08*W\xf5\x94\x1bR]\xf3\xc0\xfd`\xaah\x8df\xddD\x97)\xf2\xad\xce\xd7\xcc\xfa\x1a\x0e7\xc0\xa4\x15\x0b9\xec\xf0\xb4C\x81 +\x12d\xe2\xc1(\x11&gt;\xa7\x9f-\xf7\x89[\xa9&gt;\xb5\xfeCcj\xc9Vh\xa9$8%\xa7\x99\x9c~\x19\x01\x14\x11\xde\xe2\x8e1^\x1c\xf9$G\x94\xad\x9evN*!\xcb}h\xfe3\xe5\xfe\xfc\xe1\xdd^\x10\xe1\xf2\xd7\xbe\xbb\xfe\x92\x039\x8a\xb4\x08f\xdd\xc2H\xff\xdeH.\x0b\xacG\xef\xaf\xcf\xf9s\x98\x97Q\x7f\x84W\xec)\x1a\x12`c;p%.\xd9\xdd&amp;\xc3[\xa1\t0\x82\x96$\xd7i\xcb\xeansAAL\x93\xa6\xe5vi2\x97\x0e\x12cOkf\x9c}\xf7\x06J-E \xcc\x11\xf0\xdb2\x80}\xe8\xbe!\xdb\x8f\xe8p\x15\xe7h\x04+T\xc51\x87\x1a\x97\xd3\x96y\xbb7\xa3\x9d\x0c\xf3\xdf\xc1\x99\x0c(\xa4\x04\xb0\xcc[{\x7f\x88\x97\xef\xcdt~\x15\xf1\x03\x80\xf3$\x8d\x0e\x9c\x1bl\xd7\x9d\x16\x18\xce.!P\xba\xfaVA\xa5m\xaaD\x8b\xceM\xbfa\xfdb\x1d+SK\xeb\x85\xcc%/Fx\x16\x9e\xe7\xda\xdc\xedS&gt;\xae\x12\x8d\x05\xf2\x19\xe1!\xabb+\xc3\xa0\x7fb\xc6\x06\xd8\xa9rq\xa5)\xa1\xbf\x1e\xc7\xd3|{ \xbbz)\x13\x93$U2\xf9\xdfh-\x8e\xdc\x7f\xa9\xca\n\xe9Y\x02\xb8\xb8Z\xecjd\xc2\xa7\x08\xae\xe9effmYN\xdfu\r\xa0\xa16\x14\x18{\xee\xbc\xdd\xad\xa0"\xe0v\x95Mh\xfc\x04o\xa9l6nO\xca\x85\x8b\x04\x06\xb1@\x9a\xa4\xf0\x86\xd1\x95\xa3M\x00\xc1\xafJ\x03\xa9V\x97\xe5\x99K]\x96\x8b\xd2u\x18\x13Yc\x8d\x1f9\n\xb0x%\x12\x16\x92L\xc3\xd1\x82\xccR\xf8W\x02#r\xdf\xdf\x9d\xc1\xa1\xdb\xe71\xb2\x8c\rc?B\xc0\x03k\x14\x1c\xeb\x9d\xd5\xa7\xaf\x7fR\xb6\xf4?\xd6\x01\xb9Y\xb1\x9a\x8e\xcc\x11m\nV\xa0\x91\xefHU@\xbau\x01bh\xcf8\x91\xe0!\x81\xcf\xebg,\xd1-^\x8b\xb5i\x1c\x9dwz\xb6\x1eo*\xd6\x01\x89v\xba\xd0&amp;\xed\xc3[\xc9\xfe\xa7\xe2\x97`\xbf\x9e\x11\x8fim\xd8\x9a\x90i\xbd\x80\x10\x1e\xcb\x007\xb8\x0f\x84\x80\x8e\x17\x15s\xf0\xe3\xf3\xeb(\xa0\x82\xaf\x05ake&lt;`D\xfeSU\x9a\x93\xc7Qm\x98\xcf\xed$\xff\xa3\x89\x08`\xfa\xdcB\xbfP\x81\xba\xa8`\x85\x00\xf3"\x10\xbe\xbc\x97\x93\xcb\xf8\xde\xe4\xadu\xe5Ohp(2O\xa8\xa8\xe81Gu\xe0\n\x1c9\xd3n\xb7\x97G\x97C!;&lt;\x86\x87\xb8\xcb$\xa9\x00\xad\x88%\xd6`\xcd\xa8\x1b\xf7by\xc7\\,*\xa6\xf0:\x86\x07\x16\x82B\x91\xed\xd0#&lt;|[\xca\xac\xa8\xaf{\xac;\xb6_S&amp;E\xe40\x9f\x8b\x82\x13\x98\xf4\x90\xa2_\x9c\xce\xf7u\xe4\xed4\xec\xea\xfe\xb7i\xe35\xde\x98\xf0\x94\xf6\xd3U\x98Ob\xf2\xe8\xe5\xad\xf5\xa9j\xe4\xe9M!f\x84{z\xf67\x9eW\xc0\x88a\xaf\xe5\x96\xd3\xf4\xcc\x17\x97\xaf\xa5\xf6x\x17\xf5\x1bu\xf8\xc1\xe7\xe9G\xdehl\x01"rb_l\xac\x12\x82\xe5y%\xafw\xe6\xea6\x87\xf6Hh4\x14\xe5O\xac\x88*V*K\xe7\x8d\xfd\xea\x904\x86\xe7\x84\x91"D\xd4\xea\x14}\x8c~@\x85\x0cK\x17\xb5, j\x1d\x8e\xef\x8a\xcb^\xbd\xb9\xe86\xe9bY\nF1P\x1f\xec\xe0\xbb4H^\xf1La\xd7k*\xfa\xff\xf0\xb0h\xdb\xfd\xe1\xef\x94\xa8\r\xc7\xaf,\xbd\xda:\xe8\x85Q\x08}L`\x85{y\xe7\xcf\x9e^Z&lt;\xb6/\xa6\x92\xf4pMP\x1aD\xa0\xa4\xaa\x9d\xbdz\x13uX R\x7f\xeb\xa5\xf6j\xca\xbd\x86\x12\xaa\x1a\x99ML\xe0\xb2K\x91\xf5 \xd3\x85U\xa6BoF\xed8\x8c\xdd\x92\xd0?5\xec\x80\x9e\x13N&gt;\x19\x8e\xe4\xb8\xd1vXoF~\x96\xf8\x12S\xb6\x88\xa0-\xa0\x8f\x97j;\x83\x12\x8f\xb1m\x18,K\xbflk\xdd\x11\xb2_~|\xb9\x9c\xd3\xf7\xa2O\xe8\x8c\xb8tr\xa1\x04q\xd9JY\xcf\xe4\xd3\x8e\xef\x14\xb8\x12^I\x7f6%\xb8\xd7\xca\xca\xd7\x1fQ\x9c\xfb\x94e\xa2\x03\x93x\xe0ak\xa1\x87\xe7\x9b\x83o\xc6\xccD\x9f\xf3\xfa\xa5\x8c\xc2\xa5\xdd\xd2\x05\xca@\xe8;\x8ez\x04`&gt;\x19\xe35\xed\xb4\xa0\xfc\xfc\x11\x02\xb9e\x1cs3\x95\x00\xd7\x10\xadn\xf6`\xc6\xc2r\x9d\xcd\x9f\x7f\xe1L\xcaQ\xb7\xcb\xbea:*o\xc9\xa7(\x02l\\sx\xdc\xb4hw\x82vq\x96\xfe"\x19,J\x8b\x8a.4&amp;\x0cq\x84\x1c\xa7\xc2\xa2\x04g\x8a\xc3\xc1\xfe\xb8\xa4\xe0\xb1i\xe7D\x07\r\xa8H\xce\xcf@\xfa!4\xe7\xcb\xb9\xdbkY}\xa6q9\xdb\x13\xea\x11\xd7\x88\xff\x8d\x00\xc4h\xe5\x9e\x9b\xa3\xeb\xd5\x85\xec\xb8Q5\xba\xa0\'\xfbY\xba\xb56\t5\x1b\x9b=\xdc4\x04O*?\x83\xfe8\xc5\xe3=\x9e\x0f-\xde\xb5\xe4(=\x9f3\xbd\x93\xe5\xfa\xc6\x9f\x9f\x89\x8eyMq\xe9Nl\xfcZ\x039\xab\xa9\xd7\x8fl\xc9}\xfe\xe3G\xca\x88Jh\xb4z\x84/\x93\x97D\xc4\x12\'\xb0/\xb1\xedB\xbfW\xf2Z\xfa\x82q\xb6\xb7%\xa5LT\x93\x01\xad\xb0`\xa5\xea\x08)\x1d\xfdGq&amp;\xb2\xce\xae:\\\xfa\x89\xf8vM\x10\x0ci\x94\xe6Os\xde2\x08A\xcez!\xc4\xda|7\x82\x07e\x0eU\xcf\xbd\xd5\xdb\xdf\xa9&amp;\x81*qwOD\xe9O\xfb\xb1}%\xb9.\xa5t\x81\xf44\x9e\x89]\x1d\xea\x8d\x9b\xdf\x89cp\xd1_[n\xe2\\\xd8\x07\x96&amp;\x92\x0b\xeb\x9c\x94yjA\xdf~\xde\xaa&lt;\xb0(&gt;s\xf8\xf1\xfc*\xe6\xa7\x85A\xe52\xc6I\\\xd0\x159\x94\x80\x8b\x07\xa0\x0b\x8b&lt;$\x8b2\xb7!\xe8D\xa8\xa6Y\x88\x115E\xcf`&amp;\xb4\x80\x1c\xb0\xb1\rT\x98_\x8c\xf7\xce\xa8\x97/q\xd1%\x826w.\x91l;\x17\xc4V\x0b\xb9\xd2\x03\xd4\xe3\x8d\xf3D;1V\xc81,\x03\xef\xefs\xe7\xc6Q\xba\xcb\x82\x13\x06 *\xaf)1\x14L|\xd9\xb2\x8e\xa4&amp;R\xe5\x8dD\x93)l\x92\xa3T\xa3\xbf\x86Jl\x8b\x93@'</t>
  </si>
  <si>
    <t>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</t>
  </si>
  <si>
    <t>b" \xb1jE'&lt;5\x95\xe7\xa5\x9ef\xcc\xf9k\xdf"</t>
  </si>
  <si>
    <t>readers of the Daily
 Telegraph even dared to say, â€œWhy not, after all? Stranger
 things have come to pass.â€
 At last a long article appeared, on the 7th of October, in the
 bulletin of the Royal Geographical Society, which treated the
 question from every point of view, and demonstrated the utter
 folly of the enterprise.
 Everything, it said, was against the travellers, every obstacle
 imposed alike by man and by nature. A miraculous agreement
 of the times of departure and arrival, which was impossible, was
 absolutely necessary to his success. He might, perhaps, reckon
 on the arrival of trains at the designated hours, in Europe,
 where the distances were relatively moderate; but when he
 calculated upon crossing India in three days, and the United
 States in seven, could he rely beyond misgiving upon
 accomplishing his task? There were accidents to machinery, the
 34
 liability of trains to run off the line, collisions, bad weather, the
 blocking up by snow,â€”were not all these against Phileas Fogg?
 Would he not find himself, when travelling by steamer in winter,
 at the mercy of the winds and fogs? Is it uncommon for the
 best ocean steamers to be two or three days behind time? But a
 single delay would suffice to fatally break the chain of
 communication; should Phileas Fogg once miss, even by an
 hour; a steamer, he would have to wait for the next, and that
 would irrevocably render his attempt vain.
 This article made a great deal of noise, and being copied into all
 the papers, seriously depressed the advocates of the rash
 tourist.
 Everybody knows that England is the world of betting men, who
 are of a higher class than mere gamblers; to bet is
 in the English temperament. Not only the members of the
 Reform, but the general public, made heavy wagers for or
 against Phileas Fogg, who was set down in the betting books as
 if he were a race-horse. Bonds were issued, and made their
 appearance on â€™Change; â€œPhileas Fogg bondsâ€ were offered at
 par or at a premium, and a great business was done in them.
 But five days after the article in the bulletin of the Geographical
 Society appeared, the demand began to subside: â€œPhileas
 Foggâ€ declined. They were offered by packages, at first of five,
 35
 then of ten, until at last nobody would take less than twenty,
 fifty, a hundred!
 Lord Albemarle, an elderly paralytic gentleman, was now the
 only advocate of Phileas Fogg left. This noble lord, who was
 fastened to his chair, would have given his fortune to be able to
 make the tour of the world, if it took ten years; and he bet five
 thousand pounds on Phileas Fogg. When the folly as well as the
 uselessness of the adventure was pointed out to him, he
 contented himself with replying, â€œIf the thing is feasible, the first
 to do it ought to be an Englishman.â€
 The Fogg party dwindled more and more, everybody was going
 against him, and the bets stood a hundred and fifty and two
 hundred to one; and a week after his departure, an incident
 occurred which deprived him of backers at any price.
 The commissioner of police was sitting in his office at nine
 oâ€™clock one evening, when the following telegraphic despatch
 was put into his hands:â€”
 Suez to London.
 ROWAN, COMMISSIONER OF POLICE, SCOTLAND
 YARD: Iâ€™ve found the bank robber, Phileas Fogg. Send without
 delay warrant of a</t>
  </si>
  <si>
    <t>b"\x14\x0b&lt;\xf6I\x8ag=\xa6\xbf\xa0\xbd0\x14\xcf\x06\x18\x0c68b5\x16+'\xb9~2$\xd0=;"</t>
  </si>
  <si>
    <t>140b3cf6498a673da6bfa0bd3014cf06180c36386235162b27b97e3224d03d3b</t>
  </si>
  <si>
    <t>b'\x14\x0b&lt;\xf6I\x8ag=\xa6\xbf\xa0\xbd0\x14\xcf\x06'</t>
  </si>
  <si>
    <t>in such a style. The boys rushed in from the playground, and the
 master ran in from the road to see who was being murdered. Of course I said fair and
 square at once what I had done, and why; then I showed the master the flies, some
 crushed and some crawling about helpless, and I showed him the wings on the window
 sill. I never saw him so angry before; but as Bill was still howling and whining, like the
 coward that he was, he did not give him any more punishment of that kind, but set him
 up on a stool for the rest of the afternoon, and said that he should not go out to play for
 that week. Then he talked to all the boys very seriously about cruelty, and said how
 hard-hearted and cowardly it was to hurt the weak and the helpless; but what stuck in
 my mind was this, he said that cruelty was the devil's own trade-mark, and if we saw
 any one who took pleasure in cruelty we might know who he belonged to, for the devil
 was a murderer from the beginning, and a tormentor to the end. On the other hand,
 where we saw people who loved their neighbors, and were kind to man and beast, we
 might know that was God's mark."
 "Your master never taught you a truer thing," said John; "there is no religion without
 love, and people may talk as much as they like about their religion, but if it does not
 teach them to be good and kind to man and beast it is all a shamâ€”all a sham, James, and
 it won't stand when things come to be turned inside out."
 30
 Chapter 14. James Howard
 Early one morning in December John had just led me into my box after my daily
 exercise, and was strapping my cloth on and James was coming in from the corn
 chamber with some oats, when the master came into the stable. He looked rather
 serious, and held an open letter in his hand. John fastened the door of my box, touched
 his cap, and waited for orders.
 "Good-morning, John," said the master. "I want to know if you have any complaint to
 make of James."
 "Complaint, sir? No, sir."</t>
  </si>
  <si>
    <t>b'/|\xfd\x020\x9c\xae\xf0'</t>
  </si>
  <si>
    <t>2f7cfd02309caef0</t>
  </si>
  <si>
    <t>and you can only feel them because
you're thin. I've got backbone lumps myself, and they used to stick out as
much as yours do, until I began to get fatter, and I am not fat enough yet to
hide them. There's not a lump as big as a pin! If you ever say there is again, I
shall laugh!"
No one but Colin himself knew what effect those crossly spoken childish
words had on him. If he had ever had any one to talk to about his secret terrors
â€”if he had ever dared to let himself ask questionsâ€”if he had had childish
companions and had not lain on his back in the huge closed house, breathing
an atmosphere heavy with the fears of people who were most of them ignorant
and tired of him, he would have found out that most of his fright and illness
was created by himself. But he had lain and thought of himself and his aches
and weariness for hours and days and months and years. And now that an
angry unsympathetic little girl insisted obstinately that he was not as ill as he
thought he was he actually felt as if she might be speaking the truth.
"I didn't know," ventured</t>
  </si>
  <si>
    <t>b'\x10\xa1E\nz+\xdd\x1fVJM\x8b##\xce\xf1]\x06\x8c\x10\xf8D\xc2\xb0\x88\\\xa1#8d\x8a\x0bw(`w\x9e\xf1\xcb\x92\x97\xe4\x15[\x94gv/\xd6\nZ\xb6\x8btn\xe4bo\xd7\xd9\x88Ic\xc3\xee\xa3\xe6\xee\xda{\x82\nCi\x81!\x1c\x88F\xe4\xf6\xf8n 9h\xa4W\xfapRK\x99\x13F\xf5@\xfc\x8a\xe15y\x81\x81\xa6a\x18pE\\\x03\xc9r\xbb\xfa\x15dNY\xb9`S\x08\xe8\xd8\xb08?/\xc0\xe5\x00\xe5\xacb\xe4\x82\x90\'\x98-\xe4\xacd\xc5\xf3\xb9%\xb5\x07@\xb0\x1ci\xa8Wp&amp;\xe6S\x02iKN&gt;\xcf\xc2\x19\xdd\xcds\\\xcd\x1e\xf2\xf7\x1e\xb0\xdc\x7fI&lt;P.\xdc\xd3\xa7BNf)9\x91!\xe3Dp\xe9\xb1\xd1#\x01\xfa\xed\x9c\xf1\xb7\xb2\xe1@Ei\xe2vu\x1d\xdc#\x03\xb9\x8cuO\x88\xc4PR\xf4\xb6\xd5\x9b\xb1\xd0S%rd\xfb9i[\xdb\x13\x84\xc0\xa6\n\xacx\x9b\xe8\x1a\xb2\x8d\xb2\xdc\xb8cr\xdcb\xc7 \xa2t\xb4d9^U\xad\x00\xb8f\xa8\x99u\xf9\xc2\x97\x7f\x8b\x91\xcb]\x15w\x83\xa2\xfa\xca\xfd\xef\xb7K\xc0W\x0f\x89\xd2\x16G?\xc3\xb1\x0eP\xbe\xa9\xebM\x06\x82\xb2\xcdg\x99\x99`\xb3\x04(\x8cF\xff\x82\x96\xdb\x13\xb3\xec\x8d\x8d\x11\xcb\xae\xc7y\x01\xcfbt\xbdR\xa3\x07\xfci\x8f\xa7$\xba\xdc\x06z\x8fn~\xa0\x8e~\x0e\xc3G\x15?\x1f\xb7\xc10\xe2\x16y\x93k&lt;p\x92\x8bt\x971\xb0\xb9+\xce.\xe6\xb6\xf4s\xcb\xf8\xfb\x18\x06j\xb2\n\x97\xeb\x02?\xd8_l\xb8\x19Y\xabbS\xa9\xdb\x8d_\xaf\t\xb3s\x88t\x84\xc4\xe5\xde\x8c\x19y;"\x84\x1a\x80m\xca\x8ej\x82\x88\xf2\x18\x91\'\xbd\xa1\x16\xfd\xb9\xb7\xe7\xa0\xf4\xe3a\x9e\xf3=\xe1\xd5`[^)L\x83\x82\xc6\xbe\x8c\xc6c\xe1\xb3\xc7\xe8\xb4\xef\xc4\xea\x88\x02\x0e\xdc\xab\xcdf\xe27\xd2\x18\xd20aoR\xcaR\xe0\x9d\xd2\x15\x01\x86\xc2\r\xc0k\x04\xeb\xfb\xf36\xe9\xd3\xa1,\xe5\x12\x0e\x9e\xb1\x8d\x08z\xfd=~\xdf\x08\x13"\xd1\x06\x81j\xb8\xeej`\xf1d\xe4\xf2\xd4\x94\xc6\x88V\x19\'\xedo\x15\x03\xc0\xca\xba\x07\xcec\x91\xa7\xb9&gt;b\xce\x19\xe8\xc9\xc1E\xa4H\x17dU\x85\x8f|\x06\xd6\xca[\xc5\xb2j:\x95\x00!!4s\x07\xf1\xbeF\x96es\x9chG\x05Q2\n\xf6T\x17\xc6V;\x93\xd8\xd2\xe9b\xa3\x8d\xe1`\xd4\xcf\x92\x0c\xaf\xf7\x9e\xa0k\x14\xdc\xf0\xb7\x19\x18\x041\x8c\x10\xcc\xfb\xa86]\xe9\xdf\xe9\xf2b\xc0E\x91\x8e?\xfc\xa7\xa5\xcaw\xe4\xf2\xf8\xbdc\xcf\xb7fT.\xf6\x98J2\xc9Ek\xf5\x9a\xb3`\xcf\xb1P\xa8\x85\xc7\x0c&gt;\xb5N\x9e\xe5q3\t\xed \xfb!\xd70\xdb\x04\x9e\x82\x80\xf7`\xc0\xb9\xd0\x06\xfaE\x0f\x05\xc7_}\x1a\x06\xb5mC\x10\xa2m\xc6\x07\x99\xdd\x04^\x9eN\xeb\x7f\xea\xf2$\x84\xab \xb3d\xd2\x82\xd1&lt;\xc7\x10\xacl\x96\xf9\x94W\xa9\x9f\xb8\xb6\xf2a5&amp;\xb7\xb9\xb8KX.\xc8&lt;\xfd\xeaH\xbb\x15\xcbk6\xd4O;D0\x94$\x91\xb7\x98\xc0q\x99\x01R\xb6\xba\xb57&amp;\xf6\x9412\xf3*\x05\xf6\xcc#\xa6x\x96G\xb2\xa9\xf7|\x8fr\xc3\x0e\x94\xe4\xb2\xceBf\xc1\xed\xa9m\x1f\x89\xd9\xc1R\xbf\x95\xbb\x92\xc0\x8a\x9b\x11\xe6\xddt\xcbd/\x06\x03@h\x8e\x8b\xd8\xddLl\x12\xe7 \xd3\xa8\x9c\xfc5z\x90\x18U\xedq\x8bX\x16\x9b\xe7r"%\xf1p\xf1e\xcd\x81F\x7f+\xfd\r\xef\xd5\xe5\xd7\xfd0\xablXT\xf4\xe2ow\xbc\x80\xab\x8b\x13=\xd5\x10s\xbe\x978A\xc1\xb4@.L\xab\xf9y\x05\x1c)S\x7f\xa6\xeb\xda\x8c\x1b|E[\x01\xf5\xaa\xd9v\xa8\xeaSkr\xa2\x99\xf0\x7f\xd7\xe3\xca\xber\xb7\xa86\xc3Vn\xeb=\n\x10\xccH\xba\xdd\x82\xf1W&lt;j_:1\xc8\x00\xeb\xfe\xbd[\nf\xf5\xbefO\xe5\xbe(2bJ\xf0\xcc\xf8\xd7x`\xfa\xe0\xe6\xf2\xc9/\xf2\x89\x05\xa3o\x12\xb0\xde\xd3~F\xd2cg\x7f\xef\x19\xaf\xd8\x00\x1f\x95^\xeb\xaa\xaf\x8bN\x7fzS\xb1P\x1e\xf4\xe7P\x84\xfbY\x0c\x8do\x0fUYB\xf0M436i\xa6R'</t>
  </si>
  <si>
    <t>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</t>
  </si>
  <si>
    <t>b'\x10\xa1E\nz+\xdd\x1fVJM\x8b##\xce\xf1'</t>
  </si>
  <si>
    <t>f Fig. 13.21(a)? The output can be sensed at
 node Y, in which case the input resistance of the next stage (e.g., rÏ€ ) shunts Rp, requiring
 a greater gm to satisfy the startup condition. Alternatively, the output can be sensed at
 the emitter (Fig. 13.22). This is usually preferable in discrete design because (1) discrete
 inductors have a low loss (a high equivalent Rp) and are therefore sensitive to resistive
 loading, and (2) with only Rin loading the emitter (and Rp â†’ âˆž), the startup condition is
 modified to:
 gmRin = 1 (13.27)
 Derived in Problem 13.37, this more relaxed condition simplifies the design of the oscillator.
 For example, the oscillator can drive a lower load resistance in this case than when the
 load is tied to the collector. It is important to note that most textbooks derive Eq. (13.27)
 as the startup condition, which holds only if Rp is very large (the inductor has a low loss).
 13.4 Phase Shift Oscillator 657
 Q1
 L1 Rp
 Vb C1
 C2
 X
 Y
 VDD
 I 1
 Rin
 Vout
 Figure 13.22 Colpitts oscillator driving next stage at its emitter.
 13.4 PHASE SHIFT OSCILLATOR
 In our development of ring oscillators in Section 13.2, we created sufficient phase shift by
 cascading three active stages. Alternatively, we can cascade passive sections along with a
 single amplifier to achieve the same goal. Shown in Fig. 13.23(a) is a â€œphase shift oscillatorâ€
 based on this principle. We expect that the three RC sections can provide a phase shift of
 180â—¦ at the frequency of interest even if the amplifier itself contributes negligible phase.
 Nonetheless, the signal attenuation introduced by the passive stages must be compensated
 by the amplifier to fulfill the startup condition.5
 C1
 R1
 C
 R
 C
 R
 2
 2
 3
 3
 X Y
 âˆ’A0
 C1
 R1
 C
 R
 C
 R
 2
 2
 3
 3
 X Y
 Vout Vin Vout
 (a) (b)
 Figure 13.23 (a) Phase shift oscillator, (b) phase shift network.
 Let us first compute the transfer function of the passive network shown in Fig. 13.23(b),
 assuming that C1 = C2 = C3 = C and R1 = R2 = R3 = R. Beginning from the output, we
 write the current through R3 as Vout/R and hence
 VY = Vout
 R
 1
 Cs + Vout . (13.28)
 Dividing VY by R2 and multiplying it by 1/(C2s), we have the voltage drop across C2 and
 thus
 VX = VY
 R2
 1
 Cs + VY (13.29)
 =
 _x0008_ 1
 RCs + 1
 2
 Vout . (13.30)
 5Note that the bottom terminal of RS must in fact be tied to a bias voltage that is proper for the amplifier.
 658 Chapter 13 Oscillators
 Finally,
 Vin =
 _x0002_ 1
 RCs + 1
 _x0003_3
 Vout (13.31)
 and hence
 Vout
 Vin
 = (RCs)
 3
 (RCs + 1)3 . (13.32)
 At s = jÏ‰1,
 _x0002_
 Vout
 Vin
 = 3 Ã— 90â—¦ âˆ’ 3tanâˆ’1
 (RCÏ‰1). (13.33)
 For oscillation to occur at Ï‰1, this phase must reach 180â—¦:
 tanâˆ’1
 (RCÏ‰1) = 30â—¦
 . (13.34)
 It follows that
 Ï‰1 = 1
 âˆš
 3RC . (13.35)
 For the startup condition to hold, we multiply the magnitude of Eq. (13.32) by the gain of
 the amplifier and equate the result to unity:
 ARCÏ‰1
 _x0004_
 R2C2Ï‰2
 1 + 1
 = 1. (13.36)
 That is, the gain of the amplifier must be at least:
 A = 2. (13.37)
 The phase shift oscillator is occasionally used in discrete design as it requires only
 one amplifying stage. This topology does not find wide application in integrated circuits
 because its output noise is quite high.
 Example
 13.9
 Design the phase shift oscillator using an op amp.
 Solution We must configure the op a</t>
  </si>
  <si>
    <t>b'\xa0b\x83wn\x99\xaezq\xe3\xa6l\xfau\x11\xb1'</t>
  </si>
  <si>
    <t>a06283776e99ae7a71e3a66cfa7511b1</t>
  </si>
  <si>
    <t>and
jolly, and will put me to rights, I know,â€™ said Jo to herself, and
off she went.
Amy heard the clash of skates, and looked out with an
impatient exclamation.
â€˜There! She promised I should go next time, for this is the last
ice we shall have. But itâ€™s no use to ask such a crosspatch to
take me.â€™
â€˜Donâ€™t say that. You were very naughty, and it is hard to forgive
the loss of her precious little book, but I think she might do it
now, and I guess she will, if you try her at the right minute,â€™ said
Meg. â€˜Go after them. Donâ€™t say
133
anything till Jo has got good-natured with Laurie, than take a
quiet minute and just kiss her, or do some kind thing, and Iâ€™m
sure sheâ€™ll be friends again with all her heart.â€™
â€˜Iâ€™ll try,â€™ said Amy, for the advice suited her, and after a flurry to
get ready, she ran after the friends, who were just disappearing
over the hill.
It was not far to the river, but both were ready before Amy
reached them. Jo saw her coming, and turned her back. Laurie
did not see, for he was carefully skating along the shore,
sounding the ice, for a warm spell had preceded the cold snap.
â€˜Iâ€™ll go on to the first bend, and see if itâ€™s all right before we
begin to race,â€™ Amy heard him say, as he shot away, looking like
a young Russian in his fur-trimmed coat and cap.
Jo heard Amy panting after her run, stamping her feet and
blowing on her fingers as she tried to put her skates on, but Jo
never turned and went slowly zigzagging down the river, taking
a bitter, unhappy sort of satisfaction in her sisterâ€™s troubles. She
had cherished her anger till it grew strong and took possession
of her, as evil thoughts and feelings always do unless cast out
at once. As Laurie turned the bend, he shouted back...
â€˜Keep near the shore. It isnâ€™t safe in the middle.â€™ Jo heard, but
Amy was struggling to her feet and did not catch a word. Jo
134
glanced over her shoulder, and the little demon she was
harboring said in her ear...
â€˜No matter whether she heard or not, let her take care of
herself.â€™
Laurie had vanished round the bend, Jo was just at the turn,
and Amy, far behind, striking out toward the the smoother ice in
the middle of the river. For a minute Jo stood still with a strange
feeling in her heart, then she resolved to go on, but something
held and turned her round, just in time to see Amy throw up her
hands and go down, with a sudden crash of rotten ice, the
splash of water, and a cry that made Joâ€™s heart stand still with
fear. She tried to call Laurie, but her voice was gone. She tried
to rush forward, but her feet seemed to have no strength in
them, and for a second, she could only stand motionless, staring
with a terror-stricken face at the little blue hood above the
black water. Something rushed swiftly by her, and Laurieâ€™s voice
cried out...
â€˜Brin</t>
  </si>
  <si>
    <t>b'#\xc3\xb2\xc9\xe8N\x86\x99_\xb8\x8dp\x15^\xdc~\x05 \xe0\xbd\x1c~m\x80\x97\xc1/C\xbbU\xb7\xb3s7\xe1\xd0\x9dF\x1e\xd5\xb5\x1f\x8d\xc5-o\x0c\x8d\x98\x80\x9e\x933\x9b\x1c\x94\xd9\x0c\xbf\x17\n,S\xf4V\x1d\xd8\x84\xe6:\xae\xf5\\\x17&lt;\x0e\xa5\xc5\xc2(T\xe7+\x0b\xd2\xdb\xe7\x873\x8c\x94\xff\xac)\x05j\xbeI\xd9\x8a\x99\xdc\xb0&lt;#\xb8\xb8\xa4\xc6\xc9$\x1c\x1aP\x95\x9d\xa4\xef\xf4br\'\x0cM\xa6,k,f\xc7\xd1\xe1\xc2=\x88\xda\xd2\x15\x85\x1eZ\x80+R-\xb3\xb6mx\xc0\xd6\xe0x\xd0W\xd1\x87`|!A\x08\xc0\xd6f]\xf5j\xa7\xcew\xde"{\xc9\xe2\xc5\xa5N\xb4A\xdc\x99\xe8\xc0S\xa3\xa5Tk\xb3_\x19\x03H\xb3q\x97_\x9b \x829\xd9!)a7\x06\x81dE\xde\x1d\xbc_\xa1\x07M\xab\xffrBQ\xca\xb7\xa3\xe2\x00.\x0f\xa7\xe5\xb0\xc8\xceV\xf3\xc0\xbc\x07\x0f \xcf\xb4\xde\x0ej6\x92\xfd\x1c\xd0O\xa8\x8d\xf0:&lt;nn\xbe\xbb\xcf\x9b|\xd3\x82\x9eQypK\xed\xd4vH\xc0rI\xe5\xb2\xee\xd2\x13\xf4\x91\xc2\x99}\xa4\xccA\xce\xef[\x80\x160*zo\xa6\x009\xc9\xec\xc83\x10I\x1a9\x08\xf5\x8b\xb5`G\x97\xd0\xff\x00?\xc7\x96\xf0NCj\x06/M\xa2PM\xa7\x83\x80\xb5(\x99\x82FR\xa2\x85U\x11)B\xfd\x90\x83\xfc\xa2&lt;\xc7\r)\xe9\xbaSfr\xbbqA\xfa\xa9\x87\xd1!\xc4,\xaf&lt;\xc6Z\x0e\xb7\xb5\xf0\xb3\x1c\x82"b\xa4_\xcd\xa7\x98\xb9\xf3%\x1a\xee OP\xb0\xf0\x9d\xe5r\xff\xf1\xa4\xc6`\xadJ\xed\x1b\xacf\xf4\x9b\xc5E4g\x9b\x1e"{3\x817\x1f\xfa\x9f\xf1\x94\x01\xe9\x9d\xb6\x98D\x8e0G\x17xV\xe6\xc1\x11\xdd\xa7w0\xc2Z|6\\\xc0\x0f\xc8k\x98\x17\xbb\x02\xca\xe4\xf7&gt;S\xf2\x8e\xe1W\x87q\x0f\xe1\xa2\x1e\x98\xb4\xee\xca\xd2\xd11\x8f\x06\r\x0f\xf2\xb5ne\x13\x9cX\xb1E\x1b\xc7\xcf\xb3\x03\x06\xa7\x9a\xee\x06%22\xe2\xcb/\xf9\x1a\x9ci\xab\xa2\x8f\xb4\x82TCZ\xd6\xa5\x8f\x87\x87y\xa1"\xbf\'"&amp;\xc0|f\x14\x801\x0f\xdc\xfa\x90$\xfa\xebx\x0f\n\xbb\x98\xb7\xde\xdd\'0\xcb\xd9\xf0\xeeN\xc8\xf2\xa6h\xc8e\x9f6G\x1d\x990\xac\x14l\x92ZI\xccD\xbd\xcc\xca\xael\xc0O\xb1\xaf&amp;\x04{\xf5U\xa8\xf8\xa9N\xf1\xe0U\xc3\xf6\xe2\xe08?2\xf3\xf6\x03\xc1\x87\x91h\xf9\t\x08\x80\xe3@\xcb\x85r!(\xa1J\xaf(\x98\xbb\x07Cr\x0f\xdc\xd6U\x83\xd9\x8d\x88\x86\xe6\xfa\n\x14\xefH\xd4Q\x84\x1c\x00\xff\x8d\xebF&gt;\xc6Yv\xaf\xcfH\x9a\x18,yj\xef\xb6*\xe5\xac\x92\xc4BX\xcd\xe6K\xd9\x8aP\xd3\xc2\x98\xcd9\xf0L\x0f\xd8%\x1a\xfcR"\x08\xff\xe2\x94\n\xfa\xcd\x84:\xbc9\xfbx1D\xdd\xdf\xa3z\xa9~\xce\xfc&lt;zR\xe4\x89Z&gt;\xe2s5\x88\x08\x02\xcb~\xbd\xf1\x19\x05TD\xd9\xa2\xd4\xf7\xdcf\x88\nI\xd5\x98~\x96\\\xc4]\x16\xbel\x98{,B\\9QnJ1\x13\xda\x9b\xc4`z\xa4\xdc\xd3\xfex\xc5&gt;\x9c\x01\x98\x85\xed)"&lt;y\xbb7\xce\xfa7#kP\x18\xf6\xb5\x01\x88=\xb5\xee4C\x94\xb5\xfd2\x8c\xa3\xcd\x80\x87\xe5\xdf\x8cXRX\xa5D\xce\xd4@+\xb7L&gt;\xad\x93k\xaf\xd9\xff\xa8m\xd7\xac\x8d\xba\xe5\x9c6f3\r\x91\x16x\xb09\xba6\xd7\xe1\x1e\xbeV\x1a\xe8\xf8\xe4\xfd\xda\xf2\x80RL\xaau\xc6\x86\x8d*p\xa6\xccG\x84~a\x9d,\xf8\x94{\xc4\x97\xbe\xd1\x13\x8e:\xa4\x81\x13\x98\xf6\x1eM\xae\xccN1)\xa0\xbd&amp;)\xce5#\x1c\xa1\xbf:\x04\x9b\xc3\x12\xae\xb3\xc9v\xf2\xf4\xdaG\xbb\xe9\xcb\x93\xf5Z;\xd0\x1c\x0fS\x03\xc7\xc7LU2\x13\x1d\xc1\xa5\xb6\x0b\xe9\xac\x11\xa7^|\x8b)j\x95z\xdb\xf3\xc8\x9f\xf3\x04\xb4h=*fvXs\xbf!\xed\x1cm\xac{Vd,\xd3{\xfc\x96\xdf\x05+.\x1b\x83@f\xca\x97(\xc6K\xc8\xff\xfcs\xd2\xdd\x00\xb4C\x8di5\xe2p\xf1\x88\xf8x\r\x97\xb0\xdcvJ6ru\x02y\xf7wO\xfeG\xa4*l\x05b\\$*&lt;\x82\x05\xdd\xda\x14\x04\xde/\x1f\xf91\xc9\xd0&lt;-\x80\x01\x0f\x11\x1e&gt;\x8a\x9e7\xa0\xb6/l\xde?\xfa\x8f\xdf|,\xd2\xfc\x08\xc0M\'\x7f\n}\xf9\xbd\xe1D\x01V\x01t\xda\xc9{\xa1\xd6| \x94\xb84w\x1fg\x12\xec\xc7\xaf\xa2+\xfe\x10[\x96yD\xbc\xa2J\x83\xf7\xec\'P;(\xd7\xe8S\x8b\xc8U9=\x9c\x92t\x92\xd1\xa0`\x1c\xd0\xf1.7\xdb+\xc1\x8a\x10\xff\xcf\x83\xd041\xf4\xf2\xd5+\x0cRj\x8a*"{]\xf1i\x14\xc4&amp;o\xc6@=\xf2X\x1c\xb2\x83\xec\xe4}\x1d\x9e\x17re\x0b\xa6\xf5r\xcf\x0cog\xce\xe5$\xefm8\x0b\xfa\x9d\xc06\x81\xb0\xb8H\xbf\x18\x05\x04\r\xb2\xfahl\xa5\xd8\xf3.;\xd24\x9dy\xbb\xea\xf6:\x02\x87\x8e\xe3\x95\xf7\xf2\x87\xcc\xdd*\x9f\x8c\xd8\xf3\xa6z\x97\xe7\x14\x01.\xfb\xfc\xea\x9b\xc1\xe4U\x0c\x0f?\xf14t\xcd\x91\xc9\xa9\xc55\xf3|/\xf6x9\xe2p\n*\x11\xc9-\x93\x98\xef\x035\xf1k\xc8o!\x86\xfaA\xa1\xa6\xe2H{\x04\xd1-0;\xbb\xd71]6\xa6\x0b\x80\xc9w#\xb7\xfd\x99\x1fN\xa1\x8c\xe4\xc60\x0fy\xca\xf3\xecRW\x0c\x1ar\x86N\xe4q\x84~m@\x8f;\xf0\xb0\xb0\x11Zg\xe8\x87F\x19A\xdd\xe1\xb5\xe6\x82\xb4\xfa\x92\xa2=!\xf8\xba@\xe2\x8c\xf6\t\x18h\x85\xb5a\xa8J\x9dW\xa0\x10\xf4\xa57\x94|\xf9y\xe7c\xa4\x8fy\xba\x1c\xc3\x7f^d\xf4\n\xdak\xa0\x08h?\xbe,\xd4\xa0+\x13\x06\xa2\x13\xf0\\B\xe6\xf7k\x81\xb9z8g\xa7o\x18d\xb7\xfd#\xdd\x12\x9b\xa2\xfe\x90\x80;\x9f\x14!\xdb&amp;\x05\xcb\xbc\x03\xc9\xd5G:s6\x98\xe6\xa9&amp;E]\xc5^\xa5\x1b\x85i\x99R\xa5f\xfd|S\x92\xf4\x8d\xb8J|\xe1\xc6\xa3\x17~\xff-E\xaf\xa6\xa7\x1c\xc5\xbaL}\xebO\xe9\x10\xedw\x9b\xd9\xe6\x98\xcc\xbd\xf6\xf8\\\xaae\xd5\x1b\x86\x89\xe22\xf9\x04\x1dE\ti\t\x06\x1b\x1f\xe1\x82\xdb\xf5^\xa4?ca\x90\xcf\xea\xa3\xb89\x81\xef\xb9\x11\xf2&lt;q\xb3\xdb/VO\x95+\x1fKN\xca\x86\xf6\xda\x87!D\xd1\xaa\r\xcd\x9d\x03!\xf0\x94e+\xb0\x1f\x8a\x96\x1e\x19i\xd2\xca\xb9\xc6;\x01\x18\xf8\r\x9a\xb8X\xeb\xfag\xfe\xd2J\xca\xd4c\xbd\xec\xb2\xef\xb8l\xb4\x8d$\x1d\x12\x04\xd0\xbf\x87\x9c\xbc\x95\x1c\x8c&gt;LX\x18\x85x7\xc1(\x9e\xc0\x86I\xe7\x93\x942\xd6\x15w\xb6\x9f\xf6z=\xbbr\'\x81)\x00\xd3)&gt;u\x1a\x9c\xf5\xaf&lt;$\\\xee\xe4\x0fn\x1f\xf73q\xee1\xd4_=)\x8d5\x83z\x07%\xe7t\x8evP8g\xc7\x08\x9b}\x81\xb9\xf9\x00\x9b\x98\xae\xea\x8a\xbb\xd1\tR\x162\xa2#\xad\x84\t\xaaZL\xb1/v\xcf\x81\xf5\xaaU\xd7\x16o&gt;\x9f\xb0\x8d\x0e\xe4]\xdc\xf3d\xbf_ [c\xe79\xb8d7\xcd\xed\xff\xd3\x89\x91\xd1*\x94\x91\xbc\x9e\x1f+\xa6\xfdpq\xe9]\x03m\xd8\x84\x9b\xee\x1fmI\xd4!\xd2\xff(22y\xb5\x07\xf6\x81\xd0\xb2u\xec\xa5\x00\x0e8\x86\xbb\xe4\x80\xcc\xa6Y\x91I\xc9\xd6G\xa4*\x96s6\xf9\x90\x1b\x88\xfcY\x0f*\xa2\x96Q\x18\xf8\\\x8f\r\xa2q_9\r\xbb\t\x0c\xef2g8\x12{^\x06\xa1\xcaX\xdc"m\xceV\x96%%XX}\x87\xfd\xbe\xcb\x83\x15\xa8\x05\x92=gEqy\xf4\x9f\xdc\x98uj\x11\x18\x1f\xaaW\\\xe7\xe0\xf2\xa0E\xf7\xf7\x04\xee\xfb_\x92\xf6?\xb5\xc3\xcaf\xeb\x80\x10C"\xc7\xb5\n\x10\xbf\xee\xde[\n\x04\xd5\x81\x1b.\xc0\xb2\x8e-\x1ca)\xd8@\xb4\xad\xc3:\xb1\xfb\xa0\xf9\xabe\xa1\xe3\xcb\x84\xf3\tmr\x0c\xc1\xdd\xbf\x95\xe7\xcbO\xe9\xd9\x81\xd4\xd1\x8a\xf3{9\xcb\xc4\xcb\x16\x17(\xcb\xe4\x02\x7f\x02\x98$\xa9\xf98\xbe:\xeac\x82&gt;R\xd1\xbc\xe9;\xd9-\xce\xc5}\xcah\x85g4\x08aY\xe3\xbe\x9c\xacY\x81\x9d\x8d{\xf1!B\xed\x92\x03\x83\xdbV\xc8\xe6\xdf\xa7\x87\xb0\x87\x19\x9d@\x00\x9e\xdc\xca\xbd"V\xa2\xd5\x90\x1a\xd7wR-j\xd0\t\to\xc5\xa9r\x0e\xda\xbd\xd3\x13\xf9A*\x80\xc5v\x0e\xfe@\x1a\xcb\xb5\xb1\xaf2!\x8f\'\x81\x9d\xd0\x874\xa7,QW\xd3\xb6\x80Kv\xc3\x1d0~\xf8\xdcq\xa5\x90m\xf6\xcd+\xc7d\xefZ\x11&gt;\xdbE\xbe\x96\x974\xbd&amp;\xb1\xca\x87\xb5zQ\xc3\x97\x8a\xd6\xf7\xd8F8\xd6\x11\x99\xa2I\x0eH\xc8\x06\xb5V\x03i\xaf\xc4:\x8c\x9cW"\xeb\xfc\x1d\xa5\xcc\xc30l|\x8b\x0f\x08\x11\xae\xd7\xfd\xd4\xe4\xe6\x7f\x85\x97v\x1f\xa7\xc2\xa3|M\x83%4\xddI8X\x99\x80Q\xaa\xff7\x02\xb3\x97H\x8dXY\x182\x9d\x07\xa1\xe2vL\x0e\xfc\xb2$\x94\xd2J\xa4\xf2\x01x\r\xba\xa1\xb4E\x12\x97\xbc-\xf6lC\xe7\xc0\x0b\xacX\xea\x8c"=\xd1\xde?r\xb7\xa0\xf2\xc3\\\xbc8_\x914\xf3\xe0\xd7{2b0E\x1a\xc0\xb3\x12U\xcd!f;*\xdbW\xd3D\xc5\xddh\xf5kPZ\x12\xf99D\xcbt\xb1\xe4.\xcfs=\xab\x91\xfb\xa4)|i\xee\xc8\xe1\x08\xf2Lv\xe8f*{\x8d\xb9\x90\xaa\xd0TZ\xa0MP\x06\xb6\xa5\xf6[\x8c\xbd1T\xe1\x16\x02-t\x1f[\xe3\xfb\x9b\xbb\x87\x14\x9a\xdc7\x86g\xe0\x7f\xe8\xef\xbd\xc5\xd7Q)\x02\xba\xa9g\xb6\x0f\xe7Yy\xdcJI\xd3vR\x18v\xff\x1b)"\xf9I\xafY~\x85r`\x04\x00\x1c\xdf\x1c\xd7\xa1@\xfc\xb6,\xe1=^v\x15\xc37\x11\xed\x13+\xcfS\xa3Mx;\x94\xe283$-n\xc6g\xd5`P\x87\x0e8\x12\xe6x\xeeg\r\xd1\x0f\xf9\xb0\x1d\xee~\x04\xe4\xb5\xbf[\x9c\xf1L\x13`\x90D\x9bT\x1e\xbf#\xae\xda\nv\xc8\xb2\xfaI5:\x97i\xdd@\xeb\xa1\x1e\xd3\xf1\x18A\xee\xea\xcaK\xec\xbb\xbb+\x81E8=\x12\xcf\xbc\xe0\xa4\xd0\x05\xdb&lt;Yt\x13(\x02U\xf3\xd5\x91\xae\x98h.j\r\xd0\x19)\x8d\xf4\x1e2\x89\x97\x9a\xacg\x8f\x9a\xf8\xd9\xaf\x9ac;6\xc4\xdaH\x86\x179mJ\xb3e\xc3 m\x0fV\xd4\x8e\x8d\xf9\x98\x1b\x04x\x02\x0b\xb1\xaf\x02@\x91\x82\x1a*\x8b00\xba\xd83\x80\xa5HK\xd6\x80\x83\xa1\xbc\xad\xd7,\x85[ep-8\x17kGS\x99\xf5x\xf4w\x05\x04&lt;\xdc\xdd\x90\xe5\x9b\x1c\xd9\x05F\x94o\x12g_\xe2v\x1f\x1f\xf4\xe5\xc0\x81\xbc\xa2w\xaa\x1a\x88]\x98\xdf\x9e\xd1\'\x8d\x9f\xb7tW\x91\x12\xc2\xc7~lBNh\xb9\xb4e\xf4\xeb\xac\\\xe8\xb7\xd1\xe9\x94\xad\xedo\xf49\x96\x93\xb1U&lt;O\xb3\x9c\xff\xff#g9\xbeSq\xd7\xd0c\xbf\x93\x97{\x0c\x98\x9a\xa9}"\xef\x9b\t\x00N{`p\xce\xdf\xe4\x1e\x81\xd0\xee)\x017Hu*h\x95\xfce4t`\x12\xb8;~v\x14\xd3(|\xd2\xee\x925\xb3Qq\xe1uT\xa0\xa0\xb16n\r\x0eNq\xdf\t5\x8a\x80\xe3\x84z!\x9f-\x1fH:\x8f#\xf5KF\xf6\x95\xfe\xdd\xb5\xce\xbf\x80Z"8\xe8/\xd9!?\x9e\x93\x06'</t>
  </si>
  <si>
    <t>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</t>
  </si>
  <si>
    <t>b'#\xc3\xb2\xc9\xe8N\x86\x99_\xb8\x8dp\x15^\xdc~'</t>
  </si>
  <si>
    <t>ed," she thought. "She is so tired!"
 A piece of flaming coal ended her perplexity for her that very moment. It
 broke off from a large lump and fell on to the fender. Becky started, and
 opened her eyes with a frightened gasp. She did not know she had fallen
 asleep. She had only sat down for one moment and felt the beautiful
 glowâ€”and here she found herself staring in wild alarm at the wonderful
 pupil, who sat perched quite near her, like a rose-colored fairy, with
 interested eyes.
 She sprang up and clutched at her cap. She felt it dangling over her ear,
 and tried wildly to put it straight. Oh, she had got herself into trouble
 now with a vengeance! To have impudently fallen asleep on such a young
 lady's chair! She would be turned out of doors without wages.
 She made a sound like a big breathless sob.
 "Oh, miss! Oh, miss!" she stuttered. "I arst yer pardon, miss! Oh, I do,
 miss!"
 37
 Sara jumped down, and came quite close to her.
 "Don't be frightened," she said, quite as if she had been speaking to a
 little girl like herself. "It doesn't matter the least bit."
 "I didn't go to do it, miss," proteste</t>
  </si>
  <si>
    <t>b'\xf4\xa6\xa4\xb3\xfb\x86\xe3\xa6'</t>
  </si>
  <si>
    <t>f4a6a4b3fb86e3a6</t>
  </si>
  <si>
    <t>elative price of American and European money, is fully deter_x0002_mined in the long run by the relative supplies of those monies and the relative real
 demands for them. Shifts in interest rates and output levels affect the exchange rate only
 through their influences on money demand.
 In addition, the monetary approach makes a number of specific predictions about the
 long-run effects on the exchange rate of changes in money supplies, interest rates, and
 output levels:
 1. Money supplies. Other things equal, a permanent rise in the U.S. money supply 
 causes a proportional increase in the long-run U.S. price level as equation (16-3)
 shows. Because under PPP however, also rises in the long run in pro_x0002_portion to the increase in the U.S. money supply. (For example, if rises by 10 percent,
 and both eventually rise by 10 percent as well.) Thus, an increase in the U.S.
 money supply causes a proportional long-run depreciation of the dollar against the euro.
 Conversely, equation (16-4) shows that a permanent increase in the European money sup_x0002_ply causes a proportional increase in the long-run European price level. Under PPP, this
 price level rise implies a proportional long-run appreciation of the dollar against the euro
 (which is the same as a proportional depreciation of the euro against the dollar).
 2. Interest rates. A rise in the interest rate on dollar-denominated assets lowers
 real U.S. money demand By (16-3), the long-run U.S. price level rises, and
 under PPP the dollar must depreciate against the euro in proportion to this U.S. price
 level increase. A rise in the interest rate on euro-denominated assets has the reverse
 long-run exchange rate effect. Because real European money demand falls,
 Europeâ€™s price level rises, by (16-4). Under PPP, the dollar must appreciate against the
 euro in proportion to Europeâ€™s price level increase.
 3. Output levels. A rise in U.S. output raises real U.S. money demand 
 leading by (16-3) to a fall in the long-run U.S. price level. According to PPP, there is
 an appreciation of the dollar against the euro. Symmetrically, a rise in European out_x0002_put raises and, by (16-4), causes a fall in Europeâ€™s long-run price level.
 PPP predicts that this development will make the dollar depreciate against the euro.
 To understand these predictions, remember that the monetary approach, like any long_x0002_run theory, essentially assumes that price levels adjust as quickly as exchange rates doâ€”
 that is, right away. For example, a rise in real U.S. output raises the transactions demand
 for real U.S. money balances. According to the monetary approach, the U.S. price level
 drops immediately to bring about a market-clearing increase in the supply of real balances.
 L(Râ‚¬, YE)
 L(R$, YUS),
 L(Râ‚¬, YE)
 Râ‚¬
 L(R$, YUS).
 R$
 PUS E$/â‚¬
 MUS
 s
 E$/â‚¬ = PUS/PE, E$/â‚¬
 PUS,
 MUS
 s
 M L(R,Y) s
 2To simplify the notation, we assume identical money demand functions for the United States and Europe.
 390 PART THREE Exchange Rates and Open-Economy Macroeconomics
 PPP implies that this instantaneous American price deflation is accompanied by an instan_x0002_taneous dollar appreciation on the foreign exchanges.
 The monetary approach leads to a result familiar from Chapter 15, that the long-run
 foreign exchange value of a countryâ€™s currency moves in proportion to its money supply
 (prediction 1). The theory also raises what seems to be a paradox (prediction 2). In our
 previous examples, we always found that a currency appreciates when the interest rate it
 offers rises relative to foreign interest rates. How is it that we have now arrived at precisely
 the opposite conclusionâ€”that a rise in a countryâ€™s interest rate depreciates its currency by
 lowering the real demand for its money?
 At the end of Chapter 14, we warned that no account of how a change in interest rates
 affects the exchange rate is complete until we specify exactly why interest rates have
 changed. This point explains the apparent con</t>
  </si>
  <si>
    <t>b'0E\x02!\x00\x95S\xf6\xd4\xdcAC\xc7\xee\x03\x91\xb2p\x9f\x03:\xea\t\xcez\xc6\x93T\xdc)d\xebc\xcd}\x92\x89\x02 O\xe6B\xd3\xe7\xf8\x12\xd6\xf1\xcd\x8d\xdc\xe5\xe7W\x1f\xaex\xb5\xda\xc4\xff\xc1\xa3[\xdf=\x1fh\r\xba\xdc'</t>
  </si>
  <si>
    <t>30450221009553f6d4dc4143c7ee0391b2709f033aea09ce7ac69354dc2964eb63cd7d928902204fe642d3e7f812d6f1cd8ddce5e7571fae78b5dac4ffc1a35bdf3d1f680dbadc</t>
  </si>
  <si>
    <t>b'0E\x02!\x00\x95S\xf6\xd4\xdcAC\xc7\xee\x03\x91'</t>
  </si>
  <si>
    <t>mpliance voltage.
Voltage Source to Current Source Conversion
Conversion of voltage source into current source is possible when a voltage source is equal to current source. Figure 29 is a circuit of constant voltage source and figure 30 is a circuit of constant current source. If the two circuits are satisfied electrically the same way under all condition then we can convert voltage source to current source having no doubt.
AA
   42
Ri
Constant Voltage Source
Figure-29
RL
I = V/Ri
Ri
RL
B
Battery of cells
Single cell
B
Constant Current Source
Figure-30
                 Condition 1: In figure 29 if the supply voltage is V and we remove the load resistance RL then it becomes open circuit (Fig.-31) . In this situation the terminal voltage between point A and B is V. In figure 30 if we remove the load resistance RL then all the current goes through the internal resistance Ri. (Fig. - 32) The terminal voltage between A and B is the same of internal resistance Ri voltage for open circuit. Voltage across the internal resistance Ri isV = I Ri. As open circuit voltage between two circuits is electrically equal and that is V. So the circuits are equivalent.
  Ri
Constant Voltage Source
A
V
open circuit voltage
B
I = V/Ri
A
V
Ishort = V/ Ri (Fig. - 33)
Ri
A
I short
short circuit
B
I short
Ri
A short circuit current
Constant Current Source
Figure-31
Condition 2: In figure 29 if we make the load RL to short circuit then we get short circuit current,
Ri
internal resistance voltage is open circuit
B
Figure-32
  Constant Voltage Source
Figure-33
Constant Current Source
Similarly we get short circuit current from figure 30. If we short the path removing RL load resistance current Ishort bypasses Ri in favour of short circuit (fig. - 34). This is clear indication that the current Ishort is electrically same between two circuits.
Figure-34
B
 Basic Electronics
43
                 In this way we can convert a constant voltage source to a constant current source. Following steps should be taken:
1. Make short circuit between two terminals A and B as we have done in above figure. Find the short circuit current and let it be I.
2. Measure the resistance at the terminals with load removed and sources of e.m.f s replaced by their internal resistances if any. Let the resistance is R.
3. Then equivalent current source can be represented by a single current source of magnitude I in parallel with resistance R.
Letâ€™s see a problem. By solving this you will get clear concept if any trouble.
Conv</t>
  </si>
  <si>
    <t>b'\xb4\x95\x16Jo\x01Z\x01\x98o\x80\x95\x06s\xc0\xf6\xa0\x91:\xed\xa5\x1am\xc4\xa8\x12\x1d&lt;\xed\xebe\xa5Q\xef\xc6\\q\xa7\xfe N}\xe9\xf4K \x96\xc7\xe8\x9e\x90\x0f\xb7\xff\x83z\xf2@\xcd{\xbd\xca\xda\xe0\x1e\t\xae\x91\x8c\xe8\x94\xde{\xac\xb6%h\x1d\xfd&gt;g\xd5\x9a\xd8\xc4a#\xe7\'\xe0m\r\xc9Z\x04$X\\\xaf\\6~WREo\xef\xf6\x98|\xbc\xcaE\x1ev\xa7"M\x0c|\xbeku\xea\x98\x0c31\x8df\x0f\x8d\x1b\xa3\xab\\6\'\xf4\x0e\xaaT0c\xb9\x82\x80+^\xf1\x9f_)\xa7uD\xe6\x83\xf9F0\x9b\xfe\xab!\xd8qX\x93Or\xd2`i\xd4\xe2\x86\x9dF\x14r\xcbv\\\x7f\xe1\x80\x04x7\\\xd6\x9d\xb8F\xd0\xf4\xb6X\x15\xa7\xb9\xa7\xfc\x83\xcc\x05 \x87\x04\xa9\x04\xc6\xc8R\xcc \xa1Z\xc2\xf4\x19\x88\xe5\xde$\xa5\x12q!R\x94\xb0\xce\xce\xbd\x7f)\x95\xd7\xbd\xadt\x12\xb4\x84e\rZ!\xf8r+\xc8\xbd\xfe\xcd\xe9d\x99\xcb\xb7\xfc\x1cp\xb0\x1aZ}\xe4In&lt;S\x98\x8aTA\x05,\xb8\xc2\xc9\xdaC\x18k\xd2\xd5!\x80\xc5IcN\x83\xb2\xe1\xf1\x1a\x82\xcb\x8d\xac5/\xb1\xf9\nK\x02\x82\x90b!yRj^\x93"\x1a\xff\ra\x07\x00J&lt;\xd3581\xe2\xf2\x9f\x02{ej\xec\xa7\xdb\xeb\xde\x1a\xf3&amp;VG\xc5W\xdba\xdc\t5\xd4\x16\xfcF\x04\x0cF/\x1fm\x82"-|\xd3\x82!\xfd\x97\x0bS"\xae\xe3\'\x00\xa5\xf0{Z5p\xac\xee\'\x8d\xda\t\xdd\xb5(\xb6\xd8\x8d\x11\x95\xf4c^!\xc3\x7f\x06\xd0&gt;\x03\x82\x1a\x85\x0c\xce\xedl8egr\xb1\x11\xf9.r\xb0\x9f\xe9\xfe\xdb\x16\xe5{\x82\xeb\xed\x18\xd0}\xf5\xac\xae5_\xec\xa2\xa5\x8eV/h\x84n\x14$|s\x1d\xc5\x85SOz4\x04\xbbi~\xb7\xea0@\x9a\x11\xfdTT/\x01\xbb5L.\xe6Kl\xc6\x97\'\x97\xb9\xcf\x98\x1d\xe0&lt;\x05\x82RF\xdd|\x98I\xcb=\x00\x86\xe7O80\x9e\xe3\'\x91\x12\x9d&amp;\x13\\\x13\xda\'\xc1\xbb\xeb\x8b"[\xe6\xe8\xf6\xd3\x81\x16\x84e\xddw\x88\x8d\xc6v\x9eY\xb3\x83rF\xd7L\xf3*7R5\xdc\'\xf3j[\x12\xd7vy\xbc\x0f\x04\x87j\x06\x95\xac\xe1d\x0f\xd3\x1f\x0b`\x1f\xd9\xb0\x85\xd0\xfb\xcc\x16\xb7r\xe0\xaf\xcc\xd3\xf4A4\xca7o\xea\xbe\x00\x16\xbd\xc8\xd6\x96\x83\xc2\xde\xcf\xa1\xabT\x02\x18\x147\xeb\x06\r@\xdb5\xee\xed\xea\x0e\x86\xc3=m\x1c\xee\xff\xd9)\x91\xac\x84\xf3\xbaqp%\xcfj\xcc\tj\xbf*%\xbf\xf5\xe6re\xa4\xcf"%\x17\xae\xd2D\xa7\x1aF\xa2\x89MT$^\xd8\x02\xcc\x7f3\xa4\xfa/\x18\xadi.\xb1\xa5O\xe8\xa0B\xd7|\xaa\xb8k;\x84\x86\xc6\xb4Db\x93\x0b\xedM7 \xb4\x86S\n/&lt;\xdfpZ\x10"\xa6d\xa7Q\x93\x88\xd9e\xb3\xac\xd9\xcfa\x14\xef\x0e6`\xb3\xd3\x9b\xd8j\x9a\xb6p\xbb\x1a\x05~\xb7\xb6\x12\xc2|w\x14\x89d%\xafG\xf7\xa2\x19\x15\xf0$\xd2\xf5\xbbO\xd2\x8c\xc6\xf8_\xa7k\rx\x01\xaf]{X$\xd0c\xd0\x92\x82\x14\x86\xa2\xc0\xb8\x0f\x80\xd6Rka\x08:\x93\xb0x?\xe6\n\x84\xb3C\t&amp;\x07Hq\x02\xfa\xba\xd2x\x9f\x03c\xa7`\x9a\xf3\xfd\xab|\xf5\xaf{4\x1d\x9d*L\x99\xce11\xb2\x1b\x85Nn\xd6\x03\xc8\xb2\xaa&lt;\x85\x04\x9a\xdcn\x95\x06\xa8\xd1Hw\xf2e\xe9\x90AK\xe7~\xf10\xb3\x8d3\x14m\xed9\xfe\xaf\x8az\xa8\xcf\xbd\xc6\xda@:&gt;S\xa4\x07?\xbf\xfd\x80:\x01\x19\xb6\xb7\xbd\xff\xc2-g \x847z\xbb\x8a\x06O\x95\x86R\x17\x1ej\t\xba\xe7\x0e^\x93\x11\xd5\xc1\xdce\xe5\xdc\xb1h\xb2\x8d\xa5+\xb4\x9bV\xaf\x7f\xb5\x1a\xb6)\xba3\x8fC\x82\xef\xc0\x0f\xd5\x9bCy&gt;\xd6\xd1.pH\xb1\xcc\xfa\xc9&amp;\x81\xc7\xe21\xcdZ\xf3\xf4Nu\x92_HM\x18\x03\x1c 7\x1b\xa2\xf0\xc8\xddn\x08y\x00\x94\xdd\x95?x|tA\xba\xbb\xbb\xefjC\xf5\xdca\xc6\xfc\xcf\x8a\xd85\x10\xb4\xe7\xe9(\xde\xa3U\x1eb\\\xbb.|2\xca0z\x96\xba\x89\x07@\xb2c\xb9\xa0\x10\xc8fX%2s\xe0\xd2\xd6\x8eHv\xa3\x92Hv\x19\x84\xe3\xd7K&amp;\xf7\x11Y\x1a\xe6l\xde\xf6\xe8\x18\xd0d\xed8\x16x%Ho\xceq\xd2JX%Z\xb9\xdb\xa9\xc4\xbeS\x11\x9c\x99If\xdfN\xf7fA\xd8\xc1\xa6\xb2\x85nc\xdea\x83\x14;i\xe2\x04QE6\xdd\r\x02-\xe9\xe8k\xe2)\x890J ?\x04\xc1\xf8BY\x1f?\xa7\xe6h7j\x9213\x9bM\xbf"\xf0\xbf7\x92\xf2\xbaUy\x8b~\x90\x85\xa7\x14\xaf\xa6\x7f}\x89=|1Qv\x8d\xd3\xa5\xd7\x01\xa4p\r\x92\x0fC\x9ap\xfaqzt\xdd\xb2\xb4s\x18y\xd0\xfa\xae\x9e8\xda\xf8U\xf6\x19b\xf2\xba\t\xe2}5\xc7\xd6\xa5\x1d\x18\xe2T!\xdd5\xbc?MZ\xa8\xac\xe8\xfc]\\\xeb\x18\xae2\nL\x9b\xd1f\x7fP\xe1]n\xc1_\xaeQ_-J\xf1\xd4o\x140a\xec*\xc9\x02^E\xbe\xbd\xfe\xe5\x8f\x89\xc7\xa0\x14U\x9eEB\x15\x9e\x1c&lt;\xb9\x00L"?j\x18K\x1f\xc3\xd3&lt;\x90\xe5\x8b\x16\r[\xf8\x11\x14\xee3iWm\xdd\xbe?\x9e1\x9e&amp;U\xd1ZS:\x91\x07y\xa8B\xaf\xec\xa8\x8a\xe5\xd2;\x93i\t)\xb3l\x04y\x0e\x00\x18\xe4\xe3k\xc9_\xe1\xd3)\xe9d\xef\xcaF\xd0\x866\xba\x9c\xf1\xbb\xbf\xd1\x1d"\xd6*\xcc\xc1vQ\xbc.\xcdt\xb4q\xce/\x03\xca2\x88[\xfeG\xe8\x96A&lt;\xbd\x99\x8e*\r~\xe8RvogA9\xc8\xb2\x8er\x89n\xd6\xfc\x1dE\xd3*\xed\xc8\xb5\nR&gt;\x8c\xc4mfe\xe1\xe3,6\xd6\x7f\xb5`1W*v9\x07"\x18XCH\xa8\xa9\x8c\xcd\xedv\xfa\n\xbb\x80\xb9\xac\xb7\xf6\xc3\xe1X\x8b\xc4\xe5\xd0\xbc\xba\xba\xc4K\xc0\xa0!\xb9\xc5Q\x12S4NM\x17y\x8a\xb3\x81*-\xf75gC\xe0P\x02M\xf9\xcd\xda Z\xdb\xcd\x90%\xd3\x16\xd0\x9f+\x1e#%1)\x86\xef\xa8\xb4\x05\xf8*]\x03\x92\x95 \x84\xee\xfe\x9c~\xa3\x8e6%\x05\xfc\xe9\x1bB\xa32\x84\xf5\x9f\xd4-K&gt;{ys\xfc~;\x7f\x97\xef(\xfe\xb7:\xd1\xe3\x19\xc8\x83 \x0f\x9a_\xa6 \xc0y\x95\xd5H\x87\x11\xa7\xa7\xa8\x1c(\xccT$WF\xb29\xdcS\x1cF\xcb\xe8\x14\xbe\xbcYWz\x1a(4Kv\x8cy\x81W\x01\x8d\xf0\x1b-\x9f\x19\x00\xf1\xb0\xed\xbd\x839\xe8vC\xe9\xad\xb6\x9a!\xa8\xb7\x93\x92\x99\xf3\xe4x4]MO\x98\x11\x1a\xfd6\xfa\xa1_\xb7\x8d\x1bn]\x9ft\xeb\xa7+a\xc0\xf3e=n\x92\xb6-\n\x17\xaf\xa9\xfd#xO\x7f*\xbb\xe8&gt;d\x1e\x11\x1a\x08ky\x97\xf3\x1a\xf7\xdb\xc1\x83\x0c\xdb\xd7\x9f\xa5j\x1f\xaa\xa5\x03\x8cB7\x08\xd0\xcb:\x08\xf9\xea#\x9a3\x80\xb7|\x8b\x86\xb8i\x99\xa7\x941\xe10h\x81\xd9:\xd6{y\x1e]\xad\xe4\xcd\xe1\x00\xdf[7~\xf7\x19\xe40|l\xe6%\x7fb\xb6O/\x84\xdb\xdd\xe2\x85\\}q\xfe)f\xa2\x94\xec\x91&amp;\xa5\xcd\xa6\xb5\x84i\\\xee\xc5!;\xd9\xc7\xb6\n\xe7\xbd_\x06\xedX\xc1*IV\x8f\x85\xd7U\x89GG2\x06\xe3\xb7\xae\xd0\xc1\xb8b7b\xe4\x90\xacEeaF\xed}\xc6\x15\xbd\xc3\xa9r9q\xfdv\xc5\xe5\xe46*\xf8\xe8$\xd5\x196\xc4\xd1\xfdA\xfc+\xd0\xb3\x8a\xc5\x15\x1a\x80\xa2\x92 \xe3\x83\x127\x9c1\xc5$\xea\xc0\x88\xe0:\x95\xbc$Z\xc5\xc78\xdf\xd4\x19)If\x17\x19\x1c\xce\x0439\xb3\x9c\x8e\x89D\x0b\x04\xff\xf3\xd0sK\xe8:.\xdfy\x96\x97,\x1c\x9f\x8a\xba\xc7\x8c\xc9mg\xec\x9cQ\xa6\xf5\x85I`\xe31[\xa1\xd6\xab\xf6\x84\xc6\xceU\x86\x9ad\x94+\xcdn\xc2\xd8\xdc\xa4\xb7+U\xebB\x1e5I6\xaau\x0bwY\x81[8\xe4\xef\x9b\xaf\xfc\x85`3\xd4Z\x94\xc9\x98\x87\xd1\x84\x1bT\xb1_?\xb9R\x03\x88\xda\xb7\xf29\xe6\xa8\t\x19p\x19\xf5+\xfb|#\x0b\x8d\xaf\xd8\xd0ts\xd3{\x97\xcf\xc5@;X\xe2|I\xcb\x15%\xe97)\x82\xbb\xe2z\xb4j|\xed\xe2M\xbc=\xe1}:\xf0\x9b\xe1F\xd7\x82\x83\xa7S\xe3\x01ll,\x82|\xa3P^\x11\x0eF\xfc\x05\x02\'\x19!\xff)\xb1\xc3\x93\xafe4&lt;\x0bxlR\xde\xad\x98\xf1\x07\xe7\xefm\xa3\x06\\o\xd1n\xa3n?\x8158\x93\x89\x8e\x91\x01\xb8Q7\x842\xde\x81\x93y\x1ef\xf0\x9bqVsw\x12\x1d;\xb1\xdf"r\xab]\x99\xee\xb6=\x07\xe2\xa0\x8d\x16\xc4\x8a\xe3\xe5\x1d\xf3\xe2\x90\xf8RVdbKhk\x86\xd7fW\xac\xee\rP\xd4\x9d\xa3\xb4"\xa2\x147s\t\xf8 \x1d\x8f\xc7\x80\xcee\xe8D\xd4s\xf2\xc7Y\xa5A\x1a \xa8&gt;\x9b\x8a\xdd.\xc3\xa3\x06\xfd\xd1\xab\xa8\x7fo\xf0]\x96\x1c)\xea]\x8a\xa6)F\x86 T\'1E&amp;\xf0.\xe0\n#\x9c}\'\xa8\x81D\xd3\xee\xb8\xed\xccy\x13/\x1a\xa2\xca\xc2\xfc_y\x8f}\x185\xb7nPH \xb8\xffb\x16\x9f\x13\xe8\xbe\x18\xeb\xf0\xd8T\xfd\x94\xe6\xed\xcd\xa1aUj\x17\n\xd0\xba0\xb9\x1a#\xb8\xb1\x80\xe7Y*\x0e\xf9\x08\x88e\xaf3\'\xa9j\xed\x153&amp;\xae\x9a\x0c\xef\x02n\xc5\xe2\x14\xa2&gt;(\x86\'\x8f\x12\xd0\x80\x87\xa9\xd9\xd5&amp;\xb3\xa9\xc7\x9ecDM\x0e\xb5\x80X\x1c\xeb#\xf7s#\xd2\xb1\xd25\xea\'\xcb\x8e-\xe6\x9d\x80J\xed6e\x92\xb3+\xe2\x04\r\x92T\x89\tB=\x0bq\xe0\x8b\xb7\xb1\xa0\x18\x93s\xaf\xdb\x83W\xb8\xa5}/nQ\xb1&amp;\xaa\xda\x80\xc1k4S\xb1:\xa0@\x19.\xae\x92)\x1a\xb9\xdb&amp;S\xe5\x81.y{N%\xf1\x16\x17[n\xdb\x1b\x92#\xe1a\xa0\x1a\xa8\xfdp\xb3T\x9e|\xa3\xf7k\x0e\xe3'</t>
  </si>
  <si>
    <t>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</t>
  </si>
  <si>
    <t>b'\xb4\x95\x16Jo\x01Z\x01\x98o\x80\x95\x06s\xc0\xf6'</t>
  </si>
  <si>
    <t>tage difference remains free from
 the supply ripple.
 10.1.2 Differential Signals
 Let us return to the circuit of Fig. 10.2(a) and recall that the duplicate stage consisting
 of Q2 and RC2 remains â€œidle,â€ thereby â€œwastingâ€ current. We may therefore wonder if
 this stage can provide signal amplification in addition to establishing a reference point for
 Vout. In our first attempt, we directly apply the input signal to the base ofQ2 [Fig. 10.3(a)].
 Unfortunately, the signal components at X and Y are in phase, canceling each other as
 they appear in vX âˆ’ vY :
 vX = Avvin + vr (10.5)
 vY = Avvin + vr (10.6)
 â‡’ vX âˆ’ vY = 0. (10.7)
 For the signal components to enhance each other at the output, we can invert one of
 the input phases as shown in Fig. 10.3(b), obtaining
 vX = Avvin + vr (10.8)
 vY = âˆ’Avvin + vr (10.9)
 and hence
 vX âˆ’ vY = 2Avvin. (10.10)
 440 Chapter 10 Differential Amplifiers
 VCC
 Q1
 To Bias To Bias
 Q 2
 X Y
 R C1 RC2
 Vin
 Vr
 VCC
 Q1 Q 2
 X Y
 R C1 RC2
 in +v in â€“v
 (c)
 (a) (b)
 Figure 10.3 (a) Application of one input signal to two CE stages, (b) use of differential
 input signals, (c) generation of differential phases from one signal.
 Compared to the circuit of Fig. 10.2(a), this topology provides twice the output swing by
 exploiting the amplification capability of the duplicate stage.
 The reader may wonder how âˆ’vin can be generated. Illustrated in Fig. 10.3(c), a simple
 approach is to utilize a transformer to convert the microphone signal to two components
 bearing a phase difference of 180â—¦.
 Our thought process has led us to the specific waveforms in Fig. 10.3(b): the circuit
 senses two inputs that vary by equal and opposite amounts and generates two outputs that
 behave in a similar fashion. These waveforms are examples of â€œdifferentialâ€ signals and
 stand in contrast to â€œsingle-endedâ€ signalsâ€”the type to which we are accustomed from
 basic circuits and previous chapters of this book. More specifically, a single-ended signal is
 one measured with respect to the common ground [Fig. 10.4(a)] and â€œcarried by one line,â€
 whereas a differential signal is measured between two nodes that have equal and opposite
 swings [Fig. 10.4(b)] and is thus â€œcarried by two lines.â€
 Figure 10.4(c) summarizes the foregoing development. Here, V1 and V2 vary by equal
 and opposite amounts and have the same average (dc) level, VCM, with respect to ground:
 V1 = V0 sin Ï‰t + VCM (10.11)
 V2 = âˆ’V0 sin Ï‰t + VCM. (10.12)
 Since each of V1 and V2 has a peak-to-peak swing of 2V0, we say the â€œdifferential swingâ€
 is 4V0. We may also say V1 and V2 are differential signals to emphasize that they vary by
 equal and opposite amounts around a fixed level, VCM.
 The dc voltage that is common to both V1 and V2 [VCM in Fig. 10.4(c)] is called the
 â€œcommon-mode (CM) level.â€ That is, in the absence of differential signals, the two nodes
 remain at a potential equal to VCM with respect to the global ground. For example, in the
 transformer of Fig. 10.3(c), +vin and âˆ’vin display a CM level of zero because the center tap
 of the transformer is grounded.
 Example
 10.2
 How can the transformer of Fig. 10.3(c) produce an output CM level equal to +2 V?
 10.1 General Considerations 441
 Vin Vout Q1
 VCC
 Q1 Q 2
 CC
 Input
 Output
 (a)
 (b)
 t
 VCM
 V1
 V2
 (c)
 V
 Differential Signal
 Differential Signal
 2V0
 Figure 10.4 (a) Single-ended signals, (b) differential signals, (c) illustration of common_x0002_mode level.
 Solution The center tap can simply be tied to a voltage equal to +2 V (Fig. 10.5).
 t
 2 V
 v in1
 v in2
 +2 V v in1
 v in2
 Figure 10.5
 Exercise Does the CM level change if the inputs of the amplifier draw a bias current?
 Example
 10.3
 Determine the common-mode level at the output of the circuit shown in Fig. 10.3(b).
 Solution In the absence of signals, VX = VY = VCC âˆ’ RC IC (with re</t>
  </si>
  <si>
    <t>b'\x9b\x0e\xa5\x00B7\x00x\xb0Y\x19|\x1b\xf9\xbau'</t>
  </si>
  <si>
    <t>9b0ea50042370078b059197c1bf9ba75</t>
  </si>
  <si>
    <t>nce Consort and all.".
"Eh!" protested Mrs. Medlock, "we've had to let him trample all over every
one of us ever since he had feet and he thinks that's what folks was born for."
"Perhaps he'll grow out of it, if he lives," suggested Mr. Roach.
"Well, there's one thing pretty sure," said Mrs. Medlock. "If he does live
and that Indian child stays here I'll warrant she teaches him that the whole
orange does not belong to him, as Susan Sowerby says. And he'll be likely to
find out the size of his own quarter."
Inside the room Colin was leaning back on his cushions.
"It's all safe now," he said. "And this afternoon I shall see itâ€”this
afternoon I shall be in it!"
Dickon went back to the garden with his creatures and Mary stayed with
Colin. She did not think he looked tired but he was very quiet before their
lunch came and he was quiet while they were eating it. She wondered why and
asked him about it.
"What big eyes you've got, Colin," she said. "When you are thinking they
get as big as saucers. What are you thinking about now?"
"I can't help thinking about what it will look like," he answered.
"The garden?" asked Mary.
"The springtime," he said. "I was thinking that I've really never seen it
before. I scarcely ever went out and when I did go I never looked at it. I didn't
even think about it."
"I never saw it in India because there wasn't any," said Mary.
Shut in and morbid as his life had been, Colin had more imagination than
she had and at least he had spent a good deal of time looking at wonderful
books and pictures.
"That morning when you ran in and said 'It's come! It's come!', you made
me feel quite queer. It sounded as if things were coming with a great
procession and big bursts and wafts of music. I've a picture like it in one of my
booksâ€”crowds of lovely people and children with garlands and branches with
blossoms on them, everyone laughing and dancing and crowding and playing
on pipes. That was why I said, 'Perhaps we shall hear golden trumpets' and
told you to throw open the window."
"How funny!" said Mary. "That's really just what it feels like. And if all the
flowers and leaves and green things and birds and wild c</t>
  </si>
  <si>
    <t>b'\x8d\x06:L:\xffk`\xceS\xafj\x8d\x90Q\xbf\x05\x80\xcd\xab`w\xab\x8e\xcc\x07-3\xbd_\xce\xfe\x0bp\x86\xf9\xaf\x04&gt;\x97\xe8\xeb[\x19\x08\xcb\xd3t\x889 Ld\xd0\xa5gn\xb9\x92\xca\xa2\x91N\xc5\x19B5\xea\x04\xe0\xcf\xd7(t\x83E\xe7\xb4\x93\x1e]\x19,\xbb~\x14\xfb(Y\xd08c~@\xf7NW\x05\xb8$\x8c\xad\xd3\x95D\xd1\xdf\r\xf6\xc04\x9b\xeb\x0cA#C\x8b\xe0\xbe\xafb\x00\xf5\x83\xe6\xe8\x10\xd0\xdf\xd3@\x9d\x82\xcc\x00\x8d:\r:y\x05Q\x11,P\xe9Z&amp;\xf6M\xfc\xd2\xa4,RT\x83\x9c\xdc\x7f \xcb\xf4M\xf7\xde)\x8a`\xe7\x12\xe7\x05A\xf8\xc4\xb0[\xa3\x07\xb9\x9c\x895eH\xb4\xc5\x1b\x1b\xefU\xd1\xae\xd7\x9a$\xe4\xb9\xce?\x1cz\xbd.\x07\xa2\x18kE\x7f\x85^\x1fY\xff\xca\x17}\xc0\xa4\xaf&gt;C\xf9\x0f\xba\x1b\xa1\x96n\xd7Z\xbb1I\xe0\x90(@\xac_\xefI\xf7\tv\xbea\x90K\x82I\xf6c\xdeV\x19\xc4f\xde\x0b\'^\xeel\xc8S\xe6c\x8ai5:\x9c\x1c\x835\xee\x9b\x9cDilx\x82R\t3k\x9ae\xbb\xe2\xbahgR\xb3#\xbd\x8a \xb6\x84\x85!\x00\xce&lt;I\xbc\xe9W\xc4\xeb\x99\xea\xaah\xbdZ\x96\x080\xda\x811\xc2\x89\xc3&amp;\xfb\x05\xd4\x8b\xa7\xd9\x87Z\x86;M0\xac\x9fu\x1bR^#uW\xa6Y\xe4\x9a\xdbP\xd0&lt;c\x06\xb56\xcbf^\x0b\x05\x98\xd8\xf0[a!NX\xbbQ\xb6\x18\x0c\xb8L\x1a\xb9\x8e8O\xe9\x9a\xe0\xfbX\x9d\xf1P\x9e\x86X|\xa1\xc21\x80\x07\xc7\xf3\xcd\x07\xad\x10\x9f\xe5\xeb#\xa6\x81&gt;\xb6\x98F\xa8\xc3hA\x7f\x00\xc8R\x80\xc4\xf4J\xe5^d\xe3\xe9\x19U\xce\xf1\xfd7\x91$R\x1d\xf9\xea}\xfdB|\x0e\xae\x0b\xa3wqgGT\xa7\xdc\xf4%3t\x15\xec!}x&amp;a\x9aB\xf6\x0e\x84\xd2\x10fc\r\xad\xcb\xb5\xbd\xd4S\xf3\x9b28A\x96\xf1@\xa2&amp;\xf7M!\x8b}j\xfeM\xda\xf8.\xaa\xc8w1\xe5:$\xefY\xa4\xa8\xe6a\xdag\xe8\x0f\x08Zl\xf6\x95xW\x12N\r\x12B\xcb\xe3\x82:\x04\xcb\xc7r\xfd\xa8\x90J\x19\x9c\x98j\xb87/\xf6\x96\x1fu"\x98\'\xd5\x1f\x04J\x18\xb3?\xeb\xbf\xa7\xdb\xb57\xd2X!\x95]N\xd2\x9f\xcf\x80\xea8\xe5\xcbd\xeb\xa7=\xe9b\x1eJ\\Y\xf5\xf1\xc6\xca\xa9\xe0\x9c}\x95\x9e\xfaW\x18\x8c\xb6\xe3\x03\x12\xe5\xed\x8c.\x0b\rM\xb8V&gt;a\xbf\xa8\xb9\xf5\xf1\xc6\xca\xa9\xe0\x9c}\x95\x9e\xfaW\x18\x8c\xb6\xe3\x12M\xd2\x1auS\x97\xceq\x0c\xb74\r\xa95B\xb9HS\xdeJ\xe6r\xea\xef+\xa4\x8b\x99`\xcd\xdd$\xed\xa2\x99t\xc9\xed\x1ef\x90\xff9\xa1\x8e\xa3q6\xe8\x0e\xec\x8a-\xb6!\xeb\xb2\x19i9\x88\xecY\xbb\x99^J\x10@\x9f\xe98L\xc6S\x8d\x01\xf5S`g\x081\xd1Y\xad\x171\x12\x02\xaa`#}/^\xb1\xbd\x8bp\xf9\xe7\xfa\xf4\xa7U\xc8H\xaf:\xfe\xc6\xac\x87\xfc\xd1\x00\xb3\xbc\xfa\xd0\xae\x98\xe3\x8d\xb286k\xa5\xe5\x0cux\xb4\xc3K@`\xfc}\xfd\xaa\xa6\x88\x1c\xaf\xcc\xdfx\x00#\x03\xa2\xc0\xb2\xee\x182\x86\xe9/\xcaOPA\xb9\x1e\x0b;\x89\x8c\xc7\x86\x08\xb1\xb1\x8bM\xb53#\x80;\x1c\xd6\xd4\xb8\xb3\xb4\x8a\x9fny\xda\x88!\xa5\xe4n\r\xf1q\xc6\xa9\x16\xb6\xec\x87\xe95\xff`J\xe09\n==\x00g\xab5\x0f|\x01\xb3\x12\x9a\x0f\xe3\xd7,8\xe7\xcbMV\x9b\x9e\xd0\x19\x85\x88lo\x95\xa8#\x17D\xb2 \x89st\xd6k\xc5bj\x11-\x98\xb7\xb3K\xef\xd2\xfb\\\xf3E\xd4\xa2\xd2\t\xb7\xc3\r\xd4-\x1fC{\x9a\xfeC\xfd\xd1h\x91Tl1\xbb]\x12\x14\xe8\x9f\xee\x03\xce\xb4;XN\x90w-\xfe\x98\xae?:&gt;\xa0\xf5kZ\x8f\xd3\xde \xcf\xbd\x19f\xe3\xb6\xa0a\xc4]B\xb22\x18 \xd6\xf6a\x08\xfb\xfb\x92%1i~*:\xe5\xe6\xeb\x89\xdcLe"\x86~\x88\x7f\x8a\x98h\xd6P\xe5)y.Yn\xbc\xc9:\xcfAu\xaa\x89&gt;,_l\xb5\x8eKj\x953\xafz\x01\xf6\xf2\xe8\x1c\xfb\xba\x03O\xb9\x9c\xc9\xf3\x97~\x07\xf9Po\xd8lLM\x1a\x06?&gt;[\xdd\x08Q_\xaaD\xe3\xd5\xf9K\x84\x07\x05\xd2\x06\x00\x0f\xea\xc7\xa9\xde\xa38x\x18.z6\x0c\x03c\x8b\x02&amp;D\x82a\xa6\xd2%\xf6%O}5Z\xbcz\xe6\xbc\x911l\x8f/OzV\xaa\x117\x01a\xe1\x85\x87\x0f{J\xbbU\xbfhf\xd5\x94 \x82k\xfa\xdbu\xd6\xdcm\x12\xf4\xda\xcb#\xeb\'\x99$\x94\xc0\xcf\x86\x8d\xb3\xc9\xbfC+\xce{\xb6\x14Q&gt;!\x89q^2]\xb5\x1c\xb6f\n\xf2\x0e\xf0oa\x8eOq\x99/\x0b\x07\x0f\'b\xde\xb3|-c\xe4g"\x91\x8f\x9a\xb7\xf5\xf8\x88d\xc0\xbe\x0c\xac\t\xaa\x16\xf9\xb6\xc4N\x11\xbc\x06\x81\x9c\xf7.g\xdezW~\xe54\xc4\x8bI{\x14\x97L\x84\xf9i\\\x9e\x82XV\xac\xc4\xa0?\xb1\xde\xac\xbfI\x8e\x11\';pLZ\xbb\xafn\x13\x969\xeeT\x0e\xf2\xad\x0f\xb9zL\xbf\xf5\x91\xfd\x8d\xbe\x12\xe8\x91\\l\xbe\xc2\ta\xd4~\x11\x86A\xc7\xa5a\xcf\x8dG\\\x1c\xfc\xdc\x82\x15\x19zr"\x80\xa1\x94\xebzW\xa20-\x9du"\x0c\xb0\\\x89\x82.\xb7\x16\xe5\x00\x14\x0b6d\xd9\xa6h\x9c\xac\x98\x95\x95\xfe\xf1S&lt;\xdcT\xe4\xa5\xf8\x01\x1c\xe3\x93\xe7]\n\xcb\xa7Ue\x08\xd7\xdc\xa9\xb1M\xd7\xc34J7\x89\x1d\x92\xed\x92?\x1cqV,\xfeF\x8e\x98\xa0\xab\xceI\x14\xeb\\S`\xd1b\xac\x0f\xc2\xa1\x88,W\xab\x85Y\xca\xdc\xb5\xa8\x1f\xdcf$\xd3\x953q\xa4zE\x05\xbd\t\xb4\x9a\xbc\xda\xd2\x9ab\xb3\xe0\xbdyF\xf9\xaf\x05C\x8c\xe8W\xb1q\x81\xe5\xa2Y,\xcd\xe8\xe2\x94o\xd4\xedF\xde{\x8eh+7QfG\x91&amp;2+\xd9\x9c\x08\x17\xf7`\xb3A\xf6\xc0\xcf\xa9\xf6R\xe28@i\xf64g\xe4#\x19K\x00\x9b\xf8v\nj&lt;=\xd6KV\x8d\xe3fF\xc6\xc1\xe1\xd2\x1c\xc3\xb2U\xdf\xe7\x1e\x85\xbd4\xfb\xbf\x83\x08H(v\x15\x91\xd2\xe5\xe8I\x88\x8eXu\x9f\xd3\xf6\x86D\x88b\xa8_&amp;\xd3W\xf7\x82\xbd\xed\x9c\xee\x99\xdc\xab$.\xcc\x1cN\x010\xd1\x0cI(\xb3\xd8\xf5\x93w\xf6\xcc\xbb\x94\xb3\x1f\xf5\x7f\n&gt;\xc7\xff\xda1\x80\xf6V\xd2\xd5\xbc\xdf\x1d|r\x84SJ\x7f\x8d*\xf7p\x0fMy\xf6\xe7QYP\xbf}\xed\x0f\x8e\x16\xbeI\x08\x81\x82UG\xc5|"\x19\xc0{p\xebv&gt;\x9a\xe2]\xee\xbb~\xa7X\xd0\x87\xcaF\x97O\x1d\xf2\x9b\xd1#\tc\x9c\x13\xc2\xdd\xaa\x8f#F\xd8v\xa2B&amp;\xf9\xaf\r/\xcc\x8d})\x9e\x9c.UO[\xc7\xf1j\x1e\x8a.\x8b\xdc^]\x992\x1e`-dT\x99\t\xd4N\x0f8\x98@\x8bx\xa2\x9c\x7fDw\xfd\x93\x86\xa7[k\x1eO\xcf\x1f\xab\x9e\xb0\xfe\xc1\xfa\\h\x9fN\xbf\xde\xcfj\x97\x04\x16g\x8cy\x92\xd3\xfd\xa5\xa5m\xc6W\x08\x8f$\xae\xdfW\x9e$\xa5\xd5\xb7\x01-P+\xc6DE=b\x12\xc4\xee\xf6sG\xe4\xef\xa9\xc1\xb2\x14l\x1a\xf9&gt;]su\xf8\x93\x1f\xa0rn\x02\xe3`\xb8\xb0v\x9f&lt;o\xc4\xdc-X\xd6\xfcF\x99\xb2m\xf3!\x9959\x7f\x0f\xd1Q\xb293\xf4e\x15\x02\x99lh;\x8b|\x06\x1d\x13\t\xdc\x11\xf4\xc2k\xb9\x19\x0f=\x02h7\x1e\x08\x98\xd8\'p\xb06I\x16\xd4\xde\xd9\x0b8R\xa44\xce\xf3\x15&amp;\x82\xd8{\x14j\x8a\x11\xb8\xb4\xd5A\xc9v\xed{I\x0bG\x94\xaa-;a\xf1\xaa\xef\x9e\x96m\x8aH\xba\x07\xf0\xd0\xeb7vJ\x99\x90\xcb\xe0\x11\xbeLv\xea\x85~\xd9\xde\xaf\xca\t\x15\xf7T7\x8e\x90\x84[ED\x07[v\x81bP\x9d\xc2\xdf\xf9\x1c\x80\xfc\xac\x08V\xd2\xcc&gt;\xa3Lp\x9b\x87m&lt;En\xf9X\xa5\x08\x00\x87\x91qI#\xd3\x14\x17\xf6Q\xe4\xa3\xd3\x19K\xf6\x8c\x13O\xe9\xfe\xaa\xe0+XKj\x0e\xa7h\xdaNW\xa4\xa6\xb5\xa3\x1cM\xe9=\x9e\xf5Lk\x8e\xa1\xea\xd8\x06\xf8\x9e\xf8\x10\xad\x90E\r\xc5G\xfb\xbb\xc0\xc3\xe2#l&lt;?,\xfd\xfbK\x12\x95M\xf6\x8e\xc2\xe9\x18\xac\xde\x89r;\x06\xf3zv\x19\x14\xe5gW#\xd2\xef\xd5)N]/Q|\xf9\xe2"~\x07Ks}%V\xc9\xfb(.\x81\xa6\x8c\xd3r)\xc6!\x9b\x80\xb5\xb92jwe\x83;L:\xd4\xad\r\xbb\xd6&lt;\x14\xf2\xff\x94\x9e&gt;\xd6'</t>
  </si>
  <si>
    <t>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</t>
  </si>
  <si>
    <t>b'\x8d\x06:L:\xffk`\xceS\xafj\x8d\x90Q\xbf'</t>
  </si>
  <si>
    <t>se of many other cities in Roman North Africa of the first century
CE. However, many families, especially wealthier ones, retained the preexisting tradition of rock-cut tombs (hypogaea) containing cremation urns. Whereas Latin epigraphy, Roman building forms, and even some togate portraits were seen in the public
spaces of the city from the Augustan period on, the arguably more private world of
cemeteries presents a more conservative picture. Here Latin epigraphy arrived much
later, on the exteriors of tombs in the second half of the first century, and on
cremation urns inside them only in the early second century. Punic inscriptions or
transliterated terms remained in use on the urns for some time. Indigenous names
appear more frequently in the Latin funerary inscriptions of the exteriors than they do
in inscriptions in public, official inscriptions, reflecting the importance of local lineage
groups in the funerary context. Other aspects of the funerary ritual, such as burying
the non-human elements from the pyre in a separate amphora, continue Punic burial
practices.
Greek speakers in the eastern Mediterranean maintained a cultural identity through
language, literature, philosophy, and rhetoric, mediated through an all-encompassing
94 Lea Stirling
educational regime known as paideia (Gleason, this volume). Emphasis on Greek
cultural arts and traditions provided a source of pride despite the reality of Roman
rule. Modern scholars refer to this intellectual trend as the Second Sophistic. The
emphasis on Greek identity manifests itself in many ways in the archaeological record.
On Crete, for instance, cave cults enjoyed an unprecedented popularity (Alcock
2002).</t>
  </si>
  <si>
    <t>b'\xb4\xda@\x93\x94+\x82C\xe92\xc5B\x1a\xa4\xe11\x82$C\xcfQ\x9b\xe2\xc0D\x06\xee/\xf3\x1b\xc3^Mf\x8bW\x13\x08\x7f\xba\xa7\x80\xdb\xfe\xaa\xab\xcbM\xa2M\x92\x16\xaf4*y\x06\x12\xcc\x08\xec,\x05\x93}\xd0\n7\'\xd8\x83\x12h\xbaU?\xbaP\xce\xb3u\xc74\x1fg\xe1\xac@UG.a\x10\xff\xa1\x81\xa2[\xce\x0b&gt;\xe1\xb5,8\xda\xf4\x12\xd1Lw#\x7f\xa8\xe33\x1f\x89\x82e\x07\x14\xf2\xf3k\x9aiF\xb4\xc3\x84\x84i\xb6l\xe8\t\x03\xcd_v\x13\x80EN\x1a{Gz\xa9\x0b\xb9\x1fNaR\x12\xe5\xd2\xf4i=\x99\x11K\x80\xa9\x89\x11\xf270\xbd\xd9\xfaz\x82\xca\xe71\xe1,\x81$\xe4\x9fM\xe3\x12\x9b\xc6s\x06_\xb6\x14\x11\xb07\xd6\xa3i=m\xa2\x06\x82\x8e3\xf3\x89k\xf7\xbd\x1f\xca\\\xe0-\xeb\x8eKx\xf1\xa1\xe0\t\xb2\xd0\x00\xac\xbf\xccJ\xfe5\x0b&gt;6\xacJ\xe2\xc2\xecU\xa9\xe7\x10\xde\xf5\xd2\xfb\x1cFU\x88\x88\xd9\xd0*\x87\xde\xf9X\x928\xa3\xdd\xa3\x87\xf86?A\x81]\x9a\xb0\xe6T\xf1t\xf2!\xe8\xcf\xf5\xf3\x91\x15\xf7(\xec\xd2\xbchc\xd3K\xef\x96\xba\xd5\'\x85(\xff$\xb1O\x85\xbf\x194\x14\xfd\xc1\xd7\x97}d\x92%^\x101\r8\x9e\x82\x97\xb9XE\xb6\xe5\xc2\xa5\xaa\xfc3\x9e\xd0\xad\xd4\xd3}\xe5\xa4\x9f\x1b\xae\xba\xad5L4U\xca\xe0&gt;OC\x01\xf6\x93\xdfQN\xf8\xaeL;w\x03\xceS]f\xb9T\xe3z\xea\xe6\xf6R3\xc2\x9e\x11\np0\xafcq\x06\x87\xea\xe80\xfb\x8f;Q\xf0\tL=x\xc3\x86H#\xeb`e\xe4\x8a\x81\xfen\xd8*\x16\xba\x8c\x0b+\xd07\x9e\xdb74\x18\x89W\x9cI9M\xfd(C\xd3\twi\x96\xe2\xda\x908\x98\x0e\xf6\xf0\xe2s\xf4n\x90)MW\xf0\xe2\xf6\x8e\x83`\x9e\x035\x0f\xe0\x89D\xf9/h\xc2&amp;\xb5v4\x9b_\xf1\x8d,\xfd\x9e\xd5\xfb\xfa\x83\xb9\x98j\x84Q\xbfC%\xca\x83\xde\xc7\x0en\x1e\xfcr,v\x07v;\x1c+\xee\x11\x7f\xbak\x89:&gt;\xa0\x9e\x0c\xc4\xd3\xfd\xc7}\xc7\x84\x91[\x18\x0e\xd3\xa4\x0f9u%m\x92v\xaa\xb4\x91\xd5\xba\x9d\x19\x01{\x1aw\xb8T.Q5\xee;\xff\x1d\xda-\xf2i\xd4\xfe\xa4\x95\xbc\xffd\xebM\x9c\x96Q\xc2\xda\xb5h\xedLc\xbdk\xe5\x96\xf4\xa3\xf8`\x94\xbb\t\xe3bG\xad\xe5&gt;Fv\x81F$\x86h\x96\xa3_\x14No#`L\xdaz7\xfa\xa6\xf2$\r\xbc\x89\xba\xcfP\\P\xab\x87\xe2;\xe6\x89\xf9\x12EM\x0b9Z\x9a\xe1\'\x84@\xba\xe4\xdf\xfc`\xb0\x0f\xb2R\xbc\x17\xc6(\xb5\xbf\x15\xc9\xd5\x03*\xf8\x9c&amp;$\x85!\xfd\xbe\x86\x13;m\x17\x06p\xcd\x00\x04\x87\x9e\xe6\xf9\xd5W\xe9\xfcW\x1aD\x08\xe2\xb0]|\x0e\xb7\xbc\xcdW%\xb5f\xa6\x93\x1c\xf7\xae_\x8f\xe1U)\xbcN\xe6T\t$\x9d\xce\xdd\x02^\xf4Q\x8f\xed\x0eb0\x9fm\x03\x06\xa0\xa6\xd0L\x135\xe1Rw\x1a\x1e*\x1c0[\xe9;\xa4J\xdb\x88&gt;\'\xd5\xa4\xcc\xf7I\xc61\x12&lt;\x8f\xbb\xe1\t\x0cCw\x8c\xb6\xa8\xd1\x87\xbd\x18v\x8a\xf4\x0bY\xed\xea\xf92`\x8f\xf51\xc6\xbd3p*\x92dw\xd0w\xa1\x1de/,&amp;]/\xd7\xc9W\x95\xde\xd7\xea\x8d\xdf\xb7$;\x06\xd4\xa1xhp\xe1O\xa5\xf4h\x9b\x95\xc8\xba&lt;i\x0b^\xf88\xcfl\xdaL\xb8\n\xf3\x8d\xea~\x9c\x99o\xc2\xc7\x16\xb3\x15\xf8!\x1e\x16\x02@\x8e\x85j\x11\xf9H3\xbf\xf0 \xd4\xd6\xd2\xb0\x02$\xb6y\x8cX\xf3\x88\xfbs\xeb\x81Z\xd7\x8a\xd9\xa8\xc1\xbeu\xb8\x807\x08O\x01v\x13\xfc\r)%\xeaI&amp;\x85\xdb\xd8\xc4J\xcb\x8c\x89\x94@\xf6+v\x94\xd3X\xcf\xeb01\xade\xa8\xce\x82\xb1$\xc1lO\xe7\xb7r\xbc\xa3\xd72/p\xac;4\xa8mu[\xbba\xb6yW\xe5\x10]\x82\x87q\x051IV&gt;\x04\xc5\xacd?\x1d\xa5\x15\x84P2P\xc5\xc0H0\x80\xb9jb\x04\r\xcb\xd6z\x04- 9\xd24\xd4\x00\xde\xd86\x08\xc4MU [;G\x9b\xc9q6+\xfca/\x9d\x1d\x7f\x9d\xea\xe2\x865E\x05\xd81C\xc9P\xb8\xb9\xc2\xe9\xdcN\xc2\xd5\x03w\xd6\x03\xf5IW\x84$I\xd2^\x07W\xd1\xab}M\xa4\xf2Q\xadvZN\xebu\xae\xacQ[\xff\x89\x83\xe91\xbf^\x92\xbe\xad]\xf2\x08,\x04\xa0"g\x11\x98\xff^\xf0\\\xadb\xf1t[\x9f\x86\x8bx\x0b^F\xb1iN\xc41Y\x93\x83G\xd2Yr\x02\x01|\xd7\xde\x80\xc3\xac/\xcb\x87\xac\x8f\xe0\\\xae\xf5\x06\x01\xab\xdf\xea\xdc\x19\xe3\x85\x07\x17\x1f\xf2ow\xb7\x89\x02"CWu\xc7\xacC#\xd1\xbf\x1f\x19H\xd5(\xca`u\x9f\x8f\x90\x01\xc2\xf8V\x08\xd6q\xb2\x0c\xf6\x831V\xa9&lt;n\x1e\x89l\xa5k\xf9\xb0\xafw?!\xa1Q|\x10%`\x1f\x1b3\xb0x\x17\x96\xa3@\xdf+\x90\xbcg\xf4L\xb4,\x7f\x8c\xa7\xc0\xfc5\xfa*\x8e\xc7\xbeN\x14\x1cii \xf3\xe9\xdex=\xbfV\xc8\xcdj\x18\x16\x1e*\x86\x1e"\x16\xefw\xe5+\x92\xd0\xddS\x08p3\xb9B\xa6\xce7\xa5j\x06k\x1d\x8d9w\xfc7QH\x1e&lt;\x12\x13iK\x99\xa1\tk\xfb\xb8\xc2B\xd5\x82\xef\x8f\xea\x9d\xae\x85\xc6%+\xd5\xbe\xa2F\xb7if\x8a\xe3\xabt\x8e\xf8N(^\x15\x94\xbcv\xef\x01~\xd2\xce\x95\xb5\xe7\xa3A\x0cD\xafHt\xed\x81\x9fp\xb8\xeb\x01\xdd\xe3-\xa5\x03a\xf2\xbb\x8a$\x0b\x8a\xc0\xee\xfa\x1a_\xd8\xc4N\x9f{\x0fJ\xd8\x92u\x96Y\x8c\xa0\xc4\n9\x1cpJ\xa4\x04DS\xc0\x88\xebqT\xe7\xe1\xb7\x8a\xc01=m\xf3KH\x8c\xee\xd0o@&lt;\xe7\\\x15\x03\x8bv5s\x10\xfc0\xdd&gt;v\xc0\xcb!v\x13Z\x90\xf9\x1c6\xde9\xb8f\xd9(\xde\xf7Mn{\x91{\xc9\xbc\xea\xf1\xaf{!\xb8\xf6\xd8\xf6\xde(Y#\xe2I\xb9\x14\xef&lt;\xc3w8\xebt\x04_\xc41\x16\xe2\xb5,\xd5\x93Q\xaeOsg\xc1Q\xda\xf3\xf8aq\xd3\x8c\x86\x83\xc3\xdc\x00!\xa1)d=\x7f\xf6\x81\xeb\xd3\x1b\xfa\xa2+eL\x1a\xcbW\xd6\x9em\x8ck\xb6\xa4\xd8\x06m\x96\x83\x87\x8a`\x11 \xedLs\xd9\xed\r\x17b\xe8\x10\xcav\xcfI:vBeD9\xdd~\xbf\xd5\xa2x\x9e\x89\xcam\xc59\xb0W\xff@zW\xda\xe6\x92N)\xf6\xcet\xc1\xb0Wi/\x0bG\xcf\xe1\xa5\x17\x18\x19K\xc5\xde\xb1X\x15\xc3\xb6\xa4\xee\xf1\x824&lt;\xde\xeex}Y\xa8\xe5Z\xed]@\xf7\xb6\xb13?\xd0\n\xed\xaf/\x80\xe9 u\xc7\x13\xd7pb\x8e\x1f\x01\xf2\x8d\x0eD\xfc\x91-\xb5y"i\xf2\xc3\xd5?\xa4\xb5e\x0f\xa2\x14\xce'</t>
  </si>
  <si>
    <t>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</t>
  </si>
  <si>
    <t>b'\xb4\xda@\x93\x94+\x82C\xe92\xc5B\x1a\xa4\xe11'</t>
  </si>
  <si>
    <t>ht breathe.
 She doubted, listened, raised herself in the bed, and again listened. It
 was music, and not an illusion of her imagination. After a solemn steady
 harmony, it paused; then rose again, in mournful sweetness, and then
 died, in a cadence, that seemed to bear away the listening soul to heaven.
 She instantly remembered the music of the preceding night, with the
 strange circumstances, related by La Voisin, and the affecting
 conversation it had led to, concerning the state of departed spirits. All
 that St. Aubert had said, on that subject, now pressed upon her heart,
 and overwhelmed it. What a change in a few hours! He, who then could
 only conjecture, was now made acquainted with truth; was himself
 become one of the departed! As she listened, she was chilled with
 superstitious awe, her tears stopped; and she rose, and went to the
 window. All without was obscured in shade; but Emily, turning her eyes
 from the massy darkness of the woods, whose waving outline appeared
 on the horizon, saw, on the left, that effulgent planet, which the old man
 had pointed out, setting over the woods. She remembered what he had
 said concerning it, and, the music now coming at intervals on the air, she
 unclosed the casement to listen to the strains, that soon gradually sunk
 to a greater distance, and tried to discover whence they came. The
 98
 obscurity prevented her from distinguishing any object on the green
 platform below; and the sounds became fainter and fainter, till they
 softened into silence. She listened, but they returned no more. Soon
 after, she observed the planet trembling between the fringed tops of the
 woods, and, in the next moment, sink behind them. Chilled with a
 melancholy awe, she retired once more to her bed, and, at length, forgot
 for a while her sorrows in sleep.
 On the following morning, she was visited by a sister of the convent, who
 came, with kind offices and a second invitation from the lady abbess; and
 Emily, though she could not forsake the cottage, while the remains of her
 father were in it, consented, however painful such a visit must be, in the
 present state of her spirits, to pay her respects to the abbess, in the
 evening.
 About an hour before sun-set, La Voisin shewed her the way through the
 woods to the convent, which stood in a small bay of the Mediterranean,
 crowned by a woody amphitheatre; and Emily, had she been less
 unhappy, would have admired the extensive sea view, that appeared
 from the green slope, in front of the edifice, and the rich shores, hung
 with woods and pastures, that extended on either hand. But her thoughts
 were now occupied by one sad idea, and the features of nature were to
 her colourless and without form. The bell for vespers struck, as she
 passed the ancient gate of the convent, and seemed the funereal note for
 St. Aubert. Little incidents affect a mind, enervated by sorrow; Emily
 struggled against the sickening faintness, that came over her, and was
 led into the presence of the abbess, who received her with an air of
 maternal tenderness; an air of such gentle solicitude and consideration,
 as touched her with an instantaneous gratitude; her eyes were filled with
 tears, and the words she would have spoken faltered on her lips. The
 abbess led her to a seat, and sat down bes</t>
  </si>
  <si>
    <t>b"\x83\x87\xb2\xda\xa7\\'\xfe\xff\x07\x1d\xe2\xfc6\xe7u\xd1\xa6\x12\x99\xe2\x8fE\x1e\xd8\x0b\xcf\x18\x078\xeaT\x820x\n'\x9c1\xd9\xf8H}\xc1\xa9@;\x1a\x10\x107$]\x9e\xc8\xd3\x05\xed\xc9\x1e\xf9\xc9iV"</t>
  </si>
  <si>
    <t>8387b2daa75c27feff071de2fc36e775d1a61299e28f451ed80bcf180738ea548230780a279c31d9f8487dc1a9403b1a101037245d9ec8d305edc91ef9c96956</t>
  </si>
  <si>
    <t>b"\x83\x87\xb2\xda\xa7\\'\xfe\xff\x07\x1d\xe2\xfc6\xe7u"</t>
  </si>
  <si>
    <t>ough the man in 
 the chains got everywhere more water than was down in the chart, John 
 never hesitated once. 
 "There's a strong scour</t>
  </si>
  <si>
    <t>b'\xcfhH\xc8\x03\xe0\xa4:0\xa5\x91\xe4\x9c\xac\xcb\xbf\xe9\x9c\x994\x94(-\xfc\x15\x19\xe2\xbe]]c"k\x9f3\xc0V\xd17\xd1\xf2\xe8Lk\xbb\x98\x7f\x0e\x9a/w\x8acd}Z\x15\xfb\x912r\xa8\xef\xe8`:Q\xb4v\xe2\x03\xb3q\x1d\x84V\xa1m\x1co\xad\xf5\xbc\xe1\x8a\x84\x97?h\x06\xf1\x159\xa2\xbe\xa5\xe1\xaf\xbay\xbfy\xae\x91L\x19\xe5\x9f\xd4\x0f!Fv\x86C\xab\xb3&lt;\xad\xb0\xbf\x89d;\xe3\x12s48e?\xafJ\x8b\xf9L\xb3\x9b!\xf8\xa2\x85w&amp;\x18}.\xc1a\x97\xc5K\xfb\xca\x93\x1fb\xc1I\xb2Q\xb5\x9b\xe4\x89X\xd2\x9dL\x07%\xfc\xe0\x07\x9eG6\x16\xf4\x9b\xffK\x86\x99ba\xf1\xd9:\xeb\xfc\x10\xef\x11C3a+J9\x87\xb9\xd1\xd1\x1c\xb0@\x19\xe6\xfa\xa2\xb6G\xe4\x03\xd5h\x9bQI\xbc\xe4\xc0\xcaH\x96\x0bN\x9b\xea\x89\x88\xfd\x80\x93\xc0\x18=#\xa8\xdf\xa7\xb5\xb3F\xbdeci\x1e\x03,R\x1d\x01\xaf)n\xb4\x19T\xa5\x1e\x0c\xcet\x97uf\xa2\xe8\xb9wf\xc5\xf4-\xcd6S\xf5\x18\xc2E\x84\x85\xec=\xa6\xb7\xb9\xd4h,\xc4\x00e.\x96\xa8\xfbd\x07\x10\x0fL\x99\xaa\xc4+0\xe0\xbb\xca\xbf\'eT\xea\xbcTQ\xf4\xac\x80\xfd\xd2\x10p4\xbaXi\x84\xc0\xb8\x91\x86498\x87\xda\x16\xa2x&amp;^\xe0\x80?4\xce\xa84\xfdT\x0f\x97\xea?\xba\x80=\xf2\x15\x85?c\xb5xaLj\x89\xa1\x14\xf7\x93\x153\x87\xefk\x9f&gt;\xec\x82\x89\xc5Y\x1c\xcd\x8c\xbd\x97\xf2`\xe6x\x11\x05_\xad\xd7`Dt\x05$r\xefL&lt;Bl\x80\xe7\x84I\x84l\xcf\xd0\x91\xf2\xc7\x14\x8c[\x14\xa8\x9b^.\x0e\x1c\xd0l\xf8\xdb\x86\tt\xb6s\x0c\xe5\xf2\x80\xa4\xce\xbd[~\x88\xdcmM\xcblv&gt;`d\xa2Z\x9a\x869\xb66\xe0\\\xa6\x02\xf5\xc2C\xacsR\x86\xdc\x1f\x9b\xba\xe9\xc2\x04\xde\xc2\x8d\xefI\x15\xcf\x10\xc5\x13r\x0eH\'o\xe7Cq\xba\xf4\xff\x1a'</t>
  </si>
  <si>
    <t>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</t>
  </si>
  <si>
    <t>b'\xcfhH\xc8\x03\xe0\xa4:0\xa5\x91\xe4\x9c\xac\xcb\xbf'</t>
  </si>
  <si>
    <t>, that leads towards the
 courts, and could let himself through that way; and as for the sentinels,
 there were none at this end of the terrace, because the place is guarded
 enough by the high walls of the castle, and the east turret; and he said
 those at the other end were too far off to see him, if it was pretty
 duskyish.'
 'Well,' said Emily, 'I must hear what he has to tell; and, therefore, desire
 you will go with me to the terrace, this evening.'
 'He desired it might be pretty duskyish, ma'amselle,' repeated Annette,
 'because of the watch.'
 388
 Emily paused, and then said she would be on the terrace, an hour after
 sun-set;â€”'and tell Barnardine,' she added, 'to be punctual to the time;
 for that I, also, may be observed by Signor Montoni. Where is the
 Signor? I would speak with him.'
 'He is in the cedar chamber, ma'am, counselling with the other Signors.
 He is going to give them a sort of treat to-day, to make up for what
 passed at the last, I suppose; the people are all very busy in the kitchen.'
 Emily now enquired, if Montoni expected any new guests? and Annette
 believed that he did not. 'Poor Ludovico!' added she, 'he would be as
 merry as the best of them, if he was well; but he may recover yet. Count
 Morano was wounded as bad, as he, and he is got well again, and is gone
 back to Venice.'
 'Is he so?' said Emily, 'when did you hear this?'
 'I heard it, last night, ma'amselle, but I forgot to tell it.'
 Emily asked some further questions, and then, desiring Annette would
 observe and inform her, when Montoni was alone, the girl went to
 deliver her message to Barnardine.
 Montoni was, however, so much engaged, during the whole day, that
 Emily had no opportunity of seeking a release from her terrible
 suspense, concerning her aunt. Annette was employed in watching his
 steps, and in attending upon Ludovico, whom she, assisted by Caterina,
 nursed with the utmost care; and Emily was, of course, left much alone.
 Her thoughts dwelt often on the message of the porter, and were
 employed in conjecturing the subject, that occasioned it, which she
 sometimes imagined concerned the fate of Madame Montoni; at others,
 that it related to some personal danger, which threatened herself. The
 cautious secrecy which Barnardine observed in his conduct, inclined her
 to believe the latter.
 As the hour of appointment drew near, her impatience increased. At
 length, the sun set; she heard the passing steps of the sentinels going to
 their posts; and waited only for Annette to accompany her to the terrace,
 who, soon after, came, and they descended together. When Emily
 expressed apprehensions of meeting Montoni, or some of his guests, 'O,
 389
 there is no fear of that, ma'amselle,' said Annette, 'they are all set in to
 feasting yet, and that Barnardine knows.'
 They reached the first terrace, where the sentinels demanded who
 passed; and Emily, having answered, walked on to the east rampart, at
 the entrance of which they were again stopped; and, having again
 replied, were permitted to proceed. But Emily did not like to expose
 herself to the discretion of these men, at such an hour; and, impatient to
 withdraw from the situation, she stepped hastily on in search of
 Barnardine. He was not yet come. She leaned pensively on the wall of the
 rampart, and waited for him. The gloom of twilight sat deep on the
 surrounding objects, blending in soft confusion the valley, the
 mountains, and the woods, whose tall heads, stirred by the evening
 breeze, gave the only sounds, that stole on silence, except a faint, faint
 chorus of distant voices, that arose from within the castle.
 'What voices are those?' said Emily, as she fearfully listened.
 'It is only the Signor and his guests, carousing,' replied Annette.
 'Good God!' thought Emily, 'can this man's heart be so gay, when he has
 made another being so wretched; if, indeed, my aunt is yet suffered to
 feel her wretchedness? O! whatever are my own sufferings, may my h</t>
  </si>
  <si>
    <t>b'e\xf6C\x1ba\xb1I$\x8e\xd1\xb0\x85\xf2V*\x83\xee\xf3I\xa1\xf2\xf0\xf1\xcdW\xa4U\xed\xcd\xe1~\x00\xd4\x8d\x18Y\xaf o\xce\xf5G\xa7\x81\x88\xa2\xf8|\xb9\xb1\xd6r\xb3d\xdc\x0b\x8c\xb2\xe7\xc1$F\xcf\xaa'</t>
  </si>
  <si>
    <t>65f6431b61b149248ed1b085f2562a83eef349a1f2f0f1cd57a455edcde17e00d48d1859af206fcef547a78188a2f87cb9b1d672b364dc0b8cb2e7c12446cfaa</t>
  </si>
  <si>
    <t>b'e\xf6C\x1ba\xb1I$\x8e\xd1\xb0\x85\xf2V*\x83'</t>
  </si>
  <si>
    <t>But wait! Thatâ€™s no good either! It says that the velocity is proportional to the
  square root of the acceleration, and therefore that the current should be propor
 tional to the square root of the field! Thereâ€™s another twist to the story: In practice,
  the charges are already moving very fast because of their thermal energy. But the
  thermal velocities have random directions, and average to zero. The drift velocity
  we are concerned with is a tiny extra bit (Prob. 5.20). So the time between col
 lisions is actually much shorter than we supposed; if we assume for the sake of
  argument that all charges travel the same distance Î» between collisions, then
  t = Î»
  vthermal 
 ,
  and therefore
  vave = 1
  2at = aÎ»
  2vthermal 
 .
  1Calculating this surface charge is not easy. See, for example, J. D. Jackson, Am.J.Phys.64, 855
  (1996). Nor is it a simple matter to determine the field outside the wireâ€”see Prob. 7.43.
 7.1 Electromotive Force
  301
  If there are n molecules per unit volume, and f free electrons per molecule, each
  with charge q and mass m, the current density is
  J =nfqvave = nfqÎ»
  2vthermal
  F
  m = nfÎ»q2
  2mvthermal
  E.
  (7.6)
  I donâ€™t claim that the term in parentheses is an accurate formula for the con
 ductivity,2 but it does indicate the basic ingredients, and it correctly predicts that
  conductivity is proportional to the density of the moving cha</t>
  </si>
  <si>
    <t>b'\xe4\xcb\x00\x814\xdc4\xe1\xf4(ps\xc8\xad\xe7-\xef\xf9\xe7\xbe\x12\tS\xbbjt\xab\x01\xb2\x19}E'</t>
  </si>
  <si>
    <t>e4cb008134dc34e1f4287073c8ade72deff9e7be120953bb6a74ab01b2197d45</t>
  </si>
  <si>
    <t>b'\xe4\xcb\x00\x814\xdc4\xe1\xf4(ps\xc8\xad\xe7-'</t>
  </si>
  <si>
    <t>wo:
 PDP = P Â·
 TPHL + TPLH
 2 . (16.35)
 Note that PDP has dimension of energy, i.e., it indicates how much energy is consumed
 for a logical operation.
 Example
 16.12
 Consider the cascade of identical NMOS inverters studied in Example 16.10. Assuming
 TPLH is roughly equal to three time constants, determine the power-delay product for
 the low-to-high transitions at node X.
 Solution Expressing the power dissipation as IDVDD â‰ˆ V2
 DD/RD, we have
 PDP = (IDVDD)(3RDCX) (16.36)
 = 3V2
 DDCX (16.37)
 = 3V2
 DDWLCox. (16.38)
 For example, if VDD = 1.8 V, W = 0.5 Î¼m, L = 0.18 Î¼m, and Cox = 13 fF/Î¼m2, then
 PDP = 1.14 Ã— 10âˆ’14 J = 11.4 fJ.
 Exercise How much average power is consumed if the circuit runs at a frequency of 1 GHz?
 16.2 CMOS Inverter 773
 16.2 CMOS INVERTER
 Perhaps the most elegant and the most important circuit invention in CMOS technology,
 the CMOS inverter forms the foundation for modern digital VLSI systems. In this section,
 we study the static and dynamic properties of this circuit.
 16.2.1 Initial Thoughts
 We have seen in Section 16.1.1 that the NOT (inverter) function can be realized by a
 common-source stage, Fig. 16.3(a). As formulated in Examples 16.8 and 16.9, this circuit
 faces the following issues: (1) the load resistance, RD, must be chosen much greater than
 the on-resistance of the transistor; (2) the value of RD creates a trade-off between speed
 and power dissipation; (3) the inverter consumes a power of roughly V2
 DD/RD so long as
 the output remains low. Of particular concern in large digital circuits is the last effect,
 called â€œstatic power dissipationâ€ because the inverter consumes energy even though it
 is not switching. For example, in a VLSI chip containing one million gates, half of the
 outputs may be low at a given point in time, thereby demanding a power dissipation of
 5 Ã— 105 Ã— V2
 DD/RD. If VDD = 1.8 V and RD = 10 k_x0002_, this amounts to 162 W of static power
 consumption!
 The foregoing drawbacks of the NMOS inverter fundamentally arise from the â€œpas_x0002_siveâ€ nature of the load resistor, called the â€œpull-upâ€ device here. Since RD presents a
 constant resistance between VDD and the output node, (1) M1 must â€œfightâ€ RD while es_x0002_tablishing a low level at the output and hence Ron1 must remain much smaller than RD
 [Fig. 16.14(a)]; (2) after M1 turns off, only RD can pull the output node up toward VDD
 [Fig. 16.14(b)]; (3) the circuit draws a current of approximately VDD/RD from the supply
 when the output is low [Fig. 16.14(c)]. We therefore seek a more efficient realization that
 employs an â€œintelligentâ€ pull-up device.
 Let us ask, how should the ideal pull-up device behave in an inverter? When M1
 turns off, the pull-up device must connect the output node to VDD, preferably with a low
 resistance [Fig. 16.15(a)]. On the other hand, when M2 turns on, the pull-up device must
 R
 VDD
 D
 Ron1
 VDD
 Ron1
 Ron1+ R D
 (b)
 R
 M 1
 VDD
 D
 CL
 R
 VDD
 D
 Ron1
 (c)
 VDD
 R D
 (a)
 Figure 16.14 (a) Degradation of output level in an NMOS inverter, (b) risetime limitation due
 to RD, (c) static power consumed during output low level.
 M 1
 VDD
 Vout
 (a)
 Pullup
 Device
 = VDD
 M 1
 VDD
 Vout
 Pullup
 Device
 VDD
 = 0
 (b)
 Figure 16.15 Use of active pullup device for (a) high output and (b) low output.
 774 Chapter 16 Digital CMOS Circuits
 turn off so that no current can flow from VDD to ground (and Vout is exactly equal to zero).
 This latter property also reduces the falltime at the output, as illustrated in the following
 example.
 Example
 16.13
 Consider the two inverter implementations depicted in Fig. 16.16. Suppose Vin jumps
 from 0 to VDD at t =</t>
  </si>
  <si>
    <t>b'\x9a\x05\xa4~]\xd6&amp;\xc5\xdb\x05b*\xea\xfbr\xf9'</t>
  </si>
  <si>
    <t>9a05a47e5dd626c5db05622aeafb72f9</t>
  </si>
  <si>
    <t>)
 $95
 Credit Debit
 U.S. banksâ€™ debt forgiveness 
 (Capital account, U.S. transfer payment)
 $5,000
 Reduction in banksâ€™ claims on Bygonia 
 (Financial account, U.S. asset sale)
 $5,000
 Credit Debit
 Meal purchase (Current account, U.S. service import) $200
 Sale of claim on First Card 
 (Financial account, U.S. asset sale) $200
 to France and generating a $200 credit in the U.S. financial account. The pattern of
 offsetting debits and credits in this case is:
 CHAPTER 13 National Income Accounting and the Balance of Payments 309
 In examples 1, 2, and 4 above, current or capital accoun</t>
  </si>
  <si>
    <t>b'0F\x02!\x00\xdf\x03\xa5MjW\xf9\xc9\xda\xa5\xa6\xc3\x80\xec\xe4lDL\x87yN:\xbc?W\xd7:\x9c\x805\xf1\xfe\x02!\x00\x84\xde\xd5.\xf1%\x82\xd5;\x99\xd1\x99\xb1\xe5\xcf\xba\xed\x86\xad\xc6\xeb)\x9f\xa71\xcc\xc0\t\x89!w\xea'</t>
  </si>
  <si>
    <t>3046022100df03a54d6a57f9c9daa5a6c380ece46c444c87794e3abc3f57d73a9c8035f1fe02210084ded52ef12582d53b99d199b1e5cfbaed86adc6eb299fa731ccc009892177ea</t>
  </si>
  <si>
    <t>b'0F\x02!\x00\xdf\x03\xa5MjW\xf9\xc9\xda\xa5\xa6'</t>
  </si>
  <si>
    <t>ion in most cases.
 The variation of IC with VCE in Fig. 4.28(b) reveals that the transistor in fact does
 not operate as an ideal current source, requiring modification of the perspective shown in
 Fig. 4.11(a). The transistor can still be viewed as a two-terminal device but with a current
 that varies to some extent with VCE (Fig. 4.29).
 V1
 Q1 I S exp 1
 VT
 V V
 VA
 1+ ( )( ) X
 X X
 Figure 4.29 Realistic model of bipolar transistor as a current source.
 4.4 Bipolar Transistor Models and Characteristics 147
 Example
 4.13
 A bipolar transistor carries a collector current of 1 mA with VCE = 2 V. Determine the
 required base-emitter voltage if VA = âˆž or VA = 20 V. Assume IS = 2 Ã— 10âˆ’16 A.
 Solution With VA = âˆž, we have from Eq. (4.67)
 VBE = VT lnIC
 IS
 (4.70)
 = 760.3 mV. (4.71)
 If VA = 20 V, we rewrite Eq. (4.67) as
 VBE = VT ln
 âŽ›
 âŽœ
 âŽœ
 âŽ
 IC
 IS
 1
 1 +
 VCE
 VA
 âŽž
 âŽŸ
 âŽŸ
 âŽ 
 (4.72)
 = 757.8 mV. (4.73)
 In fact, for VCE _x0006_ VA, we have (1 + VCE/VA)
 âˆ’1 â‰ˆ 1 âˆ’ VCE/VA
 VBE â‰ˆ VT lnIC
 IS
 + VT ln_x0002_
 1 âˆ’ VCE
 VA
 _x0003_
 (4.74)
 â‰ˆ VT lnIC
 IS
 âˆ’ VT
 VCE
 VA
 , (4.75)
 where it is assumed ln(1 âˆ’ _x0007_) â‰ˆ âˆ’_x0007_ for _x0007_ _x0006_ 1.
 Exercise Repeat the above example if two such transistors are placed in parallel.
 Large-Signal and Small-Signal Models The presence of Early effect alters the tran_x0002_sistor models developed in Sections 4.4.1 and 4.4.4. The large-signal model of Fig. 4.13
 must now be modified to that in Fig. 4.30, where
 IC =
 _x0002_
 IS exp
 VBE
 VT
 _x0003__x0002_1 +
 VCE
 VA
 _x0003_
 (4.76)
 IB = 1
 Î²
 _x0002_
 IS exp
 VBE
 VT
 _x0003_
 (4.77)
 IE = IC + IB. (4.78)
 Note that IB is independent of VCE and still given by the base-emitter voltage.
 148 Chapter 4 Physics of Bipolar Transistors
 VBE
 B
 E
 C
 I E
 I B I C
 I S exp 1
 VT
 V V
 VA
 1+ ( )( ) CE
 Figure 4.30 Large-signal model of bipolar transistor including Early effect.
 For the small-signal model, we note that the controlled current source remains un_x0002_changed and gm is expressed as
 gm = dIC
 dVBE
 (4.79)
 = 1
 VT
 _x0002_
 IS exp
 VBE
 VT
 _x0003__x0002_1 +
 VCE
 VA
 _x0003_
 (4.80)
 = IC
 VT
 . (4.81)
 Similarly,
 rÏ€ = Î²
 gm
 (4.82)
 = Î²
 VT
 IC
 . (4.83)
 Considering that the collector current does vary with VCE, let us now apply a voltage
 change at the collector and measure the resulting current change [Fig. 4.31(a)]:
 IC + _x0005_IC =
 _x0002_
 IS exp
 VBE
 VT
 _x0003__x0002_1 +
 VCE + _x0005_VCE
 VA
 _x0003_
 . (4.84)
 It follows that
 _x0005_IC =
 _x0002_
 IS exp
 VBE
 VT
 _x0003__x0005_VCE
 VA
 , (4.85)
 which is consistent with Eq. (4.69). Since the voltage and current change correspond to
 the same two terminals, they satisfy Ohmâ€™s Law, yielding an equivalent resistor:
 rO = _x0005_VCE
 _x0005_IC
 (4.86)
 = VA
 IS exp
 VBE
 VT
 (4.87)
 â‰ˆ VA
 IC
 . (4.88)
 Depicted in Fig. 4.31(b), the small-signal model contains only one extra element, rO, to
 represent the Early effect. Called the â€œoutput resistance,â€ rO plays a critical role in high_x0002_gain amplifiers (Chapter 5). Note that both rÏ€ and rO are inversely proportionally to the
 bias current, IC .
 4.4 Bipolar Transistor Models and Characteristics 149
 VBE
 Q1
 Î”I C Î”V g m
 B
 E
 v Ï€ Ï€v r Ï€ r O
 C
 (a) (b)
 Figure 4.31 (a) Small change in VCE and (b) small-signal model including Early effect.
 Example
 4.14
 A transistor is biased at a collector current of 1 mA. Determine the small-signal model
 if Î² = 100 and VA = 15 V.
 Solution We have
 gm = IC
 VT
 (4.89)
 = 1
 26 _x0004_, (4.90)
 and
 rÏ€ = Î²
 gm
 (4.91)
 = 2600 _x0004_. (4.92)
 Also,
 rO = VA
 IC
 (4.93)
 = 15 k</t>
  </si>
  <si>
    <t>b'\xea\x90\x1e\x01`~\x95o\xfb\xe6\x0eb\xcd\x9ctm'</t>
  </si>
  <si>
    <t>ea901e01607e956ffbe60e62cd9c746d</t>
  </si>
  <si>
    <t>ith the deceased. One of the first crises among the Thessalonian Jesusdevotees, for example, was the believersâ€™ fear (c.50 CE) that their recently deceased
family members might not be able to join them in the heavenly world (1 Thes 4:13â€“
17). In Roman Egypt, the use of portraits of the deceased to individualize mummies
has been taken as evidence of some kind of domestic display: either the portrait alone,
before affixing it to the mummy, or the entire mummy for a period, in some room in
the house, as ancient authors suggest (Montserrat 1997; Borg 1997). Maintaining
contact with the dead was thus critical to domestic fortune.
Due to its largely private sphere of performance, domestic cult in general could
persist apart from anti-â€˜â€˜paganâ€™â€™ repression. Indeed, as critical as it is to the maintenance of social life, domestic cult may well be the most resilient form of traditional
religion. Christian writers describe domestic cult practices continuing well after
central and regional shrines had been destroyed (CTh. 16.10.12 [392 CE]; Martin
of Braga, De corr. rust. 16 [V</t>
  </si>
  <si>
    <t>b'\xf7\xa8J\x8fY\xfd6\xfbaU\xd5\xf1\x81]C\x82\xa4\xf4\xf1\xfeO{\xc2i\xa9\x01\x1f\x05\x14\xeby-8\x8b\xc6\x9d\xafj\x11\xd1\x08"\xe9\x99\x1e:\x0e*\x8a\xb0\xc6\xb6\n\xbf\x19\xee\xb5fr\xc7\xcf3w?\xc4{k\xca\x81\xec\xd5U\x93D\x12e\xd9\xe3\xb3\xaa=&lt;2\xac\xaa30\xc7?\x1dk\xb2#\xack\x12\xc9\xc3\xca}&lt;\xb6\xb2I.6q\x90\xd3\x8a)\x1dV\x05\xd0\xc8\x1c\xdc\xbfO_C\x7f\xec&lt;i\x80tE\x14\x88\xf2I\x1e\x92\xa2\xa3\x9c+\x87U^O04\xe4ooD\x1b\x80\x18\xd5\x8d\xdaw\x7f\x112\xdc\xc9nB\xec\x9bq\xf4o7/\x95^nk}\xc8w$\xee\xfbU\xd7\xb3\xaf\xcbB5\xeaWC\xb5\x01\x18/\xeez\xb9\xac\x18\'\xd3\xa6o\xfd=E\x10A\x97\xb8\xf3\x7ft\x85J\xe7#?\x11\xd0M\x86\xe8)\xa0 \x83\xeb%\xbbY"T\x8a\x92l\x1e\xa9\xca\xab\xb2u\xf5y\xa8t\xcc\xd6\xcc\x07\x16jZ\xf0\xe9\x8b\xef\xe9\xc0_j*\xcd?\x1e\xa3\xb0\x9a\x8a\x0b=\xd7\xc3\x1ab1\xeb\x81"\xba.\xd3\x1e\xe5[\xfac\xfc2\xd7\xbe\xd1\x05\xa2+\xfc\xde\x1d\xab9^0\xd2\x9e\x0eDQ\xaf\x9c\x84;S]\xc1#:\xedJ\xd5W&gt;\xe4\x13\x8f)\xdej\x82d\xfa\x13\x8f\x83\xc0\xae\x94r\xe6\xac (\xa4\xbb#\xc5\x9cv\x16\xceq\xcd\xa4c\xd4M\xe5\x89\xdc\xfe\xbeM:\xeb\x8d\xfb\xc6\xad\x10\xe5z&gt;\xa3\xddq0~\xca\x97\xae\x98]\xf7\x14z\x1fs\xf9\x9e\xb9\xc4ynW\xb5D\x1e\xec\xa6\xc7\x93L\xb2^MV\xfe\x0e\xd0V\xa9bsp\x80\x95\xf1\x12;t\xe44\xe4f\xda\x02lSM\xb5/]E\xbd\xf0]\x11\'\x94p\xef\xef\xdd\xcf\x8c\xbabU\xa3\xd4vQ$.\x95\x90\xc3\xa2\xf1\xaa\x17}\xdcKXQg \xa8\xf7\x0bh\xe3O\xf9\x95Z\xd6=\x8a\xf2pw1}\xfa)\x83\x8fo\xf3\x907T\x87\xcc@\xc4\x8a\xcc\x14\x82\xc4\xdb\xf9\x0b\xce)}F\x88\x18p\x9d\xc1\x8b\x07\xbbcq\xd3S\'\xa4\xcbsZt\xb0\x98\xb9\x96;\xee\x1bl\xb8\x8b-\x18\xce;\x98\xc2p\x82\x84\x97\xa0\x1f\xb3\xa6\'1\xa91\xb4o\xe3&lt;\x9cj\x17\xa1\x04\xc1(\xd2&amp;\xfe\xc4\xd1\n\x99\xb3t\xa21\xdd\xbfs|D\xb7\xde\xc0\xaa]\xe5\xe5\xa4\xbe\xa0gX\xcb\xaa&lt;[\n\x11\x05J2\x80\x1d6d\xcd}"w\xed\xfdx\x970\x92&amp;\xb1\xee\x95\xab\x05\xf2\x13!\xa6T.L\xb5&lt;\x86\xd0\x12t{\xc6\xf7\xfe\x90\xac.\xb0ocs\x07\xeb\xfa\xdcR\xc5\xa4\xad=\xc7\x03\xcb\xee?FQY)\xfdx\x07\x92\x9e\xce\xcd\xc9\x9e\x1f\x1bK\xeb8\xd5f\xf3\xb6;0\xeb\xb2F\xc0\xddU\x1eBm\x0b\xfd\xaf\'\x01(\x8c\xcc\x91\x10#\xdc\xac\xdf\xdd\xfd"\x7f\x9e3?\x04*\x91+Uc\xff\xff&gt;\xf7x@\xb1*?\xda*\x0e\xd7X\xe6\xc7[\xdf\x0bn\xbaCC\xc9\x9bFO\x8e\x85\xfd\x1c\xa1\xb2\xd7\xd1\xc8\xe0\xf5\xc6\xc5e\x84\x9c\x85/\x8fl\xb3\rh\xd6\xa2B\x1d\xb0\xa6\xe7\x96\xd3wZ\xd6\xc4\xcb\x8d\x88\x05J|^&amp;\xdd\x02\xcbT|\xc8r\xfa%OR\xf5\xbd\x1b\xddM0H\xd6\x01\x89\xcc&amp;3]A\x8f\xd8\xc9\x8a\xf1\xec\x14b\xe1\x00\x91\xb5l\xde\xf0\xfdv\x82\xc75\x1d\x80\xd0\x9bF\x18\xb00S\xad\xad&gt;\xf5\x19C\xa8\x88[6\x0bL\x0f\x15\xabB5U=N\xdau\n\xfdC\xb5\x80\x80\xce\xf7\xb9\x88\x14M\x03\xed\xcc\x84\xc9\x0fe54\xf5\'5\xaf\xdf?\xdb\xf2\r\x97&gt;\xe1\xca\x87\xc7\xa6\x0f7E\xd2\xc7\xe2\x8f\x03b#\x07\xd6Zp\x97Wy\xecjA$\xcb\xdc[?\xb3\x93\xad0g1\xa0\xf9!zpX-\xda/\xfa:\xf2\xf7h_\xa1\x02\x11Q\xed\x99\xf8h\x8e\xc8l\x81\x0en1\x85\x8b\x8c!:\x92\xcb\xd8,+J\xa5\x1e\x01XD\x18\x971k\xae\x9f\xc5\x99\xbeD\xc1\xcfn\xefmtJ$6\xe6\xf4\xfb\xd5i\xc0"\xdb{\xf1\xf0Ud\x01\x17\x91\x10&gt;\xa5m\x18i\x18\xf2BIl\xa2\x94z\xe5/\x86\xfd\xd8\xa2ME\xbd\x8b\xbe^e\x92\xda\xc3!\xe2\xb5(3\xf5[\xa52\x8a\xdf&gt;\xe2I\x19B\x08[W\x1e\xd7\x9a\xf0\r\x19\x8d/o\xec\xd5\x99@R\t:O\xfdS\t"\xb7\x9b\xa3#\xce\xf3\xfb\x99e\xe9\xe4\x8f?m\xa2.\xc7[=`\x93\r\xb0S3l\xe4\x01c\x8b\xd6e\xcf5\x03Ux\xfe'</t>
  </si>
  <si>
    <t>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</t>
  </si>
  <si>
    <t>b'\xf7\xa8J\x8fY\xfd6\xfbaU\xd5\xf1\x81]C\x82'</t>
  </si>
  <si>
    <t>course that is why I have come.' He added a little sternly, 'Have you
 forgotten that this is spring-cleaning time?'
 She knew it was useless to say that he had let many spring-cleaning times
 pass.
 'I can't come,' she said apologetically, 'I have forgotten how to fly.'
 'I'll soon teach you again.'
 'O Peter, don't waste the fairy dust on me.'
 She had risen; and now at last a fear assailed him. 'What is it?' he cried,
 shrinking.
 'I will turn up the light,' she said, 'and then you can see for yourself.'
 For almost the only time in his life that I know of, Peter was afraid. 'Don't turn
 up the light,' he cried.
 She let her hands play in the hair of the tragic boy. She was not a little girl
 heart-broken about him; she was a grown woman smiling at it all, but they
 were wet smiles.
 Then she turned up the light, and Peter saw. He gave a cry of pain; and when
 the tall beautiful creature stooped to lift him in her arms he drew back sharply.
 'What is it?' he cried again.
 She had to tell him.
 'I am old, Peter. I am ever so much more than twenty. I grew up long ago.'
 'You promised not to!'
 'I couldn't help it. I am a married woman, Peter.'
 'No, you're not.'
 'Yes, and the little girl in the bed is my baby.'
 'No, she's not.'
 But he supposed she was; and he took a step towards the sleeping child with
 his dagger upraised. Of course he did not strike. He sat down on the floor
 instead and sobbed; and Wendy did not know how to comfort him, though she
 could have done it so easily once. She was only a woman now, and she ran out
 of the room to try to think.
 Peter continued to cry, and soon his sobs woke Jane. She sat up in bed, and
 was interested at once.
 'Boy,' she said, 'why are you crying?'
 Peter rose and bowed to her, and she bowed to him from the bed.
 'Hullo,' he said.
 'Hullo,' said Jane.
 'My name is Peter Pan,' he told her.
 'Yes, I know.'
 'I came back for my mother,' he explained; 'to take her to the Neverland.'
 'Yes, I know,' Jane said, 'I been waiting for you.'
 When Wendy returned diffidently she found Peter sitting on the bed-post
 crowing gloriously, while Jane in her nighty was flying round the room in
 solemn ecstasy.
 'She is my mother,' Peter explained; and Jane descended and stood by his side,
 with the look on her face that he liked to see on ladies when they gazed at him.
 'He does so need a mother,' Jane said.
 'Yes, I know,' Wendy admitted rather forlornly; 'no one knows it so well as I.'
 'Good-bye,' said Peter to Wendy; and he rose in the air, and the shameless Jane
 rose with him; it was already her easiest way of moving about.
 Wendy rushed to the window.
 'No, no,' she cried.
 'It is just for spring-cleaning time,' Jane said; 'he wants me always to do his
 spring cleaning.'
 'If only I could go with you,' Wendy sighed.
 'You see you can't fly,' said Jane.
 Of course in the end Wendy let them fly away together. Our last glimpse of her
 shows her at the window, watching them receding into the sky until they were
 as small as stars.
 As you look at Wendy you may see her hair becoming white, and her figure
 little again, for all this happened long ago. Jane is now a common grown-up,
 with a daughter called Margaret; and every spring-cleaning time, except when
 he forgets, Peter comes for Margaret and takes her to the Neverland, where she
 tells him stories about himself, to which he listens eagerly. When Margaret
 grows up she will have a daughter, who is to be Peter's mother in turn; and
 thus it will go on, so long as children are gay and innocent and heartless.</t>
  </si>
  <si>
    <t>b'\x85\xf9Wvu\xae\xe7]'</t>
  </si>
  <si>
    <t>85f9577675aee75d</t>
  </si>
  <si>
    <t>second and first centuries BCE â€“ a chain of texts transmitting the varying presuppositions and biases of authors who themselves had had little but legend and folktale to
work with for Romeâ€™s earliest history. In Livyâ€™s own view (6.1), any public records
that might have once existed for this early period had perished long ago, when the
Gauls sacked Rome c.390 BCE, and he was clear that a narrative reaching back more
than 700 years to Romeâ€™s notional foundation in the mid eighth century BCE must be
a construction that went beyond â€˜â€˜the factsâ€™â€™: the spectral Romulean and regal subject
matter of his opening book, he acknowledged, rested on â€˜â€˜stories with more of the
charm of poetry than a sound historical recordâ€™â€™ (Livy pr. 6, with Miles 1995: 8â€“74).
For an imperial historian of the relatively recent past, the issue was less acute.
Tacitus, writing up Tiberiusâ€™ reign (14â€“37 CE) at a centuryâ€™s distance, demonstrably
had access to much else besides the narratives of previous historians, most of it now
quite gone: imperial speeches and memoirs, records of senatorial debates, biographies
of famous men, the reminiscences of men he had talked to in his youth. But the
difference still remains one of degree, not kind: even in the case of Tacitus â€“ by
ancient standards, an unusually assiduous researcher â€“ it is hard to establish that his
Annals represent an attempt to write up the Julio-Claudian age on a method that
systematically privileged primary evidence over what intervening historians and
scholars had recorded (pace Syme 1958a: 278). In his view, credulity and lies in the
later accounts had obscured the truth about important events â€“ but where they fell
short, he judged, they often only compounded obscurities which arose from unreliability and contradiction in the contemporary evidence itself (Ann. 3.20). For Tacitus, both categories of evidence were suspect in principle; nor were the later writers
invariably liars or dupes one could afford to discount.
Imperial historians themselves, then, could well recognize that much of the evidence they worked with was patchy or inherently tendentious. How severe a problem
that posed in their eyes is another question: it depends on what they took the nature
and aim of their discourse to be. Ancient historians frequently affirm in their prefaces
that they mean to supply a â€˜â€˜trueâ€™â€™ account, but â€˜â€˜the Roman past was never a neutral,
value-free area for the exercise of objective researchâ€™â€™ (Wiseman 1998: 76): aesthetic
and ethical and broadly political aims were also strongly in play, and recent scholarship
The Construction of the Past 413
had vigorously questioned whether the ancient conception of historical truth was
really much the same as ours, or whether it paradoxically allowed for inventions going
well beyond what we call â€˜â€˜the factsâ€™â€™ (Woodman 1988: 70â€“116; Wiseman 1979: 9â€“
53). On one view, the Roman historical tradition had developed largely out of the
popular dramas (fabulae praetextatae) on Roman historical subjects performed at
theatrical games and the quasi-dramatic celebrations of family histories enacted at
arist</t>
  </si>
  <si>
    <t>b'j\xc4\x1bl\x1e\xd7\x1eh\xb5\x06\xb0"\x99\xfe\xce\x18\xfas+\x1ev\x89\xc6\xbf\x14\xa263\x1c\xfc/\x9a\x86\xb11\x84\x9fV\xd1\xc8\xee\x93\xe9\x95\xccG\xcc\xd3\xbbwD\x8a\xc5[\x1b\xf2&gt;\xe6\xea\xcb\xccN\x01\xf8\x0f\x88[W+\xd1\xcc\x14\x14\xa0\x9a\xd7\xf0X\xa3J \xd5\xe9"-!\xfd\xb9\xb9\xd4)\xc3\xa6\x1e\x1c\x0f8"9L5\x93\xadx\x923t\xc8\xd1n\r(F)\x8d\x9a\xa7\xf2\xfc\x90\x9c3\x11\xa5Y64\xd6\xcd\xc2\xf3M\xb3\xc7-\x8bj\x83\xc9\x80\x88\x07\x92\xa8\x99\xa4`\x99\xfd}\xac\xfb\xe2\xd1\xd5\xec&gt;j1\x89\xf3A_q\x8f\x8c\x83`\xc7CB\x9e&lt;\'\x17\xf5Sn\xbf:\xaf\x92\xee}"?N\x87\x89\xc7\xd9\x87\x96\x0b*\x11\xfc\x87g\xc5\x9c3\xc5::\xfa\xb8N\x84\xf1m\xd6;\xd4\xa59\x14\xb0F\xcc\x13\x12p\x05v\xb7\xf6Ge\xd1\x10~\xb3!"\x03{\x1e#\xd0\x88\xfe\xad\x8a\xfa@q%\x9d\xc3\x83\xc6\xfe\xeb}\x17\x12\xfd\xb4\xf0r3\xb0^K5\xa46\x97"a\tU\xbf\xbb\xca\t\xd6\x80S\xfen\x98&gt;&gt;\xd4\x8f|w\x04\x99\x1d\xe5\x94\x08=n%\x89\x94\xf9;\x7fW_\xa6C\xa1\xabO\x06\xfd\x8d%\xd9\xb0\xe2\xd1B\x90B\xc3\xe9\xf3\xc1#\xdb\xaa\xae\xbc\xd4dv\xc9\xab\xf4,\x15\xb0G\xf1#\xf5n#B\xc4L2\xfeo\xeaM\x0fw\xda\xacn\xec\x81iO:\x94\xe3\xc2\x04O\xf9_\xebj\xa8~\xbb\xe2\xaaqd\xe9\xae\xd5\xfc\xfa7io\x9e\xe5t\x1a\xe0\x03nf\xf6\xd2&amp;\xfa\xfb#\xa9\xb3\xc4I\x06\xbcG\xa4\xd8\xfaG\x00\x9e\x85+ \xde\x15\xa6\x19\xa6\x83\xca\x13\xce\x7fa\xb3\xe73\x97\x1d\xe7\x82NS\xcaw\x1a\xae%\x9a\x03\x0f^_\x9a\xd2\t\xfa8\xb2\xb3\x85DJ\x80\xd4}\xd4&lt;\xc3\xe3\x99p\xa6\xe2q\xd7\xe5\xb7\rM\xa1\xe2\x05\xc2\x87s\x1f1\xc4\xf1\xe10\x91[\xd8\x04_td\xdb\x1e$\xf0\xc2@\x03\x83\xf3f\x19\xe5\xd3#1\xf1\x95Rx\xdd2j[o\xf2o\xa4C\xb6\xa3O\x02\xa1\xd6{7\xb6\x0e\x08KI\xf4V7j\xf4\x9b\xcf(\xc6\x91\xb5\xa8q\xe3{\xa0\x8b\xb9\x8d\x1d\x83\x04\xbf\x81\xc6\xb8E\xde\xd3\x1b\xb3\x99\xf1\xdf\xcb.h\x19\x19P\x1d\x8b\xc5\xcb!\xc2&amp;[\x8b\x03S\xd5\x96\xac\\\x84\xba\xf9\xbb\xa1X\x04\xa8\x90t`\xe1\x16@\xbe\xb0;\xeb\xfb\xc7\xfb\xfb\x19\x7f3\x90r\x18M\xbd\x88^!\x03\x02S^I\xee\xefBe\x08`\x18\x96u\x9e\xf8\x0c@&amp;\xc8\x18$\x1a\xeb\x93\xfa\x7f\xbfI;\xb9R\x10k\xeb\x1f,!\xff0E\x85\xe6R_3d\xc7\xba=\x06^fJ\xc5\xd6\xc8\xd5y\x94\xf6\x85\xff\x8d\xaa\xd7\x12h&lt;\x00\xd8\xc6\x9dE\xf3\x00\xbc\xe5^\xf8CV\xaa\x1b\xbb+\'\x86@\xc0=a\xb5\x0fX\xb1\x9b\xe8\x8e\xd6g\xc3\x8e\xdekRsN7\r\x83\xf3\xac\\\x9a\xbb\xd6\x96J\x8c\xad\xa3\xdb@\x01\xb0,M\\=\xf7\xc7!\x8b\x9c\xaf\xb8\x0eh\r\xad\xf1\xea\xbe\x9e\xb0\x86C\xaa\xd4\xe5!\xd4fWW\xa1\xe6\xa9\xb6\\J\xd3\x9d\xaa\'\xe5(c\x0f\xd0\xcd0\xc6\xd8\xf2|\x9f\xeb\x99\x1b\x99\xfau\xa4W\xea\x0c\x8e\xb9z\x9be|\x86\x9b\x0b\xad\xaf\xea\xd5Z^\xb3\n\x822\x01\x876nr\x96\x00f\x8ezYI\x97^|\x92\x05K\xf8\x18\xea\xd7QID&amp;\x0coS\xbb~\xe8x\xd6\xb3\x19\x9f\xd6\x02\xc2\x1b\xc1\xe4vt\xf5I%\xc7\xf3TZ\x8cy\x8e\xba&gt;C-\x90\xf3\x9e\x0b\x16\xa1\xd3\x9a\xb1\xed2;\x97%\xe1\xd5\xd5\x0ee\xd0\x15A,\xf5^H\x1c`\x163E0\xe1\xd9K\xd9\x9e\xab\xad\xd1\xea\x8a\x14\xbf4\x8c5\xf7 \x8c\xb1\xa4l\xb4#\xaf\x06\xef\xf9\xa8\xa0\xc5~k\x83\xf6\x1a\xd5X\xfd\xab\xb5~\xc7y\x8d\xf7\xd3\xe2d\x01\xf5&lt;\xc2\x83\xd4\xdbF\x99\xd1\xb3\xa7\xd9\xf7\x83\x13\xa2\xe1k\xcct\xef"D\x9f+j\xcfFl&amp;X\xec\x7f"\xf7\x92:\xad\x81\xfc\xe8\xb6\xe7\x1f,\x013\xdf\xcc\xd2\xdb\xb2\xa1\xa3w\xf6\xa2\'\x7fY\xa2\xb9y\x08\x8b\x85\x9f\xa1\x8a\xb7js\x95\xb4\xcdO\xd3\xc8Q&gt;\x81\xd8\xb8\xa6\xc3\xa0w0Ot\xc8i\x81\xc8\xaf\x1a\xfd\xe7\xbf?:\x8a\x91(\xe7r\t\xe3\n\xcd#\xfe\x97\x15#\x07\xa6\xa4=\xc3~w\xaf$\xb1\xa3\xfe-\xc1\xa5\xd2\x90.\xd8\x93/P?\xee\x0bcc\x13\xf9yG#T;\x13\x1bn\xc9\xff\xe3E\x9f\x9a\x10\x066\xe4\xe44\xe2+\xfd\xce~;R\x1c\x8e}\x8e\xd0a\xc0\x94+x\xbfv\xa4\xef/\'\x97\x83M\x1f8\x12\x0b\'&lt;\xab\xbc\xac\xb3\xb4\x93_\x19Kl\xfbJ\x91\xf2M\xee\x126\xc2\xdb\xbdaNq-7D\xeb\xb7\xa9\r\xd6\xd0PY\x91\xf2\x8e\x92*\xc5\xff\xa8\n\x01t\xee\xe1ee3\xf1\xe3\x8aY\x8b$\xbeZ\xf2\xeb\x05\xbe\x82&lt;\xb4\xe0/\xd0\xae\xd3r\xd7\x92.\xd6f\xdd\xc0\xaa\x98(\xfc\x1d\x84u\x01MM\x05\xa0\x86\x8e\xae\xef\xe4ld\xbb6\xe3\x17\x08o\x90IE0\xd6V\xb3&gt;\xe3\xba&lt;oY*}\x93\xd7\xf5O(.\xb2\x13\xb4o+\xd6\xbb\xa2\xc6\x1a\x1ct\x88!\x17\xd4/g\x90\x8fM\xf8\xc8\x18G0\x80g$\xbc\x00\x87r\xf9\x89\x88\x1a3\xad\xf5\xa6\xfb\xa3LEy\xf8\rRX\xcelLr\xa7\x8c\x93\xe8\x9f{\x81\xe4.-\xa0\xe6q(x\xa1\x93\xc9\xc9\x89&gt;T0\x00\xa3\x12\xd0\x9c\x1a9&amp;\x9eX\xb6\xb6\xd3\xda\xc1\x047C\x8e\xf3\x81U\xb0\xe2\xe9\x1e`\xe01\xb9\x02rg\x95\xa7\xde\xb8\x12\x1f~g\xe9W\xa7#\x1d\xef\xf8\x1f\xd9\xc5d\x10\xfd\x85d\x1fK\xb2\xb6d\xb7+,\xcart[\xaf\xce\xb0\xd7#\x90(\x81c\x82\xb7L\xc8h\xc6\xce\xc6\x16f!\xe7\xfc\x1fi\xee\t\x01R\xd7 \x05:\xcc\xec\x95\x97&gt;b\xe4\xa9\xcbD\xa6\xe5[\x15\x9f\xbdU\x083\x88\x9c\xae\t-\xeb\xad\x8aMW\xe1_i`\x86\xad7\xd3\xd2\xc8.\xfc=+n*P\xcc\xb6{\x83\x81\xaf\xd4\xe8\xf0\xc4\xc4K\xcf\xcb\xfb\xfa\x1cb\x85\x18\xf1%]|\xb2\x08nf\xd5\t\xfcd,r\x88\\\xa9\xc7\x0bB\xc9\xd5\xf8\xbf\xa2b\xf1e\xc2x\xaf3\xf4\x1eS\xd0\xc3\xdb\xa8\x04\x89\x0b\xefW\xe3@\xd7\xf3K\xc0\x0f\xe0\xd2T\x88!\xb8\x19Y\xb5\x18\xa8\xc7r\x81\xb1Kxj\xdf\xb5 \xdb\x9e$\xc8`!e\xee\xb9\xfcv\xffi\xc3Z\xd3c\x1d\x1c\x14\x82\xc0\xb5\x9fe\x8ewD\xf001\t\x16l\xd9g*,\x91\x19\xa9S\xd2&amp;/\xb1RD\xa8/\xee\xc5\xd5\xdd\xc5\x02\x91\x96\x10D\xdck]~w\x7f\xd1\xa8\xdb\x99\x90wD&lt;\xab\x18\xb0\x10\xc7\xfb\x02k\x9d\xe6\xe9\xce\'\xaa\x8b\xcc\xd6\xab$\x8c\x94\xf2\xd5&lt;\x91\xe4\xf9\xe8\x08\t\xbf\x85\xe5\x8dG\xe8 %\x9bW\xbe\x7f\xdf#Ay\x0c\x9aBl\xe4f\xe9,w\x18w\xc9d_\x80\x11\x92\x80\x87\x9c(\xfe\x14\x91\xeeW\xcc6#D\x8b\xbdz9\xa0\x0e`\x19\xfc7\x94w\xab\xb4\xbd\xc1\xf4l\n\xab\x01\xe7F\xb9B\xdd\xd3\xeeV\x07\x1b\x85\x9b\xb9u\xfe\xdaUG\xcc;\t\xf8Y\xde\x1c^C\x93\xbf\xc0\x9a\xf6\xf1\xfc\xc6\xf5\x82\x12,\xbd\x84Z\xfb\xc0\xf0\x80\xd9W\x8d\x85\xaa\x00M\x9e\xa8\x80a\xc3\x93\x19\xe3\xd0Z\xa0\x96)\xb1\x03\xed\xd4\x01\x89x\xed\x88\x15R\xe4\x1e]\xf2\xb9,\xd9\x96@\xe6=\xd3M\xc5\x04T\xf6\xfa5-\xfew2 \xd8\x1e\'\x06\xd2\xb4\xb2\xdc\x95\x8bp\xf1\x1fJ\xd1\xcfQ\xcaOw\x82\x9e\x83\xff$\xdcQ\x1e\xe2\x15\xafSUi\xd3:c\xa5\xd9xjRf\x08\x02=?tb\\\xbf\x1d*\x1csu\xb7\x95\xcb\x80\xe9\xc6W\xd1\xfe@\x13\x13\x1f\x14\x0f\x1a\x91\xff]J\xa7\xaa\x1e\x1cf}\xad\x1eE\xcf\xbb\xe0-\x12\x08\xba\x10\xe9|\xb59-\x987\xfe9\xcc\xc9\xe1\x93mj\xdc\x98\xe1-`\x83uF&amp;TFf*\xda\x07;0\x02\x9d\x90A\xa7R\xfb\xa8\xc35b\x85\x84\xe57\xdb\xd9\xe1\xd5|yB\xb6&amp;wR\xe3\x8a\x04\xea{\x1f\xa7b`\x1fK\t\xc8A\xf5\xa8\x8b\x1bq\xbc\xc6JW\x0e\x95\xae\xd9!\x84\xb8\x16\x17\xe7)\xd2\xca\x02m\x00\x06,\xbet\x10\x1c\xa3\x04Q\xce\xc4\xa2&gt;\x93\xbcT\x05\xfaNa\x7f\xa9J\x13KD5\xd6\xa5\x87\xc5\x0cO\x059\x1fzN\xd2\xc0\x01\x9e}p\x9b2\xa1C\x04\x82UZ\x85/N/@\xd3\x8b\x8b \xf9\xe7\x81\xb1Y\xdb\xe5\xdc\xae\x1fL\x1c\xa2o8\xc2\xcc\xb7\x1d\x018o79\xb0J\xec|\xda\xaa\xb2\x08\xd5eHbOM)\xbdK2\x86\x9at\xdd\x8c\xca \x1b\x08\x0f]\x8e\xfa!~A\xa6\xe6\xca\xbcK\n\x0f~sa\xb0\xb5\xe3\x8d\x1a\x0fq\x9aMq\x01W\x0f\x9c]n\xa9`\xc9\xc5\x05\x97l\x80E\\\xd5\xc3s\xf0\x9aY\x8dq\x99\x06\xba\x00"\t\xdc\x97\xcf\x17\x06&gt;\xc6w\n\xde\x9cP5\xd4Sk8\x9c\xceV\xe1\xf9$\xd3\\v-\x7f4\x15\xde\x88r\xbb\x16\x8a~\x1aLd\xf4\x92p\xe6\xd3a\xd6z\x04\xde\xd0\x9aC\xd1\x02\x1b\x0c\xc5\xe5\x9f\x8aB\xaf\xcd&gt;\xb4\xd2\xf4\x14\xb9d\x8fO\x15\xfe\x0e\xc2\xbf\x99\xfe\xda\rT\xe7\xd5\x14lG]N\xa2\x10\xf11\xc0\xaa\rd\x17\x1e~\xa1\x17\x92h\xa35\xcb\xe2/\xabQ\x1b\xed\xf7\x1f`\xd7\x19\xb7\x81\xe8\xc8\x96\x01\nZ9\xc3xKK\xab8\xa5~Q\xa1B!H\x97\xb2\xf3B\xec`\x133\xd1\xe9|w;Wj\x8c\x85V\xe9\x8e\x99\xf8\xad\x16\x11\xf6\x01v*\x14\xe8|\xec"\xe6\xccV\xea 0 `\xfda2&gt;I\x14a\x04@\xfb\x95\xb0D\xab\xb8\xdb\xa4\xec\xdc`\\_+\xdf\xe8\xc4\x8b\x86LLI\xc9V\x80\xa2\xf8d\xf8\xed\x14\x0e\xa2\t\x18\xf5\x02\xd5Yg\x92\xaa7M\xf7\xbb\xf0by\x99\xbe\x93\xa7\xd8\x13\x04\xf4\xc6\xf97\x8d\xf72\xcfd\x9d\x9a\xbc\xc7\x9e\x15\xe3\x99\xa0\xdf\xd1x\xb5\xf8\xa6\x86\x03Jt\xa6\xf0\x8d\x8d\x9ff\r\xd4\xbd\xccb sg\xca_\x03?w\xb6\x19\xc6&gt;\tB\x03#\xa3\x14e4\xbd\x18\x0c\xf6\x07\x82\xf8\x82\x19R\xd5)\xc8\xe2\xfeo\x1f\x00\xecqI\xc0\x13\xe8\xc4v\xdeq\xc7+\xd0\x02O\xca\x07\x02U\xa5\x86\xb8\x88\xf5.T:k~?v\xad\xf90\xae\xa4\xf7~\x0f\x1f\xc9\xc4\xff?\x00\xf1n\xcem\x8eyo\x0f\x01\xbc\xf7\x8f1\x86\xbf\xee\x8b\xff\x7fq\x00\x8e\xb1\x7f\xfd\x1b\x949\x06\xdf\x98\x94nd7?\xdc\xa4f\x03*{Tt\x83M\x08\xf6U\x98\xf8Bn"\x85\xf6\x97\x83\xb7\x0b&lt;&amp;pc\xaa\x9c\x9d\x96\xebNS\xce\xed\x8cH\xbe\xf7s\xd7o\x80\xfa\xedO[\xaa\x0c\xf5\xb5I\x0b\x80=\xa2\xc1y\x88J\xa9/I_\x8a\x9a\xd4 t@3\xc6x\xdd}\x8b\x91\xcc\xb8q\x90R\x0e\x9d\xb2\x02\xfd\xae\xe3.S1c\x1dvP\\_"/\xd3\xd7S\n\xa1~\x88\xc5\xd7w\x8dm3\x9f,\xd0D\x95\xdf!Ic\x1eqC5\x99\x1c\x9e\xceX\xe7\xaf\xc3\x89\x1c~%\xfaYD\xd3}\xfd\xfb{\xcb#\x1c\xb7\x8b\xd5\xebq\xd3%,bRc\xa2:[\xde\x1cS\xfd\xf1\xb0\xa4\xf4$\xef\xf7\x00\xd8)\xce#\xc1\xac[8q\x14`M\xdb|\xa9\xbf\x18\x15\x99\x9c\xdd\xd7S\x07m\xcaQ5\x1f\x86X\xd8R\x83\xba\x87\x9b5\xeb\xcf\x89Q\x92\xc0:\xd9\xc7\x04\xdeW\xb5p\xc3\x83\xdd\xca%\xd8A\x1b\xf6\x9d\xb3`\xbc3+2\xf5A\x18q\xaf\x97\x1d\xc2PQ\xe7\xb36r\xf5\x93\xce\xff\x1d\xa9\x02\xc7\x9d+IZ\xc2\x90\xd7\xbe\xb4\xac\x02\xb9[eD\x12\xc8\xa7\x93\xad_\xde\x03v\xac\xa82\xb9\x01\x15b\x1f\x80iL\x81"\xf2$\x81j\xaa\xb2\xafEt\x02\xddE\n\x8f0i\xbe\xab\xa7\xb4v\x16.\t\xcbTx\xaa5\xc0\xf3\xb3\xab\x9dNlD\xf4\xf9\xa0dCJp\x92c\x13x\xc73L\x87\xe4\xb5zUG\xb0\x01\xc9.\xd6\xa6\x9c\xe4\xf0\x80\x9b\x17T\xf2!O\xc3S\xdc9@\x05\xe4(RLe\xb1\x08l\xcdI\x98\xf5\x90\x80X\x8f)\x80?\xb8\x1b\xf0;\xeb\xad\xbf\xf2\x86#\xf4\xef\xac\x12\xddk8\xaeWj\x87\xf9\xbb\xfe3\x0c*5]\x81\xa7b\xc3O&lt;\xdfAb\x9d&lt;\xd3\xe3i\xf5$\xcab%r\xb6\x00\xf43B\xdf\xf8@&gt;\x0b\xa5\xdds\xf7\x11\x8a\xa3\xe5\x1d\xfay\x9f\x83\xde\xc1\xc0\x89K\xd7\xb1\xd7\xf6\xfd\xcf\xf1xI\x1dt\xd1#\x07\xa25"n\xe8\xc3\xf4\xe3\x94\xff\xe7\xb5$T;)hU\x9deHyR\xc5y\x83&gt;1\x9a\xcf!\x8f\x81\xff\xa9\x82,i\xf0\x15&gt;\x91=)\xf3W\xf0\x86\xea\x7f\x83\xce\xf0\xa2y\xb2_b\x13x6\xdd!\xc3/0h\xa2\xccpZ\xbel\xbb\x12'</t>
  </si>
  <si>
    <t>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</t>
  </si>
  <si>
    <t>b'j\xc4\x1bl\x1e\xd7\x1eh\xb5\x06\xb0"\x99\xfe\xce\x18'</t>
  </si>
  <si>
    <t>1010 â€“14
 â€“12
 â€“10
 â€“8
 â€“6
 â€“4
 â€“2
 0
 Frequency (Hz)
 Magnitude of Frequency Response (dB)
 Figure 11.40
 With the values chosen here, the poles are complex. Figure 11.40 plots the frequency
 response. The âˆ’3 dB bandwidth is approximately equal to 3.5 GHz.
 Exercise For what value of gm do the two poles become real and equal?
 Example
 11.22
 Determine the transfer function of the source follower shown in Fig. 11.41(a), where M2
 acts as a current source.
 M 1
 VDD
 Vin
 RS
 C
 C
 Vout
 X
 Y
 M 2
 Vb
 M 1
 VDD
 Vin
 RS
 Vout
 M 2
 Vb
 C GD2 C + C
 (a) (b)
 DB2 SB1
 C
 GD1
 GS1
 GS2
 CDB1
 CSB2
 Figure 11.41
 Solution Noting thatCGS2 andCSB2 play no role in the circuit, we include the transistor capacitances
 as illustrated in Fig. 11.41(b). The result resembles that in Fig. 11.38, but with CGD2 and
 538 Chapter 11 Frequency Response
 CDB2 appearing in parallel with CSB1. Thus, Eq. (11.109) can be rewritten as
 Vout
 Vin
 (s) =
 1 +
 CGS1
 gm1
 s
 as2 + bs + 1
 , (11.116)
 where
 a = RS
 gm1
 [CGD1CGS1 + (CGD1 +CGS1)(CSB1 +CGD2 +CDB2)] (11.117)
 b = RSCGD1 +
 CGD1 +CSB1 +CGD2 +CDB2
 gm1
 . (11.118)
 Exercise Assuming M1 and M2 are identical and using the transistor parameters given in
 Example 11.18, calculate the pole frequencies.
 11.6.1 Input and Output Impedances
 In Chapter 5, we observed that the input resistance of the emitter follower is given by
 rÏ€ + (Î² + 1)RL, where RL denotes the load resistance. Also, in Chapter 7, we noted that
 the source follower input resistance approaches infinity at low frequencies. We now employ
 an approximate but intuitive analysis to obtain the input capacitance of followers.
 Consider the circuits shown in Fig. 11.42, where CÏ€ and CGS appear between the
 input and output and can therefore be decomposed using Millerâ€™s theorem. Since the
 low-frequency gain is equal to
 Av = RL
 RL +
 1
 gm
 , (11.119)
 we note that the â€œinputâ€ component of CÏ€ or CGS is expressed as
 CX = (1 âˆ’ Av)CXY (11.120)
 = 1
 1 + gmRL
 CXY. (11.121)
 Interestingly, the input capacitance of the follower contains only a fraction of CÏ€ or CGS,
 depending on how large gmRL is. Of course, CÎ¼ or CGD directly adds to this value to yield
 the total input capacitance.
 M 1
 VDD C GD
 C GS
 CL
 V
 CL
 Q1
 C Î¼
 C Ï€
 CC
 X
 Y
 X
 Y
 (a) (b)
 R L
 CXY = CXY =
 R L
 CDB
 + CSB
 Figure 11.42 Input impedance of (a) emitter follower and (b) source follower.
 11.6 Frequency Response of Followers 539
 Example
 11.23
 Estimate the input capacitance of the follower shown in Fig. 11.43. Assume Î» _x0007_= 0.
 M 1
 VDD
 Vin
 M 2
 Vb
 Figure 11.43
 Sol</t>
  </si>
  <si>
    <t>b"\x81~l\x97\xb5\x9a9S\xfc\x12G\xb1{\xfbd'"</t>
  </si>
  <si>
    <t>817e6c97b59a3953fc1247b17bfb6427</t>
  </si>
  <si>
    <t>n't plant nothin' but parsley an' radishes?
She'd dig an' rake away an' be right down happy over it.' Them was the very
words she said."
"Were they?" said Mary. "How many things she knows, doesn't she?"
"Eh!" said Martha. "It's like she says: 'A woman as brings up twelve
children learns something besides her A B C. Children's as good as 'rithmetic
to set you findin' out things.'"
"How much would a spade costâ€”a little one?" Mary asked.
"Well," was Martha's reflective answer, "at Thwaite village there's a shop
or so an' I saw little garden sets with a spade an' a rake an' a fork all tied
together for two shillings. An' they was stout enough to work with, too."
"I've got more than that in my purse," said Mary. "Mrs. Morrison gave me
five shillings and Mrs. Medlock gave me some money from Mr. Craven."
"Did he remember thee that much?" exclaimed Martha.
"Mrs. Medlock said I was to have a shilling a week to spend. She gives me
one every Saturday. I didn't know what to spend it on."
"My word! that's riches," said Martha. "Tha' can buy anything in th' world
tha' wants. Th' rent of our cottage is only one an' threepence an' it's like pullin'
eye-teeth to get it. Now I've just thought of somethin'," putting her hands on
her hips.
"What?" said Mary eagerly.
"In the shop at Thwaite they sell packages o' flower-seeds for a penny
each, and our Dickon he knows which is th' prettiest ones an' how to make 'em
grow. He walks over to Thwaite many a day just for th' fun of it. Does tha'
know how to print letters?" suddenly.
"I know how to write," Mary answered.
Martha shook her head.
"Our Dickon can only read printi</t>
  </si>
  <si>
    <t>b'\xc1\x7f\xcd\xd8\xe9\x17F\x9e\xba\x1a&lt;6\xc1\x9f\xed\x86/x4\xe1\xc5\'\xf8\x07\x0bU\xe5\xd9\xd2}{F\x16\xb2\xf2\xd5\xb5O\x02\'\xac\x82\xd0\xf8\xe7:&gt;\x8dh\x1d`\x05\xab\x803\xadl\xef\xa9,\xf7\x9e\xf5\x01\x9cz\x8d);w\xbf\x9e\x07\xe1\xabn\x13\xdeb(\xf7wMb!\x9e\x94\x91\xd6\xaa\xb1P\x14\xabHM\x1fu\xd7\xf7\xdaS\xdd\xab\xb9\x97R\xdf\x86\n\xd67Y\x90\xd4Z\xaf\x11\xacT\xda\xf6\x87z\xe3\\u\xcb\x86d\xab\xd4\xf7\xc3\xbc\xf5O\'\x0e\x8c\x07\x16\xc2\xd3\xfdx?\xb4U\xebJH\xa8\xc8\x92U\x9ef\xa3\xa1\xe0\xcf\xe2?q\x1b\xf1|A\xf3.\x02\x80\x0b\xef\x1d\x0bnmb\x01\xf1\xcb\xa5W\xd6\xe4\x9cu\xeb\xb5\x1b\xd1|\x1e\xf1LG\xaa\x94\x80\xe8\x96#\xbef\xdfn\xd0\x9f\'d\xc0\x98T\xf4\x8c\x00\xe2\xa7\x91:S\xa5H\x17\xc8^g\xb5X&amp;\xf0\xb4x\xef\x9c\x91\xfb\x95U\xb1\x0f\xbb-y\xb9\x9d9\xdb\xf3q\xfe"\xbd\xb9\xac\xae\xb4\xad`\x13\xc9\xa1p2=\xef\t\xce\xbeOV\xb6~20\xaaq;&gt;.C\x05\\0@N\xd0\xad`\x08D\t\xfc&lt;\x8a:\xebh5\xa0\x8a\xe5\xd4\xf9\x84m\xe8Jo\xe4\xaf\x98\xcf\x98\x88\xa7#\x14\x9d\xdaZz\x8a\x1a~\xde\xf9J9\xc1\xbep-\xaa\xdf\xb9\xf8)\x98.\x81\x16j\xd7\x04\x87\x02$N\x17$\xba\x8b8\x8a?-\xabQD\x0c\x0eD=G\xa4\xf5\xbe\xd2y\xccJ\x11\xc5\x9c\xc4o\xb4\xb39\x88\xf2\xa4\x86\x9a\x16\xc3\xaa\xf4\xa2n\xc5\x9a\xdc\xf3\x80\xb6\x1e\xceyW\x19\xf3\xec?d\xc2 \x85\x01\x18gU\x17A\x93C\x93:\x92\r\xdb%\xf3\x9f\x01-\x916\x0e\xc0\x91\xd3[\x82\x82\x9a\xd7iY\xb9\xc6-\x06V\x04\xb0\xc9\x03nj\xd1\xf0\x16\xe3\x7f\xe0\x95\xdd\xbf-\xbd\xb9W\xbb\xe2G\x82\xad\xb3\'&gt;\xdd\x00\xee#R\x85\x02\x1d\x85\xec\xf0\xf2\x91+\xd0\x7f*TL/Ff&amp;\xceR{\x8a9~]\xa0\x0c|\xe8\xa1\x83S\x06\xe1\xfb\\\x07\x97ww\x98-#G\xe0\xa6H\x81\xba\'J\xe2b\xc7YC\rdO\x8b\xaf{\x87)\xea\x9c0\x1b\x8b\x9a\xa6\x02\xe3\xc4\xab\xee\xd4\xeeT!*Rft\xdd\x9f\xc5\x83\x10\xd7\xc7!\x8e\x10\x15GKW+\xef \xeb\xd3\x80\xbaO\xf8v:i\xd1\x0e\xab\xe9\xcc\xf0"\x8fF#\\Q\xa4\xfd)x\xc4\x90x\xcfG\x828y8=\x02n&amp;\x8d\xdag\xe4\x9b7Lb\xaaj\xc3\xeeck\xcd\r-\xd05x\xba\x05\x13\x11m\xa3\xd6\xc2\x12\xdb9\x1a\xf1\x0c\xff\xefD\x1e\xb3\x12^\x8f\x1aq\x1d7C\xfb\xf7\x16\x1d\xd1ql\x17x&gt;z\x84^H\x8b^el\x13\xd1\xc1\xc8Q\xf8\x02*\x96\x072WG\xc5\xa5\xae\x13l\xd9\x07:k\xfa\x1c\n\x96V\xc6J\xe85\xab\x93\xd3\xa3~4\xa5\xfc\x7f\xf9?\xb3\xc7y\x01\xb1\xfcn*]v\xde\xc99/L\xb5 \x95\x0c\x99q\x84\xb0fL\x91\x0c}9l\xf2\xcd\x8f\xef\xb1g@pb\xa4E\xa1\'I\x989Dv\xcf\x85\xf8\x8b\x02\x84\xe76\x94Y\x96\xd0\xd8\x13mP\xf4\x10\x1e\xea\x96\xe9&lt;&lt;O\x01\x9dt\xe7\xab~%\xdc\xb4\xf04\x9cR\xf1\xdc\xc4\xab\xdbE\x1e(\x05\x92\xe8:\x07\x91\x96\x18\xe3\xfd\xe9\x81\x03N\xef\xe4\x18#\xa8w\xcb\x14\x9f\xaf_\xf1z\xe6\xf8r\xc4\xb5\xe92)j\xbc\x8f\x1d\xe2\xbe\xae\xa1\xb7\xf6;m(\xb64_\xda~4\xd0[\x87\xf8&lt;\x06\x1c\x86.\x85\x8c\x0f{/\xf5s\xedY\xf8\x8b\x8e\x98\x98T\xd5\xe6\x00\xf6rvc\xab\xa49\x0cnN\xd7n\xafY\xfaB\xd4\xf8}\xd2\x03\xa6\x98\xedSB*v[\x0e\x9eM\xcap\x8e\xc9\x82\xd4N\xeax\xe2\xf2\xde\x8ft\xb4\xb4\x1f\xab\x0fE\x08}\xfd\xd6yJ\x8e\xc6\x03o\n\xbeo\xe1R Vzm\xa1\xbfyS\x883q{\x08\xea\x8f\xddW\xc7\xa58\xf3\x94\xa0\xbc\x9a]s\xe7\xa6"\x03\xc9\xa1}\xe8\xb5h$VG+)O\x1d\x88\xc1\xd3\xd0\xfa\x94\xe4z\xd3~)\xdb\xe0\xdb\xb8\x9b\x84B\xbc\xba\xb5\xbb\xe6\xae\x94\xd9\x81\xc9~\xeb_\x8e\xa8.\xa8\xb6#\xa2\x03\xfe\xf4\x83n\x9a\xdcJ|4\xab\xfd9\x14\xb3m\xda6\x88\x9b\xb6f\x95\xb4\x8e\xbf$\xa9\x9e2L\t_\xee\x08\x96fR\x8a\xcb\xa0\x04\tA\xeb\x03\xabf\xa5p1\x80f\xad\x957\xcdw\xc0\\\x8c\xba\x8e\x1c\x93\xeb\xa6\xdb\x17&amp;\xa7\xcf\xa3\xdaXD\xbf\x1bq\x87\xea\xc3\xa9\xa0\x8fV\xb4~/\xb9\xffA\x87\x7fz\x1c\xf7o\x8a\xb8\x94\x95Dx\xf1\xbdYE\xd9\xe4\xd2\xa9\x8e\xf9A\x87c\xd4\x8c\x03\xcd\x90\xd4\xe3\x9d\x08&lt;\xb8\xcd=5\xfc\x1f\xc5\xd1\x18\x03\xa6^\x0e\x1bn\xf3\xfc}\x110\x19\x1bjB\xf9\x98\xe4\xc1\x8fg\xf6\x80Xe\n\xfe-&lt;\xf2F\xd0\xb4x\x08*\xf9~\x0f\x8e\x84c\x97\x15\x963W\x87\x86\x8b\x0cJ\xa1\x89&amp;\xae\x91\xe4\xa4\t\xb0\xcf\xca&amp;\x95\x16\x0e\x91\x8b\x07&amp;\xe3i\x82\xf9\x91\x05X\x92;\xcb\xc22V\xbc\x02\x05\x1f\x17\x115\xba\x8d\x1d\x9d\xc4\x8e\x04\x1c\x1djw\x12?\xed\xc4\xe0\x03\xf1\xf9\x9e\x16=nU\x03"\xdbk\xbe\x06\xe1;\xcb\xa2\xbf\rh\xe9\x0b&lt;\xea4=\x1fC5e7\xd8\xf1\x04\x03\xbdq\x06^\xf8(6%\xf0sk\x8a\xa2\xe5\xe1#\xc2v\xf7\x9c\x1d\xdc\xa3^SG\x93\xa1\nX\xa3\x04\xfa\xdd\x05q\xa8l8\xd9\xf8\xf3\xd1\xd5\xd4J\x7f\xf6\xae\xacc,\x00\xb6\x8f\n3\xf5&gt;\x8c\x81\x00\xf2`\x17\xd8\xa7g,\xde\x1d\xe9#\xf9\xe1\xc6\xa6`Pc\xc25\xd4\xa1\x16\t\xb9\xedg\xe6=\xa8\xd5\xdc\x1c\x8f\xa7\t\x1c\x17o?\xa2&amp;e\x88\xb7\x8f\xb3|P\xf3yO\x9c\xea\xf1\xb9\x1fsU\x96A\'\x89W\xfe/j\xcf\xd1\xc8\xbc\xdc\x07K@\xd3l\xd7\xc5\x8e\x06z\xa0\x84\x8c\x04\xbf\xcfu\xdd\xe8;\x82\x18\x0e\x8f\x96\x8bW\x0e=\xbf\xda\xd6\xd6Y\xd99\xf0-23=\xc5\xc0\xff\x8e\xc8\xc2\x89I;\x92V\xc0)\xaa\x13\x8b\x018\xabr\x93\xa2\xc2\xfa\xf5.\xd6,v\x9a{\xaa\xeb\xc1\x16\xa3bnc\xee\xe9l\xe7\xe1\x971fa\xfe\xf9\\\xab\x1e\'xd\x8d\x9a&gt;\x9c/\xbd\xaa\x81\xa5\xeb&amp;\x9c\xcb\x02\xd9]\xbfx#\x95\xe0\x936rgSy7\xb6\xdb!\x90\xc8)\xf9\xdeu|6\xc7\xc0\xee\xcb&gt;\x8fR:\xb33\x13\xd2\x13\x9ez\xe7w&amp;o\xea\xdd\xfd\xa8e\xbdW@Md\x97u\x8c\xd4\xad'</t>
  </si>
  <si>
    <t>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</t>
  </si>
  <si>
    <t>b'\xc1\x7f\xcd\xd8\xe9\x17F\x9e\xba\x1a&lt;6\xc1\x9f\xed\x86'</t>
  </si>
  <si>
    <t>simple case of
 a small country that cannot affect foreign output, price levels, or interest rates through its own
 monetary and fiscal policies. That description obviously does not fit the United States, how_x0002_ever, with its national output level equal to about a fifth of the worldâ€™s total product. To discuss
 macroeconomic interactions between the United States and the rest of the world, we therefore
 must think about the transmission of policies between countries linked by a floating exchange
 rate. We will offer a brief and intuitive discussion rather than a formal model, and restrict our_x0002_selves to the short run, in which we can assume that nominal output prices are fixed.
 Imagine a world economy made up of two large countries, Home and Foreign. Our goal
 is to evaluate how Homeâ€™s macroeconomic policies affect Foreign. The main complication
 is that neither country can be thought of any longer as facing a fixed external interest rate
 or a fixed level of foreign export demand. To simplify, we consider only the case of
 permanent shifts in monetary and fiscal policy.
 CHAPTER 19 International Monetary Systems: An Historical Overview 537
 538 PART FOUR International Macroeconomic Policy
 Letâ€™s look first at a permanent monetary expansion by Home. We know that in the
 small-country case (Chapter 17), Homeâ€™s currency would depreciate and its output would
 rise. The same happens when Homeâ€™s economy is large, but now, the rest of the world is
 affected too. Because Home is experiencing a real currency depreciation, Foreign must be
 experiencing a real currency appreciation, which makes Foreign goods relatively expen_x0002_sive and thus has a depressing effect on Foreign output. The increase in Home output,
 however, works in the opposite direction, since Home spends some of its extra income on
 Foreign goods and, on that account, aggregate demand for Foreign output rises. Homeâ€™s
 monetary expansion therefore has two opposing effects on Foreign output, with the net
 result depending on which effect is the stronger. Foreign output may rise or fall.20
 Next letâ€™s think about a permanent expansionary fiscal policy in Home. In the small_x0002_country case of Chapter 17, a permanent fiscal expansion caused a real currency apprecia_x0002_tion and a current account deterioration that fully nullified any positive effect on aggregate
 demand. In effect, the expansionary impact of Homeâ€™s fiscal ease leaked entirely abroad
 (because the counterpart of Homeâ€™s lower current accou</t>
  </si>
  <si>
    <t>b"0D\x02 F\xc7=\xd8LC\x08c\xb5\x15\xf2:\xa9\xbd\xe6\xfbe\xa1\x1b\x9dA8\x13\x1e\xe1\xf2\xday\xfa\xca'$\x02 d\xc3\x07\xc1\xbd\x0ba}v\xcch\no\x1cQj\xff\t\x17\x833&lt;\x833QJ\xcd\x11\x13x\x1c\x9e"</t>
  </si>
  <si>
    <t>3044022046c73dd84c430863b515f23aa9bde6fb65a11b9d4138131ee1f2da79faca2724022064c307c1bd0b617d76cc680a6f1c516aff091783333c8333514acd1113781c9e</t>
  </si>
  <si>
    <t>b'0D\x02 F\xc7=\xd8LC\x08c\xb5\x15\xf2:'</t>
  </si>
  <si>
    <t>ly gastronomic context of their performance (the
Xenia, in fact, all refer to types of food served at dinner parties). The mythological
subject matter of much dining-room decoration at Pompeii and elsewhere seems to
have been deliberately chosen to resonate with the literary tastes of sophisticated
banqueters, perhaps even in allusion to specific poems recited in the dining room
(Ling 1995: 249).
It is important to recognize that these types of literary activities represented the
elite ideal of how one should occupy oneâ€™s leisure time. It was not to everyoneâ€™s taste.
A recitation could be terribly boring, especially if the writer/reciter lacked talent but
did not have the sensitivity to recognize that fact. Pliny huffs and puffs at the
disrespect shown even to good poets by their audience:
This year has raised a fine crop of poets; there was scarcely a day throughout the month
of April when someone was not giving a public reading. I am glad to see that literature
flourishes and there is a show of budding talent, in spite of the fact that people are slow to
form an audience. Most of them sit about in public places, gossiping and wasting time
when they could be giving their attention, and give orders that they are told at intervals
whether the reader has come in and has read the preface, or is coming to the end of the
book. It is not until that moment â€“ and even then very reluctantly â€“ that they come
dawdling in. Nor do they stay ve</t>
  </si>
  <si>
    <t>b'*\x98\\\xbd*\xa6\xf9\x89\xbcnM{NB\x99q\xbc\xa7\xca\xa9&amp;r\x85\x0eXT\xc6\xb6\xdc\xfc\x16\xd6\xf6R*=\xb8\xe4\x97\xe9\xbf\xf1\x8b\xc8\xd4\xad^\xb3`s \xa6\xf4\xcd+\xc1V\x81\x91\xc8\x8c\xa5\x13\x18qy\xc4\x9b\xe7\xd3\xedp\xc4\x18\x94M\xf6g\x8cP\x02UJ\xfe@(\x93\x10\x16\xa6\xa4K\xc9\xde\xc7&gt;.\xe2\xecB\xbc\xd8\x0b\xdc\xf3\xd6b\xfc\xaa\xf72\\i\x14$\xf2\x92\x03\x84\xd1H\xcf\x01/:\xde\xd1Q\x8bq\rY\xbf3N\x16\x17?\x83\xba\x15\xb3\x06\xe0\xd4\xfcR\xdf\x0f\x940\xe1w\xb2\x85\x08\xb1\xcb\x83\x97\x81\xef\x00\xc220U \xe7\xe4I\x8d\xe7\xcds\t\xb3z73\x08p+^\x8bX\x9f\xe9\xe0\xec\xf0\xd4\xea\xda0\x15\xe6\xb5B\x8c\xbf\x98 \xcdy(\xa0\x8f\xb0\xde\x8e\xf2\xa8J\xac\x9c8U\x18C\x806ROH\x0f\x07e\xa8\x17\x9cJ?\x06\n:s\x8f\x13\xe2c\x8b\xab\xc7a\x94\x89Lj\xaf\x8bY\xf6\x81e\x04\x8e\x8e\xf7+\x94\xf2\xa0\xae\xd7\xcf\xed-\x99G\x01\xd9\x07\xfc\t\xe4\x94\x18\xfe\xd0\x10\x8d\xeba\xcf\xb1\x93\xbd\x05\nsl\xd4!J\xd5lB\xba\xcawK\xaf\xb4\xe4.\x05n\xe1\x133\x84\xdb\x02\x85S\x1b\xa5\x932\xc4\x9d\x85]\x1f$%e\xfdS\xfd\x94\xf1\x8b\xcc&gt;\xa6\x81U\xc9\xef`\x9d\x92T\x0c\x8e/\xb8\xa9\x17\xfdh\x89f\x9c\xc8\xa2\x86\xf9H\xb6\xe37\x814\xab\x83\xb54\\\xb1[\x96L\x8c\x0f\xbd\xf0&gt;aia\x90V\x80\x91\xee\x0c\xaa\xaa\xda\x1a\x05\xffa9\xa8oc\x0f\xd5\x83\x8cwZO\xe4\x19\x7fk\xb3N\x9f\xc9\x11\xa6\x9c/\xd6\xf5\xb5[\n\x88\x99\xdb,\x17\xb9\xff|\n\x9a\'kg[b\xb9\x80]\xd5\xed\x0fD\x08H\xbeKeg\xc7\t\x13E\xfd\x84\xf5\x18\xd5\x8b\xc2\x9e4$\x16n\xc3\xe9.\xb0s@j\x88\xaeT\x97\xf4\x10\x99sf\xa9\x83\x10Lb\xb5Z5\xab\xa8\xcd\x00\xa7\xc4r\x7fE\xa38\x19?0\x1f\xde;aLa#!0\xe0W\x99e\xb8\xba2m\xef\x06\r\xda\xb3&amp;\xd0\x89\xbcjQ&amp;(,\xe8\xd5\xe0\x85\xdf\x81+\xd4q8\xb1\xd3{\x93\xdc\x9e\xd9.\x02K\xd1I\xc9\x98.\xa1X\xa8\xf5i\x85w\x0c\xede-\xad\x1d[\x98\x83\xd1\x97\xa7\xa6\xfd\xf7\x9e\x0b\x9f\x9d\x9b\x98\x19kU\xd4\'\x08\x92\x9bz$\x03D\xfdv\x9252l\x8d\xe3\xa9\xcc\x83mC,\x0f\x90\x7f\xe2\xd0\xcf\xa3\xca\xa1\xd8\xef6f\xc5\xa2\x0c\xaa\x90\xedG\x83\x8fj\xe6d\x06OI{\xf7\\R@\xa15Q\x9b\x10:\x8d\xcc\x03\xd3\xd2\x9e\xcb\x07\x89\x01\x95\xb7\xe5\xf5n\x14a\x8c\xda\\\xf0J&gt;4\'\x1c\x11i2\x97c]\xb2;\xc4\xd0{\xdaG\xe8\x82Ns\xe5\xa5\xdb\xd2PG\xfd\x8f\x0f|\xcc&gt;o\xe9\xf3\xdfq\xa4R\x84\xc0~D\xa0e/\x86\x17\x14kXO\xdd\xee\xc2a\x9e@Z\xe9V\x17V\xc8\xaeWbGgW\xed\x12\x84[\x82\xe2Q$\xa6f\xaax\xad\xa0\xbf\xf6\x89\x00\xff]\xbdn\x93\xcc\x96\x8d\xfdpN\xb8\xed=\xcfM\x83\x87W|\x1b\x82~\xd1\xf7\xabZ\x19\xddZ\xb7\xb3t\xfdplp\xa6t\xc3/9\xa5\xe6|\xe7\xc7\xb3K fktQtRP\x05\xb1\xfd\xb6n\x11\xe7\xd6\xd7\x19\x9b\xb949?#\xa7M\xc6\xe6\xdev1\x10\x05 \xc0\xde\xd1\x9c\xe9\x05\x82\xd5M\xa3\xfc\xc4\xf9Us~a\xdegs\x95\x87\xafW\xaaa\xaeH\x7f\xba\xe6|\xc3\x00\x8c\xe9o\xc5\xfaW\xe8\xd3I\xf2A-\x0c\xdfS\x9al\x824\x99\xb2\xa9+o\xc9Mv\x95\xc0\xb0\xb2\x038\x1b\x1e\xfa"\xdb\xd5\xa7p\xd43\x1c\xd1\xde&lt;\x87\xef\xc2_\xc1\xcd\xf6\xa9]^LH\x83\xfa\xa6eu\xcd\xeb\xdd\rpT\xd6\xe4^-\x1d\xc1\xfd$\xfe\xebH\x06\x05\xd8$\xa1\x1fZ\xdb\xe4\xd9\xd9\x82\x8b\x8e"\r\x03\xb0\xc4\x9a$\x06\xe9B\xda\x13\x00\x01\xed\xe6\xa3\x1bI\xbdm\x86\xc5\xb1\xe5\x17&amp;\xbc\xe0\xd9\xdf]\xc1\x1bx\xb6\x07/\xaaWY\xae.\xf6M\x87-\xd1\x08\xbd)W\xb8\x03\x1ck\xd7\x02V\x91\xae\xb8\xedw\xd1\xb9eHi\x8c\x08\xea\x1761\x18jj\xa2\xebK\xc0\xcd\x9cSK\xcc\xb5\xc5\xd5\xba\xb7\xe1\xc6\x86\xba\xfd|qk\x9b\xb0\xc0\xbd\xdcA\xff\xe2Sz\x14\xf0/\xca\xda\xa8\x06\xc4\xe2\x9a}\xd9\x9dE6\xd4\x8a\xa0&amp;X\x0c._\xf9*\xea\x12\x0f\x15h\x00"\x1aQ?\xb4\xae\xfe\x81\x01\x86\xdbu/{l\xba5\xd2spp\x01b\xd4\xbe\xb5\xc1\x96\xb8]\x0b\xb2\x8e\r\x1b\xf5R\x99\x8cm_\x15\xddS\xcb\x0b\xe8\x97\xa8T\xea\x10p\xaa\xebW\xdfW&gt;\x00\x03\xbe\xf9\xb16\xf2C\xe9\x15\xc9\xa1\xcc\x88\xa7E\xcb\xf9\xa8\xe4Ev&gt;,\xd8{\xcd\xd7\x90 \xbd\x02\x0ehd\xac\xed"4\r\r\x89\x0c\xbb$H\xc0L3\xc5\xd0\xbeR\x98\x132\xeam\xf1\x9e\x02\xf9\xda@\xde\x1e K|pnAm3\xa8z\xa3\x97\rc\xd0\x18=#r&lt;\xb6\x17\xc9BY\xc1]\xfepo\x1a\xc9\xf77\x1d\x9dQ\xe3\xd25f\xa6Fnv]\xec\xe7\x1fEi]!\xc80\xb3C\x8f&gt;vKuh\xaa\xf4\xb3\x8am\'u\x8e\xa4\xe6\x9a\xe9\xa76\xd8\xf4\x1e\xd8d$\x0f\xab\xb8\xcf\xea!\xf4B\xd5\x90H\x08\xb0\xeb\x90;\xa1\xcd&amp;b\x11\xb6\xe1.a\xd5\x0f|\x89T\xae6Xf\x19Nd\x8c\xb3\xedy\xa7,_\xc5\xac\xc7\x98$Y\x99\x8f6\xef.\xe9\x88\x9b[\x946\x88YN\xb9=\xb4X$\xfbT\xde\xf2\x084\x00\xa8\xb6\xc4\xcb:bO\x93\xd9\x83\x94cP\xf5\xd8q\xc4\xac\xe68\x04\x9d\xa9T\xed@\xf9\x1a\x0f+\xaf1\xaf\xd3\xd3WY\xc7t\xa6\x87\xdb\xd8\xa8\xfc3\xc4\x9aA\xe9\xfb5\xd2B\xb1\xd0\x04\x0fr+%\xbb\t\xea\x99\x99u~\x99\x01{\xb9UH_;\xaa\xabpe\xb3\xe4\x95\xd2\xd1'</t>
  </si>
  <si>
    <t>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</t>
  </si>
  <si>
    <t>b'*\x98\\\xbd*\xa6\xf9\x89\xbcnM{NB\x99q'</t>
  </si>
  <si>
    <t>lmost sober and 
 attend to his work at least passably. 
 In the meantime, we could never make out where he got the drink. That 
 was the ship's mystery.</t>
  </si>
  <si>
    <t>b'\xaad\xb5\xb5\x91Z\x8d\x98z\xc0\x11[\xc4\xec\t\x86\x9e\r\xec\x1d\xcd\xa9Vk\xc2\xc1\xe8\xf6\xa98\xae\xfe\x11\x06\xbf\xc9V\x8c| \xc3\xd9%\x00\x8e\x1aA-\x8d\xffoQs\xf4f \xf0tB\xae\xa9\xe4\xb0\xff\x99\x11\x92g@&amp;\xc2W\xac\x166\xf8^=\x99k\xf1\xd9C\xfd$\xa10\xb9]1\x9b\x063\xcc\xa3\x9a,\x00E\xb5mk\x0e\x8b\x8f\x9f\xc8NU:\x12D!\x8c\x00\xc6\xb7\xcf\x81!\x0b?~\xca~\xbc\xcf6\xdeNx\xda\xb3Ka^\xcfL\xd5\xe8\xf4S\x07\xa7l,t\xfa\x13\xeb6,ns\t\xd1\xde)\x00\xb3\x94b\xcd\xb1L\x02+\x81fv\xe5S\x08!\xf6\xe3BQ\x89m6\xec;Z.\xe9\xfbOC\x19\xc5)\x88%\xc4\xa2\xb0/\'_\xcf\xbaZX\x0b\x9b\xf07\xd7\x9e=\xb9\xf0\x03\x96\xb6\xb7\x1b}\xc8\xdavj\x80u!\xdf\x19\xeb\x8bi[a4\xfc&lt;\xb7\xb6\x04&amp;\x15\xb1\x19\xd4\xd4\x80\xb4\xd9%\x156\x8a\xd8^\x101\x96\xc1\xe82\xa2k\xdc\xeb\xd4p\x02\x89(y\x8d\x9bR\x12\x02\x1c\xd9@3_|\xca\xd9\xed\x90\x03jb\xa9\'\x14\\\xfd \x12\xa4X\x84\xcdQsM\n\xd7\xbbyKB;}e-)9\xef\x97\x91O=mX\xb6C&amp;X\xfc\xdfUfZe\x8b\xb5{\x995\xfd\xbb\x9fI\xc2U\x05v\x0c.+\x82A\x14R\x12Y\xe6\xdd\x9eJ\x0c\x1f3\xae\xe9\xe2D\xe1\x90Vs\xd98\x085\x84}#\xb0x\x81\x98\xec2?\x81\x10p4\xafp\x14\x167c \x94\xc8!\xbat\xfd\x94\xc8\xfd\xa6}\xceC5\xd8\xedq\x12\x01\x8f\xbeV\xf6\x12E\xe5\xcd\xb1;\x19\xde\x7f4`1\x9b\x18\x96[\xf3\xe5\xb8\xce\x7fA\xd5\xec\xda\xbc\xe5\x83\xce\x1e\x9fd\x06:\xa1\x17\x886\xf3\xbaj\xb9)\xa5\xf9\xe5c\x16\xb1\xd8\x1fI\xe2\xee/\xa7I\xbf\x10\xc2h\xe76"\n/\xdc0&amp;\xd3\xbb\xef\x99\xca\xfa\xf69\xf8|I\xfd\xf6\x8ed\xa4QW\xea}\xa5\x88-\xb3\xe5\xc08'</t>
  </si>
  <si>
    <t>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</t>
  </si>
  <si>
    <t>b'\xaad\xb5\xb5\x91Z\x8d\x98z\xc0\x11[\xc4\xec\t\x86'</t>
  </si>
  <si>
    <t>adius R,
  and a circular disk at Î¸ = Ï€/2 (Fig. 8.4). For the bowl,
  da = R2sinÎ¸ dÎ¸ dÏ† Ë†r
  and
  In Cartesian components,
  Ë†
  E = 1
  4Ï€ 0
  Q
  R2 
 Ë†r.
  r =sinÎ¸ cosÏ† Ë† x +sinÎ¸ sinÏ† Ë†y +cosÎ¸ Ë†z,
 8.2 Momentum 365
  so
  Tzx= 0EzEx= 0
  Q
  4Ï€ 0R2
  2
  sinÎ¸cosÎ¸cosÏ†,
  Tzy= 0EzEy= 0
  Q
  4Ï€ 0R2
  2
  sinÎ¸cosÎ¸sinÏ†,
  Tzz= 0
  2 E2
  zâˆ’E2
  xâˆ’E2
  y = 0
  2
  Q
  4Ï€ 0R2
  2
  (cos2Î¸âˆ’sin2Î¸). (8.22)
  Thenetforceisobviouslyinthez-direction,soitsufficestocalculate
  â†” TÂ·da
  z
  =Tzxdax+Tzyday+Tzzdaz= 0
  2
  Q
  4Ï€ 0R
  2
  sinÎ¸cosÎ¸dÎ¸dÏ†.
  Theforceontheâ€œbowlâ€istherefore
  Fbowl= 0
  2
  Q
  4Ï€ 0R
  2
  2Ï€ Ï€/2
  0
  sinÎ¸cosÎ¸dÎ¸= 1
  4Ï€ 0
  Q2
  8R2
  . (8.23)
  Meanwhile,fortheequatorialdisk,
  da=âˆ’rdrdÏ†Ë†z, (8.24)
  and(sincewearenowinsidethesphere)
  E= 1
  4Ï€ 0
  Q
  R3
  r= 1
  4Ï€ 0
  Q
  R3
  r(cosÏ†Ë†x+sinÏ†Ë† y).
  Thus
  Tzz= 0
  2 E2
  zâˆ’E2
  xâˆ’E2
  y =âˆ’ 0
  2
  Q
  4Ï€ 0R3
  2
  r2,
  andhence
  â†” TÂ·da
  z
  = 0
  2
  Q
  4Ï€ 0R3
  2
  r3drdÏ†.
  Theforceonthediskistherefore
  Fdisk= 0
  2
  Q
  4Ï€ 0R3
  2
  2Ï€ R
  0
  r3dr= 1
  4Ï€ 0
  Q2
  16R2
  . (8.25)
  CombiningEqs.8.23and8.25,Iconcludethatthenetforceonthenorthernhemi
 sphereis
  F= 1
  4Ï€ 0
  3Q2
  16R2
  . (8.26)
 366 Chapter8 ConservationLaws
  Incidentally, inapplyingEq.8.21,anyvolumethatenclosesallofthecharge
  inquestion(andnoothercharge)willdothejob.Forexample,inthepresentcase
  wecouldusethewholeregionz&gt;0. Inthatcasetheboundarysurfaceconsists
  of theentirexyplane(plusahemisphereatr=âˆž,butE=0out there, soit
  contributesnothing).Inplaceoftheâ€œbowl,â€wenowhavetheouterportionofthe
  plane(r&gt;R).Here
  Tzz=âˆ’ 0
  2
  Q
  4Ï€ 0
  2 1
  r4
  (Eq.8.22withÎ¸=Ï€/2andRâ†’r),anddaisgivenbyEq.8.24,so
  â†” TÂ·da
  z
  = 0
  2
  Q
  4Ï€ 0
  2 1
  r3
  drdÏ†,
  andthecontributionfromtheplaneforr&gt;Ris
  0
  2
  Q
  4Ï€ 0
  2
  2Ï€ âˆž
  R
  1
  r3
  dr= 1
  4Ï€ 0
  Q2
  8R2
  ,
  thesameasforthebowl(Eq.8.23).
  Ihopeyoudidnâ€™tget tooboggeddowninthedetailsofEx.8.2. Ifso, takea
  moment toappreciatewhathappened.Wewerecalculatingtheforceonasolid
  object, but insteadofdoingavolume integral, asyoumight expect,Eq. 8.21
  allowedus toset it upasasurface integral; somehowthestress tensor sniffs
  outwhatisgoingoninside.
  Problem8.3Calculate the force ofmagnetic attraction between the northern !
  andsouthernhemispheresof auniforml</t>
  </si>
  <si>
    <t>b'\x17\xc3+\xefS\xfc\x10/)\xbe\x14\x1f\xbc\x8f\xf5Oe\x8d\xb5\x0b:aX\x9cxz\x9e\x97\x83\xae/c'</t>
  </si>
  <si>
    <t>17c32bef53fc102f29be141fbc8ff54f658db50b3a61589c787a9e9783ae2f63</t>
  </si>
  <si>
    <t>b'\x17\xc3+\xefS\xfc\x10/)\xbe\x14\x1f\xbc\x8f\xf5O'</t>
  </si>
  <si>
    <t>ife in this period and its various remains depends to a large
extent on whether one sees this shift from Classical world to Christendom as a
triumph or a decline. The great historian Edward Gibbon, of course, mapped out
one perspective with great detail between 1776 and 1788 in his Decline and Fall of
the Roman Empire. But the inevitable ecclesiastical and theological interests of many
ancient historians have pressed the â€˜â€˜triumphâ€™â€™ perspective with equal vehemence.
These biases, which we will shortly address in more depth, were not entirely
preconceived but also responded to a curiosity in the data itself. For the historian
of religion in the Roman period encounters a profusion of ancient writers, like
Plutarch, Apuleius, and Lucian, who not only captured ancient religion in detail
but also could convey a tone of</t>
  </si>
  <si>
    <t>b'\xfb\x19`9\xbah\\\xb6\x17\xa2\x9e\x1a\xfa*Q2S\x11\x11\xff\xba\xa2\xf6]R\xe0\x0f\xee&gt;\xd75\x9bT\x88\x9f\xe4#\xb20\x9f\xe8\x15\x7f\xa3\xd00\xee\xd4\xb1*\xcaE\xb5\xd1T/\xae\xa0\x02\x03Az\xf28\xc3\xd5\x8enO \x1c\xea\x8ew\x8bL5\x9a\x08\x0f\x17\x8b\x96,A@\x92\xdfq\x90$\x1a\x0b\x1f\r\xd5\xd1\xb5\xa2;\xbd\xb3\x13E\x034\xac\xa5\xfc#\xd72\xf3\x1dx\xc9\xc6f5\xed\\\x9f\x9a\xc0\xf0\xccMn\x178o\xe4\x97\xb9O\xeep\x18\xb4]\xfb\xaf\x89\x8e\xe4\xb8\x08e\x87\xa6\xed\xf2\xb4\xaa\x1a\x9c\xf5x\xdbDj\x9b\xd7\xcdsWA\xa0`\xcb\xb0\\\xbd\xe8\x9bA\x0e\xc3\xf80aSuE`)\xec\xf6 \x98YLK\x1a\xf8\x1a\xa2\xe2\x87\xdb\xc8\xda\xc8\x02\x93P\xe9M\xf6\xd7\xba\x04J\xa3\xf2rH\xec\xd8y\xaf\x96p\x03\x96\x8fqN\xc3\xb2u=\xe4\x9b\x84\xef\xc3\x19\xe1\xfcWuM\xf33\xd7\x8f\x10\xf1\xa8\xd5\xd9\xb6\xdfE\\\x90\xad\xf4\xc8\x07\xfe=\xb5\xe1a\x1aM(*\xb6\x02\xffTO=\x1b\x1e\xf6\x89\xab\x01\x96\xf4\xa0J|\xd0*\x9e\xca\x10q[\x00\x9ao(\x00\t\x14%\xddl\xa6\x1d\xcfx\x03\xc6\xd4\xb3\n\xb5Y4\x90\x9e4\xc5\xb7\x16k\xce&gt;\x02\xdbM\xb5\xe2(N\xad\xb2E7\xc2\x06D\x00\xd6\xbe\x89\xd9\xb4\xb7\xdd\x89\xd7u}_\r+\xc6e"\x18\x95\xefx`\xbc\xa8\xb4X\x15\xb93T\xab\xee\xb9\xf3\x95\x9ca\x8a\x8c,RM\xdeKI\xd3\x12v\x18\x95E^ty\xc8jmD\xe7\xa0~\xbd\x9c\xf0A\x1c\xe5\xe5\x8a\xb0\x18\x8b_\x0f\xe4T\xbf\x0f9\x83J3e*c#A\rc\x13\x18\xb0\x88V\x80\xcf^\x10xh\x12f7\x9b\xdf?\xf7\x18\t:\xc3\x0f\x12\x93A\xf8\xbeM4rFY9\xdf\x1fg+"T\xac\xa5\xb6\x1a(\xedB\xe7\xbb\x99\xcda\x1f\xee\x7fP;\xe8(&amp;D\xe4\xf1\x06\xac\xa3\xf9fQ:x\xc7j\xed\xe2Q\x02\x17\xf0q\xb6m\x8c\xaa\x0f\x8b\xeb\xa5\x94\x8b \xf7\x85\xed\\\xc0\x91at\xfes\x1c\xdc|,\xd0n\x1e\x1f\x9dR\x0fH0\x8b\x93\x18{~~@U\xad\xca]\r\xcf\xc6i5eL\x1b\xf97{cSR\x9cR\xc9\xf2\xf7O\x1c\xad\xd0\x91\x12UP:\xab\x96(\xb43\xcdO\x05\x08&gt;U\x03U_\x87\x93\xef/I\xfe\x82\xea\xe1rZ\x89;\x10H\x1d\x039\xcd\x01\x05L\xd0\xa3\xb1\\\r&amp;\x05U\xfeY\x0ckv\xe2#K\x9d\x9c^x\x80\xab\x8dn\xca\x9e\xe7{\xc9\x0f\x9d\x10vB \x8a\x15\xf1\xdc\x16\xd0!n\xdc\x14\x96e\xdepT\x9dg\xdd\x9b\xd8\x01\x07\xc6t\x8c\xbdyaBj\xa7\x80\xb9\x87\xe1\xb2DPE\xb4\xf0\xe9\n\xd8.P/\xfb\x98\xda\x19\x05\xe4\x03\x01`P\xd8\xa25\xe8\xe7gM\xecH \xd2\x1b\xb5\t\xf7&gt;\x8f\x92r\x08i&gt;xm+\xebw\x82\x998\x06A\x01t\x10\x87\xfd\x8bu\t\xaf\xba\x1b\x18\x94\x8c]\x89\x15\xac\x87\x87]\xdf\x1e\xf22AX\xcen\x0c\xd4\xf3v\xd3\x93W\xd9\xda\xe4%\xcf\xb2lc\xe2-\xe9H\xd1\xa0\x08\xfa]o\xd0\x96\x0b(\xb3\xab]zh1E\x16J\x9d\xd3_\x08\x17\xc8\xfc\x96\xb4d\xe5\xe0\x004\xd9\x80\xf8\xf2\xa4\x91\x0fzq\x16\xd4/\x93\x1dt7\xd0Q\xa5TSbN\x02\xda\x1d\x8a\xdb\xc1#\xed\x84\x9c\xba\xe6\xc3F\x11\xd7\x7f\x9f\xae'</t>
  </si>
  <si>
    <t>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</t>
  </si>
  <si>
    <t>b'\xfb\x19`9\xbah\\\xb6\x17\xa2\x9e\x1a\xfa*Q2'</t>
  </si>
  <si>
    <t>mingled in the gay and in the busy scenes of the world; but the flattering
 portrait of mankind, which his heart had delineated in early youth, his
 experience had too sorrowfully corrected. Yet, amidst the changing
 visions of life, his principles remained unshaken, his benevolence
 unchilled; and he retired from the multitude 'more in PITY than in
 anger,' to scenes of simple nature, to the pure delights of literature, and
 to the exercise of domestic virtues.
 2
 He was a descendant from the younger branch of an illustrious family,
 and it was designed, that the deficiency of his patrimonial wealth should
 be supplied either by a splendid alliance in marriage, or by success in the
 intrigues of public affairs. But St. Aubert had too nice a sense of honour
 to fulfil the latter hope, and too small a portion of ambition to sacrifice
 what he called happiness, to the attainment of wealth. After the death of
 his father he married a very amiable woman, his equal in birth, and not
 his superior in fortune. The late Monsieur St. Aubert's liberality, or
 extravagance, had so much involved his affairs, that his son found it
 necessary to dispose of a part of the family domain, and, some years after
 his marriage, he sold it to Monsieur Quesnel, the brother of his wife, and
 retired to a small estate in Gascony, where conjugal felicity, and parental
 duties, divided his attention with the treasures of knowledge and the
 illuminations of genius.
 To this spot he had been attached from his infancy. He had often made
 excursions to it when a boy, and the impressions of delight given to his
 mind by the homely kindness of the grey-headed peasant, to whom it
 was intrusted, and whose fruit and cream never failed, had not been
 obliterated by succeeding circumstances. The green pastures along which
 he had so often bounded in the exultation of health, and youthful
 freedomâ€”the woods, under whose refreshing shade he had first indulged
 that pensive melancholy, which afterwards made a strong feature of his
 characterâ€”the wild walks of the mountains, the river, on whose waves he
 had floated, and the distant plains, which seemed boundless as his early
 hopesâ€”were never after remembered by St. Aubert but with enthusiasm
 and regret. At length he disengaged himself from the world, and retired
 hither, to realize the wishes of many years.
 The building, as it then stood, was merely a summer cottage, rendered
 interesting to a stranger by its neat simplicity, or the beauty of the
 surrounding scene; and considerable additions were necessary to make it
 a comfortable family residence. St. Aubert felt a kind of affection for
 every part of the fabric, which he remembered in his youth, and would
 not suffer a stone of it to be removed, so that the new building, adapted
 to the style of the old one, formed with it only a simple and elegant
 residence. The taste of Madame St. Aubert was conspicuous in its
 internal finishing, where the same chaste simplicity was observable in
 3
 the furniture, and in the few ornaments of the apartments, that
 characterized the manners of its inhabitants.
 The library occupied the west side of the chateau, and was enriched by a
 collection of the best books in the ancient and modern languages. This
 room opened upon a grove, which stood on the brow of a gentle declivity,
 that fell towards the river, and the tall trees gave it a melancholy and
 pleasing shade; while from the windows the eye caught, beneath the
 spreading branches, the gay and luxuriant landscape stretching to the
 west, and overlooked on the left by the bold precipices of the Pyrenees.
 Adjoining the library was a green-house, stored with scarce and beautiful
 plants; for one of the amusements of St. Aubert was the study of botany,
 and among the neighbouring mountains, which afforded a luxurious
 feast to the mind of the naturalist, he often passed the day in the pursuit
 of his favourite science. He was sometimes accompanied in these little
 excursions by Madam</t>
  </si>
  <si>
    <t>b'\xefT\xba!\x16C/\xe1\xfa\xc5\x07\xe5\x82\x80{\x84\xedAW\xba)\xd2\x1d\xe2\xb5\xdc\xedg\xb6\x99\xb9\xddy&gt;\x8b\x1fT\xc5\x83\xffN\x9bo\x9b"\x05\x9cES\xe7\x0c@\xac7\xef\x98\x9d\xe7\xf4\xe1\xc4AC\xb4'</t>
  </si>
  <si>
    <t>ef54ba2116432fe1fac507e582807b84ed4157ba29d21de2b5dced67b699b9dd793e8b1f54c583ff4e9b6f9b22059c4553e70c40ac37ef989de7f4e1c44143b4</t>
  </si>
  <si>
    <t>b'\xefT\xba!\x16C/\xe1\xfa\xc5\x07\xe5\x82\x80{\x84'</t>
  </si>
  <si>
    <t>turday at five p.m. Have patience, Mr. Fix; she
 will not be late. But really I donâ€™t see how, from the description
 you have, you will be able to recognize your man, even if he is
 on board the Mongolia.â€
 â€œA man rather feels the presence of these fellows, consul, than
 recognizes them. You must have a scent for them, and a scent is
 like a sixth sense which combines hearing, seeing, and smelling.
 Iâ€™ve arrested more than one of
 these gentlemen in my time, and, if my thief is on board, Iâ€™ll
 answer for it, heâ€™ll not slip through my fingers.â€
 â€œI hope so, Mr. Fix, for it was a heavy robbery.â€
 â€œA magnificent robbery, consul; fifty-five thousand pounds! We
 donâ€™t often have such windfalls. Burglars are getting to be so
 contemptible nowadays! A fellow gets hung for a handful of
 shillings!â€
 â€œMr. Fix,â€ said the consul, â€œI like your way of talking, and hope
 youâ€™ll succeed; but I fear you will find it far from easy. Donâ€™t you
 40
 see, the description which you have there has a singular
 resemblance to an honest man?â€
 â€œConsul,â€ remarked the detective, dogmatically, â€œgreat robbers
 always resemble honest folks. Fellows who have rascally faces
 have only one course to take, and that is to remain honest;
 otherwise they would be arrested off-hand. The artistic thing is,
 to unmask honest countenances; itâ€™s no light task, I admit, but a
 real art.â€
 Mr. Fix evidently was not wanting in a tinge of self- conceit.
 Little by little the scene on the quay became more animated;
 sailors of various nations, merchants, ship-brokers, porters,
 fellahs, bustled to and fro as if the steamer were immediately
 expected. The weather was clear, and slightly chilly. The
 minarets of the town loomed above the houses in the pale rays
 of the sun. A jetty pier, some two thousand yards long, extended
 into the roadstead. A number of fishing-smacks and coasting
 boats, some retaining the fantastic fashion of ancient galleys,
 were discernible on the Red Sea.
 As he passed among the busy crowd, Fix, according to habit,
 scrutinized the passers-by with a keen, rapid glance.
 It was now half-past ten.
 â€œThe steamer doesnâ€™t come!â€ he exclaimed, as the port clock
 struck.
 41
 â€œShe canâ€™t be far off now,â€ returned his companion. â€œHow long
 will she stop at Suez?â€
 â€œFour hours; long enough to get in her coal. It is thirteen
 hundred and ten miles from Suez to Aden, at the other end of
 the Red Sea, and she has to take in a fresh coal supply.â€
 â€œAnd does she go from Suez directly to Bombay?â€ â€œWithout
 putting in anywhere.â€
 â€œGood,â€ said Fix. â€œIf the robber is on board, he will no doubt get
 off at Suez, so as to reach the Dutch</t>
  </si>
  <si>
    <t>b'\xf8\xe9\x96(\x16"\x1bASH?_Z{/\xd9tV\x84K\x8b\xd8\xaap\x95F\x0b%!T\xe9H'</t>
  </si>
  <si>
    <t>f8e9962816221b4153483f5f5a7b2fd97456844b8bd8aa7095460b252154e948</t>
  </si>
  <si>
    <t>b'\xf8\xe9\x96(\x16"\x1bASH?_Z{/\xd9'</t>
  </si>
  <si>
    <t>his was the BLACK SPOT; and taking it up, I found written on the 
 other side, in a very good, clear hand, this short message: "You have till 
 ten ton</t>
  </si>
  <si>
    <t>b'\xc3\x9e\x16\xbcYY\xe5\x81g\x0b%\x05]\xaeg`/j\xbe\x86\x0ck\xd1\x17s#%\x98\xf4y\x03\x83\x05\x8f\x11\'\x05\xa0\xa9c\x9e\x8e\x97D\xa2l\xd9?\xb4\x96\x96A1\x1a\x08s\xf7\x16\xd2m\xa1\x94\xc1\xd3\x00\xc8Y\x08_;\xa6e\x8f\xfd\xb7qV\x05\x18\xb5\x9af(\xcd\x85\xca\x12\xc0\xe2\xc0^/u\xe59\x8d\x83\xfd\xc2\xf1\xbe\xfe|\x12\xd7\xbe\xa0\x11c+b/%\x02\x0cH\xcf\r\xdd\x0b3\x9a\xcd4DA\xe4\x8b\x1c\x92\x8bCo\xe57\xec\xe1JB\xfd\x8at4\xa2q\x17\xd73\xac\xc5S\x7f/\xd7o\x11\xb1\xdd6\xf9uR\xed\xe7\xef9\xd3\xd425v\x8bXp\xc4ni\xf6\xde\xe09\x11\x86\xfcRg\xa3\xbcA\x83 9\xbd\xc1\x85:\xb5\xcc\xed\xa7H\xe1\xfcwm[\xcey\x05\x06\x9d\xe6\xfcg\xe1\xf3\xdc4\x14"\x07m)Z\r\xfbH\xf8\xff1\x95\xcc\x17\xe8\x95\xfc\xf2\xa5.\xca\xeaA:\xeb\x15t\xad\x1d&amp;\xb2\xbb&lt;M&lt;\x14\xe9\xf0&gt;\\\xdc\x143k\xd2\xb26\x93\xdc\x10&amp;\xc6^\x1c&amp;L\xd6\xca\xf47\x19\x8e\x14\x03B=\x8e\x84\xc2\xd8\xac\xa6\r.^\xf9\xb6\x1b\xc6\x02\x0b\xc0\x16\xe7\xe8h*YZ\xb4&gt;s\x83\x82R)\xb4K\n\xe20\t\xa1\x0cf\xc0\xd25Q\x1f&lt;\xca\xb4\x81cT\xeeCV\x88]s&gt;\x8c%\x14\x07\xae\xef\xd0\xd1B\x16\x96\xe5\x1d0\xf4\x9e\xcap\x92s\'\xb5\xc5\xe3\xae\x1d:\xfc\xf8K\x16\x08\xcd\xba\x0ej\x91\xd2B\x86\\4\x9f\xe1\x00X\x05\xef;\r\xff\xee\x96\xb0\xb2\x07J/\xf4\x0eDRQ\xae\x99)x\xc4\xe1`\x91\xdb.\x84\xdb\x1e\xdf\x90&gt;\xae3\x9e\xeeo_L]4\xdeK\x04.\x90\xb5\x9f\x11z7L\x92\xc4\xa6\xf7q\x04\xb8T\xa7;\x1aB\xb14\xe8n\x0cG\xb2A\x88\r-1])(qL\x1a\x839\xa2\xb9\xbc\xacy\x12\xbb\xbe0U\xe45\xc3\xa2!\xbfVI\x80c\xa4W\x17N\xd2S\xbd\x16NX\x8a\x1b/P`\xbd0]i'</t>
  </si>
  <si>
    <t>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</t>
  </si>
  <si>
    <t>b'\xc3\x9e\x16\xbcYY\xe5\x81g\x0b%\x05]\xaeg`'</t>
  </si>
  <si>
    <t>rself; keep within, and fire through the porch. Hunter, take the east 
 side, there. Joyce, you stand by the west, my man. Mr. Trelawney, you 
 are the be</t>
  </si>
  <si>
    <t>b'\x00T\x9d&gt;Vf\xdd\xa4\x91v\n/\xce\x8b\x8c\x04\xc7\xebBU\xdfZP\x06^&gt;\x83\xc7\xdc\x96R\xb5L\x080\xc5^\x1a\xa1)\xe2c\x13#r\x9c\xaa\x89\xd2\xc7n\xaf\xcdb_\x7f*_Y\xa1\xfb\x10%\x0eB#\xd7\x19\x1c=\xe4|\x0b\x065K\xad\x9d)\x1c\xec~C\xf6\x13\x1f\xe4\x93\\\']^\xe9\x9b\xfa\xcei\'dQu\xcc\xeb]r\xf2\x98\xd3\t\x1b\x14X\xf7{\xf2\xae\xd6_{/\xd9)\xb7\x8a\x9b\x9cb\xc2Z\xb5\xa2D\xa6q0\xd5\x1bZ\x1f\x9fV%^#\xae\xd6\xaeD\xc4\ty9?\x88]uV\xe521\\\xba%OO;\xa4\xcfUd\x97\x8f\x8e#O;\x11\xd1X\xe8\xc9I\x88[}\xb3d\n\xbc\xf3c:r\xb6a\x16\xba\xa1\xa9\x83\xb1\x9e@^\xd9\x18&amp;J\x19W\x87\xef0\xbd\x91\xef\xff\xaeY\x13\xda\x1f{UoT\xf0A\x8dk\x84?\xd6\xb8 +w\xaf\x8fm\x97k\xf7#\x9a\xd19\x07\xf6\x85\xc3\xa25\xa7\xec\xceI\xf4A$|i\xe2;\t2\xcav\xfem\xdc\xef&amp;\x90\x96\xbdX\xfa\xe2\xcb~\xe9\xa2\xca\xd3\x9c\x8bu\x8c\x85\x1a\x03\x89$\xb0\x1b\xea\xf0\x82L\xeb]Zv\x82\x8b\xd4\xaf&amp;\xac\xe3\xe5X.\x1cF.6\xddi!\xb1]\x07O&lt;\x9c\xfc\xf5i?\xbf~\x8f\x815\x11\xaa+\xf4\x03\xa0\x8f\x93\xbf\xdch\xb28\xea\xca}\xd7\xbb\xa6\xcfi\x1f-\x9f}\xbf\xe5\r\xf2\xbcsB\\\n|@BY\n\xbd\xb8\x8a_\xd3t\rD\xd6\xce$7\x17\xb4"\xd8\x03AER\x18jZ\x8b\x0c\xb6\x9f\x12g\xd2|=\xecs\xed*=\xf8A\x0b\xc8\xe4q\xfdCB\xcc"\xfc\x17\x90&amp;\xa3l\x9d\x95PW\x08\x87\xa9\xfe\xaf\xea\xc7^\xb3\x05\xb2\xa3\xefk6|\x0b^\xec7`q\xe8\tE\xde\xa0\xd4\xcff&amp;&lt;#\x8d\xe5\x9c/\x9a\xfe\x87\x06\xdb\x9c\x12\xc4E\xafJ^c\x98\xf1\xae\x05\x0c&lt;\xb4\x82\x9c\x07\xa0\xbb&gt;\xfc\t\xb71!Tb#\xfe\xc5p\x88C5\xc67'</t>
  </si>
  <si>
    <t>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</t>
  </si>
  <si>
    <t>b'\x00T\x9d&gt;Vf\xdd\xa4\x91v\n/\xce\x8b\x8c\x04'</t>
  </si>
  <si>
    <t>nding RXBAR, Peter got a call from Kelloggâ€™s.
 Kelloggâ€™s knew that it couldnâ€™t make a good company as quickly as Peter had
 already done, so they bought him out instead. Kelloggâ€™s paid young Peter,
 then just three years into his entrepreneurial journey, $600 million. In
 financial terms, we call that â€œa good return on investment.â€
 Chances are youâ€™ve eaten an RXBAR, or a Clif Bar, or a Quest bar, even
 if you arenâ€™t a CrossFit athlete or a bodybuilder. And that, again, is the
 difference between brands and products. Products appeal to one person at one
 time. But a brand appeals to a group of people first, and then gets adopted by
 everyone else. Products make a little bit of money for a short amount of time.
 Brands get acquired for millions of dollars.
 The Online Brand Cycle
 I mentioned being in the second inning earlier. Right now, weâ€™re still in the
 early stages of this new cycle of online brand creation. The first wave started
 with people buying on Amazon; the ease of using that website made it
 possible for anyone to sell a product. Then it became possible to create your
 own e-commerce platform on your businessâ€™s website using tools like
 Shopify to streamline the buying process for the customer.
 Itâ€™s not the Wild West anymore, but social mediaâ€™s influence, immediacy,
 and impact has more than outweighed the value of the freedom of those days.
 Your opportunity is the same. Anyone who says differently isnâ€™t seeing the
 entire landscape of possibility.
 Even previously â€œuntouchableâ€ industries like fashion are being disrupted
 by entrepreneurs like you.
 Recently, I needed to buy new pants. Let me be perfectly clear about
 something: I have no sense of style whatsoever. Iâ€™m a dad, and I dress like
 one. Iâ€™ve always struggled with fashionâ€”my reference point for being â€œcoolâ€
 was wearing my favorite hand-me-downs in high school.
 To keep my sanity, I buy simple, comfortable clothing that sort of
 matches. And I resonate with brands that make this easy for me. Two new-ish
 brands, Mizzen+Main and Public Rec, targeted me with adsâ€”Mizzen+Main
 with podcast ads and Public Rec with Instagram ads. It cost them pennies to
 show up in front of me, and Iâ€™ve spent thousands of dollars with both
 businesses.
 Did I discover them by shopping at a retail store? Nope.
 Did I discover them through TV ads or even from a friendâ€™s
 recommendation? Nope.
 I discovered both with tiny niche advertising that cost those companies
 next to nothingâ€”and now I buy their clothes and tell all my friends about
 them. In fact, the founder of Mizzen+Main, Kevin Lavelle, spoke at one of
 my Capitalism Confe</t>
  </si>
  <si>
    <t>b'R\xfc\xed\x98\x82\xb3\x0f\x9e\xf1\x1f\xfe\r?\x17j\x81&lt;~\xdd\xc1H\xc8\x1a0+\xa1a\xf5}%\xa2\x15\xbe\xc0p\x9d\xa0\xebW\xf3\x91\x1b\xd9\x02Y\x87\x97\x19\xc0:UU\x00\x98\xc0\x8c:\x8a\xe2\xab\xe2\x1a\x99\xecO\xbbx6\xa6\xffb\xa0\x0eT\xf3\xf6\x867p\x83\x00|\xa4:\x9a\xba]$Y\xcc\xf7;#R\xd1\x89\xa5\x86o\xb1j\xa4\x99(2\xb9\xf1\x00\xe5\xed\xf3Z\x0b\xe3\xa5&gt;\xd7\xa8\xdbe\xae\x1fX\xcdqi\xae\xc1e\xee\xf5\xfb\xaf\x17\x05\xdd\xa9\xf8/T\x18,\xce.\x871V}w&lt;\x0c?\xdd\xc9\x98\xbe\x87e\xba\x99\xc3\xe7\x1f\x8c\'_sL\x8a\xc1\x14\xf1\xfa\xdbD\xebuK\x1a\x92q\xad\x1a\xa8\xa3uD%X\xd5\x8c&amp;\xd5\xc8\xf7?"\x87\xd3\xd9\x18\xb8\x9c\xe9;\xc1\xa1\xc7\x07\x04`tt\xb3f\xdc\xc8\x92\xae\x86\xb0\xf2Pa\xbet\xa6\xfb\x97C%YN\x8af\xcc\x93T\x92\x8dS\x16\x03\xe4D\x0c\xb7\xebw/S\x0e\xf1\xbd\x18\xef\xab\xcch\xb3Q\x85\xf4\xfe\xeff\xc9\xfe\xa2Azx\xc4l\x9d\xda\x0c\xd7\xc1%\x13\xee#\xe6\x04\x84L\xfa\xaf\x88=\xa0\x92`W\xc0\x1d\x92\xd1\xa8\x81\xd5\xbb1\xc0\x8f\'\xf9\xa33\x8e\x94\xc1\xf2\xdf\x92\xed\xee&lt;\xba\xf7\xbe\x94\xe30\xf9\x7f\x82\x96D\x181\x8eg\xc9\x93\x9e\xce\xac\xf0t\x85\x86}l\xa4\x187)\xadF\xed\xf4\x16\x8c\xe7\n9\xf2\x8fU\x0c\xf9\xc8z\xb6\xc8\x02\x9e\x83\xcb\x1cfpe._\x84\xe9\xfb\x8f\x9a\xecS\xc7\x95\xc1\xb7)\x85Z,\x10\x02\xea\xa8\xfb*\xf3\x10\xb7\xef\xc7b\t\x85\xaaei)b\xc7e\xd9\xbe\x99\x133\xb2\x0b\xf0\xf0/\x96?^\xa8\x1f\xf9X-\x1fB\xf6\xb8\xf5yT\x0c\xab;Y\xeb.v\x01\xd79\x893\xf3\xc6\x9b\x87Y\xa1\x84\xd9=\x05\xd3\xd3p\x9c\x7fL\xa8\'\x85G\xce\xf1\xd5\xdd\xc8\x1av\xda\xf8\xe9\xcc,\x83M\x12\xc5\xe0\xab\x14\xb4b\xb2\xa8\xd5\x07\x01\xce\xb8\xe3P\xebT\r\x928\xa5\xder\xb8iP\x04\x14\xba\x84I\xf30\x114\t\x85\xb7\xad"\xd3\xbdH\xc6%~b\xfc\xbdv\xa4@\x90\x89r\xd9r\x8c\'1\xa6-P\x0c\xf5\x1d\xd56~F\x87\xde\xf9i\xac\rN^\x9b\x0e\xfb\x1b\x8bh!\x80\xfa\x8dFN\x99\x86\x1d\xeb\x9b\x94\x15{\xd4\xce\x14\x08\xfb\xa4\xd5\xdc\x1f%\xd0\xe7\x9c\xc8\xc8\x0fh\x04\xfb\x97\xb2\xd9^W\x88\xf0\xa9`\xf5\x1cJ\xdc\xef\xc7\x93\rxZ\x88\xbc\x1f\x81\x14\xa4c\xe0\xf3\x84\xa9\x84\xda~(x\x0cx\xdb+\x96\xc2\xbd\xdbY\x028\xda\xa88\x8aG\xc9\xb7DPmj\r^J6\xc8\x97\xa6T-I\xce\xb0s\xd3k\xb6}\x8fM\x8aJ\x0c\xb72X\xf2\xe0m\xca\xf2\x89\xa8\xac\xba\xfdf+\xaem\xf5\xd6\xa7\xda\x12O\x169\xd4\xd6\xf7\x95jYSQ;\xdc!\xe8\x06g4S\xa4&amp;X}Yo\xdblw,\xdc\x15\xfcO8~\x8eP\xf3\xfe\xe31\xa4\xa9\xff\\8\x82\xf13.H\xc5\x1fmQ\xb0\xee8\'p\xbd\xcaZ\x1e]\'\x8c\x85\x81\x1f\xf5\x89\x86\xf5R\xbc\x07\xb9\x1a\x95\xf2k\xcf\xef\xe2\xed@\x96\xc5\xa9\x0f\xb5\n\x1fv\x12v\x0e{\xce\xc4\xb3\x94?\xcb\xc4\xa8\xd6\x03\xaa\xc7\xd6\x13\xf5\x8c\xef\xaf\xe3\xf1p\xba\x99\x19\xd7[\xeb\xdb\x1a\x85O\x94\xeb\xf38U\xbaW(\x0e\x97(!L\xda&lt;,_4\xf5\xab(\tl\xb0\xa4B\x81\xe8\x0f%\xfc"Q\x10Q\x7f\xb3\xedk\x80J\xeb\xa2\xc5\x0b\xc7\xe2qT\xdc}\xb2\xd1`\n\xacj\xac|PK0\xbbm\x87x\x85}\xdd\xa6\xb4Y\x06~N\x07\x1a\xf5V\'[c\x15\xfe\x19\xb1\x80\x0f\x8b\x00\xb5\xc5ii*\xe2\xbe\x8e\xcd\xf7\xb2\x95\x05x\xf4Mg\x9d\x11\xa31\x85\xe8\x9c\x0f\\\xcb(R\xc2\xeb\x1c\x7f\x98\x96\xbb\xc4\x84zX\xa9W\xc1\r\xcc\xd7\xea\xd0\x84~\xb8\\ \xa5y\xe4\x07\xa3\xd1\xca\xd2v\xd1\x8e\n\xb3dc"nb}\xcb\xd9S"\xc3\x8a\xcaOG\xa33zFQX\x7f\xd0\xe0\xfd\xba\xe6\x94\x9d\xee\xe94\x92\x8a\x01\xb30Y\xf5"H\x921\x82-\xbc\xe7\xf0\xd0\xc1x0\xf4X\xbd"[m&amp;z\xf7\xce06\x94\x86\x03\xb6\xcb\x10\xcc\x8c\xe3\x0fU4\x7f\xbb)\x10"s\x14\x12\xberK%\xfb\x93\xae\x15r\x01\xd87\xbd\xdd]1M\x96?\x01\xe9=\x00=UgP\x8cIAS\xc7\xb6\xe7cx\x01&amp;\t\xd5\xd8$A2\xfa\xe1\x8c\xefq?\xe9&amp;\rJJ\x19\xa3q\x04~#\x10\xad\xa2\xd0qk\xa6l(\xc6g\xe20\xae\x0eH\xa7\xcf\xc9/\xaeg]\xd8)\x05\xba\xa8\xd8\xbc(v\xab\xe7\xca\xde\xc2\xc9l7\xe9\x88\\\x96\xe5\xa1\x9e\xee&gt;\x12\x8c\xdaPfK\xe1g}L\xa4rQf\x95\x92\x95\xf6\xb6^\x84|\xf2\x97Q\xb1\xa0c\x8e\xde\x92\n+\x90r\x10\x14\xb7\xaat\x13L\xdb\x92_\x1c\x1d[\xd9\xd1\xb0\xf0\x89\xa1\xb4Wn\xa9&gt;\xd8.\x1f\xf5V\xcas\x1d\xbd\xc4\xaa1p3T\n\x0f\t\xbbC\xe7I\x03\x1a\xa3X\x1b\xb2\x88\x9f\xddS&gt;\xf6Id_~fVk\xe1&amp;\r=fp\xb1 \xec\xf4\xab\xce\x17\xec7vt\xe3\xb0\n#\x1e\x8c\x08B\x85eR\xd2o\xcd\xd3\xc8\xb6,\xe1\xa9&gt;\xb2\xef\x9e\xd0\x8c0~B!\xaf\xe8\xe6\xb1\xac\xfd\x86E&amp;Z\xd09\xa3\xf5\xd5\xd3z\x7f\xa3\xa8=\x99\xd9\xc4\xfa\xc3\xef\x9b\xaa\x99BX\x14\xddQ\x97;\xe1Q\x17\x8b\x99\xa5}\x95\xd1\te\x1a\x8f\x9f\x9di\x1c\xb1\xc21\x8d\x81\xc9\xb4\x15\xbc\xcaU\x85s=\xfek\xe2\xa0\x04\x8a\xabv&lt;\xed\x03!:\xdbQ\x12O\xba\x91\x92/\xc2\xbaf\xec1-Z:\xef\xe9v\x87\\\xd4\x92\x1b\xd7\xe1\xebHM\xf5\xef\x9d\x9d\x847=\xa3nyRvj\t!\xd8N]\xbb\xc4Rj\x17\x0et\x14\xb5\xa4M\x986\xdbk\xe0R/\x83\x7f9/\xde*\x88\x14a\xd7\x84:\x1d}\x8a\x87r\x00\xac\xf1\x90\xc6\x88\x9eY\xa8\xb7^|_A\x02\xca\xd4:\x84\x91L\x91\x8bC\xdd\x13*eQ\x80\xd5\x1c3\x8d)Q\xd9\xe8\x16\t&gt;\xc1(J\x8e\xd3\n\x15\xd0\xa69\xc7\xdb\xfd\x15\x95\xa1|e\rw\xebE\x19\xdbL2vy\xf6\xb0\x14\x9f{O\x0bg\xf9\'\xcc\x9c\xdb\x9dt\xc6\xcc~\xab\x86\xb0\xa7l\xf9Y\xc8\x95\xe2:\x95,\xda\x0b\xa3\xd5\x99\xfb\x99\xc6\x9aC\x836~\xf0\x99\xd8\xed]z\x12\xcc:pH\x9b\xd7\xe1\xd0\xe2[R\x13\x10\x9e\xa6\xd6\xff\xfb\xcb\xed\x87\x8ea\xa7\x0e\xd3\xdd\xc9\x9c\xda\xc6\x81\x97\x95|\x90\xf6ML\xc74\nJ\x87\x18\xb1-\xe6&gt;N\x074\xba\xba\x0cG\x00\x16\x14\xe0\xceG\xa3\xb6\x19:u\xe3\x89\xa6/\xb8\x0c\xb8\xe4Z\xa9\xb3\xb9\x97\x07\xd5\xdf\tr\n\x1a\xc8$;K\x96\x07oc\x0c^\x91\xa5}\xa6\xd8W\x8d\xb9\x81_\x90;{\x9a\t\x91S\x93\xa3\xa7\xc7\xd2Pk\x01j5Y\xe0\xbdS\xeeW\x08\xfafG\x06\xd5\xfa2\x88?2\xa6o\x82\x95e\x98\xd1\xf2\x1c/\xaff\x9fs~O\xc9\xa2\x85R\x9f\x0b\xdc\xd4\xd0U\x8eEI\xf7\xc7\x1e\x9f\xb6\xe0\xe5O\x18\xcd\xc8\xfd\x18U\xe4\xdf\xbc\xd8\xed\xaa\xde\xa6\xa3\xc1\x91\x95^\xd5y\xb1\xdc4\xc1J0H\xa2\x83\x03\xb7+\xc2\xa2},\xec\x90\x87S&gt;\'|\xdb\x8f\x00\xe62\x0f\xfa\x05\xcc\xe5\x93k\xa4\x87\x1b\xc3J\x11.\xff*\x88;Y^\xc5\xdf\xcda\xe4)\xc8\xe8(\xf8d\x0e\xc7\xbe($\x12\xa4IC\x85:\x13)\xec\x17\x11\xf5\x8fE\xac_5\xc8\x10\xf8\x86g\xc2n\xb4\x00{;\x9e\xeb\xf3\x8e.\xfas;{\xa7\x8a\x7fI\xd1u\xbb\x06?\xe8\x9e&amp;n\xdaR4\xdb\xd0\x96\x17\x93\xa2#\x91\xfe,\x01\xf2-\xa8\x088|\x98\xa95#\xe4\x99b\x9e\xc0\xd6([\x95e\x87\xc7\x054D\xca\x9e\xe0\xed\xeb\t\xd8s\x1c\x0cm6\x14\x0e~C\xa7\x18\x91\xab}I\x1eZ\x8d\xe7#13\xf6\x8b\xc7\'}+,\xad\xfd\xf0\xda\xca\xbb~\x14(\x9a\xbc\xf5J\x99k8(\xdf\xb9Y\x83\xc1_\xca\x0bw%\xc2}\x0e\xd0\xb9\xc1\x94\xb2\x0en&lt;\xfbVFm\xda\xa1\\\xe2\xe1]+I\x03\xf4p\xc3\xf2Wa\xf2\xea\xec\x88*\xf2\x0b*#w\x1f\x02\xf6\xd2&lt;}\xed\xcdZ\xa2k\\t\xa1~\x0fh*\\\x7f\xab\x98(\x13\xab\xf3B\xf2\xe2mdo\x111n\x85\xfc\xa7q\xf8~\xabh-\x0eoMV\xf3\xf5\xff\xe1l\xc2\xc9C8\xf1(L\x92\x0b\x15\xec\xa8\x8c\xaf\x8f\xdb*\x98h\xa3\xcf\x1b\x8cv\xe4\xa0p\xc9N\xd0*\xb2\x1e|K\xdd\xed\xdf\xa2{-\x1b5\xe0\x1fh\xce\x02N~9Dc]\xc9*\xeb&gt;+\x1b\x04u=\xf5\xdc\x9d\xb3\x90\xb7K\xe2\x89\xfd\x8f\xf3B=\x8f95{\xa8\xd5p\xa8y\xc3\xc8;\xc3\xe9\xb3\xa2\x0c1\xa6\xdb\xfa/R ,\xb73\x83)\xb8\xce\x91\x11\xfc\x90C\x9c\x00\xd0\x90\xab\xfb\xd3\xf1\x10\xe5\xfa\xb4_\xb4D\x1b\x8e\xa5$\xcc\xd8\xec\xb7\x08\xaa\xa3\xc2\x15u\xa04&amp;\xc8:\x1bT\x91kY\xbc\xcdv\x9d0\xc4\xc8\r\xe3\xcb\x9a\xe1\x15\x17x\x8a\xb6\x8a\x8a8\x0c0\x97W\xacD\x8b\x99D\xb1\xf9\xf5\x9bH\x07\xa3\xd2A&gt;\x8by\xa6\x0c\xe7Zm\xb6\xcc:,\x7f\xeeFEOM\xe0\x06\xb2P\xe8\xe0\x13C\x86\xf8\xc5e\xa64\x08\x1d\xd5\xc0\x8f\xc0\xb9\x06\x84\xd4\xdem\x1e(P\xc8\xd3\x0f\xbd\x94\x9f\x8bYTS\xf8\xa9u\xf1l\xc2\x19\xd4w\xd9\x13\x85,\xd2!\x97M\rL4=\x7fW\x12\xbbO\x8e/:R}\xbe\x16\xca~x\x1f\'\x9a\x81\xba\x95&gt;&lt;\xb3\rg\xa9n+\x07\x11\xebY\x88\xd42IJ\xd1\x1b!\x9b\xb6:c\xfe\x06\xa5\x8d\x04d\x0c\xed\xb9E\x1eKt\xf2AV)\xa9q\xe7\xdb*m\xb4\xb3\x84\xcfe\xdat\xb8\xaf#\x8bT\x83\xd2\xe7\xd9\xdb\x86\xb1\x80\x06\xc1_6\x81\x05\x12\xb7}\xc5\xd5\x18.\x8d\x01\xa9\x00[2\xbe\xa4\x0e7:B\xbd\x93\xa4\x81=akkY\xa8\xbch\xdb\x1a\xe2Y\x0bx\x0c\x89\xe9\x11\xde\xea\xbf\x83B\x9e \xdfK\x02\x03\x96\x00\xfc\xaa\xdf\x04cx\x0c\xf2\xaaEW\x14\x8c\xe9\xe25d\xc6\xbei\xdc1:\xb2\xa4WI\xab\xcd\x90AW\xe9kO\xef\xf0\xd7XL\x0e\xfb\xd6\x1e\x82(\xaax\x0e\xbb\xacz\xd47x\xc7\t,O\xa1!\x1b=\xf7\x89TT\xd7s\x96&lt;\\#\xd4\xe8\xd6\xf9\xa5n\xc7"\xf9\xc0\x8a\xb0K\x15\xd6B\'2\xc5`\xfbm5\x15\\\xa1dh\x80'</t>
  </si>
  <si>
    <t>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</t>
  </si>
  <si>
    <t>b'R\xfc\xed\x98\x82\xb3\x0f\x9e\xf1\x1f\xfe\r?\x17j\x81'</t>
  </si>
  <si>
    <t>ors of production. In
 our example weâ€™ll call the two countries Home and Foreign. We will stick with the same
 two goods, cloth (measured in yards) and food (measured in calories), that we used in the
 specific factors model of Chapter 4. The key difference is that in this chapter, we assume
 that the immobile factors that were specific to each sector (capital in cloth, land in food)
 are now mobile in the long run. Thus land used for farming can be used to build a textile
 plant, and conversely, the capital used to pay for a power loom can be used to pay for a
 tractor. To keep things simple, we model a single additional factor that we call capital,
 which is used in conjunction with labor to produce either cloth or food. In the long run,
 both capital and labor can move across sectors, thus equalizing their returns (rental rate
 and wage) in both sectors.
 Prices and Production
 Both cloth and food are produced using capital and labor. The amount of each good pro_x0002_duced, given how much capital and labor are employed in each sector, is determined by a
 production function for each good:
 where and are the output levels of cloth and food, and are the amounts of
 capital and labor employed in cloth production, and and are the amounts of capital
 and labor employed in food production. Overall, the economy has a fixed supply of capital
 K and labor L that is divided between employment in the two sectors.
 We define the following expressions that are related to the two production technologies:
 These unit input requirements are very similar to the ones defined in the Ricardian model
 (for labor only). However, there is one crucial difference: In these definitions, we speak of
 the quantity of capital or labor used to produce a given amount of cloth or food, rather than
 the quantity required to produce that amount. The reason for this change from the
 Ricardian model is that when there are two factors of production, there may be some room
 for choice in the use of inputs.
 aLF = labor used to produce one calorie of food
 aKF = capital used to produce one calorie of food
 aLC = labor used to produce one yard of cloth
 aKC = capital used to produce one yard of cloth
 KF LF
 QC QF KC LC
 QF = QF (KF, LF),
 QC = QC(KC, LC),
 82 PART ONE International Trade Theory
 In general, those choices will depend on the factor prices for labor and capital.
 However, letâ€™s first look at a special case in which there is only one way to produce
 each good. Consider the following numerical example: Production of one yard of
 cloth requires a combination of two work-hours and two machine-hours. The produc_x0002_tion of food is more automated; as a result, production of one calorie of food requires
 only one work-hour along with three machine-hours. Thus, all the unit input require_x0002_ments are fixed at and there is no possibility of
 substituting labor for capital or vice versa. Assume that an economy is endowed with
 3,000 units of machine-hours along with 2,000 units of work-hours. In this special
 case of no factor substitution in production, the economyâ€™s production possibility
 frontier can be derived using those two resource constraints for capital and labor.
 Production of yards of cloth requires machine-hours and
 work-hours. Similarly, production of calories of food requires
 machine-hours and work-hours. The total
 machine-hours used for both cloth and food production cannot exceed the total supply
 of capital:
 (5-1)
 This is the resource constraint for capital. Similarly, the resource constraint for labor states
 that the total work-hours used in production cannot exceed the total supply of labor:
 (5-2)
 Figure 5-1 shows the implications of (5-1) and (5-2) for the production possibilities
 in our numerical example. Each resource constraint is drawn in the same way that we
 drew the production possibility line for the Ricardian case in Figure 3-1. In this case,
 however, the economy must produce subject to both constraints. So the production
 po</t>
  </si>
  <si>
    <t>b'0E\x02 B\x96}n\xa6Z"\xb7E\xccS\xa3\xa9\xe5"\x0e{\xdf\xc3RV\'\x11}\xf9\xa7\xf2hF\xa8f~\x02!\x00\x81\xf7+\x04E\xbd\xdcCQE(\xfb\x06\xb9\xb7/\x89\xd2\xf4$0\x84\xda\xea\xe0j\xba"p\xabh\xd5'</t>
  </si>
  <si>
    <t>3045022042967d6ea65a22b745cc53a3a9e5220e7bdfc3525627117df9a7f26846a8667e02210081f72b0445bddc43514528fb06b9b72f89d2f4243084daeae06aba2270ab68d5</t>
  </si>
  <si>
    <t>b'0E\x02 B\x96}n\xa6Z"\xb7E\xccS\xa3'</t>
  </si>
  <si>
    <t>laid.
 During the first month or two, Sara thought that her willingness to do
 things as well as she could, and her silence under reproof, might soften
 those who drove her so hard. In her proud little heart she wanted them
 to see that she was trying to earn her living and not accepting charity.
 But the time came when she saw that no one was softened at all; and the
 more willing she was to do as she was told, the more domineering and
 exacting careless housemaids became, and the more ready a scolding
 cook was to blame her.
 If she had been older, Miss Minchin would have given her the bigger girls
 to teach and saved money by dismissing an instructress; but while she
 remained and looked like a child, she could be made more useful as a
 sort of little superior errand girl and maid of all work. An ordinary
 errand boy would not have been so clever and reliable. Sara could be
 trusted with difficult commissions and complicated messages. She could
 71
 even go and pay bills, and she combined with this the ability to dust a
 room well and to set things in order.
 Her own lessons became things of the past. She was taught nothing, and
 only after long and busy days spent in running here and there at
 everybody's orders was she grudgingly allowed to go into the deserted
 schoolroom, with a pile of old books, and study alone at night.
 "If I do not remind myself of the things I have learned, perhaps I may
 forget them," she said to herself. "I am almost a scullery maid, and if I
 am a scullery maid who knows nothing, I shall be like poor Becky. I
 wonder if I could QUITE forget and begin to drop my H'S and not
 remember that Henry the Eighth had six wives."
 One of the most curious things in her new existence was her changed
 position among the pupils. Instead of being a sort of small royal
 personage among them, she no longer seemed to be one of their number
 at all. She was kept so constantly at work that she scarcely ever had an
 opportunity of speaking to any of them, and she could not avoid seeing
 that Miss Minchin preferred that she should live a life apart from that of
 the occupants of the schoolroom.
 "I will not have her forming intimacies and talking to the other children,"
 that lady said. "Girls like a grievance, and if she begins to tell romantic
 stories about herself, she will become an ill-used heroine, and parents
 will be given a wrong impression. It is better that she should live a
 separate lifeâ€”one suited to her circumstances. I am giving her a home,
 and that is more than she has any right to expect from me."
 Sara did not expect much, and was far too proud to try to continue to be
 intimate with girls who evidently felt rather awkward and uncertain
 about her. The fact was that Miss Minchin's pupils were a set of dull,
 matter-of-fact young people. They were accustomed to being rich and
 comfortable, and as Sara's frocks grew shorter and shabbier and queererlooking, and it became an established fact that she wore shoes with holes
 in them and was sent out to buy groceries and carry them through the
 streets in a basket on her arm when the cook wanted the</t>
  </si>
  <si>
    <t>b'\xe6R\xf8f&gt;\xcd\x15\x91'</t>
  </si>
  <si>
    <t>e652f8663ecd1591</t>
  </si>
  <si>
    <t>r other would sooner
 or later arise on my route. Nothing, therefore,
 is lost. I have two days which I have already gained to sacrifice.
 A steamer leaves Calcutta for Hong Kong at noon, on the 25th.
 This is the 22nd, and we shall reach Calcutta in time.â€
 There was nothing to say to so confident a response.
 It was but too true that the railway came to a termination at
 this point. The papers were like some watches, which have a
 way of getting too fast, and had been premature in their
 announcement of the completion of the line. The greater part of
 the travellers were aware of this interruption, and leaving the
 train, the</t>
  </si>
  <si>
    <t>b'\xb7\x15]\xff\xc7\xa9\xc8@[\x1d e\x06\xac\x17\x01\x97\x1er\x1e\xc985*\xc8RLE&amp;Z\x04w'</t>
  </si>
  <si>
    <t>b7155dffc7a9c8405b1d206506ac1701971e721ec938352ac8524c45265a0477</t>
  </si>
  <si>
    <t>b'\xb7\x15]\xff\xc7\xa9\xc8@[\x1d e\x06\xac\x17\x01'</t>
  </si>
  <si>
    <t>llars over the long runâ€”go all in on
 them.
 That type of commitment and attention to your customers will foster a
 community that supports you, loves to leave reviews for your product, and
 eagerly chooses you over the competition.
 Then, once in a while, you can go for the ask: â€œHey, weâ€™ve just launched
 this new product, and weâ€™ve been selling for fourteen days now. We might
 even run out of stock at this point! But we really need more reviews, to
 spread the word, to keep pushing this message, and to get more people into
 yoga [or CrossFit or sunglasses or eating pineappleâ€”whatever your group is
 into]. If you have used the product, and you</t>
  </si>
  <si>
    <t>b'\xf5+1\xd8\xe387q\x01Wxr\xb5 \xed\xff\xa0y\xc7\xce\x04\x1e8\x8f\x8e\xa8\xc6l?&gt;\x1f\x0b\xf7\x85%`=Y\x06\xe0h\xd3\xfb\xdb\xa3\xe0\xd0\xd7\x1ek\xf5\xc5\x7f\x83n-\x0b\xf5\xf51\x0fl\x15\xf1\xc6{\x16EF\x90tb\x85\xd3\xa4!w\xed\xc3\\\x9a#\xe3\x9eJ\x06\x96X\'v)\xf0&lt;\xb2\xfb\x03\x9b\x04\xba\x1b\x1d\xf2\xb41\xb5w\xab\xc5\x90\xdb\x8c\x05\x7f\xc7bMS\xe4\xf5\xf6\xdc\xb3(\xc1\x04p\xca\xa9l\x97\xd0\xf2\x0b\xc6_{\xb3]\xc3\xbc\n\xf5\xf2\xe9\xb1\xc0F\xcb\xf4\x1c\xf7\x11b%\xb9\x18\xe3\x90\x07?\xf6\x18AY\xff\x03\x80-0\x85\x17\xd6\xc7\xf3\xb7\x1c\x19\xe66C\x9f\xdb\x9a\xc5\xe9&amp;/\x02\x00\tn\x15_ nh\xee\xe4\xdaV\x9d!\x80\x91\xf8FC\xbc\xbb\x0f\xdb\xbeN\xbc\x1big\x99\xa3\xe2\x98\xf0\x9d\xd1H\xad\xa0&amp;\x0f\xb0\xe9P\xdeJ"\xfb~Fw\x12\xa5\x99bF\x18\xb4{\x05\x9b\xda&lt;\xf5\xe9\xc5\xa4[\xda\x86\xdc\xf8\x9c\xb4\x02\xdf\xe9\x8aM\xe6\x91\xcb\xf4\xb8\xaa\x05\x88O\x0c6\xe3yV 9\xaay:\xff\xd4\x93@\r\xa7\xdf\xd6\x82 \xeb\xde\x8cP\x84\xe1\xab\x98+\x1d_\xff\xfcY~\xfblwOp\xeaE)\xa3\x9f\xb2%8\xefI&amp;\xf2C9\xe3|\xc8\xde\xf7)L\x04\xd3\xf0\x81U%&lt;#\x82\x93\xe7J\xb8%\xa1\xeb\xa8\x19\xa3\xa2\x96V\xd85\x1e\x82\xb5\xb1.\xcb~\x87R\x92|\xcc\xde\r"0\xc0\x8b\xec\xec\xf0\xde\xbf\xaf\x15\xbd*V8\x13 ey\xb0~\\\x85\xdc\x115j\x13`:=\x17\xbd\xf0\xea\xa0F;\n#\xe1\x81v\x98\xed\xa400?\x1b\xd9\x16\xe8\x03]\xbb{\x94U\x94v_&gt;AE\x19\xe6\xd1:\xc91\x9aY\xc5u\xcbk\x10=\x1d/\xfa\x0b_\x92!\xf29\xc8\x02\x19&gt;#\xa4\x1d~"\x9e\xd1\x04\xe6\x9b\xf35\x8c\xd8\xf6F\xbb\x81a4\x9bw5\xea\xb9\xa1\xf7#\xae\x18\t\x05":\xa2[I\xcc\x81\r\xbe\xc3\xd6\xc5\xfb\x13#0y9\x8cX^\xb9\x1a\xd2)K\x8c\xce\xb7E\xe6O\xe1\xab\x8c\xd3\x9c~\x18\xd8\xab\xa8C\xaf7\x00\xaa\x8d\xe4\xceJ\x84\x91UtMq\xbd\xd2\xaa\x01i\xec\xd7\xeb,\xa8,\x0fi\xaf\x96H\xf3&amp;L\xe4\xa1\xe4\xc8&lt;y`0\xc3%\xde\x95\xdc\x1dE\xb6y\xca$3\xf9\x1e\xcd\x85\xd1*\xc7ju\x02\xb4\xe9\x980\xd6\xc1MR\x84\\\xfd\x14)]6C6\xc2\xe3\xf9\x8d\x929\xd5\xf7\xea\xbd\x14\xbf\x1c\xd7\x17w\x8e\xcb\x14J;\x0eBr\x98\'\xfbi\x86\xd7'</t>
  </si>
  <si>
    <t>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</t>
  </si>
  <si>
    <t>b'\xf5+1\xd8\xe387q\x01Wxr\xb5 \xed\xff'</t>
  </si>
  <si>
    <t>(a) Repeat Example 15.28 with a cascade
 of two KHN biquads.
 (b) Using SPICE, determine the mini_x0002_mum required op amp bandwidth if
 the overall response must exhibit a
 peaking no higher than 3 dB. Assume
 an op amp gain of 1000 and model
 the bandwidth as explained in Prob_x0002_lem 15.63.
 (c) Repeat (b) for the SK realization ob_x0002_tained in Example 15.28 and compare
 the results.
 15.66. We must select an op amp for the SK de_x0002_sign in Example 15.25. Suppose two types
 of op amps are available: one with an out_x0002_put resistance of 5 k_x0007_ and a single pole
 at 200 MHz, and another with an output
 resistance of 10 k_x0007_ and single pole at 100
 MHz. Use SPICE to determine which op
 amp yields smaller peaking.
 15.67. Consider the SK design in Example 15.25.
 Suppose the op amp provides an openloop
 gain of 1000 but is otherwise ideal.
 (a) Does the response meet the template
 in Example 15.24 if all three resistors
 experience a change of +10%?
 (b) Does the response meet the template
 in Example 15.24 if all three capacitors
 experience a change of +10%?
 (c) What is the maximum tolerable error
 in the value of the resistors?
 REFERENCE
 1. R. Schaumann and M. E. van Valkenberg, Design of Analog Filters, Oxford University
 Press, 2001.
 16
 Digital CMOS Circuits
 It is virtually impossible to find electronic devices in our daily lives that do not contain
 digital circuits. From watches and cameras to computers and cellphones, digital circuits ac_x0002_count for more than 80% of the semiconductor market. Examples include microprocessors,
 memories, and digital signal processing ICs.
 This chapter serves as an introduction to the analysis and design of digital CMOS
 (complementary metal oxide semiconductor) circuits. The objective is to provide a detailed
 transistor-level understanding of logical gates so as to prepare the reader for courses on
 digital circuit design. The outline is shown below.
 âž¤ âž¤
 General Considerations
 â€¢ Static Characteristics
 â€¢ Dynamic
 Characteristics
 CMOS Inverter
 â€¢ Voltage Transfer
 Characteristic
 â€¢ Dynamic Behavior
 â€¢ Power Dissipation
 Other CMOS Gates
 â€¢ NOR Gate
 â€¢ NAND Gate
 16.1 GENERAL CONSIDERATIONS
 In the past five decades, digital circuits have evolved dramatically, going from a few gates
 per chip in the 1960s to hundreds of millions of transistors per chip today. Very early
 generations incorporated only resistors and diodes and were called â€œresistor-diode logicâ€
 (RDL). These were followed by bipolar realizations such as â€œtransistor-transistor logicâ€
 (TTL) and â€œemitter-coupled logicâ€ (ECL). But it was the advent of CMOS technology and
 the unique properties of digital CMOS circuits that led to the explosive growth of digital
 systems. We will study and appreciate these properties in this chapter.
 Recall from basic logic design that digital systems employ building blocks such as gates,
 latches, and flipflops. For example, gates can form a â€œcombinationalâ€ circuit that operates
 as a binary-Gray decoder. Similarly, gates and flipflops can comprise a â€œsequentialâ€ circuit
 that serves as a counter or a â€œfinite-state machine.â€ In this chapter, we delve into the
 760
 16.1 General Considerations 761
 internal design of some of these building blocks and analyze their limitations. In particular,
 we address three important questions:
 (1) What limits the speed of a digital gate?
 (2) How much power does a gate consume while running at a certain speed?
 (3) How much â€œnoiseâ€ can a gate tolerate while producing a valid output?
 These questions play a critical role in the design of digital systems. The first reveals how
 microprocessor speeds have risen from a few hundred megahertz to several gigahertz in
 past ten years. The second helps predict how much power a microprocessor drains from
 the battery of a laptop computer. The third illustrates how reliably a gate operates in the
 presenc</t>
  </si>
  <si>
    <t>b'U\x9d8j\xdaTH\xef\xdd\xc8\xe4\x1f\xcbl\xaa\xb6'</t>
  </si>
  <si>
    <t>559d386ada5448efddc8e41fcb6caab6</t>
  </si>
  <si>
    <t>affecting the money supply. Empirical studies of central bank behavior
 confirm this assumption and consistently show central banks to have practiced sterilized
 intervention under flexible and fixed exchange rate regimes alike.
 In spite of widespread sterilized intervention, there is considerable disagreement among
 economists about its effects. In this section we study the role of sterilized intervention in
 exchange rate management.
 Perfect Asset Substitutability and the Ineffectiveness 
 of Sterilized Intervention
 When a central bank carries out a sterilized foreign exchange intervention, its transactions
 leave the domestic money supply unchanged. A rationale for such a policy is difficult to
 find using the model of exchange rate determination previously developed, for the model
 predicts that without an accompanying change in the money supply, the central bankâ€™s
 intervention will not affect the domestic interest rate and therefore will not affect the
 exchange rate.
 Our model also predicts that sterilization will be fruitless under a fixed exchange rate.
 The example of a fiscal expansion illustrates why a central bank might wish to sterilize
 under a fixed rate and why our model says that such a policy will fail. Recall that to hold
 the exchange rate constant when fiscal policy becomes more expansive, the central bank
 must buy foreign assets and expand the home money supply. The policy raises output but
 it eventually also causes inflation, which the central bank may try to avoid by sterilizing
 the increase in the money supply that its fiscal policy has induced. As quickly as the cen_x0002_tral bank sells domestic assets to reduce the money supply, however, it will have to buy
 more foreign assets to keep the exchange rate fixed. The ineffectiveness of monetary pol_x0002_icy under a fixed exchange rate implies that sterilization is a self-defeating policy.
 480 PART THREE Exchange Rates and Open-Economy Macroeconomics
 pay on its debt, a rate that reflected the marketâ€™s
 skepticism that the limited and
 controlled crawl depreciation of
 the real against the dollar could
 be maintained. In the fall of
 1998, skepticism intensified. As
 the figure on the page 481 shows,
 interest rates spiked upward, and
 the central bankâ€™s foreign re_x0002_serves began rapidly to bleed
 away.
 Concerned that a Brazilian col_x0002_lapse would destabilize neighbor_x0002_ing countries, the IMF put together
 a s</t>
  </si>
  <si>
    <t>b'0E\x02 .\xe2\xab\xf3Q\xdd\xbb\x97\xeb\xe1\xf1\x8bC&amp;b6\x7f1\xe7\x11\x15?\xb7\xb2?\xabt\xff\x1c\xbc\xd8\xf2\x02!\x00\xde"\x9cu\x7f\xd0\x1bn\xd5\xf2\x1c\xe8\x15\xd1\x1e\xc7\xf5\xe1\xae\xf1\'\x122j@\x9e\xdf:\x1b|hm'</t>
  </si>
  <si>
    <t>304502202ee2abf351ddbb97ebe1f18b432662367f31e711153fb7b23fab74ff1cbcd8f2022100de229c757fd01b6ed5f21ce815d11ec7f5e1aef12712326a409edf3a1b7c686d</t>
  </si>
  <si>
    <t>b'0E\x02 .\xe2\xab\xf3Q\xdd\xbb\x97\xeb\xe1\xf1\x8b'</t>
  </si>
  <si>
    <t>that Alice quite
jumped; but she saw in another moment that it was addressed to the baby,
and not to her, so she took courage, and went on again:â€”
â€œI didnâ€™t know that Cheshire cats always grinned; in fact, I didnâ€™t know
that cats could grin.â€
â€œThey all can,â€ said the Duchess; â€œand most of â€™em do.â€
â€œI donâ€™t know of any that do,â€ Alice said very politely, feeling quite
pleased to have got into a conversation.
â€œYou donâ€™t know much,â€ said the Duchess; â€œand thatâ€™s a fact.â€
Alice did not at all like the tone of this remark, and thought it would be
as well to introduce some other subject of conversation. While she was
trying to fix on one, the cook took the cauldron of soup off the fire, and at
once set to work throwing everything within her reach at the Duchess and
the babyâ€”the fire-irons came first; then followed a shower of saucepans,
plates, and dishes. The Duchess took no notice of them even when they hit
her; and the baby was howling so much already, that it was quite
impossible to say whether the blows hurt it or not.
â€œOh, please mind what youâ€™re doing!â€ cried Alice, jumping up and
down in an agony of terror. â€œOh, there goes his precious nose!â€ as an
unusually large saucepan flew close by it, and very nearly carried it off.
â€œIf everybody minded their own business,â€ the Duchess said in a hoarse
growl, â€œthe world would go round a deal faster than it does.â€
â€œWhich would not be an advantage,â€ said Alice, who felt very glad to
get an opportunity of showing off a little of her knowledge. â€œJust think of
what work it would make with the day and night! You see the earth takes
twenty-four hours to turn round on its axisâ€”â€
â€œTalking of axes,â€ said the Duchess, â€œchop off her head!â€
Alice glanced rather anxiously at the cook, to see if she meant to take
the hint; but the cook was busily stirring the soup, and seemed not to be
listening, so she went on again: â€œTwenty-four hours, I think; or is it
twelve? Iâ€”â€
â€œOh, donâ€™t bother me,â€ said the Duchess; â€œI never could abide figures!â€
And with that she began nursing her child again, singing a sort of lullaby
to it as she did so, and giving it a violent shake at the end of every line:
â€œSpeak roughly to your little boy,
And beat him when he sneezes:
He only does it to annoy,
Because he knows it teases.â€
CHORUS.
(In which the cook and the baby joined):
â€œWow! wow! wow!â€
While the Duchess sang the second verse of the song, she kept tossing
the baby violently up and down, and the poor little thing howled so, that
Alice could hardly hear the words:â€”
â€œI speak severely to my boy,
I beat him when he sneezes;
For he can thoroughly enjoy
The pepper when he pleases!â€
CHORUS.
â€œWow! wow! wow!â€
â€œHere! you may nurse it a bit, if you like!â€ the Duchess said to Alice,
flinging the baby at her as she spoke. â€œI must go and get ready to play
croquet with the Queen,â€ and she hurried out of the room. The cook threw
a frying-pan after her as she went out, but it just missed her.
Alice caught the baby with some difficulty, as it was a queer-shaped
little creature, and held out its arms and legs in all directions, â€œjust like a
star-fish,â€ thought Alice. The poor little thing was snorting like a steamengine when she caught it, and kept doubling itself up and straightening
itself out again, so that altogether, for the first minute or two, it was as
much as she could do to hold it.
As so</t>
  </si>
  <si>
    <t>b'\xc7\x07G\xaa\x01\xf3}\xa0\xf1\xec)\xa4#S\x11\xf0b&amp;\x87\xafZ\x06\xb7\xaa\x90U\t\x89o[\x93\x0f\x84\xec\x9a\x94T\xdd\x86\xdc\xdaby\xb2U\x95\xb7\xa3\x9a\xa0\xb8Fl\x00\xc8\x11\xd8:{7\xe0\xd87#\xb2dZK"\xf3\x0c\xdcC\xf1\xb2\x81=pL\x93\xfe\xc3\xe7\xbf\xb7\x80\x1a\xe8\x96\x8f\xb7\xf3+\xb9\xe4-\xec]\xea\xbc\xbe\x7f\x99\xfd\x91\xe3\xdeC\xc8\x87v\xd1\t"\xc0h_M\xd8\x11\xa6\xe7\x0e\x0f\xfc\xdd\xea.\x1e\x9c\x9bFa\xd7\x19\x04%(\xff\xe5\x0c\xa6\x05\xdb\xe3\xd7\xa7\x0e\xb7\r\xca\xec\x17\xf95\xa5j\xd0N(\xb8\xf1\x8f\xec\xab\x8fA\x07\xb6M7\xd0z\xec\xcc1+C\x87\xeaZK\xed\x8e\x0e/Lp\x1d\xa4\xa0\x1f\xd2\xa8c\xee4\x91!\xb9\xc7-\xd4\x18\x91\x8c\xfers\xdem\xcci;z\xf9\xb7\x17\x99t\x93\x13\xd4\xf8\xda\xd7W}D#\xc697p\xea\x8f\x179\xab\xbfB#J\x15^g\xa8\xfa\xe1_-\x89\x8e\xec&amp;f\xf7\x88G\xeayC\xa4\xd5c$l\xc89\x7f\x9f\xdb\xb7;_\xe0\xed\xda\x84\x98\xb8a+\x9ch\xc3J\xe3\x1c\xa9(\xe4\xb4=\xd4lrd\xc0\xac\x06\xd0,V/&gt;\x0f\xff(\t\xc0\x0b/\xfai\x8d\x01\x95\xcf\xd0\x81\x15&gt;p\x9fV\xc4\xed\xbfv\x8f\xb9\x1bV5&lt;\x91q\xf4\xc3T\x8e\xb8\xc7(\xa71\x05C\x13\xc8\xa0*\xe6\x94A\xf2\x14\xb6N5.\xbfgl\x8d\x0b\x98\x07\x9c\x93\xb0\x81aH\xe5R\xb0\x0e\x890\xf9\x7f\x95\xa2\x95(\xc1/\x91/%\x1d\xd0@\x8c{\xb2\xc0\xdbi\x87\xffk4\\\x01[?\xfd\x11+\x9f\xb4g\xbf\xa5\x15\xdb\xeb\xf3w\x9f\xd8S\xc4\xba\xe4n\xc6]z M\xeb\xcb\xaeM\x17-\xc9\xfe\xc1\x83\xdb\xbfr\xdd\xe7\xab\xb9\x10-\xbd\x8a\xa5\xd0\x03\xf9\xe3B\x81]\xcck6\x89H\xf4\xfc*H\xd6\xc1Ac\x7f\x0f\xbd\x1b\xe4Yz\x0c\xcf\x97`\xce\xce#;\xeaa\x84\xe0\x90v\xaf\xd3BO\x01\xa0\xb5M\xb7\x99\xe9\xea\xb2\x9fW\xa1\x7f\xcc\xee\xf3F\xa6\x8fk\x14\x83F\xdd()\xbcot\xb7\xe9\xcc\xc9&gt;\xdc\xd8\xf8$\x86\x15v\xa0T\xdf"XU\x8e!\x98Z\xfb\xb7\xdb\xca1\x93\xf4\ro:\xa1\xee\x90\xcfofn\xd8\xe9\xb7Glg.\x89F\x12\x89\x04\xb6\x0cy\xe4\x8d[\x9c\xd3\x8b\x1eV\x91rm\xab\xac\x0c\'\x19\x81JE\x85 \x9eP8\x8d\xe7\x92\xf8G\x81\xbd\xaa\xb7$5\xf0t`\xd4\xc5\x1c}*g*\xaf\x8f\xbeJ\xb1uvp\xc6\x003\xa5v\x0b\xf8EK\x9b\xe2\x0e\x8c\x14qV\xbc\xec\x12E\xdc\x9d&amp;\x07\xe9\xcb\xd5\x14\xc3\xae\xdb)V\x886\xc4\x02A\xb0\x0c\xbe\xef\x8d\xf0"\x12~\xdd\xf4&gt;D\x86&lt;\x07\x81\x89\xd1\xab+G_{^`\xba\xaf\x18!\xda\xbb\xb2\x9ei!\xb9\xe4-\x9d*\xf6\xa9\xb9\x1c2\x99V&amp;\x8b\xe8\x06\xd7\xd6J\xe0y\t\xb9=\xbd\x07\xc1\xd4,\x12\xd0\xc8\x0bU\x05\xec\xae\xe7\xb5\x98\xa8a\xcf\xf2C\x92\xe4a\xa8\xd8\x84\x8e0\xb4.\xbf\x1e\xc7\xddE\xe7\x83\xaf4X\xf9\xcdH7\x95\x05\xe5\x96\x91\nLC\x19\xc4W\xdc\n\x05\xf7-O\xcd\x86A\\\xb9\x1a\x1bl\xe8\xe1\x1e\xdf~\xfa3\x8c\xb7\xaa\xaa9\xfc\xde\xa5^7\n@\xfd=C\xcf\xcb\x07\x1eL\xbf\xdf/\xb9\xc0\xc9\x01\x85\xd4\xfc\x04\xe7\xa9\xe6M&gt;\x8e.(\x00;\xe6pX6\xcfm\x96\xcd\xa5z\x17\xd0\xd6\xfe\xe4I\x97\x8a \xc6L\xc3\t\xe7x\xeer\xf2\xa8\x8e\xa5\x84o\xa0!\x19\xf3\xd5,\xc1\x07F\x06\x88s\x80\x89c\xcd\x8d0\x06\xa3l\xaf&gt;\xdd\xecifY\xcc\'v\xd3\x9bHW\xa5\xae\xd1q\x1e\xe7O=E\xe3\x11\x9e\xf5\xb3k\x88\x0c\xc2l\xe5S$\x1d\xec\x12rsV\xd3\x9a\x1b\xa1\x81\xa4\xda\xfbN\xb5P\x9cU\x9aW\x08\x8c`R:\xc8?L`;mx\xce\x99\x14\xe8\xda\xe8\xd9\xfep9\x9aP\xde\xfa\x92\x8c0\xbc\x08(*\x1c\x02\xd0\xfc\xda\x9c\xac\xed\x0c\xbd\xc8\x95\x9f\xecPm\xb5L\xd5\xf5\xb8\xd2\xc8`\xfc\x02\xca\xa2T\x1e\n\xb6\x8c\xf1\xbd\xba\x90}f\x14B\xe2\x8c\x07:o\xda\r6\x19\x9a\xc42\xc0\xf9\xbdh\x01AN\x1c\x0c\xa5.\x96\xd4\xa2\x13,\xa3\xd43N\x01\x1cP\r\x00\xb6F\x17$\x08\xd6E\x9f\x97w\xd4\xcf\xff\x00c\x1b\xac\x95Tea\x12\x13\xf6\x19T\xa5rEZ~\xc3W\xe3\xe2\r}\xf3\xa1.\'\xd4}Kn2l#\xf3\xefu\xf7\xf1\xa5\x94\x0bP\xf1s\xd3h%{\'P\xe9\xac\x1dTj\x7fZ\xc8IE\x12\x8b\x10~\x1b\xa3\xfdIL\xe9\x8aHT\xb1\xb2\x1ftY"_\xf8z\xf1g_\x8c\xa8n#\xea&amp;\xae\xeb\xc6F\xac\x9b[{\xde`#\x9a\xa5=\xb6/\x16\x0b\x9e]d\xd7_\xda6\xde\x83F2\xb7RG@q\x93\x16\x19u\x08z\xbb\x8e\xf7l\xc8\x82\xec\xa6\xec\xd9S\xca\xc2\xca\xf8R\xff@\xa4G\xfc\xc1\x19\xbc\xb6H\xd6\xb3~\x05 \x9a\x829\xeb\xa5{\xba\xad8]\xd99F\xdf\xe0\xcc\x1a5\xb6\xb1\xf8\xd2;\xb3lk\x96\x85\x93j\x06\xe8\r\x89\x0c\xdb\xca!&gt;\xafXh\xfbDp8&gt;\x86\r@\xce\xb4\x9d\x1b\xd9\xd2H\xf5+\xe2\xe59w\xfc\xb1\xab3\x80f\xcfH\xb9;#\xbep\xd3[\xa5\xbd\x9f[\x16s)\xb0\x80\xf5\xc0\x12.\x06\x18a!\xa5\xd8g\x07d}\xef\xecd\xc9\x14\xbfv\xcd\xa6\x16&amp;qM\xe9\x81\x08&gt;c\xb8m5\x9fJ&amp;\xf7\x93\xc4~\xb7\xc9\xb5\xb0\x9d|\xd9&lt;\xa9B\xb1\xa4\xe8\tuy\xfe\xa2\xd6|\xb6,p\xb6\\J\xf8\x8a\xef\xdba\xb0t\xef\xda\xaclO\xd2\xaf\xb8\xfc\x19\xa3\xb4\xa5\x12\x18F\xf4\xae\x88 iUU1\x8b\xc2\x81\xc9\x92\x87\x1a#U\xb6\xc2aeN&gt;\xc0[\xe4\x0c\r\xb6\xe0-\x97\xce\xb3\xe6\xbb\xab\x19\x00\x0f\xab\x08{\xe5\xc5\xff\x7fS\x9c2\'\x90\xfaTk2\xd7\x8c\x94V!9\x0f\xb6\x16\xc0\xe8W\xcd\xc2D!\xba\x1c\t\xee\xbd&amp;\xe9\x11FH\x1a\x8bY^")Q[\xf4\x0e\x953\xf3\x8c\x95\xdfT\x9e\x14\xb2\xfbs\xcd\xa7\x89\x9a\x9c\x91\xf9CE\x9c\xb9|Z3\x16^N\xf3\x8d\x85 \x1c\xbco\x91\xaa\xed\xdb\x17!1\xed\xaa\xa8\xbf\x8d\x82=0\x80K\xc3\xab\x80\xda\x9f\xe7=*\xf9\xfc\x16w\xa2\xd1x0\x86\x8a51\xa8\x80Y\x81\xa1\xd2x;\xa6\x85F\xabC\xc3,\x81Glk\xcejI\x87\xe1\x81^#C\xd7\x14B26}m-\x05\x90\x02\xae\xd3HG\x80\xe26B\xcc\x05/\xeb\xd2r\x0b\x85\x00\x8b\xef/K1\xb2\xc7\xdd!\x8f\xae\x9d\xadQ\xc8H|9\xd3\xe1(Y\x86[\xb6u`\x9f\x97n\xa5\x8a\xe3\xd3r\x144/\xa8J\xb3\xa9\xe2NwT\xd9\x19\xe0\x8aW p$\xffh\xc4F\xb0\x9e|X\x11G\x1d/?\x08AL\xd0V\xc1\x97\x18\t\xad\x97G\xb88SW\xc6\x06\xf9\x99g&lt;\\H\r\x07\xa5\xf9\x17/\xb3U\x88\x1b0X\x01;6\xb08\xe5\xc5\xbb\xd0\xa32&amp;\x8a\xa3\x87\x04\x9e\xc2\x89\xa5 \x9e`[\xff\xaeV4\x91CI\xd4^\x99\xff\xb1\xd9\x88H\xf9l_\xe5d/\x86\xdd\xdb\x90\x12P0\xa9\xd8\xd3\xfaA"\xda\x95\xccXJiI\xf6\x08(\xad\x021\x86\x14\x01&amp;\xbb\xc2\xd1\xda\xb4\xd1_Y\x91\xb7r\xf5a\xaeB\xef\x8e\xd5\x8c\xf8(\xe8\xfce\xba\'\xb9\xe9@\xfcKQ\xd6\xa3}7\xe5\xb1\x86\'\x83\xbf\xa2\x12\xef\x14h\x80\xcb6o\xda\xf0\x13\\\xd1\xb1+B\xb0{\xce_D\xbd\xaf\xb8\x03\x80G\x1f\xa2\x99\x08\x9c:;\x85\xac\xdd(\xab\'\xb6\x0c\xcf\x93\xd9\xe2\xcc$@\xba`\xee\xaffh\x15\x8e\xe5\x9b\x85!l1\xa2O\xbe\xec5\t\xcf\xb0\x9fB\xae\x11\x8e\xcd\xea\xdcm\xfc \x94\xac\x90{\x1be{\xd6=\x8d\xf8\xfe\xe6\xa3\xc1\x90\xf3\x08\xfd\xd8\x8e\x8e-\xa30\xb1\x0f\xd5\xfe\xf4*\x83\x91\xd1LQ\xb1\x94\xe6\xa8\x04\x9f\x0e\x1f$\x96o\x1dV\xa7g\x82\t\x0fb\xe4x\x9a\xe6\xfc\xde\xaa\xa7\xac\xc7\xa0\xb72\xa1\xc8\xbf\xd3\xe9`*)\'\xea\xbc\x89\x024V\x06\xc9@lf\xc5\xb2\xadp\xea}y\x9c\x9d\xd5\x82\xd7\x9eA\x85R\'\x03\xe7O\x9d\xdd\x05I;\xd7\xb9n\x19\xc9\x17(@&gt;o\xca\x19\x1bG\xc6\x9a* \xe4\xde ~\\\x85\xf8\r-\x8a1Pwi\xec\xba\x97{\xdfMer\xecHh\x9e\xca\xee\x89\xb8\xdd\xe3\xf9\x07#o\xee\x80\xd5\x90\xd5\x88\xc9f\x92\xddc#\x9f\xc1gS\xed\xf4\xda9\xfb\xee\xb0\xaf\xcc\x18\t\xff\xb8\x0c\xbb\x9f\x83b\x85\x89\xbf\xe1\xbe\xd8\xbck\xfc2&lt;\x87k/\xbb\xe7DJ\xe6\x0e\x8b\xe9\xc3z\xe8v\xe0\x92\xd2z\xedc\xa3\xc0S\xees\xc2-O\x8b\xcd[\xc6\x92^}^7\xff4\xb9\xef"\xc9\xbaK\xbf&gt;+\x14\x93\xf3\xa8tU\xc8\x00\x95o\xc3\xd4\x15\x10u)\xdd\x03\xcdS\xc0Sn!M\x1bkF\x9fNN\x13\t8hYN\x069g\xae&gt;_\xef\x98*\xa1\xed\xb9\xc3^\xda\xd3{R\xe3\xb2-o\x9b""U\xd3\xfb\x16\x93\x85\x84S\xd0\x97T\x14\x93I\n\xba\x8f\xce*\x98\x94. \xe6\x8f\xec\x0b\xdc\xe1\x953.\xf7u\x87\x01\xf4\x83\x0e\x15\x13Mq\xfe\xe4\xfd\xdd6\x8e\xc0\xb6S.\x0c~c\x9d\xac\xfdN\x07\xa0]v0C\xdb)C\\\xb2|R\xe9\xd7`@@\x01\xb8\x0fM\xd5\x1c\x9e\xa6\x97\xc9\xc2\x91\xe1\x987\xb4R\xda\x1c\xa7\xfb9\xd4\x88\x12JS\xe0\x1aR(?P\x16.B\x8b\xd6\x86\xf9\xd5c&gt;\xf9B\x01\x11a,\xbeBp^\x0bY\xb7\x11\xa4\xb7\x0bZ\xeb\xe0\xaa\xce\x95\x1dw\x8df\'\x0ev\x81\xe4\xff\x9dme\xdbV6\xfdf\xf5^\x82\x05R\xee\xd6\xde\x18\xe9\xb2\xafy\x04\x1b\xd7\xe6\x8b!\xces*L\xcc\x98\xf1\x81o\xe0V\x9a/\xd3\xa0\xd1t\xa5\xe1\x82:8\xfad\xc1\xf4\x88\xde\x9d\xb7\xebXgE;\x9f\x07\x86\x9b5,^e\xd3\xf88Q\xaa\xfdyjAy\x98;\xcc\xcea\x1e\xc1M\x8a\xf7\x16\x01J\x98\xb6\xb1\xb8\x84\x91F0\xa6Z\x07\xea_\xaa\x0c\xe5~\x08\xcb ^\x11=\xc1O\xdc\xb2W\x13\xc7\x8f\xe8\x86\xe0\xfa\x05\x1b\x12\xcbB@\x1b\xdd:\xe9-\x10_\xc7:\x9c0"\xc6\xad\xe6\xdb\xa3\x19V\xe2\xd2.M\xe8\xe3\x83\x7f\x93\xaa9f\xa3\x94\xd4\xb5r\x10\xf5T\xcb\xbeV\x8f\xd02\x94\xa5\x1c\x17\x97Cb\xc6\x89?817\xe9\xd1\x93]X9u\xde\xda\x8aeO\xd3\xe6\x99?JX\x93\x99\xcc\x9c\xaf\xb5O\x10%\xdf5I\xd1\x888A\xa7N\xedFc\x12\xbd\x15Z\x87G\x86\xa6\x07\xa5H\xa0|\xc2~\xfa\xdco\xc8uH\x1b\xbd\xec\x10$\'\xd9\x15\xf2\xb2\xaa&gt;\xff\xa9e\xa0\x91\xb5\x13\xd3CL`\x92\xc2\x9b\x95{\xb1QZ\xe4\x8d\x17\xfa\xeb\xf9\xfc\xc9\x85Oj\xc6\xc3\xbf\x0e\x14\xdd\xa5&lt;\r[\xd6\xb3\xf2\xe2\xdb\xf6\xd1p\xabe2\xc1\xbb\x07 ZT9{\xfe\xf9t\x10!vb5A\xbd\xea\xa7\x01Q\x8cJ\x99\x9as\x0c\xad\r\x98UP2\x11:\xfa\x0c\xc6\x9c\x17\x95\x19\xe3\x90yY\xd6\xeeT\x05w\xc0\xf3\xd0No\xe9\xbbO\xd6&lt;.\xe3\xb1\x95\xdbp\x19\xcc{\xf1\x8a\x99w\x14\xbe\x88:\xcf\xbcGvg\xed\x057\xd0\x9c("\nx-\x94L\xd7BtmD~\x8e&gt;T$\xa4\xb2\x8d\xd1n*!\xa1[\xa9\x81\x03\xce\xe7o&amp;\x1f\x9c\xcfz\x0b\xc5\xbe\x1a\x9e\xf7\xd2}\xb4:4\x11&amp;9\xa9\xb4,g^6\xe0\xe9\x8c\xa1\'\xcf\xcca\xa5(\xf7\x1f\x9c\xc9\x83V\x19^\x00\xf1u\xf9\x13\xea\x1fEE.#\'\xbd`\x07m\xf0\xaeI~\xd6\x8a\xa6\xaag!C3n\x053\xcaMB\x03\xd0\xe3\x96\x7f\x99\x972\xc8m\xdc\xc95\xc3\xb0\x02\xaa\x08[\xd2\xa4\x97\xbaZ\x14\xb8c\x0e\xb4{eE\x86\xcbt\xc1U\xc7\x16:\x8f\xe0\x93\x88p\xbc\x93\xc1\xfd\xff\x04\xcf!\x98]\x191Z\xdd\x15\x9e\x17\x19\xae\x17r\x8a\xa5\xb0\xf6\x8f\x14\x05^\x0b\xf0^\xf3\xc1-]\xaf\x99\xd5"\x84\xc6zXn\x1b\x81$\x98\xdf\xc9\xbc\x1e\x8d\xf7\xecIz\xa6\x9cl\xb5$/\x99\x17q\x04v\xa9\x0eA\x12\x15u0#t\x11ng\x96\xe4\x1e\xec\xd1\xae\xcbr\xa4\x9b\x18\xa5R\x18\x15\xabx\x05\xe4f\x97\xe6\x1d\x94\x0b{sn\x9e\xe5D0\xce\xbb\xd10\'\x18\xce\x9a@\x97I\xd4$u&amp;\xd7"\xb3\xa7\xe8%XJ\xa0\x92\x10h\x08\xa5\x80\xe1\xbe\x1bRL\xb5\x08\xc5\n\x9d\xcd3\x12\xf5\x17\x13\xe9\xa0\x81|\x8fZ\x02\xe8\x13M\x8cb\x1f\x90\xf5\xe6e5\x7f\xb5\x9e\xd0\x0fM\xd7\xb0(\xbb\x1b\xae\x08\x06\xe0p\x93\xdb5C\xce}\xaeg:~P,{\x974M\x81\xfe\xa4\xaf\x13\xf0\x023}\xfe\xef\xf9~\xb9c`J\x10Q\xf3\xca\xc6\xac\xbdGX\xf2\xb4Ur#B\xfe\x83s\xef+\xe4\x00\xff\xb4\xd6\x95\xbb(\xb8\xd6W\x16\xe8\xe8:\x12\xb9\xfa}w75N&amp;(7\x9e\x1d~y\xab\x12\xe0\x08\x1b&gt;\x84Z\xa9\xfa\x89\xce\xec6\xa4(wQp\xfe\xe2\x1c\x0eb\x8f2\x85"w\xd3E\x8e\x028\xf5\xa4\x1c\xe9\xcc\xc8\x85\xf9\xaeSqL\xe7\xa0\xfe87\x0c)\x9dwn\x7f\xf3\x8b\xb0\x01\x0b\x94\xdc\xff\xcf\x01\x7f&amp;s\xa1\xaa\x82\x93\xdf\xed\x83\x0b\xce\x14\xd9Y\x8e\xaa\xd8\xc0\xd7\xd8\x08(\x05\xe8a7\x8a&amp;\xa0\xe8\x89\xac\x89\xfaK\x89\xaeh\x856\xc4\x98V5\xe4\\\xfb\x12D\x9d\xe7\xfa\xe3w~\x93y\x87\xf1\xddS\xea;\t+M&amp;\'e\x84]?\xb0\x192\xe2\xf2\x81=\xf1\xf1\x1b\xf2j;\xbc\xea\xf0&lt;\xfb\xd2\x97G\xd1\xdf\x98\xf4\n\xfd\x18\xc4\x81=\xe0\xc6\xe5\x9d"\x1d"\xc3\x8e\xa0\xff\xe9RJ!\x04\xfb\xbe2MP\xe7E\x1f\xe7\xf3\xc4\xe87H\xa7\x89\xb7\xbc'</t>
  </si>
  <si>
    <t>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</t>
  </si>
  <si>
    <t>b'\xc7\x07G\xaa\x01\xf3}\xa0\xf1\xec)\xa4#S\x11\xf0'</t>
  </si>
  <si>
    <t>s of the
 moon-light, he resembled one of those marble statues of a monument,
 which seem to bend, in hopeless sorrow, over the ashes of the dead,
 shewn
  by the blunted light
 That the dim moon through painted casements lends.*
  * The Emigrants.
 'But, my dear sir,' said Emily, anxious to dissipate his thoughts, 'you
 forget that repose is necessary to you. If our kind host will give me leave,
 I will prepare your bed, for I know how you like it to be made.' St.
 Aubert, recollecting himself, and smiling affectionately, desired she
 would not add to her fatigue by that attention; and La Voisin, whose
 consideration for his guest had been suspended by the interests which
 his own narrative had recalled, now started from his seat, and,
 apologizing for not having called Agnes from the green, hurried out of
 the room.
 In a few moments he returned with his daughter, a young woman of
 pleasing countenance, and Emily learned from her, what she had not
 before suspected, that, for their accommodation, it was necessary part of
 La Voisin's family should leave their beds; she lamented this
 83
 circumstance, but Agnes, by her reply, fully proved that she inherited, at
 least, a share of her father's courteous hospitality. It was settled, that
 some of her children and Michael should sleep in the neighbouring
 cottage.
 'If I am better, to-morrow, my dear,' said St. Aubert when Emily
 returned to him, 'I mean to set out at an early hour, that we may rest,
 during the heat of the day, and will travel towards home. In the present
 state of my health and spirits I cannot look on a longer journey with
 pleasure, and I am also very anxious to reach La Vallee.' Emily, though
 she also desired to return, was grieved at her father's sudden wish to do
 so, which she thought indicated a greater degree of ind</t>
  </si>
  <si>
    <t>b'\xb7\xcf\xa6\xe8\x07rVj \xcb\xd9\x17\x18L7\x93\xe3\xe8\xc6\x1d?"UG#\xd9\xc5\xf6\xc5\xcb;7\xdd\x83\xc6D\x16#\x9e\rd\xde\xb4\xab\x95}\xa9\x911\xbc@\x04$QK9\xcf\x86c[Y\xbbD\x83'</t>
  </si>
  <si>
    <t>b7cfa6e80772566a20cbd917184c3793e3e8c61d3f22554723d9c5f6c5cb3b37dd83c64416239e0d64deb4ab957da99131bc400424514b39cf86635b59bb4483</t>
  </si>
  <si>
    <t>b'\xb7\xcf\xa6\xe8\x07rVj \xcb\xd9\x17\x18L7\x93'</t>
  </si>
  <si>
    <t>; he
 could not help looking solemn at such times, to sit still seemed to him such a
 comic thing to do. He boasted that he had gone a walk for the good of his
 health. For several suns these were the most novel of all adventures to him;
 and John and Michael had to pretend to be delighted also; otherwise he would
 have treated them severely.
 He often went out alone, and when he came back you were never absolutely
 certain whether he had had an adventure or not. He might have forgotten it so
 completely that he said nothing about it; and then when you went out you
 found the body; and, on the other hand, he might say a great deal about it, and
 yet you could not find the body. Sometimes he came home with his head
 bandaged, and then Wendy cooed over him and bathed it in lukewarm water,
 while he told a dazzling tale. But she was never quite sure, you know. There
 were,however, many adventures which she knew to be true because she was in
 them herself, and there were still more that were at least partly true, for the
 other boys were in them and said they were wholly true. To describe them all
 would require a book as large as an English-Latin, Latin-English Dictionary,
 and the most we can do is to give one as a specimen of an average hour on the
 island. The difficulty is which one to choose. Should we take the brush with
 the redskins at Slightly Gulch? It was a sanguinary affair, and especially
 interesting as showing one of Peter's peculiarities, which was that in the
 middle of a fight he would suddenly change sides. At the Gulch, when victory
 was still in the balance, sometimes leaning this way and sometimes that, he
 called out, 'I'm redskin to-day; what are you, Tootles?' And Tootles answered,
 'Redskin; what are you, Nibs?' and Nibs said,'Redskin; what are you, Twin?'
 and so on; and they were all redskin; and of course this would have ended the
 fight had not the real redskins, fascinated by Peter's methods, agreed to be lost
 boys for that once, and so at it they all went again, more fiercely than ever.
 The extraordinary upshot of this adventure wasâ€”but we have not decided yet
 that this is the adventure we are to narrate. Perhaps a better one would be the
 night attack by the redskins on the house under the ground, when several of
 them stuck i</t>
  </si>
  <si>
    <t>b'#\xea\xd8\x92\xa0O\x14~'</t>
  </si>
  <si>
    <t>23ead892a04f147e</t>
  </si>
  <si>
    <t>and Vb2 such that Q1 and Q4 sus_x0002_tain a base-collector forward bias of 200 mV.
 What voltage gain is achieved?
 9.59. Design the CMOS cascode amplifier of
 Fig. 9.76 for a voltage gain of 200 and a
 power budget of 2 mW with VDD = 1.8 V.
 Assume (W/L)1 =Â·Â·Â·= (W/L)4 = 20/0.18
 and Î»p = 2Î»n = 0.2 Vâˆ’1. Determine the
 required dc levels of Vin and Vb3. For sim_x0002_plicity, assume Vb1 = Vb2 = 0.9 V.
 V Q
 Q
 b1
 1
 2
 in
 out
 Vb2 Q3
 VCC
 Vb3 Q4
 V
 V
 = 2.5 V
 Figure 9.75
 M
 in M
 out
 M
 1
 2
 3
 Vb1
 Vb2
 V M 4
 VDD
 V
 V
 b3
 Figure 9.76
 9.60. The current mirror shown in Fig. 9.77 must
 deliver I1 = 0.5 mA to a circuit with a
 total power budget of 2 mW. Assuming
 VA = âˆž and Î² _x0002_ 1, determine the required
 value of IREF and the relative sizes of QREF
 and Q1.
 434 Chapter 9 Cascode Stages and Current Mirrors
 I REF
 I 1
 VCC
 Circuit
 = 2.5 V
 QREF Q1
 Figure 9.77
 9.61. In the circuit of Fig. 9.78, Q2 operates as
 an emitter follower. Design the circuit for
 a power budget of 3 mW and an output
 impedance of 50 _x0003_. Assume VA = âˆž and
 Î² _x0002_ 1.
 I REF
 VCC = 2.5 V
 QREF Q1
 Q
 Vout
 Vin 2
 Figure 9.78
 9.62. In the circuit of Fig. 9.79, Q2 operates as a
 common-base stage. Design the circuit for
 an output impedance of 500 _x0003_, a voltage
 gain of 20, and a power budget of 3 mW.
 Assume VA = âˆž and Î² _x0002_ 1.
 Vin
 I REF
 VCC = 2.5 V
 QREF Q1
 Vb
 R
 Vout
 C
 Q 2
 Figure 9.79
 9.63. Design the circuit of Fig. 9.30 for Icopy =
 0.5 mA and an error of less than 1%
 with respect to the nominal value. Explain
 the trade-off between accuracy and power
 dissipation in this circuit. Assume VCC =
 2.5 V.
 9.64. Design the circuit of Fig. 9.34 such that the
 bias current of Q2 is 1 mA and the error in
 IC1 with respect to its nominal value is less
 than 10%. Is the solution unique?
 9.65. Figure 9.80 shows an arrangement where
 M1 and M2 serve as current sources for cir_x0002_cuits 1 and 2. Design the circuit for a power
 budget of 3 mW.
 I
 V
 REF
 DD
 M REF M 1
 0.5 mA
 Circuit 1
 M
 1 mA
 2
 Circuit 2
 = 1.8 V
 Figure 9.80
 9.66. The common-source stage depicted in Fig.
 9.81 must be designed for a voltage gain of
 20 and a power budget of 2 mW. Assum_x0002_ing (W/L)1 = 20/0.18, Î»n = 0.1 Vâˆ’1
 , and
 Î»p = 0.2 Vâˆ’1
 , design the circuit.
 I REF
 VDD = 1.8 V
 M REF M 2
 Vin M 1
 Figure 9.81
 9.67. The source follower of Fig. 9.82 must
 achieve a voltage gain of 0.85 and an
 output impedance of 100 _x0003_. Assum_x0002_ing (W/L)2 = 10/0.18, Î»n = 0.1 Vâˆ’1
 , and
 Î»p = 0.2 Vâˆ’1
 , design the circuit.
 I REF
 M REF M
 M 1
 2
 VDD = 1.8 V
 Vout
 Vin
 Figure 9.82
 SPICE Problems 435
 9.68. The common-gate stage of Fig. 9.83 em_x0002_ploys the current source M3 as the load to
 achieve a high voltage gain. For simplicity,
 neglect channel-length modulation in M1.
 Assuming (W/L)3 = 40/0.18, Î»n = 0.1 Vâˆ’1
 ,
 and Î»p = 0.2 Vâˆ’1
 , design the circuit for a
 voltage gain of 20, an input impedance of
 50 _x0003_, and a power budget of 13 mW. (You
 may not need all of the power budget.)
 I REF
 M REF M
 M 4 M
 M
 VDD = 1.8 V
 Vout
 Vb
 M 2
 Vin
 5
 3
 1
 Figure 9.83
 SPICE PROBLEMS
 In the following problems, use the MOS device
 models given in Appendix A. For bipolar tran_x0002_sistors, assume IS,npn = 5 Ã— 10âˆ’16 A, Î²npn = 100,
 VA,npn = 5 V, IS,pnp = 8 Ã— 10âˆ’16 A, Î²pnp = 50,
 VA,pnp = 3.5 V.
 9.69. In the circuit of Fig. 9.84, we wish to sup_x0002_press the error due to the base currents by
 means of resistor RP.
 (a) Tying the collector of Q2 to VCC, select
 the value of RP so as to minimize the
 error between I1 and IREF.
 (b) What is the change in the error if the Î²
 of both transistors varies by Â±3%?
 (c) What is the change in the</t>
  </si>
  <si>
    <t>b'\xc1p\xb1~%}\xe73]\xcf\xd0\x8b\xd4\x94?\xbc'</t>
  </si>
  <si>
    <t>c170b17e257de7335dcfd08bd4943fbc</t>
  </si>
  <si>
    <t>covered with a waxy thick layer called the cuticle which
prevents the loss of water. Cuticle is absent in roots. Stomata are structures
present in the epidermis of leaves. Stomata regulate the process of
transpiration and gaseous exchange. Each stoma is composed of two beanshaped cells known as guard cells which enclose stomatal pore. In
grasses, the guard cells are dumb-bell shaped. The outer walls of guard
cells (away from the stomatal pore) are thin and the inner walls (towards
the stomatal pore) are highly thickened. The guard cells possess chloroplasts
and regulate the opening and closing of stomata. Sometimes, a few epidermal
cells, in the vicinity of the guard cells become specialised in their shape and
size and are known as subsidiary cells. The stomatal aperture, guard
cells and the surrounding subsidiary cells are together called stomatal
apparatus (Figure 6.1).
Figure 6.1 Diagrammatic representation: (a) stomata with bean-shaped guard cells
(b) stomata with dumb-bell shaped guard cell
Epidermal cells
Subsidiary cells
Guard cells
Stomatal
pore
Chloroplast
2024-25
ANATOMY OF FLOWERING PLANTS 73
6.1.3 The Vascular Tissue System
The vascular system consists of complex tissues,
the phloem and the xylem.The xylem and
phloem together constitute vascular bundles
(Figure 6.2). In dicotyledonous stems,
cambium is present between phloem and
xylem. Such vascular bundles because of the
presence of cambium possess the ability to form
secondary xylem and phloem tissues, and hence
are called open vascular bundles. In the
monocotyledons, the vascular bundles have no
cambium present in them. Hence, since they do
not form secondary tissues they are referred to
as closed. W</t>
  </si>
  <si>
    <t>b'\x8c\xdd\x95](\xec\xfa\x8bK\x81{\r]\x00&amp;=\xaacn\xee\xd5m\xea3\xb7k\xec\xdf\x9f\x1e\xe67%w!\xda\xbc\x07\xa8\xf7\xde\xe7`\xac\xd9G\xb4\xc9\xdb\xb9V\xf2\x87x\x8c\x1b1)\xaf\xe6\xdfX\xfb\xfd)4\x03P\xd7\xf5r\xa3\x85.\x8c@\xa5[\x0cuG(S\x12\xddP\xc3;\xb7\x1e\x13=\x8d\x98\xad\xb1\'\x91(P\xde\x11\xad\xce6\x1b\x84\xba\xd9\x1a\x82\x81\x9f\r\x16V\x97L\xa8\x96\x98\xfc\x1e.\xe8\tN\xf1U\xc8\xf0/\x80&gt;PoM+X$;\xb1\x0c\xf4\xad\x8c\x13\xc8isH\xb0\x932y[\x0b\x13v\xaa\x0b&amp;\xf463\x10uLA/V\xcbh{\xfc\x91o\xca\xb4\xf6\xd1\x14\xefH"\x18\xf2\xc1I\x85\xd5\x18&lt;\xe6bm\x98|\x04\xa6~\x8d\xa8l\xe7\xd8\xce&gt;\xd8\x001&amp;\xae\x94\xec\xa1\xfa\xe2J*\x81\x83\x8d\xb1Y\x96:\x93\x90\xc6a\xe3\xedd\xa2\x1c\x8f\xf0r3\x93\x12\x94s#\x01s\xaa\xf0\xc3\xf8\x10\xaa\x1c&lt;\xdcbc3\xdc\x96&gt;\x89\x10\x93c8\x0f\x04\x97\x14R\x0e\x18\x80\xec)\xe9&gt;\xeb\x87A\x99L\x1a9\x7f\xf0q\x06e\xab\xbf\xae,\xc84\xf5\xd0\xdb8\xbc3I1\xb4l\x94\x80\xdal\xf6+\xbbK\x9d;\x9f0f\x13H\x98\xe6\xe0\xe3G\xf2\xe2\xee%\x98\x1b\x80\x84\xbf\x05\xf4D \xe55\xb9^\xb6w\xcf\xd5\x92\xee\xb5\'\x81g\x87\x19\xcf\x00K\xe5\x1e\xe6\xe3\x95\xdfV!A\xd4\x85\x84i\xb4\xc5\x0f\xa0\xf5s\xfaa\x95\x80\xba&lt;\xdaK\xf6:SCK\x9b&lt;!\xea\xf0\x8b\x9c\x8au\xb01\x92sN\x01\xdb\xbc\x93\xab~R\xa8l&amp;\x0bT\x83\x86\x17Hm\xaa[3\xdf#\x05\xcb\xdc\xd6j\xb0\xf7\xa3J\xcawp=\x98\x1b\x18\x9aT\x90\xfe[Y\xdf\xa1c\xed\x99\x0b?\x1e\x12\xad\xea2\xa1\x97\xcb\xeb\x19\xea\r\x08_\xaed\x06\xd9\xb8\xc3sL\x1a\x92\xb7\xe35\xa4\x8b\x81\x8bC\xae\x07\xf9\xacd\x10\x91j\xe0\xd32M\x01~N\xff^+\xb6\xe0&amp;\x00E\xf6\x90\xd5\xa9\xf6qP\x94\xaa\xafj\xe3\x1b\xcc\x0bh\x92\xbb\x118I\x17\xb5]9\xa2\x1foQ\x8b\xfc\x03\xc14~O\x0c\xf5#\xeb~\xb4u\xb0l40\xaf\x98\x08\xdd\xc1\xbb\x15\x1dT\xe4!9\t\x91V\xc2\x14\xe4\x02!\xba\xb9\xd8\xd8\x1b\x92\x93\xff\xdb\xe9\x8dXB.\xed\xf2\x94\x0f\x1fw\x0f2\x88a\xd9J\xbahhJ\xc2\xe7\xd0\tr\xa9\xd2#/5\x87J9\xf5\xa5e,!4A\xd5a\xb6#\xc5\'|\x06\xcaM\xdb\x02z\x8e?\xae7o\xecZ\xf6\xcd\'C\xea\xfc\xecTd@HP4\xa6\x9f\xfc\x92*WE\xbf\xdf\r\x9a\xdeE\x86\xba@e\xa6\xeen\x9a\x9b\xaf\x193\xbeq\x0f=\xb3 \xe7b&lt;4\xd9\x0e\xb2R\x130\xfd\x12\xc0\xf2d\xb2\x92\xb5o\x9f\xe6o\x19z\xc8\x04z\xe9m\xce\xf8\xe1sD sX\xf0&amp;\x05;\xac\x0b\x96\xd12u\x8d\xf9\xb8_S\x00?Y\x84\xd1c\xd4\xe6{\x1b\xf2\x19\xaf\xe6k\x18\x13YY%\xfe\xe2O&gt;\xc2\x97\x90\xb4/\xc8\xcc\xf6\x9c\xe4\xac-\x8bm?\x9f\xe5\xc5;D\xfd9g%t\xee\x9c\xae\xe6\x12\x18\xa5\xe1N\x1a&lt;\xa0fif\xcfW\xee\xd0\xef\xc2\xd7\xf5\xfdO\xe4\n\xce\xe3.\x80\xd2\xff\xcdC\xa4b\xe7\xe7\x17\xc5u\xc2\x1aG\xfd\xd4p\xabD\xfb\xa4\x7f\x16=\x13\xb0\x84\xc5\x7f&gt;\xc7\x98K\x9e\x85\x9a\x8a4\xe4\xafz\xfe;%B\xf1\xd0:P\xc2}\x81\nM\xb08\xbc5\x93\xf7?G\xa9\xfd\xef\x17\xfa\x939&amp;-u\x14=AD/\xe7]u\xbb\xfd\x1erH\xd3\xb6!\xb23k\xfe\xbd\x17\xd6\xaa\xd65\xd4\xaa&amp;\xce\x91\xbb7\x01\x1d\\\xb5cjA\xee\xcb\xb2\xaa\x87\xc7\x14(\xb2\xa3\r\xb50p\xb5?M\xda9\x9c\xff}?\x84\xff\x19\xbf3z\x05\x82\xc2\xfe\x03+\xc1\x8cWr\xa7\xaa\xc6F\x831\xa3\xf8\x82\xdd\x14\xdd\xc5\xb8\xd3Vo\xe5\xa1\xe5\x9ax\x8d\x87\x9d\xd4\xd4"\xf4\xa6\xceA\xd145\x9cv2\xf9\x8fj@Pw`t-\x19:\x8f~\xb5\xdc[\r\x91o\x10:\xf6\xbc\x13m\x93\xc9Q\x890\xb8A?\xc8\x94T\xdaV\xf9\x11\x9e\xca0\xd3\x93I\x02*\xc7\x18\x02\xdc\xbcM\xaa\x85\xeb\x86\x00\x0e\xfa\xef\xe5DNH$\xe9G\x99y\xb3\xbe\x10\xc1,\xbd\x13S\xcfd\x89\xc8\xcd\xad6\x96\xa6\xf2\xc6(s\x06o\xd7\x84\x0c\x9fQ\x13\x7f+&amp;I*\xc6N\xc1\xe3 \xe3\xaa\x8fr\xf0\xd32\xab\x11\x95!H\x13D\xf7\xb8\n\\}\xc3\xefH\xdd@\xbe\xe2\x0cx\x83-Y\x93D\x9bU\x94\x8d\xad\xde\xd5\x99K,\xb8\xb2X\x7f|\x8e\x99\x9fP{\xe4\x94\xc2W\xf5j\x12\x02\xa6\xd0\x8f\xf6\xc3\xdc"E\xc9\xdb$I\x10\\\x1d9\xa6snn\xd4\x82\x92W\xdf\x8b3\x8f\x9b\x93\x8e\x80\xdf\xe4\x92Y\x8f\xf6\xe5\xfd\x87\xdc\xf9\xaf!s\x03La&amp;\xdfn\xc7jD\xd3\x9c~ry\xf3\xff=\xfc\xc3/c|\x10\x81\xfb\xef\x8e\x149\xcc\x0eZ\x8a\xb9\xcf)-\xc18\xc7\xcf \xa1\xbatO\x90\xf6\xa7\x03\xe6\x0f\xc1\xd7\xa2\x0c\x96&amp;\xc6\xfd\x1a8\xc6\xa2Kx\r0VS\x18L\x12\xa7+NG\x19\x0cY/\xf9/\xa6\x1fjz\xdd .\xed\xaf\xc8EE\x81\t|!\x16M\\\xa0i\xf7\x89\x89\x0bE\xe1\xe0\xed% \x97\x1b\x1eQ\xba\x0eu\xab\xa6{\xa1gz\xfbsuT\x88F\xf8\x9b\x8b-S\xd3\xfa\\g2\t\x17\xc8\xe6\xfeg&amp;y\xe8\xbfrR\x9b\xa7\xea\x04\x98\xb8&gt;TO\x1fs\x88k\xb2\xc2\xb0re\xac\x12\xd0\xb29\np\xbb\xfdZ\xcb\x19\xff\xb2\x9b\xfc\xe98\x89\xe8.\x81\xa8\xd1Y\xae\x81^\x8b\xedg1\xd0\xc7Z\x9b\xae\x16x\x82\xbc\x1f^\x11\x89b;\x1ek:\t\'J\xcf"~\xf6\xab\xf9$\xed[\x89\xff\x05\x1c\x19V\x0f\x9c\xbc\x846\xa7&amp;l\x8b\x00\xc5\xbat37\x07xU\x12L\xc7\xab\xbf\xf1\xd1\xe70\xcd\x9d\xdc\x1e\x82\xd8\xc6\x9eD\xd4\x80\x05(RVQ1 d\xc0\\\xefrex\x93\x7fb\xf25\xcb\x19\xbe\xe1\xf7R"\x8ch}g\x88\xe1\x7f&gt;\x1e#2X\x0ez\x18\xf1"\xe7\xe4s(\xf8\xc6p\xe9\xc5\x1f\x83\xda\x17\x1a\xf4\xb4_\x0b\xb1&amp;j\xf3O\xbb1\xcfmCN\xfb:\x04\x16\x06\xdd\r(]\x1d\x94\x92w\xb2\x08\xf7=\x81\x95\x9b\x90Q]\xe5\xefjh\xf1\xbaq\xa5mI\xa2\x97\xe8If\xf3 \xea\xa2\x17\x06\xae\xcb\xc1\x8a\xdbDz\xd8\x8e\\\x86\x9f&gt;\x9f\xe9o\xcd\xd0\x0c&amp;a\xe8\x99/T\x1ev\xb7\xba%Z&lt;\x81\xc9gM\xec\xc1\xe6}\xd6M\xd3\xca\xb1\x9aA!#c\xa8V\xde]\xdc@\xbb\x03\xcb\x81\xb8\xf6\x80\xb9Q\xbd\x1f\xed'</t>
  </si>
  <si>
    <t>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</t>
  </si>
  <si>
    <t>b'\x8c\xdd\x95](\xec\xfa\x8bK\x81{\r]\x00&amp;='</t>
  </si>
  <si>
    <t>not much ever changed.
2 Sources
What do we have? Most of what we have is textual and comes from elite males, a
problem familiar from all areas of ancient history but especially serious for sexuality.
Luckily we have some collections of published letters, but we have no diaries and
none of the personal letters now available in archives for later periods of history. The
letters of ordinary people that we do have on papyrus from Greco-Roman Egypt
rarely discuss anything sexual at all (Montserrat 1996: 5â€“15). We are forced to fall
back upon art (Clarke 1998; Elsner 1996; Fredrick 1995; Johns 1982; articles by
Bergmann, Dâ€™Ambra, Elsner, Kampen, and Kellum in Kampen 1996; Montserrat
1996; Satlow 1997).
Since sex, then as now, was considered a low subject, as a general rule, the lower the
art form the more it has to say about sex: comedy, joke books, satire, invective, erotic
poetry, graffiti, magic spells and curses, inscriptions, tchotchkes and amulets, interior
decoration. But rhetoric, history, and life writing all have a sex department, as do the
technical writers (on agriculture, architecture, astrology, geography, interpretation of
dreams, medicine, natural science, physiognomy). Most of all, moral philosophy and
religion express strong opinions on sexuality, and laws lay down the law.
All of these cultural forms are enforcers of behavior: a joke tells people how to
behave as much as a law. And these forms often conflict, even within a single culture
of the Roman Empire, even before 200 CE. What happens to a Roman man who has
sex with another manâ€™s wife? Depends who you ask (Richlin 1981a): a criminal
prosecution (Augustus), exile and a fine (Paulus the jurist), flogging, castration,
330 Amy Richlin
rape, or death (Horace, Valerius Maximus), he gets his ears and nose cut off, or has to
fellate the husband (Martial), a dead fish up the anus (Juvenal), anal rape (Apuleius),
not much (gossip from all periods). A fortiori, although the cultures that lived side by
side in the Roman Empire had a lot in common, by no means were their sexual mores
identical; sometimes they express their amazement at each other, and quite often they
define the otherness of others by attributing to them amazing sexual practices (the
National Geographic approach; see Evans 1999: 61; Satlow 1995: 67â€“8). Thus Philo
says the Persians, Greeks, and Egyptians commit incest (Spec. Leg. 3.13, 15, 23); the
geographer Mela describes communal marriage and ritual prostitution amongst African tribes (1.45, 46); the natural historian Pliny describes tattooing and naked display
amongst the barbarians (Plin. Nat. 22.2); the historian Ammianus Marcellinus explains that the Persians are oversexed but do not practice pederasty (Amm. Marc.
23.6.76).
It is</t>
  </si>
  <si>
    <t>b'\x9a\x91\x1dLA\x15\xa5\xc8\x8b\xbb\xff3\xe3\xc8\xcd\xea\\\xab\x88\xa3\xa1XJ\xa8\xaa\xcc\xa1 \x9e\xd9\x04\x16T\x9d\xce&lt;\x12\x89&amp;\xfe7$\x9f\xea\xcdo\xd7\xd3\xe3\xf2\xd8p\x05\xbc\xe7\xd2[n\xc0\xb6\xa3\xfc\xe1\xd9\x82X\x85\xe0\x8b\xc5q\xd4\xbc[\x88\x19\x98\xf68!e\xbc9\x0e)l\xadTk\x0b(i\xfbC\xe97\x17\x7f\xa1\xe2\xceY\x08\xe4n\x15\xab$;C{uV}\x0f/\xfe\xf8,d\xfe\x9c\xed\xf8M\xe6M\x854\xaenH|\x19\'\xe7a\xa6\x97$\xcas\x86\xae\x13\x9c\x15\x81\xd8\xe2\x00\xc0\x18q\xd4ELXW\xaa\x80\xaa0\x16\xbdzn:Q\x9b\x1e\x1e\xfa\xe3\xba\xc7}8\xb5,\xa4m@]d\xc99Q\xebO\x1ew\x82Q{\xfc\xf4\x8d\'G\xd7\xb9\xae\x81]\xec*}~\xfe&lt;\xcf\x8eR\xd6Jq\x90;=\xfcst\x80B\x97\xe0p\x87\xec\xb6&lt;\t\xf9\xab\xd3z\xa9\xff\xc3\x90\xe0\xd3\xe5\xdb\xff\xd2\x18\xc9\x8d[y\x11\xa5\xce\x17\xc3\x14V\\\xbe\x1dx%5\xc6\xac-\x99g\xb8Sz\xc7\x02I\x8fR\xae\xd7?\x08a\x1b;\xc2\x06\xeb\xf6\xe2\xb90\xa3p\xed\x13u\x04%\x12q\xad\xe7\xdc\xe4\x1bQ\x9b=I\x8d\xbf*\xdc\r\xc8\xf5\x8e\xfd\xf2\xc1\xbb!\x0e}Bn\x1bmb`\xda\x12h\x12\xe4\x88/|9;\xf0p\x07\xefS0r\xf3"\xbbW.\xc4\xa9\xb8.\xd9{\xcdZ:\xee\x9eQ\x0c\xcf\x9f\xf3\\\x0b\xee\n\xa9\xc9#\xf5\x90\x88\x1b\xc5\xd1\x04@}\xfc\x92*\xd9\xb6\xbe\x1eX\xebSv\xa19\xee\r\x97\xdf/\x06|\xef\xc2\xe5|A\x19k\xadh\xec[,\xb1\xe6\x9d\xe7\xdcR\xe2\xa3U\xa6\x0c\xd6\xb2=&amp;i\xb2A\x8d\xf9&amp;\x97\x8d\x8d?\xbc\xc7\xce}\x884\xd4\xe9\xefZ\xbf\xf4~?\xc7\xe0\x8a%\x9d3\xf5\x17\xa9I*]\xda\x98Q\xc1\xbc\xe1H\x8d\xb8`\x1d\xe5\x88\xaa+\xe0Dz\xa5\xab\xf2"\xcaS@\x81Bx\xf8\x8d6\xfcE\xfe\xaa;\xb2[.\xb87k\x03j3\xdc\xbbx`~\xb9I\x17,\xf4r\x9d\xb4&amp;}\xfb:\x81\xd4a}\xcf\xda\xcf\x17 \x88\x88\x95\xfdR\x1f\xf7r\x0c\xa1\xa3e\xb3Eb\xd8SP\x89F\xa3\n_3\xb2u\xa4@N\x85\x92\xc06\xef\xaf\xf9\x10\x05\xc2\x95\x86 \xc2\xe9\x04\x05%\xe6\x14Ow\xd1v\x131\x8f\xdf/\xe2%b\xeb\x18\xb0\xf8\x94\xd9\xaax/\x0c\xafd\'l]\xf3\x8f\xb8\xe6\x9aY\xf9/E\xfbv)\x8c*\x9cx\xb9\xcaP\x83{\xc1\xf2\x9d\xe54P\x18\x10\xfc\x82\xe7E\xc0a\x1an\xcb\xac\xf2\x10v\x1b\x0b\xa2H\xb2\xbf\\\x81\xf7\x8d\xc4\xd1\x8btI\xaefEU\x0cJ,*\xc0\x8e\xf1Z\xdei\x01 2\x02\x90\xbe\xe55\x80o\xd7\xfaJ\xca\xc0\xfd\xa1\xa1;x\xe8/\xbe\x08\xf0\xbb\x9f^7`\xbak\xfd\xa4U\xbc\xc9TG@\xe6\x8b\x92\tD\x82\x02\xa8+(\xf8\xf2\x0e\x88\xb9\xe2g0\x04\xe1\xe6\x95~\xaa\xeb)\xa1f]\xa1\x82\x9f\xb6\xa9\r\x05!\x9buv\xc9SK\xdc\xf3\xb5\xac1(/\x97\xd6\xccF\x03\xad\x9f\x9bw\xfc\\\xdb9\xaf9\xb4~\xe2\xc9\xf0\xd1:\x0c\xcb\x01\xae\xcd\xbb"\xf9\'\xf5\x18J\x1a4_s\x1ce\xc1Y\xdbh\x170\x90\x92\x0eW\xc3\x03\xe2g^O\xe2\xbbJ\xb2\xad\xed`,\xe2\xef\x9fK\xd4\xc6\xc3\x19,\xe0\xc1\x02\x04\xb7\x8a\xea\x9b\x97\x86\x8b\xfd\xbdKAb\xa4\xdex\xf6\xedE\xde\xfb\xaa\x80\xae\xf2\x900\xcc2\xdeXuCl\xfdY{\xc6k\xd83\xa0\x01\x9fl\x92\xc0\xb1\xb5\xd7\x08#(:w\'(\xe9\x8a\xa9\x01d.{\xff\xf2\xde\x02+\xd0|\xaf\x96jlJ\xf0T\xf8^\xc72\x89&gt;i)\xfb\xcc\xa4\x87\xa9\xfcrSI\xf4o\x0e\x9bjS\xbf\x88\xa9\x9a\x01n\x84o\xa6a\xbaCb\xb3l\\z$ \x02\x08~/\xfa4\x8b\xf2\x89\xcf\x17O\xe9\x9f\x95\t\xda#!\xb2O\x95Y\xae\xdc\x07,b{\xee\tO6\xbf \n64\xc7z\x1b\r/\xa6D\xc2Z\x04\xb2\xfdC\x00\xbf\x9f\x17\x92\xe0\xaaa\x1fk\xb5:\xf2\xf7\xe7X\x0c3=\x8b\x95\xe1\xdb\x13\xd8j\xbc\xa4n\xff.u\x04\x17H\xb0\x13\'\xe7|\xd7\xba\xd7\xd0\x81\x18\x07\x13I\xa3O\xc0\xfe\xce\xf3\x9b\x98m\xc1\xea*\xeb\x9c\xf8I\xe5\rt\x0cNf?=\x92\x83-\xb8;zMm\xfc\xef\x97\xf0\xaf9\x96V,\xf3Uu\xf1\xfb"/\x7f\x87\xbdJ^\xcb7\xe7\xb6\x92G8S\x9d\xee\x7f\xe1\x12\xb2\x13t7\x86\xe1\x14i\xb4\xa5=,\x81\x9c\x9b\x16#\xe7\x90\x0f\xb6\x9fbV\xb6\xd9\x9c\x01\xaa\x16G.\x10\x12\x86|\xdb\\&gt;VK~@\x0c"\x08_\xcf\xb3\xf6Y.\xd3\x05S[\x01O\x0c\xdd\x07\xaf\xcf%\xb8T\xab\x19\xc9vO\x9cBv\xca\xdf\xc8\x84\x00\xa02\xe2\xc3{\xb5\xe5y\x88r\x86\xa4\xdf\xcc`]zy3\x9ck\xe2\x1c\x97-\x8c\x8c~U#Y\xbc~\xa4s\x9eY\xc1zeK\x9e\x18\x90\xf0\xf7Hn\xe2_p\xdf8k\xe6y\xb6\x13\xdf\x97\xf0\x1a\xb8$\xd6\\\x9e\xaf\xb7\xe8u\xbempA\xab\xbeb`@\xad\xeb[\x12\xa2c\xb04\xf6W\x8d\xb8\xe2\xfb\x16L\x7f\x1c6\x1f\xd3\x94P(b\x0f\xd3\xe7\x840\x14\x92E\xabJ\xfa\xe5]_y\r)\xc8\xc5\x89\xf1\x90\x14\x1c6\xa3P\xc2\xaf\xd1v\x0c\xf0\xb5`\xc2,\x87\n,\xde4\x86&gt;#~\xc1\x1cR\xd1\n\xa1\x99HJ\xf5^\x8e\xcf&gt;\'\xe2\x00-\xc5\x15\x96\x88\xd3\xa5\x99\xca\x0b_V\xb9\x94\x0czk\xcd\xd9\x19\xf4\x05\x01\x94\xf9\xf3\xc5\xa8\x95J\xfb\xed\x18\x94l~HA)\xcc\xa6m)\xfd\rc\x19f\xd71\x8dY\x02\x8dk#\x10\r\xb2\xb92\xa1\x8e3q\x01\x90r@\x91\xe2\xa9\x03%\xf7\xd5\xb9Q\xf1\x1b\xd5dup+O\x823\xc33_Ma\x8c\xa7\xe7\x8b\xb8\xa2\xa1\xf2\xa3\xf5\xd5\xf9\x91\xc2\xf3t\xabb4(c\xd1\x8b\x8eE\xa9\xb0\xc9\xaf\x99g\xb0\x0e\xe5m\x1d\x81\xc0\x1d\xffEm\x1c]\xa9I\xcc\xf2j\xa5\x83\xd3\x05\xa6\x12[\x08nVsO4\x91"I\xf7^|\x91\x87,\xfd\x11\xff6\xf7-f6f\xb7\xd0\xdb\xde\xeb\xcf\xd5^\xcdC\xf4\xa91\x89\xbe\xf3=\xbc\xcc\x0e#\xbaD\xca\x98\x05\xb7K\xf8\xbc\x9e\x1c\xc1\xcb$\x89\xdc\xe5\xb3J#\x02%\xeb\x95\x06\xbc\xecVT#\x9c\x8b,\xd6\x99Z \xb9\x96\t\xd8\x8cC\'6\xb9o\xe0\xde6\xdazM\xa1_d\x8c\\\x83\xc3cG#a\x1b\x84\x1f\x1a\x89\x1fNf\x04$\xb7\xb6\xfc\x82O\xb5i\xe5^\x89\xb1\xbd\xe5`\x90\xfdzt\xe4\xfb\xcf\x9a!S\x9a\xde\xda[{\x14\x93lO\x89E\x12\xd7n\xfd~\xef\xd51r\xddpv\xb70\x1e\x03\xd4\x08=\xa2\xfa\xc2\xae\xbaY\x86~]z\xe7\xf2\xea\xbd\xcb\xc4+\xb0\x81\xe8\x06L#\xce\xa8\xe4\x8a\xb5=\xcb\xae;5y\x00,\x02.a\xb1\x88N^,^\xad\x9a\xa9L\xda\x92\x1a\xf5\xc7\x06_0\xeb*Mt\xf9\xfe\xa8o\x9b\xd5\x87#mO\xd2\xa4\xbd\x91\xbbLaa\xb0\x04\xd0\x1f\x17W\xd1\xf2\xfb1\xf5\xec\x9d\x1d\xbe\x07\xa7S:\xea\x12\xc3rX\xe9\x83\x9f\xd8\x1c\x91\x16\xceA\xa5\xed\xb5\xb8R\x92\xfca\x893c\r~\xd1\x80\xf6\x12\x06|O\xd1\xb5\xe39\x18\x95\xd1\x99br-\x03\x8d\xb0W\xab\xbaR\x8d\xcb\x97L[w\'\x04\xd7a\xb7g\xa5&gt;\x8e\xf8\x90\tU\r\xd4\x9a\x10`\x82{&gt;\x01e\x1b\xf1\xc4\xf7\x05\xbb\x94\x86\xa9,\xfe\x8c\xdb\x166i\xd8\xcbNB4\x8dng\xe5\xcb\xa4d\x82\x9e\xd0X\x9d^\xdc\x8e\xe0\x13Dv7\x03\x03ji\xec\xb2;\x1e\xe2^^|\x809Z\xdfX\x8e\x0c\x83R&amp;z\x1b_\xe2\xfd\xc4\xcf`\xc0\xcd\x8bL\xad&gt;\x17\xaa\xe3\xaf\xc5\xdd\xd4I\xca\x10\xafy\x1a\xe7\x07\xdc\xecA\x9f\xaf\x8e\xd0\x1f\xea,\xba\xeb\xc9&lt;+.\x1e\xe3\x17\xb1\xae\x02RQ\xc6\xdb`\xe2\xbc\xae\xb5\xb44\x17?\\0d\x1f\xa5\xc2\x93\x05\xe0\xec\x98X\xec\x18N;\xd7\xe1\x04\xff\x8eR7a\x82\xe5\x05\xd6\x05|_@\xd1\xd2X[\x8b\xfct\xf8\x92\xa4!\x80\xd7\xf4\xe6\xbb\xaf\xb9\x93\xb4\xf4\xed\xfaa\xdc\x84\x84\xa5\xcc\xd7N\xc5q\xa6^\xd9~H\xf3\xb5Kb\xc6\xcb\x15\xe4\x89m5\x99\xc7\x95uD8\x1d\xe0pU\xba)\xf0\xf6\xff\xd0S\xfa4\xd0\x8d\x89\xba\x93\xbe\xf0\x914W\x1e\x04\x9eKR\t\xcb\xb9\xc5\xdb!m\x8d\x14\xffRJ\x0e\xb0\x15\xda\xc1\x03~\x1d\x00"\xc3\xed-\xe6\x16\x00\xb2z\xa6\xd33\xca$]\x85\x18\x84\x8a5\xde\x1c\x90\x19\x9a\x92(\xacj\x1aI\xa9\x8bh\xa9\xab\xa9\x1f\xcb\xf1#\x81\xf0\x90\x19#M\x95\xe4\xc2\xcc4\xf1b\x88\xe9s\xc1\xf0\xeb\x94=\x13\xab\x06&gt;\x19r\x18n&lt;H\x03\xdd{\xa8\xe9\xadd\xe5=\xddZ\x83\x9f+\xb70V\xd2yy\x07\x94\xc9\xfd\x80\x82\xc7\x9am\x07h\x1a\xa56`On\xd5\xd2\xe28\xb6\x02\xfd\x86*\xc7\x80\xce*Ot4\xff\xee\xc8\x0e\xd5\x0bq\x19\x10\xe7\x13[\xd0/\xe7aa\xe8\xcf\x92\xe1hr$\x1b!\xa04\xb4X\x11\x89~\xd9\xd9\x15\x0e\xde\xa4\xfaT\x16^Lc\xe8\x84\xb9107\xa9\xc6\x91\xbb\xfb\xfd\xe6\r\xb2\xa7\xf5\x96\r\xbf[\x01\xb8/\xfbQ\x9c\xa2\xbd\xab}%\xfc\xd7\xc8gnNk\x17\xb6\xf9]\xb1\xf4\xec\xfb\xaa\x00O*\xe2I\xe9\xe3\x80\xa4&lt;\xd6Wo\xe3:iV@?\x97\x0e\x9dhy\xa1\xc4\xe7\x82\xc7DV\x83*\x0c,\xef\xe1\xba\xdc\xae\xf1R\xc0\x0f\'\x84\xf0\x08\xc8\xbb\xf5,\xc8\x86\xb2\xe9W\xe5)\xebu\x1d\xed\xb7\xc1\x81\x8c\x1d\x15\xb9\xff\xcdKVx\xd6\xa0\xa1\x17\x0b\xbe\x86@\xa66\xa0R\xd5C\xbc\xf0\xd6x\xb5\xaf\xa2mTth4\x17\xb7\xba\xd2\xd2\x15\xcdlf{\xb7\xd5V?\x1ey\x17\x87"\xbfoI\xcd\xa6d\x8a\x83&lt;5lXN\xae\x9e\xd7S\x15n\x86\xb6\xeb\xcd&gt;\xdd\xa9\x97\xfb|\xf7\xe1o\x99\x0f\xb3\'\x81\xee\x88E^\xa6\x9d\x18\xf2r/\x85R\xbc_D#c~\xbe\xbc\x04\xca,\xe6\xe6_\xa3\xd6\xb1zC\xdcz\xa3\xbd\x08i/\x05\xefQx\xbf\xd3\xc7\xd9\xa2\x10X\xf8\x14\xf7\x1f\x9d.P%\xd1\x9a\xb0\x85\xf8\xc7?\xc4@\x8dH\x00\x8c\xfa\xee\xa9(yb\xb6\xf9:K,\x07\xbc\xd2$\xcd\xf9.+\xcbe#\xa6{-z?\x95\x95\xec\xabf\xc6\xd5\xfcx\x85\xd6\xda~\x0ez9B\xc3!\x9f\xf9\x15\xef\x9e\xf4\xbb*\xa8V\xdc\xb1,V\x88vN\x16iuZ\xc6\xadV\xf8\x17\xf3r\xb1\x01\xcd8\xe8\x04&amp;\x0eR\xd43\x8f\xe9E\xa3\xb2\xb2\xa2\xe4g\x84\xe9\xb2\x8d\xd9\xb5\xe2\xf2%\xb2\x92(\x02\xc2\x06\xa6;\x82Y\xb3)\xbd\xf4\x19H.\xf1q\xe7\xe88\xedG2\xb9\x81\x87OO\xd6\xd2 \xa7\x1f\x82\xae\xa1\xac\x85\xaa\x95\xd7~\xf7\x08\xc7s3\xc9\xb8\x0fxt\xdaO]a\xeeJ)\x90\xbf%\x8f\x10@\x1a\x84\xaa;..`\x15e\xaf\xffS\xa9\xffza\xb5h9$'</t>
  </si>
  <si>
    <t>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</t>
  </si>
  <si>
    <t>b'\x9a\x91\x1dLA\x15\xa5\xc8\x8b\xbb\xff3\xe3\xc8\xcd\xea'</t>
  </si>
  <si>
    <t>to Denver, the
 capital of Colorado. The country round about is rich in gold and
 silver, and more than fifty thousand inhabitants are already
 settled there.
 Thirteen hundred and eighty-two miles had been passed over
 from San Francisco, in three days and three nights; four days
 and nights more would probably bring them to New York.
 Phileas Fogg was not as yet behindhand.
 During the night Camp Walbach was passed on the left; Lodge
 Pole Creek ran parallel with the road, marking the boundary
 between the territories of Wyoming and Colorado. They entered
 248
 Nebraska at eleven, passed near Sedgwick, and touched at
 Julesburg, on the southern branch of the Platte River.
 It was here that the Union Pacific Railroad was inaugurated on
 the 23rd of October, 1867, by the chief engineer, General Dodge.
 Two powerful locomotives, carrying
 nine cars of invited guests, amongst whom was Thomas C.
 Durant, vice-president of the road, stopped at this point; cheers
 were given, the Sioux and Pawnees performed an imitation
 Indian battle, fireworks were let off, and the first number of the
 Railway Pioneer was printed by a press brought on the train.
 Thus was celebrated the inauguration of this great railroad, a
 mighty instrument of progress and civilization, thrown across
 the desert, and destined to link together cities and towns which
 do not yet exist. The whistle of the locomotive, more powerful
 than Amphionâ€™s lyre, was about to bid them rise from American
 soil.
 Fort McPherson was left behind at eight in the morning, and
 three hundred and fifty-seven miles had yet to be traversed
 before reaching Omaha. The road followed the capricious
 windings of the southern branch of the Platte River, on its left
 bank. At nine the train stopped at the important town of North
 Platte, built between the two arms of the river, which rejoin each
 249
 other around it and form a single artery,â€”a large tributary
 whose waters empty into the Missouri a little above Omaha.
 The one hundred and first meridian was passed.
 Mr. Fogg and his partners had resumed their game; no oneâ€”not
 even the dummyâ€”complained of the length of th</t>
  </si>
  <si>
    <t>b'T\x7f\xde\x83\x97{)\xb1\xae\x95\xc3P\xd4\x80\x84\x14\x93\xa3(L\xf4}\xa8\xdc0\xe5\xed5)G\xa7\xdb'</t>
  </si>
  <si>
    <t>547fde83977b29b1ae95c350d480841493a3284cf47da8dc30e5ed352947a7db</t>
  </si>
  <si>
    <t>b'T\x7f\xde\x83\x97{)\xb1\xae\x95\xc3P\xd4\x80\x84\x14'</t>
  </si>
  <si>
    <t>id, still thinking it over, "perhaps
that's why I shouldn't. He's a sort of animal charmer and I am a boy animal."
Then he laughed and she laughed too; in fact it ended in their both
laughing a great deal and finding the idea of a boy animal hiding in his hole
very funny indeed.
What Mary felt afterward was that she need not fear about Dickon.
On that first morning when the sky was blue again Mary wakened very
early. The sun was pouring in slanting rays through the blinds and there was
something so joyous in the sight of it that she jumped out of bed and ran to the
window. She drew up the blinds and opened the window itself and a great waft
of fresh, scented air blew in upon her. The moor was blue and the whole world
looked as if something Magic had happened to it. There were tender little
fluting sounds here and there and everywhere, as if scores of birds were
beginning to tune up for a concert. Mary put her hand out of the window and
held it in the sun.
"It's warmâ€”warm!" she said. "It will make the green points push up and
up and up, and it will make the bulbs and roots work and struggle with all their
might under the earth."
She kneeled down and leaned out of the window as far as she could,
breathing big breaths and sniffing the air until she laughed because she
remembered what Dickon's mother had said about the end of his nose
quivering like a rabbit's. "It must be very early," she said. "The little clouds are
all pink and I've never seen the sky look like this. No one is up. I don't even
hear the stable boys."
A sudden thought made her scramble to her feet.
"I can't wait! I am going to see the garden!"
She had learned to dress herself by this time and she put on her clothes in
five minutes. She knew a small side door which she could unbolt herself and
she flew downstairs in her stocking feet and put on her shoes in the hall. She
unchained and unbolted and unlocked and when the door was open she sprang
across the step with one bound, and there she was standing on the grass, which
seemed to have turned green, and with the sun pouring down on her and warm
sweet wafts about her and the fluting and twittering and singing coming from
every bush and tree. She clasped her hands for pure joy and looked up in the
sky and it was so blue and pink and pearly and white and flooded with
springtime light that she felt as if she must flute and sing aloud herself and
knew that thrushes and robins and skylarks could not possibly help it. She ran
around the shrubs and paths towards the secret garden.
"It is all different already," she said. "The grass is greener and things are
sticking up everywhere and things are uncurling and green buds of leaves are
showing. This afternoon I am sure Dickon will come."
The long warm rain had done strange things to the herbaceous beds which
bordered the walk by the lower wall. There were things sprouting and pushing
out from the roots of clumps of plants and there were actually here and there
glimpses of royal purple and yellow unfurling among the stem</t>
  </si>
  <si>
    <t>b'=\xfa\xda-6a\xc5c\'\x02\xf6\xaf]ba%s"\xf3\xa9\xaa\xf9\x1b\xfb\x163=m\x0e\xcc\xebG\xa3i4\x88_1m\xc3N\x10\xdd&lt;\xcc\x17\x84\xc49\xb4\xa3\xe3)\xb0En\xdc\xd3\x026\xf9fS;\xe4\xd4\xef\xbca\x92\x08\x19\x98\x9c\xca\xeb\xff\xdf%H\x97=W3\xe7}.\xac\xce\xaem\x02\x00\x91(\x05\x10g\xa6k\x89\xdbj\x81#\x00\x05G\xef\xc4\x90s^\xe4\x9bz[\x1d\xd8\x9d\x06\xa1\xd9\xda/\xda[\x87\x05\\M\xa7\x87KIs\x06\xa1\xd9\xda/\xda[\x87r\x01\xe4\xe5\xc4r\x06u\x14F\x88\xb4\xb6\xd7V\x08\xf1\xc4#\xcc:D\x83A\x80@\x7f14H\x01\xa7St\xf1\x1ck\xd6&amp;\xe3\x02\xa1\x95\xe7\xd6N.\x85\xbe&gt;\x0ea\x84\xb4[\xcc\x0c\xf0S\xdd\xae\xd7^1\x93\x0e)\xb0\xec\x07B\x1d#\x8ayw\x15\x9b\x0f\xb6\xe7\x9a\x0c\xc1I\xedGG\x05\x8d\xc3\x1b;\xfb\xcdV\x139\x88\xe5\x88\xb3mH\x95\xc0{\xf9V\x12\x9fj|8q\xa7\xb6\xcdEL:\xa4\xc5\xd0$\xb6\xa9 \x83v\xf5\x8e\x11\x15\xd5\x9e\xd5\xa8\xae\t\xa6\xba$5\x8d\xbb\x13\xe1 .X\xae\xaak\xa5F\xba\xfc\x81-\x126D\xb3\xc0S\x1fB\x10\xa6\x8dE\xf6\xff\x1f\n\x8c\xb6\x86\xafME\xd4Q\x06\x00\xcfQfY\x15\x98\x95\xb5H\x08\xad\xa7\xb6k\x98\xa5g\xf7\x80,\xa2\x918t%W\x14\xce\xd3w7[@?56b\x1a\xf0\x84\x90\xc3\xb5\xc4$\x1c"k\xc7K\xd0=\xd4\xe9*\xca\x05\xad\xb8\x03K\xe74\xe9B\xf4=\x9fjw\xa7\xff\xdf\x94\x0c3d\xe7\x88\xafZ\xae\x1bm\xa3\xf7\x05\xa9;\xe5\xc8a#\x1e\xc3\x8a;\xc0p\x9cl\xa1\'),d\x05\x87i\xe8\xc4\x1d,\xba\xd1\xa8\x08\x00\x13\x9cl\x19L\xd9\x99\xd5\x97\x94v\x07\xbbw\x1b\x8c\x0b\xbf\x9f\x05^\xb8\xbeP\xcb\xd9?9\xe7\xbd0k\x1d\xc7\xa8\xb2$D\x1b\xe9\xa5\xe3U\xb6\x8ddW\xb2\t\x9em?\x8a\x06J,\x8f\'e\xe3g\xf3\xe4\xf4\xff\x19\xc5\x13\xf0\xf9\x88\xd9\xab\xbf_I\xa9+6\r\xfc\xb5\xc3\x81u5P\xfc\x18\x8da@\xd9-d|\x9cg\xe6\xac\x05\xca\xeb\x96\x8e\x7f\xb6g\xffQj\x08_cG_\xe6\xee\x91\x08\x97_o\x81N\x0c\xe6\xe2\x9fH\x9d\xaaF\x9f\xdb\n\x0e\\Y\xa1;X\x97\x0ew\x11\x02\x82\xd0a\x8b\xdbV\xfe\xd6/j\xda\x1dB\x0f\x02\xfe\x81\x03\x0ba+|\x14\x0f\xd4\xb4y\xed\x0fa\x99\x8b\x9f\x87I\xf9\x9f\xf4vqco\xd4\xabN\xea%\xff\x1fld\x88\xd6\xdf\x91\x1a\xbb\xa8{\x05L\xf1\x8b\xf6\x91\x84\xd2n\xc3\xd8\x11\xfb\x10\xfcr0\x17\x1b^S\x97\xe0f\x9f2\rL\xf5P)\xb3\x8c\x0c\xcc\x7f\xd2\x8d\xa4\xde\xd2\xea\x00\x84\x80\xb7\xe9/a\xbf\x88\xeb\xdfY\x9d\\\xe5_S\xcf\xe9\x92\x88\x9c"l\x1a\x9b6\x00\xde\x01\x8d%\xff)\xea\xf0&amp;\x00\x0e\x91&amp;\xf6\x18\xbd\x19\xc1\\\xfc\xf8f\xa9\x0bq\x05\x8dq\xf4\xc0l\x96\xe6Nfg\x9f\xba\x16dVu\xabn&amp;\xf7\x8b;\xa0\xaa\xb9\x19\'\x97Q\xbe\xd3fsr\xae\xce\x80\xc9\xf7o\xc8\x91\xf6\x16\x98\xcc\xdd4I\x1eJ\xcd`\xc1Kr\xf2m\xb2\xf4\x99\xbe\xb6\xe7P:!\xf7\xd6\x82L\xf1\\\x97\xf87|\x93=\xbdA\x18I\xc2&amp;\xe0\xc9\xdb\xb3\x9bs\x1alp7\xce?\xf1\x94\xd0\x8f\xaf\xfc\xf6\x98m\xae\xaaZ\xed\xd2\xbfKL9\xc4\xa21\xbb\x7ff\xa9&amp;\t\xe6cTE6\x16N\xff(-3&amp;\xe5,\xa3W\xa5\x8a\x0f\x90\x84Y\xb2m\xc1-\xb8\xf0\x93\xe0M\x93B\x82\x03\xd4\xb0Mh\xadT\xc4!\x7f`e\x84g~\xc2\xe7\xe4g\xe04\xde\'rM\xb7\x1c1~\xf6\xbc\xe9/+\xb7\xb7\xcb\x9b\x02\xe3&gt;\xbc\xbc\x95\xd6\xc4\x94\xde^\xf3xQ\x7f\xdb\xcd\xd9\xcfG\x01,\xef\xd6\xa3\x7f\xc2!\xc5\xaa\x1e\x186\x97L\xdf\xeb\x93\x8c\xa2\\\x05F\xd5_7\xfa)\xde_w\xe2\xeb\x8c\xb3\'\xf3\xde\xb4{p\x1c\x97\x80\xce&lt;K\x89\x83\x84A\xd6\xdd\xb8\x81liL\x8aPR\x1d\x93\xec\x90Jl\xb0\xb9\x02\xcdO\x9b\xbb\x85%\x84\xded\x0c\xb1&gt;\xa0\x0f\xc5\xbe\xec\x96l\r\x1eg\x00\xb5\x00\x95\x17\xc2t\xee\x8a\x9f/\x03\x80\xf9\x90\xee\xc4\xcc:\xd1\xcf4\xa4o64u3\xa2sSen:\x8a6R\xb0\xde\'bn\xf6\x97b\r\x85\xcc3q\x1d\xc2\xdb\xa1\xef\x95D\xb5\xe0\xcbK\xcb\xd0\xd0jx)i\xca(\xff`\xa63\xbffo\x16\xcd\xfc5\xad9\xc0\x1e\xbf:\x84\xa2;v\xc8\xbe\x1cN\xdd\xdd\xd6\x1c\x94Xc\xc8M\xc4*{\x04\xb9\x14\x82\x1e\r\x9aX:\xe7a4\xde\'rM\xb7\x1c1~\xf6\xbc\xe9/+\xb7\xb7B\xb0|\xad\x8c\x1a\xc0\x02\xdds\x9b\xf1\xaf?\x05\xa1*g.\xf8iKe+\xc5Q\xc9\xc9\x93\x16\xc6\x121\xab\xe2X\xa8\xdb\x0e3\x84\xc5S\xf0\xe0\xaap\xdcP\xe1I\xd3\xed\xd2\x03,\xb2\x07r+K\xd3\xfa\xc3\x90\tY7T\x8b\xd8\x15\xde\xa5.\x8cm\xf7\x9b\x8f\xe0\xa8\xd3\xa5P\x82\x03wZE\xf9y4\xc5\xbaA\xf0YD\x94\xed\xa4\x16\x19\x1csgezAG\x9a\x05\xbc\x08\xe3\x80\x80b*.\xbf\xdfG\xb9(\x98y\x9e\x18#\xb5\xed\x7f\xdcp\xc2\xba\xf6\x1cl\x8b\x1a+s\x96h\xa6\xbb,J\x84\xd5\x86\xcd\x9c\xf8\xd3\xb6Q\xf6`\xfa\xec\'\xf5\\p\xde}\xffU\x8aI\xec\xd0g\\\xf8u\x9d\x1b+\xcf\xf3\xe4o\xdd\x92 \x98.\xc9\xa7\xf7\x1f$g\x11\x83m\x90u@3\x90\xec-9\xdf\x1f\x0e\xd0K\xad\xa5\x13E\xb2~\xd6\xb3]z\x12\xc6\xa1p\x1c\xb8\x95R\xe0\x1aA\xf1`~\x91\xd9\xa8\xc5$}M`X\x1d\x9d\x91jj\xa1\xd3\xab\xb4\xad5\xc9j\xfd\xdf\xd7\x19$\x91\x03\xc5\x06\x03\x0c{\xdc\xcd\tY\xe9Y%\x00\x9cS\x1a\xdf7\xb6b\\\xfbtQb\x06\xb6\x85\xe6\x89b\x92\xdfI\xfa|\x1f\xb6\tH\xb7U\xa6\xeb\xdef{K1\xcd\xd9Qi=\x0b\xfa62k\x1eQi\xf5\x9c\xc1\xd6s\x03~\x80\xbd\x14\x90\tD\xe4\xf2\xe9\x8eZ\xb8rk\x19k\x07\xa1\xe0\x0b\x06[\x14\xee\n\xc0\xb5}\xe6`IL\xd4-\xd0\xe9A.FV\xa9\xb3\x9c1\xe3b:\xa0"\xb5\xe0\xd5_B\x14\xad&amp;]\xf8E\x8ap1\xd2U\x93\xda-1%if\xb69=~x^0{k;B\xb5\xcc\xf8\xbcz\xba\xb8\x88F\xb8\x1d\xdd&amp;r\xfbu\xf3\x87\x8a/k?\x19\x850\xb9|\x87\x05A(\x05\x95\x96\xf7\xffS^\xe9t\x99\xe6=\xf0\xec\xa4\n\x88\xf4\x90\xe2\xb1\xedX\xd0jS\xc8\x0e;\x01\x06\x04vw\xaa5p\x960\'\x0f\x90:\xfb&amp;\x90r\x10]/t\x1fR\x10\xac\x06y\xe2\xe7\x8a\xb5\x15\x9f\xb2!F^\xdd\x12\x04X\x10t\xc9u\xdf\xda\xd6\x8e\x10\x81\r\r\xcb\xf2\xbf_\xa7\xa4y\xab}\xa7\xa2\xb4j\x96T\\S\xcb\x8b{\x9c^F\x06\x99g\xe1\x00[\xc5\x9bs\x12\x82P\xfd\x1a\x07\xb92\xb4\x19\x9e\x00\x8e_KA\xd3\x9d(\xa8\xf8~"Dv\xe8&gt;\xda\x1b\xd5/\xf6&gt;\xf2E"\xb5\xbb\xae\x1f\xc9\x0b&gt;\xab\x89\x01%\x97\xd8\x8b\xa0\xdd\n$\x93\x8c\xdb.\'\xcc8;\x82*\x91\x88\xbc\xab\x11\'\xae\xe84\x0e\x9a\x1af\xb2i\x85\xe15\x06\x8bj\'o/\x87\x02\xee\x8a\xb3\xb0\xe9@\x01\x1e_\xd9#\xaftK\xb0\x13\xd8\xb0\x83,\x9b\xd2\x0eq\xea\xfb\xf6\xf9\x1eSD\xb1\x83\x00\x8e_KA\xd3\x9d($\x89\x18Qa_\xbf\x80\x9da\x0e\xb5Z_\'\xfd\xd6O+\x07W\x01\'[\x0b\x87vS\xd5F)\x8c\xdcQ\x8d\xe1N\xcd\xac\xd7:\x97y\xd3\x08\xb7\x0c\xe85\xe0\xbd\x10\x85\x97~\xed\xda\xc3R\x9a\x84\x05\xd2\xf6e\xc6\x8fi\xf0.f\x0c\xa9\t\x14\xe2\x8a\xa1\x7f\xe3G=\x9bT\xedl\x9cJ\xc5\xacAK\x90}/6(x\xf1U\xa5\xf9\xd7o\xb9\xf1\xed\x83\xd6\xe0x\xa1\x87\xc7uA\x0c"\xa4t\xa8\xd3\x13[|)\xa6g\xb9\x99\x06a\xce\x05\xfeE\xfd\xb5F\x1f\xb6\x86\xa0_sa\n^({\xd8\x14\x13\x08\xd1\x0cU0~\xaa*S\xc2\xdd\xe0=\xdba\x84\x05\xe7\x07\xff\xed\xf3xF\r\xc8\x98\x8dB\x0c\x8f\xbd\xeet\xc3O*\x0e\xb3\x16Aiy&gt;RE\xd4%/t\x81\xc8m\xf1\xd6\x9d\xbc\xae&gt;\xfaqI\x90\x89NlZ\x14\x14\xceUT\xb5\xb2\x85~A=k\xea\xc9U6$F\x8eh\xe4\x1dR\xd8\x8fk\xaa\x92\x94\x90\xc9 I\x8c\xb6\xdc\x7f\xc4\xcb\xeb\xe3\x16\xb2^9\x9c\xaa]y\tN9\xae\xba\xc61\xeb\x1d\xb4\r\xf405)?\xafY\xee&lt;/(\xb3\xeb\x10\x88\xb2\xc1[\xc5\x02\xad1\r\x8al\x98\xf3\x8d\x81\x82\x1d^\xb8(\xd2\xc1\x95\x82\xda\xc3\xc6\xe4\xecL\xc7d\x02@\x06\xba\xf2\xf3\xff\xce\x90^\xb4\x01\xd0\xf5Y)\xed\x7f\xa9\xf6\x94\xe7t\x07\xba\x8d\xf1\xbb\x16\x1b\'\x8a\xb7\xc4\x9e{\xfbMX\xbd\xe9~\xa7\x94\xc4Yc\xc1\xec\xa0\xa9\xa1C?\xebk/uq\xf9a\xed\x19t/\x12\xa3\x0f\x99;\x0ck\x9b\xce9C$#\x82\xc6{\xf3y\x90\xbf\x12\xda\x13\xa7v\xb1y\xe9lW\xcf\xbe\x9e\x05\xb2\x86A\xda\xd6\x99v\xfe1\xf3\x19\t\x02h\xd3\xbf\xea7mD/P\x08\x8c\xaf\xd2p\xb8\xd7\xca\xec1,|=^N\xe2\xe0\xa8\x83\xdf\x84\t\x18\x0e\xdc\xc8\x19\x14\xa5OC\x10\xcf\x01E\x87\\Gi\xe7\xc4\xea\xda\xaa\xf5\x10\xc9\xa4`w\x14\xa3\xcd\xd4\xd4\xa9\x06&amp;\xba#\x8b\x14\xf7O\x88\xa5\x80S"\x0fD\xae\xf4\xe6N\xbc\x08\xbc\x83\xbaI\xefH4\xa0J\xaeE\xbb\xff\xee\xd6\xb1D\x7f\xa02\x15\x8c\x02\xe9\x12\xd6\x1d+B\xf0\xa4\xaa\xcehZ\xcf8\xb8\xf7@\xd4\xc7\x96\xb0@\xa3!\xd9\xde\x88\x0e\xc3\xdf\xfe\xc3\x19m:\x99\xb3\x03\xac\xf4\x85\xd9\xae\xdd\xbb\xc3\x94\xf0\x8a\x98v\xadw\xd1\t\x98\xf8\x1f\xfe\xe0\xbb\xdbe\xe83y\xcd\xa0\x92\xf7i\xd4eR9\xfbU\xb7\xc8R\xcf\xf0\xf9\xe5\xc3#\x1d,\xcb\xbe\xbf\x17[,\xb2\xda\xd6+\xd2\xb6\xacb\x82e\xe0a\xd9[{\xd8\xb8y\x96\x1f7[\xd3\x16h\xbb2\xa5\xd5\x1f\x94\xdc,\xd6p\x8f\x02/&amp;\x07&amp;\xc6\xe1\xf7\x8e\x0f{V\x9a\x02-\xea\x13]j\x97ov7vT\xd9\xdd\xe1\xa6zC\x85D$8\xa7r\x1d\r\xe1#\xd7\xe3F%\xbeN\xe6\x85\xed\x08\xd7\x86t+d"[\x97\x94\xe7\x81|\x87\xcb\x7fC\x82B\xc7I\x00\x9d\xf5\xe8\x0c\xa4bW\xea\x92\xc5\x08:\x8f\x89N\x00\x01\x1b/\xe8\x82NO\x06\xa6\x1ew\xe4N\x82{"b\x18\xe8\xc2q\x16&gt;\xc8\x1f\x90\r\xad\xc3\xc4\xa7\xf2\xa0\x1bR\x07#\xde\xe4F\xf3\xce\xfc:7en\x9d7H\xac\x01\x1c\x16e\xf8\x9e00\xbe\xe7\xc3\xe8v$\xde\x19r\x96D\x12\xf4\x854E"\x90R\x18s\xc1)\xf0\xf6\x7f\xcc[\x87j\xfbk5}7\n\x03\xac\xd5b\x1d\x0c(\x94\xb2\xdd\xfb2bV\x82\xeb\xfe\x14\xe2\x83\xa6\x9bu{\xfc\xed\x1eM\xf6F\xc3\x07\x06\xf0Pr\x82\x1f)\xf2\x06\xeb\xdc\xf5\x91\xb7\xae\xdfmQ\xbc\t\xa8\x06i\x92\xd5g\x10\xb3@8\x87r\xbc\x9b\xb4}\xb4Ha\x89\xc19O\x93:4B\xbe\x96\xfd\xe0\x1fk\xc1#\xbd\xadN\x80YCf\x0f\xf2\xb2&gt;O=Pk"\x9f\x9c\x8e\x15\x84Z\xe7\x9f\x0c\x1a\xb4\x89\xf4\xed4\xf8z!\x9c\x9d\x8b\xe4\x1dR\xd8\x8fk\xaa\x92\n\xec\xcb\xfb\xf7t3\xab\xa5,?\x86G\xcc\x16\xbf\xab6\x1e\x88\x8e\x85}rkw@\x81z\xe9\xe4\xe7\x19*\x16)\x8e\xf3\xfb\xda\x08\xca\xabWZ\xa0\xe9v0c\xc4vb\x15\xb9\xed\xdb\x98\xaf\x1bM\x1f\x0b\x15\xad\xa7\xf0`$$\xb4\xdf\xfb\xae:\x151\xaf\x8c\xd9\r/=r\x8d\x05A\xa4\x1a\xf6\xaf\x16C^\xd8\xea\xac\x15\x99~\x03l\xa4\xa9\xa9\xbd\x0f\xfa\x809\xc4\x1b\xe7\xf8a,9\x8d\xbf\xd6\xbc4&lt;:\xc7\x0f\xf3\x9fKp\x14\xa0\xd2\xcf\x1bu\xc5\xc3B4\xc1\x8a2\xba\xfb\xd4\x8a\xdaG\xc4Q\xfa'</t>
  </si>
  <si>
    <t>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</t>
  </si>
  <si>
    <t>b"=\xfa\xda-6a\xc5c'\x02\xf6\xaf]ba%"</t>
  </si>
  <si>
    <t>m the cabin and the forecastle, and slipping in an instant 
 outside my barrel, I dived behind the fore-sail, made a double towards 
 the stern, and came</t>
  </si>
  <si>
    <t>b'5I\x13\x1af\t\x8e]\x19\xd36\xe5\x16\xcf\x80\x16\xd5\x90\x17\xf9{\x864\x00\xbe\xce\xcb\x83CF3\x94\xfcV\xa1P\xb7\x89\xa7\x8bWD\xedz\x97\nb?$\x03\xd4B\xe9H3D\x7f\x15\xec\xac\x92\x85\xc1\xbcj\x81\xd1J\xa8\x8f\xb1\x85G/;\x82\xc2\x9a\xb7\xdc33A\x14\x93\xb4\xb8\x9d&amp;\x07\x82&lt;\xe0\x80\x813\xf41\x99\xadz`z\xa3G\xf4\x16v\x82\x1d\x83\x8ep\xb8l,#\x875\xae\x8d\x86\x0f\x02#\x98\xae\xbc\xe1\xd6\x83\x08|\xab$H\xb0\x0e6\xae(\xaaU\x08\xae`\xd02\x03\x80Q\x1f\xf7^\xeat(0\xd1\x9a\'F\xba&lt;8\xcf\x18\x1c\xfc(\x92To\xb9\xbf\x8a sf&amp;\xaf\x19&lt;R\xdc\xda\x81T\x14\xdc\xe2\xec6\xda\x90r\x10zr\x1a\x06\xad\x9a\xde\x8eA\x8f\xf5F\xbd\xad\x0b\xe1\xadDA_\xe2"@\xb5P\x84n\xc7\x17\x035\x88\xf3\xb40\x06b\xcc\x95Mj\x0ef\xd6\xc7\x0f\xd1b^&amp;\xe0\x90)U\xd12\xdb\x86\xd2'</t>
  </si>
  <si>
    <t>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</t>
  </si>
  <si>
    <t>b'5I\x13\x1af\t\x8e]\x19\xd36\xe5\x16\xcf\x80\x16'</t>
  </si>
  <si>
    <t>of a critical input to production: This avoids (or at least
 lessens) the potential for a costly renegotiation conflict after an initial agreement has been
 reached. Such conflicts can arise regarding many specific attributes of the input that cannot
 be specified in (or enforced by) a legal contract written at the time of the initial agreement.
 This can lead to a holdup of production by either party. For example, the buying firm can
 21Companies that provide outsourced goods and services have expanded their list of clients to such an extent that
 they have now become large multinationals themselves. They specialize in providing a narrow set of services (or
 parts of the production process), but replicate this many times over for client companies across the globe.
 186 PART ONE International Trade Theory
 claim that the quality of the part is not exactly as specified and demand a lower price. The
 supplying firm can claim that some changes demanded by the buyer led to increased costs
 and demand a higher price at delivery time.
 Much progress has been made in recent research formalizing those trade-offs. This re_x0002_search explains how this important internalization choice is made, by describing when a
 firm chooses to integrate with its suppliers via vertical FDI and when it chooses an inde_x0002_pendent contractual relationship with those suppliers abroad. Developing those theories is
 beyond the scope of this textbook; ultimately, many of those theories boil down to differ_x0002_ent trade-offs between production cost savings and the fixed cost of moving parts of the
 production process abroad.
 Describing which types of firms pick one offshoring option versus the other is sensitive
 to the details of the modeling assumptions. Nonetheless, one robust prediction emerges
 from those models when one compares either offshoring option to that of no offshoring
 (not breaking up the production chain and moving parts of it abroad). Relative to no off_x0002_shoring, both vertical FDI and foreign outsourcing involve lower production costs com_x0002_bined with a higher fixed cost. As we saw, this implies a scale cutoff for a firm to choose
 either offshoring option. Thus, only the larger firms will c</t>
  </si>
  <si>
    <t>b'0E\x02!\x00\xfd\xc6CD\xaaL\xd5\xc1\x92H\xe8U$\xf1\x11\xcd+\xdaFHA7\x1e&lt;w\xeb\x0c}\xa2\xa8\xa8\xce\x02 t\xae\xd1:(\x10f&gt;\xbaI4\x17m\xcb\np\xdf\x9cO\xeb\xcc\xa6\x88L\xad\x98dON~\x9d\x85'</t>
  </si>
  <si>
    <t>3045022100fdc64344aa4cd5c19248e85524f111cd2bda464841371e3c77eb0c7da2a8a8ce022074aed13a2810663eba4934176dcb0a70df9c4febcca6884cad98644f4e7e9d85</t>
  </si>
  <si>
    <t>b'0E\x02!\x00\xfd\xc6CD\xaaL\xd5\xc1\x92H\xe8'</t>
  </si>
  <si>
    <t>us to fly.'
 John rubbed his eyes. 'Then I shall get up,' he said. Of course he was on the
 floor already. 'Hallo,' he said, 'I am up!'
 Michael was up by this time also, looking as sharp as a knife with six blades
 and a saw, but Peter suddenly signed silence. Their faces assumed the awful
 craftiness of children listening for sounds from the grown-up world. All was
 as still as salt. Then everything was right. No, stop! Everything was wrong.
 Nana, who had been barking distressfully all the evening, was quiet now. It
 was her silence they had heard.
 'Out with the light! Hide! Quick!' cried John, taking command for the only
 time throughout the whole adventure. And thus when Liza entered, holding
 Nana, the nursery seemed quite its old self, very dark; and you could have
 sworn you heard its three wicked inmates breathing angelically as they slept.
 They were really doing it artfully from behind the window curtains.
 Liza was in a bad temper, for she was mixing the Christmas puddings in the
 kitchen, and had been drawn away from them, with a raisin still on her cheek,
 by Nana's absurd suspicions. She thought the best way of getting a little quiet
 was to take Nana to the nursery for a moment, but in custody of course.
 'There, you suspicious brute,' she said, not sorry that Nana was in disgrace,
 'they are perfectly safe, aren't they? Every one of the little angels sound asleep
 in bed. List</t>
  </si>
  <si>
    <t>b'[\x8e\xbf(I\xaedT'</t>
  </si>
  <si>
    <t>5b8ebf2849ae6454</t>
  </si>
  <si>
    <t>hard to grasp the economic reasoning behind this result. Private investors become
 more vulnerable to unexpected changes in the home currencyâ€™s exchange rate as the stock
 of domestic government bonds they hold rises. Investors will be unwilling to assume the
 increased risk of holding more domestic government debt, however, unless they are com_x0002_pensated by a higher expected rate of return on domestic currency assets. An increased
 stock of domestic government debt will therefore raise the difference between the expected
 returns on domestic and foreign currency bonds. Similarly, when the central bank buys
 domestic assets, the market need no longer hold them; private vulnerability to home cur_x0002_rency exchange rate risk is thus lower, and the risk premium on home currency assets falls.
 This alternative model of foreign market equilibrium implies that the risk premium
 depends positively on the stock of domestic government debt, denoted by B, less the
 domestic assets of the central bank, denoted by A:
 (18-3)
 The risk premium on domestic bonds therefore rises when B â€“ A rises. This relation
 between the risk premium and the central bankâ€™s domestic asset holdings allows the
 bank to affect the exchange rate through sterilized foreign exchange intervention. It also
 implies that official operations in domestic and foreign assets may differ in their asset
 market impacts.12
 The Effects of Sterilized Intervention with Imperfect 
 Asset Substitutability
 Figure 18-6 modifies our earlier picture of asset market equilibrium by adding imperfect
 asset substitutability to illustrate how sterilized intervention can affect the exchange rate.
 The lower part of the figure, which shows the money market in equilibrium at point 1, does
 not change. The upper part of the figure is also much the same as before, except that the
 downward-sloping schedule now shows how the sum of the expected domestic currency
 return on foreign assets and the risk premium depend</t>
  </si>
  <si>
    <t>b'0D\x02 5\xeePMV\xb2\xb5\xc6\x83\xc2\xca\xb1\xc7^\xe8\x95\xff\xab\xaeU:N\x98W\x88\xed\xcb\xe9\xd5B&amp;\xbc\x02 Y{\xe3\x87-\x83\x0e8\xf2m=b\xfe\xe6\xe8\xa9,\x07\x08\xfa\x0e\x0f\xd0\xa0\x1bHO8N\xccT\xdc'</t>
  </si>
  <si>
    <t>3044022035ee504d56b2b5c683c2cab1c75ee895ffabae553a4e985788edcbe9d54226bc0220597be3872d830e38f26d3d62fee6e8a92c0708fa0e0fd0a01b484f384ecc54dc</t>
  </si>
  <si>
    <t>b'0D\x02 5\xeePMV\xb2\xb5\xc6\x83\xc2\xca\xb1'</t>
  </si>
  <si>
    <t>by surreptitiously sending him her own
money and jewelry while he was in exile after Caesarâ€™s defeat of Pompey at Pharsalus
in 48 BCE. She also physically defended his house in Rome from men sent by the
former owner, Milo. Through her entreaties, he was able to obtain clemency from
Caesar, only to be proscribed by the triumvirs after Caesarâ€™s death. Again, her efforts
led to a pardon from Octavian (the future Augustus), but she endured humiliation
and even physical abuse at the hands of the triumvir Lepidus when she showed him
Octavianâ€™s edict recalling her husband, â€˜â€˜prostrate on the ground at his feet, you not
only were not raised up, but you were dragged and seized like a slave, your body filled
with bruisesâ€™â€™ (Laudatio col. 2.14â€“15).
â€˜â€˜Marriages of so long a duration are rare, ended by death, not cut short by divorce:
for ours happened to endure into its forty-first year without offenseâ€™â€™ (Laudatio col.
1.27). This was indeed a long-lasting union. Although the divorce rate in Augustan
Rome was not as high as in the United States today, divorce was a fact of life for
upper-class Romans (not enough is known about the marriages of the lower classes,
but lack of economic resources may have discouraged divorce, especially by women).
314 Judith Evans Grubbs
In the early empire divorce was, like modern â€˜â€˜no faultâ€™â€™ divorce, easy and accessible
for both men and women (Treggiari 1991b). As even in the most successful marriages, the possibility of divorce arose between Turia and her husband. For the couple
had never been able to have children, and so had not fulfilled the primary purpose of
Roman marriage: the procreation of legitimate heirs. During the early years of their
marriage, the stress of the civil wars and the separation it entailed had made having
children difficult. By the time peace came, Turia was probably well into her thirties,
and her chances of conceiving greatly diminished:
Distrusting your fertility and grieving about my childlessness, afraid that by being
married to you I was giving up</t>
  </si>
  <si>
    <t>b'\xc6\x91\xd8_]\xdd\xd9P\n\x7fs.\x98\x98\xb0\x0ed\xf3\xe2\xec\xed%\x04T\x12\x95\xcaY\x92\r\t\xac\xcd\xb5\xb4\xe9\xd9M\xcf_\x9e{7\xce}\xce\xe8\xdd0A\xde\x1e\xe0I\xadx\x8cR\x94\xc2\x15\xee[\xb5\xbf\xb873\x19\x14\x98{\xacw\xb2\\\x1cmG\x81\xf0,\xcd\x84x\rn+\x82\x98C\xab\x07I\x89W&amp;\xefZ1\x11+\x90\xb68U\x10"\xbbT\xd6\r\x8e\xc5x}\xda?O_\xba\xe7\xbe\nKR\xf2J5\xf3\xb9\xdcto\xaa-\xf2\xd1\xc0\x0f\x14V\x90\x18T\xdbYC&lt;\x0c\xcb\x0ez\xa2\xfad1\x95X\x17\xachr\xcbf\xf5e{\xb6\xb6\x02\x13\xe4\xbf\x98\xd84s\xa5Y\xd3\x84\xea{\x87T\x7f\xf48\xaal8\xa3@\xfb\xcb\x06\x8d\xa8\x12Qi\xba\xde\xce\xfbj\x9d-\x08\xd9t\\\xbd)\xcf\xb3&gt;\xfd\x90\xa1\xbc\x94\xc8\xb7\xba\x8d6\xe0B\x19\xb7nL9R\x03\x87R\t=v\xa6\x0e\x1e\x17f\xe8\xf9\xe5_^\x9d\xe4\xd1M\xf4\xf1@\x12S\xe5\xa0\x08\xe6e\x9c\x99\xb0\xf7\xcc\xf3K\xd5(\x8b\xf8\xa9f\xa2\x97a\xd4j\x00\xec\x8e\xaf\x13y\xd1B\xba&gt;\xfa\xd1\xae\xd4\xc9\xf5`\x96\xed{\xdd4j\xa5%\xf3\xadQ\xa8\xe3\x8a\xaf\x00\x9dRA\xa1\x903Qn\x07\x11\xa0\x0f\xa0}\xf5\xf6U#\xf1=(\x80\xc6/\xe3\xcc\n\x83\xa2\x03\x01\xc3z\xf9|\x9b$\xc9\x9a\x8d\x19\x90\xc8\xa2\x12{\xa3\x10\x852\xbe\xb8\x00W_\xb4X\xf0\x8e\\Da+\x94\xf9x\xaf\xb2\xef(A\xb7*K\x8b6W\xbe&amp;\xa5\xa8\xf8\x10v\xda\x84\xc2l\xd3\xcfU\xc1=Ny&gt;A,\xc8c\x8b\x1a\x84\xb6\x04rO\xb3\xdc\xb6\x1b\xfa&lt;\xd7Ib3\x12\x9an`\x16\xd6=?\xdc\x1a\xb7N\x1b\xb6\x9aSF\x17\x130G\xd8\x87X\xae\x98\x0e\x8dML\x04\xe0\xf9\x00\x97\xa7\x99\nb*\xa9\xe3#\x03\xe0\xb0\x12\x13\x17H\x82a@\xce\x84g\x18\xd4\xc77o\x81/\xe4\x05\xf5\x19f\xa7\xdeU\x7f\x11\x08\x10\xce\x81y.l-aV\xf9\xa7\x92Es\xe6MX5\x94\x9d\xbf\xf9\xb6\x18AI9\xbdn\x0e\xef\x9c-\x0fv\x10H!\xe5d\xb5\xb4\xd2\x94\xfe\xd1\x1e\x9a\xc7|\x1a0\x89T,]\xaewi\xed\xb2\x98y_\x1b\xca\x1a\xd6%C\xcbc\x82k#\r\xbb&amp;\xba&lt;\xca\xb7\xc0f\xc4V\xf1\x88.\x07\xb2\xf9RE\xee\xee\xce\xd5\x7fO\x96D\x1f\xdcm\x9cpTL\xf9\x1ew\x1b\xf5\xac\xb8\xda[(\xb0\xca\xf5\xa5\xe4\x80\x12\xe3\t\xde]a\x80\xf6;/\xb6\xc66\xaeI\xeb\x93\xf5 \x98b&gt;Nm\xaa#\x90\x1d\xe9F\xf7\x94\xad A8\xb4\x12\xef\xcbg\x94\xdc\x99\x98\xd2\x7f\x9f\xbc\xc3\xd31:h\xa4Gm\xf6\xe9t\xd2U\xabvC\xa4\xe0\x88\x81\xdf\xdbTa\xea\xdc\xd0\xf0}T\xa8ST\xf4q\xc3\x1a\x1b\x06\x8b"&gt;#\x17K\xed\'\x01\x9d\\\xd6\xd7\xc1\x9b\x02\xd4\xc3"+\x19\xe3\xbac\x91\x9c&lt;\xc8\xbf\x7f}"\x92af\x0f\xbd\xc1\x19Q\xb0#\x0b\xfc\xcey\x80\xc3\xa3\xb6f\xad\x90\xb4b\\\xc0\xb0\xe87\x9bW\x8a\xa4&lt;,w\x93\xa2~\x9aW\xf0\x14\xa8Z!\x9aN\xa3\xe6\xdd\x99\xd7\x91\x97y=.\xcby\xeb\'\xbauby\x11\xe5\x87\x98\xe3\xfdo\x13\x0fb E\xd1d\xd3\xa9e\x99\xb1\xf9H\tA8\xa8\x90#\xd9\xcd\xaas\x88\xbc\xe1\xd3\x80\xd2\x1at\xa4\x9f\'L\x1c\xc8D\xcevG\xd9\x00H\xd8r\x9b\xde`#\x89b\xe5\\*6\x89\xef\xa4V:\xad\xb4g\xa3.\x96a\xfb\xc5\xce\xb0z\xb8\xd3\xdb%\xabC\x95\xf5v]]\xf0X\xca\xab\x91d\xb8.\xf0\xe3y\xe81r\xed\x8eG\x90\x96\xe0\xe2k\x89dzG\x03\xc6G(\x1e\x93b++G\x80-\x81\x1b\xc6\x90\xbb*\x7f\xa0\xa8\xba\x8cP\xdf:z\xa7\xe3T\xadtC\xd0\xbd\xf8\xeb\xc9\xb7\xbc}@gC\x13m[\xa2\xb9V\xec\xd6\xc1\xb2\xbaB\xad\x85\xa3\x9a\x8d^\x9c\x81\xf7#VH\xd0\x8a\xaf&amp; \xea\xe01D\xa3\xd7AO\x00\x8bv\xfe\xff1B\xa5o_Z\xef\xb2\x85}\xa1)\xe0\x86\xff)z\x92\x08)-/\x85\xf9\xc1OR\x12\x84\xe1\xd3\xd5\xd8c\xae\xb5\x0f\xd6bf\x813b\x81V\xb3\xbb1B\x150$\xb8\xb0\x9a\x80\xc90\x1eX\x18\tZ\x18\xf3!V\xfa\'\x98r\x1a\x9f\x90\xa1\xbb\x17]\xfc$\xda\xbc\xcf\xcfq\xef\x11\x7fQ\xd8\xe3\xb2He\xa4\xb1{eo\xbf\xfa6"\xbd;C\x88\x1d1\xbf/\xb3\x02\x06!4\xd5\x9f\xd9\xea\x867\xacR\x14N\xd8\xa9\xdc-f\x93T\xb0\xbckK7\xfa\x96\xcd\x13U\xdb\t\xc2\xc6\xc29\xa6\xed=\xa9s\xe7\xd8\x9b\x89{\xe9\xf6.\r\xc4\x0b^I\xa6\x90e\xd3\x10\xae*\xc0N\x00\xe0\x96{\xca9k\x0c\xb0\xd9\x13\xf1X\xf5Q\x1c\x14\x0f\x12\xc5\xb3&amp;M)\x04!yj\x9d\xc8f\x90\xec\x13\xcfV\xaf!\x94\xe2;\x0c\x10_\xa5K(G\x01\xed\x053\x94T_\xf0\xef\x83\xe3\x89\xf6\x1a%.\xc1q\xb0\xf0?\x83\xcf\xa6 "\xd9\xf2\x1c\xff\xa88\xc9\xa6\x18\xb4P"\x80AW\xc1w\xb5\xd77An\xc0r\\\x9c\x0e\xb6\xfc\xfa\xd6\xd4\xb2"}\xd8\xba\xfd\xc5\xc6\xc3\x83\xa2\xb2\xa6i\xe7Qq\xd6j\xc9]\xd9\x9c\xf5\x9d\x7f\x10\xfb\xf0\x83\xa6\xfd\xf8\x83\x95\xd7|\x1cH\x8bn\xef\xac}\x04v\xd8E f\x9e}Yzq\xba\x13\x98\xa9\xa8\x15\x1e\xed\x0fr\x1e\xf7\x8fD]\x16Q\x11\xd7\x8fe\x98\xcb\xadO\x9e\xa3\xd5J\xce\x19\x1ds,\x16\xc0\xbe\xac\xbc\xa5,V\x1ea\x1a~=Cl\x1dg\x02\xa0\x00\xf373U\xa3y\'\x0e\xb8\xec\x12\x8b\x82\xe5\xa29\x13\x05\xd3&lt;s\xe1\xeeQ\xf5\xf3\x94\xf8\xf5Ou\xe9\x10t\xb4\x8b\xac\xdd\xa6/Q\x8f\xba\t/\xcfH\x8a/\xc2K\xeb\xe3\xa2\xf7\xd7\xd9\xa8\xa8\x1b\x1c\x1b$\xb2;\xe5LX\xe4\x1d\xf0Q$-\xd1_\x82\xaav\xdc\xdf)\x1b\xb1\x02\xdf\xfa\xb0\xcd\xf7Z\xbd\xf1=\xc1\xf4#2\x8b\xfa\xfcp\xe2\x130\xb79E\xf5\x8fE|\x85Q\xdc\x1d\x03\xcdwe\x1e\x04.p\xd9\xdc\xd6\x10N\xd2\xe5\xa7\x1a\x0b\x81i\x86\x81%2\xdd\xf0\x18\x85\xd3\xf9Ugt:\x97\xcfTRq\x06&amp;\xcf\x89:\xc3\xeeh\xbd\n\x05\xd2S`\xca\xe3Z\xb8\x8dQ\xbe\x9c\x89\xfd\x96(\xcaRm\x1f.\x0b\x95\xce\x13`](\x8e(eC\xfb\x04\xa6X_J"z0\xd2e{\xc4\x96\x19Ss\x80\xecq\x85\xd1\xa1x\xf5t\xff\xdb\xc4\xbb\xe5E\x8765&gt;\xbe\n\x8a\xb2\xc1\xec\xceA|\x91N\xd8\xf2F\x1bN\xcb\xb9@\x91\xad(\x94Lzl\xb8\x03\x01\xa7L"\x96r\x8f\x0fG\xa7AqM\x90\xc7\x8a\xe6\xcf\x04\xf0\xe7\xceEF\x8af\xddAl\xf6\x07\xabR\xff\ta\xf4\x10t\xa1\xcc&lt;\x11\xd3s/\x1d\x9f\xfd\x931`\xb0\x0f\xd4\xd2\xc0I\xdd\x93\x03\x90\x19\x0e\xd3\xb0e\x1e)\x86\x13v\x8cv\xb3\xa7x7_\x16\xc0\x9a\xb1\xb6X@\x10\xbdE\x8c\xe4;\xa81\xbf{\xb68\x8f\xcc\x92\x95ST\xd0\xfa\x15\xbdIW\x02\xce0\xf4I\xa8\xe1\xb8\x1f\x1d\xa1\x07\x1bP\x81\xb4K\x8f\xa2\xb0 \xb6g$\x12M\xc6\xa7_\x05x\xb2\xff54\x1e4\x18\x92\xa2\xa7\x7f@F\x8e\xb4\xbc=Zt\xba\x907mx\x9eT\xf8\x16$\xba\\!\xea\xa4\x96N\xa0J\x80\xbd\x9e\x07\xae~\xc7\x82\x02\x01\xdbq\x1a\x11h*\r%\x81&lt;\xf5S\x11U\x8c\xb5\xcdEEk\x0c\xc0\x9f\xf2V\x83|\xf1\xf2u\xff\xc9\x1b\x11&gt;\xe7\xd0\xd5l=\xc3?~7\x8f\x1fn{\xb9\x9f\')\xca4\xc4\x19\xd2\xa5\x1a\x00E\xf2,\t\xca\xacvD\x89\x0b\x040h\x0b\r\x9cH\xe3"\xe3\xb0U\xdc\xb0\xd0[\xb0\r2\xaf\x9br&lt;\xccgm\x1a\x86/\x82\x10x\x8d\xd1[\x06\x1c\x1fN"\xc1\x91\xe1/\xe1_j\x83\xe5\x89\x99\x12\xb7\x89n\x14\xa3a\xc2a\xf8\xa2\x82\xb2\xbd\x04\xb5\x07:\xce\x9c\xeec\x04Ih\xec\x1b\xc5\xd4`\xc3\xc2\xbf\x8f\x88\xf4\xf8\x0b\xc1\x0f\xb7Hy\x8e\xf6\x188\xfav?\xd9v\x99\x90\x824\xc34[\x9f\xbf\xd8\xc9\xaaT\xe7\xb2\xe7+\xeeUg\xb1^r\x8f=)r?\x89\x8f&lt;\x84\x9bTdP\xa7\xa1\xbe\x92i\xb7\x00&amp;\x96\xe6\xa7\x1aqa^\xbf@\x81k\xf5\x1f\xe9\xc3y'</t>
  </si>
  <si>
    <t>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</t>
  </si>
  <si>
    <t>b'\xc6\x91\xd8_]\xdd\xd9P\n\x7fs.\x98\x98\xb0\x0e'</t>
  </si>
  <si>
    <t>the robin and the first flight of the young ones she laughed a
motherly little mellow laugh in her throat.
"I suppose learnin' 'em to fly is like learnin' children to walk, but I'm feared
I should be all in a worrit if mine had wings instead o' legs," she said.
It was because she seemed such a wonderful woman in her nice moorland
cottage way that at last she was told about the Magic.
"Do you believe in Magic?" asked Colin after he had explained about
Indian fakirs. "I do hope you do."
"That I do, lad," she answered. "I never knowed it by that name but what
does th' name matter? I warrant they call it a different name i' France an' a
different one i' Germany. Th' same thing as set th' seeds swellin' an' th' sun
shinin' made thee a well lad an' it's th' Good Thing. It isn't like us poor fools as
think it matters if us is called out of our names. Th' Big Good Thing doesn't
stop to worrit, bless thee. It goes on makin' worlds by th' millionâ€”worlds like
us. Never thee stop believin' in th' Big Good Thing an' knowin' th' world's full
of itâ€”an' call it what tha' likes. Tha' wert singin' to it when I come into th'
garden."
"I felt so joyful," said Colin, opening his beautiful strange eyes at her.
"Suddenly I felt how different I wasâ€”how strong my arms and legs were, you
knowâ€”and how I could dig and standâ€”and I jumped up and wanted to shout
out something to anything that would listen."
"Th' Magic listened when tha' sung th' Doxology. It would ha' listened to
anything tha'd sung. It was th' joy that mattered. Eh! lad, ladâ€”what's names to
th' Joy Maker," and she gave his shoulders a quick soft pat again.
She had packed a basket which held a regular feast this morning, and when
the hungry hour came and Dickon brought it out from its hiding place, she sat
down with them under their tree and watched them devour their food, laughing
and quite gloating over their appetites. She was full of fun and made them
laugh at all sorts of odd things. She told them stories in broad Yorkshire and
taught them new words. She laughed as if she could not help it when they told
her of the increasing difficulty there was in pretending that Colin was still a
fretful invalid.
"You see we can't help laughing nearly all the time when we are together,"
explained Colin. "And it doesn't sound ill at all. We try to choke it back but it
will burst out and that sounds worse than ever."
"There's one thing that comes into my mind so often," said Mary, "and I
can scarcely ever hold in when I think of it suddenly. I keep thinking suppose
Colin's face should get to look like a full moon. It isn't like one yet but he gets
a tiny bit fatter every dayâ€”and suppose some morning it should look like one
â€”what should we do!"
"Bless us all, I can see tha' has a good bit o' play actin' to do," said Susan
Sowerby. "But tha' won't have to keep it up much longer. Mester Craven'll
come home."
"Do you think he will?" asked Colin. "Why?"
Susan Sowerby chuckled softly.
"I suppose it 'ud nigh break thy heart if he found out before tha' told him in
tha' own way," she said. "Tha's laid awake nights plannin' it."
"I couldn't bear any one else to tell him," said Colin. "I think about
different ways every day, I think now I just want to run into his room." "That'd
be a fine start for him," said Susan Sowerby. "I'd like to see his face, lad. I
would that! He mun come backâ€”that he mun."
One of the things they talked of was the visit they were to make to her
cottage. They planne</t>
  </si>
  <si>
    <t>b'.h\xb7\xe82/\xca\x86\xfa\xf3\'V\x92\xfb\x83\x19\xa1X\xd9C\xa2\xafj\xd5\xab\xf6Z\x9f\xb9\x06\x9f\xe5Q\xfb\xb3\xe6\xcf\x87o\xfa\'\xb8\xd0K\xc3\x88%\xbfB\x88&lt;Ad2\x0c(\x9fL2\x93*k\xe9\xfe\x8aN\xd6\xe8i\xbb\x9bw\xdb\xb7\x7f\n|&gt;-\xde|E\x8f\xb5\xd6N\x97\xe2\x144\xa5\xdb\xbcx\x11\x0cW\xc0a\xb2\x9do\x99\x86\xc0\xaa%\xcb\x13T%\xf9$\xbf\xbd\xabx\x1d\xf4B\xe4\x16\xfaJ&amp;fCT%\xa6P\xe4\x85\xc9\\\xcb_(\xfe\x1bYQb\x0bS\xbd\xffc6]\x1b\x12\xday\xf2[\xf7\xfe*\xd2~\xe33\xf1\xa2Qu)\xed\x05\xcfE"\xf3r\xdf/\xa0M\xcd$w0\x88z0\xf8\xa40\xae7\x1f.\xb4\xc1\\a\x95G|#c8_\x1b\xe7[0\xbaz\xfb\xe0\xf3\x8e\x9dl\xc0e]\xb0]i\xd4\x1d\x8e`\x81g\x11C\x07\xe1\xd4~\xa7\xc0\xcc%\x82b\xdc\x1f9\xc9qs\xdbK\xbd\x86?%?\x84\x16\x06\xe2\x05\xec\xe0\x81\xda\xba\r{\xea\xc8\xf7E\xb3\xc0\xde`&amp;\xb8\xa7\xca\xae5\xa4\xac9)+{W\xafr\x98\xd5\x1d\xf8\xde\x92\xc3\xcb_w$\xe4\xbb_\x9a\xbf*\xac\x7f\x84\xa74\xff\xe2\xe3\x812\'6\x0b7r\xa0r\xed\xba\xb1\x91\\Xj\xc3I\xe9\x85!\xef\xd9\xdf\xe3G\x1a~\xbd\x81\xe2,\xb7\xcb\x1b%\xa94\xb9J\xe2\xaa`:cU\x92\xaf0c\xdd\x866]\xa3F\xe8\t\x12\xc4\xea\xd3-\x8c\x9a\x88\x9a\xc8L\xf5g\xe8\x03\xb3\xc8_y1\x9f s\xb6\xa5H?\xf1\xca\xb8\xec\x18\x0biC\xf7\xb8\xd3\xe2t\x853})\xa0.fe.\xc0\x01pbVh!\xfb\x12^\xbcqt\xc6s\xcf\xfb\xa834!\xbd\xe2\xdf\xa6\xb9\x0e^\x03G)\xbe\x16\xd6\x1d\x06H\xe5;\x86\xab\xa2/7\xcfU*\x92x4a\xa2\x07E0\xb6\xa1%\x97\x7f\xec\xf3^\x88Dl\xcf\x8d-0\xfe\x86P=\x1c\xae*\x1c\x8b\x9b\xf3\xebRN\xd2R\xcc\x9b\xf5{\x05%V\xa8rN\xd8\xb8:F\xba)\xd6\xef#\xbe\xe6n\xb9%dh&lt;b\x1e\x86\x8d\xba\x8anA@\xd7\x86\x86\x89i\xe2\xe6\x0f\x9c\xd0\xae#&amp;=mh\xf5\xbcX}\x8f\x1e\x84B|\xed%"\x8d&lt;!\xa2\x89\x0e2\xf9\xd6\x97\xd4\xdfu\xe9\x85\x0c\x95\x9a\x9c\x04L\x7f\x96\x18\xed}\x8d\xbf\xc2E\xdf.iM\xb6J=\x99W\xd2\x84\xd6\x83\x91n\x94\xce\xffV\rp4\x9f0+\xd1\xe9q\xcbq\xed-&lt;\xeb+\xef\x8c\x02\xb53+\xf2/ \x0c\x11\x19\xa1\xc6\x83\x10\xc7\xab,`|\xb8\\i\xe3gm\xea\xf7-\xbb\xbc\\\xf1\xe4\xa0[\\\xf0\x93\x8e\xe8\xec\xbd\xefV5\xd0\x06\xb5\xebE\x978\xc9h\xf8o{\t\x80\xfcK=z\xff`\xac\x15p\x8e\x11v\xf2\xd1\xce\x8f1\x1bck\xc4\x06\x17\x06\xbb#\xeeF\xffX\xdf\xb2\x9d\xe4\xca\xf9PY\xb0\xee4\xdf\xcb\xaf\xac\xb1\xf5\xb7\xf2^\x93\x90\xa7\xc1\xa6\x1d\x932\xfb\x02/Eq\x13r\xbe\'\xb7}\x05\x1eR\xe7\xc7\x1f\xad \xdfG\x9aa\xb3l\x91R\xb1\xc9\xfa\xae\xd4J\x7f\x0eY1*B\xd4\x80\xc9 n^\x19\x05\xa7\x94\r\x94\xaf)\xbe\xe5\xf0H\x12\xfb\xc6t\xa1f\xbe\xa3]z`\xeak\x05\xd50bY\x02\x87\x7fZ\x96\xbeW^\x05\xd9\x97s\xba\xbc\x86[~\xc6\x18\x1bN\xe9=\x04bp\\\x12i9yLq\x10#\xf5D\xe9i\x80\r[\xedwt\xd0H\xbb\x02*u~Z\xfbM\t\xf7\x9f\xf8\xec\x10\xbb\xc1\x87-\xd7B\xb1\x13\xc7M\xbb\xf7\xb2W\xb3-y4\x18\xbcD\x17\xf3@y-\xbcWp\x92\xa4\xd0bf\r\x97\x95[\x0fi\xf5\x8axx\xf9_\x89u\x05\xbd \x0f\xed\xda\x19n\x84|\xe3S\xbf/\x88\xa0\x94\xf1\xb6\xa8\n\xb1&lt;i\xc5\x9d&lt;\x969J\xc4\xbc\xbf\xbe\x16-\x1dw\x07z\x89\x8f\x8f\xcc\x123\xad\xa4\x15\xca]|\xaf\x8d\xb3\xfd\x9d\xd7\ri\xb8)F\x89\xe0_\xc2\x9e\xe5\xfa\xedp\xb5\x13\xab\x83=\x08s\xd7ke#\x89\x80\xcf\xc2gnQd\xdal\xb9\xed\xf2\xdd\xf36`\x1f\xe1\xde\xdd\xe7\x99\x97\xa2\x86\xd0\xef\x9b\xf1qT\x98\x81\xdcq\x8f\x13\xa6\'\xf7\xa0Y\xba\xc3\xff\xd1dW\xfcYV\xfa\x1e}\xbe\x83\x0b\xed\xd6/\x19\x80\xac\xfePlF\xb7?U\xca\xc1\x9dB1\x07\xd5\xcb\xa4\xf5\xc8\xa5\x93\xa0g\x07\x91)O\x97.&gt;\x0bI\xac\xb1n\x13G\xee\x9b\xae\xe6\xb5\xf9I\xb7\xe2\x023\xed.\xd3\xe8\x0c~\xd4ZumI,\xd6y\x03\x13\xd0\x818:^4i\xbf\xd1\xa3\xb7\xbe\x17I\xc0\x9e 67\xde-$\xb7\xde\xd8\xd0\xf0\xb5\xc6e\xe1\xbe\x04\xd0\xc3\x17\x105\xd1\xc6r\xa78\x96"\xdb\x15v8\x9b9/\x14\x9b7V\x8ct\xdb\xd2^\x10\x07\x05,\xffT3;\xf3b\x1f:\x19*\x0e\x8c\x03Z\x0c2\xeb\x10h\xc7\x17\xa5\xd6&lt;%0\xca\x19\x8dU\xb2\xf6\x16\xcd\x87\xb1\x02\xe0\x19\r\x0b\xf6N\x97\xfd\xd27\xed\xf2\x97\xe1f\x0fFht\x0b}\\\x00P[\x965A\x11r\xdfa\x00\xf2\xafoO\x81\xaa\xee\x8fgfKS\x89\xe8U!\xef\xecU\xbb\x02L\xd3\x93S\xde0\x9exk\x16&amp;\xd8;\xf8\xd6i\xea\xa3\x81\x94\xfd\xa3\x94\x82\xcf\x8c\xf9\xa3\x1c\x8e\xd2\x8c\xbd\xb0\x8d0]\xdc\xc0!F\xc8\xc2_\x96S\x14\x0c%\xaa\xee\xc6\xca\x04\xb3\xb4\x9f\x81@\xae}\xcd\xf4^\xf6\x98\xf9\x14\x91D=\x9d\x99\xc2\xbc\xbfDNS\xbd\x1c\x98\xbb#\xc3\x02f[\xf7\x06\x8eAW\xa3\x15$v\xf0\x13\x99b\xe0\xaaE\xe1\x8c\xc0\x93\xec\xac\xea\xbb\xfa\x00\x18\x1f\xf6%\xed\xc5\xad\x83\x83\xae\x08\x83QEt5\x12\xb5}\x05!\xa5UA_\x03;\xe2\xac\x90\xfa\x1b4k\xb0@,\x02H\x18\xfeh:za\xb2\xb1\xa4\xb9\x11\xcc\xb1\xdb\xa8\xff=M\x1c(\xbd\x0f{7\xfb\xf9\xfd\xc5\x14\xdc\x13\xa3\x80jj\x9b\xe9X\x92Z*p\xf4-\xe5\x80\x9bo\x80X\xfb\xed\xde\xf0\xa4\x83\xd4e|\xc0:\x94\x88\x1aw\x13E\x86\xb8\xaf.w\x13 ~\xbc\x82\x0cN\x95\x17s\xde\xd7\x97\xd7\x9b&gt;\x91\xdc\x1d;\xb9\x87\xed\xe3\x95\xfe\xfd\xa1\xe3`Ed\x80#\x95e_\xf4\xc6\xe2,\xfe;\x8ff=\xa5c\x0f\xbb\xb0F\x8an\x1d&gt;-F\xfa\xc4\x9a\xdaf~&lt;M\xe3\x94 9}\xe2\xd8\xe9&gt;\xe3#\xeb\x82XO&amp;\x0b\xde\xc0&lt;|\xbb^5\x98\xe2@A\x87\x0f&amp;m\x14L\xa6\xba\xb9\x08\xb8\xee\xbb,\x95\x9aPor&amp;\xafHt\xa0\x11\xb1\xfb\xaa\xd7\x10dx\xfce\xa4&amp;\xd5 \x05\xe0\x0c\x19\xf8w&lt;F\x84v\xf1\x91\xe5\xdb0N,\nj8*\xae\xd8Uy\'\xcc\x0cX\xaa\x17`$\xb1\x81\xfa\xfc\xe9\xb5\x80\xa3\xa9;\x8aq[\xc4\x9e`\x04O\xeee\xf0\xdf\xe9\xad\xcb \x972\xb3\xc1r\x9a\x92\xdc\r\xf7o\xe9\x08^\xc4\x16Z9\x0f\xb4\xe7\xf7\xb2\xf1!5\xab\x0f\\\xab5\xd2&amp;u\x96\xd3D\x1c^\xb1\xb7\xf0O*\x19\xf9U\xe1\xcf\xb6L\x94C\xfd\x0c\xf3\x17\xd4&lt;\xb6*\xb0bb\xd5\x90\x1feN\xbe\x9c\xd6\xb6\xf5)o\x07\x00\xf3\x1c-\xe4\xf9W\xeb\xdc\x8a\r\x04\x92\xc3\xd6&gt;\nI\x8a\xb0\x19(\x8b\xf7\x06\xd21\xc3\x1an\x17h\xc6D]\xaa\x0f+&amp;1\x80\x9b=\xacB\x82a\xf8\xfd\xfe\xed\xe4\x89A\xef\xf0\x17\xc2\xd0\xef2\x93\x1e\xd2\xef\x0f\xd9\\\xb1\xa5M\xf6\x96\xdd\xe9\\\xdbO\nE{l\xd5\xea\xab9\xa5N\xdc\x1a`\x91\xc3\xc0\xd0\xb1\rS$\x93\xa4\x06\x844\xc0"\xbdi\x86\x17\xcd\xea\xfd\x94\xb5\xd1\x87Z\x0e_\x8d\x88s\xfd\x7f\xaa\x16+\xeb\xe5\xca0\x9e\xd7)e\xb9\x16\x89Tv\x15N\xd0\x85\xbe_\xbcj\x16/\x84yS%\xbe\xd0\xf4\x13p\x89\xb7\xdd\xc8Y\xb4\x0co\xd4\x83\xf0\xce0\xe9\xc1\xa0su\x18U\xddp\xe5\xcd#=\xec\xbf\xa2\xa7u\x98\x8e\xbc\xfa\xcd&amp;\xda\xd7\x11\xc1\xe6\xea|\xdeL+Y\xed\x94\xe3\xa6\xb4lZfzW\xff\x90\x05\x98\xfc\xbc\x0eR4sF\xe3V#f\xf3\x0b\xb3_\x82\xa7&lt;M\x19\xf7Y\x03^H\x15\xad\xdd\x8b\xc5\xc2\xc5\xba\x15\xcc\x1f(\xc02\x15\xbe@\xc7\xf1}cq\xc3IF\x8c\xb1@lc\x86&gt;\xa6n\x96\x03\xeb\xefd\xa0\xe5\xf6\xb9\xde\x9f \xadD\x03\xa1\x9cIu\xe8\x98\xf8\xcb(.d\xaf\x99\xdf.\x9f\x1e&gt;\x9d=\xc5&gt;{\xc4jEk\xc2\x17\xac\xce\xd4Y\x841l\xe6M\xdb\x0e\xe73r&amp;O\xd5\xa9\x9c\xc4\x12\xdbM M\xfb|\xee|Pwn\xa2\xd2\x96\xda~\x8b\xf4\x96\xb5\n\xbb\x8b\x17\x058\xc7&gt;e\xdc:\xb4\xf6U\xef!O]\xe6\xab\xac\xa1\x01;\xb2X\x0f&gt;\xf1Cy\xc7\x13[\xf7\x1d\xe0\xf6yw\xa7\xba\x87\xc5\xffYU\xf2\xb2\xbdM\x9d\x01\xa6\xbf\x93\x19`\x11\x98\xaa\xce\xa1=\xd2{n;\x1cM\x96\xa6\xccX\xf0]\x0b9\x80:\xa1\x8bE\n\x8cBo\x81\x807,*\x0bio=\x9ck\r\xeb\xce-\x8f\x16\x9a\xfb^\x9fco\xe4o\xcc]`\x9e\x83\x83\xb7\xb2:9\x1f\x114\xca\xea\xcbV\xfe\xfa\xa7\x86vxLWJ\xfc\x9c\xdbg\xf4M\xaak\x1f\xe1\xbe\x19\xf6\xa2\xaf\x9a\xde\xdd9\xe8\x13ty\xcd\xbd"x\x8b}Q2\x12,\xa1\xca\xdb\xc9\xbe\xf6\xb7\x01\xe4\x16\x9e\xe8\xcbDA\x03\xb2J\x95\x04\xa9\xce\x0e\x1f\xc4\xcc\x90\xe2\x9b\x93J\x1f~$*\xd4\xe2\x08\xd5\xfa\x93\xba\xed\x18M\xd4\x8a\xb6\x0f\xe9\x14\n\xd2\xfe\xa2_\x0fx\x0b\xad\xa6[\xd34\xc1q\xc8\xef\xd7\xf8\xc0\x97\xbb#\xcfg\xb4"\x1c}\xe5\x08\xb1\xa2\x03\xcd\xd9\xc9\x90,\xd9rk\xf4\xef\xf5\xb7P\x8e\x0e\xbc}\x8d\xfbU\xbd\x8dT\xb5\xc7\xc8\xe5i\xb3\x08\xf4\xfdg\xef\xd3\xfb%R\xbfXM5\x85p\x97\xdc \x94\x89=\xcdy\xac4\xd5:#] \xbf!\xe19CN\xa8r\xf9\xe0\xe7\xbc?\xe4&gt;\x18\xd3\x17\x1d\xe5)\xdd$\xf9PO\x86\xf5\xef\xcf-\x85\xddO\x8bI\xd0\x9e\t\x08\xb8HB\xb5\xedPD\xc6\xdfQ\xf7\xb6P27SR\xb5!\xcd{3\xcc\xf6\xdfg\x91\r$9931q\x92F\xe8\x9a\x03&lt;fe\x04\xe7\x06\r[g\xa33:7\xda\x08=Z\xf3\xeaB\xe7\xd8\x94\x8f\x88\xa8\xf2\xbe\xe1\xfb\xa8o\x8f\x81\x91\x1b}\xb6\xc6J!\x89\x1ba\xb3l\x91R\xb1\xc9\xfa\xabw\xfea\x1f\xaaQY\x7f(\xec\\\x16b-\x80\xbb\x8a\xa8\xdd\xc6,\x1c\xfc\xa9\xe7\x8b\xdc\xbf\xaf4\x90\r(nZ\xb5\x03\x8b\x9c\xb0\xd5\xd7\xab\x05\x8c\xd2c\x8b\x8eV\xc9\xd3\xde1\x97\x82\xc4CB\x95\x1b\xcb1\r\xec\xd7o*g\x84\x1c\x08\x84Rg\xe5\xa1\'N\xb9M\x07$q\x0c\xfd.\x15w\xad\xcfA\xf5\x04\x84\xe2\x06\xb6\x8e\xe0]\xe0S\x88U\x0c&gt;\xe2\xe0\x1bO\xcb\x06p\x12PF\xf9@Z\x8a\xaa\xee\xc6RZAg\x19f]\xa8Gf\xc5U\n}\xde\xe6U\xaa\r\x11_uY\xd2X)DQV\xe6\x9f\x17\x88\xa3\x15\x11w#w\x02\x9a\n@-\xabL\xf9@\x88\xf8_&lt;d;~\x03|\xec\x14\x98|\x13.\xc6aB\x12,M\x83\xd9\xb5\x02\xb0\x03\xe3$@t\x1f]}R%\xe7\xbc4#\x9c5O\xf1\x9f\xa1\x15\xa7\xe7\xab\xd1;\xe6D\x96\xd8\x88Q:\xdd\xc7\x94#\xd6\xdf`\x95\xfcRI\x1a\xce\xe0_Q\x8d\xe3)\x92m.\x84\x8e=\x1e_\xee(\x1c!6\xe2R\xf4\xf2\xf1b\xea\xfd\xe1[\t\x94F\x03\x1f\xb6\xfel,\x18\x14 \x1c*?o1\xc84\x9f\xdfJ\x06\xac\x1b\x86&amp;\x9b\x9d!Z|\xdc\rS\xcb\x97\xfb9P\xfb\xcd\xd3\'\xebi\xdf\xa9\x92\xb9\x7f\xd9\x07g\xa7\n\xc6\x9e*\x17\xb4\xf4{\xc8hV\xab[?\xc9\xa0G\xff\xb1\xafX\x13\xbc\x96\xc8\xe7\x15~\x07\xb3\xba\x8cC\xd31\xa3\x89\xab\x1f\xcc\x04\x18\xd2\xd3\xcc;\x88\x90\r\x01e6\x96\xc0\xee\xe1g\xfb\xa3\x0e/\x19\x8f\rn\xb1\xba\x86ez/\xc2\xea\xb4E"\x9a\xd9sX\xd8\xfaw\x9f\xe6=\xbe\xe4\xdeTg\xce\x9cB3\xa6\xd7S\xaa\r\x87\x86\x0e,\xc3\x17\x1b\x8e*\xf2\x8fK\xea=\xa7d\xa7ep\xc3\xe7\xb6b\xfd\xaa"\x86\xad\xf0fp\xb7P\xf6.z\xc3\x9a\xd3\xb5H:\x97=./\xach\xc0n\xee\xe5\xf4\x8c+\\\xd6\xdf\xab\x1e\xae\xac\xae\xdd\x98\x0e\x86\xb3\xe4,\xed\xc5\xde@\xbb\x17c\xc82\xd0\xe39\x03?\xa5\xcb\x12\x80\xf0\x03\x01\x16\xb7\x12\xa8!\x006\x81\'\x89\x00\x0e\xcb\x90?\xe7K\xb3iY\xe5\xf5\xc6k\x9e\xd3\x08\xf4\xea\xe9:VX\xf9\xe3\x9e\x8f\xcf\xf9\x92g\xbd%\x10Yk\xb7\xd1\x06\xac\xdf\x82v\x95\x1fi\xa0ua\'\x7f\xe2K\xc1E\nW\xfd/\x1f\x1fpV\xd2v\xeb)\xc6M\xa0\xbbu\xf3\xbd\xc2\x061qQ.&amp;\xf8\xe2\x91\x01\x97XB\x0f&gt;V\xab\x9a_&lt;\x1f{\x95(\x0e\xcf,E\xf4n\x18\xc4Ab+\xb3W77\x92\x87g\xdb\xef\xcb\xcd\x03Y2q\xb3\xf4\xc4\xb3\n\xfd\xac\xc4Jn\x147\xba\xba\x96\\$\x8e]\x8f\x19.`o\x1dI\xfb\xe8\x0f\x19N.\xe6\x13\x1b\t\x03\x88\xde\x02\'\x0e\\\xbb;\xb3_\x14a\xa1X\xd9^,e&gt;\xf1\xae\xf5\xfefT\xa1\xe6QA\x9e\xaaApBpiy\n\x98\xa8\x16%\x0f"88\xe6K#\x85\x1a4\xa4\x1d\xd8j\xc6\xc4\xfc\xa5}\xfby*\xfe\xbe\x9c\xe5\xe2D-\xaa\x81|A\xd2\xf2\x92\xd0\xf39\x83a\xbav\xe4\xbf\x94\x93\x1d\x0fJ=\xc0\x7f0\xd5\x97\x07\x7f\xf2Q\xbf\xe4\x01\xcd\x00\xf3\x80\x95E\xb6\xe4\xad\x96\x9bkYZ\x8c\xa0tj\t\x15\xb6U\xbd\xa0\xc4\x91o+K\xca\xcfCD\xfbG\xad\xaa\xd5\x9c;\xaf\xed\x85\xcd\xfdN\xc8\x8f\xcd2\xe4_\'\x8f(a\x8c\t\x07\x8d\xe4\xb0Z\xe0\x1b\nK\x84\x86\xdf\x7f\xc2\xe8l\xba\xa2\xef\x9cB\xbf\xfe\t'</t>
  </si>
  <si>
    <t>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</t>
  </si>
  <si>
    <t>b".h\xb7\xe82/\xca\x86\xfa\xf3'V\x92\xfb\x83\x19"</t>
  </si>
  <si>
    <t>_x0002_ 1.
 Q
 I
 VCC
 REF
 REF Q1
 I
 RP
 1
 Figure 9.62
 *9.41. Repeat Problem 9.40 for the circuit shown
 in Fig. 9.63, but assuming that I1 is twice its
 nominal value.
 9.42. Repeat Example 9.15 if the reference cur_x0002_rent is equal to 180 Î¼A.
 Q
 I
 VCC
 REF
 REF Q1
 I
 RP
 1
 Figure 9.63
 9.43. We wish to generate two currents equal to
 50 Î¼A and 230 Î¼A from a reference of
 130 Î¼A. Design an npn current mirror for
 this purpose. Neglect the base currents.
 **9.44. Due to a manufacturing error, resistor RP
 has appeared in series with the base ofQREF
 in Fig. 9.64. IfI1 is 10% greater than its nom_x0002_inal value, express the value of RP in terms
 of other circuit parameters. Assume QREF
 and Q1 are identical.
 Q
 I
 VCC
 REF
 REF Q1
 I
 R P
 1
 Figure 9.64
 *9.45. Repeat Problem 9.44 for the circuit shown
 in Fig. 9.65, but assuming I1 is 10% less than
 its nominal value.
 Q
 I
 VCC
 REF
 REF Q1
 I
 R P
 1
 Figure 9.65
 9.46. Taking base currents into account, deter_x0002_mine the value of Icopy in each circuit de_x0002_picted in Fig. 9.66. Normalize the error to
 the nominal value of Icopy.
 *9.47. Calculate the error in Icopy for the circuit
 shown in Fig. 9.67.
 9.48. Taking base currents into account, compute
 the error in Icopy for each of the circuits
 illustrated in Fig. 9.68.
 432 Chapter 9 Cascode Stages and Current Mirrors
 Q
 I
 VCC
 REF
 REF
 Q1
 I
 A E 5A E
 copy
 Q
 I
 VCC
 REF
 REF
 Q1
 I
 5A E A E
 copy
 Q
 I
 VCC
 REF
 REF
 Q1 I Q I 2 copy 2
 2A E 3A E
 5A E
 (a) (b) (c)
 Figure 9.66
 Q
 I
 VCC
 REF
 REF
 Q1 I
 nA E AE
 Q I
 A E
 copy1
 2 2
 k
 m
 Figure 9.67
 VCC
 I REF
 I copy
 A E A E
 A E A E
 VCC
 I REF
 I copy
 3A E 2A E
 5A E 9A E
 (a) (b)
 Figure 9.68
 Sec. 9.2.3 MOS Current Mirror
 9.49. Determine the value of RP in the circuit of
 Fig. 9.69 such that I1 = IREF/2. With this
 choice of RP, does I1 change if</t>
  </si>
  <si>
    <t>b'r@\x99\xf7m\x9b\x0b9*\x96Y|Y\x0e8\x98'</t>
  </si>
  <si>
    <t>724099f76d9b0b392a96597c590e3898</t>
  </si>
  <si>
    <t>he labor
 employed must equal the total labor supply L:
 (4-3)
 Production Possibilities
 The specific factors model assumes that each of the specific factors, capital and land, can
 be used in only one sector, cloth and food, respectively. Only labor can be used in either
 sector. Thus to analyze the economyâ€™s production possibilities, we need only to ask how
 the economyâ€™s mix of output changes as labor is shifted from one sector to the other. This
 can be done graphically, first by representing the production functions (4-1) and (4-2), and
 then by putting them together to derive the production possibility frontier.
 Figure 4-1 illustrates the relationship between labor input and output of cloth. The
 larger the input of labor, for a given capital supply, the larger will be output. In Figure 4-1,
 the slope of represents the marginal product of labor, that is, the addition to
 output generated by adding one more person-hour. However, if labor input is increased
 without increasing capital as well, there will normally be diminishing returns: Because
 adding a worker means that each worker has less capital to work with, each successive
 increment of labor will add less to production than the last. Diminishing returns are
 reflected in the shape of the production function: gets flatter as we move to
 the right, indicating that the marginal product of labor declines as more labor is used.2
 QC1K, LC2
 QC1K, LC2
 LC + LF = L.
 QF LF
 QF = QF1T, LF2,
 QC LC
 Output, QC
 Labor
 input, LC
 QC = QC (K, LC)
 Figure 4-1
 The Production Function for
 Cloth
 The more labor that is employed
 in the production of cloth, the
 larger the output. As a result of
 diminishing returns, however,
 each successive person-hour
 increases output by less than the
 previous one; this is shown by the
 fact that the curve relating labor
 input to output gets flatter at
 higher levels of employment.
 54 PART ONE International Trade Theory
 Figure 4-2 shows the same information a different way. In this figure we directly plot the
 marginal product of labor as a function of the labor employed. (In the appendix to this
 chapter, we show that the area under the marginal product curve represents the total out_x0002_put of cloth.)
 A similar pair of diagrams can represent the production function for food. These dia_x0002_grams can then be combined to derive the production possibility frontier for the economy,
 as illustrated in Figure 4-3. As we saw in Chapter 3, the production possibility frontier
 shows what the economy is capable of producing; in this case it shows how much food it
 can produce for any given output of cloth and vice versa.
 Figure 4-3 is a four-quadrant diagram. In the lower right quadrant we show the produc_x0002_tion function for cloth illustrated in Figure 4-1. This time, however, we turn the figure</t>
  </si>
  <si>
    <t>b'0E\x02!\x00\xbd\xf7\xc2\xcd\xd6\xc9Y\x94l`\x05\x89@]l"7\xd3\xbb\x9c\x1f(!a\xbc\xf52"\xeb8y\\\x02 /\xad\x9d0\x82\x98\xe7\x12\xc3\x19\x9e\\\r\x87\x95\xf3\xdcw\xd7\xb2\x9e\xb3\xfd\xb1l\xeb\xb1\xcch\xb6{\x02'</t>
  </si>
  <si>
    <t>3045022100bdf7c2cdd6c959946c600589405d6c2237d3bb9c1f282161bcf53222eb38795c02202fad9d308298e712c3199e5c0d8795f3dc77d7b29eb3fdb16cebb1cc68b67b02</t>
  </si>
  <si>
    <t>b'0E\x02!\x00\xbd\xf7\xc2\xcd\xd6\xc9Y\x94l`\x05'</t>
  </si>
  <si>
    <t>little
door about fifteen inches high: she tried the little golden key in the lock,
and to her great delight it fitted!
Alice opened the door and found that it led into a small passage, not
much larger than a rat-hole: she knelt down and looked along the passage
into the loveliest garden you ever saw. How she longed to get out of that
dark hall, and wander about among those beds of bright flowers and those
cool fountains, but she could not even get her head through the doorway;
â€œand even if my head would go through,â€ thought poor Alice, â€œit would be
of very little use without my shoulders. Oh, how I wish I could shut up like
a telescope! I think I could, if I only knew how to begin.â€ For, you see, so
many out-of-the-way things had happened lately, that Alice had begun to
think that very few things indeed were really impossible.
There seemed to be no use in waiting by the little door, so she went back
to the table, half hoping she might find another key on it, or at any rate a
book of rules for shutting people up like telescopes: this time she found a
little bottle on it, (â€œwhich certainly was not here before,â€ said Alice,) and
round the neck of the bottle was a paper label, with the words â€œDRINK
ME,â€ beautifully printed on it in large letters.
It was all very well to say â€œDrink me,â€ but the wise little Alice was not
going to do that in a hurry. â€œNo, Iâ€™ll look first,â€ she said, â€œand see whether
itâ€™s marked â€˜poisonâ€™ or notâ€; for she had read several nice little histories
about children who had got burnt, and eaten up by wild beasts and other
unpleasant things, all because they would not remember the simple rules
their friends had taught them: such as, that a red-hot poker will burn you if
you hold it too long; and that if you cut your finger very deeply with a
knife, it usually bleeds; and she had never forgotten that, if you drink
much from a bottle marked â€œpoison,â€ it is almost certain to disagree with
you, sooner or later.
However, this bottle was not marked â€œpoison,â€ so Alice ventured to
taste it, and finding it very nice, (it had, in fact, a sort of mixed flavour of
cherry-tart, custard, pine-apple, roast turkey, toffee, and hot buttered
toast,) she very soon finished it off.
* * * * * * *
* * * * * *
* * * * * * *
â€œWhat a curious feeling!â€ said Alice; â€œI must be shutting up like a
telescope.â€
And so it was indeed: she was now only ten inches high, and her face
brightened up at the thought that she was now the right size for going
through the little door into that lovely garden. First, however, she waited
for a few minutes to see if she was going to shrink any further: she felt a
little nervous about this; â€œfor it might end, you know,â€ said Alice to
herself, â€œin my going out altogether, like a candle. I wonder what I should
be like then?â€ And she tried to fancy what the flame of a candle is like
after the candle is blown out, for she could not remember ever having seen
such a thing.
After a while, finding that nothing more happened, she decided on going
into the garden at once; but, alas for poor Alice! when she got to the door,
she found she had forgotten the little golden key, and when she went back
to the table for it, she found she could not possibly reach it: she could see
it quite plainly through the glass, and she tried her best to climb up one of
the legs of the table, but it was too slippery; and when she had t</t>
  </si>
  <si>
    <t>b'R\x04\x80\x97\x185\xe7s&lt;\x9b\x1d\xa3\x1a\xc3&amp;\xca\xce6\xda\xd4\xddU\xf62e\x88\xa0\xe3\x8d\xe3x\'U\xf3\x08\xef\x89\xf5N\xc8\r\x18\xf9\x06\xa0\x90\xeeuA`a\x93k\xa6\xd3\xebN\xb8\x9e/\xfa\xb9\x12\xb3}t\x1d\xd1\x1c\xb8\xe9;\x1f""f5\x97|\xa1n\xf7\xbb\x89\xa9\xe5\xc1\x81\xc1\xe0\x08\x1f\x051\x7f\x1e=\x9dD\xc6U1\xa7\x13bs\x8fXO\xc2\xd7-\x94\xa8\xdd\x81\xf2\xf6V\xdcM\t\xb2\x11\x16\x1f\x8e^\xfd\x9bV+\xb7\xea#t\xe1\x19\xbe\xd5\xc9K.\x84\xd3\x07V\t\x17\xb9\x97v\xc3}d\x904!\xb4\xc5\xce-\xa4\xc0\x0f \xd8\xa7\xb7\xb8e{-J\xf7!\t\xad\xc9\xd4\xa5\x02\x18\xf0{\xc2hbl\x8dkw\xef\x005\xe2b\xef\xd3\xa5\x98\xdcxk\x08\x04C\xec\xdd\xdad\x81d\xb45_\x7f\x15\x03\x9a\x19y\xa9\xf6K\x92\xec\xa6\x15X\x1a\xc1!\xaf\xf8l\n\xde \xef\xae\xf5\xff,D\x9d\x06"i\xd4\x02\xef\x9b\x7f}\xdbaIi\x89U~_\xa9\xc4`d\xb2\xf4\xach,}\x82\xa3Y\x18Y\xa6\x0ee\xc9p\xba\xc0=5\xbb\\kq\x8d\xb4\x04\xa1\xb9\x16\xe4D\xb1\xdf\x81\x068\x9b)\xc4J\x10"\x96\xd9\xe4Y\xf0J\xbb0\x15,\x04?B`v\xb1\xad\x00\xa8S5.\xa4\xe2\x1apB\x1eK\x177\x96\xc9\xbb\xe6\xc9\x92\xd6\xe4X\xd9\x89$\xe8\xf3\xb8}\xd7\xdc\xcf\xdb|\xd2\x99~\n\xca\x8f\xb2\xa4c]D\'\xe1\xa9!L\xe9\xaaI4\xcfFD5\xecd\xdeB\xd0\xe0\xf2&gt;\xc5\x8c1\xbf\x8e\xa6\x83\r\x86\xe7^\x88\x0e\xb7\x90\x8d&lt;\xa8Bg\xf1hiQ\xaaV\x17\xccb\xc7;\x1bl\x03E\xdf\xf8\x13O$W\xa6%\xbd\x8c\x9cu\xfe\xef\xb5\xb0fr6\x88\xe4\xcbAM\x8f\xcb\xad\xb7B/{D\xcb\xe8\xd1\xac\xfd\xcd\x80 \x8aml\xefQ\xcf#F\xd9X\r*1\xeaa\xfe\xb29\x92U2,\xee\x0e|\x1f\x88\x01\x8d\x82\x1b\xb5{\xeb\xce\x98\x96\xa3xXd\xb1\xf9\xdbs\x1b-\xc4\x97\xee\x14.\xf3\xee\xa4\x8d\xf1\xa1\x18\xa3tp\xda\xc4\xa1\xf3\x190M\xf9\xa8\x18#\x8b\xc9%0\xaa\xabsC\xf0\t]8]FK\xac\xe8\x97\xbe\x05w\xf6X\x83\x18#Nb_\xeb\x94\xf4\xe3\xa7\xf0E\xe4Z\x98\xaf\xc5z\xdeju\xfd\raM\xae\xa64s;\x9a\x19(\xba8\xf8F\x83\x1a\xb2\x1f\xcb\xab\xd9PC\x08\xca\xf8)\r\xbbs\xc7\xf8H\xec^Ht7\xb5\x8a\x03i\xae04\xbf`\x8f\xad\xf9\xbbu\xde\\\xf9\xed\xfe\x04\x03%\xe2O\xe7\xebs\xb0\x9d\xccz\x8c\x83\x06\xdf\xc8k\xd3z\x84\xc1\x08\x95-cp\x06\x8d\xbcD\x1eFp\xf58\x8b\x02hp\xbe\xc0G\xb3\x86#\xae\xc3\xe4\x89jx\x0f*d\xf4\x8d \x17QA\xee\x10\xcdV`\x98f\xa5O_\x80\xdf\xc5#\xaf\xdalh\xb9\x89D\xcc\xb4\xcb\xf0\x13\x96\x85\xe1f x\xd3\x10\xa9\x92\xfb\x08H\xba\xe0\x01s\x17\xa8t\xac\xf6\xf2G\x84\xd24XS\xa1\'\x0e\xf9Tg\x02j\x92\x05\xedB\xfc\xbcF\xa3\xc6V\xab\xfeq[\xfa\xd6?\xdf\x88\xe3\xff4\xee\x93\xf2\xb1cI\xd5U\xbd\xd9o\xe7\xa9\x88+DLX\xa4\x04\xd1\x8b\xabZ\xc1G\xe9\x96\xe7\xd9\xaa\x00\x9f&gt;&amp;^\xef\x10\xf1\x86\xf9\xc0\xccb\x9c}:)\x14\xa6}\xde\x05\xf8e\xc2^\xcb\xde\xcaH\xdf\xdc\xd9\xd7LB\xae\xb2\xc9F\x15\xec\x8aOj\xdeY&lt;\xe4\xa6\xe3\r\xd6a\xe9\n\x94\xd9U\x0e\xef\x93\xcf\xb0\x9alkUM\xa3@q^}\xf33\xe5F4 \xb5\xf0%\t\xe5\xbeQ\x88FV\x1a\x9b\x02\x11\x14]\'\xc0\x1f=]h)U\x17\xb1\xb0r&amp;\xfc\x98\x86\x96\x94\x1c\xe5Wp\x80\xa1\x0b\xa660\x03\xc4H\xea\xa2f\x11\x8c_\xf9\xc72|\xd9\x1c\x11VR(\xb0\x1a\x1f\xa2\xb0\xbe8R\xc5K\xf1uZ\xf0\xdeC\xaf\x0f\x11\x81\xd7\xcc9\xb3O\xb2j&lt;\xc3\xa6E\n\xdf\xc2\xf3Z\x8e\xcf\xe2\x9e\x81v\xe0\x96\x15\xc0\x8d\x8d2x\x15\xbd\xcc50t\xbb\x04\x84\x87P\xb0H.\x80\x8e\x0fm\x8b\xdd\x0b\x07\xb9K`\x17\x82\xa7C\nX/\x9ae\xc5e\x83F\x07\xb5\xc4\x1a\xdf5\x8b`9\xea-jz\xb2\xbb\xab+\xb4\x8d\xca\xd0\xe1\xf0\\;f:.\x7f*\x85\n\xa1\xa3\x80\xf7y\xaa\xbfR\xc5\xdeCZ\xb4\xff`\xc8\xd66\xdd\x14kJ=\xda\xd0\xc7;_\xc5\xfe\x19\xc6\xd0j\x1f\xb4\xd2\x93\x80\xe8\x8e\xd13I\t\xf3\x85\x04R\xb2H\xc2\xd2r\x00[\xc3:&lt;\xd6\xc9?\x0e\x01\xc9A\x17\x0cy\xde\xc1\x91\x88\x9d1\xd7\x9f\x07\xd1\x84}\xb0\xa3\x00\x84\x81\xcd\xa8(t\x18u-\x1d\x89\xa9\x16t\xff\xd0h\x01=\x04\xa6\x1b\x12\x06\xf9:\x12\xb0`\xe0\x80#\xc3NL\xe5\x00\x01\x87\xcb\x9b*\xba\xe8\x89\xcav\x89p\xe4\xf5\xbe\xf6\x96aAi9\xf7\x03\xb8\xe5K-\xcf\x9bc]\xb4\x08\xc7\xeb\xe9\x04\x94\xea\x80\xae\x0e\xb0\xaa|\xa3Z\x1c}U]\xa8\x81\xb0\xbf\x05\xa7\r\x17\xf51I\xb8\xad5\xe2j\xefi\xb7XZO\x1a\x0f\xc5\x91?d!}\x95]\xdc\xcd\xbf\xf3\xcf\xf5z\xa1\xf7\xeaW\x8b\xe9{r\xc0\x83\x9a=\xe0\x18\x96\xc0\x81oA\xb0V(\te\x14e\x7f\xdcSun\xa6c\x03\x0f\xf1?\xac\xc9UNW\x96\xa1\x1cv\x03/\x0e\x1b\xa8\xa5e[\xd4*\xaa8\xa2\xfa|zI?\xabx\xaf\xd1\x81\xed\xfe\xc7s\x83@\x8b\x0bX\xa2*\xccU\x19\xcd\xe3\xe9\xd4\xec5\x92MNn\xb5\x9dpl\xa0\x84\xcd\xa0\xa0B\x1cz\x82\xca\xb6\x9fi\x88\xec\x1b~P\x94#\x84\xeaF\x82\xbb\x06\x7f\xf8\xaai\x13n4\xae\xf65(\xd3\xe1\xc8(\x97(\x1f\xd3\x9e\xfc8\xe9f&lt;C\xc0f\xb6\x11\x04\xef\x17\xc5\xd4\xca\x9b\xa0\x8df\xab\xc4\xb3l\x8b\xf7\xdf8\x124\x9f\xd3\xc4\xa8lfY8\x7f\xe0\xb5\xfcK\xa9\xea\xcelh\x85Y4\xfd\x01\xf4Ew\xd8t\xdeqh[_\x9c\xc7\xee\xa2\x9bs\xe0K\x1e&gt;B\xfa\xd9h\xe1\xf3t\xbc\xbb\xd3\xc51a\xbd\xa4c\xf3^S\xce\xe8\xb1&amp;\x8f\x98L\x8c\xf8\xee\xe8J\x82.\x04e\xe5\xfd\x84\xe6\xfa\x13\xb1\x00\xfe\xd4R\x83\x05\x9b\x16\xd4\x1a\xb90\x83A\xf6\x19b\xb05\xfc%&gt;I:x\xd8\xf6[\x89\x06)\x18M\xcd\xe5X\xde\xa4\'\xfd6\xb2\x95#\x9b\x0b+FN\xf4"\xcc\xdfR\xe3r\xf8\r,@2\xb4\x9e\xc5\xcb\xdaIO,a"P\xb8\x13\xea\x84*\xb4\xad#\x89\xca\xbc\xc4L\x9b\xe6\xd7\xcc`\x13\xf9\x0e\x8c\x1c\xf3=T\x94\x8c\x1bn\xe5\xf7\x83\xdf\xbd\x01\x14\x7f\xeda\x8c\x05\xdf\x81VB! "\xe3\xaa\x8d\xf7\xbf\x13d\x18\xce\x8a\xb2@]\xb2?s\xf3.\xd8\xeb\'\xe6 \xf0\xf8\x88u\xd8\xc6\xb5t8&lt;\xf3fnr=\x03\x8a|\xa2\xe0\xaa\xb1-/k\xd6C\x95\x8am\x117\xf1\x1f\x95\xa2\xfeg)\xd8\x88h\xafv,\xa8w\xb2\xbeZj\x9d\x1fV\xbe\x1b\x82\x1a\xaac\xa4m$$\xb2\xe3\xfaD\xcc$\xab\xca\n;=z@\x18\xb1\xb7\x8c\xa9\xa3]\xf2\xa4\x7f%\x0e\x18\xe1\x8f\x10t]\xb5\x80\xe1T#\xf1B\xacN?\x97\xf3\\\x88r\xc4\xc6\xea]\xf90\x9e\x8c\xa7\xc7\xfcw\xd0\xdf\t\x1f(\xc9\xd5\x91\xf9O\xb8?,\x83:\xa8\xab\xa8a\xb4g\x02\xdc~\x90\x90"\x94(\xe5=\x18\xc7~\x17V\x81\xcf7\xa4l\x1fc\xc5cl[\xbd\xb2\xb2\x89\x8b\xee0\x92\xec\xa4T\xc0z\xe0U U\xd3\xee\xa7&lt;\xdf\xa21\xcd\xd0\xc2z&lt;\x9f\xcb\x97\xc6_\xcc\xa3A\x80\xderL(#\xf9\no\xa20B\xdd\xac"\x83\xf5\xa6\xa3\xa2\xcc.\x18\xd6\x14W\tY)V6\xe4\xb6T\x02\x9f\x85\xc191\xfa\xcc\x1d\xac/3\x90\xf34\xd7\x9b\xc0\xac\x1bw\xc7=z)G\xe4\\\xac\xc7RJ\x90\xba!N&gt;\xca\x0bN\x86k)\xc3o\x81\xe7\x8e_j1,\xe3\xf8%\xebn\x7f\x13\xb9\x98\xee\xecG\x8a!D\xd1\'\xedzJ\xc1\xcd\x93K\xe7\xff\x16\x15\xd3\xf7\xc0G\xc8}\x86K\x10Ra\x9a\xf9gi\xe9\x9f\x9f6\xf9\xc9\x1a\x05\xfb\xad\x95N(v\xf3\xe2\x1f\x1cG\x1a\x9dr8\xaf[\x08\xf59\x901\xb1\xe6\xd4\x98\x01\x1b\x87\xe3\xfa2\xaa\xa4$\x8e\xd4\x04#D\xe6\x9d}\x14)\xdcG\xe2~\xda7\xe1\xf12a\xb2\x98\xca\x99-\xc2\x8f6\t\xe6r\x85\x1e6\xf2\xaa\xc6\xf98\x01\xfe\x93\xdfw\x84\xd7/Y\xb6\x16^L\xbf\x85\x1d}8\xb8\xb5\xb6|A\xc6o\xa7\xc0m&amp;\x878\xf5\xe5/\x8d\xae\xaf\x0b\xe2e\xf7\xff\xaeT\x89[\xbc0s\xafFG12\x9fK,\xaa\xb8\xf0\xdc\x1d\xe3#\x91\x05)\xb17\x04#c"y\x80\xa4o0\xfd\xd6\xb4\xbar\x92u\x07&lt;\x10\xe5_\x14\x00\xb7\xf2\x08\xe9\xc6\x12\x1f&lt;\xff$oC#\xcc\xb4k&amp;QN\xd4\xed\x97\xeb\xabdSq2Y7Y\xef F\xf8\x18\xd7\xa3x\x80#zV\x80\xf3\xcd\x7f\xccB\x01\xb11f\xf83\x90\xfbXd~\x96\'xq\x17\xf2X\x1c\xe6\x15}\x1eg\x8d\xb4\x8f\xac\x9f^\x89\xb8n\xca\x0f.\xfe\xb82\x9d$=\xe3`~\xa6\xd65\xd7\x85\x8d\xe8\xdd\x82\xb8\xb4/\'O\xd1V=\xee!\x1f\xaek\xa4?\x83hv\x7f\xcb\xbc\x90\xe4\x1a\xdb\xd3i\xae\xc3\xc1\xb6\xcf\x86\xa9\x92\xe6\xc3\x99\x88\x1b\x12\xd8nk!+0\x94qd\xa0\xf8\x05&lt;\xbf\x1e\xfa;\xdb\x8a\x1b\x92\xd4"\xfbj.\xa8\xf7\xfd\x98P%L\x04\xe2\x1ah\xe92-\xa5\x96\xc0P)\xe0\xc5~\x94$\x80\xc3V3\xe6"\xde\x8e\x18\xbe\xa4\xe6&lt; \xae=^\xf7\xe8\x91\x1c\x93\x86\xef\xd8\xe1\xc5|\xc19\x9e\xc5\xde\x85\xbc\xfb\xd4\xea\xc7q\xaf[\x0b\xd2\\\x93m\xf7\xbb\xe2!\xd8Q\x10\xb4\xdd\x83\xf5G\xa0{\x9e\xef0\xfd\xb4\t.)\xfe\x99\xcb\x9f;\xe6\x80\xc7/k\x9e\xf6?+DL\xd2\xf7\x9d\x7f\xbcj\x00\x01\x83T\xd3\x026\xee\x02~\'\xe3\xee\xa6=c&lt;\xe7#.H\x9c\x05\xfe\x04\x9cb\xf3_\rP\x8bf\xb8\xf9\x9b\x98\x9eX\xaf"f1\xf6\x9f\xfa\xc2\xfdM\xa8\x86g \xacu\xaeK\xc6\x0c\xe5\xb8\xac\x10\x13\xd4\x8e.\x1dB\xbf\x02b\\B\x9c\xf0\x9cp\x15\x1f_\x03,\xc9,\xfa\x9f\x97\xa10fe\x1b!\xc3\x86JO.\xe3i\xe4\x1b\x84\x85ff\xd1\x13\xc7!!\xa9v\x12N=F\xc7\x12\x7f\xd9\x83\xcaP\xf64s.\xe5\xca\x1c\xd1B\xe1J\x15\x9dj6y\xde\xa2\x98\x1aY\xaaF\x1f\xf0DV\xfc\xafW\xdf+-\xef\xaa&amp;\x10&amp;\xael4\xaf\xb03\x03\x04\xd9\x82\xed#\x08n\\\xcd\xbf\xf8\x00\xcd)\xa0\x02\xd8\xa8\xa7#\xc9\xec\xc2\xc7\xdd\xe7\x84E1\xf1\xfb!\xcf\xba"\xbf\xaf\x08\x9b\xf7\xa3\x12\xa9\x12\xa7B&amp;\xe6\xdb$\xaa\xc3\xc35\x08\x0bV\x81\xbe\xd5HhL\xb0\x89\x03\xb5s\xa7&lt;\x1f1\xf3\xaf\xbfG\xbb\xd6\x1a\x88\xd9q\x14\xd1:\x1fai\x1d\xcc`;\xd8\x83g#\xebg|$Z\x0b)\x93\xa5\xc0\x9f\xef]\xe6\x11A\x18\x01\x1b\x9b=Z\x1b]\n\xe7\x8a\xd4(\xc6P\x95\n#pG=\xd0W\xe6\xaa\xc9\x0bg\xf9\xedw/i\xbd\x92\x15:\xdd\xe0\x97\xd0\xfd\x91v\x03\xd7&amp;GG\x14\x8a-\xfe8&amp;X\xc7\xd8\x86\xed\xd4L\x85/\xb3\xa8\xf9/6\xb7\xe1\x95s\xb8$\n\xa9\xb72\xcb\xc8\x94\xe6?k\x9d\x9f\xfaOL\xf8\xe2\xb6m\x94\xd6\x10\xad\xdc\x00}\xdb\x9e6%k\x1a\xeb0\xee\xa84\x13\xb8\xd6\x85\x83\xc2.\xb1\x18\x06p\x03n\xe4\xd0-\xd0_ZW\x87!\x06c\xad&gt;\x1dC\xa9^\xb9\xd9\xe1\xcd\xb3\xbak{\x0b\xf1\'\x8a\x17\xf7\xe3\x06\xf4\xbeY\xe6\x08*\x94Xz\x82\xdf\xe2e\x94=\xf7\x8cWs\xb0\xd6\xd0-\xbd\x19\xab+Q\xe2\xb6\xd21\x86\x99w\xf3\x17\xfcn+\x9e7 )MMyA\xd8$l\xdeV\x87\xa3\xd6U\xf8/\x95\xe0C.N!Z\x8f|\x19\xac\xe9\xf4B\xb3\x11\x92&amp;\xe4\xed\xd7\xf2\x05\xb3\x8e\x17\x82C`\xe9`G\xa0v\xbb?\x91\x80hr&lt;\xc1\xfc\x01\x1a\xab\xddE\xa8\x87K\x93\x0f6\xab\xb6\xa8/\xa1\xa7\xf4\xbeK\xb6\xbd\xbb\xdf\xb6e\xb7\xc4T\x0bych\x97C\xfa(\x86\xb3o\xc7\x12\xb6\xe0\xdc\x0c\x19\xa0\x9c\x8f\xe3\xb9\xec\xf1\xe3\xdc\x13\x07e\xdez\x86z\x12\xdf\xdbg\xf7B\x8c\x82*\xba\x11B\xc0\x1a\xa8\xe1\xf6\xf2\xef\xe8\xa7\x80\xb6\x05\xdc\xb0\xf44tw\xd2h\x80\xdf\x88\xa5\x98\x04z\x17\xdf\xb4\x98\x18d\xba\xd0c\xac\xd9\xc9T\xa3\xea\x98:\xce\xdfU&amp;\x10\x92\xe1\x8b\xda\xae\xe3\xd6E\xbb\xe8,6&amp;k\xd2#\x19\xd5\xe6?.\x9a&amp;\xea\x9dD\xc8\xf2\xf1\xca\xa2\x82\xd3u\xa6\x9a=\xda\xfd\xbd\xe4.\x0c\x13d\xf1\x1e\x7f\xe5C^\xb8\x91;I\x86nD\xff\xc1\xc4\x80\xe4])\x11"\x8a\x15\xe7s\xcb\xf6\xf5\xbf\x11wQ\xf7\xfdj\xe0\x8b&lt;\xb6eY\x98\xb4\x99\xfa\xbf\xc0Fr\xcf\xc3Z\x16\xbb\x06W-\xaa\x8d\xae\xc8LQ\x8d}$\x0b\x0e\xb7\x05\xc3!R\xf7i\xd5\x02\x9e=2\x90\xd8g\x1b9x\xe3\xf5\x1d\xa2\xdf+\xa4\xe1\xde\xd1\xdb\x1b4;k\xc4\\(I\x94\x854\x08\xa4\x9fz\xfe9\x0fj\xf4+_G?rR^\\\x9a;\xe6\xfc\xf8\x98\xfaK\xbd\xda\xc4\\\x80Y}\x1ck\xd3\x1eE\xd4\x90B9\'\xea\xcfQUA\xce\xf5\xe6P\xc6\xb4\x12\xae\xb5\xd0\xbc*\x96\xdaz^-\xf7\xd9\x91\x10\xfcib\xb8\xa2\xbd{\xfd\xf1\xc8\x95\x89\xd49h\xec\xd4m\x9bEmP\x99\x8486\x14\xd2\xdf\x9eV\xca\x87\x07\xaan7Y\x01\xe8j\xd6_\xfd\x86D)\xdc\xba\xc4\x0f\xb92oo\x98\xa4,5t\x18\x9b\x81'</t>
  </si>
  <si>
    <t>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</t>
  </si>
  <si>
    <t>b'R\x04\x80\x97\x185\xe7s&lt;\x9b\x1d\xa3\x1a\xc3&amp;\xca'</t>
  </si>
  <si>
    <t>her extremely; she looked at the page,
 wept, and looked again. To her the book appeared sacred and invaluable,
 and she would not have moved it, or closed the page, which he had left
 open, for the treasures of the Indies. Still she sat before the desk, and
 could not resolve to quit it, though the increasing gloom, and the
 profound silence of the apartment, revived a degree of painful awe. Her
 thoughts dwelt on the probable state of departed spirits, and she
 remembered the affecting conversation, which had passed between St.
 Aubert and La Voisin, on the night preceding his death.
 As she mused she saw the door slowly open, and a rustling sound in a
 remote part of the room startled her. Through the dusk she thought she
 perceived something move. The subject she had been considering, and
 the present tone of her spirits, which made her imagination respond to
 every impression of her senses, gave her a sudden terror of something
 supernatural. She sat for a moment motionless, and then, her dissipated
 reason returning, 'What should I fear?' said she. 'If the spirits of those we
 love ever return to us, it is in kindness.'
 The silence, which again reigned, made her ashamed of her late fears,
 and she believed, that her imagination had deluded her, or that she had
 heard one of those unaccountable noises, which sometimes occur in old
 houses. The same sound, however, returned; and, distinguishing
 something moving towards her, and in the next instant press beside her
 into the chair, she shrieked; but her fleeting senses were instantly
 recalled, on perceiving that it was Manchon who sat by her, and who now
 licked her hands affectionately.
 111
 Perceiving her spirits unequal to the task she had assigned herself of
 visiting the deserted rooms of the chateau this night, when she left the
 library, she walked into the garden, and down to the terrace, that
 overhung the river. The sun was now set; but, under the dark branches of
 the almond trees, was seen the saffron glow of the west, spreading
 beyond the twilight of middle air. The bat flitted silently by; and, now
 and then, the mourning note of the nightingale was heard. The
 circumstances of the hour brought to her recollection some lines, which
 she had once heard St. Aubert recite on this very spot, and she had now a
 melancholy pleasure in repeating them.
  SONNET
 Now the bat circles on the breeze of eve,
 That creeps, in shudd'ring fits, along the wave,
 And trembles 'mid the woods, and through the cave
 Whose lonely sighs the wanderer deceive;
 For oft, when melancholy charms his mind,
 He thinks the Spirit of the rock he hears,
 Nor listens, but with sweetly-thrilling fears,
 To the low, mystic murmurs of the wind!
 Now the bat circles, and the twilight-dew
 Falls silent round, and, o'er the mountain-cliff,
 The gleaming wave, and far-discover'd skiff,
 Spreads the gray veil of soft, harmonious hue.
 So falls o'er Grief the dew of pity's tear
 Dimming her lonely visions of despair.
 Emily, wandering on, came to St. Aubert's favourite plane-tree, where so
 often, at this hour, they had sat beneath the shade together, and with her
 112
 dear mother so often had conversed on the subject of a future state. How
 often, too, had her father expressed the comfort he derived from
 believing, that they should meet in another world! Emily, overcome by
 these recollections, left the plane-tree, and, as she leaned pensively on
 the wall of the terrace, she observed a group of peas</t>
  </si>
  <si>
    <t>b'\xc9\x84\x1a{\x90f\x11\xdb\rfY\x87\xd9\xa0~\xaa\xfc\x17\xf9\xcc\xea\x18\x8c\xeej\xe6J\x17\xdd\xfe*\x83\x04\xefKD\x01Z\xbd\xd1\xf0\x8b\x8d:;\xcfg\xd9\xc0^\x10m\xa4\x8c\xc7\xa7\xb5\xf0q\xc3\xb3\x08\x17#'</t>
  </si>
  <si>
    <t>c9841a7b906611db0d665987d9a07eaafc17f9ccea188cee6ae64a17ddfe2a8304ef4b44015abdd1f08b8d3a3bcf67d9c05e106da48cc7a7b5f071c3b3081723</t>
  </si>
  <si>
    <t>b'\xc9\x84\x1a{\x90f\x11\xdb\rfY\x87\xd9\xa0~\xaa'</t>
  </si>
  <si>
    <t>three of her sons were to pass the
 night. The place was wretched enough, but there was no other for these
 people to sleep in; and, with somewhat more of delicacy than was usual
 among the inhabitants of this wild tract of country, she persisted in
 refusing to let the animals have the same BED-CHAMBER with her
 children. This was a tender point with the muleteer; his honour was
 wounded when his mules were treated with disrespect, and he would
 have received a blow, perhaps, with more meekness. He declared that his
 beasts were as honest beasts, and as good beasts, as any in the whole
 province; and that they had a right to be well treated wherever they went.
 'They are as harmless as lambs,' said he, 'if people don't affront them. I
 never knew them behave themselves amiss above once or twice in my
 life, and then they had good reason for doing so. Once, indeed, they
 kicked at a boy's leg that lay asleep in the stable, and broke it; but I told
 them they were out there, and by St. Anthony! I believe they understood
 me, for they never did so again.'
 He concluded this eloquent harangue with protesting, that they should
 share with him, go where he would.
 The dispute was at length settled by Valancourt, who drew the hostess
 aside, and desired she would let the muleteer and his beasts have the
 place in question to themselves, while her sons should have the bed of
 skins designed for him, for that he would wrap himself in his cloak, and
 sleep on the bench by the cottage door. But this she thought it her duty
 to oppose, and she felt it to be her inclination to disappoint the muleteer.
 Valancourt, however, was positive, and the tedious affair was at length
 settled.
 It was late when St. Aubert and Emily retired to their rooms, and
 Valancourt to his station at the door, which, at this mild season, he
 40
 preferred to a close cabin and a bed of skins. St. Aubert was somewhat
 surprised to find in his room volumes of Homer, Horace, and Petrar</t>
  </si>
  <si>
    <t>b'\xe7Z\x07e\xd7\x83u\x1f\xf4\xc3\xa0rH\x07\x18{\xb4\x8c\xdc1\xac\xf6\x8f\xcf\xa0\xbe&gt;rF\xe0\xdf\x15`\x9d\xe5`"y\xd73x\xd4!w\xd2\x179\xa0K]\x19\x8c\xe2\xfd\x97\x11\xb0\xdb\xa2\xbc\x037i\xb7'</t>
  </si>
  <si>
    <t>e75a0765d783751ff4c3a0724807187bb48cdc31acf68fcfa0be3e7246e0df15609de5602279d73378d42177d21739a04b5d198ce2fd9711b0dba2bc033769b7</t>
  </si>
  <si>
    <t>b'\xe7Z\x07e\xd7\x83u\x1f\xf4\xc3\xa0rH\x07\x18{'</t>
  </si>
  <si>
    <t>focus on the big decisions first and worry
 about everything else later. Address a pain point with your product, reach out
 to those who have that problem, and then get feedback (preferably in the
 form of sales). The longer you search for the ideal product or the ideal
 branding, the longer your product lives in fairy-dust land rather than in a
 reality where it can secure you that financial freedom.
 Iâ€™ve known far too many people who get hung up on designing packaging
 when they should be getting their product ready to sell. They work and
 rework a logo, change out the color of their plastic wrapping, consider a
 hundred different fonts for their brand name. Honestly, if youâ€™re selling a
 product on Amazon, most people wonâ€™t even notice your packaging. For the
 customer, the packaging is a brown Amazon box on the doorstep. If the
 product speaks to them, theyâ€™ll get it regardless of the plastic you wrap it in.
 I donâ€™t want to give the impression that design features arenâ€™t important
 at all. The branding, the logo, the overall designâ€”thatâ€™s all going to be
 important in expanding your reach. But you can change that later. The only
 things you canâ€™t change later are the things that prevent you from taking a
 sale in the first place.
 Your job now is to eliminate all those things as quickly as possible.
 Concentrate on getting the research done, so you can get the product right, go
 to market, and start taking sales. If the packaging isnâ€™t up to your dreamed-up
 standards, come back to it after youâ€™re moving inventory and money</t>
  </si>
  <si>
    <t>b'\n{\x16\xe2\xd5o\xa0\x10\x9cF\x97C\xcd\x10\xab\xfd!$\x9f\x9d\xdf\xa9\x98\'\xc6=E\td\x87e\x87;\x1d\xfd\xdaC\xba\x16B\xc5\xfd\xb7\x9d\xaa\x1b\xc2BSJu\xb1|\xd1T\x99\x85Q\x02\xc6\xcb\xdc#\xc4&lt;R|E\xaf\x91\x8b\xaa\x84!\xce-i\xb6\xab~7h\xaf\xeb\xa0m\xdb\xa8\xf8\t\x1a\xa7v\xa5\xd1\xf2\xe0\xf1R\xbeW\xbd*\x8b\xe0\xe8B\xc8s#\xa1\x80,\xbd\xbe\xf4\xfa\x92\x06\xcf\xb3\x7f\xc57\xb2&amp;\xa026_\xdd\xbf\xca*\x05\x16\xbd\xfcr\xc5\x17\xb9\xdew\xea\xe0e\xfb0\xaah\x8e\xec\x93\x01,\x95k\x8e\xea\x1c\x13\xe9\xccBy\xd6/9\xb7\x10\x1e\xb6M\xc7\x04\x0f3\xec^\x1a1\xec\x08\xa5\x87\xc3R\x1e-\x94\x06n+e\xa0Q\xd8\x16\xe4\xbe\xc7\xddB&gt;\xfe\xb7n\xc9N\\h\xba\x99\x07\xd1sfi\xb6\xc4&amp;\x02\xfa\x05\x7fJWR\xa26\xc5\x1f\xf8T\x11\xa7"\x9a\xe6\xd8\xf7\x87\xaf\xfb]\x1d\xba\xdf\xee\xfe\x98z\xe0\x9f\x9b\x07\xc9\xd6\xb1\x06\xe9rm\xd4\x0f\x98r\x9e_\xdd\x1e\xefkb6\x8d$\xd9\xce)oJ\x03\x85\xf9A\x06\x96\xb0\x90;\xce\xd5\n\\\x9c\xb0\x1e\xc6\t\x92|\xae4\x8d}j\x9e{\xe2\xd1\xc8\x9b\x11\xec\x9a+\x92\xb8\xe4\xfd\x87\xeek&gt;N\xc7+2\x02\xaf?+\xad\xce\x0eG\x7f\x0e\x95\x11\xc9\x9b\xfc\xb4,!8\x80\xacbd\x03\x81xn\x90\xe8\xdd\xb0\xbbO(B\xf6I\xfbE\xac\xd4Q\x97\x1e\xa9\xf8\xa3\x95.\xaee\x96(\xd2\x93\x00\x87\xd6\xd8\xfe%r\xc3\xd4\xfe\xa1/8v\x12O\x9e\xa1\x81\x90b\x00\r\xad\xce\xc0u\xbe\r\xabr_2\xe5~N\xe4\xdc\x83\x8c`h\xf8\xba\x0f\xa2\xe6r\xb7a\x9f\xe1nJ\x17W\x9b-h\x88\xb6~N1o\x90\x05\xd9R\x06t\x9cR\x8a8\x8a\xb1\xee\x16\x83\xa0)Qc\x85\xae\xe5\xa8\xd6x\x0bZyEq\xa6\xa5\xd3s\xf7\x0b\x96\xdbEy1\x19\x85\x8ak\x03\xca\xee\xb0\xcf\xb1\xd1\x96\x01\x1a\xce\xd4\xd4\x11\x93\x0c\xd2&lt;\xd8\xc3[9\x94R3\x87\x1c\xe2\xdf\xde\x1b\x8c\xbb\x99\x11\x91#\xf0\xff\x03\xb5V\x83PI\x10\xc5$\x01\x9a\xed\x8d\xaf\xf8I3\xf3yEh\xcdd\xd8\x97MQ\xcf\xc3\xada\x9d\xd6\xd1\xaab\x10Q&lt;x\x8f\xcfpu7\xeb\xadLh\x02!\x0e\xdb\x18m0\xc9\x9b\xe5&amp;7\xfa\xc1\x98V\x16\xd6\xfa\xf6i=\xe9\x1e\xcb*\xd6\xac\xae\x0c\xb2\x1d\xec\x9dyp\x91Kd4\x95)\x8d\xa5D\x936\x8e\'bo\xda\xdf\x8a"Sw\x04\xda\x87=t\xd0\xd3\xdb\xa9\xee\xe3\xa2\xccb\xf3x[\xce\xfd^\xcaeW\xda\x8a\t\x00\x8d\xfc\xa1\xe5tD\xc9%\xab\x10\xa9/\xf7\xb2\xbd\rm\xdc\\\x93\x01%O\xdcnDkf\xaak/\x80\r\ra+\xad\xfa\xc1\xe9m+\x98\xa5\x06a\xbf\x90\xd9\xf6\x18Q\x81\xc5\xd3\tw7Y\x99\tYf\xd3\x94B\x9f\xf8\xe2\x10\x9eQ\xd3X5\xdd\xcc\x02\xd7\x0fN\xe5-\xdd\xaf.E\xed2|\xcc%\xac\xcbq&amp;c\xdbF:\xe0x\x054\xcb\xa8d\xf61F\x87\xf5\x9d%!\x99x-L\x03\x06kg1qc\xb1\xd1!Y\xd5\xf9.\xb0\xb5\xd7\xe1\xa5\x00\xfa\\x\x9ft\x9a&lt;al\x11\x92\xdf\xa5\xf6\xb9U\xbd\xc9,\x08\xf1\x91\xb7\x89"\xa0\xb1\n\n8\xec\xcb\x00x\xe5\xa4\xa2\x82&amp;\xf0\xf1hZ\xa3\xf8p\xf3?[\x1b\x9cVU\t\x97\xadm\x12)\x81\xd0\xbeo\r\xf8\x19\xf7kZ\xa9\x99\xf5xx4\xae\x00\xda\xd3\xe4N\x13\x9fy\x14\x88\x87\xc8\x8c\r\x1cJ\xe0)\xb9\x0f\xa6&amp;\xf2\x82\x8b/N\x03k\xb96\xee\x98GD\xd4\xca"r\xde\x93\xf9\xab?\xa3@\xb2FW\x8dx\xd9\x88\x95{l\xc2\xf1\xbf\xad\x12\xd4&lt;k\xac\xb1\xb0\x05\xbd\xd6\x9a\xb6\xcc\x95q\x02\xa9\x92y\xf5\xd5\xf0\x18\r\\&amp;\xf0\x19\tR\xed\x06\xffcw\xe5\x05;/ (HSm\x1b\xc4`h\xb73^oT\xb1\x91\x1a\x00\xbc\x9d\x7f\x19\xef\xd5\xb0\x1f\xa9S"U\x9fb\xef\x9a\xe0D\xe5\xb2T\xb5q\x9e\xe6R5\xfd\r\xd4u\xdfN\x15Z\xe3q]\xf3\x8d\x93\xec\xff_\x0c\xe5\xe6K\xd8\x89i\xcbN\xf4\xe08\x86\xb4\x02\x98\xe7\x11/\xbb\x97\xe3\xe3T\xbb\xde\xedT\xbf\xc7\x8e\xab:R$\xd1w\xf0z3\xb2\xc5\xf2y\xe8\xad\xab\xc9\x1cY\x8b\xf2I\xce\x16,y\xec\xa3\xc8\xb1\xa7\xd4\x8f\x8f*\x00Bxr\xae\xaa\xf2\xf6\x8b\x8b;\xaa\x19\rg\x90\xc2g#\x81a&gt;\xfa\xa0\xa9S6\xd3\x90\xd34\xbbk\x10\x08\xa0\x8a\xc9\x87\x82W\xf9#\n\xa7\xa6\x11\x7f_X\xd5b\xc1u\xb7\xd04\x7fC\xf0?^PY\x00\xdd=\x10M\x8e\xcc\xc6H&gt;\x1f%C$\xf6\xad\xbc\x97\x7fP\xd2\x8a\xfe\xc6\x07e"M\x0b\xc9h\x85\x80\x81_^\xdc\xd9\xb6\xf5\xfe\x8bh\x80Xr\x9bC+\x1dz\x12\xa8\xe6\xc3\xf0\xed\x7f\xfa\xffI|&gt;n\xea\x91\xd86\xe6\xd5\xb7\xd3~\xa71\x8aq\x8c\xd7\xfb\r=\xe9\t\xdc\xc8\x89\xf0\xd7a\xb6\x89\xbc99\x10\xef\x1e\xb1\xe2\x17;M\xa69\xda\x81\xf0p\xe4\x1f\xeak+&lt; \x84\x00\xb20w\xe1\xb4~\xc9:\x97\xdc\xa0\xb3x6\xbah\xf0d\x1eX\xa0_i9\x1c\x11\xcf\x99\x8bN\xe7\x91\x9d\x02Sh\x11\x1a\x8c\xb9L\x914T359\x8aQ\x8e4\xcd\xbf\xbc\xcd\x84Z\x0eCI!\xb7l\xba\x0cj\x19#\x7fDL\x07\xb2\xaa\xea\xb0\xa4\xe9\xb9\xd4\xba\x11\xc9dY}Z\x91kfg\x83H\x0eF&lt;8\xea\xd1Km\x16\xaa\xa8\x9b\xb2=\x9d,\x94\x19\xaeD\xbe&lt;-_\xcc\x06\xe5Y\x94\x92%\x1b\x16e7\xcf@Q9A\xb4\xdd\x881N~z\xa3\x90\xbd\xaa\xcd\x16\xd6\x83\xef\xa0Q\xe8\x99\x8d\xe0\xf52\xab3%\xef\x13d;k\xd2\xd2l[[$\x88\xa4\x8f\xbb(?\x1e5U\xdbH6\xf83%v9\xfb\xf9\xa4\xd9\x06)\x0f$\x0c\xa5\xcbPw\xe1:\xc2\xbe\xd25\x8a\xde\xacO\xb4\xe0\x94\xa6\xa6\xc8m\xfa\x94\xe0=m\xa3\xda\xd5\x9a\x05\xb7J\xa8d\x10P\x85l\x98\x18q\x85\xfbB+\x96\xd5\xa1\x96&lt;OdLhI\xd9\x03\x03\xadN\xcd\xc5!9\xd4\x82\x89\xe2'</t>
  </si>
  <si>
    <t>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</t>
  </si>
  <si>
    <t>b'\n{\x16\xe2\xd5o\xa0\x10\x9cF\x97C\xcd\x10\xab\xfd'</t>
  </si>
  <si>
    <t>atch, "an here's daffydowndillys. Eh!
they will be a sight."
He ran from one clearing to another.
"Tha' has done a lot o' work for such a little wench," he said, looking her
over.
"I'm growing fatter," said Mary, "and I'm growing stronger. I used always
to be tired. When I dig I'm not tired at all. I like to smell the earth when it's
turned up."
"It's rare good for thee," he said, nodding his head wisely. "There's naught
as nice as th' smell o' good clean earth, except th' smell o' fresh growin' things
when th' rain falls on 'em. I get out on th' moor many a day when it's rainin' an'
I lie under a bush an' listen to th' soft swish o' drops on th' heather an' I just
sniff an' sniff. My nose end fair quivers like a rabbit's, mother says."
"Do you never catch cold?" inquired Mary, gazing at him wonderingly. She
had never seen such a funny boy, or such a nice one.
"Not me," he said, grinning. "I never ketched cold since I was born. I
wasn't brought up nesh enough. I've chased about th' moor in all weathers
same as th' rabbits does. Mother says I've sniffed up too much fresh air for
twelve year' to ever get to sniffin' with cold. I'm as tough as a white-thorn
knobstick."
He was working all the time he was talking and Mary was following him
and helping him with her fork or the trowel.
"There's a lot of work to do here!" he said once, looking about quite
exultantly.
"Will you come again and help me to do it?" Mary begged. "I'm sure I can
help, too. I can dig and pull up weeds, and do whatever you tell me. Oh! do
come, Dickon!"
"I'll come every day if tha' wants me, rain or shine," he answered stoutly.
"It's the best fun I ever had in my lifeâ€”shut in here an' wakenin' up a garden."
"If you will come," said Mary, "if you will help me to make it alive I'llâ€”I
don't know what I'll do," she ended helplessly. What could you do for a boy
like that?
"I'll tell thee what tha'll do," said Dickon, with his happy grin. "Tha'll get
fat an' tha'll get as hungry as a young fox an' th</t>
  </si>
  <si>
    <t>b'\xdbL&amp;U&lt;l\xe4\xe6\xb0\xf0\xf1\xd5\n\x9d=\x01L\xec\x00\xc2\x1b92\x0bIgw\xd6;Z\x93\x9a\xe0\xc5\xd5b;h\x93i~\x8b\xdf\xbf{\xb4\x0e\x84~C)\x13W\x8b5\xde\x00\xc4\xd4\xa2\x9b\xe3\xdc\\l}L\xf6\xa9\xc3Z\x1c8\xb3\x17\xdf\x88\xcb\'7\xe3-_\x00\x08,\xb3\xa0\x1a\x863\x9b\x108\x98g\xaa\xd3\xe5\xb8)\x1b\x19\xbf\xad\x8a}\xb9\xf1\xa7u\xb3\xa4\xd2&lt;\xa6)&lt;\xfd\xbd\xffd&lt;\xb2\xa2&amp;5\xe6\xbc\xe2\x96\xd3)\xd7\xd5\xd1\xe4\xb3\xdd\\8\xf2u\xd6B7\x03\xd6C\xc0\x15\x9au\x04\xf4\xce\xfcR\xf6K"v\xa1y;Cjp\x9e\xf0\x7fmF\xb4D\xea\x15V\xd99\x96\x08\x1c&amp;(\xb7\xf5(\xbc6\xb8\xb3\x0e\xdb\x1c%(\xc8 J\x8d\xab\xcf\xa0v(\x94\xba\xd6\x14\x99r\xf3&lt;gc\x85I{\x1c#=K\x14Ed\xa77`\x01x\xb2@\xfd~\xb5\x9c\x86\x0b\xfa\xd34\x08=\xe3@\x81\x1b\xa3u\x08X1D\x17?#\xd3\xa6M%\xab&lt;\x98#)\xf7?\xc0(_J*\xd5\xdf/\x85\x1a\xd0`XF4Kl$\xcd\xfd\xb0\x0c{$\xcb\xe5\xa6\xe8j\x86\x15\x10g\xebvq0\xd1\xde\xb2\x9b+D\xdb.6\x8f\xae]\'\x88\xb4&lt;x\xa3\x0e\xd8H\xf1\xf6\xa7iW\x13=k\xba0\xf3,\x0e\xd8\n\x19\x97\xe8\x8ef\xf8/\x8f[\x1b\xeaX\xcd\xc5b\x1e\x8c\xda"&lt;U\x9f\xa0\xf9\xcaoPp\\&lt;\x85\xd7"G\xf6t\xb2\xab&lt;\x81\xd7*\xc5\x8f\xfd\xady\x1b\xf4I\xcda\xb1\xdf\xeb\xd0^\x8dw{\x1a\xc3q\xe2\xb4\xfa\x01\xe5\xaa\xe4\x19\xf0/\x96O\x8c\x80\x14{N\x18\xb1z\xbf(\xb6\xa4\xcf\xd1_{#"\xf8%\xc6\xcb\xec\xa6NS\xb1\xea\xcffy\x9ex\xcdL\x16g0Jo\x9d\x81\x14\xf48\xe0F\xa0\xce\x1b\x1c\xf1-q\x192)E\xa2\xa6\xe0GM\x9f\xb9$ \xa8\xb5\x81\xcc\xb1\xe7+\xcf\xd4\x90\xe5 \x1c\x01\xfcI\x8bn[P\xa4!\xb2\x11T\td%7\xed\xc1\xfef\x0c\x07j\x11\xf55\xaa\x8e\xd0Q\x14\xc1\xc9\xa1\x1e\x00+\x053\x04\xd5\xb8\x07\x05\xbdr\xee;\xa3u\x11\xb7\xac\xb3\xe8\x7f\xd8\x92nf$K\xd73\xb8\x05\xa4U\x17\x16pj\xe5\xdaw\xa6\xc4\xda\x86=\xe4C\x08w\xbdr\xb4`\xbc\x844:&amp;\x97\xedI\r\x13\xd2\x1e4\x1f\xf2\xb5\xd9\x05\x07\xad\xaf\xbb-\xd1~\xb1\x0b\xe3\x9a\xf9\xe2\x06\xc9\xf7\x97x\x80RT#D\x10\x13\xe5\xf4r\xf6\xddW\xda\xc7\x903X\x07^\x9c#\x8d\x8b]57\xc3\x1en=\xcd\x9e\x9d\xda\x84^\x80`\x11\xe3\xbdq&gt;\xa2\xb1\x1f\x02:\xf80\xb4.X\xbf\x14\x1by1\xde2v5fy7\xaa\x1e\xdb\xc5}\x8f\x8e\x95t*\xbf\xf5\x11\xc4\x02G\xde\xfa\xaf\x075\xdb\x8d\xef\xe3EWk@\xe5\xadW\xff%\x90\xc5\xc5\xb9\xd0~\'o8\xe7o\xc3u\x94\xfb\x0b\xc9\x9eh\x88\tq\x87\x0b\xd570z\x93A\xdaS\xdbw`(\xf6\xe7\xd3p\x9a\r\x04&lt;\xe2\xa0\x1eJK\xddPG\xde\x17\x0bW7z\xdf(&lt;\x16[lf\xf4?\xd0e\xaa\x06\xb0+\x86\xb3\xc8\xc3\xd6]\xd4)\xd0\xd82u\xb5\xe86]\xcf\xc9\xd3\xcf\x0f\xe4&lt;4\x1a\x01B\x04\x8b6\xe50Pw\xf1Ke\x92\x1a\x83\xc6J\x11?\xbd\xdd\\$X\xf2\xa6\xa8)\xa4Y\x87\x12\x13\xcc\x82\x82\xad,|\xf5|\x9a5{a\x0e\x16\x170\xc1\xbe\x84\xfa\xf9V\xefi_\xeb\x0b%\x02C\xe4+\xa2\xfe\xc5%\xa3O\xaf\x1a\xc5\x84\xbd\xdbG\xdc\xae\xb7\xaf\xa1\xa4\x968\x9a\xcb(r\xbb\xc4N\xa1\x9bL\'\xe6\xddW\x00\xdap\x98\x8d\xda\x83\xdf\xef\xbe\xf8@Y\x9cvJ\x83\x86q\x02\xa6H\t\x91\xa4\x98\x81+b%\xc7\x1b\'XK\x9c\xcdd\x0e\xab\xf0\xb7\x07\xcc\x0ejo\xb9&lt;\t\xb8\xc3\x98\xbe\x83\xce\x12\xe5\xeb%\xc6\xe1F\xd3\xf9W9\xb7\x14J9sx?\x8d\xc89Q\x9d\xdd\x98m=\xa7\x15A\xed\x0c\xafX\xc12py9\x94\x05m\x13\x18\xbb\xc2\xb8H\x10\xcf\x8eM\xe5U\xff@\x01\xfc\xef`\xe7\xbb\xb8\x94\n\xd1?]\x91\xa5\xff\x8b\xdf8/\x81Z~&gt;\xef\xe9\x82\xbb:\x08\xbbJ\x81\xc3D\x1f\xe6\x19\xe3/$J\xaec\x1a#\x00\n/\x04\x17\xc4g\xe3\xe3\xe4&gt;k\xe1\xa4\xf8\x08(B\x95Wc\xe8\x86/\xc1\xd4]s\x02\xb4RT:\xb5\x13\x81\x1be\xf2\x86L\xa4Z\xc76\x9f\xf8.\\l\x7fI\x15\xe8\xf4~tk\xf6Hs\x8f\xba\x89(\x1bS\x81\xa3\xa7\x8b\x9b\xecc\xd3H+in\xa8\x16\xa51]\xfd\xd9\xf8?w\x01\xa4&gt;x\xf0\xe4\x9bSu\xaaGP}\x1f#s\xa2\xc6\x05\x84r[a\x0e\xd2B\xf5?v~\xf0\xe9~\xe4Y$\x8e\x05\x9ba\x01\x835\x0b`|\xa7\x96\xb4F\xbf+:\xc7\x8a\xd1\xd0GB\xe4\xdc\xf2\x1ak\xbd/c~\x1a\xef\x84\xc5+^\xc6nNW\x8a\xaa\x7f\xe3\xbe\xee\xcd,\xf8\x97\x15Y,\xb3\xfb\xa3l\xa7HbO\xb4\xae\x90\xb1&lt;\xcd\xba\xa4n\x92\xa9K0v\x8fiY\x82/h\x8c\xde\x91\x86P\t\x1b\x1d\xc2\x0c\xec2\xf3\xd6L\xa1D\xa66\xf0\xc2\x87Q6m\x03\xd4\x86)p\x01\xfa8l\xe1n$\xc3\xc60\\v\xfe\xcf\x01q\xdf\x1eI\xb7\xcb{b\\T\x0e\xf3\x08s\x1e\x1ez\\j\x19\xeer`s\xb66\xc5\xe5tI\xc7q&gt;\x1c\xd0\x9bR\x87h\xcaj]\xd0\x0f\xeb\x1c\xc5D9m\xd8G\xae!\n\x0bGg\xa7jA\xd8}\xf0\xafH\xc5\xf2\xe3|x\x06D\n\xb2\x9f\x9b\xa5\xf8\x84"\xa0\x9cv\xdb\x95\xf8$\x840s\x7f\xa2\xf8\\g\xb1\x97\xee\x9f\xd1Y\x1c[\xf1\xa1\xa2\xcfV\n\x12j3\xb8cX\x10\x1b\x05\x82\xa3\x9b\xde\x94\x8a\xa8\x1b.\xcf\x93v\xd4\xf8!\'\xe8[\xdb7\x8f\x00\x1e\xc7\xa2\xcd\xa3\xb5\x07i\xbeo\xc73G[\x8c\xb4\xb4\xce\x8a\x9fp\xee\xd0{f-\xacG\xd5_\x17\x17M\xcfO\xc8@\xc5\xf7L7c=\xd4\xc4\x8e,$\t\nl\xa0gu\x96Z\xe3\xae\xddrh\xf3\x97\xb5\xbb\x13\xf4\x18\xac\x03m6\xb4\x81/X\xa5}ik_t\xc8EY2^\x8e\xbd\xe6\xa0*h\x01\x12\xd2\x9b\xae\x17\x14N\xa3\xb1\xd6\xfb\xb0\xf4L;\xbf@c\x9c\x0bL\xb2\x0c\xbf\xf4\x1b\xae\xc9T\xbc\xefOG\t\xdd\x1e)\xceP\xf2\xa0\x02R\x08#c\xbc\x14\xafi\xd4\xb6\x0fF\xd6\x7f~\x1f\x0f\x94\x08&lt;n?\xbc\x90\x92]\x12Mlg\x85\xb1_(F\x967&lt;\xe2-\x93q%9E\x8b+L6\xa3e\x8bx\xe1\xcd\xdcb\xcdK\xba.\xa33\x14iS\xb8)\x12\xf6\xd2\x15f\x11r\xb2\xdf|\xe0-r\xbf\xb6\\((\x13\xa3\xf5s}\xc5`\xc7\r\x8e\xc6\xc1\x8a\xaf\xa6\x11ku\xc3*\xc5\xf0\xca\x91\xde\xe3\xe9W\xe2.\xd8\x89zF\xae#\xfc+*\xb3f\xe3EY\x9e\xbc]9\xd9\x82\x8ek\xdd/\x97\xac\xe5\xf9\x10\x055\xe1\xf9ul\x7f\xeas\x1fic\xf3\xe1\xe4k#}U\x18\t\t|-\x83\xbb&amp;\xcc\xde\xbbU\xcdcd`\xf8\x16\x92\x97\xcc\xd6\xf2\x97\xe66\xe4:N\xcd\xa3\xf9\xb3\xb5\xfd\xbbH\x170\xc4\xd3\x16\t8-S\xb4G|\xb1\xdc\xc4\x0e\x92\x1f\xea\xc7,\x18\t\xb1\x8d\xa8\xaa\xc5^\x975\x88\x05\xc5\xd4\xbd[-\xa9\x87I\x91\xb0Zp&amp;\x8b\x0f&gt;\x05\xae\xa3\xf1\xe8\x1c\x02\xde\xc6\xf2J\xdc\xfe\x00"jz\x1d\x0c\xe2\xc7m\x86\x1e\x9an{`\xc1\xc1\xe3`+\xcd)?\xe7\x1e\x12\xac\xa8\xd1\xa1\xcajv\xa3\x9a\x81\xacaZ\x02\xff\xca\x7f\x1a\x13q*\xd8\x0299\xacmf\xf0\xfa\x11\xf8\x885i\xbe\xd5{\x04\xcd\xee\x07\x01E\xfa\xcb\xf2OA\xa4|\x94\x1c\x15T&amp;\x8e\xe1\xb0\xf8F\x92\xe6x""\xad\xc1\xb92q\x1d\xed~.\xd5\xa7?q\xdd\xcatsux\x89\xb3\x86h\xfb}G\x1b\xca.\x15\x9b"[\x99\x1f\xc4\x0fG\xf4\xfc'</t>
  </si>
  <si>
    <t>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</t>
  </si>
  <si>
    <t>b'\xdbL&amp;U&lt;l\xe4\xe6\xb0\xf0\xf1\xd5\n\x9d=\x01'</t>
  </si>
  <si>
    <t>sleep than awake, he gave a great spring and
landed directly upon the monster's back. Then, with one blow of his
heavy paw, all armed with sharp claws, he knocked the spider's head
from its body. Jumping down, he watched it until the long legs stopped
wiggling, when he knew it was quite dead.
The Lion went back to the opening where the beasts of the forest were
waiting for him and said, proudly, "You need fear your enemy no longer."
Then the beasts bowed down to the Lion as their King, and he promised
to come back and rule over them as soon as Dorothy was safely on her
way to Kansas.
113
CHAPTER 22. THE COUNTRY OF THE QUADLINGS
The four travellers passed through the rest of the forest in safety, and
when they came out from its gloom saw before them a steep hill, covered
from top to bottom with great pieces of rock.
"That will be a hard climb," said the Scarecrow, "but we must get over
the hill, nevertheless."
So he led the way and the others followed. They had nearly reached the
first rock when they heard a rough voice cry out,
"Keep back!"
"Who are you?" asked the Scarecrow. Then a head showed itself over the
rock and the same voice said,
"This hill belongs to us, and we don't allow anyone to cross it."
"But we must cross it," said the Scarecrow. "We're going to the country of
the Quadlings."
"But you shall not!" replied the voice, and there stepped from behind the
rock the strangest man the travellers had ever seen.
He was quite short and stout and had a big head, which was flat at the
top and supported by a thick neck full of wrinkles. But he had no arms at
all, and, seeing this, the Scarecrow did not fear that so helpless a creature
could prevent them from climbing the hill. So he said,
"I'm sorry not to do as you wish, but we must pass over your hill whether
you like it or not," and he walked boldly forward.
As quick as lightning the man's head shot forward and his neck stretched
out until the top of the head, where it was flat, struck the Scarecrow in
the middle and sent him tumbling, over and over, down the hill. Almost
as quickly as it came the head went back to the body, and the man
laughed harshly as he said,
"It isn't as easy as you think!"
114
A chorus of boisterous laughter came from the other rocks, and Dorothy
saw hundreds of the armless Hammerâ€“Heads upon the hillside, one
behind every rock.
The Lion became quite angry at the laughter caused by the Scarecrow's
mishap, and giving a loud roar that echoed like thunder he dashed up the
hill.
Again a head shot swiftly out, and the great Lion went rolling down the
hill as if he had been struck by a cannon ball.
Dorothy ran down and helped the Scarecrow to his feet, and the Lion
came up to her, feeling rather bruised and sore, and said,
"It is useless to fight people with shooting heads; no one can withstand
them."
"What can we do, then?" she asked.
"Call the Winged Monkeys," suggested the Tin Woodman; "you have still
the right to command them once more."
"Very well," she answered, and putting on the Golden Cap she uttered
the magic words. The Monkeys were as prompt as ever, and in a few
moments the entire band stood before her.
"What are your commands?" enquired the King of the Monkeys, bowing
low.
"Carry us over the hill to the country of the Quadlings," answered the
girl.
"It shall be done," said the King,</t>
  </si>
  <si>
    <t>b'D\xfa\xb8\x03\xeb\n]\xcb\x18I\x02R}\x9f%K\r\xe7\xfc\xe0\n;a\xd4\xc1\x9e\xb9\ry}d/\xc5\x16f8sk\xfa\x03\xfe`\xf6\tHR%\x85\xc3\x02-\x11\xc6\x8a\xf7=_\xa0k\xc9\xa2U*+LY}@*_\xcb\x81\xd0\xdaDP\x1e\xdb\x93\xe8\xbaWx\x13\xa0\xba\x96\xe2b\x02\x0b\x90\xb9w\x0e_\xf9an\xbf\x19\xfezZR\xea\x81\x9bs\x81o\xb0"\xf6\xa8\x1fX\x96\x80B\xe8\xa9\xd3/E\xa1\x0f\xc8\x9d\x9a\x1d@\x80\x90\x08\xcd.\xe0\x9a\x7f\x03\xdd\xe9\xfbYo\xa9\xdf\xc0\xb5\x94\x7f\xb7\x8d\xd7!\x92\x1d.3\x91\xad\xa1\xa0Z\xc3/\xf9\xd2\xf1\xb2B\x83\x98\xbcj\n,R\x9f\t\xf7\xe7\x11\xb8\xdf\x15\xd5\xc6eUG\xe4qKV\xf51\xb4wc\x1b6\xb2\xd7\xa3\xff\xa4\x94\xa9\xd5,X\xad\xac\x99x#\xee\xf5\xcbO\xe6\xd5%\x06\xe4j\x12).\xaa\x076Km$\x06\xa6\xe4\xf1_.\xda?\x17\x82&amp;\xd7\xaf\x06]\x7f\xbd\xf3\x84)I\xb8\xf0;\xe5\x1f\xd7\xf1\x9eA\x05\xc3!\xdfP\x93\x9d\xbc4\x1bv.\x04\x16\xa6\xfd\x8b\xb4-\x07&amp;*\x1b\xa0`Z\\o&gt;\xfa6n\x00e\xed{ \x0b\xda\xecSh_J\xe3\xc4\x92#\x1b\t\xb1\xab\x02\xeaN\xae\xecY\x95\xaaMl\xa3\x1bYp\xe5#\xbd{A4q\xfd\x0c\\\xd1\x9e\x1cl@O\xd9\x83.`e\xd3\x84\xed\x03\xa4\x1f\xc5\x14\x8bZ\x81\x08c\x9f&lt;8\xdft\x8a\x9e3\xe1\x9fGv\x86\xbdq"\\H\x80~m\x84\x93\xe7\x1bm\x00\xb4\xe9-z\x9d+\x04\x9e\xfdn\x97\xde\xd2X\x14\x0b\x14\x15IgwJ\xff\x0bm+&gt;i#\x08\x85p\x17\x05\x15\x8d`\x97y\xc2\x8e\xa4*B\x8a+\x1d\xc7\x93;\x9a\xc9\xd8\x0f\x08d\xe6\xb1e\xf3\xa1\xbd?\xc1\xe3\xfd\x15\xb0%\x0c\xc0"\x9a\xdf\x1f\r/L\xd5\xc3\x86\x8f1\xea\xf1R\x87\xbb\x88\x9ae\xd9\x8b|\x8d\x1bn\xcd\xdc\x1e\xd5\x8f\x87\xa6X\xe2K\xdeB\x1do\x97\xb9\xf4\x97\x0f\xd5\x89\xb8y\xecA\x90P\xab5K\x05\x1a\xb3\xd3\x8d\x99\xb5\xe4\x97^\x02\xf9\xb7\xad\xb1\xfbN]\xd7\x0eY\xd7\xf3\x1b7\x16\xdbz\'\xf1\x04I\xc5\xbd\xba\x8f\xb9~\xdc\xfb\x00\x02\x1d\nXZ\xab\x15U\x85\xb9\x93Jf\x0b\xd2"\xde\xe5\xc3\x88\x11vs{VW\x86&amp;\x82kU{\xda&gt;\xae\xc2BGA)\xacF\x00\x0f\xe1\x9f\xcb\x1aG3\x07\xf6\xdf\x17u\x17lnr\xd8\x8f8_\xb8\xe4\x81G\xe7M\xc7\x03]\xeeK7\xeb\x9akq\x81\xcb\x8c6;Y\x1f\xe9\x91\x00W\x83\x01\xd7\xd9\x82)\xcf\x1ez\xa8@\xca\xfb\xe3\x8a\x90\xa4\xdd\xe3e\xb6\x90\xceo\x9d\xdb\\Z\x1f\xce\r\xf1\xac/_\xe6\xb2G\x9b^~\x13\x1d\x19i\x93\x1fl\x9fBM^Z\xf9\x7f\x00\x14\xf6\xc1\\\xcar\xe1\xaf(\x0e\xb4e\x9b\x7f\xc9\x18G\x0f\x02/\xa6\xdc\xe5\xdb\xa8\xd1\xb8\x16\xd5\x0er\x15jn\xfaa\xe2\xfe\xbdU\x0f\x15!k\xc1\xccB\x960(T\x8aq\x14]\x8a\x96)sD\xe0\x9f P\xacr\xa1\x8d\x88\xc9\xf0\xce\xdf?\xf8^\xa8\xd2@J\xb9\x03\x9dS\xf1\xf4\xb5\xb5\x8eh\xb2W\x10\xe5\x10c\x0e\xc4\xff\x1b\xb1\x137\x86\x1a\xc7\xee\x13\xfemR\xea.\x07\xf6Q\x08\x8ar\x86\r\x8bq\x17Z\x8a\x15\xb0\xdaO\xce\x0f\x14\x1dxr\x91\'\x1a\x99\xa4\x8afv\xdf\xb5\xba\xc9l\xa4{*I\xa9\xbf\x8b\xe3\xfe_\x1d\x02\xc7Mt\xa7%z\xa9Ul*\xee\xa7f:\x12\xcb`$\xfc{R\xa5}\x89\xc24"\x1f\xd2\x19\xce;y\x08\xdd$i\x8f{\xc9\xe1\xa9\x83A\xa4[\xd1\xb6\xbb\xe3\xe5\x12^\xe8\xbc\'\x84&amp;D\xcdI\xa2u\xc0\xa6\x92\xf3\x06\xdb\x1bA&amp;\x95&amp;\x08J\xa0\x80\xcf\xaaJ\xe2\xa8l\xfe\xa5.GQ)\xb1&lt;\xa0\x91\xb7\xef\xc4\xfd\xf8\xb3\x97\x8a\x04\xdb\x848\xab-\xb6\xccG\xec\x8c\x1f\xdf\xc84\x9c\xeb\xe4\x85\xd0A\xe4\xda\x9a:\xa1m0{Nmv\xd5\xbc\x81s\xfd@\t\xa6\xae=))\x82\x93!\x85\x1d!N\xf0\x88\x02f$+\'j\xd05\x91P.\xb7\x8b\xfe\xb0\xba\xe3\x0cvg\x15i\xaf&amp;?\xe0;\xda\xae\xb6\x088HD~\xa0?\x9b\x15\xa3\x88\xf1\xf6\xc2\xf5\xc08p\x99,\x98\xf6Hv\xab\x7f\x9e\x80\xf8)\xfa\x7fz\xea\x85\x84\x86\xd3g\x18\x1ed|R\xfd)\x0e\x13Y\xe8\xe0\xb9u\x15\x89Y\x9ak\xd7G\xe7e\xb4`\x14c$1\x8cb\x16\xfe\xda\xa8\xe4\x151\nK:IjU\xd5\xfe\xf1c\x06\x8en\xc3p\xcc+\xb7\x01\xed\xf3aR\x18\xa1\r3\xa4\xb34\x9dZ\x8c\x10K\xf5\x90B\x08\xd5\xa9\xc6\xec\x04`\xbc\x9d\x86\xf0\xe9$\x9c]j\xec\xf7C=\xb3\xe9\x8aL\xf4&gt;\x17/\xdd\xd0\xbb\x80\xce5\xa5\xfd\tm\x0cFPj`\xf4\xe9\x9e9&lt;\x98V\t6\xabY+J:m\xa1\xfd\x14\x1b\xddVg]\xedJ\x93\x7f\x06\xdc\xf9Li&lt;1\xa55\xd6A\x94\xfer\r\xef\xb6\xc8X\x18:\xad\x0f\x10\xd2@\xa3\xec\xb5[i\xa2\xcc\x00EK\x102\x91-.\x1b\x87\x15\x15\x97)\xdc\xd0\x15B\x03s\x9e8\xdfUN\xf28\x1bZ\x1a\x94\x06\xb9\x9c\x18\xc3}ime\xcb\xa6\xea\xe5\x02u\x1b\x04Rt\x9c\xd7wNU_b\xddP\xd9Ww\xfd\xfcm,\n\xe6\x9b\xbb\x81&lt;,\x86\xd0\xb4\x18k\xfa\xdd\xfc\xb9\xe4\xb3\x1a(&amp;H"\x93\xdcq\x81\x15\xc8\x93\xdb\xb9&gt;D\x05s/\xe2\xc6\x8c\xc32\xc87\xc8?\x07\xfd&gt;b\xf9\xa2"\xc8\x9e\xca\xc4\x14\xcd\xae\\j\x1c\xe6\xc0\xbe\x88\xf5XY\xd4\xd4e\x00\x95\xc4\xd8xH\x94\x9a\x01\t\xf6\xe0\x8b\x9d\x98\xa5\x92\xe3\xfc\x95\x97\x8b\xc99\xc5\xd5\x80~\xa6\xfcN\n6v\x03b\xf4:\xedO\xc7\xba{\x90+x\xdd\xdc\xce\xe9\xb4X\x90\xf1B\xa9e\xc5g\x18\x17I)l\xe9&amp;\x0b\x8e\x04y\x83\xd9\x9c\xc3\xcb%\xcf\x0e\xf0\x7fA\xb5\x13{})\xd4\xed__e\xd6\xe7\xe9\xdf\xd8\x13\x1ez\xe9\x0e\xd1]\x86\x8d\x86\xfc\x15S\x0eI\xf6j|\x88\xa1\xa7\xb2(\xf0M\x08XNu\xa3n\xe3N\xd4\xe6\x18\x83\x85\xf7\xdc\xa9\xb9\xbaf\x1b\xfd\x02)\xb2\xb8b\x8b\xfa\x94N\xadM1\x86x\rO\x05c\xd9\xb0\xd7\xf1\xa7\x1e\xba\xcd+}\xc4RKR\x02\xc2H6X\xb9\x15\x1d(\x1eb\x1f\xd7\x8d\xf5O\x1e\xce_\x9f\xcas\xf2[\x8c?\xc6\xc1\x042\xb0[S\xc9O\xdb\xff\x84\x10N\xf5l\x0c?\xb4\x1f`\xc3Rk\xee\xce\xf9\xfcV=\xaf\x0f|\xe1\x93f,{#6\x95\xb8&gt;\x15\x93\xee\xf0\x16-\xc8+x\nP\x8ejR\xff\xb5\x88\xad\x16#\x964L)\xa77s\x06=z\xd7\xfa|]\xa4\x85\xc3\xb2\x9bQ\xaf_\x8d\xa6&lt;\xc3\xe9\xcf]\xc3\x95_\xb1N\\\xf5\x93\xa3cfZ\xf0{\xadA\xa5\xceJ\xec\xf5\x8c\x0b\x90\x01_\x08\x1a\xa8\xe4|i\x1b\xec\xcb:\x84\xfac\x7f*\x12\r\xc6\x84\x8d\xb6\x92|\x91+sP\r\x06:\xef\xb9\x8eS{\xca\x100\xd33\xe3#\xf2\x14_\\g%#7G\x1e\xaf\xfbS(2\n\x18\x1fH\x04G.\xe7\xfdf!\x11\xf0\x8c\x95*\xe5"\xd3\xf4\xd1\x8f\xe8\xdd\x82\xd39\xf8\xa2\xee\xac0C\x1f\xa8r\xc4\xd9i\x8eY\xa71\xc6xOQ\xb3\xc6\x87\x87!\xdb}\xd78\x8a\xdd\xaa\xa4\xcc\xf5K\xcb\x1e\xf5E\x8d\xa6\x0b\xb9\xda\x01\x01S\xe5W.\x0c\x7fT\x81(\x05a\x8f\xa4\xa4b\x1e\xe7\n]\xde\xc6\n\xe2#\xc4t\xd3\x81\x1e\xb7w\xb2X\xcd;\xa29\x19\xc3\xd6\xbd;\xfe\xbc\x91m\x8d\xcdF\xfe\x9f\xb3\x9d\x9c\x87R_ \t~\xf6_\x86\xb8\xf9\xd1&lt;QE\x18p\xb6\xf5\x1eu\x96\xa7D\x99\x00\xc4bw\xf5\xfd1\x80\x0fz\xe1\x17"P\xc9p\xf0\xe4\xa2ji#Q7\xa5\x7f\xc7g0\xbcC\x16\xf0\xeaXN\xe0\x15\xb2\xc8\xe1\xf8\xe3\xb7\x9e0H\x9c\xc8\xdc\x19C\xa3e\x02.d\xb9k\x97TGt%\x84/\xb2\xf0[\xfc\x91\xef\x12\x94\xa6\x00)\x03P\x08,6\xe9\x91v\xfb\xac\xa0*\xd0Wc1J\xeaJ\xaf\xd4Z\xaa\xcaG\xaa\x10/~d\xa6\x9c\x8f\x1d\x16\xbfu&amp;y\xael\xceo\xb27\xb4\xff#(\x02\x8c6\x98\xe3\xad\xfa5\xbf\xe5Z\x82h\xa2 -\xac\x12l\x11G\xa0\xde\xb6\xb8\xca\x89`\xcb\xe84\x9f"\x99\x85\x93S\x1f\x8f\x9c\xb6\xf6\xc6\xbdH\xff\x9c\xb3\xea;:\x95+\xff\xddj\xab\xf1\xa4a\xeb?\xe84\xdad\x0e\x90\x1c\xbc\xc3"\xcfr\'\x0ecvE\xcb\x85\xa6\xc3\xbbn\xd4w|\x16\x81\xd7\x80\xc3A\x89v\x18T\xc10\x8a3\x05,\xbbe~x\x9b\x1a\xb7\xda\x1dX\x80\x8e!\x0c\xea\xec\xb7,\xc1\x8e\xf47y\xfa2\x7f!o\xe8\x03\xe6\xdcB\x14\xacea\xc2\xe7\n:9N\x0c\xc8\x03\xb1^\xd9\xa7\x03\xdf\xc0!\x19z\x1c\x9d\xa0]\xdfg\xf3\x01\xeb\xd9C\x01BQ\xb3\x9aAU\x1e\x1b\x1e\xcbd/?\xe5\x84\x7f\xe3d\xfd\x14+\xc6\xb8\xa40\x02\x1c\x07Px\xe9\x1d\x7f\x01\xe8Cl\x1dq\xd6\x12\xd3&gt;U\xa1-nH\xf8\xea+\xdb\xc7\'\xeb\x80\xdd\xa5\xb5V_\x00\xba\xfc\xa2\xde\xb0\x15\x0bD&amp;wHfb?\x1f1\x086\xe7\x01\xc4\\\x8c\xbc\xcc\x89\xdeO\x07lKf\xbc&gt;\x86(#\xa6\x02E4\x8d@\xc2\xe82\xd9\x10\x14\xa9\xab%c\x83\xc4\x0c\xee\xa7!p\'\x06\x90u\x8ak1\xa8\r\xc2c&amp;\x1a\xab\xd5"S\x90\x0e\xd4\x18\xd4\xf7\xc46\xf3\x19\x91h\xed\xdfh\xc6QBc\xdbo\xae \xe3\x05=\xd49\xf3\xaa\x1b\x8cwr\x0c\x03\xb2\xa2\x84\xad4p}\ra\xd7t0Lp\x81F\xc1\x8azk\xf2{\xdd~\x8e\x0b\xdd\xbc\x18\xaa\x95\xfd\xb7\xbdq\xe7a\x85\xe5&gt;Vg\x9d\x18!\x059\xa88\xbft,\x0c\xe9sY}2\x03\xe4F&amp;\x85\xe3\x1a\xea\x9bobgL&amp;\xac\xa5\x14\xa8&gt;}\xb9\x19c\xe6V$Q\x98\x8f\x0b\xa1\xf9\xd2-*\xcc,\xca&lt;s\xb4\xf4I\xa3\xc9\xa1\x9f\xeb\x99\x93I\xc3[\xebY\xbb\xfd\x92!\xb8\xfa~]~u\x9a\xecau\xfa\x95\x05\xa3\\\xa0\x8ecsH\x1cmn\x7f\x9cPt\x8c\xad\xb7\xc7\x02\xb1u\r)\t;\xff\xc1\x88#4\xf6\xf0\x14\x0c\xfb\xb4\xb3\x94)C|\xea\xabf\xfe\xbc\x90(\xfe\xcf\xd6&lt;\x88S\xca\xc4\xe5D\xe4\x04OZ\x9a#\x9ary\xca\xabi\x93eo\xc6-\x1d\xa4\xa7\xaf\xa6\x8d\xc2\xaa\x13\xdc\xd6\xc1\x9e8\x869e\x99\xbc+\xc3\xe8\x83:,:\xf1;\'!\xe0\x8a\xd8\x0b\xffu\xaeH\xd6,\x1d\xf9/NU\xf5I\x9e\x03\x91\xa1\xb5%\x0bc@~\xa0b\xa3\xbd"\xd5y\xa1\xb4\x92\x9f\xc2\xcc\xa1\xc3\xbe\x1e\xc4\xfa\xeeu\x16\xa7G\xa8\x85\x8d\x1b?\x0ex\xcd\xed0\xf9l&amp;\x84\x9e\x8f:D\xee\x00\x1a\x99E\xec\xa9\n\xf6z\xa1\xab\n(\xd8i\xf4\x17l\x8c&amp;\x9as(\xfb"+\x16\xb0Yro\xf8kO\xa8\x01\xf1\xe2\xc3S\xf8\x86\x06Fl\xea\x9a\xc9C\xbf|\xf8\xc7\xbdW\x98\x18b=z6\x05[\x8f\xa0\xbd\xde\x1cM\'K\xd8&amp;\xeb\x19h\x9a\xd9b\x9f\x7f\xfd\x86\x9f]3W\xf9\x9br\xc5\xde\xa9\xc09FO\xc4l\xda\x18\xd5\x9e\xfd\x837\x84\xef|\x1bl\xa6\x01\x83[\xab\x1cu[\x0f\xe0{Ug\xdf\rS\xe9\xc0N\xd7t\xb0\x06\xf5s\xcf\xc7\x92\x11"+\xbb(o\xce\x98r\x1bF{_k\xd2{\x00\x85\xebA\xab\x9b\xd5\xd8L\x1b\x04`\x98\xaa\xa3ug\x92RX\x95\xfa&amp;\xd8\xf4\xe2\x8e\xc8\x98\x1cR\xaa*\xb0\xd0O\xdf\x18\xd1\xdb\xd6\xf4\xabq\xef\x03\xb6hW\xd7\xc1\xbc\r\xd3\xacx\x90\xcd\xe9\x15\xfa\x87h\x82\xcdG\xad\x8b\'\xea\x94Z\x88\x0c[i\x1eRU \x9ba\xa8;\xcc&gt;\xe7\xbc\xecL\xceE\x8b\xa6\xc39\x88F\xbf\x8e\xe0C[;\xd01\x85\x89(#\xf6\x8f\x80\xde\xc8{F\x04\xcdq\x9f\x8b\x81\xe2\xe6\'\x86*\xd9\xf3j\x8e1YZ\x1f\x0fF \xd2\xbc\x9e3K\x15\xc5/\xd7pa\xdd\xa6\xc1\x9c\x93\xaf\x13\x81\x11\x0fK\x86\xd3\x99\x91w\rp\x87\x00\xd0\r\xe2\xe6\x91\xa9\xfd\xc2\xf5\xa6\x97\x0ba\x05\xd6b\x91LFgy\x02\xec+\x10\x04\x90\xc0\x0fP\xac!\xd9Cj\x1a \xd5\x1d`\xa9\xdd\x86\x8e|\xdb\xf9\xf1\xear\xcdc\x84qhF8\xed\x8f\xfa\xf3i\x01\x88_\xb6\xb9\x8e\xe6/\xd3\xcb4\x02e\x1c\x9aQE\xab\xb4&lt;\x86:\x01D\xdd\xcf+\x1e\xbe\x11&lt;hY\x82\x0e\x86\x83Z\x06\x8e\x1c\xa8\xaf\xf5\x07\xea\x86]\x0b\xf7\xde\xb69\xb0A\x81\xc7u\xbe\xbd$\xa1U\n\x92\xac\xb8\xa1C\xc5Yh\xd6-\xf2\xb4\xf44\xfc\xd9\xa6o\x9dl\n}\x1a\xbb\xac\x0f9\x01\x04(F\x9a\xe7\x96\x00\x9f\x01\x12\xd8ae\xff*\x04\x96X\xa6\xeb^\xea\xac|\xee\xe3$\xf0SA\xc4F\x9eM\x95\x13\xca@\xee\xcd\x13\xb5\x1b@T\xb3\x91\x15\xed\x1bE\x84\xbf\xc6\xa6\xe1\xd6\x17\xf8\xdaO\x07\xc5\xa2H\xd1\xd7\x0f&lt;\x1d\x92\x0eu\xdb\x90\x83\xed\xdc\xc6\xa0\xaa\xbc\x8f0K\x8c\x8cJ]~\xe4q{\xc1\x9bN\xe9wk\x8c\xc3{\xd8\rs\x91\x82m\x93\x11D\xee?\x03~\xdda\xcd\xf1d\x1c\xd3\x94\x81\x007\x80\xe8R;\x08\xad\xf0\x8ep\x19\xaa4V\r'</t>
  </si>
  <si>
    <t>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</t>
  </si>
  <si>
    <t>b'D\xfa\xb8\x03\xeb\n]\xcb\x18I\x02R}\x9f%K'</t>
  </si>
  <si>
    <t>of Parisian dances, and a view of the rustic festivities of peasants could
 afford little pleasure to a heart, in which even the feelings of ordinary
 benevolence had long since decayed under the corruptions of luxury.
 The Count had a son and a daughter, the children of a former marriage,
 who, he designed, should accompany him to the south of France; Henri,
 who was in his twentieth year, was in the French service; and Blanche,
 who was not yet eighteen, had been hitherto confined to the convent,
 where she had been placed immediately on her father's second marriage.
 The present Countess, who had neither sufficient ability, or inclination,
 to superintend the education of her daughter-in-law, had advised this
 step, and the dread of superior beauty had since urged her to employ
 every art, that might prevail on the Count to prolong the period of
 538
 Blanche's seclusion; it was, therefore, with extreme mortification, that
 she now understood he would no longer submit on this subject, yet it
 afforded her some consolation to consider, that, though the Lady
 Blanche would emerge from her convent, the shades of the country
 would, for some time, veil</t>
  </si>
  <si>
    <t>b'\xca\x8b\x045\xd3]?\xfe\x1fNH\x9f\xd4\xfa\x86\xa8\xe7\x107\x8aL\x0f\xd6M\xfc\xbf\xeb\xf5\x82\x08\xe0\xa4\xfeC2HX\x1f\x8e\xbd\x13k\x19\xff[pf\xf8\xc3\x12\xaf\x9c\xdff\xc6"\'M\x15\x17Qwc\x16'</t>
  </si>
  <si>
    <t>ca8b0435d35d3ffe1f4e489fd4fa86a8e710378a4c0fd64dfcbfebf58208e0a4fe433248581f8ebd136b19ff5b7066f8c312af9cdf66c622274d151751776316</t>
  </si>
  <si>
    <t>b'\xca\x8b\x045\xd3]?\xfe\x1fNH\x9f\xd4\xfa\x86\xa8'</t>
  </si>
  <si>
    <t>down upon the ground, when people
 385
 spoke to him; and to look at people from under his eyebrows, as it were,
 all so dark and frowning. You have seen him, often and often, at Venice,
 ma'am. Then he was so intimate with the Signor, too. And, now I think of
 it, I wonder what he could be afraid of in this lonely old castle, that he
 should shut himself up for. But he is come abroad now, for I met him on
 the rampart just this minute. I trembled when I saw him, for I always
 was afraid of him, somehow; but I determined I would not let him see it;
 so I went up to him, and made him a low curtesy, "You are welcome to
 the castle, Signor Orsino," said I.'
 'O, it was Signor Orsino, then!' said Emily.
 'Yes, ma'amselle, Signor Orsino, himself, who caused that Venetian
 gentleman to be killed, and has been popping about from place to place,
 ever since, as I hear.'
 'Good God!' exclaimed Emily, recovering from the shock of this
 intelligence; 'and is HE come to Udolpho! He does well to endeavour to
 conceal himself.'
 'Yes, ma'amselle, but if that was all, this desolate place would conceal
 him, without his shutting himself up in one room. Who would think of
 coming to look for him here? I am sure I should as soon think of going to
 look for any body in the other world.'
 'There is some truth in that,' said Emily, who would now have concluded
 it was Orsino's music, which she had heard, on the preceding night, had
 she not known, that he had neither taste, or skill in the art. But, though
 she was unwilling to add to the number of Annette's surprises, by
 mentioning the subject of her own, she enquired, whether any person in
 the castle played on a musical instrument?
 'O yes, ma'amselle! there is Benedetto plays the great drum to
 admiration; and then, there is Launcelot the trumpeter; nay, for that
 matter, Ludovico himself can play on the trumpet;â€”but he is ill now. I
 remember once'â€”
 Emily interrupted her; 'Have you heard no other music since you came to
 the castleâ€”none last night?'
 'Why, did YOU hear any last night, ma'amselle?'
 386
 Emily evaded this question, by repeating her own.
 'Why, no, ma'am,' replied Annette; 'I never heard any music here, I must
 say, but the drums and the trumpet; and, as for last night, I did nothing
 but dream I saw my late lady's ghost.'
 'Your LATE lady's,' said Emily in a tremulous voice; 'you have heard
 more, then. Tell meâ€”tell me all, Annette, I entreat; tell me the worst at
 once.'
 'Nay, ma'amselle, you know the worst already.'
 'I know nothing,' said Emily.
 'Yes, you do, ma'amselle; you know, that nobody knows any thing about
 her; and it is plain, therefore, she is gone, the way of the first lady of the
 castleâ€”nobody ever knew any thing about her.'
 Emily leaned her head upon her hand, and was, for some time, silent;
 the</t>
  </si>
  <si>
    <t>b'\x1e\xf0ddU}s\x91\xf8/\\\xa7(\xf5:\xccj\x99d\xe1\x82\x9f\x96#\xbc\x8f\x18c\x1c0\xb2\xce[\xb7\xb9Aa\xe9\xfa\x0f\x94\x03?c\\\x12\xf6\x99_\tW\xd1&lt;\x85)x_\x92l\x08\xcfz7\\'</t>
  </si>
  <si>
    <t>1ef06464557d7391f82f5ca728f53acc6a9964e1829f9623bc8f18631c30b2ce5bb7b94161e9fa0f94033f635c12f6995f0957d13c8529785f926c08cf7a375c</t>
  </si>
  <si>
    <t>b'\x1e\xf0ddU}s\x91\xf8/\\\xa7(\xf5:\xcc'</t>
  </si>
  <si>
    <t>f his body that our new hand was worth his salt. 
 Forty paces farther we came to the edge of the wood and saw the 
 stockade in front of us. We struc</t>
  </si>
  <si>
    <t>b"\x07R\x96\x9b\xacS_pi\xa7\xd4\xfa/\xb4\xfa'\xbdE\x93\xd6+\xf3\x10\xce\xbbAq\xdei\xfbr6\xfeN.2K\xc0\x1d\xeb\xd4\xf6gu\xbb\xd7K\x08\x8eg\xd9\xbf`w\xc0fS\\.\xe3\x86R\xb7j\x9c\xc1KW\xfa-\xa9^\x8a\xc4\xa7\xfbH\t\xf6S2\x80a1q\xda\xb1@Nt\xd4\x07!\x9f\x95\x7f\xb3TgXz\xb8\xfe\x1c\xb1\xe5M\xe1&lt;\xa2-\\\\\xef\xf3]\xc5\xb8P\x02\xf5o\xf7 \xcdq\x10L\xcct\xd8v\xc4\x0b.\xb6B\x14\x9b\x90\x97\x02\x86\x05\x89\xf0j\x86\x1a6\xb2\xeb\x81S\xa0fA\xdb\xc7\xc8\xfc\xf3\x9f\x94\xa8/J\x18\xf5\xc5\xebn\xf4q7\xa0\xee\x15\xec\x8e[\xcaU8's=\xd3\xeb\xb5\xd3\x1e\xe4\x07E\xc0\xd9\xc6\xe8\xfb\x9f{8Jk\xb3\xa0\x80\xdd\x95\xad\x05k\xf8\x92\xf7\x89Q\x87cWT\xaatU\x97D\xc5'TV\x97\x9c_\xe8\xf9\xc5\xde5\xf1cI\x81/\xb1\xe5\x97\x86 H\xf1\xf1\x11m\xbfz"</t>
  </si>
  <si>
    <t>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</t>
  </si>
  <si>
    <t>b"\x07R\x96\x9b\xacS_pi\xa7\xd4\xfa/\xb4\xfa'"</t>
  </si>
  <si>
    <t>create success right off the bat. It went from selling
 subscription-service blades to selling a whole suite of inexpensive,
 convenient, and effective bathroom products, shipped right to the customerâ€™s
 door.
 Were Dollar Shave Club razors that dif erent from Gillette or any of its
 competitors? Not at the time. But they targeted a different person, and it
 worked. In 2016, Unilever bought Dollar Shave Club for $1 billion. It wasnâ€™t
 valued on the strength of repackaged razor blades from China. It was valued
 on Dollar Shave Clubâ€™s ability to get the attention of its audience and turn it
 into customers.
 Most entrepreneurs fail because they try to make a product for everyone.
 They waste their money on mass advertising, using messaging that never
 connects with anyone. If you want people to pay attention, you need to
 market to a specific person, not just sell your thing.
 If you do this, you might eventually get the attention of a big company
 that wants to acquire you. A company like Kimberly-Clark may buy one
 paper company that targets parties, another that targets janitors, and another
 for families. Itâ€™s the same with Unileverâ€™s purchase of Dollar Shave Club.
 These big companies arenâ€™t just buying up brandsâ€”theyâ€™re buying up
 markets.
 In other words, if you carve out a specific group of people and tailor your
 brand specifically to them, you will attract raving fans and the attention of a
 future acquirer. In this book youâ€™re going to learn how</t>
  </si>
  <si>
    <t>b'\x7fT&gt;\x9e\xb8V\xd0\xa5c\xc9\xba\x8d@\xc6\x9e\xe5\xbe\xb4X:\xb3\xed\x9a#\xf5\xf2\xb4\xa9\xc3\xcd\xa4\x8e\xf0P\xb9\xeb\xb6&amp;e\xbc\xe5\n\x911~\xe5\x0e\xda\\C?@K]\xb7\rm`\x86\x10\xd8\xb2\xdc\xf1\x14\xb6\xbf\xbc\xa6\t\xb7\x15\xa3[\x12\xbb\x14]\x84\xec\x90\x8a\x8a\x84\xd8\xe5\x85\xda\x9e\xa1\x9cX\xb7)\xd8\x14\x19v\xee\xc0V\xf6\x08\xfa\xfd\x12v\x85\xbc[\xc1\x86{\xebi*Y6\x02\xc3\xcb\x07\x04\x19\x19Q\x19\x8b#\xacXnk\xe0\xab\x9fX\xb9SJ_\x10\xa8\xfb\xae\xbeq\x8e\xb7\x1e\x89\x97\xcf\x8aW\x16gX\x12\x9a\x8c,\xbd%\x1c\xe2a\x8a\x177\xfbX\x97\x97\x8a)l\xe9\xe8="\xecN\xcb\xeb3\xad\x16\x8b\xf1\xde\x90LSP\xb4\x85\xb3\xf0\xe4wv\xf4\xf4\x8f_-\x1f\xe3\xe4\xf3$#\xd2\x94\xbb\x192\xcb\xc0\xbeSt\xbeUX\xd44\xda\xa2d\x9d\x8a\x19J\xea\x8f\xcc\xdd\xcaXMn\xca\x11\xdc\xf7\t*\x0b\xb3UU$[\xa9\xcb\xa4\x11(\x85M\xf0\xdf\xb3\xda\xd3\xdc\xf7\xd3\x0f\xe4#\xe9\x99tP\x16i\xd7\xf2\x15X`V\xb9\x11kJ\r\xf6\x04`\xce\r\xcelK\xca\x03\xe2\xf4\x99[\x9aatk\x019)Z\xf4\xc7\x8f\xc2#"&lt;\x86\x8a\x97\x06\x0c\n6){wg\xbb\x98p\xe8l\x11\xea\x88\xf6\xd6 \xbd8\r\xea\x18\x17\xb6\x06gc\x9e\x03yht\xdbD\x8f\x14\xdf\xd9O\xb9&gt;9\x9d\xcb\xf3\xe4\x9c\x9a\xd9\x00\xaf\x0b\xdf(I\xd6\xc2\xfe\x0e\xc3P\xf8\x07\xe6&lt;\xeaH)\xf3\xfa\x02\x1f\xa9h~x\xf7\xfb\xa1\xf5Q^\xe1\x85\xad\x0f\x88\xa0\xd2%\xd9\x08\xed\xfe\xc4\x8eJ2r\x81$"L\xee5\x9c\xcd\x1a\xc1\x81\x07*p\xf9\xe2\x0eh\xad]5\x8c\xbc/b&amp;\x1b\xe0"\x04\x06W\xd6o\xaa\x81I\xa2\xd9\xd2\xbc\xca?\xac\x1d\x10\x82\'\xfa\x999y\x98\x99(\x18g/\x0b\x18\\\x1f\xb6n:\x85\xb3\xbe\x8c\r\xfe\x9d?\xfc\xe0A\xee\xad\xb3MF\xbc\nA\x9b\x91\x84\xc9\xdd*\n\xfc\xf3\x02\x1cd\xc3D\xffm\xc9\x963\xe4\xef#M\xbc\xec\xfbR\xabu\xfd+5`5Wq\xdd\xc6\xc4{\xceVB\xefKr\xb2\x08b\xb0D\x03\xbc\x96`j\x12Zk\xa7\x82f7\x08[\xab\x0b\x91\x8b\x89"1g\xad\xc9\xf6\xaa=I\xd7\xe3W\x9c\x8b\xf3tq\\\x1d\x14\xc9\xf7\xbd\x91\x9a#\x1a\xc0\xeb\x1f!/p\x86|I80:6\xc5\xbcV&amp;i|\x05\xe8\xb2\xca\x8a\xd0\xee4\xf6\xd3&gt;\x99\r\x93Y\xc3\xd6_\x10.&lt;\xa1Hte\xcc\xc8\xd54)\x8a\xc8\xfd&lt;Z\xaeE\xc4^\xbdE;A\x19\x93\x7f\xa9"\x10V\x12\xaeL\xc7&amp;\x9a\xb2ze\xe0\x0eGm\xdb\xab\xcb\xdf?\x84\x19w\x1djw\xc4\xd2Q\x8d\xf5\xf0\xba"2\xe2\x82\xeay\xa2\x1b\xb1\r\xfc\x90\xb1\x05-f)\xbaNf\xec\x08\xa6\xd2V\x1f\x813\xd1\xc5]\xd7\x91\xd24\xa5\xc6zM/\xee\x8c\xf0\xc4\xd2V+\xc6Y\xd16\xac\x11\x10\x06\xd5S\xb2=3S\xa5\x81\x11j\x93\x8d\x01\x81+9\xeb\x15O\xe0\x82\xb5=;\xcb\xd2\xceD\x87\xd6\r6\x03\xfb\x12\xb0R\x86w\x17]\xf2\xa6{\xf8\xf8\x0f\xe1\xec\x18\x10\x9ax\xc1\x8ch9\x03\x86\xc8i\xedv^\x95\x1e*\xff\xfeP\x8f.g\x0e\xbaEE0\x89\xf7dV^^\xdf\xfek\xe8\xdf"\xe9"\x06\xb1"\x8e\x80*D\x14\xe2\x96\xaf-\xa0\xad#\xd1\x18W\x1f\xdb\xb3\xe4\x0b\xdc\x9aQ\x8e#\xd4y\xfa\xc8\x00;\xf9\xed\x9f\x9e\x85\xebJ\x85\x03\xf6&amp;\x7f]^\xbf\x8e\xfb\xaa\xcd)\xbb\x00\xdb\x9f\xb5\x8a\x16\xb3\xdb\x15\xdf\x00F\x00y\xfb7\xc2t\x08\xf6\x03\xbd\xe7~\xf6\x0ft\xd4\x83&gt;\xc1\x91\x01\x0f\x14\x87\x05S\x0e\xe5\xc1\xda\x96\xd6\x9d\'\xce2\x8c`(Zf\xf7cVO\xfd\xbef\x91\xf5\xfe5\xdd%2Z0b\xea4v[#=@l\xd2\xe9*\x9bZ\xad\xd5\xac\xe9\xea\x92\x14\xd7\xc5Z\xfc\x00\xeb\x8b\xf5\xcd\xdf]\xd0\x97\xa8_S\xfbY\xb2O!\xd8=\n\x1cQ\x06Rc%\xe8\x92\xc1\x84\x9bWX|\xa2\xfb\x16rj\x1f;\x94\xb4l|\x9b\x80\xe7\xfe\xb3\xbe\x05\t\xe4\xa9\xbf]}\xe1p\xc8\xc0\xc4\xed]\x0c\xae%\x14\n\x1b\xb5\xf2\xf9\x12\x0f\x981\xa4\xf5\xf6$;\xfb\x12&lt;g\xa4\x93h\x90\xfd:H\xabBc\x0c.\x16S\xb4\xb0\xdc\rX\x11\x8f\xa0\x9b\xb5\xc5\xe1wdRHO\xc4^\x13\x0f\x9ee\xd3\xd1\xf5\x95\xec\\\xfe\xad^\xa9=\xe7\xdf\xd7\x9dQ\x00\x08\xaa[\x08\xd8\t\x84\x1aWi\xa3\x96\xa1\xf3\x7f\xe1\xf7\xc3\x08\x92\xc3%L\xe5H\xda\xd9\xbeD\xe0\x16\x9e66\xa5\'\x17\xe4\r\xf2\x89h\xbf\x14\x02\x812`^\xf6\xfc\x84@\xf2\x89\xd3\xce[G@4\xec\xa9\x85\x10\x07\x03\xd3\x9f\xe5s\x03\x1f\xae"v\xc4\xab\x05h\xf4\xca\x889\x96\x1d\x19\xb3MB`\x85\xdac\xfeOz\xb9A\xa0\x1c\x9cA\xf5\xbaa\xe89\xa3\x1d\xe3G\x9e\x17\x00\x8e\xb8\x91]V\x9bF\x9f\xf5\xdb\xafK-\x9cy\xd1\xbf\xf0j\xcc\x05\xe3\x8bL\xb1\xde\xa7\x04\x9d]B\xcf\x7f`\x7f\xf2\xc3\x17\x93\xc5\x9aNB\xab\xdc\xd6\x1a4\xb0h\xb4\x99Q\x06\xe5Xf\x11\xe5\xdc\xdbg\x85\xfct\x1e\xd8\x830\xbd[\xed\xf0\x8e\x89\xde\xfc\xfd\xb7\xcf4\x90gy;H\r\xc2\x87\xa2\x0c\xc1M$\x13\x19\x07Z\xb5\xa4\xf3\r&lt;\xbc\xee\xd6TP\xce\xe3ah\xbbj#\x9bE\x87[\xf2wB\x14Z8\xee7\x837 \x07\x8dO\x06B\x7f\x11\x06+z\xc7%8a;,\x8e6^K\xd3V=9p\xa0!\xa7w\tx\xa5\x02CKWp\xfbE\xf6y1U\xbc9\xb2 \xc0_&gt;t\x1a\x8e\xc6\xfc?;\x02GG\x1c\x97\xcdw\xaa\x8b\xce\x98\xb5(\x98\xc5\xda\x14\r\xb9\'\x9eE\xefP\xa3X\xf9V9:a\xd0'</t>
  </si>
  <si>
    <t>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</t>
  </si>
  <si>
    <t>b'\x7fT&gt;\x9e\xb8V\xd0\xa5c\xc9\xba\x8d@\xc6\x9e\xe5'</t>
  </si>
  <si>
    <t>on her nest, as large as
life an' twice as natural."
Then Mary knew Dickon had meant the picture to be a message. He had
meant that she might be sure he would keep her secret. Her garden was her
nest and she was like a missel thrush. Oh, how she did like that queer,
common boy!
She hoped he would come back the very next day and she fell asleep
looking forward to the morning.
But you never know what the weather will do in Yorkshire, particularly in
the springtime. She was awakened in the night by the sound of rain beating
with heavy drops against her window. It was pouring down in torrents and the
wind was "wuthering" round the corners and in the chimneys of the huge old
house. Mary sat up in bed and felt miserable and angry.
"The rain is as contrary as I ever was," she said. "It came because it knew I
did not want it."
She threw herself back on her pillow and buried her face. She did not cry,
but she lay and hated the sound of the heavily beating rain, she hated the wind
and its "wuthering." She could not go to sleep again. The mournful sound kept
her awake because she felt mournful herself. If she had felt happy it would
probably have lulled her to sleep. How it "wuthered" and how the big
raindrops poured down and beat against the pane!
"It sounds just like a person lost on the moor and wandering on and on
crying," she said.
She had been lying awake turning from side to side for about an hour,
when suddenly something made her sit up in bed and turn her head toward the
door listening. She listened and she listened.
"It isn't the wind now," she said in a loud whisper. "That isn't the wind. It is
different. It is that crying I heard before."
The door of her room was ajar and the sound came down the corridor, a
far-off faint sound of fretful crying. She listened for a few minutes and each
minute she became more and more sure. She felt as if she must find out what it
was. It seemed even stranger than the secret garden and the buried key.
Perhaps the fact that she was in a rebellious mood made her b</t>
  </si>
  <si>
    <t>b'e\x1b\xb0a\xb9\x86\xc5\xebg\x9dm_\xe3\xf7\xbej8:\xad\xa4f\xb6\xeag\x94\xe3\x02\xac_\x1a\xe3\xdc\xc4\xffO\xc8\xd5\xc5y\x83\xa4t\xb1\x06\xe5w \x0cOk\x94\xe3n\x8d/"\xbc\x97f_\x07\xae J\x03\x14\xae#\xf3\xd8]"L%\xeb\x1b\xd1*\xa4\x89k\xca\xb0\xfe\xd6)I\x06I\x82\x8e\xfd7j\x01\xd6\xa2\']\xa6\x853$$D0&lt;\xde/\x81\x90\xae\xa7\x89&amp;\t\x92O\xfb1q1,\xfd%fZA\xff\xc7V\xe8_^\xb7\xf1y\x1f\x13\xbf\xd4Tq\x07\x01\x81\xba"qR\x8f\xfd\xd2\xbe\xc3\xe7\x91\xbf]\xa1;D\xc6[\xae\x01\x9c\x89\x9c\xd7\x16&gt;\xe0\x802\xe2?\xb0qoR4\x8b\xf8HqEMl\x05\xe5\xa3\xd8\x11mt\x84\xc7\x96\xb2\xb6\xe6\xe9`)\xd3\xe2l\xc4\xd5\xe9\x83\xc1\x14TlFb\xd3\xd9Q\xdd}5\xe4\xc4\xcdT\x83_v/\xcd\xdb_\xe7\xca\x00Y\xd3\xd6\xdb.^\x98\x1c\xc4\x1b\xe1)\xaa\xa3\xb9\x82m\xf7Y\xa1\xccR\xc6\xf4\xd4\x01\xa5B\x95i\xb2\xb3\x91*P4X\xa57O#\xb8\xe0\xcfL/7#E\xa6\xbc\xcb`\xf4\xf2\x1f\xde\xe1\xd8}\xe9\xfd\x16F\to\xc1i&gt;\x0c,vgM\xc4\t\xc6\xf8\x9b\xa9\xd3\xbe\xb5\xb9\x02\xb82\xd7\xaa\xe2?`\\}\xc8\xfb\xc6\xb1\xb2\xa6\n\x1e\xc8\xa2\x80\x1cz\x1f\xc8\xb3\xcc?\x86\xf2G\tt\x88p\xba\xbbL\xe6\xb6?\xb5\x84\xcd\xc9\x00\xd4\r\xc5EBfs\x9e\'\xce\x9ams\xf3&lt;\x8a.\xad\x1f7\xc2\xda\x898\xdf\xfbF\xea\x8dD&amp;\xc5k([\xbf\xc7\xfdv\xfc\x08II\xc0\x16\xb2\x93F\x03Z\xbfn\x9a\x11m=\x11g:\x92\xb4\xd0d\xe8T\x96J\xdeb\xb2\x87 I\r_k\x13v\xa6\xefkX\xb4\x1d0\x144@}\x98\x05\xe9@\xa4\xbc\xc4\x99\xc2x$=\x8c\x86\xb0*W\xe5\xc3\x89\x1e\x89\x94+\xf3\xd3\x90l\xe5\x8e\xfb\xddd\x80\x7fMe\xf9\xb3\x82\xf2\xb3\x13\x89\x14\x83\xe3s!\x1c\x138\xdf\x9aU\xd9/l\x0b d\x86\xcb\x1d\xec\x01\x9d\xd9\x82}0\xb1\xfcg\x88\x9d\xed\x04\x90\x99\xf1\xf6WP\xe2g\x9b\xc6\x1c\xe9z\xac\x04\x82\x03\xe2q\x90\xc8J\xefy\xb4\xa4\x96}t\x06\xd7\xbf/[4\xa30-\x82\xe6\x84\x05\x1c\xbfX\xd7\xa8\xa3d%\x18\xce\xc4W\xc3\x0c\xb1,*\xc3\x9d\x82\xd2\x1b\xf9@HXe\xcaz1\x8a\xdf?7\xee\x82\xa7\xe1\x83&amp;XY\x05\xef:\xc6M\xd5\x1d&gt;\n\xf7\x80L\xc3H\xc2\x0f\x17\x95k\xeb\xe7\xf2\x1dj\xb9\xd8\x94\xce\xf4.\xc7\x08$\xd0\x9a\xc0\xfe\x15\x17\xa8\xe4J\xe8+\xdb!\xc5\r\\@YI /\xd8\xfc\x8f8g@a\xf4Iy\xeb\x16\xbb\xd0e\x1b\xc5\xf2@\xc6\xa8\xa5\x00%\xd3\xdc91\xe0`\x1f\xf7\'\xf3\xc2\xb3\x99\xc7\x86\xae]E\x1f`\x94\x15\x19X\x11\xab\xd3\x1c\xa0\x9cn=k\xf6q\xf2BeX\x1c\tM\xe0S\xa1L\x18\x0eIU\xbf`\xfcT.~h\x9a\xf69m\xe7\xcc\xbf\x9e\xa1\xad\xa0:b\\\xf9\x89x\xd6m\x83\xd4^\xa1\xef6|&lt;\xe0\x1f\xc5\x03\x9c\xd4\xbeL\xb3-q\x98f\xd7u\x01p~E\xae\x88\xaf\xc2\x9dn\xf4Qq\x96\xeb|\x99(-\r\x97Zv\xb53L\x12\xb5\xcd\xa7\xcd\xbd_Xd\x8c3L\xa3\xb1\x1d\xa00\xfaH\x1a\'\xc0Z\xd1\xfeA\xa6*5cA9\xcf\x1bt\\q\xa8l\xc8o`\x0c\xb0\xc9\x1e\x9c\xcb\xe0,\xbd\xde$\xb0\xc2]~\x93&amp;\x04\x10\xbc{\xbc\x17\xad4\xed05\xef\xb8\x8d\x92\xa4\xa2)[;\xac\xb4\xbb\x08\xd9\x9dI\x8e\x14\xfc\xae2z\xda9\xdf\xd5\x89\xe4m\x94f\x9e:l\x07U\xbfj #\xdd\x9c\x18y\xbf\x19\xca\xf8\x90\xb2+pg[%{\xa9\xad\x17\x16\xf07\xf2!B7\xcfl\xcc@\xfd\xc4\xbbi1\xdc\x83\r\xb3\x0b\x9aA\xc0d\xf1\xf9;\xa4,YX\x93\xcc\x88\xdbsj\x85\x0b1\x92\xfa5g\xaa\x8f\x10cLODV\x87\x1cs\x9e\x02jMxL\xa4\xc4\xb3k\xca[\xd0W\x1b\xddR\x97NYh\x18\xa0 \xffm\xb1+\xbcC\xb1N\xebI!\xa8%\xd3\x1e\x87I\x93W\x1e#=\xad\x94^\xa2\xcf\xeftK\xea\xa4\x0e\xd3\xe5\xfcHA\x11\xf8P\x80\xafb7V \x80\x8e\x0f\xbb\xbe\x8e\x1f\x19\xdeA\xe0j$r\xda\xfe\xdb3_\x94\xdb}\x8e\x81\x0705\xd6\xba\xa7*\x9a\xda\xec\xc8p\xb6\x16\xc7\xbf\xb5\xfb\x8a\xb1,\x86\xcdyb\xf9\x08\r\x8e\x03\x1b(\xfc\x1e\x99\xa0\x08P\xff\xcf7\x83\xbd\x80z\xb7\xdc{\xb3j\xd0d\x1b\x8e\xb7\xa0\x1b7\xda\xd6\xad\x12\xfdM\xa12\x07J\xfb\xd7\xff;\xcf_\x9d\xfd\xe0\xb52\x98\xd4z\x1e\xa2vY\x8eu\xa0\xfe\xaf\x80\xfd\x81X\xb0\x1c\xfc\xf5f\x10\xdf\xc7\xae\x07\x15\xb2\rT\xd3\xadi\xeeiS\xa4G\xbd~\x08\xb9\xe9^J|{\x18K}9k\x9cUe@\x07,%\xce\xa1%\x9a\x8c0\x08\xa2?\x91Om\xf3t\xfbN\x88\x9f\x05\x16Z3b\xa0\xe1\x85Zg\x95\xcaJ\xbe\xe9#Y%\xc9\x9aR8\xef\xd9\xbf\xcf\xa4\x1a.Z@\x92\x87\xedFH\xb7\x85\xc8QA \xf6\x9c4Fs\xf7\xf0\xf2\x90\xdas&lt;"\x16\xcb\xb3D\xa8\xd1\xa1\xfa\x86%\xba\x8c\x8d`]\xaa\xfe5\xfc\xc6\x851\xd5C\xb4\xb1H\xb2{\xd9\xab\xc6\x92\xb1Q\xe2\x8e\x04\xaa\x13\xac\xfaw M{Y\xf2|\x05\x03\xc5\x10\xc9D\xf5\x89J9\xbc\xc3\x11\xff\xba\t\x9b\xb1\x92/y\x91\x0b\xf9^k\x86\x07?@\xc28Nz\xb5\xc2\x13\\\xc9\xf5\x84\x83\xa5\r\x1a\xa2\xfcU0z&amp;\x8e\x9c+\x7fi|\xa7\x8e\xcd\xf6/\xc7\n+\xef\x91ww\xb3\xfb\xe2\xab\x08\n\x1b\xadh\xfe\x89\xb2\xc9Jh\t-s\xe2W\xdb\xcf\xfe}/B!\xb4\x06\xd1\xb5p9\xaa_\x92\xa8Y}\xac\xe4\xdfI\xbe\x9dOOK\xb4\xc0\xcc\x06\xa6\x19m\x01eW-\xc9\x95\xcb\x86\x92l\xd3\x91\xd0;#\xe5g\xb9t+0+J\xcd\x8c=\xf2Ri\xad\x7f\x8f\x97imqD\xb0gQ\xae\xa0\x1c\xf8\x08\xb7\xbf\xc8/9\x8a\xf4\\*\xcb\xc0u\xbd4\xc6\xf5H\x88{\x8b\x83\xa0L\x80\xbbf\xb7\xd9\xbdwJ\xf85]@\x19\xeb`+\xaclH\x07\xda\x12~\x84\xf1k\x9929\x9aNtL\xd0\x81\xff\x87\xed\xbd\x1a\x08\xfa/\xddu%V \xd3\x8f\x80\x0f\xff@\xf1:\x12\x0cNNR\xdb\x8aZ\x94ncpz\xf4\x99\xf6\x10\x9cx\xf5\xbb\x0f\xe9\x92\x0b\x8e\x11\xf2\xf9\xc3\xb6\xaf\xe0;;"\xac\xe0lN\xda\x8bym^\xe7\xd5\xd3F\xcb \x87\xc4\x98\x1d3\xb4cV\x91\xf0\x95x"\xd6\xe3n_\xb4\xf6\xfb\n\xf9\xfd\x12\xda\x9f%P\xf2\x01\xa5\xd9mZ}y-\xba\xf2\xed\xe2+\xe01\xb0\x11e&lt;\xd9c\xf1\x1c\xb2\x031\xab&gt;P0\xe9I\xf3\xc7\xca\x86.eX\x81\xde\x9a\xa3\x82\xcb\xbd{=\xd3T\xb5\xdf\x9c\xd7h6\x85\x84\x1c\x8aW\xbb}\xb5Q\x1f&amp;\x8e\x88\x10\xed\xd8c=f\xe2\x1c-\x9d8\xf0\xef\xd6\x0f\xf6\xa3\xafmj\xe5B+\x0e\x04E_\xc0\xa7\x16uZ\xaaA$\xb0\x0b{\x7f=\x158\xfb\xd5\x87\xfe\xf5\x8dU\xee--&gt;\xb6\x87\x1d\xbd\xf8\xd7G\xeb-a"\xcc)40\xb7\xc7_\'H\xfa\xde\x19\xc2\xbe\xb6L\xdb@q\xc0\xc4=\xedV5\x0cG#\xb38\xea\xa5\xbf\xbfg\xdf\xf2\xbf\xe1\xdc\xe2`0\x81N:\xb4\xd4\xc8&lt;\xa7\xc6\x88]Q&lt;N\x98\xd4\x03m\xefB\xc3\xcb\xe2#\x83\x8b\xda\x8c8\x1a\xc2\xe7,\n\x7f\xa0\xfb4\\B\x16\xeb\xfe\xc0\xb1XwJ\xe5\xfb\xbe\xadW\x19\xafAVr\x89\xc2\xb7z\x1a\x8b\x94\xab1/\xbe\x14\x0eL2\xee?\xe4\x8b\x89\x94\xd3\x93\xc2\xd4e\x8b \x99B\xc6\xc8\x07h\xddj\xe7g\xed\xce \xc4C\xe0)*J71\xedC\xd4A\xd2\x06\xe8\xf0\xf0\xea&amp;\x16W\x13\xda\xc8*\xf3\x1d\xb2\x9ba\x9e\xf0pk\xca\x04\xc9\x12\x0c\xaa\x87C\xbfT\xd6~C\x82\x01\x89\xff\xa9y\xeem(\xd3H\xddMl4\x8a\xbc\x8c\xf1\x18'</t>
  </si>
  <si>
    <t>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</t>
  </si>
  <si>
    <t>b'e\x1b\xb0a\xb9\x86\xc5\xebg\x9dm_\xe3\xf7\xbej'</t>
  </si>
  <si>
    <t>red and sixtyeight hours in which to reach Bombay, and the sea was
 favourable, the wind being in the north-west, and all sails aiding
 the engine. The steamer rolled but little, the ladies, in fresh
 toilets, reappeared on deck, and the singing and dancing were
 resumed. The trip was being accomplished most successfully,
 and Passepartout was enchanted with the congenial companion
 which chance had secured him in the person of the delightful
 Fix. On Sunday, October 20th, towards noon, they came in sight
 of the Indian coast: two hours later the pilot came on board. A
 range of hills lay against the sky in the horizon, and soon the
 62
 rows of palms which adorn Bombay came distinctly into view.
 The steamer entered the road formed by the islands in the bay,
 and at half-past four she hauled up at the quays of Bombay.
 Phileas Fogg was in the act of finishing the thirty-third rubber of
 the voyage, and his partner and himself having, by a bold
 stroke, captured all thirteen of the tricks, concluded this fine
 campaign with a brilliant victory.
 The Mongolia was due at Bombay on the 22nd; she arrived on
 the 20th. This was a gain to Phileas Fogg of two days since his
 departure from London, and he calmly entered the fact in the
 itinerary, in the column of gains.
 63
 C H A P T E R X
 In which Passepartout is only too glad to get off with the loss of
 his shoes
 VERYBODY knows that the great reversed triangle of land, with
 its base in the north and its apex in the south, which is called
 India, embraces fourteen
 hundred thousand square miles, upon which is spread unequally
 a population of one hundred and eighty millions of souls. The
 British Crown exercises a real and despotic dominion over the
 larger portion of this vast country, and has a governor-general
 stationed at Calcutta, governors at Madras, Bombay, and in
 Bengal, and a lieutenant-governor at Agra.
 But British India, properly so called, only embraces seven
 hundred thousand square miles, and a population of from one
 hundred to one hundred and ten millions of inhabitants. A
 considerable portion of India is still free from British authority;
 and there are certain ferocious rajahs in the interior who are
 absolutely independent. The celebrated East India Company
 was all-powerful from 1756, when the English first gained a
 foothold on the spot where now stands the city of Madras,
 down to the time of the great Sepoy insurrection. It gradually
 64
 annexed province after province, purchasing them of the native
 chiefs, whom it seldom paid, and appointed the governorgeneral and his subordinates, civil and military. But the East
 India Company has now
 passed away, leaving the British possessions in India directly
 under the control of the Crown. The aspect of the country, as
 well as the manners and distinctions of race, is daily changing.
 Formerly one was obliged to travel in India by the old cumbrous
 methods of going on foot or on horseback, in palanquins or
 unwieldy coaches; now, fast steamboats ply on the Indus and
 the Ganges, and a great railway, with branch lines joining the
 main line at many points on its route, traverses the peninsula
 from Bombay to Calcutta in three days. This railway does not
 run in a direct line across India. The distance between Bombay
 and Calcutta, as the bird flies, is only from one thousand to
 eleven hundred miles; but the deflections of the road increase
 this distance by more than a third.
 The general route of the Great Indian Peninsular Railway is as
 follows:â€”Leaving Bombay, it passes through Salcette, crossing
 to the continent opposite Tannah, goes over the chain of the
 Western Ghauts, runs thenc</t>
  </si>
  <si>
    <t>b'\xda\xb5\xd6F-K\x1b/\x8f\x84U\xfd\xbc\xf4\xd3\xbe\x07\x88O\x0ey\x92\xbc\x03GF(y\xa5x\x9b\x9e'</t>
  </si>
  <si>
    <t>dab5d6462d4b1b2f8f8455fdbcf4d3be07884f0e7992bc0347462879a5789b9e</t>
  </si>
  <si>
    <t>b'\xda\xb5\xd6F-K\x1b/\x8f\x84U\xfd\xbc\xf4\xd3\xbe'</t>
  </si>
  <si>
    <t>ll, then, Hawkins, what in fortune 
 were they after? More money, I suppose?" 
 "No, sir; not money, I think," replied I. "In fact</t>
  </si>
  <si>
    <t>b"P/\xdb\xef\x8dA#\xcf\xe9f\xecqo\xc2z\xfd\xad*\xb7\xa7\x02\xb6C,\xe7z\x0b\xfd\xb1\xe9\xb1\xbe\x1e\x82\xdc\xb3n\x0f?\xad\xa2\xbb\xc8`\xf4\x83\xe2W\xabb\xc2\x1c/\xfb\x87h\x12,7\xc7Y\xee\xfaSk3\xdfU\x9b\xcb\xe3J\x82\x8e\xe9\xf6\xd3\xc2\xbdSY-H\x94\xbd\xccTN\x939^%\x1d\xb8,\x97\xa4\xcd\x9d\x0b\xc8`2\x06\xe0#.[5\xfb\x0cz\x9b\x91A\xcd8\x8fa\xd5\xa7&amp;{F\x81&amp;\x1b\x91\xeeS\xa7U\x9b.\xee\xc1Z\xc2\x95\xf1?(+\x96Rzh!\xf5\xe8\xa2\xbegI\r\x0c\xeak\x15\x99\x8a\x1b\x81~\xba\xe1\xe2\x911pPDc\x0er\xb9\xf19\x01\x93}@M\xd3\x12\x96\xf9Ka\x83\xd2\xed+\x9aB\xb6s-{)\xca\xd0]Z\xe1Hr\xde4\xe7\x01/\xd3y\x88\xc7\x1c\xf4\xb6\x82\xa4V\xcf\xf1\xf7Ab\x8b\xbeo\xce\xbb\x9a\xd46Ho\xc3\x02\xff\xde\xcd\xfe\xe2\xcc,\x11e\xf2w\xfd\r\r\xa1\x04\x85\x82\xe9\x8c\x8e\x95\xeedo\x11\xda\xdds\xf8\xbc\x87\xd0\xb7uw\x0e\xc3v\r\xf7i\xf0\xa7dI'\xd5,\x814\x81\x0c\x80\x8e\x9e,\xd9\x18\xb4\x01\xdb\x81D\xd1#u\x02\x01\xe1\x0c;\x1f2\x94\t\xf4\xfbw-\x84\x95\xdcg\x9a\xd6UUg\x08\xf09\x8f\x8f\x9d\xca_\xc4oB\x8ej;6\x85A\xc8\x9e\x1f\x85H\xf18g\xf9\x85\xd1\x92\xa9)-\xac\x9e\xc7\x1d\xc3\xe9\x02\xb9\xb3\xb4\x1bC\x81\xc6\xf2\x8c\xd3\xb5\xfex\xcd\xeaV[\xfe\x11\xc0``y\xbc\xb1\xbar\xe0\xdfi_X\xde\xf6r\xa6\x86\x83\xdf\xba\xc5\xe9\x18\xa0\x91M\x84D\xe8%\xc9u\xc3\xb4&lt;~X\x08\xf9\xf9Ef\x0b\x8ba\xa0X\\*\xb4b\xc9\xdeHAl\x1f\x00\xfe\x10\x9et\xa8\xcb\x8dY\xe1\x00;\xc7\xdc\x93\x1a\xc6k\xb1\x9a\x07d&amp;\x7f\x0f\xca\x01\xd3\xa7z\x1cE\xa7\x05\x17\xea*3g\x17\x0f\xd8\xae)_\x85\xd5?\xb6\xa4\xadPhE\x94\xe7\xc8\x0fy\x03\xdd\xc6\xdf{%\x1b\x15Q"</t>
  </si>
  <si>
    <t>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</t>
  </si>
  <si>
    <t>b'P/\xdb\xef\x8dA#\xcf\xe9f\xecqo\xc2z\xfd'</t>
  </si>
  <si>
    <t>on the floor, looking so draggled, and she was
 frightfully sorry for Peter. 'How awful!' she said, but she could not help
 smiling when she saw that he had been trying to stick it on with soap. How
 exactly like a boy!
 Fortunately she knew at once what to do 'It must be sewn on,' she said, just a
 little patronisingly.
 'What's sewn?' he asked.
 'You're dreadfully ignorant.'
 'No, I'm not.'
 But she was exulting in his ignorance. 'I shall sew it on for you, my little man,'
 she said, though he was as tall as herself; and she got out her housewife, and
 sewed the shadow on to Peter's foot.
 'I daresay it will hurt a little,' she warned him.
 'Oh, I shan't cry,' said Peter, who was already of opinion that he had never
 cried in his life. And he clenched his teeth and did not cry; and soon his
 shadow was behaving properly, though still a little creased.
 'Perhaps I should have ironed it,' Wendy said thoughtfully; but Peter, boylike,
 was indifferent to appearances, and he was now jumping about in the wildest
 glee. Alas, he had already forgotten that he owed his bliss to Wendy. He
 thought he had attached the shadow himself. 'How clever I am,' he crowed
 rapturously, 'oh, the cleverness of me!'
 It is humiliating to have to confess that this conceit of Peter was one of his
 most fascinating qualities. To put it with brutal frankness, there never was a
 cockier boy.
 But for the moment Wendy was shocked. 'You conceit,' she exclaimed, with
 frightful sarcasm; 'of course I did nothing!'
 'You did a little,' Peter said carelessly, and continued to dance.
 'A little!' she replied with hauteur; 'if I am no use I can at least withdraw'; and
 she sprang in the most dignified way into bed and covered her face with the
 blankets.
 To induce her to look up he pretended to be going away, and when this failed
 he sat on the end of the bed and tapped her gently with his foot. 'Wendy,' he
 said, 'don't withdraw. I can't help crowing, Wendy, when I'm pleased with
 myself.' Still she would not look up, though she was listening eagerly. 'Wendy,'
 he continued, in a voice that no woman has ever yet been able to resist,
 'Wendy, one girl is more use than twenty boys.'
 Now Wendy was every inch a woman, though there were not very many
 inches, and she peeped out of the bedclothes.
 'Do you really think so, Peter?'
 'Yes, I do.'
 'I think it's perfectly sweet of you,' she dec</t>
  </si>
  <si>
    <t>b'/\xbaR\xaf\x9e:e\x14'</t>
  </si>
  <si>
    <t>2fba52af9e3a6514</t>
  </si>
  <si>
    <t>queraders.
 At length they withdrew to the Casino, which was fitted up with infinite
 taste, and where a splendid banquet was prepared; but here Emily's
 reserve made the Count perceive, that it was necessary for his interest to
 win the favour of Madame Montoni, which, from the condescension she
 had already shewn to him, appeared to be an achievement of no great
 difficulty. He transferred, therefore, part of his attention from Emily to
 her aunt, who felt too much flattered by the distinction even to disguise
 her emotion; and before the party broke up, he had entirely engaged the
 esteem of Madame Montoni. Whenever he addressed her, her
 ungracious countenance relaxed into smiles, and to whatever he
 proposed she assented. He invited her, with the rest of the party, to take
 coffee, in his box at the opera, on the following evening, and Emily heard
 the invitation accepted, with strong anxiety, concerning t</t>
  </si>
  <si>
    <t>b"6\xac\x13\xed\xb6\xe0\x03\xa3T`\x82\x05m.3.J\\\x15\xd0\x83wR\xd2\xcb?\xf9X\xa6)uZ\x00\x1d\x0e\x08b\x157%\x18\\dJ\x8e\xa3\x95q\xf0\xec'\xd3$i\xea\x06\xa8Pj\xb60*\x13\x9f"</t>
  </si>
  <si>
    <t>36ac13edb6e003a3546082056d2e332e4a5c15d0837752d2cb3ff958a629755a001d0e0862153725185c644a8ea39571f0ec27d32469ea06a8506ab6302a139f</t>
  </si>
  <si>
    <t>b'6\xac\x13\xed\xb6\xe0\x03\xa3T`\x82\x05m.3.'</t>
  </si>
  <si>
    <t>shoes?"
"I got them from the wicked Witch of the East, when my house fell on
her and killed her," she replied.
56
"Where did you get the mark upon your forehead?" continued the voice.
"That is where the good Witch of the North kissed me when she bade me
goodâ€“bye and sent me to you," said the girl.
Again the eyes looked at her sharply, and they saw she was telling the
truth. Then Oz asked,
"What do you wish me to do?"
"Send me back to Kansas, where my Aunt Em and Uncle Henry are," she
answered, earnestly. "I don't like your country, although it is so
beautiful. And I am sure Aunt Em will be dreadfully worried over my
being away so long."
The eyes winked three times, and then they turned up to the ceiling and
down to the floor and rolled around so queerly that they seemed to see
every part of the room. And at last they looked at Dorothy again.
"Why should I do this for you?" asked Oz.
"Because you are strong and I am weak; because you are a Great Wizard
and I am only a helpless little girl," she answered.
"But you were strong enough to kill the wicked Witch of the East," said
Oz.
"That just happened," returned Dorothy, simply; "I could not help it."
"Well," said the Head, "I will give you my answer. You have no right to
expect me to send you back to Kansas unless you do something for me in
return. In this country everyone must pay for everything he gets. If you
wish me to use my magic power to send you home again you must do
something for me first. Help me and I will help you."
"What must I do?" asked the girl.
"Kill the wicked Witch of the West," answered Oz.
"But I cannot!" exclaimed Dorothy, greatly surprised.
"You killed the Witch of the East and you wear the silver shoes, which
bear a powerful charm. There is now but one Wicked Witch left in all this
57
land, and when you can tell me she is dead I will send you back to
Kansasâ€”but not before."
The little girl began to weep, she was so much disappointed; and the eyes
winked again and looked upon her anxiously, as if the Great Oz felt that
she could help him if she would.
"I never killed anything, willingly," she sobbed; "and even if I wanted to,
how could I kill the Wicked Witch? If you, who are Great and Terrible,
cannot kill her yourself, how do you expect me to do it?"
"I do not know," sa</t>
  </si>
  <si>
    <t>b'\x1f{\x1b\xe9(\xf7\xa6\x1bQ9\xcf\x97\x19\xcf@\x82\x942.u\x0fg\x8c\xb4\x9fy\xe8\xb8\xa5\xc5\x17\xb3F\xb6S\x07t#\xd8\xf6p\nD(u, \x11\x85\xa7N\xb5M\xd0\x18d\x852\xae\x0f\xd0\x8c\xf3\x9c\x97\x86[s\xc6\xb4emc\xc3\x87\xcd\x94\xa4\x81,\x82\x91\xf6T\x0bW\xf7\xce\xe8\xd4\xd7\xf8\x98\x0f/\x94`m\xb25"\xde\x8e|\xda0\x99S\xb8f\xc9D\xfa\xd9\xe5\xe0&lt;o\xc8\xfd\xdd\xac\x99b\x19X\xf6\x0f\xfc@\xbd\\\xbdjJ6\x08@k\x92e&lt;)\xc8Y7\x1f\xa5\x14\xa3\xf8\xe7\xf8\xc9Z\x91\x15@\xc37\x1b\x1c\x95\xa9Is\x8f\xb0\x0fsL\xab\x1d\x83\xca\xc0f\x8ak\xb9M\x84\x0c\xbc\'&lt;\x0ey\xdb\xab\xef\\\xb3&gt;w\xc1\x93\xb9\xba\xd4y\xad&lt;\xe2_\xb7\x133\xb6K?K\x017\xe3\xf8$u\tF$\xd2\xd3\xcf,5_\x8b\xc4j\xb7\x14\xf9\xc2mf\x1ad\x8f\xb1\x96\xe3\xbf\x8fp:\x07\x8cV\n\xbb\xa06\x92\x14$\xb8\x84\x02\xe4\x1a+\xab\x9c\x0b\x8d\xf7p\xafSH?YY\xe8{^s"\x03\x04E\xce\xf5\xff8\xa9\xa3s\x842\x01\xe6\x05H\xdf\xeb\xf6l\xebp\xdb\x90\xb65sh\xbfN\xf5\x9f\x99&gt;e\x98&amp;|F&amp;\x1d\xa9\xb8D\x06#\x92\xc9~ \xdd\xa8\x9e\xfa\xf3&amp;\x0e\xa2\xbdZ\xd6\x1cJ\x06a\xf8\xe2\x89w\xffv\x07-\x8a\xa0\x04Tm\xbb\xf2?N\xbfo\xcf\xe3.1\xaf\xc7\xe3\xfc\x94\xd5(|j#\x92\xf5+\xb4U&amp;\xadG@\x11\x82\xeav,T3d\xb09\xd1\xe1\xb0`\xa5K\x97V\x9a\x9b\xe4V\x8a\xe2\xaa\x908\x1c]\xf7\x87\x96\x10\x8d &gt;EU\xba\n\x13\xfd\xa4\xa3&amp;\xf0\xb5\xf9Jh\t\xbd\xdc3*\x94\xd1\xe2\xaa\xae\xfa\x0eH,\r\xc7\xa9/I\x01P\xef\xed~\xea\x02c\xd3\x8f\xd2(\xe5\xca\x88\xe9\xb5\x87D\xc5\xc2\xb2\x08\xe2C|\xd2\xcf6\xf4\x864\xbc\x97\xf5\xfa\xc9R.*\xdb[\xe2\xf0f\xbb?\r\x82R^X\x11\x85\xa3\x82\xa4\xbb\xbd\x14\x9c\xcb\x02Q\x14\xf8?&amp; \xac#U\x01\xf1\xcc\x9bM\xb9\x9d\xf9|\xb6\xde\xbb\x16\xa7s\x91\x83C\x13\xaf\xc3q\x0b\xe2&lt;0\xec\xe9;:\xe0tb\xafac\xf4N21\xa7\x91[\xa8}\x86\rZRh\x12\x86\xc9\xdaN\xb6\x95\xb7\x10\xd7w\xa1e\x1bn\xa3\xe71\t\xca\x96\xad\x0c\xc9}!u\x14\x96\x82\xf2y\xb0\x90\xe2T\xcf\xeeW\xe0\x16\xc22O\x1ag:\xe9\xf1$*}\xfc\x02\xf8\x81\x81!\xbfB\x86P\xef\xdbx\xbf~\x82|\x99i\x9e\xe00\x89\xc0*\x1es\xb5r\xfc\n\x88\x17\xf1\x01\xcf\xccp@\xb0T\xe6\x9f\x9a\r\xd7\xc5~\xcc\x93\xbd\xff7\xc2\xff d;hz\x89\xbb\xb4\x1c\x80\xb2\xc5\x1aR4WTT\xdcC\xd6\x198e\xb0\x18\xff\xfdV\x9buO@b&gt;\xd8 \xfe\xd5\xda:\xfe\xd6y^\xf7/vj\x9b\xfcYKje.\xc1I\xb03\xf6\xf7\xd8,\xbco\xa1\xa7~a\xd3-&lt;]\tB\x95\xdb\xeb\xdd\x8c\x93\xb3/\x1fph\x91\xe6A\xc3d\xed\xb0~\x97s\'\x11Q\xb7\xf1\x81\x14q\xad+Q5\xec3\xfe\xb7\xe2\x8d\xce\xc6\xa2M\xe9\xed\xcb\x88xf\x04\xdb\x9eR\xb9g\xcb\xac-&gt;&gt;\xde\x9a\xfc\xefI\x91\x11\x08\x07`D\x1fv\x08\xea~\xba\xd6.\x84\x08\xc1\x04\x90}5\xa1g\n\x90C\xc2\x0c\x97\x0fi\xdeEO\xfd\x96\xf7\x0e]]\x81hAE\xb7\x8b\xa5S\xccSB\x82\xd6\xea\xc4,B_T\x1f\xb1\x0b\x1f\x089\n\xb4\xed\x7f\xdb\xf4\n%\nu\xc8\xa9K\x81K\x10`+\x9dwe\x80\xa0P|\t\x16s\x91p\x84\tAY\x13\xa1P\xc0A\x8a\xa7\x1c/"\x9f;g_T\x82\xbf\x9b\x19\x0f\xe1GU\xb4\xf3\xb3\xeep@\xc9zJ\xe9\x06n\xd1\x89-t\x95%\xf2Y\xd6nFy\x8c\xa8\x1d\x9f\xfaB\nh[nHgKP\xbfx\xdd\\\x82\x14\xf3\xab\xdd.pD\x8d/\xd4\x0f\x84\xe3\x12/"\xe6\x98Kf\xdc\xa6R\xaa\xfb0\x88\x05\xe0\\%@\xa0\xc1H\x8aD\xc0\x01\xc6\x1fFq\xc9\xf2\x93\xd0\xba\xe9l\x1dTt\x0e&amp;AF\xe1\xae$\x0f;I vo\xab\x8cw\xee7\xdd7\x0bF\xb6S\x07t#\xd8\xf6p\nD(u, \x11\xe5\x10?\xa7+=\xabf\xef\x1a\x87\xcf\xa6\x1dV_\x9e&gt;r\xe2`\xa5\xad7\xc95t\xb8\x7fb\xf6JK\xb5\xcc\\\xf5[\xa1\xdc\xfaP.\xd8\xd2\x8e5\xbe\xcevF0\xe7\xd88\x8f\x04\xa3\xba\x06\x080\xdd\x19jX\x07\x1b\xdeLL\xf7!\x1b\xd9L\xc9\x87\xb4\xbd\xb6\xf9\x9a!\x9e\x00!&amp;\x9b-\x05\x89\xa8\xf4\x81\x882\xaf\x91\xa4\xa1\xc5\xcb\x83\x18\xc7d\x1b\x19]\x12\xd1\xb8\xed\xae\xf3\xdd\xb0Z\xf4\xe5\xdd\xf8\xf8\x8b\x87\xd5"\x1c\x93\xc8\xbb\x07\xe0\xb7\xf9\x1a\r\x92m\xb4M\xb1\x11\t\xdd1\xbc\xc1!\x94\xb1\'\xef\xe4V3T\xf7\xa7\xd3\x1c\xc6\xe0\x99\x10[\xc9\x8a\x0c\xeeV\xbe\xbd;\x08&amp;\xed9\xcd\xe7zA\x9c\x18{\x7f:W\x9f\xce\xd70_2f\x95\x92b\xb9[@\xf9\xee\xf3\x84\x83\xe4\x0b[o\xfbk\x98mZ\x069xe\x07Pn0\xd0Y\xe5n\xe4\xe9\x04\x93?D\x0f\xa7\x8a\xee\xfch\x16878\xe5\t\x91\xea\x11k\xc2\xc1\x01\xd1#\xc9\xbb0\xb7\xfc0d\xfdwp\x98{\x14$ma\'|\xa6&gt;\x1f\xcc\xb4F \x1e\x93f\x8cM\x87\xbe\xa2\x18?Et\x06^\xbd\x86\\\xb1\xc2\x97\xba\x83N\xe3oHi\xba\x11\x04\x86\x08)\xbb\x06\xdc6\xeanomZ\x8e\x0c{\x12\xc3\xb2\xfe\xf3\x84"\x80\x96\xf4\x81\xee\xe1M\xcc\x14\xdfa10%\t\x994\xe0^&amp;\x81\xb0\x1eF7\xea\xc4\x1cL\x86tXG\xbdT\xb7\x05*\xb3\xe7\xd3kQ\xd9zl\xec"eC\x0enc\x07%.S&lt;\xedC\t\xe8\xf9\xf6\xb3\xc7\x87S\x8b\x0c\xdeQ\xcebIT\x9en\xa6\xdf\x1f1n#\xdc&gt;\x98\xc4\xf4\x93\xc5\xea0\xe3\xb4\xd0\x00\x93\x8b\x0e\x9a\xcbh\x17\xd5\x16]f\xb8S\xd8\x0c\xf8\xc1Zd\x0fpo5\xc4\xe8\x7f[\xaf\xbe0\xb2\xb1IJ\xae \xd0[\x06\xe2o\xd1\xdf\x96\x90\x92\xd7\x80H:\x17U\x17]\xc8\xa22\xee\xffF\xe1\xc7p\xfex\xe5\x91\xf7v\x07\xd4\x9c\x88\x82r\xef\x85y\xe0).\x0f$\x86z\xa0\xf0\xcd\xef6a;[\x1b!N\x06\xf7\xa6\x0c\x112\xfa\xcf\x0f\x16\x96\x14\x01\xceYm9O\xa30\xfay:\xe1\xcc{\xe9x\xd4\xa5&gt;\xa1`\xa6\x1dt\xdaEId\xbaF\x02\xf8\xe6\nt\n~\xff\x96}\xa7d\x04\'\\;\xf9l\x92\x18\x96W\xbb\x02\x07J\x90\xd8J\xa0_W\xc0\x9d\xa0_9\x85\x85\x141{\xaf\x00\xad:\x95U&lt;:\x00\x82\xb7\x1b\xdfrj\x85\x8b\x02\xda3\x1d\xbf\x80\xd0\x02k2\x88s\x93#H\xb0\xe3{\x1b\xf3\xdb7^\xaf\xa92e+\x11Jg\x9a_B\xd4WH\xac\xf9\xfc\x1bhm\xaa\xbc#\xfdh5{\xcf\xca\xe5g\xc1\x12\xd3\x91\xb0\xe6\x9e\xc4\xc5}\x9f%\xe46,\xc0\x18\xe0j\xd9%{\xfa0x\xf0\xba\x13\xf31d\x0e\xa7\x90\x0e\xcd\x9b#\x8a~K\xf8\xa0\xfa\x85\xfcY\xea\x1c@\xa3d\xf8J\xb5\xc1N\x85\xfa\x87U\xc0\x96\x08\xd4\xbb\xbbf\xdfK\xf9\xdd:_\xe6,\x16K\xact\xce\x9cl\x9e\xdb\xbf\xear\xb5\xf9Jh\t\xbd\xdc3\x96M-S\xbbp\xed\xc6\xde\x11\xb0\x1ab\xf2\xd7\xe7N\xf2\x86\xdd\xed\x96a\xe2T\xb4?y"\xcc\xb6\x1b\x13\x05T\xed\x84\xdf\x05\x9c\xe2Rb\x05\x1f\xffnN\x91\xe8\xc1q\xc7f\xd9x\x19\xfa\xf3B\xb2\x97\xef7\xe3\x06\xf1\x1d\x04\xcf\n\xdc\xe1~\xd12\xecQ\xec\xaf:\x9f\xd47 \x9e[\xaa26&lt;\xd8\x83\x97(\xdf\xb5wu\n\xff\xadA\x89\x90g\xaf\xad\x9c\xdb^E\x19\x00`\xdd\xeeT\x8e\xfa\xd7\x17vf-\xf3\x0fB)E\xdc\\\x00\x98\xb7\xa1\xaa\xe0T1\n\x1d(Q\xf6_5\xe2F\x98\xecT\r\xacj \xd4\x156E\xaeJS\xc4Eb\xbf\x04=\xcf\xff\x04\xdf\xbf\x84\xf8M\x0b\x96\xf2gt:\x1a\xf7b\x971j\xac.\xceS\xcd\xfa\xf0s!\xeb\x1e\xae\xe4\xd1/E\xa9\xfb\x9b\xc5\xde\xc0UpU[S\x7f\xe8\x07\x00\xd1V\x9cR}\xca^pJ\x8a;\x1b\xf3\x9b\xb8\xc0\x0e\xc9\xfe\x98\xc5\xe3\xd57\x02\x8d\x1b\x86\x97\xa3\xca\n\xea\xb7\xce5\x05K\xb2\xcb\xa5Ez\xb4\x06L\xe4\x90\nW\xd6!\xee\x07\xc3\x8c\xa8I3W\r\xc4\x89\xe6b\xa78iT\x9c\xeaX\xae\x06\xce\xb9\x17R@X\xdeX,5H\xb8J(\xea\xbc\xa4\xefF?n\xd7\x12\xf6\x858J\t\x97y\x921\x80\xf9~\x92r\xde\x19\xe8l\x90\xef\xd3\t;\xfd\x8f\xf2jxf"\x17\x9b\xec&amp;!\x83\xd1\xbc\xb4\xb3\x17\xf0\xbc\xa5\x1a\xec\xb5\xa3g\xee\xad\xf4\x19\x10\x82O\x7f\xf5V\x043=\x10JT\xac\xb4\x17\x81\xec\x8c\xac\xd3\x16\xcb\x1a\x06&gt;\xea\xff|4\xc0\x0eob\xec\xe2Tv\x98-dF8\xf8y\xd5\x10\xf6\x13%\x9d\'X[\x08\xfaK4]\xb4\xa7n\xaf'</t>
  </si>
  <si>
    <t>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</t>
  </si>
  <si>
    <t>b'\x1f{\x1b\xe9(\xf7\xa6\x1bQ9\xcf\x97\x19\xcf@\x82'</t>
  </si>
  <si>
    <t>was still running upon Dr. Livesey. 
 Well, mother was upstairs with father and I was laying the breakfast
 table against the captain's return w</t>
  </si>
  <si>
    <t>b'&gt;d\xad.\xa8&gt;\r1\x10\x9e`Yc4\x83\x826K\xbbS\xfa\xff\xdc\x02\xb9o\xa8\xab\xf1V[!d\x1c\xdb\xb6\xb19\xe3\x9f\x8a\xea\xb4\x1f\xc9\x97\x97\xfb\xc5\xfb5W\x96\xbe\xb1\xde\x8c\x81\x9c\xf6n\x8bR\xb8\xcf6\xc9\x05?\x1d:\x06\'\x8a\xa0\xff\xdd\xd6\xfeh5\x1cDs\x95\x80\xb2:I\xd0\x1f\xcf\x82\xae\xbc\xad\x89&gt;\xb6U?\x9aI80&gt;$\xb6\xf2\xe6\xed\x90\x1cT\xc8\xbb#y\x05\xc9*(\xda\x08\t\xa7\x08\xd2\xac\xa0#\x1c_/\x97\xe3\x99\x12X\x1cnYYY\x87\xc0XY\\\xbcl\xc5\xc0\x8e\xaa\xcb\xb8\xa7n\xe5;@(W){\x1e\xf9\x9e\x18\xa2\xc1\xa0Z\xbc\xcf\xcf\xdc\xd4\x99m\xfc\x08`\xb2\xd7\x01);\xa9\xc6\xa9\xa5x x\x90\x98\x11\xe5\x1b\x85\x0bi\xf3E\x1a:[{\x8exq\xd4\x9a5;\xed\xfd\x97\x00-e\xd9+\xfc\xa2"M*m}\x0cJ\x8b\x1b\x00~\x88V\x81a\x01\xbb\xc5g\x9b\xcd*!\x1b\xf5\x00\xbb\xf1\x02'</t>
  </si>
  <si>
    <t>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</t>
  </si>
  <si>
    <t>b'&gt;d\xad.\xa8&gt;\r1\x10\x9e`Yc4\x83\x82'</t>
  </si>
  <si>
    <t>ard can forcefully oppose
 management in any conflict. This is why itâ€™s crucial to choose wisely: every single
 member of your board matters. Even one problem director will cause you pain, and
 may even jeopardize your companyâ€™s future.
 A board of three is ideal. Your board should never exceed five people, unless your
 company is publicly held. (Government regulations effectively mandate that public
 companies have larger boardsâ€”the average is nine members.) By far the worst you
 can do is to make your board extra large. When unsavvy observers see a nonprofit
 organization with dozens of people on its board, they think: â€œLook how many great
 people are committed to this organization! It must be extremely well run.â€ Actually,
 a huge board will exercise no effective oversight at all; it merely provides cover for
 whatever microdictator actually runs the organization. If you want that kind of free
 rein from your board, blow it up to giant size. If you want an effective board, keep it
 small.
 ON THE BUS OR OFF THE BUS
 As a general rule, everyone you involve with your company should be involved fulltime. Sometimes youâ€™ll have to break this rule; it usually makes sense to hire outside
 lawyers and accountants, for example. However, anyone who doesnâ€™t own stock
 options or draw a regular salary from your company is fundamentally misaligned. At
 the margin, theyâ€™ll be biased to claim value in the near term, not help you create
 more in the future. Thatâ€™s why hiring consultants doesnâ€™t work. Part-time employees
 donâ€™t work. Even working remotely should be avoided, b</t>
  </si>
  <si>
    <t>b'\xc1\x16#\xed\x8cg\nWc\x8bgPy\xa9j\xaa\x0b\xf1\x0cR\xd5\xd0\x01d\x04TN\x83\xb3G:\xb0h\x1el1\x84a\x84\x1a\xe2\xac\xe5\xb4i\xeb\xa7f\x06!^C\x1e9\xb9\xf78v\x8c\xdd\xcb\xcf\xf8\xf5\xaf\xabV50\xa3\xa1\xa2x=\x08\xfc\xe2\xa9\xd9\xc4\x8f\xaf\xdf\xc2t\xea\x94Ht\'\xd8\r\x0e@g\xfd\xd0al\xc7\xb7\x82\xc6m}N\x81\xd5\x10C\x87\xbb\xa7({y\xfd\xd6\x8e\xa8]\x7f\x8fE&lt;Mh\x9e\xbeu\x05\xda\xea\xe0J#`\xd9\xb4L\x953\xc9\x12K\x97\x92~\xde\xcf\x11\xa8?\xe0\xbb{r`\xc3\xa5\x01\xc4;`-WCN\x93\x8f\xa4\xa9i3q^\xf9%\xf8t\xd8\x8f\x8fL\xb8\'\x88\x1dglg\xc1*\xe0U\xec\xe6\x03I\xc5\xd0v;/\xb1\xec\xaa(\xce7mc\x16\x1b\xa6\x08\xef\xbd\xcc6&gt;\xe6\x9b\x18\xa10`\xbc\xd0\xda2\xb6\xd4\xdfW\x92k\xa1r*\x12P\x0c\xcd\xe6\x8cP\x16^\xbe\x921\xc9\x07\x16%Ot\xec\x1d9W\x1f+\'\xd2\xfc\x9b+\xd8\x84&lt;{\r\x0cPN\xf2\xabH\xf5\x12)\x82_\xae=}&gt;\x94\xcc\x00\xf6\xb0\x0c\r\x1c\x90(X\xa0\xcf\x88\xdeP\xf0d1[\x81\xe5\xc8\xb2E7\xccg\xcc\xa0\x02P]:\xca\x04\x15f\xe1\xa8\xb5\xef\x86Q\x08(\xfa\x85\xce\\\x19\xcb\x84 U\xfd\x17}\xfe\x8a+\xe6a\xbc\xea\x86\xf1f\x8c)\x11\x1b\xc3\xee\xb3\x1e\x8f \x9c\xc6\xf0I*@\xb6\xd4\x8b\xf8Y\xd3&amp;\xe9\x86(K\xb1^\xb8\xd7\xad{\x1b\xab\xf3\xda\x9ca\xbe\x9b^\xd5\xe0\xd8\xbd \x92\x81YV\xad\xaaSV\x91\x87K\xda&amp;\x96\xd4^\xc72\xef\x97\xa3\xf3\x87\x1f\x1f\x02\xa9\xf4\x9b\x7fE\xd5\xfas)\xdf\xc7J\xaae\x00\x14\x04\xbc\x9b\xc8}\x15\xf6\xc5\xe7\x8d\x13.\xd6\xe90\xf3\tDI\xa2T\\\xbd7\x0b#\x1e@\xdcbZ\xefk\x9e\xbc\xdf{2U\xa3[\xf2\x19\xa8g\xb1\x12\x1a\xfbl\x14\xd3\x04&gt;\x7fS\xdfY\xe9%\xfc\x9c\xeaj\xc4\x9b;\xc2^\x98J+5\xf3\xb8\x90\xa8m\xdf\x98wE\x10\xc0D\xb7\xad\xec\x1fk\x18&lt;\xd0\xa8\xd1\xe7\x01\xd8\xf6\xa8\xa1\xd0\x1d\xae\xdf\xd1\x80\x9f-\xceX\xcfl)\xe3K\xde\x81|\xecU\x96GY\xd71U\xaa\xdf\x9a\xd7\xd1\x1f/\xe4\x19\x10w\x0f\xa1/q\xab\x1b#\xf7l+\x8b\x9bc\x9dc7\x1c\x83\r\xffl\x16\x1c\xf8\xfc\xd2\xc8\xd0\xcf4\xe2\x01y\xc5\xb8\t\xadv\x9f\xcdv\xd5\xc0\xb0C\x96q\xaaW\xe5}\xa6%\xb0E\x0c:\x1f\xb5\xad$\xcc\xe0\xdc3\x9b}\xac8\x8b\xed0\xca\xcf\x97\xae\x84\xec7\x94\xc5\'D\xf9\xabcx|\x84("j\xcd\xcaH\xe7\xee\x07\x84\xaa\x9a\xabz\xb0\x80\xc7\xb85\xb8\x14\x08B#\x1b\xec\x1b\x8f\xfdH\xe3;\x94\xfc\xfe\xe6\xc3X\xc4@\x88\xa8`\x9f,\x9a\xa0\xf6R\x15\xe9\x85XN\\\xd4\xad\xb52L\x82\x1d\x9e\xba\x12.\xf1\x00\x96\x18M\x0cv\x99\xe7\xe7\x93\xa9\xb4\x83\xbdI\xdc\xe3V\xd4\xdd\xd5\xa4)\xb2r9m\xbdX+\x1a}\'pg,\xc0-H~\xd1\xac\xc0\xf9{\x94\xc1#\xd1\xcd\x8c\xe0Cu\xf0e\x90+\xa5\x081\xfa\x0c\xd6\xd0\xac\xcf]\xb0\x96\xa8`\xf0\xb2jY\xbf,\'\xe6\x95\xf1Ud\xed.z\xd5p\x18o\x8c\x03\x87O\x93\x10\x17\xea`\xdf\x14\x9c\x87\xb4$6\xdc(\xc3\xca\xf1&lt;n/\x07Z.\x0fN\xf7xD%\xbb\xc3\xb02,e]D*/@\xc0\xd7\x16_\x15I\r\xe6\xc4&lt;\x11q\xa4\x8d\x12\xf3\xee|\x1a\xc9wo\\\x02\xdave{6\xac\x01\x8a\x9f\xe55\xdb9\xdf\xddt.l\x9e\xdcH3\x96\x8a\xc3\x91\xed\xfc@E\xe5\xc1\xdd\t\xc4@W\xb4\x82N2\xe3\xfd\x85\x17\xf7\xe7K\xf9\x92\x85\xa60\xe7\xa8\xb5\x18\xab\xf0\xc8t\xf8\xff\x1c\x92_M\x8f\x18|\xf7U\t\x85\xfdA\xead\xf3\xba\x1a\xb6r\xb8\xfc\x8bM\xa1\x19sW\xadS\x07\xf7\x19\xc6\x98\x05\x9a\xe2\x81\x82Y"\x1bTn\x9d\x16\xfa\xee\x06\xa6\xb36tRUjw_\xd6\x89\xbf\xec_c\x0b\x9f\x8a\xf3\x18\x018\xc9\xc6I\xeeF\xc6uv\xf9&lt;If\xee\x07\xc1\xad\xf0#!gh\xa4I\xcc\xbdm\xdaW\x0b\xf6\x92\x93\xa9\xfaO\x1cu\t\x89\xad\xc4\xc3\xc0\xab+\xe1G\xde\xdbN\xd2U\x0e\x02p\xa6C\xca&lt;\xcb\x84\xe4\xe0p\xaa\xbc\xa4S\xef\r\x91\x85\xbf\xa1\x8b\x977\xd1\x7f\xf3~\xdf\xfe\x97\xbf\x91D\xc2\x1dRu\xad\xcflh\xfb\x81\\!|\x06\x13\xa8\xa3\xd1\xa9o\x8d\x08\xf2\xc8\xd2)q\xfb\xa6\x16^K\x94S3\xc8@\'\xa6\x82#\xe7\xd60\x8c)\x81Mm\xa2\xe2\xad\x02\x9fRL&amp;\xa1\xecU\xa2aN\x85\x0e\x003\xed\xadZ\x9c\xa5\x95\x97\xed/\xd4\xc6\xe7.\xec\x80W\xd8\x95#j\xd5\x06(&lt;\x92\xb8\xe4/\xdd\xb6\xc9\xdb@\xf8&lt;\xf0\x10\xc2\x10\x85\xff\xf6\xdew{&gt;(\xf8R\xf6\x8f\xe0\xd3\xa5\xa6\xb7\x0c\xf6\xa7T\x06\xeb|\xa2\x08\xf3\x18\x17\x83{\xdbq",j \xe1%9\xa9hA;eY\xaa\xbe\x12\x08\x9d^\x86\xe7\xb6\xf5\xf3\xfcXk\xcd\xf4\xfb\xe0\xaeCA\xba9_v\x97\xb1\'\xdf\x93\xfc\xb1\x83fF\x89\x07\x00\x80\xdbF\x13\xd3\xad\xc9\x8b\xae\xaaVw\x9c2\x1c\xdd,\x07\xb6@\xf64\x82\x06\x90\x16\xbdf\xdf\xfc\xc8\x95\xcdN\x02\xb9=\xd3?\xcbp\xaf\xa4\x1a\x10\x01q\n\n\x19[h\t\xe8\x87\xc6\xbc\xe3\xfcu\x18\xcf\xd7\xfa\xa1\xc2\x8dNL\x0c\xb9#\x03W\xc2\xa3\xf1\x90\x8c\x82s\xa1\x02G9S\x7f\xdc\x1d\xfds\xb3\x82Jw\xa2\xc6\xe1P\xd8~\x0cH\x9f\x17`\x85\xa5Y\xbeoI\xb7\xda\x93&amp;\x06|\x02\xff\xb7\x83 \\Lol\x0b\xedO\xb8\xb9[}\xea\xe3\x0b/\xcf\x19\xb5C\xe5\x7f\x16f\x12\xe8bU\xfe\xd1\x9f3\x99\xf8\xe7\xd5\xb0\xcc.\xfb\x8dWN\x8aEz\xa4\x86\xb2\x7f\x05ry\x8c\n~\x172\xfbs\xe8B\x10\xff\x19a\x08\xba\x8b&gt;\xf9\x18\xe3]\x90\xa7\\;\xac&lt;[^8\x05\xe1Y?\xb6\xc3\xf9\xdf\xc4\x90\xbc8\x17\xb4\n\x97\xe0\xb780Q\xf9\xdf7\xd2\xa1C\xea&lt;\xff\x7f\xf8$\x9f\x06\x98h\xee\x83\x86\xb6\x0c\xc3\x07\xe6\x95[\x1d\x17\xb1\xb8\xa9\x82\xaa\xfe\xe9:\x8a\xb5\xb3\xaa\xe9C\xee_\xb5S\xb1r\xeaJ\xee\xfcT'</t>
  </si>
  <si>
    <t>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</t>
  </si>
  <si>
    <t>b'\xc1\x16#\xed\x8cg\nWc\x8bgPy\xa9j\xaa'</t>
  </si>
  <si>
    <t>ocratic funerals (Wiseman 1998: 1â€“16; Flower 1996: 91â€“127). For the ancients,
certainly, to write history was to compose in a literary genre; and just as with poetry or
oratory, there were generic proprieties to be respected. History narrated, and its
narration needed to be aptly constructed to give literary pleasure: a much-discussed
passage in Cicero (Orat. 2.52â€“ 4, 62â€“ 4) scorns mere compilation of facts as dull and
artless, insisting that to write history proper is to raise a pleasing â€˜â€˜buildingâ€™â€™ or
â€˜â€˜superstructureâ€™â€™ (exaedificatio) by elaborating on â€˜â€˜contentâ€™â€™ and blending it with
â€˜â€˜style.â€™â€™ This was a fundamental artistic imperative, no matter how extensive the data
for the period being treated, and no imperial historiographer ever ignored it. Beyond
that, as with architecture, dictates of utility impinged. Ciceroâ€™s prescription borrowed
from rhetorical theory, and assumed that historical discourse, like oratory, would
serve a pragmatic present purpose: it was meant to be instructive not just of fact, but
of the attitudes and conduct expected of a Roman. Imperial historians of Rome wrote
not only to describe but to justify what Rome had become by their day â€“ a world
power that had eclipsed all Mediterranean rivals â€“ and in doing so they implicitly
endorsed the political and social structure that maintained her power. The persons
and events they treated offered exempla, ideal models of Roman virtue for the present
to contemplate, and models of aberrance to be condemned (Chaplin 2000). In short,
the program of Roman historiography was suffused by a patriotic ideology; it was
written to admonish and inspire, and the heart of the enterprise was the articulation
and reaffirmation of an idealized cultural and national identity.
In highlighting these ideological and cultural drives, we characterize the imperial
â€˜â€˜constructionâ€™â€™ of the past only partially, of course, and in the roughest outline.
Bef</t>
  </si>
  <si>
    <t>b'++\x0e\xc8\xdd\xd0LS\xeb\xa0\x82\x1bG5\x83\x1fXq\t\xb6Tp\xcc]\xed4\xf7\x05\x7f\x9e\xf6\tS\xf6c#\xa7\xb4\th\xfd\xd6S\x8d \xe4\xfa\xea\x03]\x17j\x17\xb8\xc1\x98\xa5\xcdqqa\x8d\xee\xd6\xc2\xf4r\x94\xee\x03\x83\xf1\x02gq\x8a \x05\x8c\xc8\x1e\x9f\x9c\x82\xa0\x9e\x18:\x15\xd8l\xe2\xe8Bd\x9f\xe2\x9a\xba\x19E\x12r\xcf\xea?~k\xacq%\xf7\xf3BZ\x8c\x8e\xc3\xfd\x9d\xad\xa3:\xc3\x82\x9fU^\x9a\xcd\xe1f\x19A\xa9yo\x1e\\0\tW\x88\x96\xf8\x8eG\xa8\xa1-*\x9ep\xc8\xffY\xa2\tP\'\xe4\xf5s\xad\xd8[\x02Gl\xb1\x0e\x9c\x86nj\xea\xad\xe5\xfb=\xfd\xb1\x93\x93\x94\x13\xc7\\\x96&lt;\x9a\xc8=S\xd7tsT\x0c\x90\x12\x07\xf4\xa7\x8c\x05\xb8\xcf+\xc4\x13\x86\xc6\x862C\xc31Q\xb4P\x16\x93(!\x08|\x81hn\x87\xab\xe0x\xa0\x1a\x8ca\xda\x03md\xb1B`Dt\xb3=\xe5\xf9Qg\x04c\r=:%\xc0\x15\x08g\xb1h\xfaq\x1f\x80\xd3\xb9B\xd3d\xa2\x0e\x8b1R\r\xf4\xa9\xc3\xb24\xf2\xb9U\x9a"!\xc7H\t\xa3\xb7\\\x95\xe9/\xac\x86\xf9\xe9\x91^\xcdY\xac\x11\xbc\xba\xce\xcc&lt;\xa6\xae\xf4u\xba4\xe0)\xf4\x0b\x16I\x9aIH\x1c\x93\x92M+Q\xd6\xbfw^\x06\xac5\xa6j\x15\x94j\xd9\xec$ \xe68u\x87r\x0f\xd8(\xac\xc4yjdt\x9ae*\xac&lt;Qf0\xe9\xb2\xa6\'\xa7\xb0\xe4\xef?Z\xac\xd8\xfcP\xa6+v#d%\x1a\x90\xf7Y\x99\xa5\xee\x1aN\xa7\x13\xd3L\xd1\xb4\x935\xad}\xd8\xe5\x0e\xbbg\xfcp\xcc\xd5Q\xcb\x80\\\x1b\xd1\\]\xe8\xc2/?{\x1d\x8cc\x1aB\x7f\x11\x0e\x91F\xdf\xcf\xc5Ek\x80\xd5\x82\xd9\x84\x01\xe5\xd3,o\x00~\x93r\x14Z\xed9&amp;\xac\x00.%g\xb7\n\x85\xa6tv\xd5\x17\\\x038\n\xb9\xdc\xed\x90\x12\x17\x1c83j\xa9\xda\xe8nl\xac\x9a\xf2k\xf9\xb5\x7f\x8d\x05\xfd -\xd2\xae\x1b\xc2pC\xdf\x80f\xf5\xdfV\xd8H\x99\xff\xb5\x7f\r\x17\xb7\xd8TQ)\x00\x10\xc9^\x92\x13)Z\xf9\x85&gt;H\x10V\xb2\x87\xb0\xfa\xa7\xb9}\xf3\x16}\x98?x\xe9\xac7\x18K\x9bv%V\xdfpn\xad\xbb\x1f;:(\r\xcc\xf6C\xcf\xcc\xb8\t\xff\x1a66\xb22n\x87\x9e9\xb3\xd6\x89\xa0\x89\xa0/\x8b\xec\n\xee\x9c&gt;".O$\x18\x84\x06\xf5$A\xcd\xac\xa1\xde\xdf\xca\xfb\xef\xcd\xfd,c&amp;\xd2\xc2y!\xdc\xf7\x9dq\x08\xe8\xf7\x005\x9e=\xd9\x84\\\x02\xbb\xe2\xb4\x064\xa6\x13ryo\x9a\xd2U\x86-\x8e\xd6\rn\n\x15\x91\xa4\xdfY/F\x8c.6\xe5\xd6\xf3\xa7\xb9\xdf\xc6{M\x9b\x81\xa1}^\xa9\xaf+\x0bn_US\xfc\x90*\xd1\x99\x19\xc3\xc6k\x81\xfc\xe9\xcf\xb8_\xe9\x9d\xf0\x165\xac\xf2\x91 \xdb\xf7\xa3c\xe4\xdfq\t\xa2?\xb6g\xab\xb5\x95\x99eQv\x83A=\x02vG\x11\xba|r\x963~\xbb\x15\xc7k\xecw\x03M\t\xbc\x86\xe7\xc08\x07\x07o\xda\x9f\xba3:Xe\xf1#\x8aD1\x8c\x08\x08\xe6\xfd\x84U&lt;\x0b\x1bR%\xfaK_\xc1%v\xf9\xf4\xb6R\x91\x9c\xc6t3I\xc6\x8c;=\xd7LeJ\xeb\xcc\x0fT\n\xc8}Kc&amp;!\xd7\xa3\x80\xcea\xf7\xdb\xaf\xbe\x00\xb6\xd7\xf30\x8fJ\xb04\xe4\x7f\x0c9/\x95\xbbK*k\x02\xc2\x84?q\x15[\x9bL\xed\x1cp\xfd\x14\xb4\x1e\x95\xa6)\x95 \x0b(\xea\x08\xb7\x8b\xc2\x0c\xc5\xd7[[rc\x8a\xb8n\x1e\t"\xaa\xb2\xd0\xf2\xbeA!\xbc\xf0\x9b\xc1\xebi\x90\xe91\x16\x14h\x94B\xd6]\x8cW\x0euuR\x1a\x81\xeb\xd4\xe2\xa0\x98Wb\xec\x8b\x8f\xf0|\xcb\xa2\xe4\xa0\xbb\t\x04\x0e\xad\x8c\xc0\x19\x92W\x1f%{\xc9\x0co\x9dqC"]\xd0U\x85\xb2\xc42dv(\x91\xd6\xc2O\x18\xc8}A\xeb\r\xca\xb3\xb2H\x9b\xf4f\xdf\xb0\xe8\x9c\xe6\xa4\xbc\xc1i\xa98\xa8\xd6\x18~\xdb\x85V -\xf0\xe1\xa6\x07\x1d\xf6\x95;eHQ\x94m\xf1b"\xc4\xe2\xd9\x00\xb0\xd5J\xa5\x9a\x17\xc6\xa0\xdd]~\xdb\xef\xe9\x9d\n\xc3o\x9e\xdaa\xc2U7\'2\xca\x11\xedX\x9b\xd0T\x8e&lt;\x16\x11\xcf\xdb\xa5\x1a\xa9\x1d\x17r\xac\x89\\\x85\xc0\x80IL\x83o\xc2)\x9d%\xfb\xce\xfb\xce\xc9&gt;\xf1\x82m\x17Q+dJ0\xc0b*S\x01Z\xdeP\x18H\x85$\xd2\xa2\xd5\t\xd1|\x96\xd5\x8b\xd5\x99\xa2\xf5\x15\xc0\x05\xbd\xd7\xb9\x93\xff\x812S\xd6\xba\xb7\x01{K\x98L\x1f\x1f\r\rbJ\xd7\x88\x9c\xfc\xb2\x05\tB\xed6u3\x1f\xe4\xc9\xce\x12\xebD\xca\xcc\x8a\xebv`\xb1\xd4IS\xd48\x11\xf3\x1e`_[\xc4\x94&lt;9\x16m\x19\x89m\xd3\x1eR\xcc\x18K\x9b\xdb\'\x05\xc4\n\xd7]\xd9!\x98\n\xba\xdf \xb1a\xbc\x98Q8\'\xc0\x04\xe5\x88\xf7\\-\x06\xed\x00ul\xc9\xdd\x19\xb4\xf9\x86\x05;.v]FZ\xfb\xe9\x1e\x00\x16\xba46\x10AGu\xe5ib\xf5l\xf4`\xe8\xfe-\x08\x9f\x0e\xd8H\x8dQ\x8a\x87\xcc\x92\xb6\x94\xec\x92r9\x1e:*d\xb3s\x03\xb2\xaa\x7f#KX\xe6\xa1\\T\xdeR\xb0\x17\x18 v\xd9\xe4\x82u%\x8d\xb5j\x87&amp;\xa4\xfe8xq1\x9aQ\tN\x1aek\x0e]\xfc\xa0{\xa8\xdd\xdc\x91*\xed\x8e!\x08\xa9x\xf2\r24}J\xa7\x89\xf3\xf8\xd2\x82\x0f\xac\xb0h\xab_|\xc9\x0b\xdf\x91\xb5F\xd3\xfa\x02^\xa5B#z\x99\x15!%r#\xed}\x85\x84\xa6\xc0\xa2\xf3\x9b\xb2\xb0t\xd7j\xfd\\s3\xb4\x06j]\xb3\x1f\x92x\x98\x88\xe3\x9d\x90\xf9\x90\xc8u\xe5\xa67\xf01\xd9_\xf0\x85+#J+\xc6\xc0\xf7\xc1\xa8\x1am\x173S\x00\x12Q|\xa7M\x13\x95\x89\xae%\xbe\xcc\x1a\x9f\x9fU\xb5\xeb*\xcbD\x08\x82\x1f\xf4\xf1\xed\x7f"\xd78\xe7\x8e\xab\xe2\xc5\xbfw\xd7L\x16\xa0\xf3\xd6\xa0w\xd2\xd2\xa8\xef\xdf\xfb\xd1\xb13\x93\xb94\xd9,eq8\xe8\x9cD\xbfN)W\x9f\xfeRw\x00\x99\xd9t\xa4\xa8\xda\x07\x02\x1a\x15p\x9eD\xdc\x0e\xf6g\x11=T }\xec\x1a\x17\x1f\xb6\xcd\xab\x1cy\xc0\xf9\xd0|\x85\xe6kT\x98\nR\xd8\x1dHq\x0b\x92&gt;tF\xed0\xd9\xedd?u\xa2\x1c4T\xbb+(i\xb8\xefa\xb87=9\xf6\x87\xbc.DV\xe2\x02\x92\xaf\x15\xe1\xc3\xd6D\xd6W\x98SR\xa8R\x9cA\xd3s\x8eF T\x03.3\x9a\xe1 \xe7\xa3U\xc2\x02}\xca]y\xb4\x01\xdbP+O\x1f\xc2\x18\xfdi\x8d\x7f\xb2\x1aY\x1b\x7fZT\x88\x14\xf4\x1c\xd3\xbc\r~h\xf6\xa2\x90\xb2Y-\x8a\xbb5\x9b\xe4\x1b\xe0s\x07\x02\x84\xea4\x16\xdeE3\xfd\xe3v\xc6\xe7k\xab\xb6%\xfa6\xf1\xa6\x1f\xd8l\xb3wH\xa2\x9c\xa8\x1ex\x0c\x86OW\x83a(\x81\x1be`=P"\xe8\x89^\xaa6)v\x8c\x83\x1bS\xfa?\xcf\x92\xb4\xea\x05\x8e.2m\x87\xfc\xd3\xb0\x05\xbe\x85\xbcrP\xfd\x9d\xd4B\xe5\xd5\x11\xdd\xad\xe62\x8e\xf5\xf1HY\r\x8c(K\x02{l\xd0\xfc\x8fR\x04m\xfd\x8d\x0c\x00f\x80\x19,\x80X\x03\xb6qf\x9c%ENX\x83\x93F\x8bB\x8b\x98\x874T9\x0bU\x99\x81\x9f;\x97\xc2\xfd\xfbWu\tbL\x87\xe6\n{\xa8\x036\x06Y\xe1\xcbP\xad\x86\\\x0fy3\xf2\xac\xb9~\xc0\xea\xaa\xb7E\xad\xffE:\x93G\xb3DA\x9d\x88\xcd\xae0\xf5Ehh\x9b9\xb95\xd0\xf6(BweX\x05\xef\xa8\xb6 \x11\xfd\t\xd8\x13\xf6AI\x14\x1c\xffL\xaaR\xdf)!\x07\xa1\xb4\xd7"{\xfal\x96I\xf3N\xee\x04\xfb\xd3\xdc\x89\x08\xcd\x034\xa4\x1f(\xe6`G#\x0eW7\xb0\x81\xdaE\x03&amp;\xd5__\x8f\xde\x95B\xb5\xd9f\x0b^d$7X\x00\x13\x85\xeb\xca\xf3%\x80\xe4p\xe0\x0e\x90\xd5\x05\xec\xa0\xf8\xda\x0e"\n\xee\xc9~\x929\x95\x84e\xf7\xcf'</t>
  </si>
  <si>
    <t>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</t>
  </si>
  <si>
    <t>b'++\x0e\xc8\xdd\xd0LS\xeb\xa0\x82\x1bG5\x83\x1f'</t>
  </si>
  <si>
    <t>V. Determine the re_x0002_quired value of (W/L)1/(W/L)2. Note
 that a low trip point necessitates a strong
 NMOS device.
 16.23. We often approximate the trip point of a
 CMOS inverter with the input voltage that
 places both transistors in saturation.
 (a) Explain why this is a reasonable ap_x0002_proximation if the inverter exhibits
 a high voltage gain around the trip
 point.
 (b) Assuming (W/L)1 = 3/0.18 and
 (W/L)2 = 7/0.18, determine the min_x0002_imum and maximum input voltages at
 which both transistors operate in sat_x0002_uration and calculate the difference
 between each and the trip point. Is
 the difference small?
 *16.24. Explain why a CMOS inverter with the
 device parameters given at the beginning
 of this problem set cannot achieve a trip
 point of 0.3 V.
 16.25. Figure 16.44 shows three circuits along
 with three VTCs. Match the VTC with its
 corresponding circuit.
 16.26. Due to a manufacturing error, a parasitic
 resistor RP = 2 K_x0003_ has appeared in the
 inverter of Fig. 16.45. If (W/L)1 = 3/0.18
 and (W/L)2 = 5/0.18, calculate the low
 and high output levels and the trip
 point.
 16.27. Calculate the small-signal voltage gain of
 the circuit in Problem 16.26 at the trip
 point with and without RP.
 16.28. Calculate the noise margins for a
 CMOS inverter if (W/L)1 = 5/0.18 and
 (W/L)2 = 11/0.18.
 16.29. Determine (W/L)1/(W/L)2 for a CMOS
 inverter if NML = 0.6 V. (Hint: solve the
 resulting equation by iteration.)
 *16.30. Consider Eq. (16.54) for VIL (= NML).
 Sketch the noise margin as a varies from
 0 to infinity. Explain the results intu_x0002_itively for very small and very large values
 of a.
 16.31. Repeat Problem 16.30 for NMH.
 16.32. Calculate the noise margins for the circuit
 in Problem 16.26.
 798 Chapter 16 Digital CMOS Circuits
 M 1
 VDD
 M 2
 Vin
 RP
 Vout
 Figure 16.45
 16.33. Consider the circuit shown in Fig.
 16.20(a), where Vout(t = 0) = 0. If
 (W/L)2 = 6/0.18 and CL = 50 fF, deter_x0002_mine the time it takes for the output to
 reach VDD/2.
 16.34. Repeat Problem 16.33 for the time it takes
 the output to reach 0.95VDD and compare
 the results.
 16.35. In the circuit depicted in Fig. 16.23(a), the
 input jumps from 0 to V1 at t = 0. Assum_x0002_ing Vout(t = 0) = VDD, (W/L)1 = 1/0.18,
 andCL = 30 fF, determine the time it takes
 the output to fall to VDD/2 if (a) V1 = VDD
 and (b) V1 = VDD/2.
 16.36. Repeat Problem 16.35 for the time it takes
 the output to fall to 0.05VDD and compare
 the results.
 16.37. A CMOS inverter with (W/L)1 = 1/0.18
 and (W/L)2 = 3/0.18 drives a load ca_x0002_pacitance of 80 fF. Calculate TPHL and
 TPLH.
 16.38. Suppose the supply voltage in Problem
 16.37 is raised by 10%. By how much do
 TPHL and TPLH decrease?
 16.39. Repeat Problem 16.38 with VDD = 0.9 V
 and compare the results. Note the signifi_x0002_cant increase in TPHL and TPLH.
 16.40. In Eq. (16.82), suppose VTH1 = 0.4 V. For
 what supply voltage do the two terms
 in the square brackets become equal?
 How should the supply voltage be cho_x0002_sen to make the first term 10% of the
 second?
 16.41. A CMOS inverter must achieve symmet_x0002_ric propagation delays equal to 80 ps while
 driving a load capacitance of 50 fF. Deter_x0002_mine (W/L)1 and (W/L)2.
 16.42. A CMOS inverter with (W/L)1 = 1/0.18
 exhibits a TPHL of 100 ps with CL =
 80 fF. Determine the supply voltage.
 **16.43. We have received a CMOS inverter
 with unknown device dimensions and
 thresholds. Tests indicate TPHL = 120 ps
 with CL = 90 fF and VDD = 1.8 V, and
 TPHL = 160 ps with CL = 90 fF and V,
 VDD = 1.5 V. Determine (W/L)1 and
 VTH1.
 16.44. In Eq. (16.82), the argument of the
 logarithm becomes negative if VDD &lt;
 4VTH1/3. Explain intuitively why this
 happens.
 16.45. A 1-k_x0003_ resistor charges a capacitance of
 100 fF from 0 V to VDD. Determine the
 energy dissipated in the resistor.
 16.46. A digital circuit contains one million gates,
 and runs with a clock frequency of 2 GHz.
 Assuming that, on the average, 2</t>
  </si>
  <si>
    <t>b"T\x04\x0e\xd2^#\xbd'?\x0e\xeal\x00\x17\xe3\x93"</t>
  </si>
  <si>
    <t>54040ed25e23bd273f0eea6c0017e393</t>
  </si>
  <si>
    <t>herâ€”but then she was displeased with his garden and wore her
"quite contrary" expression, and certainly did not seem at all pleased to see
him.
"What is this place?" she asked.
"One o' th' kitchen-gardens," he answered.
"What is that?" said Mary, pointing through the other green door.
"Another of 'em," shortly. "There's another on t'other side o' th' wall an'
there's th' orchard t'other side o' that."
"Can I go in them?" asked Mary.
"If tha' likes. But there's nowt to see."
Mary made no response. She went down the path and through the second
green door. There, she found more walls and winter vegetables and glass
frames, but in the second wall there was another green door and it was not
open. Perhaps it led into the garden which no one had seen for ten years. As
she was not at all a timid child and always did what she wanted to do, Mary
went to the green door and turned the handle. She hoped the door would not
open because she wanted to be sure she had found the mysterious gardenâ€”but
it did open quite easily and she walked through it and found herself in an
orchard. There were walls all round it also and trees trained against them, and
there were bare fruit-trees growing in the winter-browned grassâ€”but there
was no green door to be seen anywhere. Mary looked for it, and yet when she
had entered the upper end of the garden she had noticed that the wall did not
seem to end with the orchard but to extend beyond it as if it enclosed a place at
the other side. She could see the tops of trees above the wall, and when she
stood still she saw a bird with a bright red breast sitting on the topmost branch
of one of them, and sudden</t>
  </si>
  <si>
    <t>b'\x9f]\x03\x93"\x8f\xa0\x86D\xae&lt;\x88\xef\x86\xd1`\xfe\xf4RL)\xa3\x8b\xc4\xc4b,|J\x99\xf1\xe5\x88\x9f\xd2My\x9c\x9f\xb5\xfb\xa7@\xff\x9f\x8d\xf6\x82\xc4\xc2\x00r\xf3\xea\x82YD\xcfrR*_\x89S\xa4\xbf3\xa7\x9d\xef\x82\xfc\x0bs\xa9\xda\xff\x83T\xb8\x7f\xc2B"S\xf9\x90\xbce\xb5&amp;\x90\xcb\r\x0e"\xb3q\'\xd2 b\xb6\xbb\xa7m\x8fBX\xe6\xb3\xc7x\x95\xc3lV$Iya\x9b&gt;\xb5.\xa2I\xd5\xda\xc8\x10\xb7\xaeF\xf3\x86|\x92\x19\xd6o:\xaeO\xbcp\xe7K^;\xaf\xb5\xc6\xc9\xd7\x8c\xce\x8f\xe7IyBE\x7f\x02\x07[\xdb)\x8b\xc0\xe8\x85\xf5\xe9\xc2h\x02\xc1\x84uc{{9\xd0\xa9R\xb4\xf0\xbc.4\xb2\xed\x88De\xc5\xe1\xb4\x82\xb1i\x9f\xc1hi,\x85\xde,\xd5\x95\xeb\x9d\x9e\x1b\x93\x0b\xfd\xf5\xda?\x15d=\x08y\xdfs\x10\xa5\\\xe8*\xe2IX\x80|\x12\x9d\xe9\x99sW\x8e\xe5\xe3\xdf\x84\xd4+[\xd3\xdf0IC\xd6\xbdEu#\xff,\x0b}7\xaf(9xpS&gt;3\x01L|\x03~d3&gt;o\xb4\x13E\xe1\xe6n3\xf8\x14I\xdazaMd\xbbXb\x0f\xd9u\xa8\x06O\x1b\xb8\xaf\x05\xa6\xc0h\x82\x08\\Z]\x9eks\xdc\ni;9\x86|\xf3\x01&lt;N\x16U\xa6\xdc(V\x80S\xaf\xb8\xc8\x12f\xa3\x02D\xe2\x13\x98\xbdd\xde\xafv\x92\x0eVl\x85\x83`\xf3\x11a\xfblL\xc5B\x199%\x82nR\x81\xfd\t~P\xa9\xfd\xaa\xe0Q\x003\x81c\x07\xdd\xc4. p\xc7Gy\x8a:4-&amp;\xbe&amp;\x9eO \xf1Z\n\xb1\xb4zSL\x07*\x0e\x8a\xbe#\x88\xafi\xbbJ-\x00v\xc9\xea\xfe\x02\xd5\xe2G\x11\x08\xd7&amp;x2T\xa5$t\xbb\xca\x98\x12\x93\x0be\xbe\xaa\x06\xed\x8e\x91\xaf\x89\r}Pr\xb4\xfa\x02\x9a\xb6\xb6I\xce\xc8\x8c{\xe8Ko\x190\x02D3\xf2\x1f\xcb\x99\x840)Z]\x15\x8f\xe2\xec(\xa3{\x99\xc0\xac\x8aiR\x8b\xf7P4Vq\xb16:np\xb7\xf0\x7f5\xd9#\x12\'J6$H3\xf9&amp;\xa2r\xae\'\xa1\xde\xb7\xdde\x12\x9fE\x1e\xb5\r`=\xf0\xde\xcd[\x98\x88\xbb\xc55\xb4\xfc\xde\xc6\xec\x97v\x157\xd7\xba\xa9nTUc\x9e\x90\xde\xcdW\x90[o\xb0V\xbd\x0e\xf9JS.\xfa-.\xcf\xe6\xff,fc\x8ew\x95\xacy\xde\xb7\x9b\x17j\x08\x9b\x01\xb2\xe9\xa0\x16\xe3Nf\x08\xb8\xaf\xe3\x94\xdd\x10\x8c,\x1c/\xcc\x9dw\xf7\xf3l\xc60%\xbf\x7f!\x95\xbf\x01\xc7\xac0&gt;\x95\x0cH],\xc7\xbcKH\x17\x9d,C\xb1\xb6pks\x96\xf1\xd9\x19I\x8c\x17\x90\xc7\x92\x8e\xb1\xd3\xa8\xd0FZ\x9c%\x92\x83\x15R\x06J\xcb\xd0\x02\xca\x01\xea\t\xd7\xcdW\n\xb1\xe7\xb5\xea\xa6\x97\xf6A(\xfe&amp;_\x08s8U\xa6\x18\xach\xff=\xfd\xbd\xa9\xac[\xe0B\x83\xd7V\xd8.T\xba\xba\xb0\x84\xa8\x86:\x7f\x87\x1f+\x13v\x1ae\xe1\xfe\xdb\xac\x87\xcdK\x81\x07\xe48\xaf\xcfR\x0cm\xcb\xa9a\x95\x08\xa8\x12A\xf8Y\xb97\xf8\xb8\x07L"\r\xb8};\x95w\xda\xc7&gt;\x04\x1f*d_"\xda\xbc\x84$&lt;9\x95\xcfUR\xf9\x1e&lt;(I\xae*Z\x1c\x7f#\x8b\xb0\xde\xc4\x96\xa1\xea\x04r\x8c\xb7\xd4\xd0\xb4\x8c\x9f\x18d\xf7\xfc\x11 \x9c\xd4Bq\xd1)\x96\xd9\xd4&gt;\x19\xfc\x96\xef\x93\xaf\xdc\x8e\xda=W\xba\x1d`m#\x9d\x01\xb5\xa6\xdd\x12\xa2A\x08P\xff\xbf\xd9.\xf00\xc8\xa5\xa1\xb3dN\x00KU5af\xed\x102\x1b\xcdc\x16\x08Zw\xd2r=\x1f\x92Y\xa2L\x81#@\xeb\xb6\x08%\x93&lt;\x96Ax\xd2\xb3\xae\x93\x93\xf0\x14\xfd\xc9!\xd9\xfcDZ\x11\xae\'HH\xb9\xe9\xdf\x1d\x95;\x08\xee\xe8\x0c\x070\x03\xccK\xe66,\x8c\x86\x9a\x93\xc2\xde\x06\xe5\x8d\xce\x14X\x12\xaf3\x9c\xbc\xaa~\x08?PA\xd8l\x19\xc4\x15;E)\x8f\x9d_\'\x99\x8eX&amp;R\xc5M\xaa\xae\xaf*\x13\x02\xae\x82\x14\x83j1\xe0\xda\xdd\xf3\xa7H\x81\xe48\xdc\x15\xa3X\x89\xbf\r\x93\x08\xb5H`i\x93-\x81 \xb5i:\xc3z\xc0@;\xec\x83\x9eJ\xbfcb\t\xb8\xd1q\xd2\xd5\xd7V\x1b\xfc\xd8{\t\xc4\xfc\x9fUg\xbe\x972\xc5g\x88\xad\x15d\x01H5\xb0l~Kj$\xa0\x07k\xd0\xb9w\xa6_SAV\xc2\xc1\xaaj\\UcPB\x1a\xdf\xfc\'\xe3\xcf\xa6\xb5\xad\xdaJZ\xb1M\x02\xd7\xcc{\xe0\x85\xc7\x06Y\xa3\xbf\x1e\xfc?7\x00Fx\xcf\xfb\xa3\x18L*\x04Z\xe3\x8bR?\xbe\x10b\x85\x95\x12`;Z\xb9hK$\xdd#\xfc\xc0l\xfb\x03Y\x08\xe3\xc3I)m[\xb2`w\xb3\x06\xd6\x1ca\x08l\x0b\x02w\xea\xd4\xbbf\xc3\x8a\x85\xab&amp;\r\xd52vs\xd1o\xf8N\xa0\xd5\x9c\x9e:\x0c\x9c#jq\x95?3D1E\xd0\xff\x12\xf2]D8)\xd3\xcc\xba .yJ\xf2\x11\xa8\xca\xadk4\xad\xbcR\xbdJ\x82\xc9A)@\x84\xc2s4B\x0b#~\x0eZ,\xe6\xba\x88\xc1\xc6\xdcY\xea\xbd-\xbfK`\x12@\xae\x99\xff\xcf\x01y\x87\xa8_\xc1\xfeg\xbf\x08\xc2\x93U\xcf|J\xe58#\xf3\xdf\x00\x0eF\xa7\x88\xb1\xdcm\xc8!4\xa8\xdc\rH\x83\x90\x0b\xad\xa1\x98[\x18\x1dT\x98X\xf3\xd6!\xacR\xe9\x87\xa6oLV\xe71\x11\xdb\x19;\xdd\x14\xc1\x18\xf6\xf8\xa6\xba7ePy5\xfaYC\x96I*\xda\xc2\x89\xfdx\xad(\x12[g\xec\xcb\xa0\xc7\xaf,\xde\xc3+)\ni1O[J\xe1\x86\xf8\xe6u\xe0\xfff\x030\xbe\rI\xf5J\xb8[\x95\xe4x\xce\xc6\xf3\x13\x8eg\xb9\xff\x16\xb3c\x9f\xb6\x1c\xf91@\xba^\x1a\xc2*\x1f\xd8M@F\xe7\xd2!o\xf0($\xc3d\xfa0\x8d\xb6*\xf9\x0b\xf6\x18\xc6\xd5\x0f}[\x02\xc9\x87c\xde\xed\xa3\xdf\x0c\xd9{F\x1bk`er\x11\r\x1a\x05\x87t8O|\xc5\xc9uo[t\xd4\xc4|\x7f\xcd\xe7\xbaAG\xf0\xb3\xeet\\6\x92"\xf9/e\xe2\xb9ax\x95\xe4\xb2yM\x85J\n\x89D\x98\xe3\xbaO:\xd7\xfe\xee\xea\xc8\xd3\x8b\xff\xd8\xff\xdb\xaf\xaa\xa0\x1fF\xb4\x9a\xba\x99\no\x909\x91\xcf\xdf\xd6\xf5\xf8\xc0\x14\xb7%Y&gt;\xd0O\xd4W\x18\xe9\xa7V$\xbf\xcfe\x19\xc4\xa0~o\x95\xc7\xc1\xf5\xc7h\x12\xd1I\xed\x94E\x9c$\xccM\xd9xt\x1d\x1d\xd8a# \x07\x11\xf6\xf3\x8c\x96$g\x82\x87\x93\xef\xd9\xcf\xa3g\xfe\xbd|\x9e\x99\xcf'</t>
  </si>
  <si>
    <t>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</t>
  </si>
  <si>
    <t>b'\x9f]\x03\x93"\x8f\xa0\x86D\xae&lt;\x88\xef\x86\xd1`'</t>
  </si>
  <si>
    <t>.Compareyouranswer
  to(a).
  12.1.4 TheStructureofSpacetime
  (i)Four-vectors.TheLorentztransformationstakeonasimplerappearancewhen
  expressedintermsofthequantities
  x0â‰¡ct, Î²â‰¡v
  c . (12.21)
  Usingx0(insteadoft)andÎ²(insteadofv)amountstochangingtheunitoftime
  fromthesecondtothemeterâ€”1meterof x0 corresponds tothe time it takes
  light totravel1meter(invacuum). If,at thesametime,wenumber thex,y,z
  coordinates,sothat
  x1=x, x2=y, x3=z, (12.22)
  thentheLorentztransformationsread
  Â¯ x0=Î³(x0âˆ’Î²x1),
  Â¯ x1=Î³(x1âˆ’Î²x0),
  Â¯ x2=x2,
  Â¯ x3=x3.
  âŽ«
  âŽª âŽª âŽª âŽª âŽª âŽª âŽª âŽª âŽ¬
  âŽª âŽª âŽª âŽª âŽª âŽª âŽª âŽª âŽ­
  (12.23)
  Or,inmatrixform:
  âŽ›
  âŽœ âŽœ âŽœ âŽœ âŽœ âŽœ âŽœ âŽœ âŽ
  Â¯ x0
  Â¯ x1
  Â¯ x2
  Â¯ x3
  âŽž
  âŽŸ âŽŸ âŽŸ âŽŸ âŽŸ âŽŸ âŽŸ âŽŸ âŽ 
  =
  âŽ›
  âŽœ âŽœ âŽœ âŽœ âŽœ âŽœ âŽœ âŽœ âŽ
  Î³ âˆ’Î³Î² 0 0
  âˆ’Î³Î² Î³ 0 0
  0 0 1 0
  0 0 0 1
  âŽž
  âŽŸ âŽŸ âŽŸ âŽŸ âŽŸ âŽŸ âŽŸ âŽŸ âŽ 
  âŽ›
  âŽœ âŽœ âŽœ âŽœ âŽœ âŽœ âŽœ âŽœ âŽ
  x0
  x1
  x2
  x3
  âŽž
  âŽŸ âŽŸ âŽŸ âŽŸ âŽŸ âŽŸ âŽŸ âŽŸ âŽ 
  . (12.24)
  LettingGreekindicesrunfrom0to3, thiscanbedistilledintoasingleequa
 tion:
  Â¯ xÎ¼=
  3
  Î½=0
  ( Î¼
  Î½)xÎ½, (12.25)
 526
  Chapter 12 Electrodynamics and Relativity
  where is the Lorentz transformation matrix in Eq. 12.24 (the superscript Î¼
  labels the row, the subscript Î½ labels the column). One virtue of writing things
  in this abstract manner is that we can handle in the same format a more general
  transformation, in which the relative motion is not along a common x Â¯ x axis; the
  matrix wouldbemorecomplicated, but the structure of Eq. 12.25 is unchanged.
  If this reminds you of the rotations we studied in Sect. 1.1.5, itâ€™s no accident.
  There we were concerned with the change in components when you switch to a
  rotated coordinate system; here we are interested in the change of components
  when you go to a moving system. In Chapter 1 we defined a (3-)vector as any set
  of three components that transform under rotations the same way (x, y,z) do; by
  extension, we now define a 4-vector as any set of four components that transform
  in the same manner as (x0,x1,x2,x3) under Lorentz transformations:
  3
  Â¯
  aÎ¼ =
  Î½=0
  Î¼
  Î½ aÎ½.
  For the particular case of a transformation along the x axis,
  âŽ«
  Â¯
  a0 = Î³(a0 âˆ’Î²a1),
  Â¯
  a1 = Î³(a1 âˆ’Î²a0),
  Â¯
  a2 = a2,
  Â¯
  a3 = a3.
  (12.26)
  âŽª
  âŽª
  âŽª
  âŽª
  âŽª
  âŽª
  âŽª
  âŽª
  âŽ¬
  âŽª
  âŽª
  âŽª
  âŽª
  âŽª
  âŽª
  âŽª
  âŽª
  âŽ­
  (12.27)
  There is a 4-vector analog to the dot product (A Â· B â‰¡ AxBx + AyBy + AzBz),
  but itâ€™s not just the sum of the products of like components; rather,</t>
  </si>
  <si>
    <t>b'\x85\x9aVH\x8b_\xbe0\xf4\x1c\x9e\x9es*\x8fV{\xe8\x1dQn\xd4[c0W\xb4\xf4@*\x19j'</t>
  </si>
  <si>
    <t>859a56488b5fbe30f41c9e9e732a8f567be81d516ed45b633057b4f4402a196a</t>
  </si>
  <si>
    <t>b'\x85\x9aVH\x8b_\xbe0\xf4\x1c\x9e\x9es*\x8fV'</t>
  </si>
  <si>
    <t>o help. There's two-hundred-mile gales to be found,
 any time you want to hunt for them."
 "We'll hunt for them, sir."
 "See that you do. Sometimes you may have to go up a couple of miles, and
 it'll be p'ison cold, but most of the time you'll find your storm a good
 deal lower. If you can only strike a cyclone--that's the ticket for
 you! You'll see by the professor's books that they travel west in these
 latitudes; and they travel low, too."
 Then he ciphered on the time, and says--
 "Seven thousand miles, three hundred miles an hour--you can make the
 trip in a day--twenty-four hours. This is Thursday; you'll be back here
 Saturday afternoon. Come, now, hustle out some blankets and food and
 books and things for me and Huck, and you can start right along. There
 ain't no occasion to fool around--I want a smoke, and the quicker you
 fetch that pipe the better."
 141
 All hands jumped for the things, and in eight minutes our things was out
 and the balloon was ready for America. So we shook hands good-bye, and
 Tom gave his last orders:
 "It's 10 minutes to 2 P.M. now, Mount Sinai time. In 24 hours you'll be
 home, and it'll be 6 to-morrow morning, village time. When you strike
 the village, land a little back of the top of the hill, in the woods,
 out of sight; then you rush down, Jim, and shove these letters in the
 post-office, and if you see anybody stirring, pull your slouch down over
 your face so they won't know you. Then you go and slip in the back way
 to the kitchen and git the pipe, and lay this piece of paper on the
 kitchen table, and put something on it to hold it, and then slide out
 and git away, and don't let Aunt Polly catch a sight of you, nor nobody
 else. Then you jump for the balloon and shove for Mount Sinai three
 hundred miles an hour. You won't have lost more than an hour. You'll
 start back at 7 or 8 A.M., village time, and be here in 24 hours,
 arriving at 2 or 3 P.M., Mount Sinai</t>
  </si>
  <si>
    <t>b'\xa0\xc5\xfa7\xa8\xea\x83\xfc\x9d\xc9\xcc(\x0b\xaf\x02_\xb2\xd8\x98\xd6\xf4\x95g]_\\A\xf6i\xf7j\\'</t>
  </si>
  <si>
    <t>a0c5fa37a8ea83fc9dc9cc280baf025fb2d898d6f495675d5f5c41f669f76a5c</t>
  </si>
  <si>
    <t>b'\xa0\xc5\xfa7\xa8\xea\x83\xfc\x9d\xc9\xcc(\x0b\xaf\x02_'</t>
  </si>
  <si>
    <t>went higher I would lose my head and fall, sure. So he said, "Take a
 good grip," and he started.
 50
 "Don't go so fast," I shouted. "It makes my head swim."
 He had started like a lightning express. He slowed down, and we glided
 over the sand slower, but still in a kind of sickening way; for it IS
 uncomfortable to see things sliding and gliding under you like that, and
 not a sound.
 But pretty soon there was plenty of sound, for the lion was catching
 up. His noise fetched others. You could see them coming on the lope from
 every direction, and pretty soon there was a couple of dozen of them
 under me, jumping up at the ladder and snarling and snapping at each
 other; and so we went skimming along over the sand, and these fellers
 doing what they could to help us to not forgit the occasion; and then
 some other beasts come, without an invite, and they started a regular
 riot down there.
 We see this plan was a mistake. We couldn't ever git away from them
 at this gait, and I couldn't hold on forever. So Tom took a think,
 and struck another idea. That was, to kill a lion with the pepper-box
 revolver, and then sail away while the others stopped to fight over
 the carcass. So he stopped the balloon still, and done it, and then we
 sailed off while the fuss was going on, and come down a quarter of a
 mile off, and they helped me aboard; but by the time we was out of reach
 again, that gang was on hand once more. And when they see we was really
 gone and they couldn't get us, they sat down on their hams and looked up
 at us so kind of disappointed that it was as much as a person could do
 51
 not to see THEIR side of the matter.
 52
 CHAPTER VI. IT'S A CARAVAN
 I WAS so weak that the only thing I wanted was a chance to lay down, so
 I made straight for my locker-bunk, and stretched myself out there. But
 a body couldn't get back his strength in no such oven as that, so Tom
 give the command to soar, and Jim started her aloft.
 We had to go up a mile before we struck comfortable weather where it was
 breezy and pleasant and just right, and pretty soon I was all straight
 again. Tom had been setting quiet and thinking; but now he jumps up and
 says:
 "I bet you a thousand to one I know where we are. We're in the Great
 Sahara, as sure as guns!"
 He was so excited he couldn't hold still; but I wasn't. I says:
 "Well, then, where's the Great Sahara? In England or in Scotland?"
 "'Tain't</t>
  </si>
  <si>
    <t>b'\xb5mD_\xa3ve\xe0`\x1a\xac\xf3\x9e\x1a\x86\xc9\x8c%\xe3\xf8L\xe2&lt;\x0b\x85\t\xa9\x80\xc4G\xfap'</t>
  </si>
  <si>
    <t>b56d445fa37665e0601aacf39e1a86c98c25e3f84ce23c0b8509a980c447fa70</t>
  </si>
  <si>
    <t>b'\xb5mD_\xa3ve\xe0`\x1a\xac\xf3\x9e\x1a\x86\xc9'</t>
  </si>
  <si>
    <t>hat his
Magic was working all the afternoon and making Colin look like an entirely
different boy. It did not seem possible that he could be the crazy creature who
had screamed and beaten and bitten his pillow. Even his ivory whiteness
seemed to change. The faint glow of color which had shown on his face and
neck and hands when he first got inside the garden really never quite died
away. He looked as if he were made of flesh instead of ivory or wax.
They saw the robin carry food to his mate two or three times, and it was so
suggestive of afternoon tea that Colin felt they must have some.
"Go and make one of the men servants bring some in a basket to the
rhododendron walk," he said. "And then you and Dickon can bring it here."
It was an agreeable idea, easily carried out, and when the white cloth was
spread upon the grass, with hot tea and buttered toast and crumpets, a
delightfully hungry meal was eaten, and several birds on domestic errands
paused to inquire what was going on and were led into investigating crumbs
with great activity. Nut and Shell whisked up trees with pieces of cake and
Soot took the entire half of a buttered crumpet into a corner and pecked at and
examined and turned it over and made hoarse remarks about it until he decided
to swallow it all joyfully in one gulp.
The afternoon was dragging towards its mellow hour. The sun was
deepening the gold of its lances, the bees were going home and the birds were
flying past less often. Dickon and Mary were sitting on the grass, the teabasket was repacked ready to be taken back to the house, and Colin was lying
against his cushions with his heavy locks pushed back from his forehead and
his face looking quite a natural color.
"I don't want this afternoon to go," he said; "but I shall come back
tomorrow, and the day after, and the day after, and the day after."
"You'll get plenty of fresh air, won't you?" said Mary. "I'm going to get
nothing else," he answered. "I've seen the spring now and I'm going to see the
summer. I'm going to see everything grow here. I'm going to grow here
myself."
"That tha' will," said Di</t>
  </si>
  <si>
    <t>b'XQ\xd8+)r\xc1\x0b:-z\x18V\xfb\xbb\x8b\xf5\x10h;\\\x1d8\xe7\xa0o\x18\xa8o\xdat\x86\x96#5\xeei\xf0\x8d\xbd\xddqD-\x80\x9b\x85a\xca2I\xe2\x05\xa2\xcd\xf0!S\t\xd4\xb7@\x8b\x184_\x1et\x9e\xfcT"ga\x04[0\x1e;L\xf8\x8eGQ( 72\xf4r?5\xc1n\x17\x8f\xba+%;\xb9\xfbx\xc4o\xf8+4\xa16\xcf$\x88\x83\xff\x98\xc3\xf8+~h\xdb+\xaeY\xef\xf87\xd4~*\xe2\xf8\x90\x0eT\xcb\x9fC\x17y\x9a\xfeo\xe6w\x95\xfeQ;pW\xef\x91es\x02\xc8\xb8|#\xe2\x9f\xc6J\x01\xea%\xfe;\xc8\x03YJahP"\xe3\xdc\r^i1\xff\xd7=\x17P6\xb1.\xdc-k\xa9\x7f\xc3VWT\xfb\xfe\xd8j\x12\x99yh(o\x94\x8c\xb8[\xca7\xcc\x10\xc5T\x82,\n\xa9\xe6\xd0\xdc\xf4\x100m\xaf\x86\xea\x94\xe3a\xfc;\xa4\xfa\x94\xca\xb5"\xd5\x19\x06\xc0O\\\x0c\xb1\xbd\n\xae\xddw).OL\x1a\x8f\xef\xf6\xea\xad\n|\x19\xaaz\xa1\x8b\x1d\xa6u\x98\xac\x1b\xce\x87\xa0L.\xed\xcb\xa6+u\xc6=\xabg\xdcI\xe9\x83\xc24\x917\xf7\xe31\xc8&lt;\xcf\xb5\xf1kL\xa4\x1cj\x97\xc0p0M\xe6\x90\xca\xf7V\x88\xd7\x83\x13\xdf\x90$\xeb\x07h\xc5v\xff^@K\xc0F\xe0\xea\xe8\xa7\xd4\xd2lZp\xb7R/\xcf\x97\x1c$$6\xa49\x92\x1c\xfa\xbf,\xd8\xc5\xc8\xca,\x9b\xf4M\xcdT\xe6s\x94\x80\x1e%\xeeC\x88\xec\xf6H\x82\xee\xf7\xcc\x14s\x1a=p\xa9P&gt;\xa6\x05\x0f\x16\x17\xde\\\x95\x08=2~\x07e[n\x8f\xae\r\xf8\xba\xd7A\x8f\xb4~\'\x076hs\xae\xf1\x08qs\xe7\xbb\xb6\xc5\xe0\x80\xde\x1c\xe7\xda\xa1\xba\xa2C\xe6\xb3\xea/\xc7\xe0\xe3\xa4K\xa6q\xa6\xb2z\xe9\x08\xea\xae\xd5\xeet\xa5v\x9d8\x18\x8a\x82\xab`ZP0/\'\x94R\xdc\x00\xa6#Ow\xfb\xe9\xb55\xd6\x08\x86\x92\xc6\xb9\xac\xe9V\x8f\xf59\x87\x88\x98k6tr\xd9I\x92\xd9.\xc6eF(\x15b\x90bn\xc7\xe8Q\xa5\x18\xe4A\xc0sJ\xc4u[\x10\x98\xa4\x91\xf1\x1f\xb9\x80\xa6\xe6b\x04\xbb\x12F\x978:\x15\x95U%"\xc26\x81\xb1\xa8M\xa8|\xf5\xbf\xf1\xba7\xb3&gt;\x90\x99\xd4\x7f&gt;\xa3\x9e4X\xbfaD\x0bR!\xc4\xc1\xa4J\xc7\x8d\xca\x02\xbc?\xba\xbd~_?\x04\x8b\xc3a\x90\x86\xdd\x06;\xccDt\x84\x8c\x87\xffJ6\x81\xeb\xcc\xb1\r\x19\xba~\xd6\xddy\x14i\xbc\xd2\x861\xc2\x8f%:\x1f0\xfd\xab\xda=\x80x\x01\xa1\xbcd\x07E\xcf\xbf\xee\x9d\x8b.H\xae\x0c\x19\x0b\xfd\xb21\x0e\xe1D\x8b\xc3%\x9f\xcc&gt;&gt;\x0c]\r\xe3B\x87\xe5`\xa9t\xd8\xd4\xad\x90h\x13\xe9\x92\xd7\x9buL\xa6\xc7\x11\xe8\xc9?\xc9\xfaC\t/\xfc-K7c\x03"D\x9e\xd1\xb0&lt;S\xd7\x0c\x16\x95\x89\xa4{\xd3p\x85\x05\x9d\xe4J\x0f\x93\xc5\xdc\t\xe7\xc1\xdcj\x9c\xd0\x95\xc6\xb0\xfdf\xb8o\xa1\xec^\xf3\x02\xcc\xb5\xa1\xad\xc8\xa7\xbf$\xfc\xe8\xcb8\x11\xe6\xf8D\x9c\x98 \x89\xbc\x08\xbek\xbd\x8c\xb9-\xfb\x0b\xab\x83\x02qa\xea\xa7x%\xbbUG\' \x03)\xc2De\xe6\xb8D\xad\xd2;\x10\x88\x0c\xb0\xe6\xf4\xa9\xf8\xb3\xc3\x8f\xfb=L:i#\x8d\n\xac\xce\xa6S\x84\xe7N\xc7\xe1\t\x88g\x11\x06\x0b\x84\x9f\xa77\xe6\xb9\x18\x90\x02\x0cYJ1\x02\xae\x03,\x97_3;\xe7*\xf7\xaf&lt;`#\x8d\xfe Zuj\xaf-&amp;\t\x08l\xcd\xa6\xc1\xc3mI\rmb\x07d\xfa8\x8d\x1c\xc3\xe2\x070ac\xb8\xc9\xf3r\x85+\xa6=;q"\x98\xaeC\xc5\xbfU\xd5a\n`\xb8@uHS\x19\xd3\xb1L\x17\xc5\xc1\xaa\xb3O\x93\xa3\xee\xaf\x8f\xd4\xe3{.v\x0e"\x0c\xe8\xfa\x1f\t\x05\xeb\xe7\x8a\xb4\xdc\x1cX-1\x0c\xd9\x03]\xc6\x128mq\x17E\xec\xc9\x87\x85\x97\xa2\x9f,3\xa8\xc4\xa9z\xea\xec\xb1\x1c\xb4n\xb2$\xe9\xef\xe4\xdf;Q\xc6\x93\xa6\x0c\x9d\xf2\x15@3\x82\xec\x9a^\x86`\xaa\xba\xb7\xc0m\x84\rj\xdcG\x99%\xed\x17\x9d^\xca\x17\xaa\xc9\xdaH\x19\xd9Dy\xa5\x8aE2,\x8c\xe1\x8al\xb3\xb9t\xa6\xc5xg8\x8aq\xbf\xb1\x1fx\x06\x97Z\xdf\xa0\xa7\xa0\xfe\xf2\xe8\x8f\xe8\r\xd1\xc1x\x12HEE\x02Ki\x8f\x0c\xdf\xe2rf?e\xfa&lt;\x1al\xa9\xe2\x11P\xba\x080\xa0\x9b\xbcK\xe7\x98B\xb0\xfdK\xfaev\xbd\x99\x11\x12p#\x022\xe5G\xaf\x0c\xd5\xf9\x14en+\xcewAhWq::0\x0eCP0o\xb0\xa5\xb5Jv*\xc6J\x9b\x89\x88\xc3\x18}\xe1\xd7\xba\x9a\x97\x04\x81\xa7\xfd\xf8Z;_w\x1eR\x90\xe6\xbcg\xfc\xc9\x0f\t:\x96\x16\xc5\xda\xcfr\x87\x06\xe0\x9a\x07\xd0\xe4\x88\xf8\x96\x17\x96\x1f\xe9\x89\xc0)\x90f\xae_\xba\x7f\xff\xd4\x07&gt;\x9c\xc2\xbdg)\xc5\xd3\xcb\xe6\xd8\xf5\xb6YBg\x9d\x9e\x9f\xfe\xe6\xf0p&gt;\xbbolUJZ\xe1a45\x8b\xffJ?\xa3g\xb5}\xd3=\xd2US\xe4\x9bz\x85\x88Hf$\x93\x19\xe2\x1e\xed\xc8~\xbc\xf5\xd7M/Oe\xb1]\x93\x91\xd7\xf2e\x83\x96\xff\x8e\xc6\x94u\x8b\xd1\x92%\xc2(\x16\xed\xe13\x07\x8c;\x9b\xe8\xd9\xc2\xdcg!\xf2\xc9\xd8"\xde\xa2f*\xc7\x13\x80\x87\x9c\xaa\x08\xa1\x1c\xed\xab\x1bV\xaa\x87\x9b\x00\x93\x9a\x1b\xa7\xda\xa0\x8d\xac\xa9P\xb6\xabI\x94\xeaC*\xf9\xd1^z\xa0p\x1d\x99\x07f\x80\xb6\xd4\xd7\x89\xfb\xfd\x9aID\x1b\xbd\x84@\xd3Z\xd2(O\xf3j\xd7\xbd\xe7\xae\xf7\x95\x1ar\x0c\xbb\x9f\\\xbd2\x1b6\xce\xd2xv\xb8\xc5\r\xb6\xd7"\xe78\xcc\xdbF"S\x14~F&lt;\xe7\xc8\x81[\xf1Te\x0c\x8f\x0f\x17B\xc1\x03\xc8\x8bP\x16k\xfdt\x01J\xa2\xcdi6\xed\xd2\x8dy+\x0e\xa2\xaa\x0b}\xb4\x1eU\x92\xe2#\xe6\xb8D\xad\xd2;\x10\x88\x07,\x99p\xaf\x1bG\x18C#\x06\xfd\x85\xec4&amp;HD\x13A\x89\xa1\xc1\xa4\x8f\x9d\x02aC?\x83\x88\x88\x00\xf9\xf5\x85\xe128\xa4\x1c\x8e\xb8\xd0B\xc9\x14\x91c4\xcd*yB\x85\x9awta2V A\xdb\xca\x93l\xce\xf8![3k0\xba\xa9,\xbb"\xdef\xbbB|\x9dY\xd3\x91\x87\xe8p\xa6\xd3ob\x1e\x02ES6\xfd|i\xcd\x88A.\xebfx\x91"o\\\xdeW\t\xd6\xd8\xbf\xc0\x1f[L\xc9VX\xc2\x1c1sc\x11W#\x06\xa3\x1d\x99\xea\xe9\xbbw\xcf\xb9\xc6\xd0k-J\x13\xfe\xc9je\xb7\xbfM,\xac|\xae1\xd0\x0b\xa9I\xfd\xaeXe-\xa6\x97\x92\x90\x14\x9c6\x81\xe8\xb6c\xd0&amp;@\x12Us\xf1-\xa3l\xd6\x9b\xa1\xa7\x13\xf4\xcd\x89\xe1\xb7Sq\xb2hxD\x0f\xe7\xfdI\xefvy[\xea\xa33HF\xab\xb2],\r\xb7f\x12\xa9&amp;?\xbbQ\n\xe5\x911\xb2\x13\xe9\xde\xe2\xf8\x9e\x94\xce\xf4\xe7eU\x99A2EQ\x13\xa1\xa7\x1fJ\xb0\xba\xcd\xd9\x06\xa0f\x14x\xda\xcb\xf3\x10\xbc\xb4\xd51\xc0h]\x13`\xdc^\x8a\x1b\x98\x00e\x7f\x1d#gb/yf!\xc2h(\xc3\x1a\xc9\x11+\xbc\x8e\x04A\x1e\xcbn4\x81i"\x06\x08\xe0\x91\xd4\x9f\xe1\x97B)|\xf7\x02.\xc4\xe9\xb0\xa9\x8c\xd4\xc3w\xc2\xd2\x95Q5\xea\xdf\xf5me\xecI&amp;q\xe0\xcb\xd7\xe7X\x87\xf4\x1fY\xc7h\xc4m\x8aK\x00}\xef,\x80\xf0\x83\xae\x0b\x04\xc52\xbb-\xac\x03&gt;\xc6\xdb\x8e\xee\xb87\xc4\xa7h\x18R\xb1\xa3&amp;\x8e\xc1\x19\xb2\x10\xd9\xf8\n \x1e\x94\x830u\xa7\xe6f\x18\xa27\xd1R~M^nJ\xeb4\xeb\xa5\xbe\x00\xee\x97\xa8KD\xa3%\xe4\x91\xfaD\x10!\xbb\xf8\x8e\xa9/\xf6\xb7d6\x8f\xeb\x15 \x7f\xd6\xee\xae\x1dJ\xcbD\x13V\xd1\xb6\xaaT\xe9\x91O+d\xd9\x1b\xd0G\xb2\xa7\xfd\xe8;J\xaeb\x00J%p\x123\x1ap\xe1\x95\xb5\xa0\xa3&amp;\x8e\xc1\x19\xb2\x10\xd9c#\x17\x97\xf5+\xb35N\xfc\xd7\x12\xd1\xe7\xc7\xe1t\xbf\xa4\xbf\xc3b\xee\xa1\xc9KtR\x0b7\xcb\x18o\xcb\xde\xe8\x8b\xe3h\x96t\xbf\xa4\xbf\xc3b\xee\xa1\xb9\x9a;a\x1c\xf6n\x05 7C~d\xa0,P-Gb,\xdd\\\x7f\xd6\x163\xe1XR2{\xed\xbc\x90\xfc\xc4@b\x05p'</t>
  </si>
  <si>
    <t>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</t>
  </si>
  <si>
    <t>b'XQ\xd8+)r\xc1\x0b:-z\x18V\xfb\xbb\x8b'</t>
  </si>
  <si>
    <t>requirements for banks, and cross-border banking. The core principles were revised in
 2006. The Basel Committee and the IMF were monitoring the international implementa_x0002_tion of the revised Core Principles and Basel II when the global financial crisis erupted in
 4The Concordat was summarized in these terms by W. P. Cooke of the Bank of England, then chairman of the
 Basel Committee, in â€œDevelopments in Co-operation among Banking Supervisory Authorities,â€ Bank of England
 Quarterly Bulletin 21 (June 1981), pp. 238â€“244.
 CHAPTER 21 Financial Globalization: Opportunity and Crisis 601
 August 2007. The crisis revealed weaknesses in Basel II that led the Basel Committee to
 agree on a new framework, Basel III, late in 2010. No doubt further sequels will follow.
 The international activities of nonbank financial institutions are another potential trou_x0002_ble spot. The failure of a major actor in the shadow banking system, like the failure of a
 bank, could seriously disrupt national payments and credit networks. Increasing
 securitization (in which bank assets are repackaged in readily marketable forms and sold
 off) and trade in options and other deriva</t>
  </si>
  <si>
    <t>b'0E\x02 E\xf8\xa3\x14\x1f\xb5#l\x99\xc5\xdb\xee\xd2F\xb7,\x89*\x1b\x96?Js\x18\xc6\xe4\xef\x8e\xb9\x9c\x01\x0c\x02!\x00\xf3\xe2\x08Qz\xfc\xbc\x81#ok\x8a\xb9\xcf\x16aj\xc6\x86\xf70B\x1acr\xee\x891^\xd6\xa6\x89'</t>
  </si>
  <si>
    <t>3045022045f8a3141fb5236c99c5dbeed246b72c892a1b963f4a7318c6e4ef8eb99c010c022100f3e208517afcbc81236f6b8ab9cf16616ac686f730421a6372ee89315ed6a689</t>
  </si>
  <si>
    <t>b'0E\x02 E\xf8\xa3\x14\x1f\xb5#l\x99\xc5\xdb\xee'</t>
  </si>
  <si>
    <t>ut are electrically separated either by air or by some form of a good insulating material such as waxed paper, mica, ceramic, plastic or some form of a liquid gel as used in electrolytic capacitors. The insulating layer between capacitors plates is commonly called the Dielectric.
Due to this insulating layer, DC current cannot flow through the capacitor as it blocks it allowing instead a voltage to be present across the plates in the form of an electrical charge.
The conductive metal plates of a capacitor can be square, circular or rectangular, or they can be of a cylindrical or spherical shape with the general shape, size and construction of a parallel plate capacitor depending on its application and voltage rating.
When used in a direct current or DC circuit, a capacitor charges up to its supply voltage but blocks the flow of current through it because the dielectric of a capacitor is non-conductive and basically an insulator. However, when a capacitor is connected to an alternating current or AC circuit, the flow of the current appears to pass straight through the capacitor with little or no resistance.
There are two types of electrical charge, positive charge in the form of Protons and negative charge in the form of Electrons. When a DC voltage is placed across a capacitor, the positive (+ve) charge quickly accumulates on one plate while a corresponding negative (-ve) charge accumulates on the other plate. For every particle of +ve charge that arrives at one plate a charge of the same sign will depart from the -ve plate.
Then the plates remain charge neutral and a potential difference due to this charge is established between the two plates. Once the capacitor reaches its steady state condition an electrical current is unable to flow through the capacitor itself and around the circuit due to the insulating properties of the dielectric used to separate the plates.
The flow of electrons onto the plates is known as the capacitor's charging current which continues to flow until the voltage across both plates (and hence the capacitor) is equal to the applied voltage Vc (Fig. - 14). At this point the capacitor is said to be â€œfully chargedâ€ with electrons. The strength or rate of this charging current is at its maximum value when the plates are fully discharged (initial condition) and slowly reduces in value to zero as the plates charge up to a potential difference across the capacitors plates equal to the source voltage.
The amount of potential difference present across the capacitor depends upon how much charge was deposited onto the plates by the work being done by the source voltage and also by how much capacitance the capacitor has and this is illustrated below.
Capacitor Construction
The parallel plate capacitor is the simplest form of capacitor. It can be constructed using two metal or metallised foil plates at a distance parallel to each other, with its capacitance value in Farads, being fixed by the surface area of the conductive plates and the distance of separation between them. Altering any two of these values alters the value of its capacitance and this forms the basis of operation of the variable capacitors.
 Basic Electronics
31
                 C = eA d
C : Capacitance in Farad e: Di-electric constant : (F/m)
A : Area of plates (m2)
d : Distance between plates (m)
Also, because capacitors store the energy of the electrons in the form of an electrical charge on the plates the larger the plates and/or smaller their separa</t>
  </si>
  <si>
    <t>b'k\xb5\xbf\xa1\x12\x04`\x9f\x9e\xf7\x88j\xae]\x8e\xf8f\x1e\xa1l\xdc\x05\xfd\x03\xdc\x95\x00\x8cL\x04\xe6\xaf\xa8\x7f\xce\xb0\'\xee\x12i\xe5+N\xf1\xe4\xd0\xec\xa1\xdf\xdc\xd6k\xef\xc71I\x1dv\xe4`m7\th\x8d\xdf\xd4\x98\x11\x04\x85j;\x18l\xc2\xf2\xd3xz\xcb\xc4\xa0\x1e \xcc\xe9\xaa\x9c7\xf9\x19\xdfF\x14)t\xfd\xb3\xf3\xbc\xcf\x94\xd5\xe45\xf42\xe8\xfeH\xdb\xfb\x92s\x9c\xd8z\xa7X\xb1\xf5\x08\xe0\xcd\xea\r\xca\xf4\xa4\x80\xa6\xb1}m\x17\xc1\xe4\xa7\xc2\x00\xec\xc6H\xc0/:\x14\x97\x9c\x1b\xeb,1\xa5\x19f\xec\x8d-\x81\xb7\xe2R\xb0\x98x\xd6\x0be\xee;$\x1b,\xb7=VN\x87\xe2\x89S\xe0\'W\xad\x98\xe5\x8f\x19\x1f\xf1s&lt;\xbd\xc0`\xac\x94Pd\xabY\x07{)\xc0\x83Q6\xc7\xc3J\xc1\xc8o1f\xe6\x8b\x89\x00\xa1A3\x1e\xc4i\xc3\xfb\x87\xf1\xc8\xd6!"X+qzX\xd9\'\x1e\x0c\xae=a\xae\x16\xbc3\x1c\x188\x9fzS\xac\x9c:\xd5\xde\x0f\xd3\xb1\xc6\xd5d}\xf7\xff\xc0\xd9c\x83\x05\xa1\xf8\x96\x93H\xcez9\r\x0ess&gt;\xd9\x84\xdeZ\xd8P\x19\x98\xaf\\\xc1\xfe\xbd\xe0\x08\xec\nM\xf0\x104\xa8\xa0U;x\x86w\xd9.\x8d\x0f\xc3\xc8\x80F\xa8)\t\x07/\xab\xf2\xb1\x00\xae\x0b*d\xa7kC\xae\xc4\x94IV\xe2\x9a\xac\xb4\x96\x079\xd9G\x977\x12\xaa\xf1\xfc\xc1\x9f} \xf5\x8b\x06\xe6\xfd\xa0\xd0\xf2\xaex^\xbe\xd8\x96\xa6&gt;s\xe3\xe8\n\x0c\xea\xae@\xdc\x14\xfa.jj8F\xa4\xd0\xbaz\xbf\xf0\xc8,-\xe1\x1f\x83\xd8i\xe8\xdd\x18\xbf\x99\x03\x8b\xa1\xe4!\x8b\xc2I-\x94B5\xae@\x05\xb4\xcb7\xa32`\xb5O\xcb\x19\x83AE\x03\x1av\x16\x06\x19t\xd4\xe1Q\xe1\xad\x01z\x03\x18T\xb8nk\x9d&amp;\xbc\xe7v\xb6\x8d\t-\xb1\xf5!:,\x8e\xc3\x94\xaa\x90\xd7\xc6\xc3\x1b\xe6?\xc3\xa6\x96m-\x06\x87\xe3\x0e\x9e\xf0r\xe7d\x15o\xba{\xeb]\xdcv\xcayS\xf6\n\xe1Q\xa8!\x009\xbe\x15\x1bGrD\\\x0f\t\x98\x82\xef4.s\t\xd6\xc7R\x04\x96L2\xe7Q+\x93\xb6j\x99\xb33\x10\x1e\xbbf\xa9e\xcc\xf1\xebF\xdbn\xc9\x82\x0b\x9a6\xb9\x7f\xf39\x8f\xb5M\x07\x9b\xef\x9fh\x12l_d\xb1Z;\xed\xa2\xc9\xf1\xed\xa5\x88\x12\x92_6\x8c\xabo\xb6b\xebFk\x8bP\x9c\x8a\x8f\xcb\xcb\x8addT9x\xa3\xae\x93\x16J\xd0X\x9d\xb0\xeed\x03\x87^2\x02\xb4\xf3\xd2\x15\x12\xbb\xb2O\xac.\x11\x87\xb6\xdc\xba\xdd\x17A\xfd\xb3~\xd0\'\xfc\xe5\xb8\xba&gt;u\xfc\x80\xe3\x8b\xf4\x14\xbc\xacy\xb3\x08\xb5M\x0c\x9b\xa9\xcen\x0fl\x10r\xc1\xee\xeecO\x9f\x1b\'\x03?\x19\xda\x1a\x8e\xcb\xbe\x87=9\xdc\x94V\xfc1QH\x8fq\n]BP\xe2\t\xa7\xd7\xe8\xd1\x99\xea\r\xecG\xfb\x17\xae\xe3]sHb4\xf9\xd6\xd6\x89\xf5\xccL\x82\xab\xd8\x9cF?}9[\x93\xb7\x064\xe3o\x8d\xf8&amp;N\xc7\x18\x00\'\x9a6Z\x9e0\xcf\x03X`\xb4(\xc4\x94\xf91I,\x86\xadj?k\x1f\xd6\x83\x10&amp;,\x9c\xbd(\xa9qYt\xc3%P\xfd\xa2\xfe\xeb\x16\xac\xca%Q\xb8\x80}\xb6\x02\x14c"Ao\x04\xc5\xe2*\xfd\xec\xcd\x03,\xa2u\xcf \'\xa8\xa9\xdd\xf1\x8d8\xd2\x1a\x80\xec\xd7\x81\x17\x82\xd2\xcf\xae\x19\xa9\x12\x139\xdd%\x05h\xf3-\x8b\xb4\x93u\xed\x8d\xce"mHS\xf8D\xb1\x94\x12\x08\xf5Rp\xe4\xd0\x1e\x9b:\xc3\xdf\xed\xc6V\xc0\xe3\xa9\xbaQ\xb7\xd8\xebS\xff.\x00\x12\xfd\xbf|g\x87\x18L;\xec\xfe\xc3\x1a\xf8\xf1\x83\xe0\xb5t\xc3\xf4\x8c\x98\xb7f\x81\x8a\x96R[\x05\xadq\xd7\x94\x94\x85\xd8\xb3\x1b\x9c\xac\xfbZ),Jc\xee\xbb\xc1\x88z\x83\x02\xef\xbdQ\x81Q\xf5r\x0f$N\xe6\xb75\xb5Lac\x86zv\xed\xe2\xfb\x05\x05\xac\xa0\x19b0\x8c\xc4\xbcr\xe4$\x05\x83\x98\xb3r~\r\xe8G\xb0l\x1f\xa0\xc2\x7f\xf6$\x01@\t\x94F\xc6\xb7\xd0]v1\x93v\x96\xb3\x9ex\xc0\xe9,\xf3\xc9\xb0\x81\xdbo7-"#\x8bC7E\xa5\xd6\x89\xda\xcb\x83\xfa\xdc\xb8\xa8\xdf\x14\xfb\x95\xc4\x1c\xba\xda\xb6\x1d8\x8d\xf2\xaf\x9d\x13}\xfa+J|\xe4\xd2KP\x18\xf3V\xc9\xf3j\xb4\x00\xa2\xc7N\xf4\xf9\x0bIv\xe7]\xa1!\xa0\xe0C\xa6\x07\xbc\t\t0T6\x90m@/\xd6.\xfc:\xa9\xd1\n\x8c\x9f{S\xc4\xab\xd1\xaaX\xa2\x91\xda\xde"\xcbl\x985\xecT.lJ\x91CCg\nr\x03\xd76\xf8-\xff,\x99\xe9Y\xc3;Q\xa9\xc0T\xca\xb9$\xacA/\xd0\x0c\xc7\r\xa14\xaa1*(jc\x10\xbe&lt;{?uy\xa7o\x7f\xbc\xbb\xca$\xa7\xeas\xc0\xc7\xee\x8b\xc4Eh\xa6^\xe1[\xc3L\x8dA\x07\xa6\x13\xc0r\x06\xbc\xc1w\x84\x0b\x00\x84\xae\x05\xc1$cM\xed\xc6\xa3s\xd4\xdd\x8bQh\x0f\xbb\xde\xc5m\xa2\x0f7\x91q\xbb=\xc7\xae\xee:MrQ)\xca\xbe\xefXzF\x84\x1e\xb3#\xa8\xf6\r\x89\xb2\x93H\xc3\xcf\xb9\xd0\xce&lt;\xac\xb5\xf5\x19\x1b\xa1\xf4\x8dc\x9f\x8c\rAyk\xba\x02\xe3\xea\xde\xb1\x9e8F\x7fO&amp;\xbb\x88\xa9\xdc\x1c\xa6\x85\xbeTmBA\x94\x83\xa8:\x88\xd8=r\xb4o\xce\xb1\xf0?\xdd\xf7tg_\xce\x06\xa6\x97\x96\xfc\xd4\xcd\ne\xb3\xb3\xcdp\xfa\x93\xf4\x94=^M8y&gt;\xc4\xeb\'\xd5\x88\xe8\xb0C\xe7\x80r\xbc\xab\x066\x8f\xd8z\x95\x19\xd6\xe6\x17n\xeeo!\xa8\x97M\x0eZ\x8f\xf0\xb3\r\x86c+w#\x89\x93\x11\xc9\xf3\xad\x86Q\xaf\xe9A\xe1\x89\x08\xb9\x18\xcfT\xa5\xe6b\x91\xec\x01\xcd\x7f}~X\xc3\x94%\xe1\xa58]rA\x82\xf3\xbb\xfdT\x970\xbc\x08\xc1\xa1\x7f\rw\x9a\xd7\x88+\xd6&lt;z\xc1m\x1f\xa77y\xd7=YQ\xd6\xd8\x81\xc9\xb7\xbb&gt;\xec\xd6\xa1*\x8a\xa2\x93\x9f\xfd\x1f\x7f\xe2\xc7\xa0\xdf\xbd8:;\xf4\x14&amp;\xfd@\x1b \x03CT\xccVY\x1b8\x16\xcf\x96)\xf5b\xb4a\x99)\xae\xf3 \x9a_/\xc2\xac\xf7\xfd\xcb\xf4\xed\xa8Q\x1b&amp;\xc46P\xce\xac\xa8s\xa05\x036\x92\x18\x9f.Xg n\xa8\xc6i\xe3/Wa\xdf\x8br6\x82\x044\x83.\xd7\xab\x02\x8ff\xdaih\x96W\xfe5\'\xea\x84\xc6/\x98\xa9\xaf\x04n\xd4\x83\x103\xe7\xc7\xa1\xf9hC\\J\x18(\x814\xf8-A\xe5\xa2K6r\xfea\x8e&amp;_\x07\xffK\xff+\xdc\x94=\xb35Z\x00\xd0\xda(\xe7\xe2\xcd\x94\xf7\x0f\xeaA\rf\x92]\x81\x86\xa2\xffe\xde\xc9\xc9\x84\xaf\xf4\xd1O\xee\x84A\xc6\xc69xf\x9e[\x9e\x07\x07f|\x03\x01\xe0=\x1e\x9b\xd0?\xc5I\xcb\xa3\x96"\xb5D\x18-X\xba3\xed\x9fG\xd6\xb8\x1eb\xe60\xff^\x86\xf4B\xa8\xed\xea\xb9\x89\xed\x0e6\x0f}\xf1\x84\x9b\xfb\xfa{\xc2=X!\xad\x1d/\xfa\xe6\x94}d\xa0P\x07\xb8\x89\t\xce\xbd\xd1/\x14\x91\x8b\x90\xeeY\xf7\xedK\x17X\x9f2\xe3uM~\x85/\xf6\x1a\xca\x94?\x9b\xec{\xb1\xe5\xe9\xdf\xb6\x9aV\x1c\xce\xd4x# \xf3L\xe0P\xcbe\x0e\x96\xa6z\xe1\xcb\x96\xe8t\xf5C\xc6\xfb\xdfL\xf1V\x13k\x9f\xf3\x99T&gt;\x03\x93q\xb1\x1c(\x8c\xe0@\xcf\x0e\x03\xf2\x9dZ\xfe\xec\xa07t\x8f\xab5_|\xdcY\xf9\xdf\xb7+\xf27\x86\xb1\x10\xba\x9c\xd0\x06~VD\xe1fJ\xd1M?L\x8b\xe2\xbaz\t&gt;mb\xf2i8\xa8\xdc\x87\x9fB\xf8\xe6&gt;o\xaf\xaf\xddmV\xe8\xd0Y\x96\xfc\xceY{\x90%lH\x87\xe5\xb6\x96\xf2p\x12\x9d3T0=O[\xee\xe3p/\xd6!^\x15\xaa\x99\xac\xa6:\xab\xd9\x0e\xc2\xd7\x0e\x82\x1b3\xcc\xc3\xd2\xd5\xfe\xf4;x\xbd\xce\x1a\x87as\x86\'\x07\xb8\x94\x91|\x82&amp;\xfc\xf9\xcax+sc\xea \x01\x11\xf2z\xee%\xaf\xfb\xcb\xd9*\xb8\x17\xbc2\xa2\xbf\x88\x80\x7f\xcb\xd5\xa8\xd5\x8cP\xb6\x01N\xb5\xac=\x00\x9c\x02\x93\xf0\xe5\n\xa9\x87\xb6w\xc0\x1b\xf8\x04\x94\xa9\x84E\x08\x07p{\x11\x0fI\xc1!\x11\xa2h\x92\x10i$\xa2\x1b\xa5\x07\xfd\xab\xe5\xf1\xe4R\xd1\xb66\xeb\xd2\xd8\x97\x81\xdcvN\xd2\x86\xcf\xcd\xe46\x1b6t\xe1\x0b\x8aa\xcdH\xe0\xee\\\'\xee\x7f\x98W}\xd6\xf1\xae\xc8\xbe&lt;\x89v\tIS7\xcfk\xd2\x83\x94\\[a\xd7\x066\xc8\xb5\xad$\x0f\x9f\xe8B\x16\xa8\xf4\x1eew9\x85_\xe0uDaF\xdd\xfd\xb1\xaao\x97*\x98 \x9c\xba\x97\x0b\xb3g\xd6\x0f\xd4\xfc\x98@\xa1\x9d.O\x066"\xaaZL\xa9\x9dyK\xf8c\x90\x13\xac\r|=\xea\xe4\xe1\xfe\x02\xb7\xb32\xf8\xbf\x83!\xf5\x06f\xecKq\n2\xbf\xf9\xe1\x9a\t\x01\x0cL\xf6\xc4\xe9\xb7\xbd^\xcc\xa2.GV8\x7f&amp;\x0b\x829\xb7\xf9\x02\x8cl\n\x035\xb6\xb0vff\x81_\xa57\x90\xc8\xe4O\x95\x8a\x8d\xcc\xe7\xa5\xd4\xb3Z"c\x17q\xad&amp;\xdf\x89\x95\xbe\x08*\x11\xc1*L\'\xb4\xd9\xbe\xdeA\x99\xaf\xa2?|\x03I\xe8\x8b\x82\x00\xee\xd9\xe7\x84f\xc3.\xcfs\x84\x9a/\xc3\xcf\xf7\x90\xa6\x1fW\xb6CO&gt;\xcf\xb7].x\xe6\x87g\x94Q?\n\x9a{2\x99`\x18r\x1c\x16\x9ec(\xc35\x14j-\xaa\xdeod\xd7\x84\x94\xe5\xfd\xd2I\x8a\x0f\x88\xdd\x88\xd4\x01|\xfd^\xc4c\n?\xf6a\x10!\xf1\x93"v\x18\xf3\x83\x81t\x8e\xc17\xb1\xf0\x01\xe8\xa4\x7fNme\xa1\xbe\xf1\x19\x90\xf2C\x07b5\xd1\x15\xd7-\xb5\x806S\x87\xfc\xa4\x94\x9d\xce\x81\x84-\xb9\x11\xcf\x99\xb1|\'t\xd3jP\xf2\x88\xb6\x07\x15\xe7\\\xc5$\xa2\xe0\xefL\xdc\xaa\x18\xfbN\xe9\xb6~7\xc6H\xe22\xf5\x863F-\xb4+\xc4\xf7\xd1\x83\xfe\x92\x91\xe4^\xdev\xc4\xe9V\x98?P\xcft\x06i\x1e\x8fR\x17\xc6\xe2L\x8e\x9d\xcfr5vw\xa9\xb7\xd1\x1a\x00\xc2\x86rW\xc2z\x12\x98&amp;\'\t\xfe\x08\xb8\xa8\xf5\x97t\xdfI3\x1d\x82$\xd4\xfa4\x99\x1d($\x07I\x18\t\xda\x85\x16\xed3\xb8Y\xda\x11\xf2\xa4s&gt;\\\x89s`\x8a\x03:\x80\xd0\xdf\xebN7\xbe\xba\x96\x03\x95\xc31\xb6\xf2\x97\x9e\x1a\xb9g\x96Z\xbb\x89\x80\x7fp|;\xb77Q\x10eM2\x16\xebb\xcaG\xbc+(-o\xdf\xae\xf0\xb6\xdd5\xfc@\xa9"/\xfaP\xc65Y\x99\x7f\xeb=\xbck\xd4k3\xeb{N\x97\xfa\x0e\xf1\x9f[M\xe8\x8a\xf3\xf2\x07\xac(\xde&lt;\x8c\x9fPOGGb\xe8\xb0P9k\x8a\xc7w\x13T\x0b\x8e*\xe0\xc9\xfd\xf4NQg\xd3\x01\x85)\x95\xa9\x8a\n=\xe6m.\xdc\x19\xfa-TXjm\xfcU.0\xd9\xa8q\x18L\xcc\xech\xff?\xe9_\xd9\xb6|H\xa7\xce\x84v\x87\xfc\xa6\xdc\xaa\x8d\xc88\xeb\xbd\xc9\xfdy\x94,\xb0\x91Fg\xac\xca\xf3x\xafo\xfa\xc7\xe3\xa1\xd5G\x1f\xb2\xd5\xdf\xb9R\xfc\xce\xbe\x14c*B)$r\x8f\r\x99\x9d\x1f/\xbe)MWp\x80\x94t0\xef\x10\\}\x114\xeb\x948\x1b5\xbfi&amp;\xc5\xc1g1W\x9c3\xa1\x1a\xbd=\xba\xb07u\xaf\xc0\xc17\x0b\xe4Dn\xae\xf6\x16A@\xc3\xb1\x16\x18UsI\x91$r\x08\xed\xcf\t\x14\xc9:_\xd2p\xfd\x8a\x05%\xfc\xaf8\xb8G\x07\xa1\xfd\x87\x95\x87\x86T\xd8\x9fc7^\xc5\xfc\xbc\x1c\x9cDX\xaf\x81\xcf\xfa\\\x82\x1e\xa4\xa29N\xc1\xd0\xf3\xa9,\x9f\xac\x86\xc9*\xb6-Y\x00F\x9e\x1b:\xcc&lt;\xbe\x02&gt;\xb2\x83\xc0\x14\xb6\xea/7\xd0\xc8A\xf2:\xffU&gt;\xc9-2\xf4\x14[*;\xc5\xdaw\x03\x80K\xc2%x\xff\xba\x86\\\xee\xf3\xfbV\x99\t\xdc\x0b\xf4r\xa1\x11\xfd(Z\xde\x12\n\xdc\x07\xf7\xb8\xd2\xf7P\xcc\xa6\x14\x9d\xd9\xcb=\xa4\x1d\x0fX\xc0\xbb\x96\x98\xa9\x06\x06\xb8D\xf8\xc7\x01&gt;\x81\x1eBv+\xf3S\xbc\xcb\xc5b\x1d\xec\xd4\x81\xdd\xf8\x8e\x87}\xe9\x9a\xabt\x062\x9a\xd1\x92\x00\xb8P\xf2\x10\xc8\xa1\xf5\xd4\x085L\xf0\xcf{\xc4\xbdnQ\xbaL8C\x81\x08\x1b\x85\xbcK\x19\xbe\x14\x87\xa1\xbcr\xab\xed\x93n\xdb\x04d\rPj1\x86\xe9\xa3=\xe3\x1f\x895\x0b5\xea\x88\xa8\xc9Y\x0b\n]%\xdd\'\xea\xe9ezT\xdf6\x8b\x1ags\xa0\x1a_\x87y\x03\x1e\x98\xba\xeeB\xf3\xb8^ \x7f \xfd\x8c\xfc\x0c\xa554\x13\xc4\xf0\xc7Yh\r\x17\x11o\xd4\x98\x98\xa0\xfb\x97c\xd3F\x10W\xc5\x00\x1c\xe2\xbf\xd2\xe2Y!\x85U_\x14\xecs\xcbe\xec \xba\x80\xfed-GQ\x92qYj\xef\x85\xe6\xff\x82?\xc9\xfd\xc7\xe0\x01\x91o\xe7\x96\xa8[`\x12\xa8?\xe9\xb2\xa0\x11#\xd42\xbd:\xfa\xfe\xea\xa4\xd1h\x14\x94\xa4oz\xd6\xfc&gt;\xf8f0V\xb6T\x1an\xfagY\xed\xda\xaf\'\xc60\xdf\xd5\xa5\xc60V\xac\xb5$H\x8e\xedK\xd5\x0f\xee\xb0\x85\xaf\xa4\xe7`j\x0b?|\x85{\x92\xb1\xba\x92U\xe7!a\n\x1a\x80\xcc\xba+\xbf\xc9?\xdfB^3\xca\x9d\x02E\xf4S\xf1\xbb\xe8aiI\xdd\xc4-\x9d\xda\x17%\x8e\x0b\x90B\xd3Wl\xf6\x14\x13f7\xa0\xa3\xdcl\x84\xc8\x9b\x80N\xb6\\\xe9\x87\xc4\x03\xa6\xf3\x1220\xc8\xab\xb7,\x1d[\xdd^+\x7fI-\x11\xac:\xb0O\xe6\xe8\x10h\x19|\xb3C\xc9\x81\xb3\xd4\x1e\xa3\x15&lt;\x06\x82\x90\xec\xa5\xcb\xa1\x9f\x05p1\xb1\x90\xc6MR\xc7"\x0e&lt;W\xe8\xd6\x01j\xa3\xbc,\x97\x84\x17o$c(\x80\x19D\xed\x1f\x16e\xda\x19\x81\xd8\xd2u\xf5\x89|\xac%\rQ\x15isQh\xce\xfe\xbd\xd8\x1frJv\x17pCV\xf7\xeb\xc7`;Oj\xbf\x15\xcb\x02\xe8.u\xff\x03\x99\xabu\x02V\xcc\xda\xdf+\x13\xae6\r\x15cY|?.qd\xb7\xe3Y\x8f\xecC['</t>
  </si>
  <si>
    <t>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</t>
  </si>
  <si>
    <t>b'k\xb5\xbf\xa1\x12\x04`\x9f\x9e\xf7\x88j\xae]\x8e\xf8'</t>
  </si>
  <si>
    <t>ian
Heliogab. Life of Elagabalus
Marc. Life of Marcus Aurelius
Pert. Life of Pertinax
Sev. Life of Septimius Severus
Hdt. Herodotus of Halicarnassus, Greek historian, 5th c. BCE
Heb Letter to the Hebrews
Heliod. Heliodorus, Greek novelist, probably fl. c.230 CE, The Ethiopian
Story of Theagenes and Charicleia
Hermog., Prog. Hermogenes, Greek rhetorical writer, 2nd c. CE, Progymnasmata
(Preliminary Exercises)
Herod. Herodian, Greek historian, 3rd c. CE, History of the Empire from the
Time of Marcus
Hipp., Ref. Hippolytus of Rome, Christian apologist, fl. c.180â€“238 CE, Refutation of all Heresies.
Hippoc. Hippocrates of Cos, Greek medical writer, 5th c. BCE
Art De Articulis (On Joints)
Epid. Epidemiae (Epidemics)
Morb. mul. De morbis mulierum (On the Diseases of Women)
Nat. puer De natura pueri (On the Nature of the Child)
Hom. Homer
Il. Iliad
Od. Odyssey
Hor. Q. Horatius Flaccus, Latin poet, 65â€“8 BCE
Ars Ars Poetica
Sat. Satires
Hyginus author of a treatise on categories of land and land disputes, c.100 CE,
On Establishing Boundaries
Iamb. Iamblichus, Neoplatonist philosopher, c.245â€“c.325 CE
Myst. On the Mysteries of the Egyptians
Prot. Protrepticus (Exhortation to Philosophy)
VP Vita Pythagorica (Life of Pythagoras)
Iamb., Bab. Iamblichus, Greek novelist, fl. c.165â€“80 CE, The Babylonian History
Ign., Ignatius of Antioch, Christian theologian, fl. c.100 CE
Eph. Letter to the Ephesians
Mg. Letter to the Magnesians
Phld. Letter to the Philadelphians
Sm. Letter to the Smyrnaeans
Tr. Letter to the Trallians
Iren., AH Irenaeus of Lyons, bishop and heresiologist, c.130â€“ c.202 CE,
Against Heresies
Jas Letter of James
Jer. Jerome, Christian scholar and ascetic, c.347â€“420 CE
Chron. Chronicle
Ep. Letters
V.Paul Life of Paul
Ancient Authors: Abbreviations and Glossary xxiii
Jn. Gospel according to John
Jo.Chr. John Chrysostom, bishop, c.354â€“407 CE, de Studio praesentium (On
the Zeal of those Present)
Jos. Flavius Josephus, Jewish historian, 37â€“c.100 CE
AJ Jewish Antiquities
BJ Bellum Judaicum (Jewish War)
Jul. Julian â€˜â€˜the Apostate,â€™â€™ emperor 361â€“3 CE
Caes. Caesars
Ep. Letters
Julian Salvius Julianus, Roman jurist, 2nd c. CE
Justin Justin Martyr, Christian teacher and apologist, c.100â€“65 CE
Trypho Dialogue with Trypho
1 Apol. First Apology
2 Apol. Second Apology
Juv., Sat. Juvenal, Latin poet, 1stâ€“2nd c. CE, Satires
Lact., DMP Lactantius, Christian apologist, c.240â€“c.320 CE, de Mortibus Persecutorum (On the Deaths of the Persecutors)
Largus Scribonius Largus, c.1â€“50 CE, Compositiones
Laudatio Laudatio Turiae (In Praise of â€˜â€˜Turiaâ€™â€™)
Lex Irnitana Municipal Law for Irni in Spain (J. GonzaÂ´lez, JRS 76 [1986])
Lex de Provinciis
Praetoriis Law on the praetorian provinces of 100 BCE (M. H. Crawford,
Roman Statutes no. 12)
Lex Ursonensis Lex coloniae Genetivae Iuliae (Municipal code for Urso in Spain,
M. H. Crawford, Roman Statutes no. 25)
Lib., Or. Libanius, Greek rhetorician, 314â€“c.393 CE, Orations
Livy Livy, Latin historian, probably 59 BCEâ€“17 CE; Ab Urbe Condita
(From the Foundation of the City)
Per. Periochae (Summaries)
Lk Gospel according to Luke
Long. Longus, Greek noveli</t>
  </si>
  <si>
    <t>b'\xc0\xb0\xbc\x19\xef\x9d\x12\x15\x16\xa8\x02\xa8LR&gt;\x1b\x95\x9d\xf5\x8a\x8a\x14H\xc8V\x87k_cj\xcbk\xd2\x7fZ\xdb\x1e\x039\xa7\x98\xb6\x0f\xd2\xb1!\xb1H_\x12\xc7H\xe3J\xd0RS-\x90\x0b\x85\'\xe4n\xd4\xdb{\x1d\xf8\xf8\x06UL?\xaf//\xb3\\\xed-\xd2\x95e\xa2do\x16\x1bh\xecVW\xc5O\\\x04\xd5e\x04s\r\xcc\xa8\xbb}\x14\xcf\xb3\xbf\x9d\x97#\xfc\xa6N\xa5|\x13\xc8\x0fD\xa7\x94\xcf\x13\xf5\xe91\xd0\xee\x9d\xd54u\xda\x0c\xb2\x89\n\xfeT\xbb\xb7\x99KC\xf4\x1fG/r\xd7\x1f\x05\x9b\xc8\xcf\\\x85\x84\x90\xcb_5\x94\xe1)8*b\x853\xa3\x1d\xa6\xfew\xd3~I\x1f8\xba\xc3H\xac\xcb9GD1\x1a\xc3N\xe1\xef\x16\xa0|\xd6F6\xb3\xab\xd7\xb4\xac\xdb\xf8D\x81\xa9\xba\xe6\xad]\x1d/Vi\xca\x11\xc3V\x87B\xbez\x85_x\xdb\x18]\xc5r\xda\xb3\x0e\x9c\xe3l1\xd4\xf6\xb7\xf9\x07\x07o\xa4\x0f@\'\xd2\x0c\xee\xc0\xcf\x88z\xb99K\xb1\xd7\x1c\x84\x8f\x82\x81\xf3\x9cS\x9e_\x9a&gt;`\xfd\xadpv\xb8\xe8\x88\x93[\x9a\xcav\n\xeb\xbf\xbd\x92[c\x9e\xe6x\xa4\xfb\xc6\xce}\x86"\xa9\xfe\xbf\x96\x06\x82\x9ag\xdfA\x87\xfe\xfbLX9\x1a\xb6#yR^yQ\xb45\xd0\xc6\xd5\xf8%\x9e\xd1I%\x94\xf6\xc4\xf3\x18\xab\xae}-Y`\xad\x13\xc6\x06;\xa8\'b\xc0pI\xaf{\xe6\xd8\xd6j\xd6\xfb\xfb\x8bw\x8a\x83\xb3\xfap\x14\x8c\xdf\xe3\xbb\x15\x84\xa08,{\xdb\xbe\xcd\x8f\x9ew\xdf\xda\xe2$&gt;\x0cG\x16\xe9Z\xab\xcc\xc9\x9eY\x17\x97\x1dU\xfcy\x8bj)\x90r\x9c\xb5\xb5\xa1\xb1\x94\xfbu\x91\xab\xb0f\x03\xadg\x08\x87h\x93\xb2\xfeL\x8bE\xaa\x0e.~"b\xc3\x07\xd4\x83c\xef\xf8\xa3\x96.\x06.\xc6\xcf\xa7\x9e\xde%\xd8vj\x94\x1f\xe7\x83\x11\xa1}\xc5$ (\xdd\xf5?\x85*\xaf\xc3\xcccF\xa2\x80m\xb6\xd0\xf0\x89U\x8f\t\x8f\xb0\n4#\x1a\x15[\x8a\xa2\xb5\x82\xeek-\x12p:\xea\xd3\xd6;\x88,x3\x97\x83tN\xc4T\xae\x7fi\xb7Ki\xe5\x056F\xe2\x87\xba\x89\x92\xe3\xa5\xf3R\x80\x19d\t\xb0&gt;\rP\x19\x96\x13\xa4&amp;\xf0\xa2\x8f\x9f1\xcaQ\xeac\x85\xf3L!N$\xc6v(\xffv\xf4\x1c#\xaf \x12\x89\xae\x8d\xb1o\xd1\x8bZ\xc4\xcb\xdcE\xe6\x9d\xee_\xafJ\xb2\xa5\xf8\xf9aW\xfaf5d\xa9~\xeb\xa1\x16\xae\x96k\x1dwH\x9f\x89w\x1ebe\x8b\xe1=R\xcaR\x08\x1d[\x8f\xf4\xf63V\xa2c\x9eQ&amp;\xf3\x1f\xb0_\x93\xad\xee9]?\xcf(\xeb\xc1\xe6U\xd8\xcc"/c\x12\xf7\x96\xcf$\x13\x8e"\xd4\xec\xbe5u\x14\xdc\x87N\xed\xf1_\xf8\xd3\xc5\xe1\'p\xb5\x17\xd1o\xd8\x0cV}\xb3\x90-_%\xa5\x0b\x0ek\xbe\xf8\x00\xb6H\xc8.\xf7\x95\xbd4\x1f~\x01\x1c\xfc\xd6\xe4\x0e0X\x14!J\xfc\xe5i\xcb\xa1J\xb8\xa7Q3\xde\xcbP\xbb\x07\'\nqUJ;\xdd=%\x18Qx\xd6\xa9\x18U/\x15\xc5\xfac;\xd2$$De\x1d\xd2C\x1a|\xc0\x92cTt\xc3n\xb5/\xf6\xad\xc4\xc9\xb1j)[\x06\xf3\x92\xe4\x9f\xe5\xde)\xebr\xdb\xb1\xb5\xf7cD\x9fDx\xf3c[\x0b\xcf\x11b\x96\x13\xd7\xee\x9fv\xf4\x88\xc8\x0b\xff\xad\xfe\xfb\xa4y\xea\x88wK\xa9\x0c\x8f\xd1y[\x08\x8c\x9a\xcaH\xf9_\xda\xcf\x00R\x0b\xdcJ\x89(\x98\xcd;\x1eQ\xc0\xf4\xd3\xc6/\xe8M\xebMn\xbe\x9c2X\xff\x84U_\xae\xb3\xf2\xfe\xf4\x98\xb7a\x91\xc0\x12h\xc8T\x84PI\xa63\x92_B\x9b\xf0ih\x7f\xbb\xd6\x9am\xf9\xbb\x93\x89\t\x8e*\xb4\xa5\'\xcf\x1986\xfd_\xee\xecj84J\x11\x9e\xc1\x0b\xb0\xad\x05d\xda\x85\x8a\x04\xda\xcd\x0cL\xdaXR\x84\xcd\x85\xb53\x97\r\xea3\x89\xf7\x07_\x96\xb8\xea\x10\nn\xfb6L\x96\x9a\x86\x08\x85\xce\xc2\x06rD\xb8s\xe8H?\xc3\x94\x92\x01,\x1a[\xd0\x07\xa3\x1dRE)\xa5\xb4\xde\xc6\x93\xc3v\xd0\\\xc6\xce\xa2\xde\x8d\x10-N\x9b\xfel\x1e9\xa4n!\xed\xcaD\xf2\x13\xbc:\x1d\x0e[\xa61\x9f\x10\xf5\xc7\\\xc0\x88\xa6x\x80z\x0b\xfd\xfbX\xae\x8ec\xa1\xbf\x17\x07\xfd2]]\\1c,\x08B\xfbw\xe1b\xb9L6\x9a-\xc6n\xa4\xd8\xa9V\x11\xc9\xbd\xda\x90k\xe5bAK6\xd0\x97\xac\x16\x82\xb7\xa1\xe9|\x08\xd1\xd9\x96\xdc\xbf\r\x04L\xfd\xc5j\x8c\x7f3\xa4\x0f\x1a\xda\xc7.C\x97]\x9ex\xe1@\x10\xc3\xe0V\xdbgA\xd5\xa0\xa5\x13e~\xb4\xcaQZ\x15\x01:\xcev\x9f\xf8\x0f\xd4\xe2T\xec\xe2\x9f\x16\x00\xb0\xe4\xa6\x7fE \xdd\\Wk\xb9\x9f\xe6\xfcR\xff\xca\x9d#\x05\x17\xe7Kws\xb7\xb4\x99\x96\xafB\x04\n\xd6\xa5\x841\x07\x07\xfaQ\\\xf0\x92\xa5\x05\xdeT\xb0S\xb2\xf9\x1c\xf7\x00&lt;\xce_\xd5\xf9\'\xb5$\x058\xa0\xf5QK\x02\xf5\x17R\xaf\x01-]\x96\xa7\xc5\x945op\xcc\x1a\x0e\x10\xcf\x1b\x80\xd1\x08Q\xcb\xd7\x8aNr\xf3\x9e\xb7\xd7\xf8^Z\xb8@\xe0\xa7T\xfa\x95\xfd\xe3]\xecM\x83\xcc\xe9\xa0\xd1\x0b\xd5O\xcc\xca\xfe\xbf\\\xfd\xd2|&amp;^\x12\x06^\xd5\xee\xcc.\n*\x94\x8a\xe4:\xddq\x93y\xb61.M\\\x1a\xa5N\xad\xbd\x1e\xfc\x18dy\xa7\xbc\x08\xf8\xcc\x82\x02#\xd8g-\xac\xe5M\xaf*\x07\x81\xfe\x0c\x89z\xf0\'\xc6\xbe\x13\xfbC\xc5\xda\x91)D\x1c\xa5\xe4\xf7=^\xb2\xfb?\x83\x06\x1d#x\x1eKP\xab\x82EU\x94Vo\x10= \x00\x97\x01\xb6?\xcdzF\xd7\xae\xdd[2\xb5q\x0e\xa4Ow\xd9c\x9a(B\x06G\xb6Q\xfe\xfa\xa0\x13\xf2\x1e\x16 p\\ZQ\xae\xfai\xd3\xbf\xf8-\x02\xb1\xe9\xcd\xcf\xb3\xdc5\xc7=u\x16q\xef\x19\xcf\xb8\xbb(\r\xb0\x88\xe3\x9a\x0f\x9bS[\x1e\xb2\x07q\x07m\xe9ux\x051Z\xa8\xbcFP\xbf\xb81 \xcbF&lt;F\xaa\xcc\x83V\xad\x1e}$\x9d\xaeZ\xab\xe7\x87T{I\x00\rq\x80\xbe\xea\xba\xf4\xb12\xa4PK\xdf\x9a\xd9\x14*\r\x87\x1a{Fb\x82\x0c/_\xe4\x00?\x84\xb0uV\xe1}\xf0\xaf\xcf\xfe\xfb\xff\xb8\xaf\xd2)U\x1c8\x95O3\xd7&lt;\xeaF\xe4\x08\x04g\xd6p\xb2\xcdk\x19\xa3uU\x98\xf2(\x05;\xe2\xa9\x96\x07\xfb\\\x9aD\xd6:\xd0\xe8\xab\xe3\xa8\xbf\xaa\xe3\xed\xfb\x150\xa6\xc9\xae0\x0cd\xb2\xfeh\xfez\xecD\xc5-\xec\xf5\xd6F\xc8v\nx\xe2\xf1P\x18\x95\xf0\xb3e\xd2\xe0\xd8\xce\x9a\xd7\x00\xaa\x1d\xe2Fo\rCf\x99\x9c\'c\xe5\xf8|T\xe0\xd4\xc2\x15M\xf1\x89\xeeY$\xfc%8\x83\x12\x16\xdeG\xe2c\xb8\xa7=&amp;\x94\xed\x03\xe1)2\xb7\xb4\x1b\xd0\x0f#\x8d\x19\xa60b\x04Uf\xecw\xf5mn\x00&amp;:\xa9\xc7\x12\x89\x92\x99\xc7LbZ/r\xf6\xe1\xc1\xe7\x13\xbc\xd3.\xcd\xa7?\t\x0fS\x9a\xe83v\x8bKsfGs&lt;\xbc\xd8\x87d\x84\xcc\xdc%J\xbf\xcf-\xc3j\x7f\xbaZm&lt;\x91 E\x03\xdcC\x1a\x8a\xd2o\xb1\xe0;\x01\xb6\x1ba\xe3P\xeb\xf3\x8d\xee\x9ba\x18\xa3\xbcm9\x06\xbdM\xc6\x17\x8bz&lt;)2\xdc\x01K\xb2\x9c\xe7\x0c\xdf^\xd3*\n\x0cW\xd2O\xf1\x86\xc7 \xfa&gt;\xcf&gt;\x06^\xaaZPg\xcd\'J\xef\x99\xb3\x97\xc98\x19\xcc-cR\xa4J\x93\x14\x9c\xca\x0cF\x8f\xe8\xf6\x0f\x07\x0c\xe0\xc2\xe4\xf0\xd5\xe05\xb3N&lt;\xe5B\xfew\xbe\x85q\xf4A^db\xb3_\x87\xe5\x7f\xc6\x98T.o\xe2\xfa\xd4\xf7\x9cH\x84\x05O^i\xb2p\xbf6K\r\xd9\x0f\xbf\xe9\xebpy\xfabM\x16tT\x85\xa6L#V\xc5\x9b]\x1e5\xe5Y\xd7\x9a{\xb2\xcd\x99S\xc2\xb8\x17\xa7\xa0/S;\xc2o\x86w#\xc1\xb5\xceK\xf5\x8cb\xeer\xce\x1eRz?Wv\xc9\x9b\xb8\xd1\xf4\xc6\xd2lVi\xd7\xf0\xc1\x07\xaefODD\xca3!/\xe3\xa3\x18\xf1\xd7\xee\xab"`HO\xf9\xea\xdc3\xdcMw\x85\x8as\x00L\'\xc8C\xde\xa1\xe6\xf3\x82\x80\xa5B\x1c\xaevl\xf8\xc1{dDSB\x8fc\xdeg3\xc6\x8c\xb5\xc5m\xe2\xb30S\x05\xcaQ\xd2Va\xc3\x15\xebw\xa6\xe8|\x04\x96\xb6\x9c?\x1fd\xe5\xdd\x80\xb2\x02\x93\xf5\x14\x1bv\x7f\x8b#\x0f\xaf\x89\xe3\x8f\xe6\xb2\xa4\xe4n,\x06e\x03\t\x04\xf4\xb8o\x99\x8a\x11\x8fzr\x96U\x0ey\xa6PZee\x00\x94\xe0|6\x04\xc1\xb7\xaf\xdcc\x92\xd9\xe8"FW.\xe5\x04\x8dI~^\x8d\x9b\xff\xda#\xcc\xb7t\x18\xf0\xa8\xba7\xfa\xdb\x8a\xde\x86\x19mNNc\x8dO\xd9\x1f\x99@%\xd9/\xf10\xc0\x05\xcd\x96\xbe\x91\xabF\x91h\x00-sL\x19\xd8\xa5Nd\xec\x0e\x89\xd7Q\x92\x85\x0e\x97O\xa3)b\xc2.$\n\xe4\x89\x80D\t\xa0\xa5\xad\x04\xd0\xc0\xb7\x03\xdb\xfc\x11+\x17*\xbf\xf2\x1d\x9b\x9fIr\x90\xdc\x02\xf4\xc9\xbf\xbd\x99\xae\xd5}b\x8d-\xa04\x9a\x90\x1b\x00\xcbC\x85,\xf2\x8f\xa3\x99@F"g\xab\x06%\xe7\xdd\xa8\xe2m\xe2i\x1a\xe3\xfa\xees\xaa\xde7\x8f\xf0\x98\xad\xc9\x8d.\xf1\x82\xc5\x13\xb6\x1e\xe0\x7f[\xe3\xa4#\x0ez\xe9\x18\xa3\xcf\xd5\x0c&gt;\xee\xd5\xce\xae\xf2\xb5\xf8\xff\x1a\xf6\xbe\x82l:b\x8e/\x18R\xe6\x85\xc7:\x9e\x13\x93\xd0\x93\x94\xb2\xf3}\xb0\x8dN\x92\xb3\x83B\x13-\x05\x9c\xf9\x92c\x03\x00\x82\xf6|\x043\xcb\xa9\xbf;\xa0+\x11\xa6\x0f\xa7\xbcHR\xa5\xcd\xa5\xb3B\x7f\x833\xa1W\xfe\xba\x01\xbe;ts\xb2\x82\xea7\xa1x\x1cq\x83o\xa0\'\xc7\x08\xd1r\x8f\x1a+\xe3\xbcX\x99\xf4\xfcH\x15\x0f\xfdNK\x113\xa4\xc3$G`HXv*&lt;\n\xd8\xf0`(\xcdR\xca\xe0d\x85\x1f9\xa97\x13(\x8d#\xbc\xdeB\xe26f\x98$\xc6\r\x960\xb5\xda\xcb\x1e\xe7\xc5\x95?\xa1\x14U\xb2\xd3\xfb\x87B\xd6\x9eD\xaei\xa8\xd3\xb2\xfc\xd6\x9cd\xe8\xa3\x83\xa9\x08\x15\x18@"\xec\xc9\xde\xb2\xff\x04\xae\xaf \xa3&amp;C\x19V\xb4\xd03 \x13\xc5\x8fQaC\xb5\xcb\x18\x18s\x08\xc0-\xc9\x85\tFD\xc3`\xf3\xcb\x86\xcb\xcb(%\xec%\xb4C+I\xe4\x06\x0f\x06U\xbc\xbdud\xdc\x92\x99\xdf\x1f\x89\xdd8\xee\xf4aK;\xf3\x91&amp;I\xe2\xf9\x9d\xbc\x00RQ\x9b\xb8O\xb8\xc5\xcc\r\x05S\x97c\x1eI\x91\x80\xa4Z=\xfd\xcc\xf9\xc4\x91\xf0W\xb4N%0\xcft\x03\xe9\x839\xba\x88\xcfc\xdbANI\xf7\xe8FH/K\x9c\xa7_d\r\x9eiZ\x8b,p:\x85\xbe.\xc1\xc9h\xa3\x8f\xc1\xd6\x0f\xc2\xb0x\xdcz\xed\x93=~\x15"\xf1\xc4p\x04\x0bbU\xc70\xecRX\xcds\x95\xadF\x1a\x9a\x88\xb5\x8b\xe3\xce\xa5^\xff\x19\x84t\xeb\x0b\xc8\x05Q\x9b\x10Z\xc7d\x17\xee\xac\x8d\xd2\x18\xea\x1fQ\x81c&amp;\x1e\x02\x1d\xad\x81\x9e\xb4\xbb\xe7|\x17&gt;\xc8\xacA\xfd\xd7(\x19\xb6\xb8\xad\x8e\xbb \x9dN2\x01\xeb\x19\xceH\xf4\x1e\xdd\xba\x16\x8c\x0e&amp;\x1cx\xc4\xb15\xdb\xd0J\x9f\xbd\xae\x84\xd2\xb5;\x0c\xd2,\x18-\x17m-%\xd8\xb8\xa8\xd3F\x9a/\xca\xbd\r\xeav2@+\x11\xc2N\x18\xcc;u\xd2\xae\xac\xcc\xb39\x83S\xd9O\xfe\xfb\xd5(\xb0?:@x\xa38_\xb4\xc4}\x0b\x9bG\x87\xfcJt\xaa\xc3C\xe4\x96%\x905Y\t\x84\xdaW\xccN\xb5\x94*\xdc\xb9\xcf\xb3\xc3\xd5\nU\x92\x7f\xe8\x170D\xcf\x91~!\xd0\x11\x1bM\xe9b\x10{A\x93w\x83\x80\xc5\xa2\xd8\x1c\x1e\x8d\xe4+xxh`\xb5\xfc\xeb\x97?\xf1\x1a\x00\x1f\xbaf\xd6\xa1\\\x8f\xdb\x9e\x85+` /\xeb^\x1c\x1cj\t\xcdO$#\x1fvK\x1d!\xdf\xa9`\x80\n&amp;+\xb5]\xbf\xc9\x80\x17\x12\xca)\x8c\\V\xff\x80\xa9\xc0\x1a/\x7f\xe3wG\xe8\xc0J \x928\x13\x82g\xeeJ\x81\xf3p0\x1a\x9f\xec\xcbK?\xa2y\x05\xb0\t\x8eFL\x8e8\xa0w\xb8\x1dMUw\x053G\x858\xa8Uc\xe5\x84]\x94\nU\x1b\t\x0c\x85s\x9fF\xe8h\xda\xa1d\'\xdc\x8c\x9b\xd0\xa5\'\x05\xac\xc9a\xfe9\n\x80\n\xfb\xefR3\xda\x9a\x8a\x8eA\xd4\xafm\x83x\xd3\x05c\xe8\xc3&amp;\xc9I\x8b\xf0\x00\\\xee\xcb\xabV\xbc\xd6\xaa\xf9\x10m\x9ea\xde\x03\x9e\xdc\x803\xf0\x05\xb1`S1\x03\x1e\xe2\x8b\xc5\x9e\x0b\xd1l\x94(q\x88\xe8\xfa\xbcK\x0bi[8\xd8T\xf6s\x1b{\x85\x15\xa6s\xf3\xf8,\x7f^\xdf\xbc\xd1\xe35`1'</t>
  </si>
  <si>
    <t>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</t>
  </si>
  <si>
    <t>b'\xc0\xb0\xbc\x19\xef\x9d\x12\x15\x16\xa8\x02\xa8LR&gt;\x1b'</t>
  </si>
  <si>
    <t>," Sara answered, "it was hard to walk, because
 my shoes were so bad and slipped about."
 "Make no excuses," said Miss Minchin, "and tell no falsehoods."
 Sara went in to the cook. The cook had received a severe lecture and was
 in a fearful temper as a result. She was only too rejoiced to have someone
 to vent her rage on, and Sara was a convenience, as usual.
 "Why didn't you stay all night?" she snapped.
 Sara laid her purchases on the table.
 "Here are the things," she said.
 131
 The cook looked them over, grumbling. She was in a very savage humor
 indeed.
 "May I have something to eat?" Sara asked rather faintly.
 "Tea's over and done with," was the answer. "Did you expect me to keep
 it hot for you?"
 Sara stood silent for a second.
 "I had no dinner," she said next, and her voice was quite low. She made it
 low because she was afraid it would tremble.
 "There's some bread in the pantry," said the cook. "That's all you'll get at
 this time of day."
 Sara went and found the bread. It was old and hard and dry. The cook
 was in too vicious a humor to give her anything to eat with it. It was
 always safe and easy to vent her spite on Sara. Really, it was hard for the
 child to climb the three long flights of stairs leading to her attic. She
 often found them long and steep when she was tired; but tonight it
 seemed as if she would never reach the top. Several times she was
 obliged to stop to rest. When she reached the top landing she was glad to
 see the glimmer of a light coming from under her door. That meant that
 Ermengarde had managed to creep up to pay her a visit. There was some
 comfort in that. It was better than to go into the room alone and find it
 empty and desolate. The mere presence of plump, comfortable
 Ermengarde, wrapped in her red shawl, would warm it a little.
 Yes; there Ermengarde was when she opened the door. She was sitting in
 the middle of the bed, with her feet tucked safely under her. She had
 never become intimate with Melchisedec and his family, though t</t>
  </si>
  <si>
    <t>b'"\xeeF\xf8`\x95\x9ea'</t>
  </si>
  <si>
    <t>22ee46f860959e61</t>
  </si>
  <si>
    <t>man; and a woman [would
marry a] woman. (Sifra Ah.are 9: 8 [Weiss, 85câ€“d]: trans. in Satlow 1995: 188, with
discussion)
348 Amy Richlin
4 General Observations
(a) The institution of slavery underlies all responses. Despite ethical pangs, Christians
and Jews kept slaves, and indeed for the Rabbis slavery carried an extra stigma
(Hezser 2002). Widespread poverty and the concomitant practice of the abandonment or sale of infants meant that for many people sex was not a choice but an
obligation, forced sex being a primary element in the degradation of slavery (Joshel
1992: 30â€“1). Many of those enslaved would have come from peripheral cultures,
whose (now unknown) sex/gender systems may well have differed from their captorsâ€™. And colonized cultures themselves also took slaves (cf. Hezser 2002 on the
Jewsâ€™ circumcision of male captives).
(b) Sexual practices generally elicit evaluative reactions, both enthusiastically for and
violently against. These often coexist, though there are definitely local differences in
the mix. The same wording sometimes repeats over centuries, e.g. in condemnations
of pederasty, but conflicts also persist.
(c) Urban Greeks and Romans during this period commonly constructed the
sexual body as a set of plugs and sockets, receptacles for the phallus or tongue
(so Hallett 1977; H. Parker 1997; Richlin 1981b, 1992a; Skinner 1979; Halperin
1990; a model rejected for classical Athens by Davidson 2001 and Hubbard 2003).
Classes of individuals are then defined by their â€˜â€˜activity,â€™â€™ their plugness or
their socketness: they penetrate or are penetrated. But socketness is often felt to
be intrinsically female, and vice vers</t>
  </si>
  <si>
    <t>b'\xc1\x0cT\xb5h\xd6\x11bi]\xef\xd9\xd8\x12\x0e1O\xac|\x8a\x88\xf4\xc9g\xd9\xd1m\x072\x99\xcfT\xcd\xc7{\x80\xfa\xf2E\xda\x89\xb2\xeb\xe8\xc7\x9b\xdf\xe1_\x11\n\xbd/\xd8\n\x99h\xcc\xfe\xb8\x93$?\x03~:\xf2%\xcb%\xc2\xc7\xe2\xfe1\x13\x8b\xb2&amp;\x7f\xed3,\x02+\xc4|\xd7\xea\xe7\xa6\x1a&amp;\x94\xf57\x89\xdf`\xd6\xa5\x1ao\xe97+\xab\x9cJ%\xd1\t;P\x8b\xaeX,\x96?+r\xdb\xbfX\xf0&lt;maZ\xb1\x8b\nQ\x06\xd73W\x07\x82\xd2\xe06\xb03\xe2\xfd\xdb\xb8\xd5Z\x9fr\xb0\x8d\xae\x9e\xad\x00X+\x0eV\xe1t\x18\x15\x0c\xfc\x93\xb1\xc0j\x15\xb1f\x14\xba\xc6\x81\xcdr/\xd9\xab\xe3\xeah\x0e3\xff\xe9\xe0\xf3c\x07N\xcd\xe41\x7f\x9b6:&amp;,\x83\xe4 f\xdc4\x96\x92h\x1f\xdf\x11~\xb3\xb3\x16\xeb\xc4v\xc8h0dh\xadb\xe0[\xc0\x90\x94SX\x86\xc9\x07\x8c\xd6\x97\x97a\x8dF\x8f\n\xc3,K6#\x00\x7f\x91\xf6\x91\x8e\x91q\xb9\x02+\xb9\xc4_eq\xe3\xc6|\xc7\xdcw\xcf\xcc\xc1\x17\x88\x12\x98\x85\x04)R"\xb4\x8f\xf5\x06\x89ss \xc1.\x14&gt;G\x83\t\xf1fg9k\xa6\x97\xb2\xaf\xb5\xe4@#\x8cS,\xe3A\x11k\xf3\xd7\xb7C\xd5&lt;\xcdj\xb6\xb61c\n\x08\x86\xac6\x15\xa2%\x05;\xf6$U\x82\x9b`Ue\xbal$R\xe7w\xedsn\x11\x9f\xc1\xf2&amp;\x10k\x10\x1b8\xf4698\xa9\xd5\xab\xd3\x86\x07\x1e\xce\x9c\xc6\x93(\x16\xf1\xfc\x1f\x89X\x0f/\xe6P=\xc0=\xb8\xc2\x82=\xea\x91\\\xd0\xd3\xb0N\xb8r:\xed"\x16st\x1f,N\xa0`@A\xb8\xd2$\xcd6j"R\x14\xf8n\x9e\x18"U\x89\xb9\xcd\xf3&lt;J\xc8\xc3g\x9f]\x81\x1e\xbe\x1b\x01\xb4\xd2\x13}\xb5\x8a\xd8\x87\x10\x8b\xbf\x7f\x04\x81)oL\x13\xcf\xa3\x85\xe9\xfa\xf39\xfe LEv"vXq\x9e\xdb\x82b\xe0\xbb\x8b\x83Z\xb9k1D\xb3\xd0j\x05\x14\xaf\xcb\xf0\xa6\xb7\xa0\xd7\xe1N\xb7\xc54\x14M\xb6\xe8\xaf\xc6\x18[(\x15\xc1\xffa&gt;\x96\xd9\xc0\xf0\xf3{\xd1\xa7\x96D\xd3\xe7\x16\xe9\xc5ra\x14\xe4Q\x85\x86\xaen\xf4\x98J\xe1\xd77\xf3\x05O\xbfj`f\xfb\x18\xd8$\xf5\r&lt;\x19s\x87\xf1\xf6]"\x97^!\xc0\x94\xb7e\xf2zq\x1c\x9d\xebe\x0f\xf4\xbe\xe3z\xc2#\xce\x86\xd9\xb3\x85\x0e\xce\x02\xfb\xb7\x16\x8c\xb7Q\xdc\xda\xcd\xb9\x99*\xf1\xaa-j\xf1\n\x94\x8cB)\xb0yJq`\xfa\x91Z\'|_\xf4\x11\x91\x10\x03\xecsI\xdd#\xda\xce\x9d&lt;\xdb\xfe/\x15\xb4\xf5\x03x\xb8p\xa9.\xdef\xf9\'\xaa9\xce\x0c\x04G30t\xde\xa83\x04\x1c\x07R\x03\xd58C\x11\xb8\x08\xd5\x14c|\x01\x1d$]\xc1\xa9\xc6\x14\xd1J\xce\x945\xd1\xda(\x04\x9b\xe1\x1d\xa7\xe1\xa7\xd0C\x9e\xe1\x81c\xbd\xd4~wK\xac\x01Leyc\xa3u\x1b\xa6\xf8=\x7f9\x93=\xe8\xaf\xed#e\xb2\x89j\x10\xff\xa7&amp;\x9c\xfe\x8fdM\xed~\x88I\x92n\x93f\x8b\xd6\xda\xcbQ\r\x1cBX\x13\xb9\x11\xd0\xac\xe6l\x15z\x13\x1b\x83#\x97\x1fk\xc9\xd2\xaa\xed\xe3%k?\x0f=\xfb\x95\'\xaf\xf3\xdb\xab\xadf4\xf6\xcaS&gt;\xaa\xb9\x9dQ\xf0X`P\xd5\xb5J\xb1\xe8\x96\x82\x0e\xe51\xdd&lt;\x92\xb6\x11\xde~;W\x98\xc5\xac\x8eG\xad\x81r-\x8dh\xce\xff\xf9fc\x1d3\xcb\xb8\x92\xd4\xb8\xa2\x03HH\xde\xe1Y\xd1\xbda\x89\x1b\x97S!\xf0\x97P\x87\x82*so\x81\x99\rF\xd7\xe4\x08\xa1\x9d\xda$;X\xdex\xf2\x8d9\x91,\xe0\x9f\xa3g\x02\x95\t\xe6]\xf7\xf3PY\xeaO\x96J\xe9\x80\xabPy\xe6\xe8\xfe;\'\x81p0 \xdfOpW\xe5\\\xadV\x18\x8bV\t\x1e\x8c[\x88\xbf\xe3\xe9\xc6~\xa8L\xb7~;&lt;\x8a\xd9\x81\xc0\x9c5LO\x1cL-\xb4\x9a2\x85\x83\xe8\x15\x84\xe0,\x96\xdf:\x16\xf2\ny\xa9\xfdD3\x06\x11\xae\x1d,Mfhw\x1e\xe6\x0b\xcct\x15\xe7MCm&amp;\xfd\x01\xfbI=\x98M\xdc\xec\xce\xe3\x17\x0f\xd2\x8c\x91\xdb\xcb-\x12J\x0f:\x04\xbfe{@\xe2P\xb1\x80S\xcc\x7f\xe3o\xdc1$\xf4\xbb7v\xcf\xa7\xbe\x9b\xa3\x02vT\xe7\x8ao\xd9\x9e\x07\xc7\xd2\x88\x0f\xc6\xd8g\x98\x86a\x9a\xefu)\x90\xcew\xc7\x00u\xd9\x03)\xd2\xe8\xddla\x9b\xdf"\x0e\x8ekq\xaaa\x0eH\xae\x18thP\x10V\x8f\xd2L\xc4e0\xd8\x96\xbd]\x88\'|\xcb\xbc\xd8\xed\xd6e\x0b\xe5\xb2\xbe\x9a\x14\x1e\x88R\xf1)\x99\xd5OJ\xb1\xb3\x8d\xd6M\x1eD\xd9\x84\xe4Ut"\xbc.l;g\xda\x11\x1e\xffF\xf9\x89\x9e\xa3\xcec\x0c\xa6(\x1eg\xd9u\xd0\xd3\xdb\xab\xfc\x7f\x8a_\x0e\xbc\xc0\xa9\xccy\xb4\xcd[\xf1\xb1\xc6\x95:8\x94\xb8\xca\xf0\xff\x13\xa5\xd2@\x10\x11\xd2\xf7\xa8f2\xf8x\x1f\xe2=\xfb\x82f\x1b\x06W\xedG\x8d\xf3*7\x9aY)\x9d\x12=\x9d1\xd2\x81\xa08\x8b\xe5\xb2\xd7\x01}\x19,\xef\xe6\xb04F\xf9h&gt;E\xea%\xa9\xc3\x86A\x97-\x17\x1a&lt;\xdc+\x06c\x15\xd6\x9e\xa1$F\xd3R\x08\x01S\x99%\xbd\xcc\xa9l\xc2\x16F\xa6\x1f\x00\xed\xcf%l\x0f_\x12,\xc1r0\xa9a\xec/\xde\xc2\xb1(\xdcY\x93\x8a\x163\xb0J\x0e\x0f\xe6\x9dy\x1a+\xa6a\x1e\xc6\xe3\x7f#\xeaU\xc1"\x87\xe1X\xcbe\x9e\xd4mi\xe1\xb8A\xd5\x0e3\xcc\xe9h\x0eX\x96\x84\xcdXP\xe5\xa5y\xd5\xb7\xa9\xc9\xa8\xfeT\x94\x17\xf8\xb1\xbf#:^\xf4\xc0\xde_X\xd6\xc4]b\xd0\xe5\xe6w\xb36\x88\xf8Vj\x8f{k4\xe3TDR\x0c)\xb7\x9c\xa3\xed\x97M\xc1\xa7\xca\xfe@\x00\xea+\\\xb4G&amp;\x0ej\xa2-\x84^&lt;\xb9\xa2=h`\xdf\x94&amp;x\xc2\x12\x89%\xd6\xfc\t\xef\xe5\x95\x91\x10\xcd\x9f\x95L&gt;*s5\xe3\xbd+b\xd4%\xb5\x1a\xb0%\x8a \xe3/\x0f\xb8\xf0"\xa5\xe2\x1e\xe8\xa7\xb7\x9b\xbf\x81X\xe1\xccM&gt;\xdb5C`4*i\xfeF\x80\xdd\xd12\xd6=r\xcf\xa4\x94n\xfbE\xb6\x8d\xf0\xf0\x83\x14\xae\xdb\xfc\x04D(\xd5\x15e\xc2\x97\xce-h\x8c\xcd\x01I\x03\xdbt\x99\x18\xe1\xa8*u\x90\x11\x1c\x13\x0c\xf4\x15k\x91~\r=))\x14\n\xe7\xa6\x9a\xb7\x85`\xf2\xbbl\xed\x95\xdb\xf3\x80\x97bBr\x16 \xcd\x0f\x9a\xc0\x8b~\x0e\xeb]\x1b\x8c\x91\xb1U\x7f\xb3c\x8d\\`h\x8e!n\xafYhg\xc8_\xae \x11\xfac\r\x18@Cq\nQ\x11\xfc~^fe\xc3\xd2\xe6\xd2V\x1b\x1e\xfcX\x1b\xa3\x97P\xfb9\xae\xae\x0e7T\xf6\xf8\x8dY\xd7\xccM=\x9b\xad\xae\xde$\xa9\xfb\x1e'</t>
  </si>
  <si>
    <t>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</t>
  </si>
  <si>
    <t>b'\xc1\x0cT\xb5h\xd6\x11bi]\xef\xd9\xd8\x12\x0e1'</t>
  </si>
  <si>
    <t>s. They can just market their product to people who have
 already bought in the past. I mean, look at Appleâ€”they have people waiting
 in line to get the next product! Wouldnâ€™t it be nice if you could launch a
 product to a group of people ready to buy your product the day you had it
 ready?â€
 Until that point, Iâ€™d been teaching sales and marketing strategies to help
 my group of new entrepreneurs get through the hump. Those strategies
 worked, but they took time and effort to really kick in.
 When I heard my friend utter those words, I wondered, Is there a way for
 me to â€œstack the deckâ€ so that sales come rushing in on the very first day?
 Maybe we didnâ€™t have the customer list or the budget that big companies
 have, but still, I wondered if I could get people lining up, ready to buy the
 product the day it was ready.
 At the time, Sean and I were launching our yoga business, and I was
 documenting the whole thing for my students. I called him one Saturday
 morning and asked for an update on the state of yoga mats we had ordered.
 â€œThey are on a boat, on their way from the supplier that we chose on
 Alibaba,â€ he said. â€œThey wonâ€™t be at Amazon for like eight weeks.â€
 He was frustrated. We had done all this work, and now we had to wait
 eight weeks for the product to get here?
 However, I saw that as an opportunity. I told Sean, â€œOkay, buddy, that
 means we have eight weeks to â€˜stack the deckâ€™ in our favor. Our job now is to
 do everything we can to ensure that we have people ready to buy the very
 first day that our yoga mats are ready for sale.â€
 â€œHow the heck do we do that?â€ Sean asked.
 We started talking about our options. Should we blog about yoga and
 build traffic to our website? What if we made videos and launched the
 product on YouTube? We could build an email list, or we could partner with
 a big yoga community.
 All those ideas sounded great, but they would take longer than eight
 weeks to kick in. Instead, we looked for the quickest, simplest, and fastest
 way to get people to line up ready to buy our yoga mats.
 At the time, Facebook had just released Business Pages, and it was
 getting a lot of free traffic. We created a small Facebook page around the
 topic of yoga, and we called it I Love Yoga. Straightforward enough, right?
 The audience data collected was broad, but that didnâ€™t matter; I knew that
 anyone who liked that page was into yoga, and anyone who was into yoga
 would buy yoga mats. Iâ€™d already identified the products people who are into
 yoga buy as well. All I needed from there was enough of an audience to be
 able to talk up the yoga products I was planning to sell.
 We started sharing content on the page to get our followers to like and
 share that content. We spent $10 per day on advertising to build the
 following. And we engaged with our followers in the comments. After about
 thirty days, we had aro</t>
  </si>
  <si>
    <t>b'\x87m\xea\xc9;\x03\x05\xdb\xcef\x8e\xda\xee\x03\x8b\xb7\xf2d\xbf.\xbe\x88X\xec\xe5\xbf\xa0E\x93|@\xbd\xd3\xa9\x05\xbcr\xd0\x97a\xbczN\xff\xb0\x99GI\x89\xed\x8b\xa9\x7f\xac\x98\x16\xa3\xf5\x03\x92\x8e\x179,\xe8\xcfZTUH31gG\xe0\xc0$\x07\xfdJ\x9fyi&amp;`\xfe\xf1\xef\x83\xf8\xb9-}\xa4o\x97\xe7\xec\xdb&lt;\xb4g\xe4\x0c\rA\xd9\x8eA8s\xfc\xfe\x99\xbdu\xafG\xa7YW/z\x08"\x87m\xd1G\x07s\x87\xbdR\x00jY\x86B~\x07\x8a\xe6\x81\x019\x02\x83\x92(\x19\x94\x9cTC\x92K\xd5\xc7$\x84\xbb&gt;\xac\xf6jOUA\xace\xac&amp;\xa8\xa3\xa2\x85\xb0\xaa\x9b\xa8+\rU\xc0\x90\xff\xe4]\xd1\xdfA\xc3\xdf\xb9-\xdc\x81\xd1\xe3\x81\x1b\x8e\x19\x9bK\xd9xX1\xec\xf4\xeefL\x92\x8d\xa2d4\xe2\xb2\x8eh_\x92\xf0\xba\xbc\xf2vb#\xe0~@\xfan\xab!\xb9\x05\x90\xed.\x1aS9\x1d\x96\xeedl\x9a\x1e"\x1e\xf6j\xdb\xc6\x1db\xfe\xff\xe6\xd9\xb4\xe5\xc4\xf2\x80%}*\xa9\x8c\xb7\xabp\x01\x02J\xe6\xef\xe9g,\xab\x9b\xf0\x8c\xa8\x94\x87\xcc\xb5\x8810\xe6\xde\xf2\xec\x89\x1dy\xbcZ.\x1bO$\x0c\x9f\xb4\x99u9\xb3xX\xcd\xed/Ym\x8f\x00\xadI[-\xaei\xc9\xb6\xd7\x07\x86\xfb\xa8\x9a\xb6\xd7/\xda_T\xd7\xa5\x8bM\xfb\xd9\x9b\x8e\xbe\xfdS\xa4\x16\x8c\xc6\xf3\xe4?\xc0\xfb\xd6\xd4\xd5\xdf\xe4\xacU\xb4\xe0\x1a\xd7\x0c\xfa\xe2{p\xc4r\x03\x90;= \x1d[S\xe0|"\x85\xf0\x00h\xcf\xf2\x80M\xd19\xbf\xf7\xba\x85\xf4\x06c\xf7\xcc\xd8\xec\n\xff\x9e\xfaX\x83\xa93\x8dN\x9c\x8c\xaal\xee\xbf&lt;\r\xc4\xc6\xb7\x19F\xa4\xf9\x08\x18~\x80\xa96~\xaa#\x93\xfc\x13\xfd\xaad\xb6\xab\xfe7\xeau\xd6\x7f\xac\x92\x93\xfcu\xb8/\xc4\xc9\xe5\x8bV\xba\xbb8\x14\x80\xf9\x1c{u^kE\xee\xb5)k\xf4\x12\x17\x8f$\xa7\xb0\xd3F\xd8\x00\x0f\xe9)a\x08E\x0b\x00W\xb9\x8c\x1f\xc9;]kW\xb6D\'T\x90:\xdbP\xde\x8f\x8bu\xfb\x9a\xed\xcf\x91\xcb\xf1CJ\x07\xf2Q\xaeF\xd5@\xac\xbb\x01\xd2MF\x83l\xacw9\xa8D\x8a\xacL\x94\xc9\xb4\xa2#^\x0e\xf49\xa2F)\xf7\xa9\xb1V\xa3\xaf\x1f\xea\xd7{\x9f\xa9r\xfc1\x95\xeb\xf4.\xb9\n)M\xfb\x11\xa5n\xe9@\xc9\x81\xf4,I\xc7\xf9\xdd\xab\xde\xc4:\xc7\x16\xc30\x1a\xac\xb1.\xb7\xf2 \x88\xaa\xb2\xc6ji\xfaq\x8d\xda\x1cV\x0b\xb3\xe6b\xd5\xe1}\x1cP\x1eb?\x18\x8d\xe8\xf4\x88\x83B\xbb!\xb1\xe3\xe9\xbb \xbfNK\x80v(\xe9\'j\x9cD|\xd7\xa4\xf8=v\xc1\xad\xd5\\\xf0.\xc1\x1e\x84\xd0\x80\xb2l\x19\x89\xc3\xaefh\xbe\xa4\xa6\xf5\xa1\xae\xd9\xf2\x16\x00\xa7\xbc`\xf3\xae\x1c\xb7]\xce\xf3\xde\xe0\x05"\x8f\'\xc7^i\xf4\x8a\xa8\xd3#\xfbY\x13\x9c\xc6)Y\xb9\x92\x9f\x19\x7f}\xa2\xa1\x10\x823\xda\xe2\x99\x99F\xf1\xe3.\xc0\xc4\xb0\x88\xd4&lt;\x06\xc8\xfa\xbc\x95\x17\r\x01\xc3\x85v\'fP\xff\xc2\xed\x8d\xc0\x00\x19H$\xd0\xf3V\x0ex\'\xa0A\x9b\xff8\x7f.x\x93|[\x0ce"\xf7=\x95\t)+2\xc5\x8d\xa4i\x87\x9d\xbe\xef\xa0\xea5,\x02\x1f[{\xdaBk\x0b\xc3\x84\xff\xf3u\xa9\xb7O?\xaem\xfa^y\xa8nstvt\x1f=\xd6}f\xad\x8cx\x8c\xb3\x8e\xd4\xde\x15\x88 ,\xfe\xf4A\x81\x0c\xf6\x1c\xe5\x19\xde\x9b{\xd1\xd6z\xfe\xf3\xcf6x\xc7\x898\xebH\x03\xecc:\n\xad\xf3\xc9?n\x0e\x08\x08)\x1aV\x7f+{\x1f\xf1\xb0\x0fnP\xcbE\xea\x1d\xee)\xe7\x0b\xfdo\xd5V\xb4j\xb9Sy9L;\x80\x91k\xd1\x19\xab\xfdW\x89s\x88V\x12\xc6\x87=\xc1\x9a\xe8k\x93\xe4\t\x85[\x8c\x9b\x14O\xf7\x88@&gt;\x18\xa0\x83j^\x00z\xb73\xbe\x0e_\xf2!|?\xb4\xd0R\xf5\xec\xc1\xbb\xb1\xc1\xbd\xe3*z\x13!\xae\xc8\xd2/\xd6\x0e\x04\xe7\xefZ\xfc\x7f&amp;S\xa8\x83;30J7^\x85u\x16yR\x85W\xa7\x80\x82\x00\n\xfe\xb8{\xb1\x97\x94\x95\xc2\x8d\x80I\x9a\xf5\x8e\xb7z\x88\xb89\xdf\x9a\xed\x17\r\xfad\x078ke\x98\r5/&lt;\x0c\xa7L\x15\xaf\xc3=\x9dV.\x10UaW\xcf\x9d\xe1bb\xb9PP\x03\xd3\xfb\x95\x93\xff"\xd6lg\xd2\xd4\xd4\x9c\xc97\xb6"\x1fv\xb0\xe8j\x05\x155\xab)H\xdf\xf4&gt;\xca\xdbi\xa6.5R\xfaN\xc3\xd5\xc4\x90\x94\xd7\x88\t;\x12rt\xd9\xc8\xccw\x82\xdc\xbb\x1ceB\xc0.\xaef\x1bI\'\xae\xe1\x0b\xdd[\xeb\x01\xb4@\xd0\x150\x89\xf5\xc6w\xb6\x9aw#=m(SP\x19\xf0\x06\xcd\xef"%\x05\xe1\x07\x88\x06\xa5cTc\xa5W\x96-\xd0\x15g\xa4\xc8\xab\xf9\x8a\xf1\xa7\x02\xads\xb9\xb1\xe3\xda\xe2\x95D\x89\xa1Mbj\xc6P\xbdp\x18\x9bxP!Q\x93f\x0c\xb3\x17!\xd06\xd3\xb6\xbd/\xe3\xcc\xa5\xb9\xed\xc3\xa6\xc8\xfb\x83\xc5$\x8e\xff\xba\x1d\x16\xfeL\xfa \x10\xd38\x05a\x98d\x80:\x94\x1d&lt;y\x12\xeb\x12(v\x19L\xa3\xedN\xd3\xdb\x0cE\xacs\x93U\x97\xa3\xceg\x80\x8eq:K\x01j\xd9\x1ece\x97~\xe5C\xf5\xfa\r!3g\x87\x0f\xcc\x97\xdb+_^|%\xe7\xf6\xf2\x89m\xba\n\xa8e)\xee\'\xdd\xdf\xa5\xb2\x93] \xfb&lt;?\xb89\xeatG\xe1j"\x96\xaaM\x94;-\xb5\xba\xd6\x10*\x12\x1a\x1d\x1a\xefU"H\xaaQ{\xef\xb3\xd0\xe4\xfc^*`e\r\x9fb\xf3\xcc\xe4FQ\x8b\xee\\v\x8c\xe1*%\xb7~`\xe5\xab\xc0\xe1\x91\x96\\\x92l\xe9\xa4\x8b\x89\x99IJ\xeb\x02\\\xfeZt\x05\x90\xa2Vm\xbf:\x10XW~\x84\x1d\xa0\xb1\xf9\xccw\xd8\xb6\'\xa7Q\xb7\x97OmA\xac\x89\xee%\xf7\x82\x7f\xe0\x8e\x8f\xd5\x9b\x90aeR\xf8_\xed\x87PcW\xd4V\x11x\xfe\x8bN29a\x8f6\xf9\xed\xe6Y\x94\xe29\xda2\x7f\xae@\xef\xb4\x93\x92\x00A&amp;\x16ws\xc9\xf5\xc3\xd7m%\xb0\xab\x88 \xb1\x91\xe0-W\xa5\xad-?\xc2\xd8\x19\xd6\x1c&lt;\xff\xcdZ\xb2\\\x97\x87\xdaQ\xce^g\xf2\xd4Ei\xd9\xef\x83}\x93\x98f[go\x90\x1b\xfd\xcfe\xd0xR?\xb7\xcd\xb4\xbd\xcc\xad\x8a\x04\x0e\t0\xdbY\xf0dG\x95?\x0c\xce\xe5iG\x9f\xe5.nh[\xe6hZ6\x0c\xb7\x87\x18\xde\xf3%;0\x08\x83\x92r=\xa7\t\xa7j\x90x\x8b\x1dP_\x88Q\xa4\xd1\x14`\xb3N&lt;-\xd5\x07\x86\xf7R\xed\x08\x9c\xe9\x8f\x90\xe1jq_\xd8\x9c\xaa\xd2\xde\x0eE\xd5\x82\xa6\xcb}9\xd9-\xf9\x06\xb9\x8e\x06\xc2\xec\x93*u\xad\xb7\x994\xee\x10\xc9\xf4\x87\x06wn\x19\xf4X\xab!O\x14^\x83\x168\xa3`\xce\xbdj\xcd\xc1\x7fL\x14\xa4\x98\xea\x11\xe4\xfa\x92\xec\xd1\xd2&gt;\xea[,d\x1db\xfb6B\xa0o\xd6\xad\xde\x87\x04\x8c\xaf)Q{bf\xdfQ6\xb8\x8e\xe5\xc0\xff4\x16\x1a\xa2\x9f\xc8\x99\xb1;d\xad,\xc2\x0b\xd5\xc8\xae\x18\xd8\xb2Te\x89\xd1Y\xfdg\xf6\x98\xc0\xf3\xc4\x88H\xc8,b\x82p\xd71D\xc4\x10\x03\x17\xfa\x1cGT\x8a\x96\xd5r$&lt;Z\xd9\xb2\xac@\xe0\x00\xd9\x020\xcf3\xcb\xfe9\xd8L{\xea\xca\xfe\xa2\x0e(4\x18\x86\xf3\xa2\xa3\xb4\x8f6\xcac\xc0,y\xea\xec\xf1S\xc7y\xb0),\x12\xfd\x18D;\xa1\xf7\xacS\xa1\xe81\xea\xb3\r\xbc\xf1k\x01x\xa1\xf8\xa6[RLg\xf0RO8\xfb\xfbHI\x90\t\xac\xbd\xbbD\x93\xbf\x88\x1dn,\xdf\xf2\\\x9d\xff\x08f9\x16\xb4d\xad&amp;J\x8c`\x19jf~\xec\xacmQX\x12#\x94\xb4\xbd\xfdv\xc1]\xe4\xbd\xb6~\xfd\x8f\x03QY\x1306M\xbe\xa79\xc9W\xc1\x08W\xfd\xa1\xee\n~\x0c\xc0\x04G\x07\x80\xcd\x18\xce\xe3\xf6\xb1}\x11\x0c\x94\xe4\xb9\xe7.\xf9\xe5\xad\xc4G\xb5\x06i\xabc`\x10Y\xde\xd6\x0b\x7fp\xa3&amp;\x0f\xdbf\x83\xb4}q\x8et\tuC\xd84\xd8\xa8W\xbe\x9c\xb5@\x02i\xc8\xaek\xbf? \xad~\xce\x1b\xb67\xc4\xb2@fc\x95\x14\xa9PvF\x9b\x03\xf1\xa3\xb4:\xb5\'\xd8\xc5\x97\xe8\xf6\xeb\xe1\xfe7\xda\xa7\xde\x07Q &lt;\xf8\xd6\x0e\xc7e+\x8c\xfdb\xb1\xc5!\xbc\x1c\xe9T\x18R\x859a\xeaq\x98\x19\xe6?\'N\xd0\xad\x08\xa2i\xc5?n\x07$i,q\x14\x0b(a\xd4\xefM]\xf7\xba\x96i\x14\xa9\xc0\xd1?k\x03x\x99\xc5\x05\xca.BB4WgG\xd1AN\xd5\xaan\xc0\x8c\x80v\x19\xb44\xf1\xd0\xed"\xd0\xb6\xa1\xcd\x1c\xf3D\\v\x81\xea\xc8$\xb4\x0c1\xc8?\xef\x07\x8bE\x8e\x13d*\x01\x8a\xe6$\x89\xe1\x16\xd6\xa9Z\xd9\x13\x14\xa7\x93\x1dv\xd8&lt;Q\xff\xc5}\x12\x05\xe8W\x15\xc3\x175\xf9\xf2\x12\xbb"\x94\x18\xa3\r\xaeW\'\x1b\xce\xa2_\xcf5\xfaIkQ\x876\x82\xb2\xf6\xf3\x85\xd2\xa3V\x1f\x0b*\x18\xae\xb3\xb5\xa8\x9aj\x14f\xa8\x16h\xc4\x8f\x11#Q\xfc\x91\xbd,\x91as\xa6|k\x8b&lt;L\x86\xde\xbdpz7\x0c\xb7\x87\xeb\xe0G\xd6X\x9e\x1d\xcf\xc7\x9a\xb7.\x90\xa8\xbf=n\xa6\xa0\x89%\x83\x8a\x00@O\xe2\xca\xf4a8\x08\xb8n\xa8#\xad\x01i\xb9\xd0`\x0e\xbc\xa6&amp;@\x1e\x8c\x13\x8a&amp;wyN\xfd\r\xeb\x03+\xd2\x0cc\xf5}\xd6x\xd4u\xc0\x08!wz\x8b\xa9p\xb21\n\x85\x01D6\xfbz\xd5\x81\xac\xd6k;\xb6\x15.w\xfe\x80F\xfe\xc7\x94\x915I^b\xea\xfeC\xda\x8f\xf7\x91^\xbe\xc4{E\xb2\'\x95+\xfd2&lt;\x89\xae\xfcd\x9b\xbfP7\xf2\xc7\x0c\xa7\x13+\xb3"$\xdd\xfe3\xeat\x84Y\xaa\xdb~\x8d^\xf3\xca\xeb\xd3~\xe0\xebP\xc4DT\xf8\x9fld\xca\xf5\xc5\xed\xd2G\xd9\x94\x16%\x17\xc3\xa34nP\xa0\xf4+\xe6\x82\x8a^\xb0o\xd7\x93,\rN\xb1\x1c\xcf\xbb\x8c3S\x01\n\x0b%E\xbc\x01"\xe4\xc3\x0fo\x9b\xc4\x82\xcf?\t\xda\xceZ\x7fg\xdc\x13\xe0\x16\xe0&lt;\x16\xc6\xb4\xbe\x82\xb0#c\xe7.\x8a\xcchw\xa4\xa4\xbe\x95\xbd\x95b\xaf\xb6!:)\xa7\x86\xd8\x1c\x98\xd9\xcc\x01/&lt;-\x0b\xcah\xac\xb6\xb6S\x00a\xaa\xf9\x0b\x84E(\xed\xde\xe7\x01\xecD\xc1*{\x0e\x01Tq\xfe\xaf\xd4\xe5\x91\t\x81\xda\xe5\xe4\xb8\x95\xda\xb5\xb6&gt;\x993N;\xff\x0eR\xeei\xa2\x80\xc1\x17$\xdfv\xde)\xc5\xe2\xbb\xaeC\x1c\x07\x8dU\xd3F\xc7\xabR\x80C\x88\xc6w\x08\xb7c\xe0\xaa\xf3\xbcR\xadN8b\x18\x87=\x1d\x9a\xd2\xb1ka\x0c~\xc9\xef.\xd6d\rD_\x0e\x8c1I\xb63;\x92\xa8\xee\xd9\x82&amp;\x97\xea80w|M\xd5\xc20L\xbc\xbaG\x0e\xb4\x08\x94.\xb3\x88,c"\xc2\xb3\x97~\x11\x04\x01M\xf7\xd5ly](:u\xa8\x8d\xef\x97\xdeLa\xa1\xa6\x9b(\xb6%\xf0\x9d\x92;&gt;\xa1Gbj\x0b\xcbU\xbb\xe5:\n\xe1k\x86a\x99\xc23\xad}\xc0\xdb\xb0\x829\xd0s\xc7o\xe3\xef+\xc5\xee\xc1]\x17c0!\xc3\xaeJ\x8f2\xf6\xe5\x8b\xa2\xf3)\xb3\xa6s\x85(\x0b\xc6\x1e\xcbv`S\xe3\x95X\xb5\x90I\xe1\x00\x9f\xd6\xc6\xfe\xa5\x888f\x0c\x95)+l\x9ae\x8c:H\x19\xba\x15.Fs\xa4E\xcb&gt;\xec}\x00%'</t>
  </si>
  <si>
    <t>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</t>
  </si>
  <si>
    <t>b'\x87m\xea\xc9;\x03\x05\xdb\xcef\x8e\xda\xee\x03\x8b\xb7'</t>
  </si>
  <si>
    <t>England, the Bank of Japan, the Bank of Canada, and monetary authorities from France, Italy, the
 Netherlands, Singapore, Hong Kong, and Australia. The April 2010 survey was carried out by 53 central banks.
 Revised figures are reported in â€œTriennial Central Bank Survey of Foreign Exchange and Derivatives Market
 Activity in April 2010: Preliminary Global Results,â€ Bank for International Settlements, Basel, Switzerland,
 September 2010. Daily U.S. foreign currency trading in 1980 averaged only around $18 billion.
 326 PART THREE Exchange Rates and Open-Economy Macroeconomics
 The integration of financial centers implies that there can be no significant difference
 between the dollar/euro exchange rate quoted in New York at 9 A.M. and the dollar/euro
 exchange rate quoted in London at the same time (which corresponds to 2 P.M. London
 time). If the euro were selling for in New York and in London, profits could be
 made through arbitrage, the process of buying a currency cheap and selling it dear. At the
 prices listed above, a trader could, for instance, purchase million in New York for 
 million and immediately sell the euros in London for million, making a pure profit of
 . If all traders tried to cash in on the opportunity, however, their demand for
 euros in New York would drive up the dollar price of euros there, and their supply of euros
 in London would drive down the dollar price of euros there. Very quickly, the difference
 between the New York and London exchange rates would disappear. Since foreign
 exchange traders carefully watch their computer screens for arbitrage opportunities, the
 few that arise are small and very short-lived.
 While a foreign exchange transaction can match any two currencies, most transactions
 (roughly 85 percent in April 2010) are exchanges of foreign currencies for U.S. dollars.
 This is true even when a bankâ€™s goal is to sell one nondollar currency and buy another!
 A bank wishing to sell Swiss francs and buy Israeli shekels, for example, will usually sell
 its francs for dollars and then use the dollars to buy shekels. While this procedure may
 appear roundabout, it is actually cheaper for the bank than the alternative of trying to find
 a holder of shekels who wishes to buy Swiss francs. The advantage of trading through the
 dollar is a result of the United Statesâ€™ importance in the world economy. Because the
 volume of international transactions involving dollars is so great, it is not hard to find
 parties willing to trade dollars against Swiss francs or shekels. In contrast, relatively few
 transactions require direct exchanges of Swiss francs for shekels.2
 Because of its pivotal role in so many foreign exchange deals, the U.S. dollar is some_x0002_times called a vehicle currency. A vehicle currency is one that is widely used to denomi_x0002_nate international contracts made by parties who do not reside in the country that issues
 the vehicle currency. It has been suggested that the euro, which was introduced at the start
 of 1999, will evolve into a vehicle currency on a par with the dollar. By April 2010, about
 39 percent of foreign exchange trades were against eurosâ€”less than half the share of the
 dollar, albeit above the figure of 37 percent clocked three years earlier. Japanâ€™s yen is the
 third most important currency, with a market share of 19 percent (out of 200). The pound
 sterling, once second only to the dollar as a key international currency, has declined
 greatly in importance.3
 Spot Rates and Forward Rates
 The foreign exchange transactions we have been discussing take place on the spot: Two
 parties agree to an exchange of bank deposits</t>
  </si>
  <si>
    <t>b'0D\x02 wf\\\x18H3\x98x\x86mz\xec-\x85\xdf\x1f1Oo\x8f\xc8f\x18\xc9\xce\x15$\xdc\xc1`\xcd\xf3\x02 9\xda\x9eg\x88/\xe7\xf263}\xe0\xec4a\xbf\xe3J6\x99\xa9\xa0Y\xe9\x9c\xe9c\xcf`ox\x02'</t>
  </si>
  <si>
    <t>3044022077665c1848339878866d7aec2d85df1f314f6f8fc86618c9ce1524dcc160cdf3022039da9e67882fe7f236337de0ec3461bfe34a3699a9a059e99ce963cf606f7802</t>
  </si>
  <si>
    <t>b'0D\x02 wf\\\x18H3\x98x\x86mz\xec'</t>
  </si>
  <si>
    <t xml:space="preserve">
Operation of LASCR is similar to SCR one only difference is that it is activated through light. It has window and lens which focuses the light on gate junction area. The LASCR works as a latch. It can be triggered ON by a light input on the gate area but does not turn OFF when light source is removed. It can be turned OFF only by reducing current through it below its holding current. Depending on the size, a LASCR is capable of handling large amount of current that can be handled by a photodiode or a photo-transistor. Fig. 13 shows construction of LASCR and its symbol.
J1 J2 J3
J1
J2
G J3 A
LASCR Symbol
Figure-13
G
AKG
A
K
   P
 N
 P
 N
 P
 N
 P
 N
  Summary
K
This unit explains about the basic circuit of an amplifier as a single-stage and multistage with the use of a basic element that is transistor. Feedback concept and difference between positive and negative feedback has been explained. Introduction to oscillator, multivibrator and signal generator has been included in this unit. Construction, symbol and operation of SCR, TRIAC, DIAC and LASCR has been described. Wherever necessary circuit diagram and symbols have been drawn which are self explanatory.
 102
                 Resource Material
1. Basic Electronics Engineering by Dr. N. K. Dutta, New Central Book Agency Publication.
2. Electronic Devices &amp; Circuits by Sanjeev Gupta, Dhanpat Rai Publications.
3. Basic Electronics and Linear Circuits by N N Bhargava, D C Kulshreshtha and S C Gupta, McGraw Hill Education.
4. Electronics Engineering by Sanjay Sharma, S.K. Kataria &amp; Sons.
5. Principles of Electronics by V.K.Mehta and Rohit Mehta, S. Chand.
6. Electronic Devices and Circuit Theory by Robert L. Boylestad and Louis Nashelsky, Pearson Publishers.
Exercise
Questions:
(a) Define amplification and amplifier.
(b) In which region transistor should be biased so that it works as an amplifier.
(c) Draw the circuit diagram of a single and multistage amplifier.
(d) For a three stage transistor amplifier if total gain is 1000 and each stage has the same gain then what is the gain of individual stage? If input signal is 1 mv then what will be the final output of this three stage amplifier?
(e) Write down various characteristics of an amplifier.
(f) Define feedback with block diagram. Explain positive and negative feedback.
(g) What do you understand by an oscillator? Explain damped and undamped oscillations with the help of suitable diagrams.
(h) What do you mean by multivibrator? What are the basic types of mutivibrators.
(i) Enumerate various applications of a multivibrator.
(j) Write symbol of :
i) SCR
ii) TRIAC
iii) DIAC
iv) LASCR
(k) Write short note on:
(i) SCR
(ii) TRIAC
(iii) DIAC
 Basic Electronics
103
                 Web references for Chapter: 1
1. http://encyclopedia2.thefreedictionary.com/ionization+potential
2. https://en.wikipedia.org/wiki/Electronics
3. http://farside.ph.utexas.edu/teaching/336k/Newtonhtml/node30.html
4. http://www.amigainformatics.com/industries/electronics/
5. http://article.sapub.org/10.5923.j.mm.20170701.05.html
</t>
  </si>
  <si>
    <t>b'G&lt;\x9eJ}6\xfc0\x01\xf3\x17r\x83W\x87\x99I\xe0\x10\x16\x9di\xed\xa2\xe7\xfe\x86i\x89qR N\xecbR\x16|\r\'_\x04\x8eh\xc8\xc9\x9d\xf5&lt;\x80\xf0Q(\xa9\x03\xa3\x88\x0c7\xa1\xa5\xeb\x8c\x93\x93\xe5\x13\x1b,C\xcf \x12\x89S\x1c\x02Fn\xa01\xef\xa38\x08\x18*\xb7\n\xa5\x1c\xd9\x96\xd7\xeb\xe8\x9c\x0eV9\x08\xa9\xc8\xa1-\xa4\xcc\x07 6[\xe9\x03\t^^\xdb\xcb\x06\xce*\xef\xa7\xfb\x08\x8ef\xa9\xc5\xa0\x90t\x1b.U\x12\xe3\x9fRn\xe4\xc9Z\x8aU\xaaV\xcd\x9cFa*_\xd9_\xad\xd1eL\x19\xc9\xb3\xe2\x93\x87L\x9c\xff5\x8b\xa6\xa3\x1b\x17\x8a\xbf;D\x8c+Hd\xdbd&lt;KS#\x97\x91\xf7\\A\x1c\x16T\x04\x8b\t\x86@CS\x0b\x9f\xe8\xa70\xde\xb0\x1d\xfe\xd9\xe5mrP\x1f\xd1\t\xb5\x92\x17L$\x85\x82Y=C\xfbm\x89\xa5z\x15\xfc\xea#\x82ac\xb8_\xb5\xf5\x03U\xfd{\xd4lq8\x0c\xab\xd9U\xd5P\xb1\x1fp\xe4\xc9\xb66\xc8,\xa0\xa0\xd7\xb9\xd2\x84U\xef\xb8\xb0\x1d\xdf\x11ty\xa7\xcf\x1a\xd2\x198\xe2}\x16t\xc3\xbe\x01&amp;d\xd6S\x7f"\xa9\xaf\xa1\x01&amp;lae\x8f\xf3\xb7N:\x17D\xf1O\x1d\xb6\xff\x8f1\x95t\xefB$\nn6\x93q\x04&lt;\x9b\x01\x93\x1a\x06\x0e\xeb5*a\xa9&gt;\xcfm\xb0U\xd1\x1c\xe5\x13\xe7g\x17Y&amp;\x93m\xf5%\x0e=h\xe7\xf1\x16K\x102DD\xf6\x90w\x82\xa6\x8bU\xef\x03\xcb\xddz\xb8\xa1c\x8b\xbc\x12\xd6\xbbtwq\x94\xd62\xa1\xf1\xfa\x9b\xd7\x8fB\x15U\'\x07\x06\xb1\xa08h\xe4\xc8\xf0\x15\x88\x11.\x19\x0f\x11O\x88\x9b\xa5\x95@~\xbe\x0b6$?S*\xe6\xc0]7\xb6=;\xddDp\x05\xb9y]n\x1d\x94\xd7os3k\x13\xab\x8f\xe6G(\x8e\xd7/I\xab\xd8A\xb96o\xd5\xf9\xfb\xb8\xf7\xb3\xeb\r5\x10\x88\xdc\xea\x96\x99\xe4`\xcdX\x01rgu{"||&amp;\xfb\xd8\xaay\xf2c/\xf0\xa5\x99\xb9\x05\xa6\xec\x81;J8R7\xa6\xa6s\x87\x84YA\xec\x7fm\r\x83\x0f\xfe\x83\xbf:\xde\xdaD\x82\x80\xcaWE\x0c\x95\x85\x1b\x8dw\x80\xfe";\xfc\x8f\x89/\xa5e\xa4\xdc&lt;O&gt;\x15\x04\xf5\xff\xe8YP4\x1e\x08\x0eh\xef\x81&amp;M\xb5\x136;\xa4\x18\x01^\xd7)\xd6\xf6\x8bE\xd2\xa9\xec\x8bu\x19:Kp\x97.\xe4T\xb7%\x03}\xf5\xd2r\x948\xc6\xcc7\x8d\x0b\xdd)\xd3\xebZQ\x0eps\xb3\x19\xe5\xc9\x82\x82\x9a\x7fZ\xceX6W7\x9d\x1eM\xa9\xa1`\xa4\xcd\x80\xf1\x17\x80\x06\x87@\xdc\xad\xf7\xf2\xbd\xa7\xe4\xca\t\xac\xef\xe7\xa4\xf6\x96\xd9\x0c+\x85\xe7\xc8D\x82\xc8PyN\xe2\xcb\x14$\xaa\x02\xd8\x8dC\xea\r\x17&gt;\xef\xcf\xadH\xf3\xf8WG\xe0\x16\xf5\x1b}\x82\x18\xd7\xa9j(\xd0V\xb2\x88L\xc0\xef\xd4\x96\xb6\xbdQmv\t#\x06H\xfa\xc9\xd2\xab\x06\xb3s\xd1\xae\x95\xfc\x0b:\x9e\xf3\x97\xbb\x0e\xe9\xda\x1cY\xa5\xdf\xf6F\x07#\x8a\x84\x17\xa1\x025\x92\xdf\xc1\'e\x85\x960\x96\xc6\xbc\x9c\xca\xa8\xeb\x96\xc3\xefD}0\xee\xd1\xed\xc4\x99Xh&lt;fl@C!`\xb2\xa2\x93\x8f\x9b\xde\'FnG[\x01\xed\xee*\xd5\r;\'N\x8bm?\x1f[L\xa9\xfc\x18Q\xf0\xe2\xe5\x8aNP\xfcp\xbcz\x0cKw\xe1G\xb2o\xa5\x9e\xd7\xbb\xc9\xbcoS3\xfcM\x9aaU \xe4\x0c\xde=0\xa1h7\xfdh\x80^\x05\x92\x00**\xf1\xfb\xc0@\x10\xae\xe5\x11\'\xdd\x86\xbd\x94\x89dq\xc6\x12\x91\x1b-/\x12\xe6\xa8\x1b\x8a\x03\xc6\xd4\xb2$\xe2W[*N\xccr\xbac@\xa4\xe4\xbf\xb5\xd9\x95\x02\x96\xb4(su|\xcbm\nt)8\xacj\x14rdq\x94B\x16\xae\xd6\x87;T\xa1\xac\xa0\xac\xc2\xca4\x1a\xda\x12\xb98?1f\x00\x81Sb\xdc\xeb\xa6\x12\x9aB\xecu\xc2\xa82\xe6\xbc\xb0OHI\r\x9f}\xaf\xdd+P\xf2v\x9e\x18\x1d\x8d\x04*\xff\x9e\x15\xe3\x9d\xda\xf2kK\xa6\xfa\xe4.\x05\x80\xdd\xa1\x95\ra\x1d\x89L\xae\r\xbd+\x118\x15\xfd\x8d\xb8Eo\x9c\x10\xdd\\\x88\x80\xb9\x7f\xbdF\x7fCd\xfa\xc0&lt;]q\xd3\xdc_\xd2v\x08\xe7\x9eVz\xd5YkD\x08\tx\xc6\xb6\xb7\x8b bOV\xc2t\xe9\xb1Jl\xae\x0b\x13\xbb\xa2\x08j\xfe\x8e\x03:u\x14\x9b:\x15\x88R\xb2\xc0X\xc0\xbe\xa5\xa9\xd00\xc9W\xac\xeau\x9d\xd3u\x02p\x0eO\x9d-\x11QX\xb3%\x81\xe6\x90\xaf!\xe9\xfc\xa2\xd9\xbf%\xa2\xaafM\xa6\xa9:lV\x9dt\x14*\x9eq\xdbD\x8fKB\xae}\x0e\x181\x9c@\xceg\x9a\xc5~p\xaf\x84\xbcz\x1a\x8c\x95&lt;\x82\x90\xa1\xeb\x0f2\x89\xdd\xa0#\x98n\xf2\xe7Z\xc0z\xdb\x13\xb9\'#\x9a\x9e\xba{\x03\xd9\x083\xeb\xe9\x96Y\x89\xee"\x10\x13oS\x91&gt;\xf9\n\xb1c\xac\xf0!\xa4\xf4\xacytSC\xa4G\xdehlq*i\xc8!\xd2\xd0i6\x88I\xa4\x17\xef\x11\xc0\x1e~\xfbS\xe0#\x0b\x0b5\xe9\xe5\x13\x93\xac\xbf\x12\xb2\xdet\x14L\xf1\x1e\xe8\x0f&lt;\xf1r\x1b\x0c."u\x00\xc5&amp;\x8a\x1d\xabc\x02\x19\xa8%\x9e*Z\xd8\xd6\xef\xed\xc4\xcb\xb1\xfaW\x952\x9b\r\xc1\xb8[9\xc3\x8e\x07kG\xcb\x00\xea\xd2\xda\xb2G\xe9e\xfa\xf6\xdd\x15\xe1\xdbR{\xef\xee\xa8k\xbf\xc0\x9a\xd6\x84\xf8n\x08\x15}\xb5\x9ddV6\xe8\x98v9(\xb3\x1c\x9d\x039\xc4r\x0c\xacyf\x00Kk\xf2!\xb5c\xde\xb3s\xf2\xe8\xfc\xd5\xce\xaf&gt;\x8da\xcfA\tb`\x0c\x90\x83\x83x\xb0f\xa8\x11\x1d\x003r@\x83@\x9d\'\xa9@\xce\x0c\x1b\xbc\x9b\xb5J\x89\x1fu\xbc\xb6&gt;{(t\xa1\x1c\xd6\x92\xf1&gt;\x08\xd7\xccjI\xe2\xa3\x95\x8e\xb5\x08M\xa9\xe5\xd8\xe8w\x87oP_VZ\xe5\xd4\xea\x104{\xf4D\x06\xa881\xf7\x8f\xff\xeb\x902\xe94\xd1\xc8\x96\x1dP\xc2 \x14\xca\xc7\xb2$\x98Jm!l3\xb5E\x94\x1c\xcf\xab\xf9\x95j\xb2D8\xde\x8d\xca\xfc!\xbe\x1f\x02tr\x86\xac\x02`f\xd4\x9c,\x8d\xc8d\xcd1\x87\xab\xfb\xdd\x14\x84\x12K\xf9TF;e\x8eJ*\x08H(\x08\xc8\xea\xdcl\xa9aW\x06\xf1\xd5\xf9Q\xe3\x97\x8d\x90\xeeH\xce$\xe7(\xef\x1d\xedm)\xa8Hya\xf2\x13&lt;\x04\xcc\x0e*\x0f\r\xa58\xa7\x11\xa9=\x83\x89\x98t?\x1dk\xf2d\xbc\xde\xe4E=\x91\xba\x15\x83h:\x8c\x92\xa1\x95\x9c\x15\xdfAE\x08\x05\x1f\xd5\xc0\x18u\x8c\',2\x04(&gt;\x92\xe2\x80\xff\xa6\\j,m\'H\x82\x8dba\x10\xbd\xacJ\x08\x9cZ:\xc2\x03\xe7\xeeS\xf6\xc0/dv.~\x80oM\xec\xc7\xba8jW\xf6\xd9\xbe\xd4\x80\xde\x92\x7f\xb5\x96u\x9b\x86\x18n\x9b\x94\x1b2\xf8R\xe8\xcaiJ\x08k\xb0\xc1\xc334\x0f\x92\xd2\xd7QwV{\x86N\x8bX\x07E\xd2\xe4&amp;?\xe8\x89kY+z\x8f\xe8\x94\xe4\r\x06\x19G\xa2\x1c\x9a\x95D\xf0{\x9f\xb9\x04&amp;)\xd7\x94P\xba\xbdj\x0e\xa5kOv\x0fb\xbf\xd7\xe8\x1cK\xde\'\xf8`\x80A\xde\x85\xac@6~\x02\xc9\xbc&lt;\xb9\xb8x.\xd04\xa1\xb12\xf8\xd0\xe1\xcf\xfd\xe0\xdb\x7f\xa9\xb3\xb3&gt;\x83\xaf\xf3F\xa8q\xd1\xea~&lt;mu\xb9\x17\xd7\x17\x92\xe4\x82Z\x1e#\x81\xc4k-I\x86\x8c\xe6\xf2\xbf\xc6\t\xe6(\xc8\x95\xde\xe6\xaa\xfc\xd0\x04k+\xf11\xff\xe1\xcd\x8a\x10=\x87HO\x18\x0c\xabw e\xd1\xaf\x8d\xa5t *\x1b\x06\xef&amp;x\x9c\x85\x87\x88\xb2L\xe4\xcf\xd5}\nMch\x0f\x10N6\xcdG?!\xd3X\xdf\x9b\xad\xb0\xb7\x0f\x9e\x84%\x0b\xc2\ncHS\x93\xb1\xe2\xc4\xfb\xd5\xd2\x83\xaeI\xfd\x88\xbb\xac\x0c\x83\x1b\x19\x98\n\x8c\xc7\xc4"\x065\x84\xff\xe5\x12\x04 \x89M\xa0\xc9Q\x8bq\x89\xd0\xa6k\xc0\xdf\x8bj\xbf\xdf\n\xf2z*\xb5cs\xa4\x80\xee\xe5\xf8\xba|Z\xce\xd0%\xc6T\xbf\x930\x16\xb5\xbd\xa9\x94\xd1\x9e\xd17\xb8}\xb3\t\xcb\x17\xed\xb3@\xa0Q\xd8]X/B\xb8b\xb2R\x00\xab&gt;M\x13\x07Y\xe28\xe2\xb9b\xbe\x15\xbbO\x19\xc01\xb3\x04b\x86\x04\xef,\x11\xb4\xea\x83\x93\x1e\xe3q@\xfc\xd7Gx\xf7\x95\xc2&lt;\xe1\xaf\x9d\xe4\x16\xdbn\x1f&lt;\x93\x06M2\xfc\xaal\x9d\xcd\xaa\x0f-\x0b\x93\x8d\xae\xe0i}\'\xd1\xbd\x81\xb2]\xaa\x0eb\xaa\xbaa\x9f\xea\x81G\x99\x1c\x16\x8bs\xa4on\x91c,Fz\xc4/D\xf2\x936i\x9a\xce\xffF\xdet\xb5\xab-\xdfy\xd2^\xe4\xe4\x93J)N\xbf5\xe22\x93s\xb7\x1d\xeeLR\x85\xf6`%\x93\x15\xb4\x96\xf9&gt;\xe6l\x04\x1a?\xc1\x9c\x05\x89\xc6hZ\xec7\xe8ow\xca\xe4j\xa8\xa5o,\x08\xedG\xe0C\x0eP@@\x95\xa9S\xebCH\xbc\xe1\xfe\xab\xe6\xaal\xa7dK\xdc\xbb\xca.\xbdd;\xfcT\xaa\x96b\xf8}\x9aoG\xbc\xdf:6r\r\xeb@\xa02\xa9\xf4E\xf3\xc1\x1dP\xc9\xdd\xad\x11\xf6\xc8\xf4\xb3zyg\xc3\xc0^\x04Mlk\xb6\x1e{\xad\x05\xc8P\xa2j\xfdP9{\x07#\xf5PM;\xb6\xd7l\x9c\x8f\x19{A\x92\xb7\x82/\xa6\x00U\x00\x04\xc8!\x05\xa5\xa9\xe0\xfa\xcc\xc8\x82\xfd\xedi\xe6\xa7\xf8\x13\xb9\'Ig\x1d\x92X\\\xb1-C\xbb\\\xe5\xb8\x80u\x1b\xbbW\xe7\xbc\x1f\xf2\x0b"L\x06;\x83\xad\xa3}\xbc&amp;P7\x1b4V\x86r\xefpd\\5\x18\xc1\xf2\xf2\xbc_\x95{\x1e!x\x13h,\x9f[\x16\x07\xd0v\xc9\x96\xa5\x92$H\xb8\\]\x08\xc7\xe1\xda\x0c|\xfc\xb6s\xe4\xa1\xb6\x906y(\xf3_(p\xeb\xb3\xca/\x0c\xa0\x06\r\x80\xce\xd8\x08\xa5\xb2\xc0E\x1d\xe3u\x8e\xb8\xdf\x8d\xa5\x9b\x89\x92m\x95\x1b\xbf\x91\xd4\x90\xca\x9c\xab\x0et\xa4f\xf7\x1c\x19\xdc\x8bF\xfb#\xbb)\x8a\xcc\xc1A\x85\xb2\xff&lt;}\x1d"\x8b\x06\t\x1d\xa8\xd7_\xe9\xb3\xe4\xf6z\xd2T\x8d\xa1\xb4&lt;\x88\x8d`\xc0\xaft\xb9&lt;\x11R\x80Z\x1co\x88\xddI\xeceb\x1f&gt;\xf2\xa4m\x8b#i\xc5\x85\xdc\xd6\xe6i\xa6k\xd7.\xd0\xb8\xaeW\rP\xb5\xa1\xab\xec\xcd\xe0]\xbe\x85\xa8\xc83\x07n\xd5)\x98\xc6\x85\xa5\xc2\xa5\xa3&amp;\xfd\x95\xca^\xcbP#\xddx\x85t\x9dD%\xef\xcf\xd6\xf9\xea\xed-\xaev&lt;\xdaL\xc5%\xdd\xd9(\xa8\xebkf\xdc\xd9\xb77M\xbf:pv\xea\xe2\xf5\xde!o\xba\x04\xfe\x17\xdc\x11CH\xaf\xbe\xf2t\xa1\xd41\x84&amp;&gt;\xdd\xb8\xe0*\xb9\xa4FuB\x99\xc5\xd1\x9d\xf2`\xb0(Q\x1fS\t\x9a\xf1\x18\xe3\xf9i\x03.\xb8F\x92\xd4}\xf0yc7\xe7\xfaof\t\x82\xfb\x86\xfe\xe7_j\x07\xb1\xe64\xd3h\x9d\x93\x1a\x9e,\xf9\x10ghc[T\xc7\xde\xd3U_\xd1ZL\xb0T\x1b\x83\xd3\x1c\xaf\xd0\xc6\xe4\x06P\x96\x96\x1f{\xbeQ\xaf\xd2\xcb\xe4\x01\xa6\x0beC\x0c&amp;\x9cN\xa1\xb0\xe0\x0c\xb1\xba\xfa\xc6@\xb9f!\xcb\xc4\xab\x9b\x7fS3[\xf9\xacU\xd6\xa3n\xd2\xc69\xd6\x1czRe\x9cE\xf4Q\x08\xb8\x1aO:\x8f7+m\x14\xe4\x90\xcdO|C\x02\xab\x037\x90\x1a\x89\x0fq\xe5\xc7\n\x9c\x18s\xdf!\x08\xc5\xac\xd1\xc7\xc5\x87\x9f\x9a\xdb\x82\xeaq\xb0\xf2\xf0\x1f\xd7&amp;\xf1\xff\xd8Gk\xa6{\xcf\n\x18\x14&gt;A\xbc\x961\xeayQ\xbeS4c\x1dl\x03H3m\rg\xe2\x04\x04\xc9\xa2\xe8\xad\xbe\xf1n\x19+J%\x8ay\xb6\xb2S\x97%\xdf;\x9e\xed\xba["kEj\x1by\x87\xa6\xdb\xcbFk\xe5u\x93\x9a\\\x81s\x8di\xef\x04\xa6\xef;\x98X\xde%\x11\xc56\xd5\x8b\xfc\x7fH^,8\x80OF\xd6\xda\xff\xf9J\xfc|\xd8\x8f\xcb7Bk\xd9Z\x01\xe3\xa5\xaa#L"\x83X%\x11&gt;\x0bz\x81\xa0k\xdd\xc7G\x9d\xef^%=\x9e\xd1\xe1\x992&gt;\xb7\x9csa4\x0c\x15\xc4w\xd4\xc6\xe3S\x11Fsq\xeff\x14\xb03\xe0\xe2\xa1\x93C\xfe\xa7\x9f\x99\xcc\x9e\x0e'</t>
  </si>
  <si>
    <t>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</t>
  </si>
  <si>
    <t>b'G&lt;\x9eJ}6\xfc0\x01\xf3\x17r\x83W\x87\x99'</t>
  </si>
  <si>
    <t>le didnâ€™t recognize their hidden
 genius), and (3) offering their customers a tool they could use
 to express themselves (computers and smartphones). Each of
 THE SECRET WEAPON THAT WILL GROW YOUR BUSINESS
 19
 these realizations are pillars in ancient storytelling and critical
 for connecting with customers.
 Iâ€™ll teach you about these three pillars and more in the
 coming chapters, but for now just realize the time Apple spent
 clarifying the role they play in their customersâ€™ story is one of the
 primary factors responsible for their growth.
 Notice, though, the story of Apple isnâ€™t about Apple; itâ€™s
 about you. Youâ€™re the hero in the story, and they play a role more
 like Q in the James Bond movies. They are the guy you go see
 when you need a tool to help you win the day.
 Despite what acolytes of the cult of Mac may say, Apple
 likely doesnâ€™t make the best computers or phones. â€œBestâ€ is
 subjective, of course. Whether Apple has the best technology,
 though, is debatable.
 But it doesnâ€™t matter. People donâ€™t buy the best products;
 they buy the products they can understand the fastest. Apple
 has inserted themselves into their customersâ€™ story like no other
 technology company, and as a result, theyâ€™re not only the largest
 technology company, theyâ€™re in the top ten largest companies
 period.1
  If we want our companies to grow, we should borrow a
 page from their playbook. We should clarify our message.
 STORY CAN GROW YOUR BUSINESS
 To better understand what Steve Jobs learne</t>
  </si>
  <si>
    <t>b"m\xfd5mz\xdaL\x0b\xdb\x92iJ`w\x08\xcc\x93\x89\xf3\xcc\xff\x10\x96\xf7\x95\xf4\x82e.\xd0A\xfc*\xda@\xd0\xaa\x94\xae\xe7M\xce&amp;D]/\x89\x0c(t\xf9\xc4he\xa4[\xf5\xf1s\x90Y\t\x17]I\x80\xde\xf9M\x00\xa7\x95\xce\xd2*\xd6C\xc4/-U\xbf\x9d\n2\x97c\xbb4!\xe2c\xefb\xee\xd4\xbe\xc6\xe6\xe4\xcc\xd9j\x03{\xfa\x00\x818\x87z|\xd4#\xdcV\xba\x8b\x98{\x1e\xd1\xeb:\xcd\x9a_i\xbf\xf5-\xf6\xf5\xf8\xe1\xd3'\xaf\x86O&lt; \xbb\x84\xc2\x12\xf9IAw\x1d;\x19\xf8\x9eC\xf9O\x1e\xddx\xa1\xba#0\x8e\x9bJ\xbe,d\xae;$\xd8M\xc3f\xdd\x9b\x1a\xe3B\x9b\x07\xb8\xffo\x9e\\\x1c\x87\xa5\x10M\x93\xf8\xc6\xdb\x1b\x02i\x00&gt;O\xce\x80:\xd7\xdb\x8b\xac\xbd\xbb\xdfH\x1d\xe3\x0c\x82q\x14\x04:R\x97\x19\xc6\xd3+\x13\xc6\x00\x84\x18\xe1\xc7\x0e=^|z\xae9\xe0(+\x0fJO%z\xd8\xd1\x96r\x02\xb0dh_V4\xec\xbaW9\xce9f\xe7V&amp;\xe5\xaf\xf8AIZ\x94\xf6\xac\xde;\xd9\xb0\x04\x8f\xa5\x1a\xa4\xc1\\T&gt;\xc6v\x83\xf7\x0f\xe72^\x0c\xe0\xf7g\xfd\xe2AC&gt;P!\x86\x0c\xa9\xb3\xb7K\xe7\x13\x82\x7f\x10\x97\xd7\xfe\xcd/D\x15\xc7t\xf1\xe6\\\xb2i\xb0\t\xb3e\xa8\x7f\x9a\xc9\xfa\xf2\x9c\xfe=b%\x8e\xac\xdco5\xdc\xb4\xcb\x91X\xb0E\x9f\xe3\xa8P\xd7$\x81uu\xd8\x91\xf0\xa1X\x9bx\xa4\x84\x1cL\xb0&amp;g\xfd\xfe\x1d\xa4;\xbc1A\x1c=\x0b~\xaa\x81\xbch\xdb,\x96\x0e\xc2n\x7f\t)\xca\x88\x99j\xfa\x18\xd5\xc1\x08\xc8X1\xc3\xc5\x94\xdd\xbfzM\x87\xad\xc8x\xba\x0c\x95$u\xdf ;\x8bi\x039~&gt;\x98\xc5\xa2\xc1\xe8\xe8E\x1c\xbe_\x02\x11\xd6\xd0\xcc\xa2X?\x15\xc0\xebQ/\x17&amp;\xb0E\xa4\x8dr\xb0z\x02\xb9P\xbe\xe2\xbe\xdd\x98\xae\xbb\xe4\xda\x19\x16\xd6\xd0\x10\xb7\xbb_\xec,&amp;\x1e1\xd6\xd3\xce\xcf;\xeb\x0b8\x11\x8c\x0b\x93b\xe3\xeb\xdf\xbd\x1a\x9b\xf6\xed\x86W\x8d\xe6D\xb4\x9e\xc2@\n-z}\xe8zm\xed*\xb4\x1a\xab\x89b\x83\xf3m\r\x0c\xa9^\xdf&gt;k\x9e\xc8\xc0Jp\x11\x02&gt;\x02\x99\xd6\xb1\xda`\xe5e#\x87\x7f\x0cC\xc4\x90od~\xad\x83\xf9\x9c8-\x84hm\xe7z\xec\x90\xd1\xf7w)\xc0\x96\x1c`\x0c\xd6\xebY\xd3\xe3Kv\x8c\x9cd\x88=1\xd1\xcb\x8a\x81\xf8\xd3|4\xbb\xb5e\x00\x95\x91\xc2\xd8\xffE\x82\xc7\xc0\x9b\x95w\xfaH=M\xe9\x19P*k\x0f,\x9c\xdb\x7f \xc4a\xcc\xb9\n\x9b\xef\xe5\xad\xba\xea9\xb1\xc7\xc4\x1c0#cR\xcb\xfc\xb0\xc6\xf1\xedPZ&gt;;\r\x1c\xc8=kH\x81K0\x182,B\xe8\x7f\xe3\x8a\x9c\xcd\xd14!\xba\xbb\x1e\x0f\x0b^\xe1\x81\xfa\xbf\x89\x0fM\x88j\x1bB&gt;a\xee\x88\xfe\xe1&amp;\xb1bI![$\x9d(\xbd\xee\xa8U\xd3n\xfcx\xde\xb1\xf1|\x0f\x18\xf8k{A\x11\xcfe\x85VY\x07\x01\xf5\xb4\xb9+\xf3\xbeT\x06\x85dG\xf8L\x19\x9b\xb34&lt;\xf1\xaa1\xbc\xdb!\x08\xcfo\xdbpV\x98\x13\xe5m]\xe4\xdc%L\xd5q\xac\xf0\xf6V;\xd47\x95\x1fx\xf7\x04\xbfi\x1e\xb3o\xfa\xb1Z\xbd\x94\xad\xf2\xdf-\xd7\x89n\xdf\xc7\x01K-|d\xc9-\x80\x0ea\xcbC|4\xdc\xec\x05\x9b\x1d\xddd\xe3U\x92Ig\xf9\x04\x86\xc9lD!\xbb\x04\xfav8\x033\x7f~s]\xe5;,J\xa6\x12\xf8\x1e\xfc\xe7\x11\x8c\x1c\xaeRoL\x19b\xc2\xac\xc7\x19\x1e&gt;b@\x89\xf1\x041\xbc\xd8\xfeu\xef\x7fas\x04\xaf\x0c\xc3\x07\xf0\x0c3G\x19\xec\xdb\xb3\xf0\x1a[\xcb4\xd0\x05\xe2\xd5;\xeaZ\xe9JS\xd4\xe8\x91a\xc5\x9f\xa8\xdb\x04\x9e\xe40\x9b2\xe2\xa6S'!\xcea\xdb\xb7\xcaI\xeeF\xd2\x11\xf1\xb0}a\xf3\xba\x1a\xd8\x14\xc8\x18i\xde\x16\x9f\xf5\r\xe1\x90v\x826e\xd9\xa5?\x00\x894\x05\xd9\xca6=X0\x17\xb8K\xbf*T\xb2\xa96v\x82 U\xb2\xd8?\xf7\x91\xd7\xc8\xd2\xe1\x8f%h}[\xccW\x9c\xc6bIT,\x9d{&amp;R\xe0\xda@\xfb\xd1\x82'm`\xbf3(\x98k\xdej\x8c2\xc0\xf4\xbe7\x11\xafrUTb\xef8IkM4=\xddb'X\xafv\x1d\x13\xb8^+J\x0c\x08\x03\xeej\xd9\xb1\xe7\xdf\x91\xcfo:p\xe9\xaeT\x82\xeb\xec%\x11nh\x02\x90\xc3\x90\xa6y\xe1\x17\xea\x15\x19Z,H\x0e\x84L\xd4\x9b(\xff((F\x8e\x93s\xe4\xf8-^\x96\xee-\x87\xacX9\xc6\xca\xf1r\xd2\xcf\x1b9\xca\xe7.A9`\xb3\x97]\x12t\xb6\x12}\xfd\x1a\xd9\x8d\x92R\r\xc8\x9f\xeeC\x8c\xed\xa0\x8dQ\xf26\xbf4\xd5-\x1a\xd6\x81\xdd\xa5 \xb2\xc3\xc0\xe3\x11\xdf\x1e\x93qs[m]\x96\xf1\x12\x878\xef\xe5\xe6\x88R\x0f\xaboC(\xe7\x01!\xdd\x1a\xc5\x00\xd8\xe6%\xd1q\xaar\x1b\x9bw\x19p\xe5\xf5\x1a\xb3\xae\xdc&lt;\xa0sq:\x80\x9cc\xa8\xc7\x1d\xee\x01\xa8c8Q\xf2\xc1Ga,=\x91\\\x06~l\x1a^\x96\xf5i\xd1\x0c\xd0\xeeY\xfc\x03=l0\xa0(\x9b{|\xc4\x8e\xfe\xe8\x16\x08l\xcf\xc2S\xce\xa4D\xaa\x1f\x8b\x80\xae\x02\xfa\xb2\xdfT\xd4\x8a\xc7\x99\x91\xf7\xfc[\xba\x86 \xd0\xfa\xef\r\xe4%\xc1b!V\xc9\x01\xa5\xa1\x9b\xf1\xcf\xd1\xaf\xc0|\x19r\x8d}\x9bYf\x00\xf7\xc0m\x12\xb3~Z\x8bp\xd9~\xa4*-\x869\x05\x8d\xcewt\x0b&gt;C6\xa9\xb8\x0f\xbdQ\xab\x1d\xf8's/\x8d\nu}\x00\xb5x\xd64\x92\x97\xb7Ya\x1b\xb8\xbc\xfe\t\x97\xff\xce\xd48\xe1\x95Y\xf3\xbd^\xa3o\xdc689#\x8b\x1d\x7f\x1eQ{Z\x18\n\x8bCuH#\x8f\xd5\xce\xbf\x08\xf3\xca\xa3f@\xd7i\xcd;\xebm?W\xdf\x86Z\xcb\x92\xe1\xcep^R\xad\xa8\xf5q~\x85\xcf\x03\xdd\xeb~"</t>
  </si>
  <si>
    <t>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</t>
  </si>
  <si>
    <t>b'm\xfd5mz\xdaL\x0b\xdb\x92iJ`w\x08\xcc'</t>
  </si>
  <si>
    <t>percent when you go to KleanKetoCoffee.com/10.â€
 That way, I can track how many visitors come to my link, and I get their
 email address before they go over to my store.
 I do this when I sponsor an Instagram influencer, too. Rather than pay the
 influencer to talk about us, and then hope and pray that we get sales, I tell
 them to send their followers to follow us on Instagram to get a discount.
 Then, we put a discount link in our Instagram bio or in a swipe-up story.
 Most companies just throw money at influencers and hope that it results in
 sales, but thatâ€™s a big mistake. Br</t>
  </si>
  <si>
    <t>b'4JD$\xe3\xfe\xeb\xa4hq\xe8\xfb\x88.$\xda\xb2H2S\xf3\xef\xff!\xe9D\xd7&amp;T\xe5\xfd\xf1\xdfQ\xe0\xa1\xc5:O\xd8\x10KC\x8d\xe6c`q4\x85\xeb\x97\xaf=]\xa4C\x05\xc8to\x92\x1c&lt;vf#\xf3\x98\x86\xfaB\xde\x8bvZ\xab\\9%\x04\x17N}\xc2\xc1\x07\x06\x83\x83\xf8\x8cqp\r\x9f\xdb\xcdm\xde1\xe3B\x80\xae\x07\xb3\xc9\xc5g\xaeq\xbf(!\x8bC\x8a\x92_\xe5\x94s\xed\xd6ex\xda\xfc5\xff}&lt;1\xd0\xeaI\xb0bH\xa2@H\x99\x0c\xe6\x11\xb3HP\x12\xa1\xe3\xda\xfeW?\xcf,\xc5h\xb07x\xf2o\xd1\x8b)il*,\xdf\xcdM\xc8\xd0\xccx\xd0\xe8-l\x1f\xe5eW\x99\xb7\xcfE\xe7\xac!v|\x89\x1e\xc2%\xacqUi\x19R\xcbSN\xab\xba\xd5\xc8(\xf2G-\xfb\xd4\x85\x02$v;\xc8\x9a\x91\xae\xe5B\x12\x8d\xd0\n\xd6\x17\x91\xfd\x15\xb9wu\x18].\xcb\x99\xec\xdc_U\x0c\xe5\r\xcc\xac\xeb\xf4*\x1f9,\t8\xc7\xaa\xf5\xf5mi\xe4H\xa0]\x1a\x0e\xcek\xf8\xef\xf9\xf4?\xe8\'\xb8\'\xe4\xe7\xdf\x03G\xc1is\xf7\xb6`UO\xaf\xec_C\xc0p\xf8\xa0\xe5\xed)\x8c\x17:\x83%u\xbeh\x15I/\x1d\xa2T\xad\x1a\x02\x8d\x8f\xad\xdb\xc4\xe1\x1a\x04.\xe7\xe39\xcf\x05b\x03y\xd6\x01\xd3\xf4\xf5\x01\x94Y\xbf\x9a\x93\xa2\xc1\x8e\xe4w- \xe1/\xa6\xe3\xd7\xb4\xed\\)\xd0\xb8\xf6\xa8_\xbf\xd3\xe6\x92\xca\xd8\x8cu\xe7P\xe4\x06\xde\xe2kH\x9b\xc5\xbe\x15.\x0f\x08\xc5D\xb1\xa9\xff\xe1\x88\x92/`\xa5|#\x96\x81\xd8ks\x9b\x87\x1e\xcf\xf0\xff6\x8b\xed\xfc\x93\x16\xd5\xd4&amp;\xc5\xd0\xdf\xe9?5\x8b5\xff\xe2\xafMM\xa3\xd4\x180\xaar\x84\xa7\x15PR\xee\xf0_\x84\xb1\xf8\xcf\xdc\xa7Y\xcc^\xea4\xea\x8c\x91!\xd2|\xb8\xcd\x02C61\xac\x8b\xcaC\x8e\xd2\xf0s\x842#\xe8\xff\x16I#c"\x84\xd2;\x1e\x9az\x98a\xd4\xc1\x95\xec\x98\x9c\xfa\x01\xc6G\xff\x19\x82"\'\xd4\xef\xf2\xfe\xf5\xdcZ5\xabK\xa0\x16)\';\xeb\xdf\xdd\x00\xb7\xf4\x0c\xe2\xd2\x124\xa9n&amp;\xd0\x03?\xd9{-\xd8*\xe6k\xf3Y\xe2\xce\xae\xd7\xdd)M=\xef\x01K\x9d\xbf\xef\xc1\x94\xc38'</t>
  </si>
  <si>
    <t>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</t>
  </si>
  <si>
    <t>b'4JD$\xe3\xfe\xeb\xa4hq\xe8\xfb\x88.$\xda'</t>
  </si>
  <si>
    <t>3.112)
 because C1 = C2. In other words, VX and Vout begin from zero, remain equal, and vary
 sinusoidally but with an amplitude equal to Vp/2. Thus, from t1 to t2, a change of 2Vp in Vin
 appears as a change equal to Vp in VX and Vout. Note at t = t2, the voltage acrossC1 is zero
 because both Vin and Vout are equal to +Vp.
 What happens after t = t2? Since Vin begins to fall and tends to draw charge from C1,
 D2 turns off, maintaining Vout at +Vp. The reader may wonder if something is wrong here;
 19As always, the reader is encouraged to assume otherwise (i.e., D1 remains off) and arrive at a
 conflicting result.
 3.5 Applications of Diodes 109
 Did you know?
 Doublers are often used to generate larger dc volt_x0002_ages than the systemâ€™s power supply can provide.
 For example, a â€œphotomultiplierâ€ requires a supply
 voltage of 1000 to 2000 V to accelerate elec_x0002_trons and, through a process called â€œsecondary
 emission,â€ amplify the number of photons. In this
 case, we begin with a line voltage of 110 V or 220 V
 and employ a cascade of voltage doublers to reach
 the necessary value. Photomultipliers find appli_x0002_cation in many fields, including astronomy, high_x0002_energy physics, and medicine. For example, blood
 cells are counted under low light level conditions
 with the aid of photomultipliers.
 our objective was to generate an output
 equal to 2Vp rather than Vp. But again, pa_x0002_tience is a virtue and we must continue the
 transient analysis. For t &gt; t2, both D1 and
 D2 are off, and each capacitor holds a con_x0002_stant voltage. Since the voltage across C1
 is zero, VX = Vin, falling to zero at t = t3.
 At this point, D1 turns on again, allowing
 C1 to charge to âˆ’Vp at t = t4. As Vin be_x0002_gins to rise again, D1 turns off and D2 re_x0002_mains off because VX = 0 and Vout = +Vp.
 Now, with the right plate of C1 floating, VX
 tracks the change at the input, reaching +Vp
 as Vin goes from âˆ’Vp to 0. Thus, D2 turns
 on at t = t5, forming a capacitive divider
 again. After this time, the output change is
 equal to half of the input change, i.e., Vout increases from +Vp to +Vp + Vp/2 as Vin goes
 from 0 to +Vp. The output has now reached 3Vp/2.
 As is evident from the foregoing analysis, the output continues to rise by Vp, Vp/2,
 Vp/4, etc., in each input cycle, approaching a final value of
 Vout = Vp
 _x0003_
 1 +
 1
 2 +
 1
 4 +Â·Â·Â·_x0004_
 (3.113)
 = Vp
 1 âˆ’ 1
 2
 (3.114)
 = 2Vp. (3.115)
 The reader is encouraged to continue the analysis for a few more cycles and verify this
 trend.
 Example
 3.36
 Sketch the current through D1 in the doubler circuit as function of time.
 Solution Using the diagram in Fig. 3.58(a), noting that D1 and C1 carry equal currents when
 D1 is forward biased, and writing the current as ID1 = âˆ’C1dVin/dt, we construct
 the plot shown in Fig. 3.58(b).20 For 0 &lt; t &lt; t1, D1 conducts and the peak cur_x0002_rent corresponds to the maximum slope of Vin, i.e., immediately after t = 0. From
 t = t1 to t = t3, the diode remains off, repeating the same behavior in subsequent
 cycles.
 Exercise Plot the current through D2 in the above example as a function of time.
 20As usual, ID1 denotes the current flowing from the anode to the cathode.
 110 Chapter 3 Diode Models and Circuits
 t
 t
 Vin
 t
 Vin
 C1
 C2
 C
 Vin
 1
 C2
 Vin
 C1
 C2 Vp
 Vin
 C1
 C2
 2 t 3
 t 4
 in
 C1
 C2
 V
 1 t 5
 t
 t t 2 t 3
 t 1 4
 I D1
 Figure 3.58 Diode current in a voltage doubler.
 3.5.5 Diodes as Level Shifters and Switchesâˆ—
 In the design of electronic circuits, we may need to shift the average level of a signal up or
 down because the su</t>
  </si>
  <si>
    <t>b'\xff!N\x17\xb8\x06\xf8u\x85\xb8\xcdzp\xf9\x00M'</t>
  </si>
  <si>
    <t>ff214e17b806f87585b8cd7a70f9004d</t>
  </si>
  <si>
    <t>his life,
Galen composed a descriptive catalog of what he had written, On His Own Books, and
a companion volume, On the Order of His Own Books, explaining the order in which
readers at varying degrees of medical sophistication, especially in anatomy, should
approach them. Galen, however, neglected to mention a number of works he thought
lost, and the ninth-century Arabic translator of Galen, Hunain ibn Ishaq, listed 50
works known to him in Baghdad that Galen had omitted from his catalogue. The
standard edition of Galenâ€™s works by C. G. KuÂ¨hn runs to some 16,000 pages, but in
the nearly two centuries since it was printed in the 1830s, discoveries of works by
Galen previously thought lost have been made, especially in translations into Arabic,
Syriac, Armenian, Hebrew, or Latin, increasing the number of pages by at least one
quarter (Nutton 2002: vii). Galen dominated the medicine of the Greek-speaking
east for the next millennium, as the number of languages into which his works were
translated makes clear. The breadth of his learning and his passion for anatomy
resulted in a medical system whose conservative teleology appealed to learne</t>
  </si>
  <si>
    <t>b'\x9d)\xd6\r\x00X\xb3\xe4\x04.Xsq\xde\x01~\xda\xc4\x0cq\x03\xef\nJ8\xa8\x08\x7f\xd3\xe6\x86\xbf\xb5eNw}\x96\xc2\xb1\xa5\xf8\xe5r\xd0\xa8;\x00\xdfw\xe4@\xe3\x18l&gt;\x87U\xc2\xcb\x00\x05U\xaaC\xb7\xae\x1db\x147\x88b\x85\xf7\xf3\xdf\xfb\x8a0\xdcvJ\xbe\xeb"o\x0c\xcde\x896\x7fY\x7f\xd2e\x8aq\xdc\xe1\rV\'\xec\xac\xd4\xc2w\xa2L&lt;\xc6\x8b\xfb\xe7{\x86\xf2\xd2+\x05\x98\xa5\x8d\xb4\xc2!\xf6\xb3\xa4\xb3\xf4\xf8\x1a\x06\xc1\xac\x97\x89\x91\x06\x93\xc6\xabN\x05$\x9ay\x1ayA\xac\x16\xebp1g7\x8ej\x8dtmk\xf9ZA^\xf0\xfe\xad\xaa\x7f\x98\x8fY\xe8\x8a\x94dP\x7f\xe0Y\x0f\xa4\xd6\x11\x1ffF\x14T\xa8I\xa5\x8d\xd6\x7f/V\xc9\xef\xf7]\xf7#\xca\x18\xae\x86\xce\xfdmy\xa2\xf7E\\\xff\xbb\x06)\xf8\x05\x8b%D\x91\xc0\xbf_|&amp;\xa5\x9e\xaa\xf7\xf5\'\'f\\xR\xfc\x89%\xe6u\xfa\xc3\xcd\xaa\xe9\xab\x99\x14d\xea\x95X\x17\xe3p\xebP(v\x98\xb11(\xf74C3\to\xa4"\xa9 \x10\x980\xf4\xcd\x0b\xd3\x93z\x9e\xb2(\xd6\xb9\xffJ\xa7\xdc\'\x03\xa3\xca\x0e\xa0 \t\x81\xe7\xd9\x17\x97\xa5\xc1H\xcd\xb6\xfaF\xcd\xd7i\xcd\xd5\xf5\xd1\xcc\xae\xc5\xe4\xe2\xe4\xacbc &amp;\xc8\x11\x88V\xa1\xee)\x87n\xea\x04\xb6`\x01\x12&gt;\xc3ZP\x19-\x94w\xb7HM\xb2z\xd4\x1c\xd0J\xb5\xb9^\xf4Bl3\x0b\xe3\x87\xdb\x9f\x9a\t\x0b&gt;\xf2\xefl\xdd\x99\xad\x05\xed-:\x7f\xdc\x02FW\x02(\xc9\x16\xff7\x90\xcd\xba\x81\xe35\xd7V&gt;\xfaa\xa4\x1e\x7f\xa0\xed\xa6\x9a\x97\xc4\xfd\x89\xf5\x87\x116\xe5O\x11\xb6\xb1;\xa3\x7f\x0f\x1c\x8b\xa0h\xea\x02p\xa6N)nO:\x0b\x84\xc1tg\x19prS\x17\xdc\xf7\xf86\x08Ib\xa9\xb6xW_\xbb\xdd\x0f\xbau2\xeb\xabX\xe43\x949%\xe4\xfab\x11\x80\x05\x81\t\xa4\xaas8s\r#\x93\x19\x8e\x8d\xc1\x14\xa3\xbf\xe8X\xd9\xd8n\xae\x0c\xeb\xbf\xe6\xf7H^\xbf\xd2eZv\xce\x9e\x84\xb4\x95\xa8\xf5k\xd4\x90\xea\x95\xc0\xaaf\xf1\xdf\xedNfu\xa8\xd4\x95\xad\xc8kL\x14\xc8G\xf1\xc6|\xf2\xd2[O\xf1F&amp;\xff9y\x99"\xe9\t\x96r\xa5\xd69B\xb2}\x94\xeb\xe4\xcd".\xac\xa0\xc3\xaa\xa1\xb1\x86}y\xa2|\xe4\x87\xad\r\x8etc\r\x84\xd1D\xb7\xcc\x88?\xf9u\x97\xc09FJ\x1d\x10jP$+"\x07\xcd+\xe5\xb1\xd8\x12n\x8f\xa9\xf2U\x0e\xd8d\xe7\xbcqF*\x15}0l4\xab\xdd\xa1T?}\x9c\x12\x18\xab\xc6\x87(\x13o\x0b\xc3\xe7\xcb\xc2\xd2@ \xc4\xc1\xa9C\xf5\x90\xc18\x9b\xc0\xcfO\xc6\xed)\x90\x99\x05\x90\x9a\xfaT\xf9nTv\xebT\xa5&gt;\xe4\xa8I\x90_c\xf6\xe2\xa1/\xac\xb8\xd3\x8f\xb8\xd5?/\xf3\x17\xe7\xb2\xd5\xee\x06\x908M\x1b\tEz\x81qS\xa7\x9e\xe9\xea\x9ax&lt;\xba\xafc\xa9\xeb?\x05$)\x065\xa6?\xf4\x03\xe9\x1biiY\xb8QE\xf87\x90W?&gt;\xbas\xbd\xb2\xe53\x7f\x03K\x8a\x96\x97\xecH\xa1Q\x13\xca\x1a\x12\xcc4\xd64\xc6\xa2w\xcd\xf2\rN\xa6z\xad8\x0f\xafc\x05mw\nZX\xd6\xac\x90\x0e%\xcfe\xb4\xf6\x11F\x9a\x19\xd4\xf0\x9e\xbb}P\xf4\x18"\x03\x9c\xf1\xfb\xc4F\xbbq\xee\xbce\xc9X\x98\xf2j\xe3p\x8c3\xbb\xfe\x9c\xd6\xc9,\x01\x9f\xd6%d\x98\xcbGG^\xbd\x91\xaa\xe0\xc9D\xdc\x03{r\xa4\x83\x18e\xca\xfa\xcba\x95\xac\x88\xa6),\xb8\x92\xae\xf5=~f\x14\xc6\xf9\xc6A-.\x85u\xba\x87\xe8\x15v\x8a\x12\x82\x19\xe3+\x9d\x98D\xb0\xc92Z\xcfT\t+\xa8[d\n\x1e\xf4\x9d&gt;[\xe1\xb7\xec~\xe3\r\x8d\xc4;\xb2\x0b\x91K\xe8\xa5oUk\xbf\xba\xb1]\xab\xad\x9fq;\xae\x1c\x0b\x0fF:\xcfMY\x9b9B\xf6\xe1\xa0;\x16\\84\xa1\xd6\'B\x19ZN(\xdc\x94\xd1\x87h\x97i#qx\x83\x014\x91\x8e\xa2A:\xa8Fgb\x99\xe1\xcc\xa7HF\xb56\x85E\xe1(J5\xd2\x0fJ\xb50b\xdf\x0c\x12\x11o1\xf4(/\xda\xd5\xa9Oq\tQ$U\xa9\xaa\x98\xf7P\xfa\x04\x9d\xdc\xb0\x04\xe7\x1c\xdfa\xe8\x9c\xbd\xc8P\xc4_\x94\x1fv6!\x0c\x7f\x8c %\xe7[\xcbP@V[U\xe0\xcb7\x84\xf0\\\n\xddeE\xf8\x90e\x89\xcf[\rH*ma\x8e\xf1\x93\xf2\xbdn\xb4\xde+s\xc0=O\x0e:\xc6\x0ek9\x92\x7f-\xff1I\xaa\xde\xc7\xfa\xda\xbb-g\xad\xde`\xb2\x00\x1f\xbb\xb5\xe7Q\xf0\x0eD\xe6.\'\'\xf9es*\x16'</t>
  </si>
  <si>
    <t>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</t>
  </si>
  <si>
    <t>b'\x9d)\xd6\r\x00X\xb3\xe4\x04.Xsq\xde\x01~'</t>
  </si>
  <si>
    <t>boat of scarcely twenty tons on so long a voyage at
 this time of year. Besides, we could not reach Yokohama in
 time, for it is sixteen hundred and sixty miles from Hong Kong.â€
 â€œOnly sixteen hundred,â€ said Mr. Fogg. â€œItâ€™s the same thing.â€
 Fix breathed more freely.
 â€œBut,â€ added the pilot, â€œit might be arranged another way.â€
 Fix ceased to breathe at all. â€œHow?â€ asked Mr. Fogg.
 â€œBy going to Nagasaki, at the extreme south of Japan, or even
 to Shanghai, which is only eight hundred miles from here. In
 going to Shanghai we should not be forced to sail wide of the
 Chinese coast, which would be a great advantage, as the
 currents run northward, and would aid us.
 â€œPilot,â€ said Mr. Fogg, â€œI must take the American steamer at
 Yokohama, and not at Shanghai or Nagasaki.â€
 â€œWhy not?â€ returned the pilot. â€œThe San Francisco steamer does
 not start from Yokohama. It puts in at Yokohama and
 Nagasaki, but it starts from Shanghai.â€
 â€œYou are sure of that?â€ â€œPerfectly.â€
 â€œAnd when does the boat leave Shanghai?â€
 163
 â€œOn the 11th, at seven in the evening. We have, therefore, four
 days before us, that is ninety-six hours; and in that time, if we
 had good luck and a south-west wind, and the sea was calm,
 we could make those eight hundred miles to Shanghai.â€
 â€œAnd you could goâ€”â€
 â€œIn an hour; as soon as provisions could be got aboard and the
 sails put up.â€
 â€œIt is a bargain. Are you the master of the boat?â€ â€œYes; John
 Bunsby, master of the Tankadere.â€ â€œWould you like some
 earnest-money?â€
 â€œIf it would not put your honour outâ€”â€
 â€œHere are two hundred pounds on account. Sir,â€ added Phileas
 Fogg, turning to Fix, â€œif you would like to take advantageâ€”â€
 â€œThanks, sir; I was about to ask the favour.â€ â€œVery well. In half
 an hour we shall go on board.â€
 â€œBut poor Passepartout?â€ urged Aouda, who was much
 disturbed by the servantâ€™s disappearance.
 â€œI shall do all I can to find him,â€ replied Phileas Fogg.
 While Fix, in a feverish, nervous state, repaired to the pilot-boat,
 the others directed their course to the police- station at Hong
 Kong. Phileas Fogg there gave Passepartoutâ€™s description, and
 164
 left a sum of money to be spent in the search for him. The same
 formalities having been gone through at the French consulate,
 and the palanquin having stopped at the hotel for the luggage,
 which had been sent back there, they returned to the wharf.
 It was now three oâ€™clock; and pilot-boat No. 43, with its crew on
 board, and its provisions stored away, was ready for departure.
 The Tankadere was a neat little craft of twenty tons, as
 gracefully built as if she were a racing yacht. Her shining copper
 sheathing, her galvanized iron-work, her deck, white as ivory,
 betrayed the pride taken by John Bunsby in making her
 presentable. Her two masts leaned a trifle backward; she
 carried brigantine, foresail, storm-jib, and standing-jib, and was
 well rigged for running before the wind; and she seemed
 capable of brisk speed, which, indeed, she had already proved
 by gaining several prizes in pilot-boat races. The crew of the
 Tankadere was composed of John Bunsby, the master, and four
 hardy mariners, who were familiar with the Chinese seas. John
 Bunsby himself, a man of forty-five or thereabouts, vigorous,
 sunburnt, with a sprightly expression of the eye, and energetic
 and self-reliant countenance, would have inspired confidence in
 the most timid.
 Phileas Fogg and Aouda went on board, where they found Fix
 already in</t>
  </si>
  <si>
    <t>b'&gt;\x8fb_\xb6P\x9e\x00Y\xa6E\x8d\x06g\x10\xe9\xfdM5\x99Wh\xfc\xa5\xf1\\\t\x07\xb0\xc90\x84'</t>
  </si>
  <si>
    <t>3e8f625fb6509e0059a6458d066710e9fd4d35995768fca5f15c0907b0c93084</t>
  </si>
  <si>
    <t>b'&gt;\x8fb_\xb6P\x9e\x00Y\xa6E\x8d\x06g\x10\xe9'</t>
  </si>
  <si>
    <t>onfiguration)
The common collector circuit arrangement for npn transistor and pnp transistor is shown in fig. (a) and (b) respectively. In this case, the input is connected between base and collector while output is taken across emitter and collector. Thus the collector of the transistor is common to both input and output circuit and hence the name common collector connection or common collector configuration.
Current Amplification Factor (Gama)
The ratio of output to input current is known as current amplification factor. In a common collector connection the output current is emitter current Ie whereas the input current is base current Ib.
Thus the ratio of change in emitter current to the change in base current is known as current amplification factor of transistor in common collector configuration. It is generally represented by Greek letter (Gama).
4.4 Characteristics and Transistor Parameters for CB, CE, CC Configuration
(i) Characteristics of Common Base (CB) Configuration
To determine the characteristics of a transistor in cb configuration, the circuit is arranged as shown in fig.5(a) The emitter to base voltage VCB can be varied by adjusting the potentiometer R1. A series resistor Rs is inserted in the emitter circuit to limit th emitter current Ie otherwise the value of Ie may change to a large value even if the setting of potentiometer R1 is changed slightly.
The collector voltage can be varied by adjusting the setting of potentiometer R2. For different settings, the current and voltages are read from the milliammeters and voltmeter connected in the circuit.
1. Input Characteristics
In cb configuration the curve plotted between emitter current Ie and the emitter base voltage VEB at constant collector base voltage VCB is called input characteristics.
A number of characteristics curves can be plotted for different settings of VCB. Fig.6 shows the input characteristics of a typical pnp transistor in common base configuration.
 80
                 The following points may be noted from these characteristics:
Figure-6
(i) For a particular value of Vcb the curve is just like a diode characteristic in the forward region. In fact here the pn emitter junction is forward biased.
(ii) When Vcb is increased the value Ie increase slightly for the given value of Veb. Hence the junction becomes a better diode. It also reveals that emitter current and hence collector current is almost independent of collector base voltage Vcb.
(iii) The emitter current Ie increase rapidly wth a small increase in emitter base voltage Veb. It shows that input resistance is very small.
1. (a) Input Resistance
The ratio of change in emitter base voltage (delta Veb) to the</t>
  </si>
  <si>
    <t>b'8\x1b\x05\t\x18\xe5^\xce\x93v6%)\x83\xd3\xe3K\xbcyf\xad\xfc\xf6zH\x10;V\xa3"K\xffQ@^\xb2\xbf\xff\xc9\x8e&amp;\xb0\xf3+2&amp; (\xa7ZD\x08\x93\xa6 \xa5\x89/\xac\xcd\xfe!\x05jb?zo=}y\x17c{\x83\x8f\x88R\x93\xf70\xa3\x88\x89^\xba\x0f\xd4\x05\xd1\x1fJ\xafFE}\xe9V\xc8eB\x9c\xd5\x1cdV`\xaa?,\xc5\xaa\x0e\xa92\xba\xab\r"\xcfU?\xb2\xb2\'x\xdb\xf6\xd6\x9c\x9ec\xcch~\x006\xd2dn\xfc\x06\x0f\x8c{:\xfe\x86\xd2\xe7x\x80V\xee\xe8!\x1c~\xd2!\x01k\xf4@\xb1@X)\xc6Z\x00\x01-\xdc7g\xacM=k;1z\xc1&amp;\xe1\xdf\x8eeb+M!:$\xb7\xb0\x8a\xed\xeb\xb4\x9d\xd5\x0e\xd4\xbcfn\xaen\xe3\x0cR\x03\xba\xcb\xa3\t,P\\\xf5SF\x13\xe0\xd2\xe0YSeW\x85\xe74\n\x0f4}\xe0\x03c\xc8\x86\xfe\x07\n"\x1bd&gt;@\x15\xdc\x9a\xe0\x11R\x00\xe1.\x08j\xfc\x8f$J\xc7\x19Q\t\xa6\xd5\xad\xac\xf1\xd3h\x9f\xb1\xe75=C\xb2\xe4!l\xda\xd6\xf4\x08\x9f\xf8\x1eI\x82\xe4J\x9b\xb7\xf7\x8b2\x02\xb6\xf4t\x1aDz\x7f\x0f\xbc\xaa\xc9+\xf6\x0b\xa2M\xa20/\xab\x125\x96\x99\xebM\x01\xb1tF\x96\xb7\xb7\xb8\xdd\x10\x96?up\x9d\xd7\xba\xd1\xe8]\x9e \xde;P\xb9\xc1\xcc\xff\x95\xdb]\xe5v\xb4\xc1a\xd6\xb8\n\x05\x14\xd3\x0e\xb5\xd8\xe7U4\xf2\xe5\xc90\xf7\xaf\x92 \xfc\xa4\xae3rZ\xe6\t|\xdaQJK\x8c\xac\'\x8d\xb7Y\xe9\xc9W \x87xw[\x1d:\x8a&gt;\xb5\xa0\x88\xf3\xc0\x90\x1c\x0f\xb2\xf63m\xb2\x80&amp;\x97\xb6\xf9\x89\xfd\xb6\x8b\x94\x8a\x9f\x14N\n;S a\x08\x00\xcd\xdar\x99[o\x94$\x97\xd5\x7f\rN\xdf\x12\x0b\x7fX\xe8?\xcc\xf8\xa44\xdamt\xc8\xf5\xf7\xde\xde\x9d2\tu\x87\xf1\xac\x8e\x90\xdc~\x8e2\xd0+\x93n\xe4s\xd4\x1f\xed\xf8n?\xac1\\\xaa\xcd\xb5v4\xf0h\xce\x94\x0b\xdcz\xc6]/th\x83\\6\x80\xd3\x16\x81r\x9fO\x12\xb8#\xeb\x18\xd2\xc4\x883\xea\x9bw\xf4\xa01\xc8U\x9e\x7f\xc1,Zk\x8b5j\xd9[;(~|\xbc\xd8`\xf2\x89\xa2F\x82\x04\xc6\xa4N6D\xc6\x8c8\xeb\xff\xb8\xa0dk\\\x9c7\x8e\xd7\x12\xd3W\x88N\xb1\xfcO\xd1\x19\r\xc4\xdc\x02\xea\xa1|\xb9 \x86&gt;\x05\xc7\xd0\xc3J=G\xa7g\xadY\x8ed9\x08\x95:\xbb\xc4\x0f\\\x02\xe3v\xc5\xf6,\xe9\x8er\xee\xe8\xc2\'&amp;,\xfe\xe6\x8f\x83\xfb$\x11\x9dS\xc6}\xeb}\xf1\x10\x97g\xcaT\xbe\xd4\x14?\x10\xfb4\x16\x02 \x8d\x91\xd2\xc1\xf23,\xfc\x8b\xa45\xf8\xddM\x08\xd9HS\x1cq\xa41\x00j\xe0\xf8\t\xcbv?\x03\xb6Ct\x08\xbc\x92j/i\xfd\xcd%#\x9c\x1d\x06\xb7\x81\xd2/\xab[\x8c\xbb!z\x80\xc1~\x83\x9b\xd8;\xe7\xf9\xfcu\x13\xa4\x86\xa2x-\xecTh\xcaA\xc7\r\xbc\x14\xb9\xcb+\x1a\xf1\xd4\x8aI[\xf3PSwJ\xa0@\x03n\x0b\xddk\x1bH4\x969\x06\xe9\xe5.a\xc2\xd1\x8b\xef\xb80\xbe\xff^\xea\x85\xb4\x848\xac=\xdd\x8cGA\xad\x0c\xd5\x1d\xc6\x1f\xb8\x97\x891\x92\x94&amp;\x1c\xd0\x8a\x1a\x90\xbc&lt;X\x88hs\x07\xa1\\d\x18\x1eu\xab\xd4!\xc8g\xa1dIJi\xe5r\x18V\x7f1\xaa\xa5i\x15\x81#\t\xe5|\x91F\r\x146a\xeac\xfc\x0b\x81\xd8\n\xdb\t\x06\x1f\xd8\xfe\n\xe5\xd4\x95\x1e\xea\x87S\xaa\x8c@\xce\xd5/\xfe\xd3\xb8\xe5P^\xdal\xbb\xcf\x1b\x1b3w\xf9\xf4\x19n\xa2\x0b\xf4G\xcd\xe4\x8cn\xd03\x8f\x93\x13\x8dJ\xd9*\x03l+;\xfc\xdd\xfb\x9d\t\x17\xca=.\xd3.\xa4l\xc99\xfa\xa9\xe9\x9a\x87\xa4\xa62\x83fK\xfcvC\xb1\xfdJY\xd7\x85\x19F\x87\x10\x9d&lt;\xe2\x8dr\xa9\x14\xacG\xe3\xc1\xd1\xd9c\x02\x8e\x86\xa1\xffJ\xcf0P\xde\x8a\xca+o\x0b\xaa\xbc\xd7\xa1\xc1o7ccM]joN\xa0\xe2\xefc\x9f\x9b\xfb\xd7\xf2.\xf2U\xf87\xd4\xc7wk\x00\xf3vS\xf9\xa2u_D\xa1\x1bb\x11\xf2c\xf7\xd2\x0b\r\x92`Ei\xc9\xdb"\xe2xD\x0e/\xd4O\xfe/\xab\xb2d(\x8c\xf96K\x8a\x15[\x84~@\x87\x89\ry\x94"~\x1f\x97\xe6\xb6\xc6:R\x9f\xac\xc8l\x1f\x04\xeb\xb5\xef\x04\xd1\xd0\xa1\x89\x98\ne\xfa\xe7\x84\x17\xff\x0e_\xb3\xd6\x8ctZ\xe4\x12\xb7\x07\xfd\x14\x81;B{*\xc8\xe3t42N\xdajdL{,\x0f6\xca`\xbc\x1a\xdf\xafc\xd0\x85O]vs\'a\x07/I{E\xed\xef\xfa\xdf\xb9L\x91@\x13\x87\xf2q\xbf\xfe\x8aT\x10\xc3\xbe\x84\xc2\xa4n?j\xe8R\x94M\xbb\x8b\xfej\x97\xd0*#\x1a\xcd\x15\x18m\nTz-\xc2\x837&lt;\xfe/\x8eE1\x05\x97x\xd8\xd7\x8d@\xcc\xef\x1a\xc3\xe4\xf2YQl\x86d \x95\xf6\xd8\xacM\x15\xd8\xddP`\tG\x08\x13xS\x01w\x03\x18\xce\xac$\x84\xc1\xb7Krg\x1b7\x1f\xbc\x06)\xc8\x8c\x97\x14\xde9\xb9s-\x19\xbe\xda\xc1\xff\x9f\xafoQ\xc2\xc9\xa4\x11\x17\xf7fhL\x864\xfe@q\xad#DQ\xa9\x87\xc6\xabjB(\x19\xe2\x18\xd0\x8d\xef&lt;r\x19\xd7t\xfc\xf2/\xec\x7f\x10\xc3\\\xdbr289\xd4\xf7\xb1\xf0|W\xdek\x91\xd5\x15(\xd0\x1a\xf1\x1c\x14\x84\x1c\xc7\x0f\xc1\x9b\x0c\x18\xb3E\x9b\\\xc9\x1c\xb4\xce\xb5g\xf1\xad\x1a\x8e\x84\x1e\xae\xa5\x05i\xb7\xaf\xbd+"\x81\xc61\x8a\x97d\xa2[\xebPz\x17\x01p\x04p\x199\x02\xeeG}#\x9e\xae\x17\xd1\xd2\x14\xdbG\x13\xf6D\x95)\xe7\xe6\x82]8\xa6\x82\xad\x04`m]\xd7=A\xbedl\x10VE\xeby\xceMzv\xbfuV\x90\xf0Q\x97\x82\xc9v\x9c\x11rH\xece\xdc@\xcaC\xb7\xb4\xf2Q\xb6\xbd%\x92\n\x04\x02\x1bT\xf1\xfd$6^\x94c\xae\xd8\x00&gt;\xf2\tB\xbeD\x1b\x10\xc3\xc3\x9e\xc5\x92\xed1\xfa\x1e\x92\xca\x08L\xbfU\xc7b\x84c\xc8\xcc\xf2\xd9\xe0\xa2-d-$\xa6\x94\xee\xfc\x86\xf9\xc71\x8e\x1f\xc7\x86\rk\xce\r\xc6\xf4\xcc\xd1@&lt;m6hL\xda\x80\x19\xb4\x14Z\x0c#\xf8\xfd8\xe6t\xcd\xc1\x89\xde\xc0$\xea\xd6\x02pZ\xa0*\xa8\x10\x1ar\x99\x7f\xedj\x07\xa8\xb3\x81~\x85mE\xba\x82\xe7n;\xaf\xa6=G\x91\xfa\xf4\xa8.\x00\xbf\x8b\tB|\xebZ\x11\xf6\xf2\\\x06]\xf7-;\xd3\xcd\xfdh\xf4\xbf\xb8\xd4\xf6\x04\x0f\xdf\x1e\x87*O\xaa\x8d$\x9aJ\xba\xf6\x96\xc8%\xd6e\xcd\x862\x80\x89\xe9J\xbb\xe9\x16e(!\xca\x17i\xc2\'\xb2\xb4=#\xa0\xf1\x12\x1f]\xaeG\x0e\xce\\C\xcf^U\xacm\x7fe\xc7%V]\xe9\xd71\xf3X\xc1\xd5\xdf\xbd\xc1\x1am\x1c\xab\xac\x07\x8c\xde\x80\xc9\xf2\x8d`\xec}^\xcc\x1fw\xa9\x14e\xe7\x06\xbe\x18\x82\xf0\xcbr\x00\x8f\xdaG\xfe\x9d\x85\x0fI\xfe\xdd\xfb\xd7\xc0\xa8\x8f2\xc1\x82\xe6\x9a\r\xb6a\xf5\x99!\xd4\xdc\x83K{\xa9\xa5\xe9\x80\x7fA\xf8NW\xe2;z\xd0l&gt;\xb8\xd7\xd9\xe3\xc5\xf0\xd6\xd51\t\x9e\xdd7\x0e\xb0G\xbf\xa3\x16\x86\xf6u\xf7\xc4\r\xcc\xcc\xbc\x84|\\\x86\xa0~\x9dP\xd7H\x14t\xfd3\xcfB\xf8\xff\x06\x124g\x8eH\xd2B\\w\xa5\x81\n{\xc3\xe9\xa7\x9a\xd5y\xfb/\xa48\x19o^\x80|R\x8d\xd1\x17\xcf\x9e\x9d\x17\xb7\xd7\xf8\xe8\xf7\xa1{` \xec\x18`@q\xd2\xc9\x15t\x8b6\xaf\x11\xd5\xb9*\x9e*(\xd1~\xcb\xc6\xa3j\xbb7\xf3\x9ed\xc5\xd3\xc2\xc3\x84\x99\xd2\x0c\xc2v\x13X6\x97\x87\xf6(J\x930\xd8\x07m\x0e\xf7\xc1\xaf\xe4\x1eZ\xb7r\x85\x1f[\x86i\x85mf\xaf\xa5X\xd0\xbd\x92\xb7\x99[\xef\x0b$\xd2\xd0(\n\xeec\xa4\xab\xd0\x7f\x14\xc0$`\xa7Z\xdf\x07]\x17\x87f\xf3W@\xfb\xcc\xbeEB\x99s\x8f\xc2\xad\xcd\x02Hm\xb4\xf0\xb6P\xd5\xebFD\xc9\xe1\x97\x99\x99\xae\xfc\xe2\xfcYHf\xc0\xee\xcd\x06|\xa3\xf7F\\\xe7L\xca\x04\x95\xc3\xaf\xed\x92\xe5\t\x94d\xa1\x1c\x9dEh\x07\xc3g\xd0\x93\xb4\xc8\x8b\xd1\xa8\x13\xf31\x17\xce\xf6\xce\xad/F\xac\xb1\x13`|R\'\xd6\x82\xf8\xc0\xcaV\xbe\x96\x13R\x19s\xc0Q\xeb\xf6N"\xce\x8f\xfcBJ\x13\x83\xa28\xc9\xadx\xf0\xd8\x1f\xaf\x06\x99\x1c\\\xda*\x87\x94\xba\xc8\x08\xa4\x0c\xf1\x0b\xfb W_\xf0\xac\xed\'\x8bRM\x90T\rf\x1e\xd3\xad\xa8/v\x88+\x18\xccPF\xaf\xea\xe4\x15\n\xef@CS\xe1\xcd\xfb\xaa\x18\xad\x1dA\xb0\x03\x83^]7\xcb\xfc\xb3N#\xbf\xcf@(\xa1\xa2\x03j\xa9\x12\x15q\xa7x\xefh\x98\x7f\x82,\xa5\xc5\xfdh\xb7\x08\xf7z\xca\x9e\xd4\xaeC\x17\x18h\xd9\xe1:\x97F\x11nb\xab\x11\xfeI\x896\x9f\xfd\xa8\x8b\x92\x16\x12\x91k\xec\x8b\nW\x9a\x86\xc5\x1bS\x10\xac\x03\xbc\x05h((\xd7\x14\x8a\xbf\xe6\xbak\xff\xafW&amp;\xb8&lt;\x19\xe8\x00v\xfc,~\xd2\xec\x17\xc1h\xcdD\xf5$\x95c\xe6\x85^\xdb\xaaj\xf7\xfe%\xd9\x92\xda\x82\xca]\x11W\x1fn\xfb\xb1\xee\x07\xde\x86\xbc\x9c9\x17:\x02\x9b\x01jZQ\xa1\xed\x11\x93E\x17\xdf\x87\x97\xc4Q\x83gHy\xd4#\x11\xd9\x90\xe9n"\xb9\xa5\x1cN\xa7\x9e\x05\xc4\xc9\xd7\x9d\xe5Hx\x04\xd7\x90\xb0\xd8\x99\x9b\xe9\x9att\xdf`\xcb\x00\x0f\xce\xed\x11\xfa+\xf4,\xcf\xb6l:\x1fW\xcdr \xaf\x8e\x01.a\xb6\xb4\xe8\xcenZQd\xe3 \xb0\x8a\x02"\nO35X\x8a\x90\x06\x07D\xf9\xc3\x87\xb9\x1c\x1b\xcavR\xadE\x1e\x9d\xf5\t\xc0\x81\x0e!\xed\xf2\x8a\xb5\xc0\x180\x0b\x01S\xa2Xi\xaa \tnk\xd2\xc0:\xeeu(\xda\xd4\x88\x17\x93\xe8\x1fV\xf5\x87\nMr\xaeZ\xce\xd3#1\xcf\xf3\x843\xd98\x84\xfe\xea%d\xb5\x1d\x80\xef\xa5\xa6\xfaP\xaa\xe8\xaf\xac\x8b\xfe\xba\xf0\xef(\x1fK1\x87\xc0\x90\xf7\xb5\xbf\xaf\x14s/\x94\xd0\xbcH\x9b"|\x9e\xc2a,W\xad[\xad\xfc\x94\xb92`aaW\xaf6(d\xca\xd6\x8b\xc6\x96\xc8L\xec\n\xe0s/\xf6\x00\xc8v\xe2opI\x0b=\xe3IN\xa0\x13\x00\xef\xa0B\x1f\xdd\x83\xc6\x98\xd8\xaaw\xd9\xac2\xa82\xf2*\x9a\xc2\xe95y\xc2\xf9\x18\xbf\xee-\xaf\r\xc1\xf1\xd8\x9c\x00\xb1\xc2\xc2p\xbe\xa0\x07\x1cqU\x0b\xd8\xf2C\xd7\x00\x970\x85\x02\xbeg\x1f\xdd(\xeb\xba\x08\x85\xdc\xa2ru\x85\x00\xbc\xb8w\xb3\xef`\xd4\x84\xfc\xd85RUr\x1c\xba?\xe9\x9a]'</t>
  </si>
  <si>
    <t>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</t>
  </si>
  <si>
    <t>b'8\x1b\x05\t\x18\xe5^\xce\x93v6%)\x83\xd3\xe3'</t>
  </si>
  <si>
    <t>, Energy band structure of solids.
ii) Understanding of Mobility of charges, Effects of temperature on conductivity of semiconductor etc.
iii) Knowledge of various types of semiconductor diodes and their characteristics.
iv) Study of Diode as a rectifier, Half wave and full wave rectification, Voltage multipliers, Zener diode Regulator.
v) Special information on- (lntroduction to Filters, Clippers, Clampers).
 52
                 Assessment Plan: (For the Teachers)
     Unit-3
Topic
Assessment Method
Time Plan
Remarks
Semiconductor materials, Energy band structure of Insulators, Metals and Semiconductors, Energy gap, Field and Photo-electric emission.
Exercise: Question &amp; Answer
Two Hours
Intrinsic &amp; Extrinsic semiconductor, N-type and P-type semiconductor, Drift current, Diffusion current and Total current, Mobility of charges, Effects of temperature on Conductivity of semiconductor.
Exercise: Question &amp; Answer
Two Hours
PN junction diode, depletion layer, potential barrier, Forward &amp; Reverse bias, V-l Characteristic, Effects of temperature, Resistance levels, Breakdown in Junction diode, Zener diode, Photo diode, LED, Types and applications of diode.
Exercise: Question &amp; Answer
Two Hours
Diode as a rectifier, Half wave and full wave rectification, Voltage multipliers, Zener diode Regulator.
Exercise: Question &amp; Answer
Two Hours
Special information on- (Introduction to Filters, Clippers, Clampers).
Exercise: Question &amp; Answer
Two Hours
     Learning Outcomes
 Unit-3
Basic of Semiconductor
Outcomes
Semiconductor materials, Energy band structure of Insulators, Metals and Semiconductors, Energy gap, Field and Photo-electric emission.
(i) Brief knowledge of different semiconductor materials and their energy bands.
(ii) Principle knowledge of photoelectric emission.
Intrinsic &amp; Extrinsic semiconductor, N-type and P-type semiconductor, Drift current, Diffusion current and Total current, Mobility of charges, Effects of temperature on conductivity of semiconductor.
(i) Kind of semiconductors and explanation of associate terms.
(ii) Dependability of conductivity in semiconductor.
     Basic Electronics
53
                  Unit-3
Basic of Semiconductor
Outcomes
PN junction diode, Depletion layer, Potential barrier, Forward &amp; Reverse bias, V-l Characteristic, Effects of temperature, Resistance levels, Breakdown in Junction diode, Zener diode, Photo diode, LED, Types and applications of diode.
(i) Knowledge of semiconductor diodes, thereV-I characteristic and associated important.
(ii) Applications of diodes.
Diode as rectifier, Half wave and full wave rectification, Voltage multipliers, Zener diode Regulator.
(i) Knowledge of rectification and regulation of electrical signs using semiconductor diodes.
Special information on - (Introduction to Filters, Clippers, Clampers).
(i) Overview of filters, clippers clampers etc.
     3.1. Semiconductor Materials
In general, semiconductors are special class of elements having a conductivity between that of a good conductor and that of an insulator
Semiconductor materials fall into one of two classes: Single crystal and Compound. Single crystal semiconductor such as germanium (GE) and silicon (Si) have a repetitive crystal structure, whereas compound semiconductors such as gallium arsenide (</t>
  </si>
  <si>
    <t>b'\xa6[\xb7\xdf\rk\xebb\x1c\x95\xb2\xcehKc5B\xa5\x10,g7sm\x94\x18f\x1d\x9b\xd16Z\xbd\xe4U\xe0\xda&gt;\x1e\xeb\xd3\xda$a\x94\xf9\xc2|d\xe1&gt;~w\xc4r\xd4\x14\x9e\xd3WeH\xcf\xdb\xd1\xc7\xef\x89\x04NR.j\x84\x86%\xc9?\x11\xe3\x9c\x07F\xf7\xdf\xfae\xfa$\xf6\xfa\xf9p51\x95 V\x83\x8d\xaf\xd5\xe0\x0c\x87\x0eC\xf3\x9a\xfc\xa4\x085\x0f\x06!\xb4^\xd8=\xf4i\xdc/Q\x89\x96\xa48\x1aO\xc9!\x96\x95\xc4\xb8%\x1e\tF\xec43\xfd\x0f\xc8\x87\x06\xf2cA\x19L\xae\xb6\x0e\xbc\x92k\xc5\x85_\xc4\xcd\xe9\xb6\'0W\x9b\xa2{\xf9\xa4\xd2^%\xff^\xb4d\x96\x1a\x81z\xa10\xa8A\xa4\xed\x87\x9b\x0c\xc0\xac\xe4\x18=}\xc7\xb6QA\xc3AB\x9f\x872\xc5!\xe4\xa3\x84\xe5\xda\x95\x8f\x85\x92\x9d)\x9c\x12W/\xe2\rp\x1a\xc6%\xdb\xbe\xc1@\xde\x93K\n(1\x87h\x01\x98\xd5d\xfa\xc5tM\x9e\xda\xa1\xde\xf3$\xe2\xb4.\xe8\xe9\xef\xf5yn\xa0\xdb\xe7x\x95S\xa0\xa3^#\xc66\x82\xa1\xcd\xa4.\xec\xbaA\xa3h\\Y\x01\x96M!2Q\xb4p\x85=\xc1\x1a}\x1f\xe2D|F|\x08\xc0\xce\xe6%\x1a\xe1b68\xe0I\'7%P\xd5\x81\xb4\x07\x15\x1f@\xe9\x9e\xfft\xc5\x19yt\rm\x9b\xbcdRA\xb71\xe3v:u \xd1?*#\xba\x95\x1eq\xe2\x0b\x11\xfc\x13\x82~2J\xb0u\xf0c=\x9f\x1a9\x1c\xaf\xdc\x81\\l\x13\xdf\x80h\xfd"\xcb\xad\xdcO\x82h\x10F\xa2\x10\xb33G#\x87\x0el\x08&gt;\x1f\xdb\xbe\xf1$\xb4tP\x06\xb3&lt;\x9dA\xba\x93\x0c\xe4\xb9\x0fJ\xce\x1c\xc7[\x8d\xf6\xe3\xf5C)\xfdiN|\xe5\xd8\x96DAG\x87\xa3X\xb7\xf4\xbd\x9b\xda\xa7\x99.\xed\xb9\xd0\x8ba\xef\x188\xff\xe32\xe0*]\xe2\xe6\xdfx\xec\xaa\xcbQf\xbe\xeb\xe2\xec\xa5\xe5\xc83\xca\xab(\xa9\xab1\x90\xf0p52px\x1fPKi6\x89!qh\x90\xdb\xdd\xb7\x04\xc4\xae9\xdd\n_\x0b\x9bG0\x87l\x87\xafi\x8a\x8epK4G\x91X\x0c`\x8b1\xdc\xe5Zs\x89t\x84uZ\x9a\xc8V\xcfR&amp;\xa7\xf7\x8a\x91\xd6+\x0e)q\\u\xb5!\xe0\xbf\xb5\xaf\x93cb\xc2S,\x942\xbf@C\xf3\xaa\xd3\x1dXu\xf3\x91N:\x9b\xdd\xc1\xfdo\xa9q\xe5\x96\x877L\x85#\xdb5\x04\xcei\xcf\xdc\x9d\x1e\xa4\x84\xdcN\x07dTeC\xa0dS\x86\xfc7\xf5\xb9\x00|\x1c5d\x89\xb5&gt;B\x15\xed\xb0\xcc\x1e\xff\xc48/X\x94[v\xbe\x9d\xc4$\xed:\x7f?\x9c\xc1[Uh\x94\x01$\xaf\x02\x1b\x93A\x08\xca\xc6\x9ed\xa7\xfbQC,\xa7\x12\xb6B\x88\xdf\x80hN\x1c\x9d\x12Zt\x01\xb5\x1e\r\x16\xcct\x1d\xc0\x83\x10\xe3\xd25\xa4\xdf\xd9\xbb\xe2\x9a\xeb\xb5\x8d\xdc\xf8\xef \x17:\xbax\xf0\xc8\x02\x9a\xb4\xa0[\xf3\x7f\x94G\n\x91\xc8\xbe\xc6Q\xf9\xa4\xe0M`\xe4\x91\xe6\xc5\xa0(7YM?\xbf\xc6\x1a\x05\xe9\x02\xd6\x84\xab\xf6\xf8\xfd\xeaUO\xa92\xdd\x192\x00*\\l\x07\xda\xee\xf7\x1c\x03\x05\xa8T\t!\x19\x93p\x11\x94/b\xf5\x1f#4\xf4X\x90C!\x18\x8e\xf7\x83\xea\n.\xee\x0ba\xea\x8f\xa0\xc2\xb0\xf9\xe8\x9b\xecp\xecGZ\x9b,{iQZ\x1e\xb8\xb0\x83Ke\xe7R\x95\x14\xc2\xb9\xcf\xd1\xfc\xc6\xf0\x90t\xfb&amp;\xba\x88\x92\xbf\xf0\xdd\x16\x0f\xb02&lt;;\xfd}M\xaf\x11@w5\x87\x07\xda\x7fs\x1f\x8b\x0et\xcdd\xa0\xb9\xdb\xf9\x05\xd6\xf89\xe9&lt;\xc7i\x82,G"\x96\xd8[\xb8_Ys5\xf1\x07\xfa2\x9d\xc0\xc1\x8f-\x177\xd1\xc2+A\xac\x15W\t\xcc\xe2\xe6\x07\xe1\x8a\x15\x8d|\x1c\xf4$\xef\x8a\x8bU\xca/\xc4Q\xd1O\x0e@?DNC\x92\x1f\xa3\xff\xcaXk.\x93m\xbf\xdd\xd9\xa3\xe9y\x1c\xc8\xa7\x03Mh\xc5\x0fH\xfe\xb9eN\xea\xef/G\x0b&lt;\xf3?\x06\xdc\x9f\x17\xaf\x88\x14zV5x\x1c`\x07\x13\x90\x0b\xe3\x97\xa2\xba\xc5\x04\xe2\xe0E\x9cx\x85\xd3@d\x02\xb7S\x93\xca\x84\x06\xfb6\x0f\xee\xd4n_\x8c\x02m\xaf[\x9e\x18\xcc\xf9\xe2\xcdL\xcb\x12\x82"\xa5\x1d@@\x1e\xd8Ke\xee\xdc\x0c\xa47\xa2\xb0\x8cw0\xec\xe5\x9c\xf5\x8f*\xbb\xed\xc7\x9c\xf2\\\xb0JA\xd5\xbb\xce\xab\x8e\xbfy\x9f\xd8\x01\xe9\xacP\x83\x8bHCR\xc2\xf5\x03d_\xeaxf"NFz\x950O\x1f\xbbj\xd0t\x85\xc1@$\xde\x9a\x873T\x8b\x86\xc9\x0b4\xd9{c\xce1_"\xfe\xed\x80\x9e7\xd0\xde\xeb\xa9S\xad\x1d^e\xcc\xb3 \xaa\x8dz\x16&gt;\x86m\xa1*\xfe\x92\xe7\xb4q\\7\x9e\xae\x1f\xfa\xc5\x1d\x81@,\xc0\x1a\xb1\x08\x8d\xabb\x1e\xc1\xf6M\xe3:\xd5h\xc7b\xbdU\xaf`\x86mJw\xff\x0c\x7f\xff\xb9\x83P\x9d\x13\xc1\xdf\x9c\x01\xe1\x9e\x00j\xe0\x90\x8b\x06\x0e\xd1\xd7\xc5\xb6\r\xef\xa3\xab!8\x8f\xfb;H\xadx\xad\x17T\xdb,\x91\xc7\xef\x07\xa1+A\x8d\xd9\xa8[n\x8f0\x8b!\x97o\x1cz\xa2$\xa9\xf6v\xbd\xfe4\xe6\xf5\x9d\xa9\x9d\x89\xb4Zm;\x8c\xdf3\xd0\x9e\xb3\xa4~\x07\xe1\xcbh\xbd\xfb\xfcP\xef%v\x9e\x1cl\xaf\x12\x0b\xfc7\x86\x8d\xa4\xb5\x8e\xa0\xfd\xf8\x89?\xc1\xf3m]\x8d\x17-+\xc8\xbf\xfd\xc9\xff\x97\xba\xa4j\x1e\xa4J\x0b\x11r\xc9\xca\x92\n\x1f\x06\x92\x03\xb8}U;h\x94"F\x8e\xa7\x99\x85\x1b\n\x9a\xd5|H\x9c{\xbc\x17!\xee\xda\xa6zA\x0b\xfe\x8b\xa1\xcf\x80\x91\xd4~\xf7?zWU_\xf6\xe2`\x04_Q\xc4\xa8\xe0\xd7\x84m9\xac\xa5\xb8b\xd7\xb2\xa8\x13\xe6\x17U\xd88Ky\xf1\xbc&gt;\x7f\x95l\xb6JJZq.\xa3o\x87\xcch\xa1\xb3\xd3&gt;_+\xafh\x85)?\xce\xf62\xef\xe7\xa6\x8f\x82]m0\xe6\x05\xb2(\x97G\x06\xb7A\x8f\xa8O\xcd^\xb5W\x0f\x1e\x11Ldj\xd5\x19t5\xe0\xcc\x9f\x93\x15mu\xb4Xp\xc9\xd8\xfe\xaf\x1c\xa3\xf7\xb1\x19Ch\xab`_\xcbI\'\xdd\xfe\xf2\x1b*\x905M\x92\x13\xa0\xd7I\x13\x9d.M\x98|r5A\x1e\x1a\x8f\x87:gcQXL\xbb\xe5\x9f,%\\g\x9eze\xfc`(p\xe3\x1f+\x9f\xe436\x9b}f\x9c\xe8\xf8n\x04\xde\x80ab\x04\xd8\'\xc8\xa6Zc\r\xf7b\xc4\x94\x15\x08\x8e\xadZ8FT\x00\x16H\xcd8B;-o\xd8/\x8c\xa6\xf9*\x1b\x9e\xd4&gt;)`H\xa7\xf1\x02\xfa\x11H\x9a%\xe1\xe0\xd7\xac\xf3\xe4`\xdb\xe5\xba\xc05\xe3\xfc?\xee\x94\x95\xc8\xea&amp;\xf3\xf5&gt;\xfd\x16\x93H&gt;\xbb\\\x88\x1c\tW\x0b\xa6\x90M^1\xc7oO\xf2y\xa3_b\x83\xb5\xb8\x02r\xef\x87?\xf0ZWd\xb8mq\xf6\xd12\xdbr\x87\xc9\xedZ\xa9\x96u$\xaf\xfb\xecn]&gt;7\xdd\xaa+\xb3\x1c\xdbO\xfcA\x8e\x15\xa4*\x9e\xbf\xa0\xe2\tn\xad7V\x08\x88\n\xb0\x91\xc4\xe57\x14\xe6\xc5t=\x08P\x91\x8d\x88\xc2\xb4\xed&amp;F8*\x8bF\xda\xbe\x9c\x13\x90.\x9f\x86QZ\xa8\xa2 \xce\x0b\x14\x1a\x01\xd46\x98\xa7p\t\x1ddZ\x1bl3\'\xdb+M\\2\x92P%\x14\xb0H\x0e\xa2\xe9\xcdv\xa05\x9c\x97\xd9\xbd6\xb0\xb0\xefw\xcb\x18\x88\x93\xcfB*A\x1ch\x17b~\xdd\x01\x14v\xef!i\n\x8fc\n\xc7\xd22\xa5_\x1b\x1f\x7f\xbaD\xf7\x84l&lt;\xc1\xf7\x91\xc9\xfe7\xf51\xc5R\xe1J\\\xe4p\xe5\x12\xfa?9\xff_\xb4f\x0f\xc8\x9as\x17?\x0b\xf6\xc7\\u\xfbD\xae$\xc9\xd9\xc1\xd5`\x00\xbe\n\x19\xdb\x98\xf2\x9e\xcc\xe6\xd5\xf3.\xf3\x8ep?\xc0.?\xf9Q\xc2\x05\xb9l\xd0\xfcH\xfc?c\xd8\xa1{\xbe[aX\x07!\xabmG\x06\xda\x16\xe5\xf2I"\xbd\x040/\'\xff\xfcvq[\xec\xdd\x89g\xc4Q\xcf\xa6\xc9\x9fg$\x8f\xa7b\xfd^\x15I\x04l\x1b\x86\xe5q\xe8\xcf\x1f\xc3B\x93\xaf\x14\x13\xa3\xd6\xf4~\xb7\xd4\xd8\x86\xbd\x01\x91\xa2\x1c\xef\xbef\xec\xf6|\xf4[\x11cK\x9b\x16\xdbV\x85\xea\xdcSM0\x90[\xd5\xeanV\xfeB\x7f\xdf\xf1\xb0vJx0\xdc{Y\xca\xdf\xfd\xe4\x08\xce\xaf-;\x91:ZX"\xb8x\x1f&amp;B8\x97\xe2v6\xbax\xb6\x86\xd6K\x9e\x89\xcb\x94$\x10\xb4E]\xcb\x95jIn=\xa4\x96\x8d.\xce\x8c\xf8\xf2\xa9\xd9_*\x93f\xa47\x0e\xfa\xe9W\x81\x84\x85\xbb\xbb\xe1\x85z\xf6\\L\xcfrk\x12\x00\x8d\xd9\x82*u\xa5\xc2\xbd\x9e\xd4[\x1d\x04\xcaA\x14\xc4Y|\xc0\xfd\xc5GW\x13"n\xe4\xbc\xcazd3\xa4\x8e\xc5\x11s\x07\x05D\xd5\xa9\xd7V+\xef\x15f\x1c)x\x08\x19e\xbf\xc6\xcf6\xd5\x0ca%\xc3%\x11pY\xb5.\x80aP\xed\xb5\x14\x97\x80\xf2\xae\x15Ua%G\xab\xe8\xc6u\xa9t\xd5\x93M~\x14\xec\xb8xrE\xf5\xe16\xfe?[a\xbe\x8c\xb3\xfc\x96Z!\xcb\x89\xe7\x05\x96.v\x00\xb2Y\xeaW\x13\xb0"\x19\xbd\x05F\x97\\\xe7\x9e\xba\xa5\xb2\xb6&gt;0\xaa}9\xbd\xe0\xbe\x16\xd1\x80t"\xeb*"\x97\x932La\x13\xc0\xfe\x11\xf6\xdb\x01J\xef\x0f\xe7\x9e\xb9]\xf9\x91\xea5\x9d#V\'8\xff@\x1a\xc3\x1d\xc6R\x83-\x84\x848\'\xac\xfaj\xf5vP\xee\xe2\t&amp;\xe7\x85\x8fI\xb1\x17\x1d\x90\x80\xe0x\xd9\xb1Q\x15sJ7\xa2y\xaa[H$=\xd6\xba\xf1\xa9\xa2\xce\x13\r\xed(\xf6\x02=\x84-\xfdo\x08b\xcf)5\x92\x96\x1c?\xe3\xaf\x1d\x7f8h\x13\xdeD\xba\x97jma\x9e\x93\x8f\xae\x8a\x86\x93\x08M\xe9&amp;\x1e\xa1\xd7\x9a\xea\xb8H\x91\xd6\xaa\xff\xb0M\x8dhUK\xf1\x8dZ\xf3_\x19u\xaa\xe6\xa4T\xba\x07\xe6u\x1e\xd4V\x06P\xad#\xde\xa4?}\xf3\x18\x06\xb5\xb5\x1f\x8f\xbb\xb3\xe9u\x97s\x85|Q\x92\xae\xcb\x7f\xbe\xa2\x84\xbe\xf1\x13\x00\xc9H3\x86v\xa6\xe3\x82\xa9p\x87\xca\x15\xe9(\xb5\x9b\x9a]\xd8\x10\x8c\x8f&gt;\xd1&amp;\x96\xef\x92)[\x17\xf0\xbd\xb9i\xbe\xbct\xbb;\xca\xcb)\xc90\x16\xd3\xb2\xe5u8\xc3\xb3X\xb7&amp;\xb6~`\x12\x0b\xac\x1b,Y\xcdbP\x8d\xb1\x92\x8a*\xca#\xc1/}\xbe\t\xc2m\xcf\xc6\x16B\xb9\x8a\x08M\xe7MR\xed\x8f+W5W\x98\x03R\xf8\x833\xd69\r\x01os\x04$2\xf9\x1a\xf7{$@bX\xba\xcc\x8c\xa6e\xfb\xbax\x8c?\x97\xc00%\xc7\xf2\xda\xecl\x13\xc1,\xe0gY\xa8\x97\xedQd\x17\xba\x9f\x9b\xa1\x9ct]\x04-\xc4v\xc9&lt;\x9f\x07\xd7$F\xa8\xa4H-\x86}%o\x820\x0c\x1c\xc2\x15qoC\xfc\x01\xe6\xfd\x8am\xba\x06w\x94P\xb4\xb3\xd7\x0c\x16\xde\nF\xec\x19\xb9\xb8\xeed\x9a\x8a\xeb\x12\xd4\xd8\xf6\xc9\x96\x80\x16/\x1e\xc7If\xa1\x00,\xf2z$\xaa\x87\xd0\x91\xe1\xddx\xf5\xcca\x0e\xdf\xc8u\'\xaa\xbc8\xb9W\xee;b&amp;\xef\xf7\x97cs\x14\xcf\xdf\x87\x19:\xb9\xe1\xb6\xaf{\x10\x98\x91\xb7\xa5\x00\xd5\xedS&gt;G\x7f\xab\xc0+g\xac\xa7\xfdf\x99\x00\xe9\xd9\x9b\xa9n\x04\xe3RH\xcd*\xb4V\x16\xeef\xca/\xe1\xe7,\x1d\xff*$\xe4|\x8b\x96\xc2\xeb\xe3}K\xebn\xcc\x8c\xf8\xe6\x98y~#z9\xbev\x95\xce\xff\xb7\x92\xe0\x90\x9fj\xa0N\xdd#\x84\xc6f\xf2\xf4!\x93A7S\xe2\xb1\xd4\xaf\xeb\xfc\xe2&lt;\x90\xddl\xa8\x91x\x8fG&lt;\xc9\xb1T6QLm\xeb\x93O\xdeH\xe1\xfa\xbd\xbe\'\xbbQ(\xaf(*\xe7\x98\x19\xb3\xa5\xf9\x04C\x0c.\xad~$\x04"\x98^)\xa9;\xf4\xfd\xf9m!\xe4\t`\x9f\x8d\xfb\xf2\x05\xd8H\x92|\xc0\xbf\xa7\xf3Hr!p\xf25&amp;\xae\xb7F}\xeb\xc0TLZD\xe3\x06)@%!\xceB]\xf1R\xad\xf2;3\x01\x83_\x13\x9c#Gf\xbd\x962\xb8\xdeC\xb3\x03$\xdc\xaf\xa1\\\xba\x10\xeb\x0f\x89\x8f\x1a!\x19/\xdf\x18\xa4O\x86(`O\xf04\xfe\xc0\x89\xcfq:\x1d\xe1\xd4\xf6\x86\xa3?\x94\xbd&lt;\xdf\xf2\x00{oR1\x80t\xe0\x9a^\xec\x99\x9a\x01\x8f|g\t\xc8\x88n\xfdY\xe5\x83\xda\\0g\xa2s:\xb3\x8f\xc1\x98V\x10K\x92\xbd\x8b\xe8\xb4\xc6\xa2\xc6\x17\x04y=\x10}\x8eOJDi\xf9\xde\\w\xdc\x16\xf2\'\xfc\xd8 \x13f2\xfd\x14\xf8\x8f\xc1JJ+\x85\xaf\x0bH\xb5L^&lt;:Q\xeb\xddr\xc6[\xa5b\x06\xb4\xce\xe4h\xc7\xe10v\x9cG\x0ct\x88\xdd\\\x1b\x1a\xbe$tr\xf5\xd7\xa5w\x05\xa6Z\x8c \xea4JQ\xbc\x03\xa0\x99W\xce\x92\xe2\xe3&gt;\x83\x06#\x01\x0f\x1d\xf5W\x98;\xcf\x9bj\x9d,\xb1u\x1b\xd03&gt;8=\xe7\xd4\xab\xcb\xa5\x9e\x98\xaa\x0e\xdd\xfb\xea-\xc4\xcfq\xa2\x13u\t \xcd&amp;\x1d\xc8"$\xea\xca`\x05\xe7ge@Z\x8fc\xaem~eM\x15\xda\x9cW\xe3o\xee\xcd\x85\x1d\x91\xf9\xc0"\x93\x94'</t>
  </si>
  <si>
    <t>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</t>
  </si>
  <si>
    <t>b'\xa6[\xb7\xdf\rk\xebb\x1c\x95\xb2\xcehKc5'</t>
  </si>
  <si>
    <t>m
 tells me that horses are always dull and weak in the autumn, and that I must expect it."
 "Autumn, fiddlesticks!" said the farmer. "Why, this is only August; and with your light
 work and good food he ought not to go down like this, even if it was autumn. How do
 you feed him?"
 My master told him. The other shook his head slowly, and began to feel me over.
 "I can't say who eats your corn, my dear fellow, but I am much mistaken if your horse
 gets it. Have you ridden very fast?"
 "No, very gently."
 "Then just put your hand here," said he, passing his hand over my neck and shoulder;
 "he is as warm and damp as a horse just come up from grass. I advise you to look into
 your stable a little more. I hate to be suspicious, and, thank heaven, I have no cause to
 be, for I can trust my men, present or absent; but there are mean scoundrels, wicked
 enough to rob a dumb beast of his food. You must look into it." And turning to his man,
 who had come to take me, "Give this horse a right good feed of bruised oats, and don't
 stint him."
 70
 "Dumb beasts!" Yes, we are; but if I could have spoken I could have told my master
 where his oats went to. My groom used to come every morning about six o'clock, and
 with him a little boy, who always had a covered basket with him. He used to go with his
 father into the harness-room, where the corn was kept, and I could see them, when the
 door stood ajar, fill a little bag with oats out of the bin, and then he used to be off.
 Five or six mornings after this, just as the boy had left the stable, the door was pushed
 open, and a policeman walked in, holding the child tight by the arm; another policeman
 followed, and locked the door on the inside, saying, "Show me the place where your
 father keeps his rabbits' food."
 The boy looked very frightened and began to cry; but there was no escape, and he led
 the way to the corn-bin. Here the policeman found another empty bag like that which
 was found full of oats in the boy's basket.
 Filcher was cleaning my feet at the time, but they soon saw him, and though he
 blustered a good deal they walked him off to the "lock-up", and his boy with him. I heard
 afterward that the boy was not held to be guilty, but the man was sentenced to prison
 for two months.
 71
 Chapter 31. A Humbug
 My master was not immediately suited, but in a few days my new groom came. He was a
 tall, good-looking fellow enough; but if ever there was a humbug in the shape of a groom
 Alfred Smirk was the man. He was very civil to me, and never used me ill; in fact, he did
 a great deal of stroking and patting when his master was there to see it. He always
 brushed my mane and tail with water and my hoofs with oil before he brought me to the
 door, to make me look smart; but as to cleaning my feet or looking to my shoes, or
 grooming me thoroughly, he thought no more of that than if I had been a cow. He left my
 bit rusty, my saddle damp, and my</t>
  </si>
  <si>
    <t>b'\x8a\xe1\xc8\xce\xad\x91gP'</t>
  </si>
  <si>
    <t>8ae1c8cead916750</t>
  </si>
  <si>
    <t>s of your business as â€œThe
 Grind.â€ Until you have a product up and selling consistently, every single
 decision can feel like a mountain you have to climb. This is especially true at
 the beginning.
 If you have no idea what you are going to sell, or you are flat broke, it
 would be easy to ignore the idea that a seven-figure business is even possible
 for you.
 That was certainly the case with my friend Suzy Batiz.
 Suzy had been trying to become an entrepreneur her entire life. Sheâ€™d
 started and ended multiple businesses in her youth, and then she went
 bankruptâ€”twice.
 Her first bankruptcyâ€”at age twentyâ€”was the resu</t>
  </si>
  <si>
    <t>b'\x11\xae}Nl\x03\x1b\xf6\xe4\xcc\x14\xcdg\xc0c\xa8\x9c\x00\xae\x15\x96\x050 \xc1\x00@\x84*h\x02\xed\x8dW\xa1\n\xb6^m-\xce\x05;0\xfe\xf4\xfd\xd1i\xe2kg\xabS\xcf\x068\xfe\xcf8\xb5\xd0\xf2\xd4\xe4\x87s\xcd\x9aOk\x8a\x9en/_\xcd\x8d\xabn\x03\x03\xe6\xb5\xe8V.3\xc3\x7fy\x86\x801j\xd0po\x8ct\xc3\x81\x01\x90J\xce\xec\xe1M^\xdc|%]zc\x87\x19t\x8f?\x17\x9f\xe7J@\x11k\x93\x80_+\xcb\x08e\x8a\xd1\xc9&amp;\xc2L\x94o\x142dm\x1e\xef\x05y\x94\x02\x11V+\x1es.\xf8\x14\\t\x9e\xe77^\x8dIq\xd7\xf5:=\xb2\xd0g\xa8\xf8`\xc3A\tAH\xcd\xd2\x0en\x1em\xfa\xa9Xg\xa0\xb9\x91Y\x1e\x13\x1f\xd3\xee+x#\x84\xe7\x01\x9b\x05\xee\xd1\xb1\x0b\xa0~\xcb\x84\xbb\xa1\xb2\x00X\x08\xa1\xeaV\x8f\x8b\xb3HV\xb5\x19\x10\'\xb0p\xd7\x06\x00\xa1\x1e\xa2\xcc\x0cd \xad\xd5a\xf9\xb9\xf6F\xee?&amp;\x9e\xc4\xe1\x15?A\xccP\xc8\x83,\xb4Ud\x1fV\x9e\xf0\xaf\xc0\x84\xd9\xd5\x15 \xd4\xcd\x86\x82 ]6f\x1d\xd73H\x03\xc6\xb1\xed\xfd\xd8f\xcf\x85MsqW\xddF\xfd\x9e\xa5\xdfw\xd9\xf0^\xbe\xd5\xbd\x90\xd8*\xe8\x937\xdb\x94\r\x1eY\\\xd4y\x91}R`84v\x17h\xd9\r\xa8f\xaed\x14\xc14f\x8cEVDI\xee\xd1\x87!\xd1\xf2\xbf\xc9\x1f8:@\xa5"\x8fH\x84\x9d\xbb\x83\x97\x95BM1"M/\xdd\xaf\x91\xe7\xc5\xfc\x87O\x97\x84\xb6~Z+\xf4\xcf\xe4Z\xb6\xb8\x10+_&lt;v\x83?}\r\x8b\xd4\xaf\xc6+L9\xc6?/-\x11&lt;B\xdc\xd7.\x9b\x8c\xadU\x89rd\xf9eV\xbf\x9a=\xa3l\xf9\x8bF[\x9b\xd1\xd6,j\x87C\xbb\x08\xc0`\xe4\x00(y\xb8oe\xce\xfcz\x13\xde-\xeb\xa9\x00\x05t\x0c\xfd\x8ei\xd1|\x95\xe2\xe2v[0\xe7\xa7\xa3w1\xeb\xd4F\xd9@\xb8\x10sX\xed\x86\\\xbf$\xcb\x1d-,\xc4\xcf\xe3\x1b\xd7\xdbK/\xd5,y\xea\xa0\xd7\x04\xd5\xd1:\x1f,\xed)-\x9a|\xea\x01\xe6y\x98\x92L$\xfd\x10\x8e\xcc\xb6\xa0\xc9\x8d\x9aK\x08\xfek\xa7\xd84\xeeQ\x12\x8bK\x17\xb6\xee\x07\r\xe2\x8c\xca@\xee\xd1\xd4\xc7\xf7SAy\x84rd\xab[\xd1\n\xb6\xe2\xd7=\xed\x0f-y\xbd\xac=\x91\xf1\x8b\x81!c\xbf\xdcK\xef\x96`\x96xS\xc1\x91G\x04\x94\x8e#'</t>
  </si>
  <si>
    <t>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</t>
  </si>
  <si>
    <t>b'\x11\xae}Nl\x03\x1b\xf6\xe4\xcc\x14\xcdg\xc0c\xa8'</t>
  </si>
  <si>
    <t>struct the Poynting vector, and show that, on average,
  no energy is transmitted in the z direction.
  !
  Problem 9.40 Consider the resonant cavity produced by closing off the two ends
  of a rectangular wave guide, at z = 0andatz = d, making a perfectly conducting
  empty box. Show that the resonant frequencies for both TE and TM modes are
  given by
  Ï‰lmn = cÏ€
  (l/d)2 + (m/a)2 + (n/b)2,
  for integers l,m, and n. Find the associated electric and magnetic fields.
  (9.204)
 CHAPTER
  10 PotentialsandFields
  10.1 THEPOTENTIAL FORMULATION
  10.1.1 Scalar and Vector Potentials
  In this chapter we seek the general solution to Maxwellâ€™s equations,
  (i)
  (ii)
  âˆ‡Â·E= 1
  0
  Ï,
  (iii)
  âˆ‡Ã—E=âˆ’âˆ‚B
  âˆ‚t ,
  âˆ‡Â·B=0, (
  iv) âˆ‡Ã—B=Î¼0J+Î¼0 0
  âˆ‚E
  âˆ‚t .
  âŽ«
  âŽª
  âŽª
  âŽ¬</t>
  </si>
  <si>
    <t>b'\x82^\x80\x9bXOb\xa4\xa7\xb3\xd5l\xe6\xf0p\x80)s\xc9\xa5\xe1\xa3o\x96\xd6\x96\x07t\xe2^\xfeN'</t>
  </si>
  <si>
    <t>825e809b584f62a4a7b3d56ce6f070802973c9a5e1a36f96d6960774e25efe4e</t>
  </si>
  <si>
    <t>b'\x82^\x80\x9bXOb\xa4\xa7\xb3\xd5l\xe6\xf0p\x80'</t>
  </si>
  <si>
    <t>perating in the saturation region respond
 to gate-source voltage variations by varying their drain current. This property rules out the
 input connection shown in Fig. 17.22(c) because here Vin does not affect the gate or source
 voltages. Also, the topology in Fig. 17.22(f) proves of no value as Vout cannot be varied
 by varying the drain current. The number of possibilities therefore falls to four. But we
 note that the input and output connections in Figs. 17.22(b) and (e) remain incompatible
 because Vout would be sensed at the input node (the source) and the circuit would provide
 no function.
 The above observations reveal three possible amplifier topologies. We study each
 carefully, seeking to compute its gain and input and output impedances. In all cases,
 the MOSFETs operate in saturation. The reader is encouraged to review Examples
 (17.2)â€“(17.4) and the three resulting rules illustrated in Fig. 17.7 before proceeding
 further.
 6While beyond the scope of this book, the large-signal behavior of amplifiers also becomes important in
 many applications.
 7The substrate also acts as a terminal through body effect, but we neglect this phenomenon in this book.
 17.4 Common-Source Topology 819
 in v v in
 in
 out
 out
 (a) (b) (c)
 (d) (e) (f)
 v
 v out
 v
 v
 Figure 17.22 Possible input and output connections to a MOS transistor.
 17.4 COMMON-SOURCE TOPOLOGY
 If the input signal is applied to the gate [Fig. 17.22(a)] and the output signal is sensed at the
 drain [Fig. 17.22(d)], the circuit is called a â€œcommon-sourceâ€ (CS) stage (Fig. 17.23). We
 have encountered and analyzed this circuit in different contexts without giving it a name.
 The term â€œcommon-sourceâ€ is used because the source terminal is grounded and hence
 appearsin common to the input and output ports. Nevertheless, we identify the stage based
 on the input and output connections (to the gate and from the drain, respectively) so as to
 avoid confusion in more complex topologies.
 R
 M 1
 VDD
 D
 I D
 Vout
 Vin
 Input Applied
 to Gate
 Output Sensed
 at Drain
 Figure 17.23 Common-source stage.
 We deal with the CS amplifier in two phases: (a) analysis of the CS core to understand
 its fundamental properties, and (b) analysis of the CS stage including the bias circuitry as
 a more realistic case.
 Analysis of CS Core Recall from the definition of transconductance that a small incre_x0002_ment of _x0004_V applied to the base of M1 in Fig. 17.23 increases the drain current by gm_x0004_V
 and hence the voltage drop across RD by gm_x0004_VRD. In order to examine the amplifying
 properties of the CS stage, we construct the small-signal equivalent of the circuit, shown in
 Fig. 17.24. As explained in Chapter 6, the supply voltage node, VDD, acts as an ac ground
 because its value remains constant with time. We neglect channel-length modulation for
 now.
 820 Chapter 17 CMOS Amplifiers
 g m v v 1 1
 in v
 R
 v out
 v out D
 R â€“
 D
 Figure 17.24 Small-signal model of CS stage.
 Let us first compute the small-signal voltage gain Av = vout/vin. Beginning from the
 output port and writing a KCL at the drain node, we have
 âˆ’vout
 RD
 = gmv1, (17.56)
 and v1 = vin. It follows that
 Av = âˆ’gmRD. (17.57)
 Equation (17.57) embodies two interesting and important properties of the CS stage.
 First, the small-signal gain is negative because raising the gate voltage and hence the drain
 current in Fig. 17.23 lowers Vout. Second, Av is proportional to gm = _x000E_
 2Î¼nCox(W/L)ID
 (i.e., the device aspect ratio a</t>
  </si>
  <si>
    <t>b'\x03}\xd5R\x1f\x9b\x90\xebu($S\xdamZ\x05'</t>
  </si>
  <si>
    <t>037dd5521f9b90eb75282453da6d5a05</t>
  </si>
  <si>
    <t>n his head and get the pins in their feet. When all were safely down
they picked up the Scarecrow, whose body was quite flattened out, and
patted his straw into shape again.
"We must cross this strange place in order to get to the other side," said
Dorothy; "for it would be unwise for us to go any other way except due
South."
They began walking through the country of the china people, and the
first thing they came to was a china milkâ€“maid milking a china cow. As
they drew near the cow suddenly gave a kick and kicked over the stool,
the pail, and even the milkâ€“maid herself, all falling on the china ground
with a great clatter.
107
Dorothy was shocked to see that the cow had broken her leg short off,
and that the pail was lying in several small pieces, while the poor milkâ€“
maid had a nick in her left elbow.
"There!" cried the milkâ€“maid, angrily; "see what you have done! My cow
has broken her leg, and I must take her to the mender's shop and have it
glued on again. What do you mean by coming here and frightening my
cow?"
"I'm very sorry," returned Dorothy; "please forgive us."
But the pretty milkâ€“maid was much too vexed to make any answer. She
picked up the leg sulkily and led her cow away, the poor animal limping
on three legs. As she left them the milkâ€“maid cast many reproachful
glances over her shoulder at the clumsy strangers, holding her nicked
elbow close to her side.
Dorothy was quite grieved at this mishap.
"We must be very careful here," said the kindâ€“hearted Woodman, "or we
may hurt these pretty little people so they will never get over it."
A little farther on Dorothy met a most beautiful dressed young princess,
who stopped short as she saw the strangers and started to run away.
Dorothy wanted to see more of the Princess, so she ran after her; but the
china girl cried out,
"Don't chase me! don't chase me!"
She had such a frightened little voice that Dorothy stopped and said,
"Why not?"
"Because," answered the princess, also stopping, a safe distance away, "if
I run I may fall down and break myself."
"But couldn't you be mended?" asked the girl.
"Oh, yes; but one is never so pretty after being mended, you know,"
replied the princess.
"I suppose not," said Dorothy.
108
"Now there is Mr. Joker, one of our clowns," continued the china lady,
"who is always trying to stand upon his head. He has broken himself so
often that he is mended in a hundred places, and doesn't look at all
pretty. Here he comes now, so you can see for yourself."
Indeed, a jolly little Clown now came walking toward them, and Dorothy
could see that in spite of his pretty clothes of red and yellow and green he
was completely covered with cracks, running every which way and
showing plainly that he had been mended in many places.
The Clown put his hands in his pockets, and after puffing out his cheeks
and nodding his head at them saucily he said,
"My lady fair,
Why do you stare
At poor old Mr. Joker?
You're quite as stiff
And prim as if
You'd eaten up a poker!"
"Be quiet, sir!" said the princess; "can't you see these are strangers, and
should be treated with respect?"
"Well, that's respect, I expect," declared the Clown, and immediately
stood upon his head.
"Don't mind Mr. Joker," said the princess to Dorothy; "he is considerably
cracked in his head, and that makes him foolish."
"Oh, I don't mind him a bit," said Dorothy. "But you are so beautiful,"
she continued, "that I am sure I could love you dearly. Won't you let me
carry you back to Kansas and stand you on Aunt Em's mantleâ€“shelf? I
could carry you in my basket."
"That would make me</t>
  </si>
  <si>
    <t>b'D\xe6&gt;\x8e\xe3\xc3\x11\x94\x1c\x8b6\xd9\xdf\x86\xb7\x95k\xca\x9d\xe1\xd2\xcb6Z\xf9\xbbTv\xb2GGb&lt;MV\xf4"\xcdk/\x17-\xc7b{\xee[\xd9\x17X\x03u\xd6E\xad[F\x8e\xa5\x8bkp\x91i\xbd_@(1\x97\xbfq\xbeF\x1f\xd5~\x04j\x9f\x880\xe28\xfb\xf0\xa7\x1c`5\xa7\xbdP\x0c\x90\x94vR\xe3\x93\x10&lt;\x14\xd8\xc6\xb3\xfb?5~\x8fj\xb5\')TX\xd1\x10\xc3\x0b\xce$b\x9dl\x9b\xaf\xbbi \xe9\xfa)\xa5\xd6\x94\xf4\xbe\xfff\xcf\xd0\xa9\x0f\x8fp\xcb\t+9\x9d\x82!p\xd1\xab\xaf\x86fn\x91\x87\x0c\x1b!\x85\x8a\x8b3\xfa\x81~\xdc2O&lt;\xce\xf9\xc9\x9b\xe4\x9dn""\xc9A\xad\x11\xe1\xe3\xb6r5N\x90\r\xfd\x80\xa9O+\x9dL\xc9\\\x9f/\xa4\x16\xfe\xb5\xdeU\x0eOF\x1c\xa0Z#\xdc\xd3\xd9\'"\x14\xcb1\x7f\xa1J\xaa=\xa1]\'&gt;\x81\x81U\xf4\xe7&gt;Cs\x92t\x7f\x9b;\xccIb\xa9[N\xd4x4\x89__\x9bW\xd1\xfeF\x99\x97t.#\xdc\xf6"\xbc\x83\x89\xc8\x1a/x\xb4\xa4\xc2x[*}&gt;MZ,\xa0\xc6\xc9\x9a\xd7\x997\xeb\xc4\x8c\xd1zu\xc4\x81\x99+\x9e\x1b\xbe\x85\x8fx\x1a\xeeN\xc5\x92\xed\x14F]\x8bz\xde\xe6\xba\xcf.;\xa8\xf1\x87y\xf5\xf1P\x0f\\\x19\x1a\x81\t=\xef\x92\xa0\x01\xa44;\xc7-o\xf4\xa1,\xd4\xdd\xb6\xe4f\xbf\xe93\xa1{\xb07\x06\xa5\xf2\x95\n\xcbc\xaf`#\xed\x8c\xe1\x90\x8fv\x05\xe3\xd8\x84\x12[-\xfc\x99\xed\xda\xd7\xdbb\x83L\x8d\xe8\x0cG\x8d,\x941\xf0]\x02\xd5t&amp;\x99\x8f\xd5K7\xf2\xd2\xfc&lt;\x86\x1dM\xf4\xca\xdb\xa9zT\x1a\xca\x18N\xc8\xa3\x10\xe8\xe6\x11\xf8\xf5S\xa4g\x92\x9cc\xd4\xf8\xa0\xd79\x06\xe3\xb7\x91\xe8],GI\xaey\x9d\xde{\xc3\xf8\x05\xf1\xfe\xb2c\xe9v\xde2\x10\x0f\xd6\x0e\x06\xab\xfcP\x8ey7U\xb5$\xfb\xfc\xa5\xb4T&amp;*-`86\xfe\xe3\xb0\xadN)\xea\x9a\xcf\t6W\xf6j\x80~p\x048\xb0\x84;\x15\x83S\xfa}(;\xa0n\xf0\xf7@\x8a\xb3\xc7\x1a(\xcb\xef\xdd\x8c\xdca\xa8OL\xd3\x16\x16\x1b\xf1f\xcc\x8e\xe9r\xc0\x05P\xe0K\xfb\x1b\x9a\x03\xbe\xda\xce\xc9wRx\x97\xa1\xdb4W5\xab2\x7ff\xab(\xb4\xe4O|@\xa3\x9bT\xf6x\xda\x0b\x88\x9e&amp;\xacgAY\x1c\xc351\xfd\xae\x05n/\n\xbb\x15+\x9b](\xa3\'\xd9v -"\x15\xe1\xa7o\xb4.!\x89\x0f)\xe7\x0eL\xf01\xaa\x1e\xa4,\x92\xc9\xef\xd7L`\x84\xfe\xfd\x93\x92r\xfb\xdb\x05IA\xc9U\xc2\xd3\r\rT\xc2/\x93\x9e\xf2\xdd\xe0\xb6\x0c\xd9\xd8\xb0\xa8\x19h\\n\xb3\x0c\x7f\xffM\xf7#\xc6\x85\x980\xc5\xfe\xb6\xe8\x17\xee\xad\n7N\xff&gt;\xcf\xea\xdd\xda\xa8\xff\xa6\xbe\xb3\x18\xbc\x9e\xca\xcb\x95X\xdfl\x94\x87\xa2c1\xa6\x12\x84\xee\xe2\x18\xdb\x95\x17y.P\xfb\xd8*\xce\xc0\x1b\xe4W\x86\x83\x86\x1az^\x1f\xedx\xa2\xa0\x9d!m4`\x9b7\xb0w\xe9\x16L\xc4\xe8&lt;\x0cZ\x8d\xfbu\x95\xf8Z\xa6\x9fU\x8d\xa1%\xa8\xc9Qr\x16\xf5\xae\xcc\xae\xaad\xcc\xd6V\xfdv6\x1b\xe0i\xbe&amp;2[\x17\xd9\xf3\x85\x00\xfc\xed&gt;\x99\xf3\x0f \x9bm\x8c7\xa1\x81\x9e\xe03\xe9@A8S\xcb\xb9V#7\xf6\xc8\xc8%\xf6[\x03&gt;S\xe4\x04`&amp;5\xd0G\xee\x81\x1d*\xb3\x83=\xec`M\x18\xe0\xc0\t\x1eL\x84\x8b\x83\x92+6b\xb0@Z$?\xe5\xc5\xfdp\xa3\xed!\x02\x14\x1a\xef\xcb\xdd\xec\xa9y2q\x8cotm\xee\xdf?\xc9x\x8b[*\x9f\x0b5\xb2BH\x17\x15\x0c.\xefD\xf0Z\xd5\xa0mX\xf5\xb6\xf3\x18-\xf4"\x04\xaa\xa0g[\x97C\x92\xd08\x80\xbd\xfb|\x06\xd7\xa2v4\xcc\x9f\xfc\x11\x8f\xfalW\xc8\x931|\x05\x7f\x90\xe9&lt;]0\xff\x88\xaf #\xd7\xe7%j\xd0\xaa\xca$\t\xf3#!\x90\x94]o\x95\x97y\x01\xc8,w\xf5\x81\x95+N\xee:S:\xd0\xa3\xda\x0e9\xec\x97p\xbf\xdb\xad\x17\xc6P\x93\x80\xee\xa7\xc0hK\x97Cx\n\xd4\xc3\xb5\\G\xe7\xed\xec&gt;c\xf7\x08\xb6\xa3\x0eo\xcd\xd0d\xc2\x10\xd8 ,\x02\xa1\x08\x03\x04K\x0e\\\xd4\xa1\xf4\xd6K\x83"P\xec\xb1OhsC\x1b Q\xc7\x92\x81F\xe6:\xe5&gt;\xdfG\xbf\xec\xb0\xe7\xb7\x91\x04\x89\xa0g\xee+\x0e\xd5\x1e\xf4:\xc8\x1d\xcc"pu\x860\xd9\x1b\xb8;\x9e\xed\x13\xad\xa2\x93\x07(\x07\xef&lt;\tq\x134\xbbST\xf1\xea\xf8\x8aT\xc7\xf1\xa6\x91H\x1f\xb6\x97\xac)\xdbGsGp.\xe9\xee\xfc\xdd\x82]\x16\xca\xb0u.\x0c,\xf9\x97\xb6$\xe8\x11M\xc2_D:\xbbQa5KC\x137\xd5+Vj\x03z:\xae\x00\xc1?\x9c\xa7\x1a0\x87\xe0\xceg\xc79Z\x97\xf5$\xfe\x8e+\x149\xe6Rsj\x8d\x1dh3\x92\x9e\xc9\xd3\xcb\x18\xce\'\xc23\x0c\xbc\xd3\x95\x8dG\x91?,4\x1b\xf5\x14WE\xcb\'\r\xbc\xaf)\xf8e\xf0\x12c\xad\x85]%\x87\xc8Z9\xa8\x1a^\t^\x1eAg\xc3\xa7\xbf\xc3\x00b\xff\xba\xcf\xfa\xbb\x8c\xc1sc\x8f_&lt;\xc5F\xb6\x15\xe5\xa8\xb8\xb450\xddT\x0b]I\xcd(]\xd1\xcc\xbc\xdc\xaa\xed\x12\xb0F\xd4]\xb8\xbe~%M\xb0\x92-\x03\x1f$\xbbR\xe1F\x0b\xa1\x13\xcc\xd8\xde\xb4\x92\x8d\xc7a\\.\xcd\xdb\xa55_x\xf0\xb9\x8e\x89\x1e@\x13\x11L\xa6h\xb4jr\xea\xdf\x99\xd8g\xdc\x95\r\x95e\x94\xdc\x10\xa4F4\xeeZn\x1dQK\x043\xdf\xd8\xed\xc9\x12\xf9\xc1\xa7D\x97\xa2N\xc9\xf4\xab\xb7}C\xb9:\x1a\xf7(PS\xfe\xd5\xf9%s\xd2\xed\x14`\xa7\t\xab\xb5\x1c\\\xdc]\xfdjG\x18\x8c\xce\x11\x13b\x15K\x18\xd5\xd7\xde\xd2\x9a|h\xe1U\xd5\x1f\x16\xb0\x17~\xb18\xc9\x1e\xa6\xf3\xf8j\xc3b\x02\xff\x84\xd2K\xdf \x96\\\x9c\x1e\x07ozU\x86\x86&gt;\xec/$\xcb\x04\x92\x8eB\xbbp^\x88&lt;\x90\x18\'\xb3\xb1\xfa\xe5\x17\xa9ua5\x7f&amp;\xce\xaao&gt;\x8f\xfa\x9d\xd7l\xfdAs\xc6b8\x171ch`V\x8fI\xb1\x86Y\x02\xc9)\xee\xf8\xda\x1bS\x88\x7f\xb4\xda\xfc-\xf0\xe9QG\xde\x1a}\x8e\x86*\xa4\x1b \xe0Y\xf2\x85\xa6m\xeb\xfa\xf3\x84\xa5\x1f\xd3\xb4\xbe\x8cZ\xf0&gt;\xf9wxe\xa5x\xa0\x9fc\xf9\x11\xa0V\xb4\xae\xbfE\xe3^IM\xb5\x10\x0f\xaeQ\x87N\x01\xc1\xdf|W\x10\\\x00\xbf\x86\xd3\x02\xedg5\x13\xcf\xdecM\x85\r\xa4\x10\xd4e\xe7\xb6czf\x9c4\x9dR\x12\x87W\xff\xcf\xf7\x08Os&lt;\x89\x85X\x18\xfbT\xbd\x1a\xc0F=\xc8\x9819\xd5\'z\x05=\xb3\x1fV\x18\x9fY\xbbs\xaae\xba\x1e\xab\x11\x05W\xf1\x01f\x02\xba\x84\xe0\x9a\x0ej\x8e\x8fE\xe0\x19\xa7C\x11\xfa\xee@\xeeQ\xa0\\P\xf2\xd8`MJ\xbc\xa0\xa9\x1c\xbc\x00\x9cZ\xbb\xdf\x9a\x85v\x8f%i\xb6\xac6p&lt;cw\x0b\x02\x80\xe2\x19X*\xb9\xc6\xd6\x90\x05N\xd5\xce\x1b^0\xfcE\x82\xee\xc8\xed\xd5\xf3\xaf;\xbc\x19\xf2\x16\x89\x83\xb9o\xef\x17\xbfjU\xa4\x01H\x98\xfc\x0e\x93\xa6\xefD\xad\xebt\xbfh\x0c\x7f\x98\x05\xe7\x02kw\xfbD\xe5j\x90\'CR&amp;\xe2\xae\x19O\xbb7+\x98?)\xa6\x9f\xfc\xad\x06z\x9e@\x06\xab\x04\xefl\xac\x1c\x9f\x99\xec\xfc\xaa"\xd4\x83\xbb\xc1~=\xc3\xc6\x1ec\xa8\x83\x95\x00\xec\x02\xb0\xf1\xb6W\x06\x93\x17\xc6\x90\x99\xe4\x06\xe6\xfcO\xbc\xc0\x1d\xc2\xf7\x0c\xca\xc2\x15?\x9f\x9ciG\x8fN\xe9\xdb2l\x84K\xf6\xf0\xf6\t\xb90Hs\xb0+\x03&gt;\x10Hh\xc0\x03\x07\xa0$\xef\x97\xdaU\x96\x00S\x1e\xb7s\xbf\xd1}\xc9\x17;"\xab\x07q8R\x90\xca\xa0X\x08\xd6\xc5\xd37\x93\xb0UPZ\x19\x0c\xa3\x97\xc9\x86\xd7\xba\xb8\xe1\xc4X\x1d\xe7\x9d\xeb\xdc\x80\x88G_\xf8kl+\xfa\x90kq\xa3S&amp;\xad(\xbfM\xe6\x97c\xd9]\x0c\xbd9\t:U\xcdK\x0c\x95d2\xc5\xf5\x9fh\xab\xf4x\xa7\xd0\x93N\xb9\x00:\xccD\xcf6\xe34\xcae\xc6\xea\xeb\xe0\xa9&lt;\xe2\xcaOA\xdb\xa8\xde?\xbfy\x87&gt;\x9b\xa3\xb7J5f?\xc3J\xee@\xe3L\x1a\xc2i\x0f\xd0\xbd\xd2e\xbc.\xcd\xe4\x9b\x87?&amp;\xa7\xb7\xd9\x1c\x9b7Iy"\xd2\x1f\xd9m4\xcb\xe8\x9b\x92\x13\xb4W\x7f\xffC\xe1JH]\x83\xa5\xf3\xddh\xf2\xf4@\xc7.X$\x84\x06JR\\\x9b\xc9S?\xf2D\x17\x18\xa0\x18K\x1c\xe6\xf3\xf7\x12\xd5Z\x81\xd2z\x89\x88`*\x0f\xa8!\xd3am\x9b\x8fR\xbc\xb58\xd5\xc1B\xa9\xb6s-\xb4\x86\x81Y\x04#6}\xa5p\'&amp;\xddY\xa6\xf6\xef^\xfc\xf6\xe4r\xf9-\xbc\x82 F\xd5\x93\x97\xe8q2\xf2"\xf44\xed\xa8a6\xb9\x97&amp;\xb2E^\x1eq\x14\xf4g\xccn;:\x16\xb5\x87#\xc8\xa3op\xa16\xafN\xe8\xf0\x85Q\x16,&amp;\xd0\xc9\x89\x85\x13S\xed E9]\xbf\x1f\xc0J\n\xc0\xac\n\x87\n@\x94\x92\x14aP.zQ\x13\xd5E\xa7\xfas\x94\x17\xc2\xa4Yz\xc7\x1a\x13\x87\xc3S\xc2\xc18\x10\x0ccj\x99\x9c\xf7li\x1b\xa3\x93\x08$\xa5&lt;b\x89\xcaD2\x96\xd3\xb8b\x98\xce\x10X\xb7^|x\xfd\xae\xc3\x10\xb0\x9869d\x9d\xbd\xec\xf9\xaaV\x93t\xe058\xd3J\x820j\x12\x89\xe7\x0c\x1aLz[~%2\x0e\x19\x07\xbf\x15\x1b\x04\t\xb7x\x94\xcb&gt;rp~\x0f\xff)\xc6\xf9\xc9\xbe\xa92k\xcc`\xff\xa8t.K\x17\xfcw\xc6W\xea\xba\xfc\x84\x99\x83\x057\xbe}\x95\x90n\x90R\x8fTp\x8b\x10\xdaA\xd2\xef\xd2\xbeU\xd8_\xd06lq;\x90lP\x10\xe0\xde_\x1c\x1d\xe5\xafO\xc7[\x97\x94\x96\xd1\x9d\xd8\x00\x95P\x91\xae\xba4\x1d\xea\xc5\t\xef1\xe00KG\x89\xba\xe9\x9dP$\xb2\xde\x12\xce\xc3O\x8d5\xd0\x0b\xfc&amp;\x03ooo\xb8\x0c\x907\xa0\xd6\xd2\xf4E/\xa7S\xff \xa3&amp;+Z\x83\xaa\x8a\x80?\xb5^\x8e\xec\'\xc73\x88x\xa3\x02\xf8\xd2\x8a4\xf7U\x0eo\xbe\xa0\xb8\xf3\x0b\x93\x11\x9d\x96\xb6z\x18\xa4P\xc3\xedF\x19\xe4\x89@\x9e\x9c\xb4!\xbc\xa2\xa3\x19\x02\x05\xaa2\xa9\x06\xcc\xd4\xf7\x1b\x12\xf2\x94\x7f\xfe.\xf0&gt;\x17\xa4\xc9\xf5\x99\xf4H\xe5\t\x1c\xbd\xfa\xbf\xc3BSEz\xe2\x08\n\x96\xa3 \x1c\xfd\x11)\x13n\x93\x96\x81\xfc\x01b\x11\xa9%\xeat\xa7\xc5\xd7\xb7\x11~\x94C/\x9a\x16\x9c \xa6\xbff(\x08\xaa\xc4\xc2r\x16\x9a\x8f\n\xbf\xff\x0fhON\xf6\xbe\xa6V\xa7\xef{M\x0c\xcb\x91\x17,a\x1cx\xce\xdb&amp;7\x19\xf2\x865\xbc\xa3\x9b\x93\xc8\x80\xae\x1a\xff\xa2V\xe0?\xb7\\\x8b\x954\x96F\xa0^3{\x17\xa5\x07\xcc\xe3\x90f\n\xd8\xc9\xd6hJ\xb1rh\xbb\x02\xd3\xbe\xf2[%\xe0.t\xd5\xaf\xb9\xca\x8e\xdc\xe4\xf00\x15\xc4\xb8\x07\xeeUb\xcf\xdd\x85\x07\xa8\xc9P\xa3\xc1\xba\xab\x95hV\x84\x85T;\x12\x8e\xa3|\x96w#@o\x84\x9eZW\xe6\xed\xe9\x90\x9e/\xaf\x8d\xda\xdc\x15\xb3=\x8ds\xaf\xb4lGl\xcf\xd7\xc5?[\x8f\x92\xc1a\xe1fF\xdaL\xb4\xa6\xaf\xc4o\xe17\xc0\xd7\xce\xa1\xd1\x84&gt;)G\x14\x92A\xa0=#\'\n\x9f\xef\xec9=\x0f\x7fi8\x1d0)$\t\x14\x95\xeb\x8d\xb7\xa3\xa1\xf8\xac8\x95[\x1e\x8e\xdeWND.\xf3\xd3\x00\x89\xd3\xe9\x84\xf3(]\xa0\xc9\x8a\xd7\x92\x7fk\xab\xab"&amp;\x92\x8b0\xe7D\xe1^:\x8b\xfe,\xd8\xb7\n\t\x95\xb6I\xb4\xd7\xecd+C\x80\x90n\x0cSck\x7f&gt;\x84\xb8R\x0f\xf0\xce\xb4r\x9d\xc9\xac\x02)\x05\x05\xebUt\x1b_\xc7[f\x15(\xf3\x93\xd2d\x97\x1aO[\x12\x99c\x88P\xe3\x06\xb938c&amp;{\xfe\xf5x\xa0\xacD\x1e?u\xf3\x19\xed\xf21\r\xcb\xdaRJ\xf4\x92\xbd\x92?1/B\xdez\x82\xe8\x00p=}\x99\x02\xd1U\xca\x1f\xa7^r\xe2\xc1\rH\x1fX\x06Io\x9f-\xc3u1\xe3\xdc\x9d\x84O\x93\xe1\xc2H\xac2\x81U)U_G\xcd\xbfo\xc0\t\xca\tm\xbal\x153\xd3Q\xa8\xb9\x1a^\xa7\x8e\xdc\x17\xa8T I\x7fED{s\xd0F\x14\xae\xbcD#MQa\x96S9S\xc5\xdcY\x90b\x049\xd5q\xc1)tb\xe6+\xb9\xf6\x8f\x88\x16&lt;\xeb\xccs\n\x98\x80\x84R\x19\x03\xf6%\xbb\xe4\x9f\xf2\xc4S\xcd\r\x13\xdf!\x95[\xc3\x11\x10\xdf\x96~\x10\xe7\xb6\x07\x8e\xca\xda\xbd\xbb\xf5X\xebO\xc2\x94BYi\xd6#\xf6A\xbc\xf2\x02\x18?\x86H\xa3k\\\xb7C\x96$&amp;\xac\x07@\x98\x80\x96\xcb\xaf\x8c`\x14t\xef\x07B\xda\xc5\x8e\xdd\x83+\x91\xda\xe7\x7fz\xd6x\xdd!Q\x8d\x07\x99v\x9d\x89n\xf2\xf4\x0fL0\xfd\xca\xe0y\xbeg\x04\xc2\xd1=8\xea\xb0\xfd\xddm\xa1\x90\x1e=&amp;\xe4\x08z\x87t\xe0\xde\x85\xf6T\x80\x91\x89\xd1/\xd0\xd8\xc2\x9a\xf2\xbf\xb3\xcd~&amp;\xa4\'\xcd\x81F= \xf6h\xbck\x9e\x86\x0c\xe4}\xa2\xfcn\x89\xf7R\xa2\xfa\xf1Gr\xd7tH\x16\xbe\xba\xd8\xc8\x17~\x7f\x17b\x92v\xba.\xcc\xd5\x91(\x8bJ\xed\x8e\xd1\x16\x11\xe16\xe7\x89r\xb5@\xe0\xb2\x1fw;\xadN\xe2A\x18y\xe2\x05\xaa)\x1a\x17\x19u\x97z\x11\xf5\x964\xcc\xd1\xaa\x10\x04\x15\xab.\x07\xab\x02\x96\xf3F\xd7\xf3v\xeb$x\x9a\x19t\xa89Hz\xad0D4Q_ \x10]\xb9L\xfa\xcdu\xb3\xec\x83\xa9Do\xc2\xfa\xdf\xd4V/\xb7H@\xfb\x10\xe8}Mf\x19\xf3P6\xed\xb6\xf4\x14\x00\xf6qUp\xc4Ld\xe6\xee\xed2y\x1cQ\x99\x0e\xf2\xcb\xfcg\xb2D\xbb\xe3\xd4\xb5\xfd\xe6&gt;\xc5\xb2O\xc2\xfbl]\xfa\x9c\n\xbe\xa7\xe7~\xa4\xa4(&gt;\xb7\x89\xd4\xbf\xae\xa8G\x9e\xd0[\xea\xd7\xbdI\xbd1\x9a^B\xe8\x88\xa58r()\xfa\x17\x9e\x7f\xcb\x8c\xac\xf1\x93\xfe\x8a\n\xf1I\xfb8\x8b\x0e\xa0\xb8\xcf\x7fg\xf3V\xa7\xf7\xed\xbb9\xca\\\xf1"\x00\xdc\xdd\xfb\xb8E\xac\x0c\x14a\x17e\xd0\x9b\xa5\x0e\x94\xe9'</t>
  </si>
  <si>
    <t>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</t>
  </si>
  <si>
    <t>b'D\xe6&gt;\x8e\xe3\xc3\x11\x94\x1c\x8b6\xd9\xdf\x86\xb7\x95'</t>
  </si>
  <si>
    <t>, so we compromised and did a product launch that turned into a
 Kickstarter.
 â€œCrowdfunding is incredible because thereâ€™s a time limit. People see
 something they wantâ€”your product, or the idea of your productâ€”and they
 see a clock that tells them we need this much money by this countdown or
 youâ€™re not getting this thing you want. Kickstarter also has shoppers who just
 back products on the platform. They have 15 million backers, and more than
 a third of those are repeat backers who come back and back and back to
 promote products.â€
 Product development for Cathryn, like any other brand, was a long
 journey with a lot of changes. â€œWe listened carefully to what our customers
 were saying. We gave journals away for free and took feedback on how it
 worked for users,â€ she said. â€œWhen people get to be a part of development,
 they feel ownership over it, and they feel part of the success of the company.â€
 Cathryn also stacked the deck with an email list sheâ€™d been compiling for
 three months, through content sheâ€™d been putting out on Medium.com. When
 launch day on Kickstarter came, they had the incredible luck of getting
 tweeted by Arianna Huffington as a boost to their name recognition.
 Their Kickstarter for the BestSelf Co. SELF journal was funded in a
 scorchingly fast twenty-two hours. Part of the success was how they priced
 their funding levels to get Kickstarterâ€™s platform boost. â€œThe Kickstarter
 algorithm prefers number of pledges over total amount pledged,â€ Cathryn
 said. â€œSo, for instance, if you have ten pledges of $500, and someone else has
 a thousand pledges of $5, youâ€™ve raised the same amount of money, but the
 other company will have gotten far more attention. We used this to our
 advantage. We had a one-dollar reward level on our project, and it
 skyrocketed us onto the platform.â€
 Early-bird rewards are also a huge hack to get more exposure. â€œThe secret
 to funding fast is to set up early-bird rewards that equal your funding goal.
 People love getting rewarded for getting in first, and you get funded fast, look
 successful, and the algorithm loves you. We set it up so we only needed 200
 early backers to hit our whole goal.</t>
  </si>
  <si>
    <t>b'p\x05x\x17&gt;\x82\x9f\'(P\xc1#\xb0\x8fs|\xcaX\x0eg*\x99\xa5\xa8m\'\x83\xfc=g\xcc\xc6\xbc\xce\xed/\xfa\xeco\x91\xaf\x04F\xe4[yd\xd0\xf2\xd7\x197F\xb9\x1b\xa3\xe4\xaav4\x82\xa409\xc0S\xc5\x17@\xf9.?\xa4/\xd4/{\xb4\xab\xafh\xdaf\xa3\xfa\x89\xe2-\x91!\x8d7{mp\xc1\xaf\xfe\x80\xdc\x98\x93\xd2\x9d|\x92g\xe3zW\xd9\xbd\xd83\x7f\x1e]\xa3_;\xc6j\x0b\x9a\x0b\xe7\xe2 \xf8\xad\xcc\xf0\x02-\xcaN\x9b\x87\xac\x8cg\x87\xac\xe9\xa8\x81\xf4q.\x14\x00\xcc?\x88\xfa\'\x85g9\xb4\x03w4\x0b\x83\x97[;\x07/f\xd0\xd5I\x9e\xfa\xb4a\xc5\xe5!A}\xfc\xa3\x1bnBo\xde\x97\xb9\xcb\x1d\xb1e\x86Y\x8c\xf6j\xc3\xf0\xc3$\x1fK\xa4b\xa7a\x83"R\xe6\xd7\xcb\xba0\x82\xbaV\xad\xafx\xfdM\x02\xb5\x95\xb3:+\xe9\x02@\xf4t\x9cguv\x06\x98\xc3F4\xcff\xc8\xf8`xq\xef`\xd00\x88\xddB\xeb\x8e\x89\xb8\x0ce\xaa\xc7\xf3\xcd\xd6\x95\x04/*i\xd0%6p\xf66q\x82\xcf\x97\xcems\xd6\xe8\xe1x\x14\xc0H}0-\x8a\xcd`~@*;\xac\x9d\xb0\xde}\xf7*uH\xd9\x80\xa20\xd3O\xf6[5\xd2\\\x98+\xdfL\xa1XB\xc1.&lt;y\xe3C\xc6\xadHA&lt;\xf4\xb9bz\xab\x8dm\x14\x98\xb2\xf1R\x10\xd2\xd0\xe6\xf6\x8c\xbb\xf3[\xdd\x9d\xfd\xef\xc8\xe4\xf9\x11\x0fa\xb0C\x14i`\x06\xbah\xafc\xdc\xfd\x01b-\xf5\x91\xe5hy1\xa8\xe6R\x9e\x01*\x15\x17\x1c}W]v\xf6%\x96\x87\x8a\x97\x0b\xec3\x01R%jc\xa7\xba\xe0Q\x13p\x81\x0c\xbd5{\x93@@\r\xff\x12s\xefp!H)\xd9O5\xc4J:\xbden\x01\x9e\x96e\xba#ae!\x84y\x82\xc7V+p\xcc7.\x8b&lt;\xee8\x14hXBf\xd7h\xa9\xc1V%\xa2\x16\xae\xd1\x19\xa9\xda\xa1GS@F\xf07K]\xb5\x9a\xc6\xbfe\xca|\xb8\xaf\xd0_\x18w\r|\xdb\xaej_\xc3r\xe5\x98\xae\tu\x01(\xa6\xb1\\\x9b*\xb1\x95\xeeO3E\xda\xf9\xe6\x02\x1cz$\xe0\xc4\x0cC\xda+\x07\x88\xa9\x10`\x12\xe7S\x18\x9f\xff;\x9a\x07\x10\x0f\xf6\xfaA\xe6\xb0-n\x91&amp;\x82] \x12\x9f\xa5\xd9\xe6P\x04;\xbe\x97\x88\xed\x02\xa0\x08No\xbc\x1d\x1a\xdf&lt;\xe2\x98\xc3\xf3c0\xe1\xa02\x819\xd9\xe6\xb3\'.&gt;\xd6\xcf\x17L1\xa50- \x03[\xe6\x9a\x89\x9f^:\x91}Z\xfa\xafPvHb\xf0H]\xfc\xb7x\xf2\xad\xd3\xa1\r&amp;k\x98\xfe\x95\xdd\xc9=\x08,\xbe\x04\xd1(\x8a\xe6\x8d\xcc\xfb\x037$=a^\xe8\xe7"\x82\x13\xe9\xe2.\r\x9d\xc8m"\xc6[G\xb4X\x13?\xca9\xb9\x0b\xd9}\r\x0f\xaa\xd7?\\9O\x9a\x8f\x978Vl\x0cgc\x08\xaf\xcc$\xcf"v\x84\xe63\x9e\x93\xf2r\x05*\xf2\xa3\xda\xb1\xe6(N\xc1y\xce\x1b@\xce\xb1\xd1\xc8\xbf\xe2\x87\x96\x91\x93&gt;\x86\xb8\xda\x06^\xe0xn\xcf\x95#\\\xa8\x12\xa0D\x1b?\xf2(\xeb\xee\xd8\xfa\x83\x9e;\x1a\x91O6$\x81S\xc4\xf2t+\xe9\x02(8\xb3\xd9\xf88\x01g\xe9\xda\x91\x88\xe1%\xb10\x95I\xcb\x90h\xdb\xe2\xdeVk\xc8\x81\xa8\x86~\xe7\xf2n\x1e\x04v\xff\xcf\x1bFQ~\x97M\xd4\xc1\x84\xf7u\'\xfed|m\xe5F\x94\xbd\x18m\x1b/\xa2%\x98h3\xee\xe4\xc0\xead#g\xaf7vI-S\x933\xe0\xc3\x0c\xb8[\x8c\xf6\xf4\xe5}\x9d\x96^\x9d \xef\x8c\xb7\x9d\xee\xa1L\xfe=\np\xfc,Xt\x02i\xde\xbch\xfa\xc2be%\xfc\xc8\x1f\xb4\x8dCL\xc0\xf1\x17$\xf7\x87\xe4\xe3\x82\xa1\xed\xe1}\xc8\x83\xba\xb0\x00\xb1\xba\x99\xf7n\xe9-\xc0\xc6\xf9\xfa\xeb\x8aH:l+"\xda\x1aa\x1d\xa1\xae\x95\x96\x87\x1a~\xa0\xf37P?\xef\xad\x0eFW\xd8\xae\xdfK\x03\x04"Q\xf5\x7fx&gt;)+\xd4\x01\xca\x00pk^Z%\xf1-\x1b\x0e\x1bG\xd9\xd2\xb6\x85k*Wd\xdfv^\xb4O\xb0\xe3\x97\x84\xc4\x1e\xa5\x92n\r\xe1\xd2\t\xe8`\x04\xba$\xf7\x82\xbf\xbc\xf6\xaa\xea]\x16\x18j`J\xc2\xd6\xb7U\xe7t\xa3\xf1;6\xd0\xc0B\x97\x96z\x88\xdd\xfcM*\xf3l\xdb\xb2\xc1X\xa1\xbd\x19Z\xd6\x99\xaciv\x0e\xaeA2\x98.\x08(\x9d@g\xb9\xcf\x8f\xe1I\xe6\xed\x8f\xccq,c\x98a\xe1`(\xdd\xd5\x9f\x9d\xbd\x0ce\xbcQxn\x0e\xcaX\xcc,\x86\x05\xce\x01\xa0\x87C\xab"s\x10\xd7\xa8Qn\xec\nK\x0e\x1f\x15YRT\x0f\x03\x19\xd0\x11SP\xb7\x17\xfe\x04y\xa8\xc6\xef`\xff\n\xdc\x95\xcf\\\xf6D)\x8dxt\xa7\xe9l\xdcs.1F\xe2\x18\x91\xb8\xdb\'\x05\r\xe0\xda\x88O{\xa5\x05o&gt;c\x10\x1d\x87\xe4Ci\x1c\xa4\xa7em\xe3\xf4c\xd2\xb9|&gt;\x8blS37\xcb\xf9J\x93\xc2D\x96-w\x0e\xdc\xca\xe5\xa5\x8aW\xe4\xeava\xdc\xd1\x07\x92\x15\xc0}\x89\xe6\x1f\xefZ\xb1y\xfd\x90\x0b\xfe\xec\xe6\t\\\xb8t\xd3yp\'V\x83\x08q\xb5\xaf\x93\xde&gt;\x81\x1eu\x7f\x08\xceC\xd5\xd7\x9f\x86n\x1b\xc8/\xd4\xda*\xc1S\x92TZ\xff?\x06\xca3\xca~S\x8aO\xd0\xceI%X\xa5\xde&amp;\xb1\xef\xcc\xa8\xb6\xce\xeb0\x07\xc2a\xc0\xa0\xdb\x8ag\xb1v\x7f\xcc_\xef\x1fO\x88\x90\xcc4\xd3\xb2\xc4:\x9a6K+\xfe\xe2\x0c\xe4\xaa\xa7e;Z\xdeh*\xd33\x95@&amp;y\x1e\xb0\xca\x0f\xf2\x8b\xf9ka\xcfk9\xdfX\xa7\x91\x1c\x87O\x00\\\x12\x11B\xd7(\x90\xfd\xb2D\xcck\xd5\xfdly\xfb\xdel\x8eY`\x0cO\xf3\xc8\x1b\xcc1\xf4p\xdb\xf3&amp;\x12\xc0\xeb\x93\x85\xfay\x07!&gt;\xbc:J\xd6\xc9\xaf5DA!\x90\xe1\\*w\x07\xdd\x04\xa8\xde\xed\xc4J\xe0XT\xc2\xe6\xba\xff\xda\xf2:4P~\xe7H\x8c1T\x86\x0e,/\x7f\xf4\xf06\xb2\x17\xcd\xcbn\xa8D\xbf\x84L\xcb$$\x99T\xcd\xd3\xfe\x95\xd2\x8f\x13%.\xe4_\xe2`\xe0l%\xd0S\x965d\x8f(\xd7R\xe3\xccY\x05\x93\x8c\r\xb5\x9e6\x1ci`\x12\xdf\x06\x88H\xe3\x8c}0\xfd\xa8ql\x87.!~\xfa\x0f\rD\x04t\x01;\xc5m\xaa\xf8\xe9\x9bo\xed\xd5\xb8\xa7\xe7\xde\xe5\xca\xf2\x007Y\xe2\x8a\xd0e\x16W\x9a\xc9\xea\xac-"w:\x03h\x97\x11B_\xd9\x12\xa5\xd2\x9d\xa5|\xb8\x0e42Eh\xd8\x15\x9c\xccE\x8fyWy\xca\x9b\x85iy\xf7s-N\xbc\xd0&lt;"\x0f\\\x0b\xdcU0\xcd\xf9\xccf\xf8\x03\x17\xea\xad\t\xbb\xe1[\x85\xd6%d\x89\xf9\xfbQ\xc1\xec\x9dU\x08\x87\xa0\xf4\x06(\n\xb0\x10VE4;\xbb\xbag\xbfy\x8c\xb7rP\xda\x99\xb5\xebjs\x95\xd1\xf7\xc7?\x10g\xb3Q\xf1\r\xb4\xf0\xa1\xdaD\x8f\xf6K}\xdb4\x90\xcd\xe3\xad\xbfPUK\x04\xf5\xd8\x14j\xa5\xe0|\x94\xb4\\Hi\xdaL\x88T\x03\xc4\xb4\x1b\xca\xc7(\x99)\xd7\xaaba\xe3\xaf&amp;2]\xb9\r\x7fs\xf9\xab\xc4\x1e\xa0\xed\x01(\xd5\xfb&amp;\xf5\x02}:\x82\x95\x07\xb6\x90b6\x89"9\x1f$?iE\xb3\xc6\x1e\xe6qD(C\x04\xea\x91\xf9_\x82\xa5\xf3\r\x93\xe6Z\x9a\xa1@\xa9\x9c\xec\xb8\\W\xab\xe7=\x1fM#\x0e73\xaaN\x94J\xd4\xbd\xb1l3\x8c@\xb6\x80\xf9_\\\xcee\xb7\xa2C4c\xfez\xca\x96\x95|\xabx\xe2\xca\xb2\xe3\xf6\x9d^\xd7\x8d\xf9\x04_\xc0\xf1U\x1dR!\x8aJe\x13\x87\xa91^\x8b\xe2\xd0\x9b\x90z,_\xf4\xcb\xca\xc9n\x10\xe5x\xdfGo\xb4L\xca$\x9ay\x91^\xac\xf4\xc8\xdc\xa4\xd4\xbc\xdd~\xb5\xd0C\x99\xb2K\x80\xed{\x06\xf5\xbaRG\xf1?&gt;\xff\xb94\x93\xa2\x91\xca\xf32\xa1\xed\x84Z\x92\x93\x7f\xd2N!\x10;E\x97\xf6-,~\xbb\xb9S\xea\xfb,\xdbC\xbcp\x1a\xa1\x9f\xbc\xac\x13s\xb8\xac\xd96\x1d\xa9\xb9\xc4\x8f\xfd\xec\xab\xe4\xf7\xb2#:1\xd4\xd6rA\xd6;\x82\xae\x80\xf8\xc3kG!\x0c\x9f\xa3{0\xcc\xf8@c}2\x93]\x90 \xa0\x81\x82\xf8_\xdf\xbd\x1d\x8c\xce\x19\x93\xe6F\xe4\x193\x1d\x86\xe9\xef\xb7\xf7FV\x019`\xe7\x1a|\xbc\x89\x9f[\xac"\xef\x86U\x8c\x1c\xd8I\x8a\x8d\xd5nN\x13\x89\x077\x03\xa7\xf9\xf0\xefq\xaeD\xbc\x88\xaf\x82]\xd7T\xa6\xf0\xa5\xd5\x91\x04t\xfa\xf9\x9b\xf9\x1b\xa5\x81\xeb\xfbD\x99N\xa0[\xe0\\\x16\x17&lt;\xdf\xd8\x02\xb3si\xc0\xd3\x927h \xc0\x9e\xf8\xca\x1c9]\xaf\x17!\xaaT*\'\xf05\x80\xaf\xfe"'</t>
  </si>
  <si>
    <t>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</t>
  </si>
  <si>
    <t>b"p\x05x\x17&gt;\x82\x9f'(P\xc1#\xb0\x8fs|"</t>
  </si>
  <si>
    <t>sts apply the specific factors
 model to economies like those of the United States or
 France, they typically think of factor specificity not
 as a permanent condition but as a matter of time. For
 example, the vats used to brew beer and the stamping
 presses used to build auto bodies cannot be substi_x0002_tuted for each other, and so these different kinds of
 equipment are industry-specific. Given time, how_x0002_ever, it would be possible to redirect investment from
 auto factories to breweries or vice versa. As a result,
 in a long-term sense both vats and stamping presses
 can be considered to be two manifestations of a sin_x0002_gle, mobile factor called capital.
 In practice, then, the distinction between specific
 and mobile factors is not a sharp line. Rather, it is a
 question of the speed of adjustment, with factors
 being more specific the longer it takes to redeploy
 them between industries. So how specific are the
 factors of production in the real economy?
 What Is a Specific Factor?
 2
 Diminishing returns to a single factor does not imply diminishing returns to scale when all factors of production
 are adjusted. Thus, diminishing returns to labor is entirely consistent with constant returns to scale in both labor
 and capital.
 CHAPTER 4 Specific Factors and Income Distribution 53
 where is the economyâ€™s output of cloth, K is the economyâ€™s capital stock, and is the
 labor force employed in cloth. Similarly, for food we can write the production function
 (4-2)
 where is the economyâ€™s output of food, T is the economyâ€™s supply of land, and 
 is the labor force devoted to food production. For the economy as a whole, t</t>
  </si>
  <si>
    <t>b'0E\x02 hf\xe1\xc4\xc3\x98\xca\xc7Nc\xc9/\xc6\xc6k\xaaz\xbb\xb7\xc4\xdf\xdd\xe9]O*2\xc8\x19\xc8\x07\xfa\x02!\x00\x83\xf7\xa2cgw\x1e\x10; \\\x9a9^-\xdd\x84\xe8\xdb/\xb1W\xb4\xe7\xc0aE\xd4\x14\\2z'</t>
  </si>
  <si>
    <t>304502206866e1c4c398cac74e63c92fc6c66baa7abbb7c4dfdde95d4f2a32c819c807fa02210083f7a26367771e103b205c9a395e2ddd84e8db2fb157b4e7c06145d4145c327a</t>
  </si>
  <si>
    <t>b'0E\x02 hf\xe1\xc4\xc3\x98\xca\xc7Nc\xc9/'</t>
  </si>
  <si>
    <t>)
  Ï‰
  Ï‰
 0
 Îµ
 2 1 +
 1
 1
 H PB
 H SB
 Figure 15.52 General Chebyshev response.
 exhibiting a peak-to-peak ripple of
 Ripple|dB = 20 log _x000E_
 1 + _x0008_2. (15.172)
 In the stopband,
 |HSB(jÏ‰)| =
 1
 _x0002_
 1 + _x0008_2cosh2
 _x0003_
 n coshâˆ’1 Ï‰
 Ï‰0
 _x0004_, (15.173)
 revealing the attenuation at frequencies greater than Ï‰0. In practice, we must determine
 n so as to obtain required values of Ï‰0, ripple, and stopband attenuation.
 Example
 15.27
 A Chebyshev filter must provide a passband ripple of 1 dB across a bandwidth of 5 MHz
 and an attenuation of 30 dB at 10 MHz. Determine the order of the filter.
 15.5 Approximation of Filter Response 751
 Solution We set Ï‰0 to 2Ï€ Ã— (5 MHz) and write
 1 dB = 20 log _x0002_
 1 + _x0004_2, (15.174)
 arriving at
 _x0004_ = 0.509. (15.175)
 Now, we equate Eq. (15.173) to 0.0316 (= âˆ’30 dB) at Ï‰ = 2Ï‰0:
 1
 _x0003_
 1 + 0.5092 cosh2
 (n coshâˆ’1
 2)
 = 0.0316. (15.176)
 Since coshâˆ’1 2 â‰ˆ 1.317, Eq. (15.176) yields
 cosh2
 (1.317n) = 3862 (15.177)
 and h</t>
  </si>
  <si>
    <t>b'\xe6\xc9%\x06/\xc0\xc8!L\x8e\x07*\xc2\xf96\xad'</t>
  </si>
  <si>
    <t>e6c925062fc0c8214c8e072ac2f936ad</t>
  </si>
  <si>
    <t>country debt crisis began in 1982 (see the next chapter), U.S.
 bank regulators imposed tighter supervisory restrictions on the lending policies of
 American banks and their subsidiaries. Over the 1980s, the share of U.S. banks in
 London banking activity declined. Can you suggest a connection between these two
 developments?
 7. Why might growing securitization make it harder for bank supervisors to keep track
 of risks to the financial system?
 8. Return to the example in the text of the two countries that produce random amounts of
 kiwi fruit and can trade claims on that fruit. Suppose the two countries also produce
 raspberries that spoil if shipped between countries and therefore are nontradable. How
 do you think this would affect the ratio of international asset trade to GNP for Home
 and Foreign?
 9. Sometimes it is claimed that the international equality of real interest rates is the most
 accurate barometer of international financial integration. Do you agree? Why or why
 not?
 10. If you look at data on the website of the Bureau of Economic Analysis, you will see
 that between the end of 2003 and the end of 2007, the net foreign debt of the United
 States rose by far less than the sum of its current account deficits over those years. At
 the same time, the dollar depreciated. What is the connection? (Hint: The United
 States borrows mostly in dollars but has substantial foreign currency assets.)
 11. In interpreting ratios such as those in Table 21-1, one must be cautious about draw_x0002_ing the conclusion that diversification is rising as rapidly as the reported numbers
 rise. Suppose a Brazilian buys a U.S. international equity fund, which places its
 clientsâ€™ money in Brazilâ€™s stock market. What happens to Brazilian and U.S. gross
 foreign assets and liabilities? What happens to Brazilian and U.S. international
 diversification?
 FURTHER READINGS
 Markus K. Brunnermeier, Andrew Crockett, Charles A. E. Goodhart, Avinash Persaud, and Hyun
 Song Shin. The Fundamental Principles of Financial Regulation. London: Centre for Economic
 Policy Research, 2009. Comprehensive review of regulatory approaches to financial crisis
 prevention.
 Ralph C. Bryant. Turbulent Waters: Cross-Border Finance and International Governance.
 Washington, D.C.: Brookings Institution, 2003. A review of the growth and regulation of the
 international capital market, with emphasis on the interdependence of different governmentsâ€™
 regulatory decisions.
 Barry Eichengreen. â€œInternational Financial Regulation After the Crisis.â€ Daedalus (Fall 2010),
 pp. 107â€“114. Description and critique of the current institutional framework for global coopera_x0002_tion in regulating international finance.
 Stanley Fischer. â€œOn the Need for an International Lender of Last Resort.â€ Journal of Economic
 Perspectives 13 (Fall 1999): 85â€“104. Focuses on the IMFâ€™s ability to function as an international LLR.
 Charles A. E. Good</t>
  </si>
  <si>
    <t>b'0E\x02 #\xa7a"\x92t9\x06\xe1B\xb1\xc8\xe6\x8f`]\x99&gt;\xce\x13\xebp\x03\x8e\x0e\x12S\\&amp;\x11r:\x02!\x00\x82"\x0b;UR\x05\xf4\xdaA\xbe\xb0c\xa51]nV"H\xde\x19\xc1\x9f\x01~@\xd9y\x9e\xbf1'</t>
  </si>
  <si>
    <t>3045022023a7612292743906e142b1c8e68f605d993ece13eb70038e0e12535c2611723a02210082220b3b555205f4da41beb063a5315d6e562248de19c19f017e40d9799ebf31</t>
  </si>
  <si>
    <t>b'0E\x02 #\xa7a"\x92t9\x06\xe1B\xb1\xc8'</t>
  </si>
  <si>
    <t>se careers (which were intended to end with
marriage) shows a definite admission that women could participate in some spectacles
without damaging their status, and further suggests that in the Greek east (though
not in the Latin west) parental support could be found for girls who wanted to
perform in a variety of stage and athletic events.
The impetus for this movement appears to have come from Sparta. A feature of the
refoundation of the traditions of the agoË†geË† after 146 BCE was the creation of an
extended course of athletic training for girls (Cartledge and Spawforth 1989: 206;
Mantos 1995: 134). In the twenties BCE Propertius wrote:
Sparta, I marvel at many of the rules of your wrestling ground, but most of all at the
many delights of gymnasia where girls train, because a girl exercises her naked body
without shame amidst wrestling men, when the ball deceives the arms with a swift throw,
and the hooked rod clanks against the rolling hoop, and the dust-covered woman stands
at the end of the track, and endures the wounds from harsh pancration: now she ties
joyful arms to the boxing-glove with thongs, now she turns the flying weight of the
discus in a circle. (3.14.1â€“10)
Spectacle 405
Propertiusâ€™ vision of female athleticism offers important insight into some aspects of
the account of the reforms of Lycurgus, the legendary Spartan lawgiver, written by
Plutarch toward the beginning of the second century CE. In composing his account,
Plutarch was plainly influenced by contemporary admiration for what were felt to be
the benefits, both in terms of health and morality, of the existing Spartan system.
Thus Plutarch says:
He [Lycurgus] exercised the bodies of young women in footraces, wrestling, the casting
of the discus, and of the javel</t>
  </si>
  <si>
    <t>b'\x97\x18\x10=L2\xaf\x7f\xe7\xa0\x07\xd5\x15\xa9\xe14&lt;\x01\xf4%\x04\xfb\x9e\xb9\xd6\xf0\x9b\xe1e%1\xa3\x9a6I\x03\xb7\x86y\x84\xef\x04\xc4i\x0e\xba\xf2|\\\xee\xf10\x11g\xca\xf4\xfe\xc6\xf5q\t\xd8\x08$+\xc4\x1e\x95x\xd5:~\xa1K+\x8fb\x11mH\rp\xf8\xa7x\x08\'\xff\x8b\x17S2Q\x8f\x7f\x12\x98\xe0\xd6n\x83\xee\x0eKN\xc8j\xbdMLB\x8a\xb5\x0f7\xc0\x04\x8b\xe6\x8c\r&gt;\xe7\xd1\xdc\x90\xcf\x10\x92\xd0J@\x9ajlcwb\x1a,\x00\x03a&gt;)\x95U\x0b\xb0\xe4P\x81\xfb\xc4g\xc7\x92K\xed{\xeb%\xd1\xdf{\xc1DvB[\x86yyl\xd7\x04\x15\xf5$\xd8\xc0I@;#!\x83\xe7\xc3w\t\x0e\x12\xa3\x9d\x90_`\x00E\xf8\x85\xea-\x9b\xa9\xe5\xd4\xc7\xa5\x98\x0e\x8e\xae\xb7\xea\x93\x11\xea4\xc9\x06WP\xd7\x0c\xd1\xe7V\xa5\x1f\x02z4\xc4\x13-*\xa9a\xc6\xacG\xce\xaexZ\xcd\xf0\xb0m\x11Xi$t\xad\xbf\x8c\xca\xa6Z\xa0j\x8fU\x8b\x11\x81\x93\xbf\x82\xf0\r\xd4O:0Q\xd3N\xcf=\xbb\xe7\xed\x1aq\x81\x9e1d\x1d\x12\x83\xbe\xd0\x03%hz1\n\x17\xa0\x05.6\xaa"\x16\xf9\xfal\x91\x8d\x9f\x04V\xb1\xcbX\xa5\xad\\\x89a\xa6s{\xdbK.0\x10O\xda\x07@\xbc7c\xfe\x92\xa9\xc7\x02\xd5\xb2\x0eolNq9\xb8(`\x9dP\xb6\xe0\xa7\xb1\x84\x1e\xbe\x04Y\xacoOVY\xc4\xcb\xd4\x9d\xbd\x1a|K\x9a\x97\x82\x89\xc57V\xf2\x1b\x9d\xa3Y\xd3\xda\xa2\x0b\xbf&gt;\x07\xe7\xee\xb7,oj\xaf\x90\xeb~D\tR+Y\x17r\xb2T\xf3\xdaeb\x91\xaf\xb2\xa4\x85\x8fVWzw\xcf\x99\xd9%c\xba\xcd\x95u\x08`\x96\xe7Q&lt;l\x0f[h\xdb\xf9z\x80\xa8:D\x03\xfb;\x1a\xf9\x05\xbcb"\xec\xc9\xd2qC\xc5\xcb\x03\x88bi?/C\x1a\xcda/\xbd\xb2\x81\xba\xfd]}\xa6Qg*\xadB\xf8r\x89h\xfa\xe8\xe8:{s\xa8CK5\xa4\x1e\x88`\xf3\xe6\x9ev\xad\xb9J\x8b\x1ciO\xfe\xe9(\xf8\x19\xa9\xf4\x93z\xaa$.\xe2\x8b\x08\xb50!\xf8:\xc6\xb3*\xc2/2\xc0\xf4^\xc3\x17\x1eE\x10\xb2\x8a\x9f\xcb\x0b\xd4\xd1\xf8\xd2\xe0\xb3{e6\x9a-W\xe2\x90\x0f\x8d\xb3%~\xfb\xb9\xc3\xa1\x8a3&amp;\x85b\x0fD\xd3G\xb0\xfe\xcd\xb7=y\r\x17#\x89\xda\x81\xa0U\x9d\x80\xad\xa4vcI\x0b{,j\xe4\x1d\xbe\xcd\xf9\x99\xe8\x02b\xcc\xe9\x10ZO\xfa\xf2`\'^\xb2\x85\xe7U\x11\xc5\xd3\x10\x1c\xca\r\x88C\xb7D%\xbb\n\x83\x89\x1a\x81\x85\x8e&amp;\x8d\xbd\x8b\x8d\xc7o\x98\xaa\xb9\xd3CN\xa4\x97\x1d\xb0\xd9\r\xe1\x9cIc\r\xc6D\xeb\xb9\xf9C;\x9b\x1c\x14\x0e\xaa\xe4&amp;#i\x8b\x94\xa4`\xf3.{\x93\xe2h0\xec\xc0TT\x8f\x08rj&amp;\xd2(\x14\x11C\xc3\xcb\x87m\xea\xe5\xbbMVd\x08\xd5\xbc\xa8\xec!\xe7\xe0\xf7\x05\xc4\xdf\x07+\xe4\x07\xc2}T\x8b\xb3\x13\xbd\x98x\x9bx\x8ak?\x9fz8\x0f}\xc3\x9a\xb8\x95\xe3\x11(5\x06\x98\x01\xca\x99\xcc\xeepM-\xed\x0b\x03\x14\x0fe\xa7\xa5\x8f\x12\x83\x1a\x12\xe1\xd92\x08\nf\xb3np\x92\xa2h\xe4:j$\\\t\xee\xe7\xd26s\xd2%\xc0\x8b{\x92}\x9b\xbc\xa1\xbfxK\x9cy\xe3\x0b\xd8\xbb\xc4 \xfc\xa7\x87N\x03A`\x1c\xf3\xfb|\xbam\n\n\xe7\x7fC1\x05lYc\xea\x85(\xb0\xd5m\xe0\x94\x9f\xa74\xa6fl\xa4\xab\xaeJ\x04\xab\x8aLR3#q\xec\xca\\\xb5wc\x94\xbfD\x9b\xf2\xe6P\x7f\x8b\xaf\x08\xc7\r\t\x82\x9fhk\x06_\x99\xcb\x9a\xe7\xd3\xc1C^&amp;r~+w\xa1\xa1\x97\x97\xa5T\x84\x1c\xf3x\xac\xf6\x82x&lt;ZjO\':\xe85\x98\xce\x93\x91\x94\xc1\xca)4\x8f\xe4\xe0\xb4\xac\x9c\xf0\xcdg\xa3\x7fF\xa4-\xe1\xcba\x81Y&gt;\xcc\xcb\x9fg\x1e\xb5\x9d\x1cL\xc4\x88wg\xa1\xf9\xc9\x1d\x9f;\r\x96HLm&gt;\xc8\xd0\tm\xcb\x8a\xf4\xbc?L\r;\xda*\xe0\xd1\x12\xd0\xb1t\xb2\x83\xa7#W\\L\x83\x18\x8aC&lt;\xa8I\xd65\x86\xb8V\\\xac\xef\x8aL/\x7fr$\x1a\x02\xe6\xd9\x8et\xb5$i\x93&amp;\x0e\x80Z:\xe5\x16%H9\xd9\x0e\x9a\xc3p\t&lt;\xd0\xe5\x89(u\xdfz\x844\\z\xd7\xa8y1\x03\x9d4+\xd1\xc0\xb3\x84l\r\xe5\xe5R\xc9}\xcc7\xbb\xcd\xf9\xd0\x1a\x18 e\r\x9e\x17\x8fy$\xd1b\x1b`K1o\xd9\xc6\xd4\xec\x1a\'\xcc\x83M\xa6\xa3\xab\xf0\xdeULl\xa8q\x7f\xf6\xe9C\xc1r\x1fK\x9eI\x84\xac\xb4%\xd0\xf7\xa8\xa3\xd5\xa1i7\xa0\x1e\xa2\xc3\x14\xf1\xa8~\xbd\x05I\x8e\xbb\x83\x90\xcd\x8a\xf3\xf9\xb0@E\xa9\xd7\x12\x97\xca\xfby\x89\xb3\x03\t\xcdg\xab\x86\x9d\xac4\x13\xf1\xcd(\x14\xebp^\r\x97;\x80\xe0\xd51\xd7\x8d\xc4Xk\x15\x8d\x1e\xcb\x10M\xe5\xe7`\xbf\xa4\xbe2w\xd8#\x85\xd1M\xf1F=4\xb3\x07h\x86\xb9f\x88\xf9]`\xeb\xa7\xab\xe1;\x9e\x1e\x84\x103|\n \xdd\x98=&amp;\x14q*6\xe4Dq\xe58\xd0\x06-\xf4w\xa9RD\x9c\xb2t\xc3\x13\x93\x90ga\xd0\r\xe25\xdbD\x08\xf5\x87\x87\xd6w\xd4\xc99{5G\xca5\x02\x1e\xa3\xfe\xfb\xd0\xac\xe6x5\x07\xf0v\xa9\xe9\x052\x8c\xaf\x91@l\xb5TIu\xe2\xd2\xcaO\x8bxH\x9a@\xa4\xd2\x81g\x07\xb6H\xce\xac\xb5\xe5\xb3\x85\xfd\xc5\x8fL\x96v\xc9\xba\x8c,\xac\xfa\x92\x81b_Z\xa3\x84\t\x81{]_\xcac@\x14\xe3N\xbd \xf9\x89\x9b\xe4\xe0\xde\x91\xd53\xe4cO\xa777\x18\x8e\xd3b-\xca\xda\'\xa3\xe1\x0b2}h\x12oi\x16\xd3\x0cs\x83\xa6E+\xc0\xd9Y\xc0\xd9\xab\xdc\xb8~}y\xbf\x9a=].\xe7\x18\x13T|\x99\xa0\xdalghm\xc19\xbej\xd6\xed\xd2ri\xa2\x07\xb8U\'4\x87\x17o\x17\xb8aHu\x8f\xda\x04\xe39\xb8{mr}\xc6~\xa4\x1d?@({*3\xbcA\x16\xc1\xcfHf\xd2`\x08\xcf\xf9\x94\x88\x85\xede_\x0e\x9a\xe8\xf6;fs\x15\x8a\xbaYe\x08\x85\x0e\x9e\x12d\xd0jJu\xac\x97\x7f\xe0v\xc2\x950\xf4\xcc\xbd\x9b\xe5\xad(&lt;v\xa7K\x83\xd7I\x06\x1c1IWR\xad\x93&amp;\xff\xb8\xba\x9df\x98\xcf\xd2\x0fYO\xfc\xf1\xdb\xc81\x11\xcc\xe9{\x06\x90a\x0f\x82\xe5_\x83q\x91\xdc/\x99H\x8e\xe9B\x88\x99\xa1\xec\xb4\xcaT\xea\xcaO%\x96\xc8\\_\xa3\xf3\x89.e\x0b\x0bX\xec\xfc\x0f\xd1\x99\x1e\xba\x82i\xb8oo\x9d]\xad\x8a\xc0\x98\xa6.\xce8\xf4\xabn\x8cw@\x98\xaa\xdaJ,*j\xdeMpi]1e)\xcf\x8ey\x94\xff\x9e\xf9S12g\xbac\x9a\x18Q\x94\x86b\x18&amp;\x0e\xc0\x87\xa0\xbf\xf2\x95\x81\x82\xae\x9432\xc6\x99E!\xc4\x06\xb1J\xa6\xd4\x89\xb6\x8b\xfc\x86s\xd4\xd8|\n*\n\x9d\xbe&gt;\xc0\xf7\\\xa2\x91a\xf0\xf5&gt;\xe9\xb5\x91\xb2\xd9\xbb|=\xf4\x9d*\xaf\x1a\xa4\xb9tc^r\x92\xaaGT\xce\x1ed\x8a'</t>
  </si>
  <si>
    <t>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</t>
  </si>
  <si>
    <t>b'\x97\x18\x10=L2\xaf\x7f\xe7\xa0\x07\xd5\x15\xa9\xe14'</t>
  </si>
  <si>
    <t>t a practical amplifier is always a multistage amplifier. For example, in a transistor radio receiver, the number of amplification stages may be six or more. A multistage amplifier is shown in Fig. 4
5.3. Amplifier Characteristics
Any amplifier is characterised with its following characteristics:
(1) Input Resistance
(2) Output Resistance
(3) Voltage Gain
(4) Current Gain
(5) Power Gain
(6) Phase Reversal
5.4. Feedbacks in Amplifiers
Feedback : (Fig. 5) When a fraction of output is fed back to the inp</t>
  </si>
  <si>
    <t>b'\xef\xe13\xd4lO\xd6\xd9Cf\x03\x84\x10c\x0f\xba\x1b\t\xec\x1c\xb3X\x0b\x9d\x8b\xe3\xfd\xa5\xe1\x85BF\x04\xb9*Cp\xa6q\xdb\x9ej\x96m\xcc\xb4\xeb\x9aV\xbb^&amp;\x88nE\x89^&amp;\xb6\x1dB\xa6\xd97\x9e\xce\x0f\xce\x03H&gt;Y\n5RM\xeaZ\xb6b\xa2\x96\x89Q\xd0\\\x1e\xe9\x92 \xd5i\x8a\x00\xa9\xa6\tz\\\x14\xa8.\xecz\xa4\x0fj\xf4\xf8\x95\x1a&lt;\xa2=\xf6\xb5\xc0T\xc9\xe9\xf6H7$D\xa3\xf92\xbb];\x85\xd1\'+dt\x06\x82:\x95A\'$\xd8\xbd\x0c`\xc7\xeeVR\xd8\xaeVy*\xe9L\x13\xeb&lt;\xee\xd1V\x034\xda&gt;\x85\x9e\xfc\x0e{\xaa$\x1b\xd4yz\x9d\xe3\xcaLE\\\xd0\x14z\xe4\xb4&lt;\xfb6L\x8d,\x8e\xb7\xe5\xcc\x82\xc3}3\x89W!\x1cB\xba\x82eI\xe7\\\xef\t5\x05\xe5-K\xb3#\xb1\x92\x18\x9d=\xd7\xcd|\xee%\x8f/Pi\x9eU\xff\xe9\xfe\xe1\xd7P\x1f\xee\xcdF\xf5P\x82\x18\xff\xc7\xec\x06S2id\x00\x1b\x0b\x03fVQ\xc6\x8f\xe6T\xe7\xf3\xb4&lt;|\xdaT\xcc\xfe\xec\xdbc\x86\xee\xc3C\xe9\x12\xb0\xc5\x81\x7f\xd9\xae\xbe`r\xf0}\x96e\x03\xf1]\x94#_\x0b[\xa9T\xc2e\x89\x08\xc0\xd5\xe8 \x94\xa8\xac\xf7gf4P-\x92\xc5\x87\xde\xb7qw\x1b\xec\x08\xeaA\xe5\xc4\x16\xa9(\x14\x0c\xb0&lt;\xa1\xe8\xb2&amp;\x9c\x7f\x87\xd8\x89\x16Zr\x84\r\xbf~\xeb\x86\x81hX\x1bfd(w\x9cxc\x8d\xe2\xb0F5\xcf\xf9\xea!\xab\xd6\xbeXj\'\xa7`&lt;o\xb8\xc2\xab\x92\xcd\x1e\xa8\x90T\x18"\x04\xac!\xdf\x07\x85wg\xd1\xedpkV\x0c\x1bV\xfc\x90hlG\xbb&lt;\x15\x99\xc0\xc4\xf0\xb2\xfaQO\x80\x8c\x03\xe1\x93\xb9\'\xe3\r\x7f\xc7\x8d\x9cp\xc6A\x11\xd6\x13\x04\x1e\t|\xd1\x89\x93\xa0\xeb\xe9\x0cw\xf4.\xae\xf7a\x1d\xdb\x10&gt;\xb8\x8br\xb2\xff\xba\xc8\xf3-\xe03\xa7Fc#G\xb9\x8b\x0b\xad\x02U'</t>
  </si>
  <si>
    <t>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</t>
  </si>
  <si>
    <t>b'\xef\xe13\xd4lO\xd6\xd9Cf\x03\x84\x10c\x0f\xba'</t>
  </si>
  <si>
    <t>ng year of waiting to her. But he was exactly as
 fascinating as ever, and they had a lovely spring cleaning in the little house on
 the tree tops.
 Next year he did not come for her. She waited in a new frock because the old
 one simply would not meet; but he never came.
 'Perhaps he is ill,' Michael said.
 'You know he is never ill.'
 Michael came close to her and whispered, with a shiver, 'Perhaps there is no
 such person, Wendy!' and then Wendy would have cried if Michael had not
 been crying.
 Peter came next spring cleaning; and the strange thing was that he never knew
 he had missed a year.
 That was the last time the girl Wendy ever saw him. For a little longer she
 tried for his sake not to have growing pains; and she felt she was untrue to him
 when she got a prize for general knowledge. But the years came and went
 without bringing the careless boy; and when they met again Wendy was a
 married woman, and Peter was no more to her than a little dust in the box in
 which she had kept her toys. Wendy was grown up. You need not be sorry for
 her. She was one of the kind that likes to grow up. In the end she grew up of
 her own free will a day quicker than other gir</t>
  </si>
  <si>
    <t>b'\x87\xa5B1\xd1\xd8\xb7\x99'</t>
  </si>
  <si>
    <t>87a54231d1d8b799</t>
  </si>
  <si>
    <t>it to
touchâ€™â€™ (Spec.Leg. 3.169â€“75, trans. Colson 1935).
Petronius, novelist, courtier, Rome, ?60s CE [unsuccessful poet, Eumolpus, character
in novel, speaks]:
When I was out in Asia serving with the quaestor, I had lodgings in Pergamum. And I was
happy to be there . . . because of my hostâ€™s very good-looking son, so I cooked up a plan
334 Amy Richlin
how I could not be suspected by the father. Whenever anybody said anything at dinner
about the use of handsome [boys], I blushed so much, I expressed so severe a displeasure
that my ears should be violated by obscene speech, that the mother totally started
looking at me like I was some philosopher. So now I start taking the boy to the gym,
Iâ€™m organizing his studies. . . (Petron. Sat. 85.1â€“3)
Petronius [freed slave, Trimalchio, character in novel, speaks]:
I was my masterâ€™s sex toy (ad delicias) for fourteen years. What the master orders is not
shameful. I also serviced the mistress. (Petron. Sat. 75.11)
154 CE: Martial, epigrammatist, originally from Spain, Rome, 90s CE:
The sulks and pride of these boys and their petulant quarrels . . . I prefer to a dowry of a
million sesterces. (Mart. Ep. 12.75.6â€“8; on Martialâ€™s pederastic epigrams, see Richlin
1992a: 34â€“44, 55â€“6)
Dio Chrysostom, rhetorician, from Bithynia, performing in Rome, Greece, and Asia
Minor, c.100 CE:
Indeed a man who is insatiable in desires of this sort [Â¼ seducing women], when he finds
nothing scarce or resistant in that gender, scorning what is easy and having no respect for
sex with women as something ready to hand and actually completely feminine itself, will
go over to the menâ€™s quarters, lusting to dishonor those who will very soon be rulers and
judges and generals, as if he would find there some difficult and hard-to-get kind of
pleasure . . . (D.Chr. 7.151â€“2; note the slippery-slope argument. For discussion, see
Houser 1998)
Juvenal, satirist, Italian, Rome, 110s CE:
. . . taking a wife? Donâ€™t you think itâ€™s better to have a boy sleep with you? (Juv. Sat. 6.28,
34; on Juvenalâ€™s sexual satires, see Richlin 1992a: 195â€“209)
Tacitus, senator and historian, Rome, 110s CE
A slave of the city prefect Pedanius Secundus killed him, whether because he had refused
to free him though he had settled on a price or whether he was fired up with love for an
exoletus and could not tolerate his master as a rival. (Tac. Ann. 14.42.1)
Anexoletusisliterallyaâ€˜â€˜grown-upmale,â€™â€™aâ€˜â€˜ripemaleâ€™â€™;thewordoftenseemstorefer to
male prostitutes, or to boys who are past adolescence but still attractive to older men.
S</t>
  </si>
  <si>
    <t>b'\xc0\xb5yt\x18w\x18(]\xcc\xf2\xe2&amp;\xb2\xe2_[v\x89\xe3\x89\xdc\xf8\x1e\xf3y\x88\x1b\x8a\xad\xfb\x1bH\xe5\x9f\xa8l\xa8p0\xbc!\xdf:l`\x8esW\x8f&amp;\r\xd3\xa9$6J\xd1\x85\x15\xed\x9c\xc0-\xeb\x91\x10H\x0b\xcf5\xd4\xd5\xf3{\xbfcE\x01D\xafR\xbb\xa2\x93&gt;;\xd0\xe4$\xb9.\xae\xc6f\xb2Q\xda\x9bV\x89\x81\xd2\x1f\xe0\xa5\xf4s2\xef\xb9cJ\xeb\xb0\xf4\xfa\xf0\xf5RT\x03\x1e\xa7\x89\x04D\xa0\xf3\t\xdb\x1e+7\xa1\xff`~\xd3\xc5\xc4\xfc\x92-\x93\xd7p`\xcc4\xc0\xf6\xe4&gt;9Dw\xf8\xd2\xe8\x89 "g\x08\xabB\xea=d\xb6\xab\x8a\r\x8fe\xc7E\xe1B\xe1\x95x-\nf\xcb\x1c8\xe3vD9\x08\x99_\x1a0\x18&gt;#7\x8bQ\xff\xe0\xa2\xd1"6\x13\xb2\x91\xda\xf1x\x89\x99\x8c\x9b;\xcc\xfdm\x1b\xcb\x9e5\xdc\xe8\x14\x91!"\x02\x11\xdf\x05\xe0\xa0\xe2\xb4i\x85\x18oO\xab\xa3\xff\xb3N4\xb7\xb3\xb4\xd80\xa5x\xf8&amp;\x11\xb5kn\x84\xc0\xbcZ\xfb\xeb\x14\xe4\xc4\xf4.\x03q\xf9e\xe7&lt;\x0b\xd9d\xe7\xe2;\xafA\x85\x14\x7f\x17\xf7L"c\x1aF\xb5\x91\x9c\x92=\xf3fw\x00,M\x7f %\xb9Y\xf8\x08,\x07\xc4d\x9c:\x94\x16\xa3\x976n\xd7\xcaz\xe1^{\xda\xab\x04 F\x9c\xa9m\xd2\x985~1\xacC&lt;\x82B6\xed/U\xa7\x83\x06\xd7\xe6\xa5\'3\xd8\x17$%U\xd9\x0f\xc5\xc4\xe8\x96&amp;\xc0\x93\xa0\xec\xbcd\x18\xa3Ju\x0e\x1f\x171\x08\tAQ\x12-\xe1\x0b\x0b\x06\x19\x16\xab2/0\x98\x837,\x08x\x9b \xf6\x9a\xe5\x960\xcc+=V]\xda\xfc\xb4O\x15/\x82\x17c\xff\xaf\\\x1f\x1ct_\xb3\xad\xc9^\xf8x\xa8\xae\xc4r?G\xe2Mm|3\x14\xebvf\xfc\x85\xe6z\xde~\xa1\x83\x89\x17\x01\x08m\xe2M\xbb]\xa74\xd4\r\x8f\xe4\x0f6\xc9;\xbb{\x8fV|\xaco`\xaa\xf2\r\x8c\x84\xe2\x88\xd4\xd3\xe8F\xf1\x9dF\xdc\xc7\xd5\xbd\x83\xa5\xe2\xc9\xf8\xc7GN\x1d\x87\x92\xea\x1d\xca\xe1\ny\x06\xae/\x98\xb7\x1b=\xf5U\x84\xeb|\x84\x13=\x02FbF\x98a\xbcd\t\x08\x82\x05z\x9a\x89\xd6\xf5\xf0\x1b\xb9\x04\xac\x83\x1c\x99-\xb8\xcbOA\xa1&lt;\xb7\\\x16\\\xb7\x07\xdd\xaa2\xb9h\xb1MJ\xf9\xd9\x9b\xb2\x95~DK\x8b\x9d}z\x03pxY&lt;Q\x0b\xe9:f\xd1l\xb9;U\x9dC\x81\x8c\xcaN\x1c\xeeG\xc0\x82\xa9\x95t\x1fmI\xff_\xfe\xac\xf125\xd3\x19=\xcd\xbc]\xc2\xc7\xc2\x05l\xe7\xe7\xa3\xdd,\nq,X\xa4\xa63\x0c\xc0\xe4`]\xdd\xb7\xc0\x1f$\xdd\xa8[6\xa4$\xce\xd2 P\xfb\x1bn\xa7\x87\xf8\xae\xa8\x9f\x9bO\xf1\xff\x9fi\xc1\x97\xddx\x95J)\xf9\x8c/]\x08\x0e\xa3\xbe\x9a\xc4\xa2\x85\xfdY+8\xc8\x80A\xf2T\x18Uh\xf4\xd8\xb3\x18&amp;O\xc5\x96F\xd6\xf2H\x82\xba9\xe2\xa0\x0b\xec\xa95\xd4\x97\xf6\xe3\x0f\x0f\xb5\xce\xdf\x05o\x18\xb4\xc7\x95/\x8b\xb2\xd3\x07\x9e\xe5\xd5\xc5\x8f`\xb3|\xddk\xac\xa7l\xad.\x83\x9e\xec\xe0\xbd\x05\xd3\xbc}\xd2*\xd0_\x1f4d\x8d\x0f\x03[m\'\xf7\xf0\x8e6\xc8{\x8f\x9ebi\xf9H7\x1fnZO\x8e_\x14P=T\xf0F\x04I\x10\xc9\xdb\xbd s\x0e\x84\xaex \xf7}\x88\x92\xed\xc3\xf5\xcc1\xc3\xdd\x9e\xad\xf4\xf8\xd4\xd1\xf4;N\xda*)\n\x97\xc0\x06[`\x8a\xee\x191.\x8c:]\xf2r\xf5^\xa7t\x1e\xf9\xbc\x9eX\xc0\n\x04\x9c\xb7DGp\xd7!z\x93\x87\'\xbaW\xee\x86\xa3\xab\x0c\xf0\xc3\x08@\x0b\x1f\x12\x90c\xc8\x12\x95\x83T\xc4_o\x81\x8a\xa7\x9b.\xd0\xde18\x81M&lt;\xda\x83}\xa8eZK\xd6\x9a\xd2\x171G\x89hK\xce\xb7&amp;Z-5n[;\x1bg\xb5c\xc4\xe1sC!\x84\x95\xee\x9bQ\xf5\xae%k\x9c\x03\x88\xc4\xae\xbb$\x97\xeba\x93\x1b}\xf0\xc8\xefrK\xfeg\x05\xb2\x14\xf6\x8e\x13.1\x9e ]2\xaf\xf3\xf0\x1dC\xe1\xfc\xad\xb5\xb0\xcf\xa2\xf2\xba\xbc&amp;\xdbU2\xc8u6\xfc\xb6\x06Fo\xf8\x96\xf4K\xbe\x93\xf4\x8b\xe7\x08\xfa\xd6\x9aHv\xe4\x9a)\x03Z&amp;\x8f\xd2\x06\x84\x99\xc2\xbd\xf5\x93\x80y\xbdN\x84z\x8b\xef\xc6-\xb8%(\xa5}\xb4\x0f%\xfb\x91\xb6\xf7Q&gt;\xf1\x08\xf7\xc3&amp;\xe8\xe7\xaa\'\xca$\x12r\x0145\xa0\x06m\xcf\xa6\xf5\xa6\xa2\x12\xfaz\xfbq\xa8\xa7\xc2\xd9\x0b,\xa6Y\t\xd9\x81\xf5|\x01\xb3.\x01r\x0e\xa5\xa6UK\xa1\xf1\x1e\xa1\xb8N\x83\xae`a2t-\x13L\xf3\x91g\tP\'\x18\xd4\x94\xd5\xc8o\x9cO, \xb9\xb5\x84\t\xe0\xa8FG\t/m\x95\xfe\xb9\xed?\t\x156\x1am\x03\xa5\x0cBi\xed\xdc%\xce\xa0\x84.\xcd\xb6t4\x1cZay\x9em\xf7\xb7\xe8\x9c\xb0|d,\xf0\xa3\xf8\xb2\xb6\x07\xe8\x19\x88\xe8\x9c\xf9\xb3\xa5\xd9\xdc`\xa2"\xa0\x1b\xd1\x8e3\xa8@fI\xb3D\x81\x1d\xbb\x1b\xe3~9_p\xdf\xa4\xe7\xbb\xca\x96\x87U\\\x87\xe8\'\xfc\xae\x8c\xf2#L\x01ng\x1d\xd7\xdf\xa8\xe8\x0c\xed\xa0\xc4\xd2\x8a\xf0\xe9\x12\xceEE\x18\xe1N\xb4\x1c\xc9&gt;h\xa1\xc5\xbe\xe7\xa6P\xe8\xdd\x87\xaai\x82k3\xd7F\x15\xa6\x9af*z%\x97\xabg@~e\xf8\xa7n3\x11\x9a/\x9e\xeen\xc7\x13J\x80\xcfVDRa\xee\x1a\x8c\x18\xcd\x0e\xc5ltxj,@\x93\xc4Fz\xef\x89\xba\xdaK4\xda\x9c\xe0\xf7\xf9\xc7H\x13\xb6Em\xc49p]\xcf*T~\r\x01\x82\x88o\x0c\xb2M\x9f\xe5#7m\x83\x8c\x85M\xa8\xd8\xbeT\x92\x855?r\xae,\xea\xb4;\x1e{\xdfV\x17\xd2\xad\x01?\x87\xfb \xd8\xd1\x85g\x1790{2\x1a8dk\xd8r\x89\xb7pPs\x07\xea\x99\xe9\xde\xfe\x0b\x7f\x07G\xe0\xbd`\xa8?\xe7\x94\xddV1\xfb\x1e+\xce\x94D\xea\xb4\xc3\r\xf4z\xc7\xf1\x83\xb4N\x83\x81PPQ\x84{\xf1\xe0I\x08&amp;\xc4\xf3\xdc^X\x00.z=\xea\xd6t\x9b\xc3s\x10T\xb5Z\xfc\xb4\xbb\xc5\xcd\xd9\x81[T\x15?\x03)\x06w\xde\x9b\xe2\xd0\xed\xdd\xb3\xb1\xd8\xbfc\xf9~Xu\x9c.\xbdd\x1d\x03\x00E\xf9\x02\xd9\xb5U\x89\x1b\x8bF\x9bk\xe4d\xe0\xa0\xb2\x7fy\x98\xa3\xfcJT\x19\x11";\x9b\xc9\xd3\xca\xc1\xa5t\x8f\xf4C\xf9\xa6\xfc\xd2\xfd|\x11\xfcP{V\xbd\x1d\xa4\x02\xe9\x12\xeetZv\xb5H\xb9!\x1b\x17\x89\xcd\xe8\xfe~ \x84\xd5\x1c3\x16\xfb\xc8\xe8\xfa\x88\xac\xc5\r\xe4G\xbcW\xa6\x8f\xd7`+\x11\x84P\x16d S\x81\xd0f\x9f\x17\xdd\xd5\x10\xe8\xff\xfd\x88\xe5\xf23\xc9\xe5\xa1\xaeJ\x02\xe6\xa2S\xb5\x9c\xdd&amp;\xa2-K\xaa\x92\xd6p\xb2\x1d\xc4\x00\xf8\x83\x1a\xd1\x01\xe8Zc\x0f\xa5\xc1\xe1\xc3Gp_\xa5\xc4\x9a\xe5\x85?\xa1\xbf\xa74\xd8y=4\xbf{:\xd1&lt;-\x1c%\xcd\xd5\xba}-\x97\xc6\x98\x84q\xc9\xac\xd7X$\xebjN\xae\xe5Z\xe1\xb9a?\xf2\xdc\xcaC"&lt;f\x040\xc3\xe0o\x86F\xdd)\xa5\\@\x05\xa2\x13\xc4V\xd0\x1e\xd2\xf1X\xab\x03\x9e\xa1\tF\x00\x8c\xaf\x19\xb1\xf4\xae\xd3]nD\xb8\xc0\xf0\x98\xf0A\x81E\xec\xf2\x1d%\xbf\xa2O"\xdd^\xe8\x83$\x1e\x16\xa7c\xf0\x1d\x95\xd0\xaf ^6\xb3M\xee\xf0W\xe5\x82\xb2[^\xfarIqf\xf4\xa3`\xe8\xd5\x834&amp;&gt;\x94\xd7\x04\xfb\xcd\x06[F4tN\x06zx\xc8\xf7\x01{\x1a\xa5\x0c|\x14\x88\xa7\x89=1\xb8~M\xa2B\xdf c\x83\x8e\xfe-`Q\x99\x1d\xf4@\x81\x01q\xccc\x8f\xea\xab\xe0\rMH\xd7\xb1\xc6dO\x8e\x1d\xaaf\x86\xc0\xc16\xbd\xdb50{T3\xaa\xdd#\xfe\xcec\xc2\xd1\x9bE&lt;\x8cP\x06\x97\xc6y\x0fU\xfa\xe7!\x15Rt\x8f\x87\x14x\x1b$RDG\x0c\xa8\xb2\xe0\x0c\xfd\xae\xa3\xc6\xb2\x90\xc5\xf5\xbc\xd1\xea\xaa\x89P\xb4\x1f\xd3\x06Y\x17\x0e\x0f\x9dwt\xe9+\xba\xac\xfd\x81\x028\x18\x1a\xb7u\x9b/+\xe0\xfa\xac\xf3K\x14\xba\xd8}\xe0\t\x88Ef\xd2&lt;\xca\xe0\x15\x11\xd0\x89\x0bs\xa9\x93U\x9a\x82[\x88L$,u\x07\x11\xb6\n\xc3\x91(\xf5\xf4\xeaX\xbd\x9e\xd8e7p\x821\xd8\x0c\x12C\xb5Z\x87\xe3|\x9b\xba\xaa\x13\xc0\x83rd\x99\x16\xf2(SF\x8f\xb6&amp;\x8b\r4&gt;y\xa8\xa1f$\x7fe/(\xd9\x15\xd5\xf6\xe6\x07\x16\x9e\x8cR\xcc\x03\xe0UB\xe2\x86\xcf\x8ep\x84\xd2\x0e\xcb\x87/\xc2\x80F\x18\x0c\x85o\x02\xa4\x93M\x03\x9bF\xdf\x1cE\xb9\xfd\xa3\xa3NDig\\X|\xe2\xa2\xe3\xea?F\'\xa5e\x0c\xceWlqe\xd5K^2\xfeg\x87\xdf\xed\xf19\x1cEu[\xcf-\xef\xbe\xa9\xf9)r\xbc\xf1\xdb\xebH\xbb\xbf\x138\x8b\x16\xb2(\xbf`\x8e\xeb\xd7\xf2d\xd8\x16-\xab\xe2;!i\x19\x93\x90\x19\x1b\xa0\xfb\xca\x15\xe4\xe4t\x9f(\x8f1\x8b\x01\xe1\xe5\xdb\xcc\x04\xf9\x87\xa3]\x1a5\x9a\xec\x90\xe9\x14M\x83\x88\xa7\xbd\xb0\xd2\xbcX\xee\xa6g+5\xddAC\xebda\xd3I8t\xc1,Rw\x06\xd7\xef\x97\x11\xc3\x9b\xb1\xdc\xaf\xf0\xb3\xcc\x17\x19^\x9bPk\x9f\x04 \x1c1\x9d\xd0\xfd\xed\x88\x0eD\xab\xf1\xac\xf2Jx+\xbe\x89\x87Pc\xfby\xcf,\x13W\xa1`\xe1\x9b\x14n\x0fu9\xed(T3T\xe0\x7fx0\xf5A\x1a\x17\xd0\xe3\xad\xdeBM\xeb\xbf \x9b|\xc3y\xdd\xce\xc0\x90\xb9\xcaKi\x94E\x03\xf9J\x9ec\xa2\xb8\xaf:\x11\x8b@\x91\xa7\xa9\x88\x06\x04T\xfe\xc7\x9aG\xf4\xd96a\x17I\xbfKlK\xcf_E\x8fN\xeb\xee,\x8e\xb2\x08u\xc7\xc7\xa2\xbd)\xa1\xc2,\xdc&lt;G\xcfs\x0c\x16\x854\xa7\xf0\xd4-Y+\x0f\xfds\x98\xb6"9\x1eVT;\xfcK\xe2Z\x9fN\xff\x83\x8e\x14 \xbc\xe5\xa4\xa2\xd2\x8cm\xfc\xaf\x15\xb2\xa2Rh6UZ0\xefrS~\x97AT\t\xb5\x07\x86\xd0\x9c\x80h\xe3\x03\rS\xc2N@\x8f\xc9\x90\xb9\xca9\x91\x99{!\x82\xe7k\xe5\xe5\xd8\tV\x80\xe1[\x0b-;\x0c\x1e=\xe6\xdb|\xb7\xa1:T\x15\xe0\xd2\xe3\x0e\xafik\x90\xaf\xac\xea\x87L\xfd4\xc9B\xdd\x92\xf8\x98\xa8I;KU\x105N.H[\xa6\xc9\x80\x9d\xd0\xae\xa2\xa9\x85\x0c\x9e\xdb\x01\tg\xe5\xa6w\x99\x83'</t>
  </si>
  <si>
    <t>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</t>
  </si>
  <si>
    <t>b'\xc0\xb5yt\x18w\x18(]\xcc\xf2\xe2&amp;\xb2\xe2_'</t>
  </si>
  <si>
    <t>ium tuum hoc otium), this your rest and toil, in
these pursuits would you wake and sleepâ€™â€™ (Pliny Ep. 1.3.3â€“4). The products of such
studies made the rounds, so that members of the upper orders could quote each
otherâ€™s verses to one another (Sen. Ep. 24.19). An integral element of this literary
culture involved producing works in the style of famous authors, so that when Pliny
expresses concern for the health of one Passenus Paulus, he comments that Paulus
used to write poems modeled on the Augustan poets Propertius (from whom Paulus
claimed descent) and Horace (Pliny Ep. 9.22; cf. 6.15). While today such endeavors
would be regarded as empty imitation, in ancient Rome it was seen as a worthwhile
pursuit; even Pliny himself declares without a trace of embarr</t>
  </si>
  <si>
    <t>b'\x99\x01\x08\xf5!\x06\xeaeq\x0b\xff\xeb\x9c\xfaP\xdf`\xf7\x14\xd1\xb7=\x1a\xb9\xbd\xb7\xe5\x171\xca\xd2\xe0\xc1\x8de\x14\xa4\x9c\x00\xe8\xe8\xf2~2\xc9\xb9\x1aD\xa8k\xa9{H}\xf4\x14\xd1Zo\x9bN\xfeHT\xe6\xca\xaf\xd0\x80\xf5\xce.+@\xdeL\xe9\xd2o\xa0,\xae\xd5\xd8\x10\xc5\xaaL\x94\r\xd4\xd3\x9e$\x8a\xbb\x8f\xdc\xa5:\xe3G\xde\x08\x81\x9a\xd6P\xee\\\x0c\xa6\x175a\x186\x06\x9cT.\x99\xc2\x84\x16\x97\xb4\x11\xf9N\xce\x11"\xf3\x9b\x14u\x0b\xbd\x19F\x9e\xd2?Sl\x80\xfe\x16#&gt;\x80~&amp;#\xda\xa7h\xc4\x83\xd3\xcd\xe7\x97\x13o^{\x7f\xdd\xb4\xbe\x15k\x7ft\x87{L\x993\xa4&gt;3\xe7\xfaJ\x8acw\x93\xcf\xaa\xaf\xe9;\xce\x05c\xb6\x17\xb6Xvnyz\xb97\x96.\xdf\x85\xf8\xb1\xcc\x88\xe07L\x81\xc5\xd7\xfa\xc5\x17\xb0\x8a9\xcb\xcc\x8e#{d!\xa7\x82\x1d#\xac*Z\x9e\xd7Q\xee\xbc8\x04Ob\t\x14\xd0\xc5\xa9\xe7v+Hv\xccp\x96\t^\x8a\xfc\xee&gt;\xd2i\xdc\x8c\xa3\x19\xb6i\x1b\xa42\xf8l}u\x9c\x8b\xa9\x1b\xad)\x02\xc51\xff\x0b\xd6\xe7\x0b\x1a\xa8\x84\xc6\xa9$\xcd\xbe\x89y\x8d`\xf7\xf0\xcdp[l"xW8M\x9eq\x88\xc7og\xa9\x84\xf3]l\xa0\x1d\x07r\x1c\xf9\xd1\xe89\xa3F\x07F\x87\x9dJ\x842\x86&lt;\xda/y\xd7\x0c\x1c_G\xd8\x8bg,L\xb3(!\xf3_\xb0\x12p\x8dN\xed\xc3\xd2^"5\xaf:\xb5\xaa\xba \x13\x85\x01aM\x01$T\x04\xff\xc6\r\xeb\x138\x8a\x03^\x84W\x12\xd8\x13\xc0V\xd5a9)\xd2\xe8\xd4\xe3\x9b\xa8\xb6\xa1\xd5mA+7~\xaeq\xbe\x03\xc7pQ\x7f\xf0\xac\xf5\x7f\xdeJ\xc0\xc4lWa\xb9\xb3\x08\xbf\xc6K\xf5{\x98\xc0y\x1fm!\xaa\x95\x12\xe5:\x1c9K\x97E\xc5\x16Or\xb9\x9c\x8c\xc2\xda\'\x07\xd8\xd6\xca\xbcw\x10\xed\x1f\xef\x920\xb4\xca\xe2\x94tL\xdbf\xd0\xa1y\xd5%Y\x11\xe9C\xf38\xf6\x85L\xa8\xb8\x11\xd7s\x12\x9e\x97\x19e\xb2\xe9\xc3\xf5f\x9f\x84\xfbw\xf0A\xc1\xff\x04b\x19)E\xb20\xa6+\x82T\xe6Ll\xe8z\xc4\xaf\x95\xe3\x7f\xd4\x0f\x18\x1f\x8b\n,X\xd0xo\x02\xbc\n\xda;\xec\x9eq\x18\x7f]\x16\xd3\xe7vAd\n\x92\x87\\\xdf/\xf1d\x9f\xc4^\xa5?\xec"\x86\xe9\x1b\xfa\x81\x91\xed\x11~\x0c\x9b\xf7\x96\xacBn\x8d\xde\xd2\x8aX\x11(\n\xfaL,\xe7\xaa\xb03\x83g\x11\xc1\x87\xc6\x814\x9ap\xce\x91\xd08$\x1e\x82C\xf2?vM\tb1\xb4\xb9)\xd1\xc7\xcb\xa7$\xbau\xbf\xaa\xba*\xfe\xdaj\xba\xef\xf3_&gt;@\x10"a\xbf\xdf`?\xbb\x9e\x01\xdbU\xae\x85_2\x1b{\x13\x80\xc6\xf9\x87\xc0?\xe9(\xa5&amp;\xe6\xf4\\S\xda\x9a\x1c\xbd\x8a\x9cs\xca\x8e\xca\xed\xf8\x89\xf5\t\x88\xeb\x96\xe7\xd5\xab\xb3iC\xee\x92dR\xd0&gt;\x89,\xd0cA\x8f\xac%\x84a\x07\xa3Z\x85\xeaY\x13j\x14\xbb\xeb\xb3\x9d\x16:\xbc\xca\xe9{\x8c\x18oT\xfb\x0f!\xc7\xea\x95C\x88\x1bA\xf9\x9cnze5o\xbf5'</t>
  </si>
  <si>
    <t>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</t>
  </si>
  <si>
    <t>b'\x99\x01\x08\xf5!\x06\xeaeq\x0b\xff\xeb\x9c\xfaP\xdf'</t>
  </si>
  <si>
    <t>. .447
 Exchange Rate Pass-Through and Inflation . . . . . . . . . . . . . . . . . . . . . . . . . . . . . . . . . . . . . . . . . .449
 BOX: Exchange Rates and the Current Account . . . . . . . . . . . . . . . . . . . . . . . . . . . . . . . . . . .450
 The Liquidity Trap . . . . . . . . . . . . . . . . . . . . . . . . . . . . . . . . . . . . . . . . . . . . . . . . . . . . . . . . . .451
 Summary . . . . . . . . . . . . . . . . . . . . . . . . . . . . . . . . . . . . . . . . . . . . . . . . . . . . . . . . . . . . . . . . . .454
 xvi Contents
 Appendix 1: Intertemporal Trade and Consumption Demand . . . . . . . . . . . . . . . . . . . . . . .458
 Appendix 2: The Marshall-Lerner Condition and Empirical 
 Estimates of Trade Elasticities . . . . . . . . . . . . . . . . . . . . . . . . . . . . . . . . . . . . . . . . . . . . . . .460
 18 Fixed Exchange Rates and Foreign Exchange Intervention 463
 Why Study Fixed Exchange Rates? . . . . . . . . . . . . . . . . . . . . . . . . . . . . . . . . . . . . . . . . . . . . .464
 Central Bank Intervention and the Money Supply . . . . . . . . . . . . . . . . . . . . . . . . . . . . . . . .465
 The Central Bank Balance Sheet and the Money Supply . . . . . . . . . . . . . . . . . . . . . . . . . . . . . . . .465
 Foreign Exchange Intervention and the Money Supply . . . . . . . . . . . . . . . . . . . . . . . . . . . . . . . . .467
 Sterilization . . . . . . . . . . . . . . . . . . . . . . . . . . . . . . . . . . . . . . . . . . . . . . . . . . . . . . . . . . . . . . . . . . .467
 The Balance of Payments and the Money Supply . . . . . . . . . . . . . . . . . . . . . . . . . . . . . . . . . . . . .468
 How the Central Bank Fixes the Exchange Rate . . . . . . . . . . . . . . . . . . . . . . . . . . . . . . . . . .469
 Foreign Exchange Market Equilibrium Under a Fixed Exchange Rate . . . . . . . . . . . . . . . . . . . . .469
 Money Market Equilibrium Under a Fixed Exchange Rate . . . . . . . . . . . . . . . . . . . . . . . . . . . . . .470
 A Diagrammatic Analysis . . . . . . . . . . . . . . . . . . . . . . . . . . . . . . . . . . . . . . . . . . . . . . . . . . . . . . . .471
 Stabilization Policies with a Fixed Exchange Rate . . . . . . . . . . . . . . . . . . . . . . . . . . . . . . . . .472
 Monetary Policy . . . . . . . . . . . . . . . . . . . . . . . . . . . . . . . . . . . . . . . . . . . . . . . . . . . . . . . . . . . . . . .472
 Fiscal Policy . . . . . . . . . . . . . . . . . . . . . . . . . . . . . . . . . . . . . . . . . . . . . . . . . . . . . . . . . . . . . . . . . .473
 Changes in the Exchange Rate . . . . . . . . . . . . . . . . . . . . . . . . . . . . . . . . . . . . . . . . . . . . . . . . . . . .474
 Adjustment to Fiscal Policy and Exchange Rate Changes . . . . . . . . . . . . . . . . . . . . . . . . . . . . . . .476
 Balance of Payments Crises and Capital Flight . . . . . . . . . . . . . . . . . . . . . . . . . . . . . . . . . . .476
 Managed Floating and Sterilized Intervention . . . . . . . . . . . . . . . . . . . . . . . . . . . . . . . . . . . .479
 Perfect Asset Substitutability an</t>
  </si>
  <si>
    <t>b'0E\x02!\x00\x8b\x8a\xfdN\xabg\xd5\xb9\x89\x814\x8c\x9d\x94}m\xea/\xc8M\xff\xf0\xd0Jh\xb4\xab\xa4\x87\x07(\xfe\x02 f\xbc\xd1\x9d]\r\xc7,\xaa\xe7\x0f\xb8\xd7c\x8b\x01,aZC\x9f\xb5\x80JX\x85\nf,j\xfe\x02'</t>
  </si>
  <si>
    <t>30450221008b8afd4eab67d5b98981348c9d947d6dea2fc84dfff0d04a68b4aba4870728fe022066bcd19d5d0dc72caae70fb8d7638b012c615a439fb5804a58850a662c6afe02</t>
  </si>
  <si>
    <t>b'0E\x02!\x00\x8b\x8a\xfdN\xabg\xd5\xb9\x89\x814'</t>
  </si>
  <si>
    <t>models and comparative data are useful avenues by which to
approach such thematic issues as addressed above, so long as the temptation is
resisted to maintain a model in the face of ambiguous evidence rather than adapt
the model to explain the evidence. In the last analysis, little can compensate for what
the Romans themselves tell us about their otium, patchy and selective as the surviving
written sources may be.
Despite these methodological difficulties, some salient points can be made. When
viewed from the perspective of the wider cultural history of the Mediterranean basin,
Roman public leisure appears to be a â€˜â€˜popularizingâ€™â€™ of what ha</t>
  </si>
  <si>
    <t>b'&lt; \x88\xc4&gt;\x9b\xb2\x11\xe39\xe1E\x02\xe2"\xf8\x1b\xb1\xe5O\xf6\x85\x94\x01Wo\xa9\xed\x17\xfeM4bjV\\\x85\x88;\x98T&gt;?cSr&gt;\r\x80Hh\xeeR\xd8o\xf5-\xac\x0c\x16\xbe\xb7NU\xb9\xb6\x12E9&lt;\xec\xc3\xbe\x96`@\t\x11(4\xb4\xb5u\xcf\x9f\xa2\x98\xa2\xa0\x0fh=\x94.\x87\xd4\x0e\xb7wD\xf8\xc4;I\xe7s\xe1t#6\x9e\xe3\r\xb2\xed\x1c\xa8\x18X\x00\xb4 \xfe\xd4:\r7?v\x03a\xf1]\xfa\xb5\xd2\xdb\x03h\x87i\x1f\x81\x88w\xbf\xe9\xbbD{\xf5\xa3\xda1\xfcKxx\x05\x14Hs\xc4C\xc2&lt;\xd3\x83/\rJFB\x0ca\xc3\xb3\xb8\xf0\xf1iUiX"\xf0X\x1aW\xcf4\xf1\xde\xd9\x93\x14\xe5\x08\x83\x1e\x00\xd1\x9bl\x1c\x06\xe2j\xb6A=\xfd\xc3\rF`\x07\xfe\x11\x9e`\x1c\xb7x\xd1\x8f\xa8\x8a\x9d\x7f\xe5\xfe\xbb\xa9r \x8c^\x10\xda\x11U"\xaf\xb2\x0f\xf6M\xbdg\x8b\x87\t\xeep\xb1kI\xa4\xb1O\x0b\xd8d\xba\xaf\xcd\x99\x11s\x9b\x1e\xd4\xaeI\xbb\xe8\x14;\xe0-##p\xbbM\x8fh\xf4\x89\xb7\xdb\x89Fn\xad\xa5b\xeb\x84\xfb\x9fJ\xce\xad\x1da\x86\xf5\xb1\x0f\x82\xea\x01G\xdb\x02P!\xaf\xe2\xc7\\qE\xd7c\x17\xe4\xde\xa1\xc3,\xea\xbf\xcc\xed&lt;\x19\x1a[\xbelI&gt;!p\x00=\x15x\x04\xcfrq\xe5Uu\xf9\r\x13\xe4\xd4V\xff\xf0\xee,\xd27\xa9\x8d\xbeFf\x0b\x80\x07_\x0e\xc0\xea\xc8f\x0c\xe0\xe0\xfb\x80\xd2DGn\xb5\xcf\xfb\x1f+}\x86\x05\x85\xcfDQ\xa6\xaf\xbf_d[\xf1d\xe9\x12}\x1c\xb8\xba\x19\x1d\xeb:$ *\xfa\x8f\x07S\xe8\xaf=\xe0\xda\xe6\xdcy\xba^\xc1\x00\xd9\x14W0bJ\x9e.\xb6V\xd7\xdf\x12\x9f+9\xc2\xe2\xcc~\xbd\xfa\xa8\xf6\xef\xcb_9\xa5\x97\x14`\xef\xae\x8a\x8f\xf8\x8f#\xe3\xe9\x0f&gt;\xe9e#\xb9\x8f+\x90\x96\xabe\xba=}\x03\xb4\xc1\x8dk\xde\xa5"\xe4*\x90\x0bQ-IP*-\xa7\xb1\x03O\xc4LI2`\x1b\xd8\xfb\x04\\B\xa0\xf54\xe72\xa3,z\xbc\xf0\n\xa0C\xa0\xed\x1d\xce\xbc\x7f\xe0\xf8\x85T\t~\xc9\xab"[\x0e\xd7O%Y&amp;\x9e#8Qp\xbe\xbe\xfe\xf3\xc1W\xb9%\x88\xed\x9c]\xb6\xcd\xa3\xce\x8d\x00\xcd\xfey\xeb\xa1\xd1x4\x161\x9c\x19\xe0)\xee^\xe0\x17\xcfh\xa9-4\x96\x13\xd2\x14_kg)\xc0\x85\xcf\x07\xdb%?\xf4\x15D\xffwbv\xe7\x84\xc7\xce\xca&lt;Y\x0cT\xd8\xd5\x99~8\xa4%\xd59R\xaa\xf4\xb4\xbb\xd3B\x18vqv\xef\xa1\x9f\x9f\xe8\x83\x9dw\xdc\xa5-7\x1bi\xf4T(7\x9a\xd6M\x8d\xdf\x85\xf9'</t>
  </si>
  <si>
    <t>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</t>
  </si>
  <si>
    <t>b'&lt; \x88\xc4&gt;\x9b\xb2\x11\xe39\xe1E\x02\xe2"\xf8'</t>
  </si>
  <si>
    <t>.wikipedia.org/wiki/Dry_cell
26. http://www.ijimt.org/papers/504-H1011.pdf
27. http://www.amateur-radio-wiki.net/index.php?title=Resistors
28. http://www.robotpark.com/Resistor
29. https://www.revolvy.com/main/index.php?s=Current%20source&amp;item_type=topic
30. http://www.wikiwand.com/en/Potentiometer
31. http://www.wow.com/wiki/Resistor
32. https://www.revolvy.com/topic/Dry%20cell
 Basic Electronics
105
                 33. http://wikivisually.com/wiki/Potentiometer
34. http://diodetech.blogspot.com/2013/07/types-of-capacitor.html
35. http://www.rechargebatteries.org/knowledge-base/batteries/other-technologies/
36. https://www.revolvy.com/main/index.php?s=Ayrton-Perry%20winding
37. http://wikivisually.com/wiki/Dry_cell
38. http://www.robotiik.com/Resistor
39. http://dspace.ewubd.edu/bitstream/handle/123456789/1786/Arefeen_Binta_Belal.pdf? sequence=1
40. https://www.scribd.com/doc/138081352/Automotive-electrics-and-autotronics-by-M-A- Qadeer-Siddiqui
41. http://eeeinterviewtips.blogspot.com/
42. http://www.mojotone.com/amp-parts/Resistors_1/Ceramic-5W-10K-OHM-Resistor
43. https://en.wikipedia.org/wiki/Laser_trimming
44. http://www.freeway-batteries.com/faqs/where-are-primary-non-rechargeable-cells-used- mostly/
45. https://upload.wikimedia.org/wikipedia/commons/d/d3/1.Resistors.wiki.20150309.pdf
46. https://www.youtube.com/watch?v=b8BxFrIj85I
47. https://hi.wikipedia.org/wiki/%E0%A4%9A%E0%A4%BF%E0%A4%A4%E0%A5%8D% E0%A4%B0:Laser_Trimmed_Precision_Thin_Film_Resistor_Network.JPG
48. https://en.m.wikipedia.org/wiki/File:Laser_Trimmed_Precision_Thin_Film_Resistor_ Network.JPG
49. https://www.pulsetech.net/support/lead-acid-batteries.html
50. https://www.researchgate.net/publication/286194982_Design_Fabrication_Of_A_Gravity_
Powered_Light
51. https://answers.yahoo.com/question/index?qid=20120905094415AAcmtIU
52. http://www.digitalpower.in/product.html
53. https://www.slideshare.net/shashank571/electronic-letter-box-47643938
54. http://www.c-sharpcorner.com/article/python-scripting-on-gpio-in-raspberry-pi/
55. http://www.scullcom.uk/resistor-basics/
56. https://www.slideshare.net/OmkarRane15/lab-manual-for-basic-electrical-and-electronics- engineering-for-first-year
57. http://www.ebay.com/itm/100K-Ohm-104-3296W-Cermet-Potentiometer-Trimpot-Trimmer- 50-</t>
  </si>
  <si>
    <t>b'*4)\x15\x885\x0f\x13\x0c8\x92\x9c\xd7\x82\x99\xac\xa6)\xfc\x863\xa2o\xb0\xfa\n\xf5\xadgl\xf7\xda\xd7\xfa\xc4\xf1\x0c\x0bM\xfef\xe4\xd5R@\xa1J\x1b\xcfu\xab)p\xbdU\xad\x9f\x80\x17\x9f\x81\xe2\x18\x97\xe4\xca\x96\xcc\x98*y\xff\xc0\x1ca\xb3H"\xd5\xab\x8d\xa4\x9aruZ\xed^\xd4\x8d\x15;\xde\x13\xec\x97(F\x97AV\xbb*\x8aqk-*Ta\x1b\xcck\xb6_\xd8\x06\xedl^\x8aw\xd3\x9fPD%\xa1\xda\xad\xc8U\xfeb \xdb\xdf\x1b-\xcd\xd8\x1f\xa4.\xd7\x12\x03\xecLk\xb1\x1aOE_}\xe9\xb8\x17\x17)mqao\xf6b\xb19\xf9\xbd\x9e\x07\x9a\x03Yt\xb8I\xd6\x14K\xdbs\xec\x12\xd7\xb2A7\x02\x0b\xabU\x8b\xff\xa6IYFJM\xbaG3p\xbaV\xa2\xfe\x8d\xdc\xa0\xde\x93\xc0m\x0fx\x9aqG\x0f\x0b\x1b\x06\xb6\xa1Y?\xa1\x95\xa3\xd9g\xce\x8d\x8d\xcd\x1b\x842\xac\x87\x1e"\xf7\xc6:\xff\rv\xb8-\xbe\x8b*l\x98#\xaa\x9f\xca\xf2\xf5\xdbXo\xde\xb9A7MN\x8803\xa8\x1aqn\xb5]\x8e\xeeiL\xcfR\x0f\xe2)\x8c\x00\xd1\x00\x7f\xc1\xf3\xb7k\x8a\xa1\xb1%[\xc7P}\'\xaa9\x06\xf4H\xca}\x18\x9d\x1fR\x82\x8d!+b\xd7!\xc7[P\xc9\x91c6\x9clD_\x8ds\x98\xda\x1f\xd9&amp;\x15\xa7\xe6\x01\xae\xbd Lm+\x97q\x1d\x88\xa9\x17\xba\x06\x98\xb9"\xd2\x96\xbf\x83Rl\xdc\xc6W\xd0\xf9\xe0\x93\x171\x00\x90\xa6"\x14|\x91\xf1l0u\xd1^\\\x99?n\x9bC\xc2A&gt;\xa1\x97\x9eM\xa1\x12?d\x98\xa7n\xc1!\xd0Tcf\xd7\xd5\xf6C\x87M\xb7\xb17\xb1Q\xc6\x13\xdbc\x04\x17\xd7\xf2P\x1c\xa9U\x1b\xee\xa52\xad`\xf2\x08\xe1\xc0\xb3\xd2\x82\xf3\xeb\x05D\x13[\x91\x8c\x80\x13d\xc6\xba\xa0:\x042-(\x8f\x1a\xd77\xa8\xb3\xea\xa5G\xa6$\x9ax\x92\xea\xbc\xb6\x08\xd9\x7f\xe1\x18\x89Y\x8dV\xb6\x87\xd8d\xec\xca\x08"\x0f\xe3g/\xa7,\xcf\t(\xe8%\x9f\x7f\x1e\xf1s\xbbsQ\x17\xf8\xba\xf9\xb2P\xfb\xb2\xc9u\xba\xb4A\x1aV\x1cM\xedN\xac^&lt;\xde\x17QY\xd9\x1awH\xa3\x98H\x84\xd3\xec\x87f\x02q\x04\xfa\xbc\xdbh\xd5|(\xd12\xc1\xbd\x97\xbdg\x88Js.\xba\xc3j\xa9\x8bzR\xda\xc0\xae\x99\xbaKC\xe9\xe4h\xdd\x92\xae9&lt;\xfe\x94C:Q\xa4\xfa\x0f\xff\xfe\xbf \x8e\x05\xe2\x1d`vDq\x00\x9e\xa1yt\xa8\xad?/\xc2\xf4\xd1\xee\x02B\xd7\xeet}\x89\xc3a:\xdf\x85\x8b\xa3\xcf\x7f\x06ZY\xe1&gt;\xf5\xbcG\x88\x11\x92\x8d\x8fL\x9cw\r\xc8\x11\x11\x1fw7\xfc\xde\x08q\xcd\xd0\xe8\x1br\xe2\xe3\xa3\xb1\xce2\xe5\xe0BU\x7fwU\xd4\xe8\xe5\xb3K\xfb\x00(\xce4\xca\x8a\x8b\x8eK&amp;\xbdm\xabh\xef\xb7]\xac\x95^\x91\xbc*\xfav\x9c\xe3\xeb\xa1\x07g\xcdN\xf3|\xec\x0et\xe7\xe2}@\xa4]\x92\x04\x13\x82_\'\xb5\x85\xca\x8bA\x01\xa4\x8ea$\xae\xb2\x00\xad\x10\x17k19\xed\x0b\x05`\x9a\x11]\x8d\x87\xb3\xaf\xc8p\x7f\xec\xf4n\x1d\xffB\x9a\xe5Bb\xb8*\xe6+@\xcc\x187\xe1Mh\xf7i\xc9S\xe2\x92\x92\x86\xb3\xcc\x91\xb5\xd3$\xda\x06\xd7\xd1\x01\xe1J\x8b\x87\xec\xda\x86|\x9fw*\xb9\xb2DA7\xb7\x1e\xe9&amp;^D\x1c\x1fl\xfb9\xcel[yB\xc3\x03\xda\xd0h\xa7\\\xd4\x83\xe1~4m(\xcd\x82j\xad\x10Qn\r"\x1e\x92l\xfd\xe5\x11\xa0~\xbes\xc6\xd7\xda\x93\xa8\xb2\xb7\xbf\xe6\xa9\xd4\xf4\xf8S\x1b^m\x15\x80\x80\xf6\xd2\xcfn\x1d\xc9*\xd2\x9e#\xa04\xd4\xb8a\x81\x1d\xa3\xac!e\x1a\x96\x87\xfbd\x9b+\x82\xfc\xe0\xd0\x91p\xc6\xae\xdb@\x855\xc42\xc7\xa7\xa6\x91&gt;\xe4\x17Y\x10J~\xb2\xce\xf8mT\xf89I\xbaT\xb2\x92k-\xbej\x83\x02\x04\xfd\xe1\xd8G\r\xc0\xca\xa0K|e\xe6\xe2\xfa\xe4G\x06}\x96\x93\x81\x916P{\xf6\xfd\xd7K\xe0\x8b\xf80\x84\xf8\xc3\xd7\xc1\x9a\xec\xff\x85\xc5Y\x06\xf2T\xda\x16\xd7"\x880pc\xbe\xbfl\xee\xa1d\x80\xb8\xdf\xc9\x99&amp;\x9c3A\xb4\xc5\xf3\x10_\x01!\xdd\xf8r\xc0\x99%\\\xd8\xf1\xe4\x1d\xf21l\x84o\xfe\x08&gt;\xcc\x05\x1d\x91"SM\xa9\xcc\x08\xbf\xf1\xd5Yfm\xbd\x00\xeaH\xca\xd4\x108\xccl\xabA\x1f\x98\xd1\n\xe4\xef\n)\xaeN\xf6\xd3\xe4e\xc5\xc9\xaf\xed:\xfeA\xd8\x15\x83\x9bA\xb9\x85Q\x0f\x81\x81\x917$I\xb9\x99\xfe\xc1xXv\x01\x88\xc6L\xef\x82\xe7U\xba\x85\xcfT\xe2\xc0\xbaH\x8e\x82&lt;\xd2q\xdb\xd9\x98V)lK\xbfg\x12\xf0\xdd\xee\x01P\x021\xdb\xca2\xbb\xfd%|_.zY[\xe7\xf4V\x8b\xf8\xb9\xdc\r\x9b\x84\xe9\xfco\xfax\xafyH\xdf\xbcQm\xdc{\x8c\x8c\xf5j\x07a\xc4\x0f\x010\x1b\xc2\x80\x1d&amp;\xef#\x06c\x9c\x1e\x15n\xa1\xc9\x87x3\xd8v\xf2mD}\x0bQ\x94\xf3\x81,\x9a\x8a\x90,\xe6\x02\x0b3\xaa\x91e\xd8\xe9M\x94\xdf\x07-a/\xd1\xd4\x8dO\xa3_\x89\xc0\xc3 @$\xf1@|@\\\xc6Ls\xfbPQ\xf3\xa5\xdf\x91\xc1\x17&lt;e%E\x97!\x10\xf5\xe4\x11\xee\xdelg$|\x15\xa0\xb1Y\xe9s\x86\x85\x8epgA"S\x94\xf8\xadf\xa2\x93}\xe4Xo\xa3zQ\xaa\xae\xb6\xd0.\xaaC3\xdaR\xb5OB\xc7\x85\xab\xa2\xbb}2\xbfn\x0e\x05\x87\x18\x1e4\xbf.\xe2\x8c\xf4=\xebM\xe7\xfe\x0fEi\xd77\xb2\xc3\xd3\xef\xc4\xb3\xa5o\x1fB\x17n\x15\x93\x93V&lt;ob5\xf4b\xf4\xe0\x1d+]\x90\x1d\xfe\x04\xbb9\xb9x\xb6\x9d\x0f\x10\xd1\x05\xabDR\x83\xb0c9-\xae\x9a\xc9sd20\xddb&lt;\xbf\x86\xb5\x82\xc1\xf8f;\xbf\xb5)\xef\xb0\xda%5\xd3\xf9~\x92\xfaw\xbc.\xafvf\x86nf\x94,\xd4\x9b\xb6\x19\x94\xe4\xfd\x06\xba[RoEq\xc0\n3h\xfe4\xef"\xf5\xe5a\x99\xf62\xf6\\\x0fK\xce"\x9fQ\xbb[8\xa3c\xd4\x8e\xa3\xfb\x02\xfa\xafk7\xff\xeb\xb1@\x0b\xc0\x16\xb1\x91q&amp;i\xf7\x86\xd4\xd5\xcb\xc3\xdf\xb4U5\x1fM\xf8\x1a3\xc5\x13P\x9f\x17\x17\xe0i.\x1e\xb0&lt;\xdd\xbc\x83g\n\xd9\x86\xd8\x90\xa2\xd6\xee\xeczl\xa4:+o\xb2HD\xeb\x01x\x90]\xbe\x96\x95\xc2\x0c\x84\xd3\t\x01\x05\x86A\x08\xe9\xc5\xb7\x1e\xee7\xaaE!\x8cq\x10\xeb\xca2I\x110Iy4K\xd2h\xffGzR,\x02\xbb\xf4\xa3\xd19\x7f\xe01\'\xa8\xd4\x1aHY\x04!\x1c\x8a|\xbbu\x99*\x97\\\x01G0\x08\x83\x02\xdd&lt;\x81.\xb25\x11\xcd\xcfD\x8f\x10M\x1b\x96\x90\x87\xcb\x00\xe1\xbf\x8b\xbbK\xc6 \xe0\xbc\x10\x8a\x0c\xf6g{d~\x14S\x02\'\x05\x8f$\xf5\xb21\n\x8a\xad\\5\xc0\x9b\x19\x9drP\xd5\xaa\xcbG\xd0\x871\x85\x1d=g\xa2s\xb9\xeb\xb7\xeeC\xd8\xac\xe02\x9fb\x82\x99\x99\xb0N\xcf\n\xe9f\x8ap\xd6}\x15\x19\xd8\x08\x95=\xea"A\x8e\xffz\\\x14\xe3\xb6\r\x15L\xcc\x9a-\x1c\x13\xc4/\xd8\xb1\xcf\xd4a\xb3\x00\xd8\xfa\xd5\x0f\xb5y\x8b~**q\xae\\;\xf1\xdb\xafQ2MJ\x92\x9a\xd9\x15\xa1,\xd9(k\x17\n\x84\x1f\xa1\x17\x0c\xf2G\n\x9f\n{\x06c\xd6yc&amp;\xe8F\xe3\x04\xcc\xdf\x87\xa5KM\x008\x13z\xaa\x9b\r\xd2\xcb\xdb$\xa1\n=\xdcwl\x12\xba\xa6\x80:azY\x0fj@\xb0\x7f\xc5\xab\xffsF@T\x9fG\x1e\xb4bn\x0fUY\x88\xf8@\xb2\x87b\xf6"\xfc\x7f9\x83\x854\xb1h\x84\xa8\x16\x81\x13\x1b:\xc7\x82\xc9oT#QH\xed\x1d$E\\f\xff\xac\xcf0e\xdcJ\xc3\xb2\xb2P5\xb3\xde\xaf\xffTzT\x8f\x7fM\xb5\x19n8\xb4\xa0\x1c\xee\xf4\xd4\x80z\x16\x0e\xb1"\x95\x14\xbd\xec\x85\xd6\x96\xc0\xd3\xa1\xd0\x12\x90\x0b\xa2y\x04\xa2b|\xed\x93th\xe1R\xd9\xe8\xb1\x9f\xcf(\xa8,\xfdt\x7f\x8d\xd7\xa7\xb5$ \\\xba\xcf\xe0\x99[\xab\x7f\x128\xad\x1b\x91\x9a\xbb\x9d\xfddvgSN2k\xb9\xc8\xdb\xa3\x88uD:\x91X\xb9\x99S\xcd+Q\xef\x95\xa0\x1f!\xf4\xf9\xc0\xb7\x91\x81\xa3"\xee\x17\x85\xc3\x95\xae\x08\x8a|2\x91n+1\xd4\xfc\xbe\xdd9\xdd\xe5\x82D\x11nn\xdd\x87X\xddQ\xd7$e\xbbat\x02\xda*\x8f\xa8a\xb8.\x1ad\x13C\x91\xc7o\x11\x9d4\x94\xff\xfb\x88\xc0\x1eU\xdf\x0b\x85\xe7\x05\xde:\xe1\x88k\x82\x7f\xc7\xb9\x9f&amp;\xe9R\x15Zh8*\x02\xb1\xc7\x80w\xad\x96e\xfb\xd4{\x9cd=\xb4I\xab&gt;\xfa\x0enF\x08\xc2\xf4\xae\xb9&gt;\xaa\\\xa8\x07\xb8\x11\'\xfbv\xbc\xcc\x9a\xc1\x83\xa7\xf0\xf4\xe2-\xea\xed"C\xe6\x9c\x1a\xcb\xb5\xae\xd8\xed"j\x8eC\xd1\x85\xf2p\xbe_&amp;\xab\xdd\x87u/\xd0\x19\xa6\x88\xbb^\xf1\x93\x95\xfa\xd7,\x15\xcbV\xc2\xb57\x99\x97\x01\x94O=\xbdk\x81Ot\x9d62;\xad'</t>
  </si>
  <si>
    <t>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</t>
  </si>
  <si>
    <t>b'*4)\x15\x885\x0f\x13\x0c8\x92\x9c\xd7\x82\x99\xac'</t>
  </si>
  <si>
    <t>ds and blows I know not; but there he remained behind, tapping up 
 and down the road in a frenzy, and groping and calling for his comra</t>
  </si>
  <si>
    <t>b'\xb4\x97\xa9\x96\xb9\xf9\xb1\x8d\xd34\xd8\xab\x97\xfe\xf2\xf1\x81\x897\xf0-\x1d\xce\x83\xc0\x1ew7\xfcK\xc8\x83\xfd\xe1X\xc3\xb9\xe7\x90\xfc1X%a|k\xe6\xc49\x1f\xd8\xfc\x13\xa4\xe4\x1f\xcc\x04\x18\xfb\xf1n\xbeG\x05|\xd7\x8d\x03\xf2\x15\x89\xa6\x92\xb5t\xe0b\xd2[$\x06\x1d\xac\x93\x98|K\xca\xb1o\x99\x80\x05\xef\xaf\xafb\x87|\xc3X\xd6\x1cu\xc2D"\x05u\xe5M\xfa\xbf\xb5]\xaf\x98[\xa8%\xfc|\xe9S{\x94\xc0d\x90\xf2\x84\x8f\x05\x1b\xbbD:\xfek\x0e2\x18\xc76\x10\x12S\x87d\xa9\x02\xaf7C7\x9bm,|\x1e\x15\x85/D\xa1\xa3\xa0\x93Jy|\x19\x0f\xb4\xa7\x90N)\xba\xe3&lt;\xddKz\xe27\xa5m\x0eB!\x9a\x07\x80!\x177\x04\xda:\xc7P\xc8X\xd1\xcd\x8cT3\xf5xb\xef\xad\xa8{A$*\x81\x89~14\x89\x8f\x8a}\xd5D;2L\xe12#*\xfe\x16\x82\xbf\xc7\xb8\xdc0\x94\xcf\x97&amp;\xb73_g2\xea[g\xe0\xd7\xa4l\xd8\xf7\\\x19;\xb4\x1bwj\xeb\xb2]&lt;+(n\x00\xa2\x06\xda\xcc\x0b\x8aC\xfb&lt;!\x17\xa2kZ\x8cI\x8b\x91fYp\xe6\xf9\x0c\xea\xe4\xcd\x9cI\xc9\xb0\xe0\xd0\xa6\x89\x9a\xd1\xa1\xf8\xcfn3\t3\xd3\x19\x97\x88\xc0\xd8@\xb4\x04n\x08Ec\xaa\x83\x03d\x04\xab\x1f,\xe8\x11Bj\xf2~\x02\x00\x8dt\xff6e\xf3[\x0c\xb9\x10\xe1\x88&gt;\xfb\x85\x94$\xb83\xf3\xc3\xf9\x18]q\xf032\xf8UaNW\x9au=\x9f\x83\xe8nzq\xa1\xban\xd4\xb3cb\x1b\r\xe4\x90\x02t\x98\x11\x9ec\xd43\x88T\xfcV\xbe\xe4I(s\x8c\xe5\xbe\xce:\xf3\x9e7\x98s\x8f\xed\xe5f\x1e\xdca\x05J\xee\x9ef\x8b\xebD\xef\x9dy\xef\xa3\x1b\x1cz\x1a?Ph\x0c\x8e\xf7\xa2\xc2n\xf8\xf6\xc0Bq\xbe\xd0\xd1\xb2\xc9\xd0\x81\xfe\xe6h\xe4\xfb\x86\x86@\xb2\x1e_\xb5\xc6UO\xe7\xa4(\xf2\x1ef\xfe#\xa9\x84\\\xca}y\xc79\xf0\xf5\x13\x99'</t>
  </si>
  <si>
    <t>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</t>
  </si>
  <si>
    <t>b'\xb4\x97\xa9\x96\xb9\xf9\xb1\x8d\xd34\xd8\xab\x97\xfe\xf2\xf1'</t>
  </si>
  <si>
    <t>there is a uniform magnetic field B, pointing into the page,
  and the resistor R represents whatever it is (maybe a light bulb or a toaster) weâ€™re
  trying to drive current through. If the entire loop is pulled to the right with speed v,
  the charges in segment ab experience a magnetic force whose vertical component
  qvB drives current around the loop, in the clockwise direction. The emf is
  E = fmagÂ·dl=vBh,
  (7.11)
  where h is the width of the loop. (The horizontal segments bc and ad contribute
  nothing, since the force there is perpendicular to the wire.)
  Notice that the integral you perform to calculate E (Eq. 7.9 or 7.11) is carried
  out at one instant of timeâ€”take a â€œsnapshotâ€ of the loop, if you like, and work
  b
  x
  a
  c
  d
  h
  FIGURE7.10
  R
  v
 306
  Chapter 7 Electrodynamics
  from that. Thus dl, for the segment abin Fig. 7.10, points straight up, even though
  the loop is moving to the right. You canâ€™t quarrel with thisâ€”itâ€™s simply the way
  emf is definedâ€”but it is important to be clear about it.
  In particular, although the magnetic force is responsible for establishing the
  emf, it is not doing any workâ€”magnetic forces never do work. Who, then, is
  supplying the energy that heats the resistor? Answer: The person whoâ€™s pulling on
  the loop. With the current flowing, the free charges in segment ab have a vertical
  velocity (call it u) in addition to the horizontal velocity v they inherit from the
  motion of the loop. Accordingly, the magnetic force has a component quB to the
  left. To counteract this, the person pulling on the wire must exert</t>
  </si>
  <si>
    <t>b'\xf7\xbb\xf6Cj~\xb9\xc0\x80\xd2k\xac\xae\xf8\xba\x9a\xa3T6\x82\xafK\x9f\xd3\xe3\xe1\x84_Z\x99\t\xe8'</t>
  </si>
  <si>
    <t>f7bbf6436a7eb9c080d26bacaef8ba9aa3543682af4b9fd3e3e1845f5a9909e8</t>
  </si>
  <si>
    <t>b'\xf7\xbb\xf6Cj~\xb9\xc0\x80\xd2k\xac\xae\xf8\xba\x9a'</t>
  </si>
  <si>
    <t>isposition than he
 would acknowledge. St. Aubert now retired to rest, and Emily to her little
 chamber, but not to immediate repose. Her thoughts returned to the late
 conversation, concerning the state of departed spirits; a subject, at this
 time, particularly affecting to her, when she had every reason to believe
 that her dear father would ere long be numbered with them. She leaned
 pensively on the little open casement, and in deep thought fixed her eyes
 on the heaven, whose blue unclouded concave was studded thick with
 stars, the worlds, perhaps, of spirits, unsphered of mortal mould. As her
 eyes wandered along the boundless aether, her thoughts rose, as before,
 towards the sublimity of the Deity, and to the contemplation of futurity.
 No busy note of this world interrupted the course of her mind; the merry
 dance had ceased, and every cottager had retired to his home. The still
 air seemed scarcely to breathe upon the woods, and, now and then, the
 distant sound of a solitary sheep-bell, or of a closing casement, was all
 that broke on silence. At length, even this hint of human being was heard
 no more. Elevated and enwrapt, while her eyes were often wet with tears
 of sublime devotion and solemn awe, she continued at the casement, till
 the gloom of mid-night hung over the earth, and the planet, which La
 Voisin had pointed out, sunk below the woods. She then recollected what
 he had said concerning this planet, and the mysterious music; and, as
 she lingered at the window, half hoping and half fearing that it would
 return, her mind was led to the remembrance of the extreme emotion
 her father had shewn on mention of the Marquis La Villeroi's death, and
 of the fate of the Marchioness, and she felt strongly</t>
  </si>
  <si>
    <t>b'Bl\x05\xb9\x81\xae\\\t19\x1f\xd0QNh\x13,\xb1&gt;\xd0\xb3\xb0\xa4KY\x81E\x91[\xcf\x1b\xc0&amp;\x9c\x1f#9\x82\x1d\x1f}J\x93qUl\\\x90\xfe\xa8\xa9 9%t\x83\x89I/]\xcaQP\xcd'</t>
  </si>
  <si>
    <t>426c05b981ae5c0931391fd0514e68132cb13ed0b3b0a44b598145915bcf1bc0269c1f2339821d1f7d4a9371556c5c90fea8a9203925748389492f5dca5150cd</t>
  </si>
  <si>
    <t>b'Bl\x05\xb9\x81\xae\\\t19\x1f\xd0QNh\x13'</t>
  </si>
  <si>
    <t>ll into a lovely
tangle. I think the roses have climbed and climbed and climbed until they hang
from the branches and walls and creep over the groundâ€”almost like a strange
gray mist. Some of them have died but manyâ€”are alive and when the summer
comes there will be curtains and fountains of roses. I think the ground is full of
daffodils and snowdrops and lilies and iris working their way out of the dark.
Now the spring has begunâ€”perhapsâ€”perhapsâ€”"
The soft drone of her voice was making him stiller and stiller and she saw
it and went on.
"Perhaps they are coming up through the grassâ€”perhaps there are clusters
of purple crocuses and gold onesâ€”even now. Perhaps the leaves are beginning
to break out and uncurlâ€”and perhapsâ€”the gray is changing and a green gauze
veil is creepingâ€”and creeping overâ€”everything. And the birds are coming to
look at itâ€”because it isâ€”so safe and still. And perhapsâ€”perhapsâ€”perhaps
â€”" very softly and slowly indeed, "the robin has found a mateâ€”and is
building a nest."
And Colin was asleep.
CHAPTER XVIII
"THA' MUNNOT WASTE NO TIME"
Of course Mary did not waken early the next morning. She slept late
because she was tired, and when Martha brought her breakfast she told her that
though. Colin was quite quiet he was ill and feverish as he always was after he
had worn himself out with a fit of crying. Mary ate her breakfast slowly as she
listened.
"He says he wishes tha' would please go and see him as soon as tha' can,"
Martha said. "It's queer what a fancy he's took to thee. Tha' did give it him last
night for sureâ€”didn't tha? Nobody else would have dared to do it. Eh! poor
lad! He's been spoiled till salt won't save him. Mother says as th' two worst
things as can happen to a child is never to have his own wayâ€”or always to
have it. She doesn't know which is th' worst. Tha' was in a fine temper tha'self,
too. But he says to me when I went into his room, 'Please ask Miss Mary if
she'll please come an' talk to me?' Think o' him saying please! Will you go,
Miss?" "I'll run and see Dickon first," said Mary. "No, I'll go and see Colin
first and tell himâ€”I know what I'll tell him," with a sudden inspiration.
She had her hat on when she appeared in Colin's room and for a second he
looked disappointed. He was in bed. His face was pitifully white and there
were dark circles round his eyes.
"I'm glad you came," he said. "My head aches and I ache all over because
I'm so tired. Are you going somewhere?"
Mary went and leaned against his bed.
"I won't be long," she said. "I'm going to Dickon, but I'll come back. Colin,
it'sâ€”it's something about the garden."
His whole face brightened and a little color came into it.
"Oh! is it?" he cried out. "I dreamed about it all night I heard you say
something about gray changing into green, and I dreamed I was standing in a
place all filled with trembling little green leavesâ€”and there were birds on
nests everywhere and they looked so soft and still. I'll lie and think about it
until you come back."
In five minutes Mary was with Dickon in their garden. The fox and the
crow were with him again and this time he had brought two tame squirrels. "I
came over on the pony this mornin'," he said. "Eh! he is a good little chapâ€”
Jump is! I brought these two in my pockets. This here one he's called</t>
  </si>
  <si>
    <t>b'\xcb\x02\xbc\xe3p]f\xe3\xb7\xd5|`\xb0\x16\x14\x81L\xa2\xb9\xee\x9a\x96\x18\xcd\x85e{#\xf8t(X\x1b\xb4O4\xb9\xf8\xbfz\xc9\xdb\x84F\x8f&amp;\xc7\xa0:\x94%\x8e\xdfr\xca?n)\xc6\xda?h;r\xc8I\xa1#"-\x8cu\'\xdf]J\x9d\xb0QC\xd6\xc7\xdc%@\x01\xec\x81\r\xe9\xa3\x02\x96k\x13\xa3\xfe\xddA6f\xc1\xd2\x03\x80q\xcaMm6\x1a\xea\xbe\xb3\xf6\x02\x80!\xd7\x8cg\x1cZ\xb0\xa0`\xc4\x7f\x13\x02\x1aW\x8d\xd0M\xd6\xd2\xbej&amp;\x03U)5\x04\xd1\xf5\x10\xa7\x08A\xe0\xb5G\xf5Vl\xcc+\xa2D\x86\xff\x88\xda`\xc6\xc4-\xb5\x17\x06*\t(\x8e\xf8\x1cM\xdb\xd5M\xb9\x84\x1f\xcc\x92\xc5\xcd\xde\xcet\x9a\x1ey\xb5\x1dc\x01\xd1y\xda\xa8]L\xb1\xeb(K\x86N\x9c\xb2\x10\x14\xba\xb6Q\x86\x93&lt;l\xbb\xf1\xd0x)\\\xd0Me\x7fW\xb8\xdb\xd3\xd3\xa9O7\x7f\xce\x8a\xc3\x00\xc0N\xd9\xb0a\xba\xdc\xec{K\xa7n/\x91\xf9.&lt;H\xe7Y\x8d\xc6*H}\xfd\xf5$|\x9b\xb2,c\xdd_:\xcc\x95Q\xaf\xeb\xe5\xc1\x81\xe4\xc4\xff5\xdaB\xe0\xb6\x11\x9b\xd5\xf5v]d\x07\x85\xdd\xb2\xace\xf2X\xaa\xa0k~&amp;]\xf4\xcc\x18\xef\x94k\xc8\xf5u\x0b\xe1\xef?\xc1\xcd\xccm\xe1?E\xaeT\xd4\x9e\x04T\xed7\x88\x97\x87\x04\xfaM\xf3\xa4\x7f\x8b\x03H_N&gt;\xb5\xf8\xb2t\xa8\x18\xc8\xa3\xfa\xcb*\x82\xbd\x08P\x1c\x9c\x17\xbeP\x82\xe8\xda\xb3[^w\xaf\x16{\xc9\xb0\x1bL\xfa\xef\xc6\xe5\xa8\xf4\xb0u\x1c\x17\xb7\x9b\xe6\x8e\x1f\x1bMY\x90#\x1aG{\xa00*G\xa3\xb5\xe0: e\xe9\xe8zY\xd2\xd5/\xf1l2\xd5\x84\xc0\x13\x06D\xe6\xef&amp;\xfdH\x03\x04\xc5\xa5\xe2]\x1a&lt;C\x88\x9a\xda\x80[\x82.\x9d\xa9a\xc8\xf1k7\x15D\xb1f\xd7e\xf2\x1c:A\xd9\xba\xe0\xe3\xb0\xd3#Q\xa2\xa2F\x02\xd7\xd7+e\xd5\x85$\xd0\x96G\xec\x01r\x1f+cf\xf0C\xbb\x18\x92\x17\x8e9\x99\xc5I\xabT\x9evNLJV\x19\xc8\xa3P \xd6\xb8n\xbfT\x19)\xfddMF\x1c\xe8[dU\xd0\x03\x88\xf9\x9dh\x8aU\xb45G\xd3P\xe3+\xf9/p\t\x82\xdc\x08\xeb\xd57\x06v/\xe7\xac\xba\x85\x97\xa9\xed\xd3\xcb\xdf\x92\xcd\xaf\x94\xffOh\x8e\xa3_uG\xcc\xc0\xc1\xf7LL\x8e\x88\xa1\xae75\x8b\xbf\xb9\x85\x1a\xe6.\x17\xcc\xaf\x94\xb4\x07Y\xbd\x15\\L(\xb6\xd1g[:\xfe\xad\xab\xe5\x9c\x93P\x0e\xe6\xc5W\xeaIkv\xc1\x10\xf5\x8a\xb4\xc4\xcf\xf2P\x1aR\xd5\xd9\x8c\xd4:\x9c\xe9Y.A\x89\xc5\x02\xf5FQv\x1c\xbf\xd4\xee\xcd\xbe\x946p&amp;Du\x18i\x82\r\x1b\xb2\xf6\x1a\x81\x9b\xb6L\x10xKe?/?\xdb\\\x02D\x88\xfb\x89 ,\xc3\xab=\xc7n\xa7\x7f\x8e\xd7\xa3\xae(\xfbi\x1e\x1b\x9a\x99\xe1P\xca\xfa\xf5\xf3\xc8\x07\xc1~]\x8aj\xb0\xbaL\xb5\r%\x9d\x1e\xa2\xe8\xeb5b\x1c1\xfd;\xaa@~U\xe57\x15\xcc;\xed\xe4l\xbc\xb9\xc7:[\x9a\xe1M$\x8az\xe0\x16Z\x87t]?\x0b\xc4\xaf\xd3\xac\xa0}\x1es\xdcN\xc1p,8\xf02lK\x03h\xe8\x98\x84@\x80\x81\x99\xc1\xf8LRI\x88\xea\xd1\x13_\xc8\xffgk\xf7\xdeY\x17\xfc\x1a\x8e\xecG\xd4b\x04\x06\'\xdaQ\xe4\xdc#\'\xff\xae\xbd\xee\xfd\xdeZ\xc4\xb9\xe13\xf3\x98\xa6oS\xeb\xe2\xee\x84CA{2\xfd\x89\xeb]\x8c\xaa\t\xe9\x18,\xfe@2\xb2\xa9\x8ca1\xa8P\xcc\xfaq\x1f\xbe\xca\xf0:\x90=\xb1\x92g\xf1\x04\xd59\xe4\x84n@0\x05\x0c G\x0c}\x80W@\xe8\xfdI\x9d\t\xe7k\xa3\xf3\xbb\xe7\x88\x0c\x8d\xe5D\x05:\x0ev5X\xf4\xec\xddkG\x12\x94\xbb\\fp\xb1\xb0&gt;\x9e^.gD\xadE\xc4\xe6\x99\xd5hh`B\x15\xd3\xed\x84\xf54\xcb\xa1\xe3_\x84^]\'\xd2\x91{Hf#\xc3\xbf\x86\xa2\xd8\xfc\xf5\x8eu\x03U \xea\xc7B\x86\x17T\xdf\xb2\xbc\xc7\x11B\xd1\xa1\xb1\x838qJb\x10\x8c\xed\xc5U\xb3\xa3H\x9f\x02\x8c\x1d\x90\xbc\x02\xf0\xd9C\xd9-\x942\xe7\x87\x08\xa9\xd6\x98\x8a\x1c\xce\x8d\x15\xc3q\xfb\xddBQ\xc4\xa1kS\x01\xa9\x91\xc1h\xe3\x92\xc2\xb9\x00\xf9\x1c*\x92F\xf8\x88l`=\xf4D_\xf1\xda}\xf3jq{0\x9f\xef\tT\xae\x84P\xc9\xf0\xefd\xech\x16\xf4=\xb9;\xc2\xb0\x1b\xfc\x04\x9cv_\n\x95$0f\xac\'\xe1\xc44\x03\x11\x02\xfd\xb9\x0e\x01I;9H\xc2\xcb\x84\xc2\x81\x963j\x0b\xf3S+a\x8eW}"\x8b\xfa\x87\x07f\x8e5\xf0\x11\xf3*\xf8H\xbd^8\xf9\x15DW|J\xfb`\xd5H\xe1\x97\xf3\xfe\xf4\xbcuY\xad\xdd\xfdRV\x92\x0e\x131\xd1\x14\x1c\x00\x01j\x9aa\xb8\x96\xba\xac\xa0W\xd6\x14\xeb8\xd2\xec\xf1\\\xa8\x13\xf1\xa0\xf1}p\x81\xb5\nk\xdb\xf66\x8760\xa6\xea&lt;\x1f\x87neS\xcbW\x02\x12@C\xbeV\x8b\xdaX\x02\x9a\x03X^\x9b;\xa5\xec\xdc\xf5\x11\xfa%\xdb\xe8\x96\x1d\x0c\x1566\xe7\xfd@\x8a\r\xdf\xbcq?\xeb\xc8\x9e\xe2d*\x13\x9c\xb9\xf67I\xa7\xba\x0c\xf9\x10@\xf4\xb0\x80\xef\xed\x06\xd6\x08\x82\xe7\x13\x89\x0ePVZ3\xea\xa8/l?\xec9\xbb\x9d\x8f\xe5\x81(q\x0fEl]\xe1\xe8\x9f\x00XF\xc4QL\xa7M\x0b"\x18k\xab8\xde\x1c\x0f\xcd\x8a\xe0\xacC\xa8\x1e\nv\xb8\xbdP+\xdd \x0b#\xe0\x13\rW\xfb,\xae\x1fe\x926\x84&gt;1\xb5\xa6p\xf7F\xa1\x1f\xb0d\xcc\x1d\xc3d\x17B\xacd\xc8\xa5\x8awS\xcahRT\xe1\xa0\x9d\xae\xb4\nT\x03~\xc5\x02\x7f{\xc7\xaf\xf44\xd9{)\x96\xa6E\xa9\x7f;A\xbb\x19 \xe0\xfd\xb4WD\xc6\xefF=T\xf8\xdd\xe0\x85\xf43\x0c\xe1:4p\x9505\xd4\xff\xa3\xbe?&lt;5\x8f\x04\x17\x136:\xe6&lt;S\x06bnY\xb1\xd5MU\x87\x01Gn\xa7b\x81\x97\xa21a3\xb4\xed;\x086\x8b\xe4]\xdbi\xf64bm8\xd8\x8e\x1a\xa3h\xc7\x9bOq&lt;\x13\xd5fz1\x96\x10\x16\xb6+\xb9+\x8b\xdd\xfd."B\x82k\x9a\xfe\xd4\xbdL\xfb9W\x8e\x80\x90\xc8\x00-\x04\xabu\x06\xbc\x0b?\x08\xc9\xbeo\xcb\x9cn\xcb)\xb6\x96\t\xa2\xa5\xe7\xef\xbahY\x0c\xee\xf1\x00\x8f\xeb\xfam\xa0K\xe1R\xab\xefn\xe4\xe2\xed\x16QF\xc8XC\x1bB\xc0\x08`\xd0\x84\xc1OY*L\xf1\x92d\xec\xe0dn\xb5\xcd\xdcG\\\xa0\'\x8c\xd9\xf9"\xbc\xcc\xb5\xcea\x04~\xa7]x\x8cV\xf0\x1a\xf4\x05\xd6X\x98i\xbdD\x8a\x04\x89\xbb\xd6C\xd2\x008\xa4\n\x06\x06\x9af\x01\xa8C\xccv\xcd\xb2\xb3\x04\xb4\xf5\xc1\x9c\xb8\xbe\xf0\xb9\xc0*\x97\x06\xda2 \xc8\x7f1\xca\xa5\xad\x9a\x80\xfbX\x98(\x05C\xbc\xa0\xe0&gt;h\x8cY\xe3\xea\xff\xa7$;\'#\x01\x13y\xbd\n\x0f d\xd6F\x15\x91\xccA\x19\xb5K\xb8\xc7\x12\xb4\xb8\xe8\x06\xe5\x9d\xc1N\t.\xc8\x17\xe2\xf5kQg\xd1&amp;\x02+k\xfb\x88\xb9g\xf43\xfa!\x99\x0b\\\xa6\xe3\xe1!xKR\xcd\x07\xc2\x92\xce\xf3\x1a\x04Dpv\x02.\x9e\xe7,\x8cC\xe6\xf24E\xd7\x8c,\xc8\x16\xc0\x8e\xe4\x8b\x87\xe8\xd2\x16z\xe7z\x98b\xb8\x1d\x16w:\x89\x9f\xea\xe6:\xc3\xc5\xe498(\x03\xb3\xdf:P\xd5\x1c6\x83hk\xed\xf3\x16\xc7\xe6\xd1n\xb2r\x82\x9aT6eFe\xeb]\x17\x87\xaf\xb4\xff\x8a\xb9\x1f\x13"E\x18\xce\xc2\xe9\x9c\xaeV\xb8\xdc\x9dn\xe7\xa7\x15\xd7\xdf\x93\x16\x029\xba\x10V\x17\xd6\x91\xf0.i\x8e\xa3y%\xd3C\xe4\xe2\xcd\x82["\x9fM\x87J\xbeZ\xbb\x97%+.pl\x98I\xf2\x1e\xdd\\\xbddr\xea\xf3\xab\xfb|\xecM\xf2\x90\xaa\xd7X\x99f\x91\xd0\xebE\xec\xc7\xd5\x03\x02\x8cW\x9e\xdc\xe1\xfb\xf9\xa232\x14*\'o\x1b\x82k\x8a,\x1d\xd2\xf53^i\xdcNc\xa8\xca\xf3WK\x8f\x80|\xd9\x93\xee\x880\xcb\xbc\xb4\xc2\xf7\x11d\xd0\xf1\x03\xd8\xc8\xb2\'\x84\xe4!5\xf1q~\x11\xf1\x1c\x07\xdd\x82j\xac\x80\x87\xc4\xdd\x0f\xc6Z$\xa4E\xb8\x89\xfeI\xef\x12f\x1d&gt;\x10\xb3n\xf8\xa6Q\xec\x95\x15\xc4\xc5\x17N\x04\x07\xf9\xd5\xb7\x06+\xa4\xb0X\xcb\x1f\xb1.\x85\xc2\x12\x05.\xf3\xf28\xc0\xef\xfd\x15t\xce\xde\xe0\x18\x98 v\xdcA\xdfYw~\xa0\xaa3\x96\x9e\xa1\xcc\xa5e\xdfY\xbelOgT\xce\xf84$Y\x1e\x11\xe8/\'}\xddUIi\x12\xc4$b\xd0\x91Y\xf1$MrOK\x97VVY\xf1\x04\x04j\xe03s\xd7bPD\xac\xcb\xc1N\n~N\x13\xe5\xdb\x80C\xb8\x81\x87\x11\x1c\xec\xd4R\xdfo\xdf\t\xbe\xdd\xfb\xd9\x06x/\r~B\x1b\xeap\x0f\xee\xd9,1N\xc1#\xcewH\xa5\xf5\x05\x94\x1abU`\x86\xa5\x17\x04\x9a\xc9S\xab\x00\xc8U\xbe\xbf\x9a\xae\xe5r\xd0\x9e^\xbd.T;\xc9%\xf9&gt;\xf3mI\xc0\xde=\xa4\xc5[\xd9\xb9\xb4ha~=\xc5F\xbc\x02&gt;\x91i\xb1\x0c:\xd0J\xc3\x9e\xabx\xbc3X}\x85\x05\x123\xbe2E}\x90d\x03\xa2\x9a\t\x93Z\x8c\x1c\xd0"\xdf\xc6\xd9\xff\x0e\xb4\xca\xce\xea7\xdcr,!\xfc\xec\xbe\x04\xcaX(\xcf\xe8p\x8d\xe0\xf0\rC*\xb5\xf3Qt\xae\x06\x10\x83\x10\xe1\x86\xf5h\xbd\xdc\x8f\x04\xbe\xfd\xe6\xc1 3\xc4\x06\x84\x1d{B?_E*\x90g \xa7\xe9&amp;p\r\xb8\xad\x00\xc5\xea\x80\'\xc1\xbc\xa4Ez\x1fW\x17\xac\xd6d\x8fS\x07Vi55\xb6\xb1O\xbf\x06WV \x1d\xec\xd4\x8cX\x95O,\x07\xdf"F\xe2w\xc1i\x1f^\xf7\xe8\x1c\xf1\x86\x92\x84\x0fS\xc5\xa1\x02\xf4\x93\n\x0b\xf7\x8e\x16I\xc1p\xec\xa5\xe4\x14\x89V\x13\x9e%\xe8X\x0e2_\xa1\x01J\n\x91\x15Y\xd9SBd\x9bs\x7f\xfe\xc9\xff\x0bQb^J&gt;\xce\xc5\x89\xcf\xedq|M\xde/\xf5\xea\x89\x92M:\x00\xc4\xeah\xf1\xe3\x8a\xcbz\xf0k\x1aWK\xeeU\xb6\xe3\xa2\xc9&amp;x\x91)o\x91*\x8a1\x1b\xe8\xeb\xa7cU\xb6\xc7H\xd1\xf5\xa8\xd6\x83\xc3\x14^\x0c\x0b\xf7L\xd7\xe7t\xd40 \x07X\xe9\x89\x1d\x83\x98hR\x0f{\xcb\x85\x9f\x89\x8cgy[\x90\x8fY\x86&amp;(C\x9e\xc6S\xd43\xf3W\xd1\x93\x89\x98\xf8O&gt;0\xa8\x850\xd8\x90t\xbeP\xfa\xc7\x06#x\x97"&amp;O\xb6\xf4n6Y\r\x97\xf8?\xb6Kx8\xbf\x94\x9c\x8d\xda&gt;\x15\x7f\x7f\xe1\xf5\x86\xfe1T\xf3X\x8b\xa5\x8e\xb0p\xdf=#\x1eW\x8b\xe2\xc0\x92\xb8\x92o\xe3\x02\x048\xd6\x078\xf4\x1b\x80H\xe7\xa7\x8e\xd1f\xe63Z/0\xee\x9a\xf3\xc5\xe1\x06bP\x89\xc7\xce\x1e\xd4\xc2\xe8GG\x92\x1a\x1e\xa2\xea\xd7\x1a\x0b\x94\xa7\xc7Pi\xfce\r\xad/\xcf\xca\x83\xd8\xf1\x99\x1eQ\xe6\x06\t\xd7\x86)\\\xed\x1b\xb2\xd5\x1b\x86\xfb~\xa8\x1f\x0b\xd5\x1b\x83\xa8~mb\xce\xd5[\x91\xd6Gnw6\xae\x9f\xda\x11\xee\x85nxX\x89\x96\xd4\xdf\xb1\x1c\xdc\x08\xabd_\x8fC\xab\x94\xe0\x8d\x0c\xf8\xbc\xbd\x96\xd7\x06\xb5A\xa8\r\r\x0f\x10\xb51\x0b\xe4)\xd6\xda\xcf0\xec\xe7\x90Q|&amp;\xff(\x8c._\'R2C\xf9\xab\xa3f\xe0/c\xf4\xe1I\xba\xbe\xf6e\x9c\xf4uRK\xfcs\xe3\x1d\xf75\xd4\x1a|\x81KB#\x08\xd2&lt;\xb0\xf1o\x02\xb01\xdcF\xc8l{\x03\xb7L\xb4g\xfb\x18\xa7\xfft8az\xf7A\x1a\x1e\r\xcfk\xa9\x94\x87\xcc\x93\x81\x14\xfa\x0e13\x12\x0f8v\x91\xf0\x97\xe3\xc1X\xef\x07\x8a\x1213\x08\x95l\x93\xdeFp\x88\x85=\xa7K\xcd/\xd2\x1e\x11b\xaf\xd2\\\xea\xc6\x97\x89\xb0\n\x1d\xaa\x9d\x9a\xbf\xb6\x9b\xf6\xa8\x92&lt;u&amp;\xf9V\x9chfv\xda\xa6\x8bQ\xa8\xc7\xa6\xb4\xfe/\xaa\xf1\xa2N\x96\x91\xa7\xabT\x97\x96\x86\xeb\x17\xe903\x7f\xa3\x863\xc7C\x04}\xf3,\xcd\x00\xcc\x90X\x8e\x8e?%}\xed\xce\x92\x9dd\xcei\x9b\xab^\xd2\xe5z\r\xc6ho7Mz"\xc7\xcbl\xd6F&amp;\xfd}\xd5Y\xeb\x15\xa7$\xae\xbb\xd4C\x8bc\x05\xdf\tI5\xa1\x1e\x9f\xbe\xff\xee\xe4\x87\xf2?\x13\x0e\xafcT\xed\xf5\xab\xcf\x19\r@Ps\x1eq\x07X?&lt;\xe6\x0bE$\x1fHL\xa6\xe8M\xdb\xfb8\x1e`\x0c\x0c\xc7\x8c\x068\xfa\xefI\xaaK`\xfb\x82\xc8\xdc\xaa\xab\xfc\xea\x14\xc7D\xbf\xdc\xd0^=\xceI\xdd\xacQ\\\xabr\xc6M_\xfa\xc8F\xa0\x11`$]\xf3\xf2\xb1\xa95\x87k\x1f\xdc\x17\xe3\x9c\xe8\xd6\xcc\xa9B;\tR!N\xc9+$\xd1\xf0\\\x89=\x9f\x03\xa5\xa9z\xb83\xd4\xfa\x1d\xf51\xeb\xf5\x04\x05\xc3\xfc\x94\xcc[m\xcc\xed6m\x00\x89p\xa44$\xb7\x0eB\xd5E\xc5\xf6i\xe6\xa1X\x91rO)\xa4\xc9\xec\x8c\xc8\x8a{\x9b\xe8\x1e\xb6Y+1\xc7\xc6\xab\xdb\t\xe1\x17\x04\x85\xc7\xda2\x94\xe4\x88\x902\xd7\xbc{\x11\xbd\t\x8dK\x91\xbe&lt;G\x9dKh^\xcd#R\xff\xdd\xc9T9bw\xf5\x80_R\x82=\xfb\xc79\x88'</t>
  </si>
  <si>
    <t>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</t>
  </si>
  <si>
    <t>b'\xcb\x02\xbc\xe3p]f\xe3\xb7\xd5|`\xb0\x16\x14\x81'</t>
  </si>
  <si>
    <t>he same melting blue tint
 seemed to unite earth and sky.
 Madame Montoni only shuddered as she looked down precipices near
 whose edge the chairmen trotted lightly and swiftly, almost, as the
 chamois bounded, and from which Emily too recoiled; but with her fears
 were mingled such various emotions of delight, such admiration,
 astonishment, and awe, as she had never experienced before.
 Meanwhile the carriers, having come to a landing-place, stopped to rest,
 and the travellers being seated on the point of a cliff, Montoni and
 Cavigni renewed a dispute concerning Hannibal's passage over the Alps,
 Montoni contending that he entered Italy by way of Mount Cenis, and
 Cavigni, that he passed over Mount St. Bernard. The subject brought to
 Emily's imagination the disasters he had suffered in this bold and
 perilous adventure. She saw his vast armies winding among the defiles,
 and over the tremendous cliffs of the mountains, which at night were
 lighted up by his fires, or by the torches which he caused to be carried
 192
 when he pursued his indefatigable march. In the eye of fancy, she
 perceived the gleam of arms through the duskiness of night, the glitter of
 spears and helmets, and the banners floating dimly on the twilight; while
 now and then the blast of a distant trumpet echoed along the defile, and
 the signal was answered by a momentary clash of arms. She looked with
 horror upon the mountaineers, perched on the higher cliffs, assailing the
 troops below with broken fragments of the mountain; on soldiers and
 elephants tumbling headlong down the lower precipices; and, as she
 listened to the rebounding rocks, that followed their fall, the terrors of
 fancy yielded to those of reality, and she s</t>
  </si>
  <si>
    <t>b'&amp;A-\xe1\x1a\x1a\xd3\xf5\x94w\xd71\x82\xe2\xd4\xc6p\x1c\xae\x87\xb3\x0f\x15\xa5\x8d\xeeh\xe3\x0b{W\xc2h\x174\x91\xb9#\xcf\xcd\x87\xbf\x12%o\xd0\x9a\xaaI\x04\x99\x99\x0b\x18s\x80z\x11&gt;\xb2+(,G'</t>
  </si>
  <si>
    <t>26412de11a1ad3f59477d73182e2d4c6701cae87b30f15a58dee68e30b7b57c268173491b923cfcd87bf12256fd09aaa490499990b1873807a113eb22b282c47</t>
  </si>
  <si>
    <t>b'&amp;A-\xe1\x1a\x1a\xd3\xf5\x94w\xd71\x82\xe2\xd4\xc6'</t>
  </si>
  <si>
    <t>e design. This topology provides a single-ended output.
 â€¢ For low to moderate frequencies, the phase shift and Wien-bridge oscillators are used
 in discrete design. They can be readily implemented by means of op amps.
 â€¢ For precise and stable frequencies, crystal oscillators can be used. Such circuits serve
 as the â€œreference frequencyâ€ in many applications, e.g., microprocessors, memories,
 wireless transceivers, etc.
 PROBLEMS
 Sec. 13.1 Oscillation Conditions
 13.1. A negative-feedback system is shown in
 Fig. 13.35. Under what conditions does the
 system oscillate?
 X H (s) Y
 G (s)
 Figure 13.35
 13.2. A negative-feedback system is shown in
 Fig. 13.36. Under what conditions does the
 system oscillate?
 K (s)
 X Y H (s)
 G (s)
 Figure 13.36
 668 Chapter 13 Oscillators
 13.3. Consider the simple common-emitter
 stage shown in Fig. 13.37. Explain why this
 circuit does not oscillate.
 VCC
 RC
 Q1
 Figure 13.37
 13.4. A differential pair is placed in a negative_x0002_feedback loop as shown in Fig. 13.38. Can
 this circuit oscillate? Explain.
 VDD
 RD RD
 M1 M2
 ISS
 Figure 13.38
 *13.5. Explain what happens if the polarity of
 feedback is changed in the circuit of Fig.
 13.38, i.e., the gate ofM1 is tied to the drain
 of M2 and vice versa.
 *13.6. A differential pair followed by source fol_x0002_lowers is placed in a negative-feedback
 loop as illustrated in Fig. 13.39. Consider
 only the capacitances shown in the circuit.
 Can this circuit oscillate? Explain.
 VDD
 RD RD
 M3
 M1 M2
 M4
 CB
 CL CL
 ISS
 Figure 13.39
 **13.7. We insert two resistors in series with the
 gates of M1 and M2 in Fig. 13.39. Taking
 into accountCGS1 andCGS2 in addition to
 the other four capacitors, explain whether
 the circuit can oscillate.
 Sec. 13.2 Ring Oscillators
 13.8. Suppose in the ring oscillator of Fig. 13.8,
 the value of RD is doubled. How do the os_x0002_cillation frequency and startup condition
 change?
 *13.9. Suppose in the ring oscillator of Fig. 13.8,
 the value ofC D is doubled. How do the os_x0002_cillation frequency and startup condition
 change?
 *13.10. In the ring oscillator of Fig. 13.8, we as_x0002_sume C D arises from CGS and neglect
 other capacitances. If the width and bias
 current of each transistor are doubled and
 RD is halved, what happens to the oscilla_x0002_tion frequency?
 13.11. The supply voltage of the ring oscillator
 of Fig. 13.8 is gradually reduced. Explain
 why the oscillation eventually ceases.
 **13.12. Derive the oscillation frequency and
 startup condition for the ring oscillator
 of Fig. 13.8 if the number of stages is in_x0002_creased to five.
 *13.13. Derive the oscillation frequency and
 startup condition for the ring oscillator of
 Fig. 13.9(a). Consider only the CGS of the
 NMOS transistors and assume all transis_x0002_tors are in saturation.
 13.14. Suppose the bias voltage, Vb, in Fig.
 13.9(a) is gradually raised to reduce the
 bias current of each stage. Does the circuit
 have a lower or higher tendency to oscil_x0002_late? (Hint: as the bias current decreases,
 rO rises more rapidly than gm falls.)
 **13.15. Derive the oscillation frequency and
 startup condition for the ring oscillator
 of Fig. 13.9(b). Consider the CGS of both
 NMOS and PMOS transistors and assume
 all transistors are in saturation.
 13.16. Draw the large-signal waveforms of Fig.
 13.10 for a five-stage ring oscillator simi_x0002_lar to the circuit of Fig. 13.9(b).
 Problems 669
 13.17. A ring oscillator is sometimes used to
 provide multiple outputs with different
 phases. What is the phase difference be_x0002_tween consecutive nodes in the circuit of
 Fig. 13.9(b)? (Hint: consider the wave_x0002_forms in Fig. 13.10.)
 13.18. A ring oscillator employs N stages. What
 is the phase difference between the con_x0002_secutiv</t>
  </si>
  <si>
    <t>b'r\xdeUz\x9at&amp;\x87\xdc\x9e\x024t\xf0(\x96'</t>
  </si>
  <si>
    <t>72de557a9a742687dc9e023474f02896</t>
  </si>
  <si>
    <t>nd praetors (EJ 94a). Another shows the Senate upholding its dignity by condemning â€˜â€˜those who contrary to the dignity of their order appeared on stage or at games
or pledged themselves to fight as gladiators, as forbidden by senatorial decrees passed
on the subject in previous years, employing fraudulent evasion to the detriment of the
majesty of the Senateâ€™â€™ (Levick 1983; AE 1991 no. 515; see Potter, this volume). The
third decree shows the Senate sitting as a court, trying the Syrian governor Gnaeus
Piso for insubordination, and directing soldiersâ€™ future loyalties:
The Senate hopes that the soldiers will forever display the loyalty and devotion they
displayed to the Augustan house, since they know that the safety of our empire reposes in
the guardianship of that house. Greatest authority should belong to commanders who
have with the most devoted loyalty worshipped the name of the Caesars, which protects
this city and the empire of the Roman People. (AE 1996 no. 885, 163â€“5)
Above all, the Senate began decreeing honors to the imperial family, thus preserving a
place for itself in the new order. In one of the decrees the Senate commissions
memorials to Germanicus Caesar, including marble arches in Rome, on the Rhine,
and in Syria, inscribed: â€˜â€˜The Senate and Roman People dedicated this monument to
the memory of Germanicus Caesar. . . he died serving the Republicâ€™â€™ (RS 37, fr. i,
lines 9â€“21).
Yet when Tiberius retired to Italy and Capri (25â€“6 CE), power in Rome devolved
not on the Senate, but on the prefect of the praetorian guard (the urban garrison),
Sejanus (Syme 1956), a man whose career in many respects resembles that of Agrippa,
Augustusâ€™ chief lieutenant. Like Agrippa, Sejanus began his career a knight, one of the
Roman aristocrats traditionally distinguished from senators by not holding public
office, but now appointed to prefectures as powerful as any senatorial office (grain,
Egypt, the praetorian guard). Again like Agrippa, Sejanus then received powers from
the republic (imperium, the consulship, tribunician power). But unlike Agrippa,
Sejanus never married into the imperial family. And when Tiberius told the Senate
that Sejanus had been clearing a path to the imperial succession for himself by killing
rivals, the Senate arrested Sejanus, tried him, and had him strangled. Typically,
contemporary writers ascribe both his rise and his fall to the republic. In the beginning, Velleius Paterculus writes, â€˜â€˜the Senate and the Roman People . . . were ready to
summon for the preservation of its security the man they regarded as the most useful
instrumentâ€™â€™ (Vell. Pat. 2.128.4). In the end, Valerius Maximus writes, â€˜â€˜all crimes are
surpassed by the thought of a single parricide. . . . He who essayed to subvert all,
118 Greg Rowe
a b
c d
e
Figure 6.1aâ€“e The Julio-Claudian house:</t>
  </si>
  <si>
    <t>b'\x7f$\xc6L\xfa\x14\xb1&amp;\xbb\xe0L|\xef\x1f\xc7\xf2\x0e\x85\xb2\x02}\xc9z*\xf0\x08\xc8\xde\x9c\xfa\xe6\xd3\x9d\xbbo]g\xe5\xb2\xb0r\xba\x8c\xf2\xf9\xa5C\x08\xe4\xd5\xdcR\x9d\xae\n\xa5\x11\x1d\x89\x97\xcaIQ*3Q^\xaeV\xba\xfc\x93\x16\xdc\xd1~H\xe2\x0er\r\x8b\xcf\xee\x0f\xb4&lt;\x0c\xab\xf2\x90&gt;\xed+\xbbwT&amp;a\xc82r\xb4a^\x1c\x98\xe1\xe3T\xb8\xfbS\xa0\xa4#k\xeavu;+\xbfB5\x191\x91,!R\xce\r\x19\xec\x98a\x8f\x84\xa7\xb2o\x8c\xe4\xfe\xe8\xc4\xec"\x1a \xa3pe\xc4g\xd8\x93\xd4\x08\xe0\x15v\xd0q\xf5\xf5em8\x93B\xb8\xfd\x8a}\xcb\xae\xcf\xf3ha\x86\x9d\xe0\xcc\xfa)[\xd9)\x9c\xe6\x05\x14\xad\xbbQ~\xb1\x99J\x83@\xae\xa7\x1d\x85\xfe-\xde9TH\xe6\xb5\xe4\x84?\xb0\xff7\xa1L/\xd3\xd3\x7f\xf8\xc5\x91\xe0\xd7\x19\x9f\xfc\xe9\xc7\xc4\xd1Wd\xd4\xfaqC\xc3|Xh\xce\x0f\x10\x8eH\xd0\xb3\xbeX?\xaa\x822\xac\x01|Y\x02!\x9b^\xa4\x1d\xb6\\\x88\x80\xf5VZ\x11\xe8)v\x02\xe7\xb6GB\xc8\x94F\xb5\xeac *{\xccy\xaayM]\xe4sa\xf5a\xa7\x9f}+\xee#\xbd\x17\xd1In\x9e\x8c\x08j\x0c\xa98x\xae\xdde\x03\xddN\xe4\xbc\xe5\x97\xe8N\xb2X?\x1d\x1b\x07\xc5A[\x05\xe32\xee7\xc8\xb8\x13%\xbe\xac\xd7\xefz\xa0J&lt;\x9d\xb2\xa3L\x14\x0cH\xe3\x14\x8as\xe4$\xe8\x1c\xacd\x99\xddR\xaf\x01\xc9\xb5\xb9\xb8-\xed\xa7O\xc3b\xf6;\xaf0\xa3\xf2Hmj\xbeCS(v\xd2\xcfU\xba]X\xb0u\xd5\x945\x83a\x1e\xe2\xf3\xa1\xc7\xf1\xb0\x99\xa4\x85\xf2\xb0\x99\x94\x9b\x1bz\x06\xa6\xf3\xc04\xe8X\xec\xc8\x94t\xeb\xd1\x02d\xa8\xba\xf7r\x03L\xc8\x07\xdc\xa6\xe1\x9as\x0e\xee\xc2_\x026i\xaa\xb6A^\n\x97\xc8\x81\xf9\xc5\x10%\t\x96\xa8\x00K^U\x88\xf9\xbfw\nv\x1c\xe2\xb6\xe4\x148-\xb0\x00\xe7\x01Zp!I*\xc0\xa7\x16\r\xd0h\xef\xdb\xd4\xc7.I#C5\xce\xc2\xcb;\xe1\x89n\xfftR\xa0^\x00u!\xff\xaf\xcd\xcd\xff\xbd\x93U\xef\x83\x9f\xbb$\x80\x08n\xa2\xdb\xcd\x03&lt;\xe8$\xb9\x14\x06\x82\x86\xadw\xfe\xa3\xc2\x8et\xd3\x92\x9b\xd9\x8d\x8aNK\xcd\xb2\x8bk\xce\xd8\t\xc4\xf3\x7fK$t \xd8\xb9\n\xf4\x9f\x9c\xea\x93M\xfb\x19\xc9\x8e;\xf2a;\x8b\xf3\x8a\x18A\x19\xae^\xd1\xcfe\xe9\xd4\x82\xdc|\x1b\x1d\xc0\xa8\x9aN\xfe\xd8\x88\xf7T[U\x9f\xc2\x0e\x19\x12\x07\x97\xb7\x19\xd4\xc4\xd4v\x92\xee\xc3\x0c#\xd5\xecH\x13&amp;\x82\x1f%f\xfd#\x19\x12\xc9\x04 f\\\x17\x1f\xe8\x19F\xfel5\x9eCsu&gt;\x08f0\x16\x85\xe9\x89\xd9\xf9\\v\xc3\xd1$S\xe5\x11\xf0Yz\x020\x00\x8d\xa7\xc1\x10\xec\x02X\xc3\xcc\xcb\xa7\xedS\xa8\x92\xf8I\x81\xc9I\xee@\xd6f\xe1\xf7B\xd2\x9dYu\'\xa03\xa71Ty\xae\xae}\x8d\xd8\xa9\xdb\x1cqnn\xddPq\xbb\xa3\xa0\x9b\x7fnH@\xaav\xa4\xb4\x9ex\'\xdfk\x80\xe8[\xe1\xf3\xabJ\xd4\x89\xcd\x045\xc3\x14\x8c\xe3\x85\xf0\xa5\x7fAf\x88\xe9\xd2\xb5L\xf4p&gt;i\xbaU\xa5\xa7U\x08\xb9t\xb0}\xea"T\xb4\nVbfiY\xa8\x1c\xa3^n\xa1\x05\xd1\x0f\x19L\xac\xb0.\xd7Q:z\xea\xe6\xc2\x8f\xef\x91\xa4#i\xa7Z\xfaKH\xb7\x1f\x89/\xe6R\x01\x91\x9fz\xcb|\x96\x11\xc4\x10\x07\xcc\x07\xecSpa\\\xc7\xd8\x8a\x92\x12\xa2"\xe5\xee\n\x8b\xecT%\x084\x89-\x0e\xceU\\\xf0S\x88&gt;\xe9\xb0\xa3\xab!\xb0\xf5m\x1eNt\xa2\xd1\x99\xdf\xd2H\x93\xc8\xd22\xfc\x8d4\x17\t#.\x05@\x7fza\x0c\x93\xe1v\xa6\xd3\x12c\xcc\xe7\xd0_\\\x05E\x92\xa11#wM\x93&gt;\x91\x86\x0e\xee\xc3\xec#\xd0\xcf\xc7L\xc7\x07\xb9\x80\t\x85\x1b\x99A\xee\xc8W=\xdc\xaf\x9f\x08\'\xd0h\x0e\x8e\xcd\x0b\x01\x1dW]mi\xb12\xd9|`\xfa\xd7\xfa\xc4\x8d\xc0k\xcb\xa4`]\xca\xcd\xd6\xfd\xbb\xd2~\x9e\xdc\x15\xd5\xdejm\x05\x91gl\xbb\rV\x80\xdeZY\xf0\xc2\xbe\xb6\xdd\\\x14\xe1d\xa8\xf5\xbeb\xb2\xcc\xd0\xc1\xc2\\W\xd6\xf0[\xafqZ\x1c`\xc1\xff\xf1\x1d\x93\xdb8\x8cP\xf4\x80\xe7o\x01\xa7\xaa:9\x89`\x02\xceU|M\xcaJ\xc6\xfc`\xa7_\xe8\xe5z\xe7\xdf2gmw\xeb\xbe\x04\xfaW;d\xa0\x8bf\xd7\xf9&lt;e\x92\xde\x06%\xda\x8eV\t&lt;\xea\xcf\x10$}\xbf\xc2\xba*z\xb9\x9d\xb0c\xbd\x85d#\x8d\xf5a\x87\x07\xe9\x89\x18\x13\x16\xf3\xaf\x18F\x156Xs\xe1\x0b\x1e;\x8d\xfc\x92r\xb7M\xb9\xb2\xfb\xa8\xd9\xf3\xa6Z\xad\x8b\x00\x13q\xcc\x9e\x8d\xe6\xa6\x1a&amp;\x99l\x066\xb9\xdc\x89\xad\xf8\x02\xdb\xb9o\x9d~\x80\xe2JWD\xaf\x96\xaf\xf3\xa5\xba\xdeLG\xa1\xeeR\x00)pt\xb9\xfc\x7f\x16(\x9cs@\xa1$\xf5G\x8cM[wp\x97\xbdg\x14\xd5e\xb7\xaf\xca\x92(\xad\xe2\x8bs!\x18\x85\xd8f\xa08\xa4\xc5\x02jDY\xb4\x19~Y\x8f\xc2\x863)\xfd)\x9d\x80\xca\x14\xddPG\x17\xd9mj\xcdT\xd7 \xd1z\x0fr\xc0KK!cE\x93\xc7\x94\x1f\xa8\x9e\xed\xe2\x1f\x9c\x92\'\xc9QR\xba\x19\xc2\x820nfE\x8c\xb3\x10\xb2\x8d\xa0\xe5C\x1a\xeep\xee\xa8\xd0\xb30\xce\xce\x1b\xd8\x0f\xf9\x01k@\xdafm\x160\x04&lt;\x86\xa9\xa4\xc9\xd4\xa8\xd2\xcb\x9c\xd4\xa3\xeb\xd6\xc9\x9e\xb0\xbf$\xcb\xf4\xe3]p\x16\x8c\xee]C\xcc\xc92\x8a\xf4\xeavG\x9c\xbf"\xed\xd0j\xa4!\t=\xdaM\r\x8cv2\xce+\xbb\x97\xd6\x85M\x86L\x15\'\x07\xb0T\x19\xf8Pp\x891\x13\x94\xb2b\xdc\x98\xa6\x94/6l\xb3{\x11\xba1Z\xb3)\xc4\x1a\xaaf)p\x1f\xf2\xcf\xd3\x0b\xca\xa5v+8\xc9\xc6f&lt;\xd5\xd3\xa0q\xf1\x9dL\xc2\x15z\t\xf0\xb8\x85\xefovc\xd3\xd1\xcb\x90Li-\x996\x8e\xfa\xfd&gt;\xff\xb2\xd1\x19\xff~\x88\xb6\x03\xad\x04\xe2M{2\xc7\x02\xb0C[\xfeB\xacR\xc9Fgm$\xd10\x9b\xb8\x0cZ\x80\xbe\x7f\xf8\x19\xb4\x07\xd0\x14\xad\xfb\xf5\xb8\x07*I\n)\xa5\xb5\x9e\xf6:(Dw\xa9\xc1f\xc3K\xbd\x88t\x85\xf1`y\xe2\xb3\xcf\xc2\xe1\x1dp9f\'vk\x02J\xc0\xf4\xbb\x92\xfd:K\xc3\xc3\x8b02$\xed#J\x9b\xff\xc3\xbf\xe3\xc6\x9c[iq\xf6I7,3&gt;X\xa6\xbc\xd8\xca\x83\xc6m\x0f\xc8\xbb\xa2%\x19\x84\x13Ai\x85C\xc3\xd7\x06CF7\xfc\xc8\x1a\xe2o\x8b.U\x9b\x848)\x8e\x89%\xb03I\xf5\x139\xf8&amp;"\xdb\x088\xa3\x8a\xd6\xbf\xee\xef\xf8Y\xc8\x0f!\xf3\x80\xcd\x9b\xc2\xffM\x98\xa8_\xb0\x10\xc1\x84\xea9\xe9\xe8\xc7v8"\x98&lt;&amp;\x05_\x11\x06\xc0\x82(\xbb;P\xe0\xf7B\xbdb\xe1&gt;\xd8\x9cb\\\xfca\xbe^\xf0]n\x06\x80\x00o\xec!\x90%\x19\xbao%\x92\x85W\xacz}\x8b^3\x80\x96U\x1e\xf6[]&amp;\x1c_\xc5\x13\xdd]\x91\xa3\x8aT\xcfM\xf4&gt;\x92\x84\xdc\xae)\xc0d\x11\xc4o } \x93\xa7\xfbqA2!\xfd\x8d\xca@|\x8f\x81\xf8;\xd0\xceu-\xd4,3Ye2M\x07\xff\xe4\xa9\xbd6\x85df\x8c[}\x1f}\xdd\x9c\xb6j9\xf5\xf3\x0c\xfb\xd1\x88\x18\xbf\x0f\x0bD\xf9a\xc0\xc5\xd4\x7f\x82\x88#)\x04\xc6\xfe`\xa2n\xd4=&amp;m\xbd\xdb\x13\x95\xe8C\x1d\x15\xefb4\x7f\x18"Z&gt;\xb7H\xb5\x05\xca\x14\x89\xa8\xaa\'N\x8e\x95T\xc3\x05h\xb30\x9c%\x93\xe8\xf9\xbf\xda\xc1"\xf1\xbd\x01i\x02WNv\xf2je&gt;\xdb%\xb5\r~\xbbw\x03\xd1.\t\xd6\xc5=\x07\x0c\x02\xc23\x02&lt;H*%\xe7\xb9-a\xfbG\xbe\xb2\xcb\xa1\xae\xa7\x99\xef\xde\x8c\x0cK\xc4\xfbA\xcc\x9cp0&gt;b\xa7\xe7/%\xcdZ$\xf2\xb6t\xa5\xa0)6e\x84\x12\x0e\xd4~\x87\xd5\xb3&amp;cVQ\xc6\r$\xadI\xaa\x7f\xaf\x06\x1e+t\xc4\x1d\xa1\xed=Z\x08R\xf5\\\xa5@\xc8\x97\xf2T\xe1\x81w\x0f\'U}1\x81+6\xca\xab\xf3\xbbD\x95\xd3%`[`\x15\xe4\x15\xd4"\x9a7\xda\xfd#\xdd\xc7Y\x1c\xf7\xfc\xff\xaa\xa1\xfa\x7f\xde\x14\xef\xc1\x10\xcc\x95\x84\xaet\xda:j\x95B\x90,+\xd1G*\xc1)\xf1\x8c]\xef\x06W\xcfd\xeb0\x19\xdc\xb5-\x1a\xbct\xfe\xe0?\xc318\x9e\xa1\x16\xd6\x02gyy\x84\xa8\xe4/\xe0\xde\x97\t\x9e\xe2zl\x04*\xc3\xd3\xcb\\H\xa5O\x04VX\x0cVJp\xd0O\x1e\xc5\'?\xf2\xd6) \xcaiR\xd6\xdb\x10\x11\xcd\xfb\xban`\xe5G\xdd\x9d\xe7v\x8bI\xda\xd7\xd5\xc5\x93\xc7+\xd1\x82\xb9\xe3\xeb\x93\xa8\x87x\xca\x14l\x11\x95\xf9\x8e\x8a\xfbS5a\xd1{eB\x7f\xa7(\xd2;gcM\x93\xde\x1d\xfb\x8fz\x18\x12\x83\x00\xfd\xe1u\xec\x83\xbb.4\xd1m\x0e\xa6\xca\xad\x9a\x07\x03[\x1fe0\x00rV\x84\xb7\xc1\xdb;\xc5\x13$\x97\xa6\xc9\n\xef\x10\xdf\xdf:\x90[\xce\x90\xf5I\xc6OWR\xbf\x9a\x1fb\x90R\xe1\x11\x8d\x17\xe1\xfa\xe5\x9d\xcb\x18\x8e\x8c\x8e\x03K)\xb9=H\xfc\xc3\xa6?\xc29-\xc1\x8a}\xb7\xef\x04\x878\xd1cl\xf2\xb6\xa5\x06\x04\xf9:9\xa27\x00\xaf\xbb\xa8\x07\xf3\x01\x98\xa1\x08\xe2\x9f\xff\x9d\x97\xd9\x9c\xa6K\xe45\xb6\x88\xffuD(Q\x03J\xf7\xb20\xc2\x85\xd6\x0c;u\xb3\xd4\x07x}\xc8p\x80\xab\n\xb4\x8a\xcf\x97\x05\xa8\xb0a@\x939\x92s\x0c-\xe6\x7f\x04\xcd\xcd\xd1\xd6\xaa \xd7\xe3\x03\xec\x88\x89|\x93\xd6N^\xae^\xdb\x83nD\x00q\xa0l4c2\xbe\x8d\xdcC\xed\x85\xca\x04\xdf\xd6\x90\xd4fQ\xf7\xbe\x03zv\x98\xdf7\xf6.\xc6\xc7\xf3\x96\xda\xceB.}\x0e6\xc2&lt;\xd7 d\xe2\xbd\xc3\xabwO\x11I\xddWYv\x91\xcfm]\x19\x86\x9erLF\xbe\xef\xf6\xc2\xc3b\'t\xdc\x91H\x7fZ\xc4\xe2\x1b\xde\x1co\xeeI\xf6Ly5\x19\x10[\xd0\x18\xa3\\_\xca`\xa5\x82\xbf\x19\xafs\x0f\xf8 \x1f\x82\xbc/\xac\xe5\x83\x0f~\x85AJ\xfb\x11\x05}&gt;2\xed\xd8\xf0\x7fC1\xa4Q`/jx\x05duY {M\x98\xd8O\xc2\x03}\x05\xd6\x1a\xc7\x81\xa3\xbfd\xf5`\xc7l\x81pAX\xef*\xb5\xc0\x0fw\x87\xcfs\x00 \x93\xc1\x9b\x9bOuZ\xbe\xf7\xa1!\xd3\x0e\xee\xa6\xad\xcf\xea&gt;\xe2\xca\'V+o\xac]\xa4m70\xe1\x8b|f|\xa24{,\xae\x1b\x071qB\x16}h\xd2ay&lt;]\x85&lt;\xb8Nx\xa0i\x0f2\x15A7\'\x19w\xe4\xdbF\xdd~\xfb\xa9\x11\x8cpA"\xdd\x81\xe6\xff\x98X\xa2\x15\x8c\x88\x88\x93\x13\xfdcBB\xeda+\x18\xce\x12\xf8\xeb\x9e\xad\xd7\x1b\xb7\x91f\x07\x90ya7h\x11\x82HU\xe5\xd4\xb8\xabd\x919pg\xd7\xbe\x1b\xe8\xd7s\xef\x13\x97\xbe\x10&gt;\x1d\x17\xcc\xe9h.\xc2D\xb9\x8eWT\x8at\t\xfaWK\xd1\x11\x08\x85\xaa\x955@\x80\xf8\x97\xb8\xd5\xb2\x17wq\xf5\xb2qq.\xf1\x1e?4\xb7\xbf2\x86\x16tV`\xb1\xa0\x85\xc2$\xc2\x7fw2E&amp;W!\xc9n\xb5\xda\xf7\xaeH\xbe\x19/?\x80G(w\x99\x1d:j\xd5\xee\xd7\xaee0N\x86~\xd6&amp;\xac\xfe\x12\x96\xf6\x0bR,\x04'</t>
  </si>
  <si>
    <t>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</t>
  </si>
  <si>
    <t>b'\x7f$\xc6L\xfa\x14\xb1&amp;\xbb\xe0L|\xef\x1f\xc7\xf2'</t>
  </si>
  <si>
    <t>re your sales start to
 compound. While everyone is different, many entrepreneurs get to their first
 million just six months from this point.
 That means that you might be halfway to your first million after all.
 A few months ago, you hadnâ€™t even begun your journey. Maybe you
 didnâ€™t even know what you wanted to sell. Now, youâ€™ve launched, youâ€™re
 taking sales, and you will soon be getting repeat customers and referrals, too.
 You can actually build a million-dollar business.
 Iâ€™ve seen people pace $1 million after one or two products quite quickly.
 They go live. Then within three or four months they have 100 sales a day,
 which means theyâ€™ve crossed that $1 million threshold.
 It can happen that fa</t>
  </si>
  <si>
    <t>b'\\\xb9\xc5\xd3M\x83\n~\xbd\xf0\xd3z\x04Lk\xa27M~#\x01\xd1\x1bW\xf2\x0c\xc8v\xa0}\xc1f\xdc\xe6f\xb5_\xd3Pt\xc4\xe2\x02\x17W\'dK+\'\xff-J9\xe89\x1e4\x04\x12]\xec\x12\x84O\x9e\xd7\xa2\xdeQ\xa8\xad\x81\xf7\xb7\xa8\xc1\xba\x0c4\xe7*@\xa7\x9f\x9a\xf7\x05\xf4C\x0e\x8d\x01\x88S\xcd\x05d.q\xb9\x1a\x0c1_\xb69r]$\x1f\x97(\x9b\xeeH\x13\xee&gt;\xf2\xf9\x89\xc6\x96\xa00\xc2\xb8\xde\xe9\x86\xaf\x95\xee\rx\xa1\x1aT\x16&amp;\xb4(\x7f\x13|\xd1\xd2W\xdf=\x89jBa\x07\xbe\xbb\xb1\x9a\xb9S{\xee\x9d\xdanRQ\xfd*\xcb\xb9+Eb\xa9\xa1\x92\x19V1,a\x99\xb8\xc7\xa8\xf1\x97\xb3\x10r\xd2\xa37c\xb5\x85\x03\x1d\x87\xfc\xa6}\xf2\xf1\x19\x01\xba\x84\xfe\xbb\x0f\x80\xc1\x9b\xbe\xcb:\xd4m\xdb\x10`\xa7\x02\xe3\xef\xf4\x1e\xa8\x8c/\xa1\x15\x93\x87\xc4\xeb&gt;\xb8\xd7"\x01o\xbd!\x9e\x02\xcb\xf6\xa4\xdb\x10\xa7\xf2\x9a\xb3n\xc8\xc1$\x18\xe5\xcf\xeb*qi\x07\xef\x13\xa1\xe3s\x11\x19h(|\xd4,Kl\xd2\xc7-\xb8i;\xcc\xad\xcc\xe3\xf2kv\xf1}\xc2\'\\\xe0\xc2X\xcf\xbf\x8d\xdfh\xba\xd9"\x14n\xae\x07\xb6\xb2\xc8\x96.\x7f\x16gtp\xc2\x9e\xcb\xe2\x16\xe5\xac\x00!\x94\nM.\xa9\xc3/\x05d\xc0q\x1f\xed\x9c\x84\xaeCy\x01\x89`\xe6g\x1a\x1eJ)\xbdY\xeaQ\xe5\x00\xa0&gt;"=\xd55\xd20\x8fn-\x06\xf1@\xcff-\x81\x14bz\x11)\x00VD|[\x9c\xc6J\x9f\xc1+\xe7\x02\xfc\x1a\xa2\xe7M4\xda\x15\x9f\xea\xa5\x8b\xa0;\xf6\xba\x0e\'R5\x1a\xad\x0bC^\xb5x\x17\x04\x13p\xe1\x90\x9e\x01\x8d`\x8cB\xb1\xa3\x10\xb4\x8b\x9d\xee\xb9\xb5\xfbq\xa61\x81\xa2\xd6)\xa0\xb5"\xd5(\x02\x90\x18\xd1\xfb\x84j\xd9\xf9\x0f\x19\x19\x8bL\x91\xf8\x86\xe8\xb1\x81\xdc\x81\xc7\xcdX\xf7\x02\x17j^s\xe4\xe0\x8aK\x83\x9c\x07W%\xf7\xf88\xc6\x0f\xf0\xfeQ\x9c\xcb6\xdc\xd3\xef#\xde\x9b\x16\x12g7\xe2!\x8d\xcc\xa2\x8a\xde\xe78\x7f\xa6C\x04\xc0Kq\\\x9a` 10\xe4\n5o^?\x16\x07G+%\x1e\xf3+\x15\xf4a;\xc2\xd0\t\xcaF\x9d\xc2\xc9\x8474\x19\x14\xe4\x89\xb6\xe8o\xcc\xbc\xd4\xad\xc0\x84\xc5p\x96M\xef\xc7\n \x92c\xd2BL\x0e\xce\xf0\x9e\xc3J\xa6\x87Ee\xe2\x04\x8f\xd3\xab\x95l\x0f#yD\xd5\xb3x\xfe\xa0,Z(\x90\xb4\x1d\xe2\x8b\x1d\x92\xc5\x84\x08\x83;"\xa4\x10y\x1d\x91i\xf0\xce"\xd0\xb4\t-\xa0\xff[\x1c;Pv\xbd\xd4E6\xfaUsvi\xc7\x08\x00\x80\xb6\xb8Pj\'\xa5\x0e1\xa0&lt;|\x07\xf40\x1a\xb1?\x0e\xe2}f\xd5\xea[\xf0\xcen\xf8=Q\xe9n'</t>
  </si>
  <si>
    <t>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</t>
  </si>
  <si>
    <t>b'\\\xb9\xc5\xd3M\x83\n~\xbd\xf0\xd3z\x04Lk\xa2'</t>
  </si>
  <si>
    <t>h a column'd gate
 A fearful shepherd, pale and silent, crept,
 Who, as he watch'd his folded flock star-late,
 Had mark'd the robber steal where Hamet slept.
 He fear'd his own, and sav'd a stranger's life!
 Poor Hamet clasp'd him to his grateful heart;
 Then, rous'd his camels for the dusty strife,
 And, with the shepherd, hasten'd to depart.
 And now, aurora breathes her fresh'ning gale,
 And faintly trembles on the eastern cloud;
 And now, the sun, from under twilight's veil,
 243
 Looks gaily forth, and melts her airy shroud.
 Wide o'er the level plains, his slanting beams
 Dart their long lines on Ilion's tower'd site;
 The distant Hellespont with morning gleams,
 And old Scamander winds his waves in light.
 All merry sound the camel bells, so gay,
 And merry beats fond Hamet's heart, for he,
 E'er the dim evening steals upon the day,
 His children, wife and happy home shall see.
 As Emily approached the shores of Italy she began to discriminate the
 rich features and varied colouring of the landscapeâ€”the purple hills,
 groves of orange pine and cypress, shading magnificent villas, and towns
 rising among vineyards and plantations. The noble Brenta, pouring its
 broad waves into the sea, now appeared, and, when she reached its
 mouth, the barge stopped, that the horses might be fastened which were
 now to tow it up the stream. This done, Emily gave a last look to the
 Adriatic, and to the dim sail,
  that from the sky-mix'd wave
 Dawns on the sight,
 and the barge slowly glided between the green and luxuriant slopes of
 the river. The grandeur of the Palladian villas, that adorn these shores,
 was considerably heightened by the setting rays, which threw strong
 contrasts of light and shade upon the porticos and long arcades, and
 beamed a mellow lustre upon the orangeries and the tall groves of pine
 and cypress, that overhung the building</t>
  </si>
  <si>
    <t>b'\xa3\xa5\x8e\xb7\x08\xd5\x95\xd9\xd7z\xbd\xc6\x08/\xf5\xc6\xaf\xd3\x9aF\xd1\xc3wu\xbf\xc6\x04jL\x9a\xb5^p\xab\xe1\x82\x0e\xe4]\xe3[\x0c[,z\xccR\xfdbF`l\x8f\xeb~\xa2e\xec\x99\xe1j\xdf\x18\xb4'</t>
  </si>
  <si>
    <t>a3a58eb708d595d9d77abdc6082ff5c6afd39a46d1c37775bfc6046a4c9ab55e70abe1820ee45de35b0c5b2c7acc52fd6246606c8feb7ea265ec99e16adf18b4</t>
  </si>
  <si>
    <t>b'\xa3\xa5\x8e\xb7\x08\xd5\x95\xd9\xd7z\xbd\xc6\x08/\xf5\xc6'</t>
  </si>
  <si>
    <t>is given by gm RC /(1 + gm RE ),
 varying to a lesser extent. In fact, if gm RE _x0002_ 1,
 |Av â‰ˆ RC /RE , a quantity relatively independent
 of the input signal level. Linearity is a critical pa_x0002_rameter in most analog circuits, e.g., audio and
 video amplifiers, RF circuits, etc.
 Effect of Transistor Output Resistance
 The analysis of the degenerated CE stage has
 thus far neglected the Early effect. Some_x0002_what beyond the scope of this book, the
 derivation of the circuit properties in the
 presence of this effect is outlined in Problem
 5.48 for the interested reader. We nonethe_x0002_less explore one aspect of the circuit, namely,
 the output resistance, as it provides the foun_x0002_dation for many other topologies studied
 later.
 Our objective is to determine the output
 impedance seen looking into the collector of
 a degenerated transistor [Fig. 5.46(a)]. Re_x0002_call from Fig. 5.7 that Rout = rO if RE = 0.
 Also, Rout = âˆž if VA = âˆž (why?). To in_x0002_clude the Early effect, we draw the small_x0002_signal equivalent circuit as in Fig. 5.46(b),
 grounding the input terminal. A common
 mistake here is to write Rout = rO + RE.
 Since gmvÏ€ flows from the output node into
 P, resistors rO and RE are not in series. We readily note that RE and rÏ€ appear in parallel,
 and the current flowing through RE||rÏ€ is equal to iX. Thus,
 vÏ€ = âˆ’iX(RE||rÏ€ ), (5.194)
 in Q1 V
 R E
 (a)
 R out
 g</t>
  </si>
  <si>
    <t>b'\xb2\xf3R\x8f\xf3\xc0\x8c\xab\x8f\x00w\xc9tm\x03\xf4'</t>
  </si>
  <si>
    <t>b2f3528ff3c08cab8f0077c9746d03f4</t>
  </si>
  <si>
    <t>y. In
 this case, the feedback system consisting of the
 microphone, the amplifier, the speaker, and the
 return path through the air oscillates. You can
 change the frequency of oscillation (the pitch of
 the whistle) by adjusting the delay.
 Mike Speaker
 Amplifier
 System
 Unwanted feedback from speaker to micro_x0002_phone.
 12.8.3 Stability Condition
 Our foregoing investigation indicates that if
 |KH(jÏ‰1)| â‰¥ 1 and _x0003_ H(jÏ‰1) = âˆ’180â—¦, then the
 negative feedback system oscillates. Thus, to avoid
 instability, we must ensure that these two conditions
 do not occur at the same frequency.
 Figure 12.66 depicts two scenarios wherein the
 two conditions do not coincide. Are both of these
 systems stable? In Fig. 12.66(a), the loop gain at Ï‰1
 exceeds unity (0 dB), still leading to oscillation. In
 Fig. 12.66(b), on the other hand, the system cannot
 oscillate at Ï‰1 (due to insufficient phase shift) or Ï‰2
 (because of inadequate loop gain).
 The frequencies at which the loop gain falls to
 unity or the phase shift reaches âˆ’180â—¦ play such a
 critical role as to deserve specific names. The former
 is called the â€œgain crossover frequencyâ€ (Ï‰GX) and
 the latter, the â€œphase crossover frequencyâ€ (Ï‰PX). In
 Fig. 12.66(b), for example, Ï‰GX = Ï‰1 and Ï‰PX = Ï‰2.
 The key point emerging from the two above scenarios
 is that stability requires that
 Ï‰GX &lt; Ï‰PX. (12.183)
  Ï‰</t>
  </si>
  <si>
    <t>b'\xa6\xa2)L%T}\xe8\rY\xdfx\x05\xe9\xaa\x8d'</t>
  </si>
  <si>
    <t>a6a2294c25547de80d59df7805e9aa8d</t>
  </si>
  <si>
    <t>gy is a big piece of the puzzle. Iâ€™ll take
 you through the development of the right mindset to take a business from
 zero to one million in a year.
 3. Getting customers. A million-dollar business doesnâ€™t start with a
 product; it starts with a person. Your first step in building your business must
 be identifying your customer, and then answering his or her need. This builds
 a real brand, not just a revenue stream. If you get this piece right, you will
 have droves of repeat buyers who will eagerly â€œoverpayâ€ for your products,
 thank you for it, and tell all of their friends about you.
 4. Product. Choosing your first product will be the biggest hurdle you
 face. It will take research, patience, and determination. Most importantly, it
 will require listening to what your customer is saying. Iâ€™ll take you through
 the whole process, from ideation to prototyping and refinement, helping you
 clear this hurdle in no time flat.
 5. Funding. Sure, youâ€™ve got a great product, and you know to whom
 youâ€™re sellingâ€”but how do you fund your inventory? Hereâ€™s how to
 bootstrap, borrow, and build your way to a self-sustaining revenue machine,
 without stressing about money.
 6. Stacking the deck. How do you nearly guarantee that your first
 product is successful, right out of the gate? Once youâ€™ve decided what
 business youâ€™re in, we will work to ensure that you donâ€™t get stuck holding a
 product no one wants; this is where you stack the deck so your launch day is
 set up to blast off.
 7. Launch. Your first product is ready to launch. What do you do now?
 Do you just let it ride? No. Hereâ€™s where building relationships and a few
 strategic marketing tips will take your business from a single product to a
 world-class brand, as we cover what you need to do to reach the key growth
 point of twenty-five sales per day.
 8. Scaling. Youâ€™ve got one product selling twenty-five units a day.
 Youâ€™ve proven you can get a product up and selling in the marketplace. Now
 itâ€™s time to launch products two, three, four, and five and watch the snowball
 build into a million-dollar revenue stream by the end of twelve months.
 9. Marketing. Sure, if youâ€™re friends with a ton of celebrities who will
 post about your brand on their Instagrams, youâ€™re all set with marketing. But
 what if youâ€™re starting from scratch, with no contacts and no marketing
 experience? Hereâ€™s how you can build the right kind of marketing through
 relationships, influenc</t>
  </si>
  <si>
    <t>b'\xc1\xec?&amp;\xe6~&lt;gi\xd7\x96 \xd7\x7f8\xc9\xe0X\xcbQs\xbahn\xa2\xfa\x833G@$\xd3\xe5^\xcc\x85\xcb\x07\x16w\xcbv\x17\xf1\x17|v\x13\xef{F\xda\x15\xdd1\x18\x04C\xa4)P!\xc27\xae\x10\xcb?q&gt;\x84\x82\x1c\x87\xba\x1a\x0bg\x8c\x06\x93p\x1fR\xe4C\xa3Q:\x93ZLG7\xaei\x87b.\xa6I&gt;,\x0f\xf3\xd6\x05F\xc7\xfc/3#\xdew\xebu\xb5@\x82kN\xc79]D\xda\xa2\x1a\xc9\x16\xf5\x8ch\x84\x96\\\xe6ye\x06s\xe1z\xe0\x9a\xe2\xfdi\n\x11\x94F\xe3\xd0\x82KX\xea\xf0@\xbf\xdd\x0e#\xdf\xbc\x08\x92\x0bZ\xd4\xe0\xaeH\x9d\x14\xe7\x8c\xc1\xcf[uG\x84\xf3&gt;\xe3\x01\x01\xe9\xfa$\xe8\x9eV\xd9\xa5\xef\xdf_\xb7y\x00\xc5?\xfe}\xab\xf3C\xc81\x13\x08\x1dtv\xaf-\xb3\xff\xf5\xcb8\x03\xce\xb8\x1c\xaddY\x86\x94v\xeev\x06\x1a\xf7C\x97h\xe8$\xb5\xf7$\x9a\xe0 \xd6\xcf\xb9\x15\'M\x03tpc,\x1cS\xc0C&amp;h\xf0z\xfd\xc5\xc9\xf2\xcc\xa6&gt;\xfd@Y\x8a}q4\xfb"\xae#\x12\xc8\x14&gt;\x9c\xb3\x8d\xed9 \xdd\xba\xd4\xceeC\x9b\x11\x8d\xcb\xcf\xa8I\x91_\xc5\xec\x97\x02\x17b\xec\x8d\xbcLD\xe3"&lt;\x86~\xae^VBR\xdaY\xc3\xc8-\x07\xde\x85\x8a\x9a\xbfz.9\x00\xbc\xd7:-\xb8F\xca\xdc\x14U\x1e\xb9\xfa0\x0cTI\x80)^B\xf5D\x1d\xecp\x00K\xf5\xa6J\x9b\x90iQ\x11\xe0\xd0L\xbd\x98\xbc~\x95\x82|p8\x13r\xb2\\b.w\xdbD\xe0\x8cyY\xf8\x9dR\x05\xe7\r\xba\xfa\xac\xa3x\x9c\xebS\xd4\xfb\xf9\x9b\xecN\xccB\xd1/\x92\xbb\x1d\xe1l\xa6SXx+0\xbbl\xac?\x91\x9c\x90\xa3\xe7\x9c\xae\xf1SK\x93\x01+\x82\xca\xc7@\xdf7\xdd\x9a\x07\xaa$\x88:\x01\n\xc3\x1e\xc3\xb7\x01\x01\xce\xca\x7f\xb4\xc6\xfd\'\x80`\x9e\x07\xf1\x8e\x08\xf7\xe4\xfd&lt;+\x99\xfe\\\x13gb7\x15\xa8\xb5\x88\xbb0\xca[\x86\x05\xe7\x1d1\xb3\x18\xa0\xa4\xc3g\x85\xab`\xaa\x14\xa4\x86\x0cG\x96\x0c\xc8)&amp;\x84\xc3Om\x07\x859\x8dH)\xbc0\xdd\x8e\xd2i\x9a2"\tBm\xcb\xe4\xfa\xcaL\x96X8_;\xa7\xc3\xdd\x8c6!\x8b\xdf\xb9\xdf;\x94?z\xa9`\xf2\xe8\xefcU\x18\x12\x91\x903\xab\xbd\x85\xbf["r\xa2,\x90\x98\xa6m\xc57&lt;\xcf\xd5\xd5\x12w\xda\xab\x8a\xcc\x7f%\xd3\x038\x08\xdb1;\xe8\xd9\xd8 \x837V8\xae\xce\x10\x0f\xb0\xea\xd0L$O\xa0\x10K-\x9d1\xf8\x85@\xc2\x16\x9a]x\x1b\x9e!lu\x87\x08\xd38\xc3\xbah\xba\xa0.\x10\xa5\xf5\x95D\x91\x14=\xba\xde\x86 \x9f\x0f@\xe5\x94\x95\x14\x94\xef\x1d\x976\xe3dg\x08\xf1\x0b\xf5\xcao\xd5+k\xe4%"\xb1\x1a!.\x96\xe6\xb1(;\x86\x05j\xd6\x96a\x12J\x89\xb8^!gz\xb7s\xa6\xa0\\\xcek\x97&lt;\xd5\xc0D\x15\x073~\xc0\xd4\xf6\xa9\x97\x02\xcdos%\x8b~\xa7&lt;\x0c\xf8d\xec\xb8\xa9\xb3\xb4\xd3\xef\xbaGP\xd5\n\xf3\x9e\xbd(=\xde4\xe9lh\xb0\x05x\x11\x19&amp;@\xe1G\ri\x81a\xc7L\xca6g\xcf&lt;\x06\xbb\xce\xf0\xef=\xa1\x10\xeb\xf9\x14A\xe9\xc8\x112\xe0o)\xa6P\x1f\xd4\xba\xd7\x9f=\xa8\xe8\xf0y\x1f\x13z\xab+\xb1\xca\x9d\x95\xb1\xea\xddV\x92\x8a\x88\xfa}\nO\xd9\xbb\x1e\x1f\xae\xfb\xf83\x04\x08\x85+\xb8O\x94,\x10\xee\xde\xdf\x05\x9e\x07\xd8h\xc7\x9c\xcb\xd0\xf2\x81\x82F\n,\xd1\xe1o+\x95\xe4\xe2\xdb\x92\x81\xb3\xebjF\xb1bip*\xa0\xcb\x05\xc1\x13/\xa2\x04\x07\x9a\xa7\x9f\x7f\xd4C\x9dhY\xfa\x83\xfa\x1c|"\xc50\x17\xdd\r\xf7jz\x1b\tW\x9bq\x04\x0c\x90\xb3Z&gt;\xe6\x8f\xf2^\x06\x1fkm_y\xec\t\x1f\xa4\xa1\xe3\xa1&amp;\x1e\xa7\xf9\xb6D\x11M\x97\xa1\xd2\xa1\x97\xe7\x1d\x83j\xb7\xd6\x18\xb0kp@&gt;\x14v(\xecm\xdd\x9c\xab"\xc3l\xbb\xaa\xce*\xd8\x137\x9c\x1f)Y,\x9f\x9e\x008|f9\xfb\x1a\x85b1\xcd/d\x10\x06\x14\xdf\\\xf5vJ\xe1\x1c\xac\r\xb5"\xcdKl\xe8\x88\xd0\xca\x8d\x02\xb9\x92@s\xad\xef\x7f\xf0\x90\xb4/\xc01\x07G=\xab\xbef\xc3\x03\x9a9\xc2Sp\xfe\x17\x9f\x06\xd0\xe1\x96\xec\xe6\xcb\x8b\x8d\t\x1d\xb4\xce\xdd\\oQu\x9e\xd0\xf2\x92\x9a\xd7O\xdf\xdc\x00\x9d\xab)h \xf3\x1f\xf8\x91\x1aO\x94\x14\xc3@\xbc\xe1\x9d\x06\xde\xd80"\xf2\xf8\xc8\xce\xb4\x1d\xa6\xa5\xdf\x19\xd1\xf9u\x165\xab\xf7\x1b\xcd\x99\xf6\xbc\xd1\x85\xe8\x8f\r\x07R\xe8&lt;\xdd\x82q`\xfe\xbb\r\xb2f\xea\x0b\x02g\xec\xb6\x82\xed:\x8f-\xc0\x15\xb3\xf4\x8f\xba\xe8iW\xb8\x01\x8dck\x11\xd9\xa3\n\x80_\x94\x14G\x05a\xe1rB;\xb7\x17\xbb\xd8q \x1f\xe8\xa5oY9\x80\x84c-\x88\xbe\x0b\xf3cS\x1d\xa1\xda\x88\xafy\xd4\x94_\'Z\x0c\xe3\xd5\xb8\xc8\xedG\xfbq\x91\xf1:$\xb3&gt;\x9e.\x04b\xf2\x84\x82\xd4\x84\xeez\xf1\xc5F5p\xac&lt;\xa0\xach\xfcr\x98\xdc\x12\x00\xbbu\x0f\xef\xd1\xe1n\xdd,!.\xfcN\x997\xb0\x89\xcf\xb1S7\xbf\xa6\xd6\x14\x11z&amp;i7\xa5\x80\x88a\xb9I\xe1\x8f\xe4\xa8\x9e\x82\xa2\xed\xbbk\xe7\xbb~;_\xcez\n\x9ds\x14@{\x82\xc9\x8f\x1bRz\x83\xc3\x97}\x057O\xe5hPv\x05\x06\xdc\xc8O\x18\xd5\xd8\xf6jB\x13\xd1\xd0=\xb6\xf2\xac\x90\x93Y@\xda\x7f\xca\x17\x05\xd6Kr\x15 z\x96\xc6xA\xf5D$\xdcFE\x08m_\x11\x87\t\xff\xcb\r\x86\xe7\x11C^\x9e\xaex0\x17$V\x9b\xa6\x94_\x00\xfe\xe6zl\xfe\xb9K\xf0\x85\xd4\x1cF\xfa^R\x82\xc9\\\x1c\xce\x1cu|\xfb&lt;\xb18\xb1I\xf9Y\x8e\x06\'\xb9\x8b\xc7\x8c\xc6\xed\xcdPR\xd3\xa2W\xc8O\x94\xaa\xd1\x02;\xa3\x7f\xb6\x826\xda\xac`c\xf2 \xcd?OC\x86\x9f/\xf2\xfa\xad\xbdM"\xdb\x0b\xdf\x1c \xed\xb5n\x1b\xd5\xf0v\xb9\x86\x94\x97[@\x97+\x91{\x16vaw\x05\xc3\x13!\x10\x1d;+\xd1\xe3\x9fb-\xfa:\xea\xc4\x98\x8dM\xc9\x1a\x11\xa2@\x1f/\x8a\xe8\x16zXz\xdb\xfa\x01\xea\xcf\xd7 \xbb\xb29\x18\x7f\xebp[#\xb95%jJ\xa9\x17n\x03\xd8\r\xfed&gt;\x8a\x9cs\x95\xbf\xd3i\rC)\xc8.\x7f\xf8{\xcc\x15\xa9\xb7\x92n\xa0\xbb\xca\xd9\x82\x8b\xc2(+\x90\xcc\x1b{kRz\x9c)Om\x8e\xc6\xe4h!\xf9M\x82\xc9\xf5\xf5z\xa3\xb1\xf5\x8b\x14\xaf\xaa\x9bD25\xf4\xeb\t\xaa\xc3\'\xd2\xb9\xb7\xe3\x97\xdc\x80\xf97\x13Ef\x1f\x08\xcd_N5\xd8Z\x06\x06l\x00\x1d\xb47kN\x96\x1a\xcc\x94s.~\x14\xf5J\xcbC\x88Z\xff\x18po\x0c\xa7,\x82\xfaV\xd5\xf3\xb5\x97WZ\x8e\x8c\x10o\xd3^\x1f\x1e\xaf+\xf9\xa3\x7f{|\x08\xc6\xb9\x9bU)\xb0\xd5\xe3\x94\xdap\x9d\x90\xfa4&lt;\xbc\xf0\x1a\xe1t\xbc\x9e1\xc1\x80|\xc6\xc6\xb5\xff|,\xb9\xc7\r\xa9\x1f\x1a\xcf\x92#\xbe\xc7\x07j\xbb\xef;\xa96\n\x1dn\x1d\x1e\xe8R8\x95\x9d6\xef\xc3\x10\xf1\xad\x7f\x97\xf3\x9fu\xb5Y.N\x15\xff"\xf7\x15\x07RH\xe0`\xae(!\x7f\x18\xff\x8f\xb8\x1f\r\x1f?\ra=Jy\xcdA\x96&amp;\xa5)!\x05\xd8\x95\xa7\xe0\xcfx\xac\xec\xcaj\x0e\x05\'4\xb0\x10\xb2\xa4\xe7\x96\xa1\xa19A\x1c\xbbxRs\xef\xfb\xbe\xcd\x8f5z\x16\xe7\xe2\xe2\t\xd9{\x01\xe6\xff2\xb6?\xcc\x1a\x87\xaa\x02\xe5\xfe\xa8-\xef\x9c8)\xeak\xcb\xfc\xca\x89K\xc8\xe5\x1d\x04\xd6\x1e\xca&gt;\xea\x95\xc3\xb6\x16V\xf2\xa3\xa8\x07+\x1f\x81\xcd\xcb\x89\xf2~\xfcB\xfdnLK\xfe\xaf,\xd6\xcc\x8f\xa7p\xbe\xb3\x95\xeeE\xd0[\xa1\xb9-~R\xfa\xe5U\xa1\xb0;\xcbc\x8a+|\xca\xb6\x1e\xdc\xc3\x9f\x80\x98\x00\x0e\xcam\x10 S&gt;a\xb2\x88-zt\xb8Z\xf1o\xbeS\xa0\x9f\x0c\xf7\x1e\xdb\x86\\5\xfay\xcb\x03k\xd2\xfc\xb0\xab\xb8\xb1:\xdf\xf8\x93Z\xc7-b\\CG\xf5\xe9\x9d\x7fD\xbe\xf6*\x13\xb4WT\x91\x80H\xdc,E \x8b\xe2\xf0+\xb8\xc6\xc4I\xd6\xca\xa7t;\xf6L\x0e}\xfb\x1f\xa1P\xa5\xb1\x99\xe1f\xfe\xf64\x84 1Z\xb5QB\x0e\xd2\xe8\xac\x91&gt;UB\x0f\x81\x1f\x8aG\xc1\xec\x82:u\xcbOT\x8b\xdf\xdf\xde\xfdq(i\x1a\xe0\x12\xf4\xf13^\xec\xc7\x1d\xb3\x011\xe4\xc2\xd5\x19Gb\x11\xda\x05^9\xb1Y\xc6w\x19&amp;\x06\x80A\x10p\x80\xdf\x92\xd2\x0e3!\xa7\x0c!\x1f\x13Z\x7f\x0b\n\x14\x83b\xef\xae\xbb\x1a\xd2\xe2\xdd\x9c\xca\x19\t\x17#d\x97\n\xabyCs\x8d\x161e\x15\x89\xd9\xb6\x15\xf4\x1a#\xe4bV\x18X\xe2d\xb7\xc5w\x1f\xa1J\x84\xa2[\xfb\xae\x80\x14\xe1\\\xa3v\xf0\xd9\x81\xe1\xd0hOfw\xb5\xc1\x98B^\xbe\x8e\xca,\xe2\x92\xcav\xe4\x1e\xf6C\xbb0\xe4\xbd\x01\xbbqb\xd8\xfd\xb2\xad\xbdDa\x8d\xff\xdeA\x80\xed1\xa5G;SO0\xa8\xe8\'\x1f\x04\x1e\xd3}t\xd0\xab\x9cho\x9d\xc3\x0e\xd5C%W\x1f\xb12\xb3\x89\x9c)\x12m\x9d\x00M-\xb4 \xb5\xf8"\xdc\xa7\xbcb\xcb%\xf1&gt;\x89\xa6\x99\x85\xd4L\x0c\x03\xf3;\x18\xa4\xfb\x8f\xd1\x82\xfd?\x99\x93\xc6$\x02VUA\x99\x1bIE7b\xbb\xf3[P\xe9\xd9\xebh\x04f\x85\xa1\xe4\xfd\xaf\xb4\x9b\xf1#\x87\xff\xdfz\xc5\x8a\xb5\xa6\xc5\x11k\xb5\xd8\xe1Ug\xa9La\x8fa\xb0\xc1P\xa6\xb8\xcd\xbf\xc7\xd0E\xf2\x9f\x0b\xe4\xca!\xab\xd3[\xd8\xbb\x8f+v\xf3\xb8\x12\xeb\xe62\xe0L\x81\xbe\xde'</t>
  </si>
  <si>
    <t>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</t>
  </si>
  <si>
    <t>b'\xc1\xec?&amp;\xe6~&lt;gi\xd7\x96 \xd7\x7f8\xc9'</t>
  </si>
  <si>
    <t>the high casements, which she opened, overlooked a
 rampart, but the view beyond was hid in darkness.
 In the presence of Annette, Emily tried to support her spirits, and to
 restrain the tears, which, every now and then, came to her eyes. She
 wished much to enquire when Count Morano was expected at the castle,
 but an unwillingness to ask unnecessary questions, and to mention
 family concerns to a servant, withheld her. Meanwhile, Annette's
 thoughts were engaged upon another subject: she dearly loved the
 marvellous, and had heard of a circumstance, connected with the castle,
 that highly gratified this taste. Having been enjoined not to mention it,
 her inclination to tell it was so strong, that she was every instant on the
 point of speaking what she had heard. Such a strange circumstance, too,
 and to be obliged to conceal it, was a severe punishment; but she knew,
 that Montoni might</t>
  </si>
  <si>
    <t>b'\t\x04\x86\xa3"D\x0f\xe4\xb8;\xe7\xd0P\xca\x8d\xb9\xa1\xf1pz\xca\x0f\xf4C\x7f-(\xffB\xcd\x93\x99\xec\x06\x9c\x01\xb5\xe4[\x8d=\xbfL\xf7\xc0\x8bB\xbcL\xe7\x17\xef\xbf\xfa/EC7\xda\xde\xa5\xed\x16\xc1'</t>
  </si>
  <si>
    <t>090486a322440fe4b83be7d050ca8db9a1f1707aca0ff4437f2d28ff42cd9399ec069c01b5e45b8d3dbf4cf7c08b42bc4ce717efbffa2f454337dadea5ed16c1</t>
  </si>
  <si>
    <t>b'\t\x04\x86\xa3"D\x0f\xe4\xb8;\xe7\xd0P\xca\x8d\xb9'</t>
  </si>
  <si>
    <t>ht box of the table. Yet both govern_x0002_ments are better off if neither protects: The upper left box of the table yields a payoff that
 is higher for both countries. By acting unilaterally in what appear to be their best interests,
 the governments fail to achieve the best outcome possible. If the countries act unilaterally
 to protect, there is a trade war that leaves both worse off. Trade wars are not as serious as
 shooting wars, but avoiding them is similar to the problem of avoiding armed conflict or
 arms races.
 Obviously, Japan and the United States need to establish an agreement (such as a
 treaty) to refrain from protection. Each government will be better off if it limits its own
 freedom of action, provided the other country limits its freedom of action as well. A treaty
 can make everyone better off.
 This is a highly simplified example. In the real world there are both many countries and
 many gradations of trade policy between free trade and complete protection against imports.
 Nonetheless, the example suggests both that there is a need to coordinate trade policies
 through international agreements and that such agreements can actually make a difference.
 Indeed, the current system of international trade is built around a series of international
 agreements.
 International Trade Agreements: A Brief History
 Internationally coordinated tariff reduction as a trade policy dates back to the 1930s. In
 1930, the United States passed a remarkably irresponsible tariff law, the Smoot-Hawley
 Act. Under this act, tariff rates rose steeply and U.S. trade fell sharply; some economists
 argue that the Smoot-Hawley Act helped deepen the Great Depression. Within a few years
 after the actâ€™s passage, the U.S. administration concluded that tariffs needed to be reduced,
 but thi</t>
  </si>
  <si>
    <t>b'0E\x02 2p\xd9\x7f_l\xa6\xbb\x13(#R_yY\t\x16i\x87T]\xa0#Ds\xef\xfc\xe9\xd6\xe0\x8d\x9f\x02!\x00\xc8\xf8\xdf\x86\x10\x8a\x17\x02~\xd7\xd0N|3F\xa6a&gt;\x93\xa8\xa4-\x18\x98\xe9\x17\x8ep\xcd\xeb\xf6Q'</t>
  </si>
  <si>
    <t>304502203270d97f5f6ca6bb132823525f795909166987545da0234473effce9d6e08d9f022100c8f8df86108a17027ed7d04e7c3346a6613e93a8a42d1898e9178e70cdebf651</t>
  </si>
  <si>
    <t>b'0E\x02 2p\xd9\x7f_l\xa6\xbb\x13(#R'</t>
  </si>
  <si>
    <t>hearted."
But when the Woodman entered the great Throne Room he saw neither
the Head nor the Lady, for Oz had taken the shape of a most terrible
Beast. It was nearly as big as an elephant, and the green throne seemed
hardly strong enough to hold its weight. The Beast had a head like that of
a rhinoceros, only there were five eyes in its face. There were five long
arms growing out of its body and it also had five long, slim legs. Thick,
woolly hair covered every part of it, and a more dreadful looking monster
could not be imagined. It was fortunate the Tin Woodman had no heart
at that moment, for it would have beat loud and fast from terror. But
being only tin, the Woodman was not at all afraid, although he was much
disappointed.
"I am Oz, the Great and Terrible," spake the Beast, in a voice that was
one great roar. "Who are you, and why do you seek me?"
"I am a Woodman, and made of tin. Therefore I have no heart, and
cannot love. I pray you to g</t>
  </si>
  <si>
    <t>b'\xf8C\xd1\x19\xb9%\x17\x89M\xf9O@\xda)Qg\x89\x03\x84\x1a((\x9e\x0c\n[\xcf~\xed\x0b~9\x9d\x15\x9c\xc3\x0c6\x98\x1e\xadf\x90U\xbbL\x17v\x7f\xca\xed\xec\r\x98\xba\\\xda\xd1\xbc\xd8c\xf1\xcdP\x96$\xa8q,\xad\x93\xa2\xc6\xa0\x92h\x80\xff\xccg\x19\x07\xc9\x88\x15\xa3\xf2B\x1d\x1e\xde\r\x024\xea&amp;\xf7u(\x01\xc4\xa5\xe4\xed\xce\xd1\xf4\xf9\xb0\x9b\xa14fjVW:*\x9d\xeboJ\x80\xc4\x81|pC5u\xbf\xf7c\x13R\xaf\xcf\xfe\xf9%&gt;\xd9\xcc\x8fmkh\x8c\xaa\xbdE\xa2\xb73\xd0R\xd1\xbf~\xc4\xdd\xe9\x18\xc8\x81\x90\t\x97\xb19d\x9f\x13\x87r\xfe&amp;\xd2t\x80"ak\x17=\x1a\xe5\xbd \xfcz\xd5.\xc2}\xe2\xf5\x93\xf5\'\xf5H\xcd\xe4\xd1\x98\x93&gt;\xfe;\xb6\xc4\x90wd\x00p\xe1\x13E\x9c\xbeX\xfbn\xad\xcd\x8f2ob\xf35\xee\x1e\xbbC\x01h3\x84\xd2\xef\x00\x9e\x931*\x81S\x8fs\xe3\';\xc1N\xe2 Qx\x0cv,\xe5\x1a\xf3OX\xe1_Y\xe3\x15Z\x99_\xf9z\xf2@\xda\x0c\x01K\x06\x8f\xf2n\x80r\x11K\x97\x05\x8a\x1c\xa2\x9d\xe4i\xc8\x05\xb6\xbd\xe2\x1d\x8e8\xfd\xfef\xe3\t@\xa6^R\x1cA_\x82\xff\xed\x00(\xbb,\xd3B~+\xf5\x9f\x85\xb2\xb2\xa6\xb3\xbe\xe4\xc0\x14[zH\xdb\x84B\xf3\x8d0\xa5\xdb\xab\x11\xb1Tu\xf6\xe3\x07\xf4\xe3\xd5\x10P\x03S\xe0&gt;W9T\xb7\xc9\xb2\xa0\xce\xe2\x82\x85\xf4\xcf\xb2\x7f\x05\x993\x13\xe0qt\xf2\xb4\x05\x10\xdc\nq\xcc\x90\xff\x05R&gt;\xf4S\xbf\xb3\xf1^\xa2&gt;\xfcV\x1e\xd2d\xfa\x9chY\x86\x9a\xd3\xf2\x9d\x18\x99\xc7\x86\x93a\xc8\x84\xa0\xca\xe2\x13\xc5~}\x1d\xef@\xd1\xc5lu\xf6\xe7\xe4\x0b\xf0\xae\xed\x7fK#\xdb\x17&lt;gC74\xf6d\xa9\\@\xddu\xcc\xc9?\xd9\x87\xe0\x10Z\x91\xaa:\xccm\xa6\xaa8%5\xe0q5\x94{iYZ\xc8v\xbb\xeb\xf2\x86\xc1;\x87\xbc\x11I\xb95}\x86\xf42\x86\x01;@\xc9\xd0|\x99$\x0e\x89\x81\xa8O\xe0\xc4\x07\x86r\xe5\x14\xa2&amp;&gt;\xe5yOV\x07\xcaW\xefo#\xb8\x9d\xd3\xb2\x15PFcnsog\x8d\xf1\x9e\xc8\x1bf.H\xf1\xba\xe9\xdd\x919\x05\x05(`\x9e\x0eC\x80\\\xd6t]FS6\xe7}\x02~\xf1\xc3E\x8c:\xa6\\d\x13(f\x85\x08\xa8\xdd\x06QQ\x1e4\xb4\x9c\xe7&lt;\xbe\xac\x85$\x01\xb9\xc4\rL\xe3`!\x9e\x97\xbb9\xe6\x0en\xb3\xe1\xec;\xb5\xa2\xc6\x96\x10c\x8f\x13m&lt;\xb0\xc6\xfcQ\xdd\x9a\x0e%F\x18\xd6\x01a\xbaX\x08\xb7\xfe\xd0p\xf6\xa4\x932,\xc9\xea2\xe2\xfd\xae\x1f*)\xb9\xd3\n\x89"\xc9\x10qY$\xfa\x96w\xc0\x86\xeez^c\x023U\xb3\xc2\xc0KA`\x16&amp;\x84{y\x90@\xedQ\x8d4_\x84\xdd&amp;E~N\x1b\x8c\xa8\x88\x7f\xa5\xef\xc0@\xedsJ\xe9#\xd8\xb9\xc7\xc0\x03M\xfbT\xc9\x84\xd2,\xd1\xa9\xef\'\x82-iy1\xeb\xfa\xebcq\xd5\xf5\xac\x89"\xc7\x14\x8f8\x9b\x87\xa2\x14\x8b\xb3\xbdc\x06UP\x0e\x11P\x8e"\xb7A ig\xfb\xd9\x93)y\xba\x0cL\xfbZk\x96\x8co\x97\xd3\xbbG\x11&lt;d"S\xd7\xdb:i\xf3~\x8e\x7f\x10\xb2\xd0P\x8e\x9cD\xde\xcb\x0f\x15\x10\xd9\x11u\xcb1\'b\x18\x87\xa7\xd9\x9d[\x8c\xc6\xc1P\xc4\xa6(qA\xf5\xd2S\x06\xb7\x976\xcd\x05\xc4X\x03o\xc8\xca@C\x01\xd5\x00\xec\x86\xa39K:=\xde\x1d\x9e\x08q\xa9\xe1\xecE\xe7\x11e#7t\xeb\x9c\xa4\x08\x85X\x9e`\x8d\x83\x14\xcc\x0f}\xb8]\xfdK\xf4\x07\xef\x8d\x19\xda\xbb\x1f\xf7~~\xf1B\x1b\xb1\x8e\xcf&lt;7(\xf0WU\x17\x80h\xa9V\x9d2\x8e'</t>
  </si>
  <si>
    <t>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</t>
  </si>
  <si>
    <t>b'\xf8C\xd1\x19\xb9%\x17\x89M\xf9O@\xda)Qg'</t>
  </si>
  <si>
    <t>ermany and a
provincial governor. Galbaâ€™s rivals, Otho and Vitellius respectively, are not acting in
tandem, so the historian cannot subordinate one to the other. But a text, at least as
texts are traditionally presented, cannot narrate simultaneous events simultaneously.
In the best surviving account of this period, Tacitusâ€™ Histories, the historian reports
the two coups sequentially, as he must, putting first the coup that came to fruition
first, Othoâ€™s (Hist. 1.21â€“ 47; Vitelliusâ€™ movement begins at 1.51). A different arrangement was possible. Indeed when Tacitus is faced with another set of parallel
events, the two-pronged invasion of Italy by Vitelliusâ€™ two commanders, Valens and
Caecina, he puts second the narrative of Caecinaâ€™s route, which reached Italy first
(Valens: 1.63â€“6; Caecina: 1.67â€“70). Tacitus deals perfectly competently with these
small challenges to the single linear narrative format. Both Othoâ€™s coup and Vitelliusâ€™
were decided within a span of a few months, and the invasion of Italy took less time
than that. But the political chaos of the mid-third century, roughly 235â€“84, posed a
far greater challenge to linear narrative, with consequences to the literary tradition
that will become apparent below (Potter, this volume).
1 The Sources
Roman histories, 44 BCEâ€“337 CE
Most helpful for the construction of a narrative are works that themselves give a
narrative. Those covering the period of this study are few in number and lacunose.
(The coverage of the sources discussed in these first three sub-sections IAâ€“C is
summarized in Table 1.1).
24 Cynthia Damon
Table 1.1 Coverage of Roman history by historians
44â€“31 ANTONY Plutarch(PURPLE)
Suetonius(BLUE)
Suetonius
Suetonius
Suetonius
Suetonius
Suetonius
Suetonius
Suetonius
Suetonius
NONE
NONE
NONE
NONE
NONE
NONE
NONE
NONE
NONE
NONE
NONE
NONE
NONE
NONE
Eusebius (PURPLE), Lineage (BLUE)
Historia Augusta (BLUE)
Historia Augusta
Historia Augusta
Historia Augusta
Historia Augusta
Historia Augusta
Historia Augusta
Historia Augusta
Historia Augusta
Historia Augusta
Historia Augusta
Historia Augusta
Historia Augusta
Historia Augusta
Historia Augusta
Historia Augusta
Historia Augusta
Historia Augusta
Historia Augusta
Historia Augusta
Historia Augusta
NONE (but see HA Claud. 12)
NONE (but see HA Prob. 1.5)
Historia Augusta
Historia Augusta
Historia Augusta
Historia Augusta
Historia Augusta
Historia Augusta
Plutarch, Suetonius
Plutarch, Suetonius
31â€“14 AUGUSTUS
14â€“37 TIBERIUS
37â€“41 GAIUS (CALIGULA)
41â€“54 CLAUDIUS
54â€“68 NERO
68â€“69 GALBA
69 OTHO
69 VITELLIUS
69â€“79 VESPASIAN
79â€“81 TITUS
81â€“96 DOMITIAN
96â€“98 NERVA
98â€“117 TRAJAN
117â€“138 HADRIAN
138â€“161 ANTONINUS PIUS
161â€“180 MARCUS AURELIUS
161â€“166 L. VERUS
180â€“192 COMMODUS
192â€“193 PERTINAX
193 DIDIUS JULIANUS
193â€“211 SEPTIMIUS SEVERUS
211â€“217 ANTONINUS (CARACALLA)
217â€“218 MACRINUS
218â€“222 ELAGABALUS
222â€“235 SEVERUS ALEXANDER
235â€“238 MAXIMINUS THRAX
238 GORDIAN I
238 GORDIAN II
238 PUPIENUS (MAXIMUS)
238 BALBINUS
238â€“244 GORDIAN III
244â€“249 PHILIP THE ARAB
249â€“251 DECIUS
251â€“253 TREBONIANUS GALLUS
251â€“253 VOLUSIANUS
253â€“260 VALERIAN
253â€“268 GALLIENUS
268â€“270 CLAUDIUS II GOTHICUS
270 QUINTILLUS
270â€“275 AURE</t>
  </si>
  <si>
    <t>b'\xc6^\xdc\xea\x92D\x18,\x8c\xaf\x05Ij\xb6\xc8h\xc5\'\xe5\xa3\x1c\x9c\xb6\x11co\xa9\xce(\x89k .\x91\xbf\xae\xb3\xf3w\x8es\x9ew\xa2\xaa##\xf2U\xc3"\x1a\xb1O\xd0\xf7\xd5\xef,^3\xff\xbf\x82/\x83Q&gt;g\xd4#\x04\x9e\xbc\xbd",\x16K\xcbD#\xb7\xf0gG\xe7\xfbt\xf0\xd17_0\x0b\xe7\t\xe7,\xaaL\xc3\xae\x81f\xcf\xf8\x99\xa4\x95\x89\xb4\x8bI#\xc1\xd8~(\xc6\xcdH*\xb0i\xe3\xe4\xe5\x1d\x9d\xb8w\xbbBEi\x9d\xcc\xaav\x82&gt;R\\3\x17\xd6o\x17\'\xcc\xfb\xa8\x00\xa8\xd0\xbf\xd0@\xba\x96c\xe6cK63\xadb\x91\xc9\xadt\x8c\x08Z\xb2\x17S\x1e\xfa\xa7\xdaa$\x11\xa4\x1a\xcf\xaam\x80K\x0f\xcf\xf59\xc6\xfd$\xe5\xce\x8b\xee\'bV\xd9?\xac\x1d\xf7\x85\x1f-u\xed\xba\x03N^\xec\x95utW\xe8R\xa7\x0038\xe3\x9ajTEiV\xb0\xebmjZ\xa1\xf5t\x8e\x87\xdd\xee_\r\xaa\xac\xc0\x9e:\xc6\x8a\xcd\xdcl\xfaL6}\xf85\xbd\xee\xfa\xf8\xd0\xb0\x06\xbd\xae{l\x81\xa6\x9d\xa6lN\x8f+wW\xb9D\xd6\x1b\xa2\xe7^\x85Ys1\x18G\x11D\xcb\xfa^\xc5m\xf5oJ\x9c^\xeb\xe0yy\x8f\x8d\xda\x14)/\xba\xf8\t\x86\xfd@\xa5^\xb7\xf7\xab\xfd~\xfe\xab\x12)\x8da\xab\xf8$\xb3\xed\xab\xbd\x16_\x80G\xc8\xfbl\xd5\xdbt\xa1e\xd2\x10xX\x90\xed\x8a\x94\xa0\x91rd\xa5\xd0\xb0]\xa8P\x1c2\xb5N:w\xa1\x0b\x9b/\x18\xe4i(`OV\x8c_\xf1\xca\xb7VOn\x9f\xe4\xfcS\'\xf1\r\xf9q7m\x0b\x18\x98\x16\xb70\xf4\x92!=\xc7\x8b\xdc\x96\xdb\x8fLo&gt;\xa0\xbe\xf8\xd9\xec\x90\xa6\x1a$\xb72\x06\xa1\xf3bO\x95 \xbb\x9c\xc5\x19\xa6\x83JK\x14yMx\xf2\xcb"\xcfm\x16&lt;\xa5\xd3\x91\xbdW\xb2\xb8\xfd \xb9:\xbb\xc5\x87\xfc\x1d\xd2\xe6\xcf\\\xf0\x14\x15\xb4\xbf\xedl#\xf1\xb0\x06\xbdPSX\xcf\xa2\x9b\xd1J\xf1\x8d\xe5&lt;/\x0f^\r0\xd4\x94\x10\x80\x9d\xd9T\xc1\xef\xaa\xd7\xf8\x1f\xeel\xfaxV\xe53\xd6C\xb3\x87\x81Y\xcd?Zyg\xbd\x04\xa6e\xde\xb3\xd8&lt;\x99\xfd-R\xb9\xa4\xbd\xb2\xc9\x9f\xfb\x08LB\xcfN\xcb\xb9\xcc\xe3\xd7{Y\xad\xdd_8\xed4r\xb4\xa8\x01\xad\x8e\xc0\x0fmE,~\\\xe8\x83\x82\'\xe0\xbf|j\xaf(\xbf\xae\xd0\xa5e\n\xb4\x8a\xf2k\xa7;;\xc9h\x86\xfc\xc0We-\xe7\xec\xe5\xbb\xdc\xe6\xee_^:\t\xabz\xc7"L\xb5v~\x83_k\xb8\x92\xd5\xc3\xd8\x85\x99%uR\x9e\xc0\xaeN\x13\xbck%\xbcG\x17\xc4x\xf98\x10\x02\xf1\x1c\xe1\xb4,.\x82N\x16\x8c\x0c\xa0J\x8b4=\xf6\x83=\x8f\xbd\xd6\xd3\xc9#\x0ete&amp;i\xfc\xb3\xabk\x84\xa4\t\xfd\xe6\xabI\x83B\xac$\xdb^`\xcf\x0e\xc6\xe26j\xac\x0f\xbaP\x112V\xd8\xb1\xa1G\x90\x18\x993\x0f\xc8\x84\xc4\x12\t\xed\xc6\xbe\x86\x06\x96\x06E\xbb\xf7u\xd1\xe2\xec\xa8x\xe6[g\xab\xcd\xeb\x19/\xff\xb9\xea\xaa\xd8 ZN\xd2\xcbLgF\x92\xc3\xb5\xc3o5\xd1\xc1\xd4\xa6,\x87L\xdc\xc1[&lt;E\x99\xde\x9b\xb5\x96E\x86$[+\x8d\x93\xba\x81\x17\xaf\x9b\xe2\x83\xb2\x9c\x86\t\xe8\xe6\xd3\xabX\x86P\x0bO\xfa\x81Ix\x1bB0\xbe\x991\xe4CN\xa2\xc4O-o\xb8T\x8f\xc1i\xe3a\x97,JX\x856mFd\xe9Obb\x05\xb4\xca\xfa\x95\x03\x08G*iwZ;?\xc2d\xa4!\xd4\xdd\x83\x84\xc6z\x98 3\x97\x01\xdf3\x150\x11P\xc6\x03\x07\xe4\x98\x9e\x12t\x86\xfe\xa0\xec\xca\x86h\xf4\xf5\x06\x05[\xc1\x18/\x0f\xd7SL\xfa\xfe7\xe2\xda\xda5R|\xde\xa0l\xa0\x02h\x8f\x18\xd18\x81\x02-\r(\x18\xe68\xd6\xad\x0b\xf5\x14r\x8eu]x\xfb\xb2g\x14yOs\xbc\xebh\x87\x19\xde\x8d\xdf\x039W\xef\x8bf\xd3{\xa4K\xda]\xf6\xfcE\xcb\xd43\xe1"\xa8/&lt;\x1a\xcdm\xcfMp\x95\x80\x8d\xac\xc5G:\xd4\x86[\xb4\x11bW\xc4\xbbDi\xa5\xae\xe2K\xb3\xb20\xf8\xbb\xda{;tM8\xec\xab?,\x93Q\x05\xc3\xfb\x07RfH\x81t\xf6\xfb\x98\x172\xf1\x9aB\x80\xa7n\x8a\xd1\x90\x11&gt;w\\Z\x01b\xa0\xd0\xb4\xd6^yq\x05\x1b\rf\xd3"\x88\xe99z\xf6\xcc\x93\x9f\xb2\xfa\xe2\x0c\x86+\xb9\xc0\x04\xe7\x9c+\x96\xd6a\x91\xdb\xd0\x9aYR\xd4X\x1b\x0b\x10p:Z\xe72-\x0c\x0b\r\xec6\xd4\xf7R\xac9\x1a\xa5s\x8c\xb3?\x89DZ\xc6#suC\xca\xfd\x8f\xd7\x1a\x13\x1b\xec\x17\xf8O\xd1\xfbH\x804\x92=\xd0\xb0\xb9\xf7\xb1\xf7\xbe\xc4\x97G\xa8\xdb\xcf\x91\xa7\xefm\x8dM@\xd9\xbf\x07\xbc\xaa\'[\xcd\x94\xf0\xcf6+\x8cI\x08\x10\xc0\xe71\x15\x19\x14p00\x1eK\x02\xc2\x16\xe6\x10\x15\xbd\x13w-\x93\x84\xeb\x04\x0c\xe2`\xc4\x03\xba\xda;\xb9\xdb\xf5\xed\xc3\xc4a\xea\xfd*";\x8b\x97\x04\xf0\x9e(v}\xae\t/\xa5\x124\x8f\x96\xa1\x1d@zp\xd3+\xa9\x8d\x82\x81\xab\xe5x\xfc~#5&amp;\x90(9\x0e\x06\xb0o\xa5\t\xe9z\x98\xd8\xe7L\xea\x95\x99\x1e\xd5\xceb\xdaX|\t\x7f\x94W\xc0^\xdc\xcc\xac\xb2\xad\x99\\\x99\x7f\n)\x1a\xec@\xb9\xa5\x07\xb8\xabB\x16\xf5\x05\xf2\xc3v\xa76^U0\xe4\x1a\xe92\xb3\xd8\xa9\xc1\xd3\xa8\x8e\x8ac\x08\x80\xd2\xf5\x92j\x87\xcc\xe3\xc1\xc4}\x0f\xd9\x1b\xc2\xd9m\xcb\xbd\x82|Y\xaa\x0c\xaazn\xfc\xafp\xc5\xdd\x05\x03Q\x9d}w\x90j1\x9bu\xe0O\xa5\xe7@|b!9g\xb5\xc1\xbf\x8ddK\xd1{\x8b\xb5\xcf\x93\xabqV\x90m\xebO\xa52z\xefe\x06\x9f\x8b\xdf#\xb2.\xbaE\xc5\xect(\xffe\xb9\xd0\xb0\x9d\xf7gda\x07\x13\x0b\x82\xb6\x7fTD\xa7\xb2q\xc8\xdf\xc2\x94\xed\xfe3q*/y\x96\xd5\xe5\xfd\xb5\x0cUo\xcc&lt;OP\xa6Bz\xf6O\x1aM7c\xc3\xe9\xa3\xac\x0b\xf7|(\xee\x0e\xa5\x99Z?\xae\xfe\xe0\xddm0C\x9d&lt;\x80\xa0\x86\x1cU%W\x98\xe6`\x1e\xa0\x94\x00n{f\xcf\xc5,\xbe\xda\xd3\xacK\xbcP\x82\x04\t\x11.\x82\xada"\x19\x02\xa7\xe3\xb4\xa3\xc9?\xd9\xff0\x98\x9dc\xc2@\x06\xf9\xf5\xf2\xf5AX\xd1\xb8\x08\x7f\xf8\xd8\x9e\x06fM&amp; \x90\x8aIQ1\xec\x1b\xaa \xe8\x04U\xa0\x15\xb0*\x0e\xfe \xd0P}\xd8!U \xb1d\xc5\xe0\xea\x1e\x05\xcc\x8f\t)\x13\xd4\xe8\xe8\x92\xf0\xa3m\xcd\x15\xddD\xd3\xebFw\xaf\x1b\xea\xba\x877\xace\x10\xb4#D\x9a\x9a\xcb{\xcb\xe0t7\x81\x9f\xd0R\x84\xcc&lt;\xc1\xf3\x13\xa7AXxpeqyg\xf4\xa3\x93\xd0\xb5\xf2\x97\xe9\xbf\x8a\xa6\xed\\\xd1\xf9\xf4\xac\x8d\'\x0e\x85q\xa1J\x12Uu\xa7c\xa1\xef#\x8d\xf3\xdc\x11w\xa0\xe5\x15q\xaeI\x81\x16\xda \x9f\'\xef\xfeOY\xddOp\x86\xe3\x8ad%#\r\xea\xd7\x1e\x04\x00O\x07\n\xde\x9b\x14\x0b\xe7\xac}\xe5o*m\xc8\xcd\x13\x88\x15\x8c\xa6]\xe1\x18Km\xaf\xdfiR\xc2Z\xe3\xe7!\xb3\xf4\x9a\xad\x83\x16mK\xaa\xe0$\xc7\x0c\xb8\xba`b\xb4\xae\xae\xea\xe3\x19\x8c\xc6\x16\xf0/\xc2\xc2VH\x12\x88\xae\x84\x8fs\x12N\xab\x1e\'\xb3Gd\xe1\xd5\x1e\xb7\xaa\x80]"\xcdyC\xe1\xd4\x11qa\x8f\xbc\x81\xee~\n\xab\xae\xe3\x17\xeekd\x8f\xd8\xbe*\xf8SL\x15a\xf2.\xca\x16\x06B6\xb2$lvV\xad|\xcdl\xbd\x12\xae\xa3\x8d\x1b\x81\x9a\x97\xd5\x08^\xaa\t+\x96a\xa9\xfd\x15\xbd\xef\xcf]&lt;]\xfb\xbe#V\xdb\x98\x912\x05#$\xb9\xb5\xef\x08\xe4Q\x84\x05o3\xf8E\xe8*\x1c\x8c\xe4\x12\xfe_\x11\xabI\xac/=\x8bi\xa8\xbf\xd41\x80\rJ \x9bC\xe8\xf9\xbe\x01\x0b\x19\x0b\xd6\xb1\xb65 ;\x98\x8b\xb7\x16\xe5\x98\xc0\xad\xd6t\xf3\x1b\xba\xe0\x8e\x8a\xf6\x1b\xebv\xb4\x9d\x80\x06H[\x14\t\x0c{Z\xdeS\x8e\x8c\x1b+J}\x13A\x8b\xc8\x1c\x85A\xe1Wt.\x05I\r\'\x0e\x02\xa2\xec+b\xc3\xa1\x7f\xa0\xb2\xd0\x18\x80\x94\xdeN\xba^1\x92l\xd8V\x8d\xd5\x9a\xc3mR\x14\xfb\xbf\xd7\xff9\xa1\x1e\x19\x0c}\x05\x15\xd5\x07\x15Xr\x0bd\x00\x0fBg[\xde\xe2\x8f?\xce\xfdSp #\xba\xf8\xb7\x9akZ\xc5\xf3\xaaJ\xb7t\x08|\xf2/\xac_`\xff\x998\xd4\x8b\xdb\xee\x8d\x8a\xe5&lt;\x97\xad\xc5\xd7K\x7f@\xa7\x00\x1f2\x88p\x08v\xeb|\xf8\xc7G\xeb\xc3\xd2m\x8b0\xfez\x19M+#\xbe\xbf\x91\x93d\xd7\xb5\x85&lt;\xf5C~\x04pL\x03\x88\x95\xb5\t\xc9\xdbh\x1dY&lt;\xce\x916\xf9\x82\x84\xa5l\xa3vH\x1e\x8b\xa4f\xd6\xa56G\xb9k\x15\xb8%\xabX\xba\x9b\x03\xde4\'\xfff,\xbc\x91b\x89\xa1\xbc\x1e\x8a\xf2f\xba\xbef\xf1\xb5\xec\xe0\xd0\x90\x16\xaf\xd5\x990\x01\xa3\xcfJJ.\xd5}\x1a\x04\x96\xbe\x92-\xcf\'\xce\xa2\x84cG\x8b\x16\xc8\xb2[q\x9f\xe2H\x1f\xa3\x1b\xfbjk%)\xde6\xf5%\xf0\xba^wB\xd2\xd7\xa5\xc2\xbf\n\x8anu\xb2\xc9\x92^\xc1\xdd\xc5\xe2\xf7\xb2) pO\x88{U\xe5\x9f\'0\x06Z\xc1\x8e\x07-\xb8xC\xf7;jA\xcd\xee\x92\xc9\xd3J[]\xdf&lt;\x98\x03RE\xe0\x95\xffH\x06\xb2\xe5%\x7f\x7f\x8c;P\x9e\x89\xa1\x02\xdf\xc5\xd2\xbb\xd1\xb8\xcd\xe0JJ\xe6\xd2\x1a\xc7\xd9O\xee\xb4\xe1\xe8(H2C\x04BQ4r\xd2e\xd4\xf8\x89\xc9\xb8Z\xe5\x11\t\xc0\x14\xc3N\xb6\xc8\'\xd4\xa8Dr\xd2\xfb\xf3\xed"=-"\xd9\x1bi\xb4\xc4\x08q\x83!2\xbe\xcaoaf\xc6\xed3\x00\xef)c\xc9\xc1/\xc7\xc9tm\xfe\xa8s\xc30 0x%V\x17\xd2\x1e\xa51c\x9fo\xe7\xfb\xa3^\x1d\xd5V*\xb4\xf3\x943{\x9f\x0e\xb7\xe7\x98\x18\xb2$\xbc\x0b}\x82\xadqT\x94\xe7\x9b\x9a\xffr\xc9\xc6\xb8\xb4\x9b\x9bc*\x88\xbf\xdb4\x94\x03_\x8d\x91\x92\x1b\x90\xc0\x9f\x82\xd1\x9buk\x84odL\xce\xfa\x1d\xa5\xb3\xbc\x18&amp;\xff\xf2\xcc#a$yD\x8b2\x0cX\xe0@\xd83\xae(D|d\xd1q\x9d\x0b\xe5\xac\xa1\xe1\x06=\xa8h+\x94R\x9b\xdf\xe4\x8c\x93\'w\x06\\\xdc*5\xd7\xa5]\x95y~bH\x89\xf1\x8a\x1d\xda7"\x87\x00O[md\'\x99\xcc\x85\xbf&lt;\x9b\xde\xb3\xf3V\x0fH"3~#e\x10\x8b\x87\xa0H\xb3\xcb\xd4\xec\x8c[\xb7\x02MN(\xd2\x85\x19Z\x9cE\x19\x92K\xc4^C=dw\x88R\x93V$\xca\x82\xe7[9K\xce)\xe4f\x1bVt\x8d\xd1\x87\xae\x8cJ\xa9G\x8b\xb7e7\xbf*[\xb4\xb7\xebr\x1e\x17+\xe4\xb4\x02|\xad\x1fa05\x94\x1e|\x0e\x02 -\r#/^"\xa7n\xda\x1e\x9e\xdfu?&gt;\xe0\n\x89o\xa8\xae\xe4\xecOl\x9al\xd1)_Qg\xf0\xcdv\x12\xbdxs*\x7f\xd2\xe1;P/72\x16\xfc)b\xd9$*\x1f\x1a&amp;n\xf3O\xf7GZ/Fap\xd1\xd0!\xae\x86`M\x02\x99xF\x00\xd4S\x04%(\x06\xf8Y0H\x0c\xa5y\x83\xcf\xffq\xa8\xe6\xc3\x15\x13&amp;\x1c\x18A\xfb \xed\xeer\xd8b^\x01\xde\xda\x81\x9a\xbc\xd6}\x1e\xdb\xf9$\xe4\x01\x03{\xbc&gt;\xff\x0ca\xf7g\x17?\xf7\xf3w\xca\xf8x\xe0\xa8\xc4\x05\xe3\xb7@\xb1\xb3A\xf6\'m\xf7\xee\xceT\x80l\xaeu\xfai%IR\x161\xdc\xe2\\N\r\xa0p\x1f\x9b\xa9\x0e\xbb4\x17\xd2\xf0}\x16\x95\x17\x92\x83[8s\x84A2@SZ\xad\xe9\xb9\xd5\xb2pH\x93,S\xebg$\xaa\x16\xb1$\xa3\xe4\x87\x18j\xa6\xca[\xb4bW$+\x18\xa1\xb7\xef\xe6\x9b\xefX\\M^\xe9\xbb\xb2Q\x82\n\xe4\xb1\x08\xfbv\xecY\x1a\x1c\x96\x00\xd1d\x02\xb6\xeff\x98\xd9=\xd5:t\xe0\xe6\xef\xee?\xb7\x0c\xccUUR\xed\x90\xb5\x9f\xe9M\x97\xeb:L\x04,\x1e\x1b\xdfF\xdc\xde\xa4\xd7\xe5\xdfo\x8b\x07\x9b\xce@\x1a\xd2g\xcd\x9eR~:\xef\xd8\xc4\x97\x1c8\t\x84It\x95m\xb5)\x06"\x0e\xcc\xecb\xd7\xad &gt;\xcfq\x1f\x97Y\x95 \x96q\x8b\xf2\x9b\x85\xe5\xfa\x80w\xb7\xf8\xa2l\xd6\x15[|\xaf?4\x8bCM\xaf~R\x10\xb6\xd8\xfa|\x00q!\x8dUl\xba\x00\xbbG=b\xb8\xf4O&gt;\xcd\xc9\xc3\xb1.&gt;\x9d9\xac\xd6\xf0\x890\xf0nq\xe5_1\x1a#\x97\x95Z\xcb\xac\xf4o\xcea\\\xbcJ\x1c\x90\xa1u\xcb$S~&gt;\x94VqkD\xc5\x8e\x00\x9b%\x9b\xe3a8(\xf8\r\x07E \xb7VG&lt;U\xd1@\x94\x8dc\xf2bw\xfcBX\xe6\x02)\x88\xea\xfe\xb8U\x1cs\xdd\x96\x87\x98j\xa0\x84\xf1\xeeUE\x17\xa5\xc0\xec\xa6\xb0_QwoH\xcc\x01\xb3\xf6\x18\x1a6\x91H\xc3!a\xde\x1cG\xc8\x98;koN\xc3\xd6\xe4\xb1\xc3\x7fo'</t>
  </si>
  <si>
    <t>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</t>
  </si>
  <si>
    <t>b'\xc6^\xdc\xea\x92D\x18,\x8c\xaf\x05Ij\xb6\xc8h'</t>
  </si>
  <si>
    <t>Alice, â€œwe learned French and music.â€
 â€œAnd washing?â€ said the Mock Turtle.
 â€œCertainly not!â€ said Alice indignantly.
 â€œAh! then yours wasnâ€™t a really good school,â€ said the Mock Turtle in a
 tone of great relief. â€œNow at ours they had at the end of the bill, â€˜French,
 music, and washingâ€”extra.â€™â€
 â€œYou couldnâ€™t have wanted it much,â€ said Alice; â€œliving at the bottom
 of the sea.â€
 â€œI couldnâ€™t afford to learn it.â€ said the Mock Turtle with a sigh. â€œI only
 took the regular course.â€
 â€œWhat was that?â€ inquired Alice.
 â€œReeling and Writhing, of course, to begin with,â€ the Mock Turtle
 replied; â€œand then the different branches of Arithmeticâ€”Ambition,
 Distraction, Uglification, and Derision.â€
 â€œI never heard of â€˜Uglification,â€™â€ Alice ventured to say. â€œWhat is it?â€
 The Gryphon lifted up both its paws in surprise. â€œWhat! Never heard of
 uglifying!â€ it exclaimed. â€œYou know what to beautify is, I suppose?â€
 â€œYes,â€ said Alice doubtfully: â€œit meansâ€”toâ€”makeâ€”anythingâ€”
 prettier.â€
 â€œWell, then,â€ the Gryphon went on, â€œif you donâ€™t know what to uglify is,
 you are a simpleton.â€
 Alice did not feel encouraged to ask any more questions about it, so she
 turned to</t>
  </si>
  <si>
    <t>b'/\x96\xd2\xfe\xf2a?\x01\x05\xd93\xf3\x01\xfb\xb6\xb1\x1aQ\xd8z\xa0\xc5\xb3!Z\x8e\x95\x80\xdc\xc3\xdfQ\xd1Jxo\x0eJe\x86\x93UR\xaaVM\x98\xc6\xd4q1\x0b\xaf\xe5\x1c\xa2h\x11}\xb8{\xb1a\xd9X\x08^\x8fZ\xf5\xc1\xf68\xfa\xf9\xb6\xf2|\xb0\xeb\xad3[{\x03&lt;\x84x\x08\xa9\xf7\xa1\xdc\x0ee\x1bHC\xb2\xa6\x0f\xa5?\xe2\xafG\xd1.jU\x91\x7f*\n\xc2\xa0\xaf\xe0$\xc2\x07\xa9\xa5\xb6{\x84\xa5\xe1\xdd\x15U\xfd4\xae\x12\xa2\xbbc\x98\xc1\xd3\xe0\x95h\xbc&gt;\xcf}\xa4\xa7\xd5\x00Fd\xd5[\xd2\xe6\xde\x9c|\x7f\xb5\xcbDW\xd37\xe1\xe0\xa6|\xc0\t\x0fn\xfan\x00:\xa0Jby\x8c&amp;Ua\xcb\x86\x93\xc7d\xd8\xb4d\x1c\x1e\xde;C6Y&gt;f#9S\xad\x93\x9d\x05\x94\xa39.\xfcw;\x83\xf7\xb1\x9c\xdetY\x8eh`\xb25\xd1\x93\x93\x03\xc3\xe8gfG0\xc6\x10\xa4\x9f\r\xfa\xec\x10J\x8f\xf4\x12\xc2\xc2\xbe16`\x16\xeej}\xdf\x03\x08\x84\xc4\xc1y\xfe\x7f\xe5\xc2\xad\xe0H\x80e&gt;\xf20\xa5\xe6=z\xcb\x12\xe9~4;\x0e\xed\x98\xf8\xd0)\x9b\x13+\xa5\xeb\xb7\xd4T\xb4\x96\x1d\x8f\x99q\x8bO\x7f2\x8b\x82#\xdcljZ%\xb5\x9d\x98"\x96\\\x90\x07\x86\xfc:\xc9\xdeUyK\x9e/\x93\xcaA\x14\xf5\xdb\xfe\x1cf\xf6q!\xd9x8\xba\xd5\xddi5N\xc3\xb1\xd0n\x1f\xcd\x9a\xa8\xca\xb0I\x1c\n\xf0&amp;\x8f\xb4\xe1\xb3p\x1f\x13\x189\x93n\x87V\xaa\x88u\xd1\x1a\x85\x13\xbe~\xf4\xdc\xb1U\x04\x9a\x0e\x14z\xe1j8\xeaF\xd3\xb8\xba$5\xa5i*\xe5\xf9x]\xfdc%\xe4\x90\x03\xbc\xa7\xaet\x1c\x91\x96\x8e\x88\xcc|"\xe3\x7f\xf6 \xb1v\xd8a\xf3\xb3\xf7\x19\xd0\xffn j\xa7r\x10\xde\x16\xf9,\xa8\xdf\xa4\xe9&lt;\x1c\xec\x18\xda3\x83i\xa1\xd1: \x11\xc0HKf\rt\x84\x12\x19d\x8a\'\xdb\xe4\xe9\xb7iLrE1M\xde\xcd\'&lt;\xba\x86\xe6\xc8\xae\xe5\xa2\x0eA\xb8\x12\x0f-sr\xff\xd4&lt;\xb9\x9c\xd2U\xda9D\xd1\xc5\xd27 \xd76%\xa3\xaa\x95\x048\xa3\x7f\xbb\x92jY\x8d#\x83\x9c\xab\n\x0e\xd4\x8e\x81\xa9#o!u\x85\x95%M\xe0Z\xf1\xf1\xca\x94\xa2\xf7\xd7\xff\xa2VE\x1e\x05\xd8\x9b\x87*B\x8b\xbc\xf0\xe8\xa2s\x83k&gt;2V\xeb7jF\xadh@\xf7P\xea\x8d\x12A=+\xa1\xf6:C\xc3\xd2w\r\x04\xf8r\xdfa\x9fJ\x98\xb8[\xa8r\xbe\x00\x03\xb8\xfc\xe1\xe35Qm\x9b\x99\xd0\xaa\x98FB@\x8e\n\xdb\xc4\xeaj\xfdxF\x0fBc\xb8RmcfP\xf0\xb6\x8b\xfdK\xcb\xb7Tg\xcca\x92\xe6\x8d\xe3\nI\xd6R4X\xf1\xd8\xa0\x16*\x11\xd3\xa2?\x8eJ\xee}y\x98\n:Ah\xff\x8av\x10\n\x91\xcaw\xd7\x07\xd6\x8eX\\\xd7\t\x9c`\'\xca\x9e.\x87\xb9(\xb6\xd4|\xfa\xd6\xd2\xfd\xc0\xe3\x04\x83\xf7E\x18\x00\x1f\xf3 0\xdbt\xc9\x96\xd8_o"\xf1\xa8z\xef\x04c\x92\x01\x8a\x95\xdeyql\xd5;9?t\xd7\xcc\xbb\x193~[B\x01\x85\x97\xc9h\xe9\x8fpX\xb5q\x1a\x04j\xba\x96\xaa\xeb\xcf%t`"3\xe37\x92\xean\xf7\x1e\x94U\xf5`\xa1R\x89L\xc8^Y\xe7\xcfA\x9b\xc3Eez\xd5\x84#\xdd\x0cz\x99\xf2`\x93k\x1cDaa\x95\xe8{U7\xf8\xcd\xf0\xde\x02=\x04\xdf\xdc\x0coA\xe8\xbc\xb4h"\x0b\xd1\x02\x92\xb4.\xe8D\xc3y\xb22\x7f\xbf\x9b\xf1y\xd0~!\xa5C\x9d\x8c\xaa;\xd8`\xdc\xd4\xf0\x8f&gt;Y*\x8b$\x16uo\xa5\xde\xd9\x9bLF\x14\xb6,\x0e8z\xd9L\x8e\x123\x15:\xaf\x19\n\x1d4\xce\x80\xf1\x0e\x13\x1c\xad\xcf\xab\xff\x8d\x97\xe5\xe7!.(L\x03\x0f?\xb8J\x0f\x0c\xfe\xed\'\xaaQ\xb0nW\xa1\xbc\xc7\xf7\xc3#\x04O\xba\x0cjy4b\xf4\xe9&gt;\xe0\x8f\x06\x148\xbd\x9f9\xdd.\xde\xa6\xe9X\xf7\xe1\xb8\xc1:d\x99\xf1\xf7\xfc)\xc7\xb0\x13[\x86g\r\x1c\x084\xe1\xfe\xf3\xd1\xb3\xee\xe3`\xa0$`\x99\x9biM\xff\x83\xf9\x1c]7o\xff%\xd6\' \xf8&lt;T\x0e\xe3\xad\xfcC\xaa\xc8\xc1\xc0P\xa48\x9a4\xf9\x8f1`\x98\'.\xfb\xc8w\xa6\x8a\xdd\xc9\x8a\x93@i\xd2p\x97(\x1fQ\x93\xd1\x842E\x8c\x19G\xb9$\xb4*V\xde\x7f"]\xc8"\xb9\x03($p\xfb\xb4\x9f\xfa\xdc\xd8\xcd`\xc0\xa1i\xe9\xf4h\xe4&gt;\xca]rS\x0e\x83\xf9\xfb\x1d\xa7\xaa\x0eOO\xa7\x7fG\xb1\xaeX\xb3\x8d\x86`tO\x19\xeegx\x1c\x02\'\x9c\x1azLPi\x1d\xb2\x83\n\x19(y[\xab\xae\x11#\x12\xe6w\x1e\xe0\x94\xcb\xe8@$\xac\x9f\xc7p\x02\xa4\xd3\xf5{[o\x8e?\x95\\\x0e\xdd\xf8\xc8b:\xadrsz\xe9{Z\xf4 B\xf9\x17!q\xe6\x96j\xbb\x10\xc1\x95\x00\x87\xc7\xb1:\x9d\x91\xf0\x06\x10'</t>
  </si>
  <si>
    <t>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</t>
  </si>
  <si>
    <t>b'/\x96\xd2\xfe\xf2a?\x01\x05\xd93\xf3\x01\xfb\xb6\xb1'</t>
  </si>
  <si>
    <t>, yielding
 Iout
 Vin
 _x0002_
 _x0002_
 _x0002_
 _x0002_
 closed
 = gm1gm2RD
 1 + gm1gm2RDRM
 , (12.91)
 which reduces to 1/RM if the loop gain is much greater than unity. The input impedance
 rises by a factor of 1 + GmRM:
 Rin,closed = 1
 gm1
 (1 + gm1gm2RDRM), (12.92)
 and so does the output impedance (i.e., that seen by the laser):
 Rout,closed = 1
 gm2
 (1 + gm1gm2RDRM). (12.93)
 Exercise If an input impedance of 500 _x0003_ and an output impedance of 5 k_x0003_ are desired, determine
 the required values of gm1 and gm2. Assume RD = 1 k_x0003_ and RM = 100 _x0003_.
 Example
 12.23
 A student attempts to calculate the output impedance of the current-voltage feedback
 topology with the aid of circuit depicted in Fig. 12.43. Explain why this topology is an
 incorrect representation of the actual circuit.
 R
 K
 G m
 out X
 X VA I
 V
 Figure 12.43
 Solution If sensing the output current, the feedback network must remain in series with the output
 port of the forward amplifier, and so must the test voltage source. In other words, the
 output current of the forward system must be equal to both the input current of the
 feedback network and the current drawn by VX [as in Fig. 12.41(b)]. In the arrangement
 of Fig. 12.43, however, these principles are violated because VX is placed in parallel with
 the output.13
 Exercise Apply the above (incorrect) test to the circuit of Fig. 12.42 and examine the results.
 12To measure the output impedance, the test voltage source must be placed in series with the output wire.
 13If the feedback network is ideal and hence has a zero input impedance, then VX must supply an infinite
 current.
 12.6 Feedback Topologies 597
 12.6.4 Current-Current Feedback
 From the analysis of the first three feedback topologies, we predict that this type lowers
 the gain, raises the output impedance, and lowers the input impedance, all by a factor of
 one plus the loop gain.
 0
 I out
 F
 e
 in
 K
 I
 I
 I
 A I
 Figure 12.44 Current-current feedback.
 Did you know?
 While less intuitive than voltage regulation, cur_x0002_rent regulation is in fact quite common, namely, in
 battery chargers. A battery charged with a con_x0002_stant voltage may have a short lifetime. (Imagine
 what happens if two ideal voltage sources of un_x0002_equal values are placed in parallel!) For this rea_x0002_son, we prefer to charge batteries with a constant
 current. The figure below shows an example where
 op amp A1 forces V X to be close to the reference
 voltage, V REF . We say RS and A1 monitor and sta_x0002_bilize the source current of M1. The drain current of
 M1 drives the battery. Of course, as the battery
 charges, its voltage eventually exceeds the per_x0002_mitted value, causing damage. The charger must
 therefore incorporate additional circuitry for over_x0002_charge protection.
 R
 VREF
 A 1
 Rechargeable
 Battery
 S
 M 1
 I D1
 VDD
 X
 Current regulation in a battery charger.
 As shown in Fig. 12.44, current-current
 feedback senses the output in series and re_x0002_turns the signal in parallel with the input. The
 forward system has a current gain of AI and
 the feedback network a dimensionless gain
 of K = IF/Iout. Given by Iin âˆ’ IF, the current
 entering the forward amplifier yields
 Iout = AI(Iin âˆ’ IF) (12.94)
 = AI(Iin âˆ’ KIout) (12.95)
 and hence
 Iout
 Iin
 = AI
 1 + KAI
 . (12.96)
 The input impedance of the circuit is</t>
  </si>
  <si>
    <t>b'\xa9\xcc\x0f\xb4JL\xcfQ\x11\xb1\xb2S\xbex\x83\xa8'</t>
  </si>
  <si>
    <t>a9cc0fb44a4ccf5111b1b253be7883a8</t>
  </si>
  <si>
    <t>ed fists.
 â€œNow,â€ resumed Fix, â€œMr. Fogg seems to be going back to
 England. Well, I will follow him there. But hereafter I will do as
 much to keep obstacles out of his way as I have done up to this
 time to put them in his path. Iâ€™ve changed my game, you see,
 and simply because it was for my interest to change it. Your
 interest is the same as mine; for it is only in England that you
 will ascertain whether you are in the service of a criminal or an
 honest man.â€
 Passepartout listened very attentively to Fix, and was convinced
 that he spoke with entire good faith.
 â€œAre we friends?â€ asked the detective.
 â€œFriends?â€”no,â€ replied Passepartout; â€œbut allies, perhaps. At the
 least sign of treason, however, Iâ€™ll twist your neck for you.â€
 â€œAgreed,â€ said the detective quietly.
 Eleven days later, on the 3rd of December, the General Grant
 entered the bay of the Golden Gate, and reached San
 Francisco.
 Mr. Fogg had neither gained nor lost a single day.
 207
 C H A P T E R XXV
 In which a slight glimpse is had of San Francisco
 T was seven in the morning when Mr. Fogg, Aouda, and
 Passepartout set foot upon the American continent, if this name
 can be given to the floating quay upon which
 they disembarked. These quays, rising and falling with the tide,
 thus facilitate the loading and unloading of vessels. Alongside
 them were clippers of all sizes, steamers of all nationalities, and
 the steamboats, with several decks rising one above the other,
 which ply on the Sacramento and its tributaries. There were also
 heaped up the products of a commerce which extends to
 Mexico, Chile, Peru, Brazil, Europe, Asia, and all the Pacific
 islands.
 Passepartout, in his joy on reaching at last the American
 continent, thought he would manifest it by executing a perilous
 vault in fine style; but, tumbling upon some worm- eaten planks,
 he fell through them. Put out of countenance by the manner in
 which he thus â€œset footâ€ upon the New World, he uttered a loud
 cry, which so frightened the innumerable cormorants and
 pelicans that are always perched upon these movable quays,
 that they flew noisily away.
 208
 Mr. Fogg, on reaching shore, proceeded to find out at what hour
 the first train left for New York, and learned that this was at six
 oâ€™clock p.m.; he had, therefore, an entire day
 to spend in the Californian capital.9 Taking a carriage at a
 charge of three dollars, he and Aouda entered it, while
 Passepartout mounted the box beside the driver, and they set
 out for the International Hotel.
 From his exalted position Passepartout observed with much
 curiosity the wide streets, the low, evenly ranged houses, the
 Anglo-Saxon Gothic churches, the great docks, the palatial
 wooden and brick warehouses, the numerous conveyances,
 omnibuses, horse-cars, and upon the sidewalks, not only
 Americans and Europeans, but Chinese and Indians.
 Passepartout was surprised at all he saw. San Francisco was no
 longer the legendary city of 1849,â€”a city of banditti, assassins,
 and incendiaries, who had flocked hither in crowds in pursuit of
 plunder; a paradise of outlaws, where they gambled with golddust, a revolver in one hand and a bowie- knife in the other; it
 was now a great commercial emporium.
 The lofty tower of its City Hall overlooked the whole panorama
 of the st</t>
  </si>
  <si>
    <t>b'\xbb\xf1\x01~-4\x80\xb6\x88\x83\xb8v\x1f\xba\xd7\x8f\xc264\x9cw\xceD\xa8s\x80\x16\x95\xbfQ=u'</t>
  </si>
  <si>
    <t>bbf1017e2d3480b68883b8761fbad78fc236349c77ce44a873801695bf513d75</t>
  </si>
  <si>
    <t>b'\xbb\xf1\x01~-4\x80\xb6\x88\x83\xb8v\x1f\xba\xd7\x8f'</t>
  </si>
  <si>
    <t>lay 
 to that. When you want to go a bit of exploring, you just ask old John, 
 and he'll put up a snack for you to take along." 
 And</t>
  </si>
  <si>
    <t>b'yrN0\xf6/\x10F\xc4\xaf\x01Z\x9b\xaa\xe2p\x87\xbaH\xc8\xc3\x0f\x1d\xa6\x03\xe8\xa1\xd9I\xccdJ\x97;\x1a\x94t\x82\x1aI/"1\xf6\xac\x0c7\xa8S]\xbfx\x98\x95\x00\xb3\'u\xf6\xb4\r\x10\xe4\x8e\xa8\xad\xc87\xd5f\xeeQ\x03b\x17\xa2\xb8\xfek\x94[\x1a\xa5\x87\x83\x88\xa3C\xd7V\x86\x9b\xc7\xa8\xefn,JV\xd50e\xa8X\xb3&gt;\xb8\xbb ;q\xff\xfe\xb1\xfaN\xf38\x02\x9b\xc7\xe6\x9bq\x01\x9b\xd6\xd8\xd1\xe7\x16?y}\xdc\x01\xf2\x85n&lt;&gt;\xff\xbcO\\5,i7\xc3\x03\xa9\x9b\xdb\x90o\xb0\x07Fl\xc4\x98\xa4N\xc8\x86{1\x88?s\xaf\x06K\x0c\xf0\xa2\xa3gp\'\xe6@\x01\xe4\xe2\xfd\xf2KUV\xdb.\x1c\x18gG\xf6r\x1b\xd4c[\xf8\x9a\x978\x17\x16s\xc1\xb3m\xe5W\x92\x83\x8b-\x1c\xe9\x98\x0fs\x04\x85\t\x95\xf1k\xfd\xabx&amp;\x06\xc3\xe0\xe7\xd7I\x94\x17\xf4\xb9\xa1B\xe7z\xed\xfe?*W\x92S\xacr\xf7\x81\xc2r\xde\xba\xa0\x99\xdb\xf2\xfdy\xe9\xb4\xf5\xd0b\x15\x89\x80d\xcf\xb5\x05F4\x1f\x8d\x02\r\xfe?:\xfc&lt;\xfc\xc6X\xb8\x1f\x11\xa5\xa1\x17\xb3\xdbqT\x02\x08a\xb4\xba\xdb\xaf\xda\xe4,Q\xdb\x8e\xd0\x97\xaf\x82%\x11\x8c\xbe\xe7\x9cO\x94\x87d^,W\xeb\x9b\xc45\xc1\x0c\xd6\xd5R8\xca\xfe\xc69\x83\x17v\xef\x1b%=%\xe9\x80\x8bZ\xf5A\x9d\x16\x17]\xe2\xeb\xbd\x894d\x92\xeaH\xba|X\xe2A\x90\x15]\xb0\x0el\xc6\x98\xb5f\x9c\n\x06\xd5\xe2\x90\x8f\x7f7\x8b\xdc\xe4\xf3\xb3\xfa\x0e\xf4\x1e\xdb%\x8e{\xbeSM\xa4~\x89H#\x04*\xfe\x8c\x94b\x0bG\xa2E\xaeg\xd4\xc03\xae\x865\x00\xc4c\x0b\xad\x16\xd8U\xf0"\xa9\x1e&amp;F\xc9\x80\x1d\xa3\x14\xdc\xf08L\x95\x02VV2V\xbc6!`-\xa8\'\xd4L\r#\xe0\x8b\xa4x\xa1\xc0\x151r\xde\xd8`\x07\xe3\xfc.\x96\xa1\x1d\xd6Ij\xa2i\x86\x00z=\xfa\x1d=\xafs'</t>
  </si>
  <si>
    <t>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</t>
  </si>
  <si>
    <t>b'yrN0\xf6/\x10F\xc4\xaf\x01Z\x9b\xaa\xe2p'</t>
  </si>
  <si>
    <t>y! This way,
 ma'amselle, down this turning. I can almost believe in giants again, and
 such like, for this is just like one of their castles; and, some night or
 other, I suppose I shall see fairies too, hopping about in that great old
 hall, that looks more like a church, with its huge pillars, than any thing
 else.'
 'Yes,' said Emily, smiling, and glad to escape from more serious thought,
 'if we come to the corridor, about midnight, and look down into the hall,
 we shall certainly see it illuminated with a thousand lamps, and the
 fairies tripping in gay circles to the sound of delicious music; for it is in
 such places as this, you know, that they come to hold their revels. But I
 am afraid, Annette, you will not be able to pay the necessary penance for
 such a sight: and, if once they hear your voice, the whole scene will
 vanish in an instant.'
 'O! if you will bear me company, ma'amselle, I will come to the corridor,
 this very night, and I promise you I will hold my tongue; it shall not be
 my fault if the show vanishes.â€”But do you think they will come?'
 'I cannot promise that with certainty, but I will venture to say, it will not
 be your fault if the enchantment should vanish.'
 'Well, ma'amselle, that is saying more than I expected of you: but I am
 not so much afraid of fairies, as of ghosts, and they say there are a
 269
 plentiful many of them about the castle: now I should be frightened to
 death, if I should chance to see any of them. But hush! ma'a</t>
  </si>
  <si>
    <t>b'\x93\x85\x96\xbab\x13\xeb\xd0.Z\xa6\xce"\x13p2\x12\x92\x89J\xda\xf3\xe1c\xe6\xed&gt;\xc2U\xf29{\xf9\xff2=\x97\xff~\x9bS\x86\xd7\xbdJ\xc4\xde\xa6\x9f\x9ev\xcc\x03\x8f\xcd\r:\x01Txq\x80\xea9'</t>
  </si>
  <si>
    <t>938596ba6213ebd02e5aa6ce221370321292894adaf3e163e6ed3ec255f2397bf9ff323d97ff7e9b5386d7bd4ac4dea69f9e76cc038fcd0d3a0154787180ea39</t>
  </si>
  <si>
    <t>b'\x93\x85\x96\xbab\x13\xeb\xd0.Z\xa6\xce"\x13p2'</t>
  </si>
  <si>
    <t>to await for a week the
 sailing of the next steamer. Mr. Fogg was, it is true, twenty-four
 hours behind his time; but this could not seriously imperil the
 remainder of his tour.
 The steamer which crossed the Pacific from Yokohama to San
 Francisco made a direct connection with that from Hong Kong,
 and it could not sail until the latter reached Yokohama; and if
 Mr. Fogg was twenty-four hours late on reaching Yokohama,
 this time would no doubt be easily regained in the voyage of
 twenty-two days across the Pacific. He found himself, then,
 144
 about twenty-four hours behindhand, thirty-five days after
 leaving London.
 The Carnatic was announced to leave Hong Kong at five the
 next morning. Mr. Fogg had sixteen hours in which to attend to
 his business there, which was to deposit Aouda safely with her
 wealthy relative.
 4 Towleâ€™s translation has the 6th, which is incorrect as explained
 in the previous note. Verneâ€™s original has th</t>
  </si>
  <si>
    <t>b'!v\x0ff\xedr\xf7a\x843T\xd1\xfd\x1e\xce\x1b\xdea\xc1\x7f-Od\xca(\xaf2\x12CS\xa5m'</t>
  </si>
  <si>
    <t>21760f66ed72f761843354d1fd1ece1bde61c17f2d4f64ca28af32124353a56d</t>
  </si>
  <si>
    <t>b'!v\x0ff\xedr\xf7a\x843T\xd1\xfd\x1e\xce\x1b'</t>
  </si>
  <si>
    <t>nd way, and I thought it very unlike him not to see about
 the shoe, as he was generally wonderfully particular about loose nails in our shoes. He
 did not come at six nor seven, nor eight, and it was nearly nine o'clock before he called
 for me, and then it was with a loud, rough voice. He seemed in a very bad temper, and
 abused the hostler, though I could not tell what for.
 58
 The landlord stood at the door and said, "Have a care, Mr. Smith!" but he answered
 angrily with an oath; and almost before he was out of the town he began to gallop,
 frequently giving me a sharp cut with his whip, though I was going at full speed. The
 moon had not yet risen, and it was very dark. The roads were stony, having been
 recently mended; going over them at this pace, my shoe became looser, and as we
 neared the turnpike gate it came off.
 If Smith had been in his right senses he would have been sensible of something wrong in
 my pace, but he was too drunk to notice.
 Beyond the turnpike was a long piece o</t>
  </si>
  <si>
    <t>b'\x8cj\xab\x1f\xbf\x13g\xdf'</t>
  </si>
  <si>
    <t>8c6aab1fbf1367df</t>
  </si>
  <si>
    <t>hern Spain and the interior of Gaul or
Britain, but the texture of urban life was by no means identical. Much depended upon
the local context and upon the needs of the local elite as they continued to negotiate a
social and political relationship with the representatives of Rome sent to administer
their province and, not least, with the Roman emperor himself.
280 Jonathan Edmondson
PART IV
Social and Economic Life
CHAPTER FOURTEEN
The Imperial Economy
David Mattingly
1 Introduction: Theory and Evidence
The Roman economy is often presented as underdeveloped and underachieving
(Garnsey and Saller 1987: 43â€“7). Such views are the legacy of the huge intellectual
contribution of Moses Finley (1985) to the debate on the ancient economy. Key
elements of what I shall term the Finleyite primitivist (minimalist) vision of the
Roman economy are: an emphasis on subsistence agriculture; the role of towns as
centers of consumption, rather than of trade and industry; the low social status of
craft workers; retarded technological diffusion; and a lack of economic rationality,
illustrated inter alia by the low level of non-agrarian capital investment (Finley 1985;
de Blois et al. 2002; Duncan-Jones 1982: 1; Hopkins 1983a: xâ€“xiv). Such views are
not unchallenged, however, and there is also strong support for a vision of a more
evolved and complex economy than Finley was prepared to admit (K. Greene 1986;
W. V. Harris 1993b). Strong evidence has been adduced in favor of more rational
economic accounting on Egyptian estates in the Fayum (Rathbone 1991). Rather
more surprising perhaps is the fact that similarly sophisticated accounting systems are
to be found even in the remote oasis communities of the Egyptian desert (Bagnall
1997). In several recent discussions an emerging strand is that the Roman economy
contained elements of both achievement and underdevelopment (de Blois et al. 2002:
xiiiâ€“xviii; Jongman 2002: 43â€“7; Mattingly and Salmon 2001b: 8â€“11). In this chapter,
I shall briefly review some of the key points of theoretical debate and then comment
on a series of different areas of economic activity that I think illustrate both the
controversies and the potential of the evidence now available on the Roman economy.
The contributions of Hopkins to the debate have been important in introducing a
series of modifications and qualifications to the primitivist view (Hopkins 1978c and
d, 1980, 1983a and b, 1995/6; K. Greene 1986: 9â€“16 for a useful summary). He has
argued that between 200 BCE and 200 CE overall agricultural production and the
amount of land in cultivation rose, accompanied by an increase in both population
and per capita production; a higher proportion of the population in this period was
engaged in non-agrarian production and service industries; inter-regional trade in
manufactured and staple commodities reached a peak; taxation in th</t>
  </si>
  <si>
    <t>b'5\x0b\xb4\xf5\xb6\xfd\xb6\x9cS\xba\xd0\x02}j\xafV}\x19\xd5\xbc\xa8\xc9\x7f\xf3\xf2\x97t3e\xaf\x80i\x8dJ\xc7J\xd0\x0c\x97\xda\x8c\x9f\x9a7\xb8!x\xec\xdc\x13w\n\xeekFh]\xffT\x02\xf7q\x84Gm\xe8F[\x97=\xcb\xcb\x12\xbd\x1d\x99\xe0L`I\x93\xc5\x91\r\x9a\xae\xe7*\x07\xc6\xa3\xd4\x87\xe1\x88|\x8fQme\xe3I\x8a*\xd6d\x88\xc6\x1a/\xaf\x8f\x9e\xf0\xf1\x83\xb9:K\x91\x03\x1aO\x9c\xc7\xea\xaa\x87"(c\x0f\xb59f\x9cp\xad[x\xd8\xb3)\x0fa\x0f\xf4\xd6\x064R\x12w\x06\x1cY\xc6:V\xb8\x86oIS\xe9\x9b\x85\xbbj\xfb\x98\x1f\x05\xe4E\xe6=\xc8\x0er\xcf\xd3ip\xf0;a\xb3U\x88K\xe5`\xc1F\x81r\xa8qf \x0b\tT\xdf\xda\xfe\xd6JH\xcfq\x11+\xdd\x8a\xef\xef\x07N\x00\xce#6\xef\xbe8\xe6\xae\x85\xc9\xd2;,`2\xe6\x91@\xbc7\x11\xf6\x0e\xe5\x9f\xfd\x94A@\xc4\xb4v\xf2@\x16\xdd\x00\xf8\x0e\xecyY\xdb\xf1xH\x97\xe9TI-H\xa6e\x97\xdc\xb9Vrt\x84\xb2\x04\xca\xd8\xa5\n]\x18\x80\xdc\xe2\xa7\x81\xea\x14\x00k%[ V\xab\xf0t\xa4\xf0\x83P\x17z\x88\xb4\xce?\x99\xd7\xab\xad\xb1\xbe\xe1\xbf\xc0\x13\xef\tg\xff:\xae$\x83\xc3\x19q,&amp;]d\xc5\x83\x84E\xf8S\x86\x97-\x12\xa1\x18\\r\xac`\x1b\xf9\x97{~\xdfv@\x02\xd0\xb9v\xc5,\x90\xc4\xc3E\xbb,i\x1b\x08/+?/\xae\xd9\xf9\xe0\x0cp\xbd\xddF(\xe3\xb7\xe8\xbbL\xe7\x10\xf5\rg"GC\\7o#\xbb`&lt;\x9d\xbe\x9d[\x88]P\xd5\xdb\xd3\xc4A\x91\x91\x1d\xa0\xda\x9c\xf8\xc0Z#\xe2\xf3\xe2dNy\xf9\x9b?\xda\xe64\r\xea#\x83^\xccg\xa5PE=\xd3\xa1ef\x8c\xd8\xdf\x13K\xee0\xec\xc0JW\xe6Pq\x12\x96\x84d \x1c\xeb\xfba\xedH\xa2V{\x96U\xb6\xbb`W=\x7f\xc6qQ=qf\xe6;,k]\xec\x9c\xa1z\xf1WW\x9f[\x01SH\r\xd8\xd2\x81\xb9\xb5G\x0e#\xff{\xb2\x15\xb9\x07\x8e\xf9\xef\x1a`\xdc\xfaD2\x12EG\x0b0\xcc\xcb\xfd\xac{\x1a\x0c\x08\x8c\xcc\xd3\x02\x8c\xb5\x9b\xfc\xb7v\xc8\xb8\x17\x10\xd9\xfbV\xd9s\xce\xf21R.\x87x\x01E\xe9\xf9b\x99\xb0T!]\x9d\x9dt\\Zx\xab95w\x86\xd95\x00\x8dD\xb2P\xb7?\x90\x94L\x93\xd7z\xa7~^v\xc3\xe3\x0b\xa6\xe7\xc7\x01\xc5\xe0\x84\x12\x8e\xf1\xa5i\xc2p\x0e\x88c\x07*\xe5m\xd8\x9c\xd0\xcc\xa4\xcfp7B\x01\xd1\x87\x87\x08o\xa7-\x92\xad\x9a\x15\xe6\x16$\xd1\x92\x96\x86B7$\n\xa1\x15\xf2\xc5\xa1\xbf\x9f\xc4\xe5\x88\xd8&amp;&gt;n\n\xab\xdb\xe1\xc1r&gt;\xa0\x8e\xaa\x12x\xbc[\xec\x1b\xdd\xe0Y\xacD\x00@\xe6\xceI(\x115\xfe\xaf\x89&lt;\xa7\x9f\x84o?&amp;\xb1\xb4\x84\xef\x05\xe8\xfb\xa2h\xdb`\xd6\xeb\xd13\xec}l\xc7PJ\xe1diV\x96\xb2\xc9\xe0\x01\x11\xbb\xf4\xc9W\xe9&gt;\x8e\x89L\xfd\xc4\x90P\x1a-s\x96\rd\xaa\x8c:\xc5h\x81\x8d;\x8b\xc3D\x91\x7f\xfe*R\x94dC\xf3\x86\xabs\xc8\xf3L\xc6\x08\xad\xe8\xe2\xfb\x14\x85\x16\xbf= 4\x82\x1c\xa8\x97\xe0s\x88\xce\xf0\xf0u\x88\xeb\xb8s\xf8\xb1#\xd3\x02\xe3\xd2\xd6w\xa4/\x7frv\x84\xa3\\\xb1\x99M\x82\x0c\x99m\x1d\x9b\xc3HC,d\xf0\xfd\xf9\xc8Z\r\xaf\x81\xcf]C^\x90\x1d{%_\'\xd5&lt;\xb6\x8e\x8dK\x99B\xec?\x17\xbd\xf9\xc9\xc3\xfcM;\xfe\xea\x19\x84Z\xe8\x89o&lt;Y\xa2\xceT\x89\xdd\xd8R\xc1\xd3\xe6\x91r\x9e\x12\x8d\xe7e\xee\x14\xd2 \xf5\n\x03w\xee+\xdc\xaan\xbf\x1cT\x1e\x87C]\xe1\xe7]Ro]`\xec\x98\xb4]\x88\xedro\xedR\xec\xe6\x955boN\xc2\x8c\xa1C\xc2VR\xdf\xc8=\xaf\xd3A$\xb5R\xb3h\xffK\xec\x8d\xb69\xc9\xcfs,\x1b\x90\xdc\xea}\xbb\x02\xdd\x9a\xf0\xd3\xf5\xe4\x96\xc0I4\xa5\x0fEk\xe8\x7f|\x1e\x8cd\xd2\xba\x8d!0\xe7\x17#\x0f*\x93#X\xc1U\xcbv\xc9\x8dO\xca\xc9#*\xfc\xda\x13?\xfda\xbc\nH\xdf\xc8\x02\xf1\xd5\xb9\xd5oP\x81\x053 lZ\xa3\x00\x10\x90!z\xb4;\xa5\xd5T#\xb9\xa1\x8c\x14\x9f\xe1\x10\xc2\x9c\rZ\r\xe2\x1a\x04\x8c\xad\'\x87\x9a\xe4\xaa{\xc3\x19\xc4\x9c\xf8\xf2\xa8!#Y\xd3\x03A\xab`\xa6\x88\xcb.\xad{\x7f\x16\xaa\x8a\xb9aP\x04\x12\x7f\x0c\xbd\xeb\'\xf8.\xf0\xa4Q\x8e=7\x86;\x1e\x90\x16\x07\x0f\x04\x8f[\xeb\xba\x9a*\xddbiXt\xe0\t9\xb1$1\xd4\x0f\x16U^I\x9f5N\xe1\x81q\xe5\xf2S\xfb\xd7\t\xf5\xf1\xb6#;\x14 7\xd2\x88Z\xde\xc0}\xe6Y\x8f\xb4\xfd\x06z\x9dd\xd2\xc1\xc3\x95\x12\xd2\xd2\xec\xb0o\x19\x08|\x91ZtT\x1aV}OY\x8f%\xa7\xe4\x9e\xf7\xf16\x04\xd7\x88\xe2&lt;\x8b;\n\xa4\x976\x15\x84\x92@\x9fy2\x12H\xe6\x06\xc0\xa2\xba[\xff\x02V\xd3V\xab?\x87\x0e8\x12h\r\xf6\xff(\xbf\x97\xdf\x81\x034]\xf9\xd8\xc7r\xc7\xe7\xb3K,w~\xe3ti\x1b\x0e\xe1\x97\xdf\xaf\xe0\x14\xcb8\xf1\xcd\x0e\xa35I\x95\xe8\x8f\xfdeY\xc7y\x11\xc6\xde\x85\x03gw\xfb\xa955K\xf6N\xb5\xaeq\xd5\xa3\r\xaeA#\xea=f=\xa3$L\x98$0;\xe2\xf3c\xba]n\x94\xce\x119\xa2#\xc5E\x02{9\x05\xa6\'\x12\xae\xc5W\x10\x8f\x9f4u=J6\xe4s\xfa_\xec\x92^ULm\xf2\x9d\xa0K\xab,\x9e\x04\xff\x83\xa9\xbf\xfdM\xf2\xc5\x1c\xce\xf4\x1eT\xcd\xb6R\xac\xb8\x9er\xf1B\xcd\x01\x91\xd1\xfb&lt;\x88!e/\x84R\x8e\xa796\xb3\x04\x0e\xed\xdfe\xf0\x0e\xf1e_=\x81\xfd\xcf\xb1e\xcegFG\xee\xe4j\x93\x918l;\xb7\x98q\xf8X\xe4jl\x02\x89\x83\xb4\x80\xd3\xc4\xd2\xf4\xdc\xf7c\xdc,\xc3\x0e\xe4\x19\xcc&amp;\xdd\x11\xb7)\xfc\x1b&gt;@m\x8d\t\xb6\xcc\x04\x8a}B\x06\x8a\xbf\x81\x839\xdbb7\xfa:\xd8VR$,\x02d\xec\xce\xd7\xaf\xe1\xb9X\x05\xb0\xe7M\xb1\nH\xc6\xbb\xc1\xa3;\xae\xb5i\x81\xc5I5\x85\xc4\xe8x\xfex\xdf[A\xee\x94{\xd7)$KpKQ\xd5h\xb24\xb6\xec`\'7\x83=\x05=&gt;\xc0\xb5s\x87\x04\xd6\xf0\x95\xcb\xff\x85\x05\x81\x84\xccy\xc7\x01o6s&amp;\xa0\xea\xfe\xf0\xf2N\x8d\x0b\x9c8m\xb5\xb8\xe8\x9c\x83\xb6\xd8Nr\x13E\xc1\x05\x7f\x15i\xa0_q\xc4i0i\xd2+\x15\xb2\xaf\xb7H\xd3\x05\x9a\x0b\xa3\x91Q\xe32\xffK\x13\x16\xaf\x16\xb6\xe3\xc6\xa3\x97\x12%Q\x0f\xb1@\xc5\x12\xfb\x86FC\x8d\n\xb5\xfa/\t\x9d\xc9}\xea&gt;_\x1d/Q\xe3\x93\x80\x9fpe\xd2\x85R\xf6qt\xd7^\xbc\xdd\xcf\x04\xe6\x8e\xa4a\xda!\xcczv\xc7\xd9\x1e!j\xb5\xdb\xcc|\xd2\xb9-\n\x1b&lt;\xe6\t$\x86Q\x15\x93"q\x1b*\xb2\xfa\xe4"a\xb8\xdf\xf3\xe7@G\xa9\xca\xe5\x86\xf1g&gt;sH\xd0Oaa\xa6\xa1\xa5\x7f!\x8a\xbe\x1a\xa8mf\xab\x98\x94|u\xafi\xa22a\xea\x99\x1a\x19\x8f\xb9\x1e\xd0\x9c\xa4\x89\x8bdf\x82q\xe8c-@hj\xf7\xab\xe4\xcb\xc1{\xe9\x90\xf0a#\n\x9d~\xaaL=\xa4\x94^W|*\x9dJ\x89\x9f\xc0\xcc\x19\x18}\xa7\x9a\xcfw\x0c=\x14\x0b\x86\xef\xef\xef\xba\xc4\xb4\x01{\t\x08\xd5\xbe?\xb82\x9c7\x02@\xd2\xda(w\xbd=\xc1U\xce\xe2\xf2\xe2\x030\x01w\xdf\xf0\xa1\x8e\x14\x05\x0e\x84{\x8c\x84\xe4\x14\x95s\xee\xa1\xa7\xc3\x10\xda\x0f\x86\x13\xa4t\xae&amp;[\x9f\x11c\x07\xa2\x1fT0\x1b\xb1\xb4\x87\xb7\xa4H\xd1"\x89,\xd5\xb2\x8co\x899\xf3\xa8$NS\x7f\x15\x8f\x91\xac\xf6\xac\xd3\x0e\t\xd2\x1fI\\\xb2\xce\xd6\x9b7(\xf3\xf8;q2bHj^\x03\xaf\xcd\xc5{x\xcc(\xb5+\xc6\x89\xcb\x92!\xa9"t\x00\xb1\xa0\nb\xff\x07\x08\x02?\xae\x13\xc9\xf8\x1f\x1c\x10\x9d7f\x13\xb5\x9f\xbeP\xff\x98Q\x8e\xb8q\nv|\xd6\xbf\t\xadb\x83=\xc7\r\x02\x1f\x15\x92\x8b\nM\x81)!\x89\x98\x1b\xfd\xb2\xbf\xee\x7f\xc7\x14\x954\x1b\xa3\x9c\x96+&gt;\xf5\x99\x9d\x88\x84W\xcaN\xf2\xf0\xb6\xae\xfd\xa9&amp;\xb2\xe5w\xe0\xfb4\x80\xc0\xd2\x9d\xbc)\x04\xfd\xb3\xb9-\xa9\xc8\xc9\xd6\x18u\xd1;+\xd8\xcaq\x17\xeb\x80\xa1\xde\x95\x955F%\x08\xcd\x87\xf4\x93\x83\x12P\xb9\x8c\x96\xb5&lt;X\x86\xb4\xb2\xf57\x16\x87W\xba\x16X\xfb\xe0&amp;\xf1\xf1\x8e\xcaf\x19\xad\xd3\xbd\xa8\'&gt;_1\xbfe\xb05p\x15N\x93(\x1cNVWC\xcb\x9f\x1c;\xfe\xb9f7-f\x1du\x1f\x04!\x89\xcd\xd8\x11\x1aN\xbe\xee\x87N\x85.u\xa9\x8aYp_\xdcN{@|\x14\xa0\x81\x181#\x86\x8f\xfe\x19$\xd6(\xf0\x0b\xf4V\xc3\x05c)wYTB\xdb\x1bt9\xc6\\AYj86\xdcG\x13\x02\x19\xfa\x12y\xe4*\x96\xcf\x14W\xeb\xcc\n\x98!C~\x0e3\xba-\x0b\x03\x96Bz\xb00\xf5\xe1\xeb\xae1\xc1\xe6\xd35eL2\x84\xa2\x02\xc5\xe8P"\x96\x8f\xc4\xb5w\xf6z@H\x04\xef\xc3tQ\x89\xcc \xa3*\x1e\x9b1\xe6\xc8\x13g*X\x10\x15\xa5\x8a\xffJXf\xa7\x0f\xf9h\xd3~O\x9f\xedb\x1d\xdb;\xe8\xa2\x852o\xeb\xae\xfc,\xe5u.\xa3\t6\xcd}\xff`\x80\xc4e\xfcd\xa9H\xdf\x0b\x97\xf8f\xc9d\x8d\xbcbI\xb3\xe0\xc6&gt;aPY\xd4\xd0\\\xe7~\xfe{\x03\x99\x0c^\xf9\x13\xd0X\x93!E\x84+\xdf\xe3O\xc4\x0e\x8bY\xde\xa6?\xb0\x9eA\x1a\xe6\x88\x04\xbcb\xe4r+o\xda\xac\x06\xe8\x1d\xcbx\'\x87\xb4\x90815\x89X\x02\x91\x9712|\xdcr\x1asL\xfbP\r\x98\xf3 \xc9I\x97\x1a\xf4\x1b\x02JE\xe7\xee\x89/\xfe\x85\x0b\\\xd3\x8f\xc9}\x06C&lt;\xc4e\xd96g5\x99\x94zs \xfe\xdd\xef\xbb\x83\xe4Mp\xd2\x0e\x9fl/\xd1C;\xdc\xabD\xae\xc2\xb1\x9di\x905\xe0\xca\xef4\xa8\xaa1n\xc9\xdf\x16\x14\x04\r\xcb\xef\xac\x1d\x02LQ7\xcc\x7fg&gt;\xac\x9c,|_8\x00jyMjBP\x12\xc4\xe1\xda\xd1 \xd3\xec\xae\xbay\xcc[\xe6O/\x9e/\x01\xf3(WQ_\xfc\xed\x8b\xd4u\x01l`\xban-\x8e\x93\x87\x89W\n(\xf2u\x98\xe5\xaa^N7b3~\xecx\x10\xc0%\xec\x0b\xebe\x85b\xef\x08^\xe3\x9e\xb7&gt;\xa4g\xdd8o79?\x94\'\x83\x9dl\xee{d+\xde\xae\t\xc2\x1e%\xfa\xf6\xf3\xe7\x97\x00\xe8\xe9b\xbdA\xd2\xd0\r!\xc6\xfct\xae\xb0)k\xe1\xc9\xdf\x15\xe9\x952,\x84\x1cg\xeb\xd9\x0f\xe8\xb5\xac\x8f\\\xcf\x98\xe6\xbej.B\x11\x7f&lt;j\t,\xc0\xca\xb9\x1b\x9e\xcbXG\xea\xeeZ\xf4v\xd2\x845e\xd8\xca\xab\xa1\x05\xf5\xdf\xb9P\x94\x165\xac\x1f\xa2\x06\xb3\x96\xfcXo\xc8\xad\x96\x81\xe7\xcc\x7f\x8a]\x8b\xdd\x18\xaf\xd3\x07-\x81\xd0B.\xaf\xf8\xd3\xdbq_/\xc4\xf0\xcbQ[\xe9&amp;\xf3+\xa3\xb1\xcf~N\x8cck\xc9\x95 L\x1d\xe2Y+\xf7\x10;\xfbU\xae\x05\x92BI1\x1ay\xa9\xba!\xea\x1fD\xda\x8d\x81\n\xd4\xa46\x897\xbeT\xca\xbekv+\xd1\xe5\x1f$\xe4\xa36\xdd\x87\xee\x07\x8e\xf7\x02,\x8e\xc7\x9dD\xab\xd7^\x91\xba\xe2\x91dGb\x05\x1dL\xaa\xd0\xb64\xd7\xe5%M\x84\xa0TM\xc4\xef\xab\x9dUa'</t>
  </si>
  <si>
    <t>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</t>
  </si>
  <si>
    <t>b'5\x0b\xb4\xf5\xb6\xfd\xb6\x9cS\xba\xd0\x02}j\xafV'</t>
  </si>
  <si>
    <t>nd, on the
 opposite margin of the stream, whose current diffused freshness beneath
 the shades, rose a grove of lemon and orange trees. This, though nearly
 opposite to Emily's window, did not interrupt her prospect, but rather
 heightened, by its dark verdure, the effect of the perspective; and to her
 this spot was a bower of sweets, whose charms communicated
 imperceptibly to her mind somewhat of their own serenity.
 She was soon summoned to breakfast, by the peasant's daughter, a girl
 about seventeen, of a pleasant countenance, which, Emily was glad to
 observe, seemed animated with the pure affections of nature, though the
 others, that surrounded her, expressed, more or less, the worst
 qualitiesâ€”cruelty, ferocity, cunning and duplicity; of the latter style of
 countenance, especially, were those of the peasant and his wife.
 Maddelina spoke little, but what she said was in a soft voice, and with an
 air of modesty and complacency, that interested Emily, who breakfasted
 at a separate table with Dorina, while Ugo and Bertrand were taking a
 repast of Tuscany bacon and wine with their host, near the cottage door;
 when they had finished which, Ugo, rising hastily, enquired for his mule,
 and Emily learned that he was to return to Udolpho, while Bertrand
 remained at the cottage; a circumstance, which, though it did not
 surprise, distressed her.
 When Ugo was departed, Emily proposed to walk in the neighbouring
 woods; but, on being told, that she must not quit the cottage, without
 having Bertrand for her attendant, she withdrew to her own room.
 There, as her eyes settled on the towering Apennines, she recollected the
 479
 terrific scenery they had exhibited and the horrors she had suffered, on
 the preceding night, particularly at the moment when Bertrand had
 betrayed himself to be an assassin; and these remembrances awakened a
 train of images, which, since they abstracted her from a consideration of
 her own situation, she pursued for some time, and then arranged in the
 following lines; pleased to have discovered any innocent means, by
 which she could beguile an hour of misfortune.
  THE PILGRIM*
 Slow o'er the Apennine, with bleeding feet,
 A patient Pilgrim wound his lonely way,
 To deck the Lady of Loretto's seat
 With all the little wealth his zeal could pay.
 From mountain-tops cold died the evening ray,
 And, stretch'd in twilight, slept the vale be</t>
  </si>
  <si>
    <t>b"\xfb\xc2\xeey\xbf'#\r\xf4\x11\x83/,\x13\x0b\x10\xab\xc0\xdci\x86:\x90|\x9al\xa6B\xa7),3\x00\x86\xd7\x12\x06{\xfe\xbf\x9c/\xa12j~\xea\xcf\xf6\x1d\xb0)\x08p\xd3\x1d\x1b\xc7\xa9\xda\x9f\xa1jQ"</t>
  </si>
  <si>
    <t>fbc2ee79bf27230df411832f2c130b10abc0dc69863a907c9a6ca642a7292c330086d712067bfebf9c2fa1326a7eeacff61db0290870d31d1bc7a9da9fa16a51</t>
  </si>
  <si>
    <t>b"\xfb\xc2\xeey\xbf'#\r\xf4\x11\x83/,\x13\x0b\x10"</t>
  </si>
  <si>
    <t>broken. 
 Had it been otherwise, I must long ago have perished; but as it was, it is 
 surprising how easily and securely my little and light b</t>
  </si>
  <si>
    <t>b'=\xe4\x05\r\xae\x94x$8\xa1\x8b\xd6\xa9&gt;F\xf6:\x1b\xde\x0e.ex\x8a\xdc\\0x{\x9f\xfbd\x90Y\xc1*\x8fA\x12\xad\x1c\x93\x88~\x98l\x08\x8b\xcb\x04r\x9e\x94\x19\xbcsLL\xbe\xeb\xe1\xb5\xfd\xd4\x81\r]\xd1\x1d\xe4\x8de\x03/\xb4\x19\x04\xa7/\x02\x1c$\xda\xef\xa3\x811c\x1f\x8c\xba\xf1\x90\xf7\xf2\x9b\xb2\xa7Z\x88\xad\x86\xdd\x1a\x9c\xfd&lt;0Z\x9b\x88\xc7\x9f\'\x0c\x11F\x91\x85\xda\xb4\x8f\xe0\x94\x9e\xe8\xb7j\xb5\xfb"1\xc1|H\x80\xeas\x1f\xce\x8b\xc1\x04\xce\xa9\xcc\x91\x11)\xea\xd6T\xd6\x94\xbcp\xab\x95\xa9d\x7fY\xfe&gt;\x8b7\xbf\xf3r\xcd\xc9K@\xe7\x98\xa4Bay\x8a\xbd\xa5gV{\xc3\xba?K\xdd\xb8\\\x16\xb1\xb0\xb4\xfa\xa5R\\\xd4B"H\xa9\x04\xef\x9e\xea}\xa5\xe1\xb8\xeb\xdd\xdcOn\'/\xb9ZK\x18=\xb5u\xa4^\xa1Y\nd\xc5\x85#\x11H"\xaa\x1c\xe5\x00\xf8\x92"\xd2\xae\xaf\x07\xf9\xc9#\xb3W\xa1\xdeo|\xa6$C\r\xe3\x12\xef\'\x0b\xbe\x8e\x93\xfb\x00u.\xf9y\xf8\xbd\x94\x17\x00\x05\x8dh\xc5-\xfai4\xeasO\xe6\x03H\xa4\xe1\x1b(\xdc\x92\x94(\xb8\x90&gt;\xfe\x0c\x83\xb9\x9f@U.\x92\x8b\x1ca@~\xa6\xd4\xeb\x8fCl\xf4\xbd&lt;\\g.\x89\x07s%\xf1\xf9\xc8\xf7\x8b\xdf\x97j\xedqQI\xf6c\x19\xe83\xb5{9\xc0\xb8\x8b\xe6A\x88\x97(\x84t\xed\xb1\x93\xd9\xc3&lt;\xa2\x16=\xe0\xf3\xd1?\xec\'\x86\xba\xa1%\xed\xe7x\xb8\t\xc5K^\x8e8\xab\x0f\xfa\xd1\xe0Gz\x82\xd9-9\xf3o\xaex\xb7\xebX\x8bk\xbb\x1a$=A\xf30\x1b\xe1^\xe1\x00\x99\x08\xe7\x18,\x01\x8a\xde\x1b\xf2\x81\x9f\x83\x0c:\xc1\xac\x03\xb1\x1aXA}\x8c\xd9Z\x84|\xe8\x04t]6\xe0|\xa6\xf0\x8f\x9f\x96J\x03\x00F\x1d\x14|T\x82\xb9\xe5c~\xe7\x07\xfaH\x1c\x80\xb0}&gt;\\c,kf\x06\x0c\xe4\x93\xf8f\x83)mO\xb4%\xd4\x0c\xbd\xd2\xb4'</t>
  </si>
  <si>
    <t>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</t>
  </si>
  <si>
    <t>b'=\xe4\x05\r\xae\x94x$8\xa1\x8b\xd6\xa9&gt;F\xf6'</t>
  </si>
  <si>
    <t>. It was after
 having witnessed a scene of the latter kind, that she arranged the
 following stanzas:
 THE MARINER
 Soft came the breath of spring; smooth flow'd the tide;
 533
 And blue the heaven in its mirror smil'd;
 The white sail trembled, swell'd, expanded wide,
 The busy sailors at the anchor toil'd.
 With anxious friends, that shed the parting tear,
 The deck was throng'dâ€”how swift the moments fly!
 The vessel heaves, the farewel signs appear;
 Mute is each tongue, and eloquent each eye!
 The last dread moment comes!â€”The sailor-youth
 Hides the big drop, then smiles amid his pain,
 Sooths his sad bride, and vows eternal truth,
 'Farewel, my loveâ€”we shallâ€”shall meet again!'
 Long on the stern, with waving hand, he stood;
 The crowded shore sinks, lessening, from his view,
 As gradual glides the bark along the flood;
 His bride is seen no moreâ€”'Adieu!â€”adieu!'
 The breeze of Eve moans low, her smile is o'er,
 Dim steals her twilight down the crimson'd west,
 He climbs the top-most mast, to seek once more
 The far-seen coast, where all his wishes rest.
 He views its dark line on the distant sky,
 534
 And Fancy leads him to his little home,
 He sees his weeping love, he hears her sigh,
 He sooths her griefs, and tells of joys to come.
 Eve yields to night, the breeze to wintry gales,
 In one vast shade the seas and shores repose;
 He turns his aching eyes,â€”his spirit fails,
 The chill tear falls;â€”sad to the deck he goes!
 The storm of midnight swells, the sails are furl'd,
 Deep sounds the lead, but finds no friendly shore,
 Fast o'er the waves the wretched bark is hurl'd,
 'O Ellen, Ellen! we must meet no more!'
 Lightnings, that shew the vast and foamy deep,
 The rending thunders, as they onward roll,
 The loud, loud winds, that o'er the billows sweepâ€”
 Shake the firm nerve, appall the bravest soul!
 Ah! what avails the seamen's toiling care!
 The straining cordage</t>
  </si>
  <si>
    <t>b'\xe0\x0b\x93\x95\xd4\x10i\r\x97\xcb\x15\xef7\x12V\xf0_\xfb*\xed\x85\xb1\xb3V\xf17u\xf5!v3J\xba\xd4\xf3\x02\x8a\xc4\xb4\xceg\xf9}Sx\x96\xa7wL\xddaSw\xe5\x9e_H\x8f\x12\xca\xf4(\x81\\'</t>
  </si>
  <si>
    <t>e00b9395d410690d97cb15ef371256f05ffb2aed85b1b356f13775f52176334abad4f3028ac4b4ce67f97d537896a7774cdd615377e59e5f488f12caf428815c</t>
  </si>
  <si>
    <t>b'\xe0\x0b\x93\x95\xd4\x10i\r\x97\xcb\x15\xef7\x12V\xf0'</t>
  </si>
  <si>
    <t>eld, 54, 249
  Source charge, 9, 59, 210
  Source point, 9, 61
  Space charge, 109
  Spacelike interval, 528
  Spacetime, structure of, 525â€“532
  Spacetime diagram, 528â€“532
  Spacetime interval, 528â€“529
  Special relativity, xiv, 502â€“574
  Speed
  of charges in wire, 242, 300
  of light in linear medium,
  401â€“402
  of light in vacuum, 394,
  505â€“506
  of waves on a string, 384
  Spheres
  defined, 51
  terminology for, 51
  Spherical coordinates, 38â€“43
  Spherical surface, 51
  Spherical volume, 51
  Spherical wave, 432
  Standing waves, 385, 429
  Stationary charge, 60, 223
  Steady current, 223
  Step function, 49
  Stokesâ€™ theorem, 34, 55, 56,
  580â€“581
  Stress, 364
  Stress tensor, 362â€“366
  String, waves on, 382â€“393
  Summation convention, 527
  Sun, age of, 110â€“111
  Sunset, redness of, 472
  Superconductor, 346
  Superluminal velocity, 418,
  510
  Superposition principle, 59, 82,
  97, 162
  Surface charge, 63, 103â€“104,
  299
  Surface current, 220â€“221
  Surface element, 26, 40
  Surface integral, 24, 26
  Susceptibility
  complex, 421
  electric, 185â€“186, 208
  magnetic, 284â€“286, 288
  Susceptibility tensor, 190
  Symmetric tensor, 563, 564
  Symmetry
  for AmpÃ¨reâ€™s law, 237
  azimuthal, 141
  of E, B, D,andH, 293
  for Gaussâ€™s law, 72â€“73
  of Maxwellâ€™s equation,
  338â€“339
  Synchronization, 509â€“510,
  512â€“513, 521â€“522
  Synchrotron radiation, 488
  TE waves, 427â€“431
  TEMwaves, 427
  Tensor, 11â€“12
  antisymmetric, 562â€“564
  contravariant, 565
  covariant, 565
  dual, 564, 573
  f
  ield, 562â€“565
  polarizability, 169
  second-rank, 11â€“12, 562â€“563
  stress, 362â€“366
  susceptibility, 190
  symmetric, 563â€“564
  Terminal velocity, 311â€“312
  Tesla (unit), 224, 586
  Test charge, 59, 210
  Theta function, 49
  Third law, 360â€“362, 464, 492,
  544
  Thompson-Lampard theorem,
  166
  Thomsonâ€™s dipole, 380
  Three-dimensional wave
  equation, 394
  Threshold, 571
  Time
  advanced, 446
  proper, 532â€“535
  retarded, 445
  Time constant, 302, 326, 412
  Time dilation, 510â€“514, 521â€“522
  Time paradox, 512â€“514
  Time reversal, 447
  Timelike interval, 528
  TMwaves, 427
  Toroidal coil, 238â€“239, 331
  Torque
  on electric dipole, 170â€“171
  on magnetic dipole, 266â€“270
  Total internal reflection, 433
  Transformation
  of angles, 518, 524
  of charge and current density,
  566
  duality, 353â€“354, 477
  of electromagnetic fields,
  553â€“560
  of forces, 545
  Galilean, 519â€“520, 527
  gauge, 439â€“440
  of lengths, 514â€“518, 522
  Lorentz, 519â€“526, 570â€“571
  of momentum and energy,
  536
  of velocity, 534
  Transformer, 350
  Translation, 12
  Transmission coefficient, 405,
  411
  Transmission line, 319, 352,
  431â€“432
  Transmission of waves on a
  string, 388â€“391
  Transparency, 401
  Transverse wave, 391â€“393,
  395â€“396, 414
  Triangle diagram
  electrodynamics, 463
  electrostatics, 88
  magn CHAPTER I. TOM SEEKS NEW ADVENTURES
 DO you reckon Tom Sawyer was sati</t>
  </si>
  <si>
    <t>b'b6\x12]\x1d\xa5\xf2Z1\xf8\x18\xffG\xaf6\xbb\x0b\xc9\x82uO~6R:\xb1\x9eXr\x86k\xa2'</t>
  </si>
  <si>
    <t>6236125d1da5f25a31f818ff47af36bb0bc982754f7e36523ab19e5872866ba2</t>
  </si>
  <si>
    <t>b'b6\x12]\x1d\xa5\xf2Z1\xf8\x18\xffG\xaf6\xbb'</t>
  </si>
  <si>
    <t>the Bretton Woods system was
 somewhat different, as we describe later.) In line with the approximate conditions later in
 CHAPTER 19 International Monetary Systems: An Historical Overview 521
 522 PART FOUR International Macroeconomic Policy
 the Bretton Woods system, we will assume a high degree of financial capital mobility
 across borders, so that the domestic interest rate cannot be set independently of the ex_x0002_change rate.
 Our diagrammatic framework actually is applicable whether the exchange rate is fixed, as
 under the Bretton Woods system, or flexible. The diagram shows how a countryâ€™s position
 with respect to its internal and external goals depends on the level of its exchange rate, ,
 and the level of domestic spending; and that position does not depend on the exchange rate
 regime. Throughout, is the domestic currency price of the foreign currency (the dollar un_x0002_der Bretton Woods). The analysis applies to the short run because the home and foreign price
 levels ( and , respectively) are assumed to be fixed.
 Maintaining Internal Balance
 First consider internal balance, which requires that aggregate demand equal the full_x0002_employment level of output, .11
 Recall that aggregate demand for domestic output is the sum of consumption, , invest_x0002_ment, , government purchases, , and the current account, CA. Of this sum, total domestic
 spending, also called domestic absorption, is denoted by . (Of course, some
 of this overall domestic spending falls on imports, and therefore does not contribute to the
 aggregate demand for domestic output, whereas foreign demand for our exports adds to that
 aggregate demand.) In Chapter 17 we expressed the current account surplus as a decreasing
 function of disposable income and an increasing function of the real exchange rate, ,
 but because import spending rises as total domestic spending rises, we can similarly express
 the current account as a decreasing function of spending and an increasing function of the real
 exchange rate, . Under this new notation, the condition of internal balance
 (full-employment output equals aggregate demand) is therefore
 (19-1)
 Equation (19-1) suggests the policy tools that affect aggregate demand and, therefore,
 output in the short run. The government can directly influence total spending through fisca</t>
  </si>
  <si>
    <t>b'0F\x02!\x00\xce\xb24\xd3F4&gt;3\x0c\xe8\xe6\x9b\x02\xa2\xb0\xae;\xb4;\xd0\x83\x9f\xdf/3\x96\x9b\x03\xe3\xa1r,\x02!\x00\xe5\xe7\xb5\xac\xd5 e,rg41$\x84\xbb\xa8\xad-C\x90u;\xe1%=~\x92\x01\xd1\xcfR\xa5'</t>
  </si>
  <si>
    <t>3046022100ceb234d346343e330ce8e69b02a2b0ae3bb43bd0839fdf2f33969b03e3a1722c022100e5e7b5acd520652c726734312484bba8ad2d4390753be1253d7e9201d1cf52a5</t>
  </si>
  <si>
    <t>b'0F\x02!\x00\xce\xb24\xd3F4&gt;3\x0c\xe8\xe6'</t>
  </si>
  <si>
    <t>lease note that this has nothing whatever to do with special relativity or Lorentz contractionâ€”L is
  the length of the moving train, and its rest length is not at issue. The argument is somewhat reminiscent
  of the Doppler effect.
  13I assume the train is far enough away or (more to the point) short enough so that rays from the
  caboose and engine can be considered parallel.
 10.3 Point Charges
  453
  side is delayed in reaching you (relative to light from the near side)â€”since thereâ€™s
  no motion in that direction, theyâ€™ll still look the same distance apart. The apparent
  volume Ï„ of the train, then, is related to the actual volume Ï„ by
  Ï„ = Ï„
  1 âˆ’ Ë† r Â· v/c ,
  where Ë† r is a unit vector from the train to the observer.
  (10.43)
  In case the connection between moving trains and retarded potentials eludes
  you, the point is this: Whenever you do an integral of the type in Eq. 10.41, in
  which the integrand is evaluated at the retarded time, the effective volume is mod
 ified by the factor in Eq. 10.43, just as the apparent volume of the train was.
  Because this correction factor makes no reference to the size of the particle, it is
  every bit as significant for a point charge as for an extended charge.
  â–¡
  Meanwhile, for a point charge the retarded time is determined implicitly by the
  equation
  |r âˆ’w(tr)|=c(t âˆ’tr).
  (10.44)
  The left side is the distance the â€œnewsâ€ must travel, and (t âˆ’ tr) is the time it takes
  to make the trip (Fig. 10.8); r is the vector from the retarded position to the field
  point r:
  r =râˆ’w(tr).
  (10.45)
  It is important to note that at most one point on the trajectory is â€œin commu
 nicationâ€ with r at any particular time t. For suppose there were two such points,
  with retarded times t1 and t2:
  r1 = c(t âˆ’t1) and r2 = c(t âˆ’t2).
  Retarded
  position
  w(tr)
  z
  x
  Particle
  trajectory
  q
  r
  r
  y
  FIGURE10.8
  Present
  position
 454
  Chapter 10 Potentials and Fields
  Then r1 âˆ’r2 = c(t2 âˆ’t1), so the average speed of the particle in the direction of
  the point r would have to be câ€”and thatâ€™s not counting whatever velocity the
  charge might have in other directions. Since no charged particle can travel at the
  speed of light, it follows that only one retarded point contributes to the potentials,
  at any given moment.14
  It follows, then, that
  V(r,t) = 1
  4Ï€ 0
  qc
  (rc âˆ’rÂ·v) ,
  (10.46)
  where v is the velocity of the charge at the retarded time, and r is the vector from
  the retarded position to the field point r. Moreover, since the current density is Ïv
  (Eq. 5.26), the vector potential is
  A(r,t) = Î¼0
  4Ï€
  or
  A(r,t) = Î¼0
  Ï(r,tr)v(tr)
  r
  dÏ„ = Î¼0
  4Ï€
  4Ï€
  v
  r Ï(r,tr)dÏ„,
  qcv
  (rc âˆ’rÂ·v) = v
  c2
  V(r,t).
  (10.47)
  Equations 10.46 and 10.47 are the famous LiÃ©nard-Wiechert potentials for a
  moving point charge.15
  Example 10.3. Find the potentials of a point charge moving with constant
  velocity.
  Solution
  For convenience, letâ€™s say the particle passes through the origin at time t = 0, so
  that
  w(t) = vt.
  Wefirst compute the retarded time, using Eq. 10.44:
  |r âˆ’vtr|=c(t âˆ’tr),
  14For the same reason, an o</t>
  </si>
  <si>
    <t>b'\x17\x0e\xd5\xa9uhR|\x15\x0f\xc6\xa4C\xaf\x02\xd7\xf4;&gt;\x12e\x08\x86[P{%\xe51\xb1\xb0\x91'</t>
  </si>
  <si>
    <t>170ed5a97568527c150fc6a443af02d7f43b3e126508865b507b25e531b1b091</t>
  </si>
  <si>
    <t>b'\x17\x0e\xd5\xa9uhR|\x15\x0f\xc6\xa4C\xaf\x02\xd7'</t>
  </si>
  <si>
    <t>uard next: there are not more than one or two among them,
 from whom I would dare to ask admittance to the prison-chamber.'
 'I need not bid you remember, Ludovico,' resumed Emily, 'how very
 much interested I am in your seeing the Chevalier soon; and, when you
 do so, tell him, that I have received the picture, and, with the sentiments
 he wished. Tell him I have suffered much, and still sufferâ€”' She paused.
 'But shall I tell him you will see him, lady?' said Ludovico. 'Most certainly
 I will,' replied Emily. 'But when, Signora, and where?' 'That must depend
 upon circumstances,' returned Emily. 'The place, and the hour, must be
 regulated by his opportunities.'
 'As to the place, mademoiselle,' said Annette, 'there is no other place in
 the castle, besides this corridor, where WE can see him in safety, you
 know; and, as for the hour,â€”it must be when all the Signors are asleep, if
 that ever happens!' 'You may mention these circumstances to the
 Chevalier, Ludovico,' said she, checking the flippancy of Annette, 'and
 leave them to his judgment and opportunity. Tell him, my heart is
 unchanged. But, above all, let him see you again as soon as possible; and,
 Ludovico, I think it is needless to tell you I shall very anxiously look for
 you.' Having then wished her good night,</t>
  </si>
  <si>
    <t>b'E\xf6,I\xfc\xc67:\xb2\xe2&gt;\x86\xc8\xc4\xf5\x1eN\x176:\xfd\x9c\xc8BlW\x16\xd2+\x19\x01\xa0\xe0\xec\xf7a\x05\xb9\x82\x00jh=\x0e\xbc\xbaqy\xbd\xec\x07\x91\xba\x08&gt;\x19|7AN\xa3\xf9\xa7['</t>
  </si>
  <si>
    <t>45f62c49fcc6373ab2e23e86c8c4f51e4e17363afd9cc8426c5716d22b1901a0e0ecf76105b982006a683d0ebcba7179bdec0791ba083e197c37414ea3f9a75b</t>
  </si>
  <si>
    <t>b'E\xf6,I\xfc\xc67:\xb2\xe2&gt;\x86\xc8\xc4\xf5\x1e'</t>
  </si>
  <si>
    <t>preneur. This is the
 best time ever to live a life of freedom. Before now, men and women did not
 have access to this knowledge. Entrepreneurs had to figure it out on their
 own.
 This book is a roadmap to building a million-dollar business. That may
 seem impossible right now, but I have seen it happen thousands of times. I
 have met Ryanâ€™s students, and I have seen their success. They think big.
 They work hard. They do things differently. They are ahead of the curve.
 And most importantly, they follow the formula in this book, because it works.
 Never in my career have I seen so many entrepreneurs building real
 businesses that will be around for years to come. This book is the manual to
 making it happen.
 I am confident that the entrepreneurs who read this book will be well
 equipped to build exciting businesses that make a positive impact in the
 world.
 I am proud to have been featured onstage at Ryanâ€™s events and on his
 podcast. I am proud to have Ryan in my â€œtwo-comma club.â€ Most of all, I am
 proud and excited to give my endorsement for the book that you hold in your
 hands; this is a life-changing moment for you and the thousands of people
 that you will impact with your success.
 You are a funnel away. You are one idea away. You are one product
 away. You are one moment away.
 While you read this book, the ideas will come to life in your mind. You
 will imagine yourself doing this, and you will clearly see your business in
 your mind.
 There are thousands of entrepreneurs who have come before you who
 have blazed this trail. We are cheering for you, and we are counting on you.
 Youâ€™re a capitalist, and the world is counting on you.
 God bless.
 Russell Brunson
 Founder, ClickFunnels.com
 I
 PREFACE
 Donâ€™t Read This Book
 f you picked up this book because youâ€™re intrigued by the short-term goal
 of making a million dollars in twelve months, let me start by quoting Dan
 Sullivan: â€œBeing an entrepreneur is a life sentence.â€
 Actually, itâ€™s more like an epic adventureâ€”but it does last a lifetime. Itâ€™s
 not a tale of orderly and sequential wins. Itâ€™s a long and uneven road
 peppered with heartbreaking losses, crippling self-doubt, episodes of
 depression, and the heaviness of carrying everything on oneâ€™s shoulders.
 Like any adventure, though, thereâ€™s something truly valuable at the end of
 that road. After facing challenges you couldnâ€™t have anticipated or prepared
 for, thereâ€™s victory. Thereâ€™s freedom. Thereâ€™s the ability to call your own
 shots. And, most importantly, thereâ€™s a new hero at the end of the adventure:
 you.
 There is no game more challenging</t>
  </si>
  <si>
    <t>b'\x13?q\x0f\x0fOL\x80\xb6+\x1a^\x1fO\'\x14\x85\x93Q&gt;\xc1&amp;\x9c\x98\x11\xab37\x84\xc3\xad\xad{\x8d\x8d].c\x12e\x95\x9f{\xee\xca{\xd72a!\xee e\xb5\xd6\xa3J\x02\xae\xf6GE"\x14^\x81m\xf5`\x17\\\xd5\xa8\x08\xc1\x1f\xe5\xaf\x01\xf6U\x19\xd4q#l\x91\xa9\x1f\xaa\x13\xbf\x1a\xcf\xb6\x97}\xa6A\xca."\x82\xb8\xdd\x84g\xdaL\xa5n\x0b\xd8p\xa9\xba\xb7\xe5\x1cz]\xac\x90-\x07\xd0\x07O\xb6\x04\xdf\x11\x17\xb5\x9e\'\xdaYd\xa4$)\x91o\xf0\xce\x9a q{\x00\xff\xfc\xfc!\xdc\xfa\xde\x84\xa7\\m\xc7\x92%\xb2\xf2\x1cAV\xb7\xef\xe4W\xde\xdaEz)7\x8d\xff\xbe\xbb\xef\xa4+\x93\xf7\xe9\re\x93\xe4a\xf0z\xc7$^0\x07\x02\xc7@\x08Bl\x9c\xf7))\'\xeaN\xcbn\x05\xbc\xfaf\xd0+bj?\x8a\xde5%\'\x82_h\'\xef\xa8\n\xe8.\xe3t\xbe\x11\xf9\xf5\x96\xc3\xbe\xb0\x99\x08\xf8\x91\xfaZ\x99EH\x8b\x97\x92\xfc `\x96\xf8\xea\x90Qn_W\x8e\xc2\x94\xdb\xe5U.\x16\x0f(\x06C\x93M\xb7Cx\xf3`\xc7_\xfc\xa3\xf54TM\xd8\xaf\xf0b\x9f\xb6L.\xefb\xf5\xbc\xad\x1a\x81x\'\x11\xfat\xf0nI\xe3\x9c9\xe7\xc6\xea\xf7\xb5B\xdal\r\xe9\x11\x9bb\xdc\xbac\x19\x94+\xcd-Q\xd8\x89\xbcB\xf3\x0b\x15q\xfd\xe15\r\xb0\xef\x92\x81\xfaq"\xcb\xbaL\x12\xc44\x80\x81$/\rL\x8e\x89\xcf\xe7/\xdeC\x85\xe1\xa9\x95\xea&amp;/w\xb4)\x1a\xdf\xdb\x1e)\xc8\x8ec\xfe~B\xaeq\xea*\x80\xe1\xf0U\x8e\x07\xc5F\xa8\x86\x94\xde:\xd7\xc5M\x16\x05\xe59\xa9\x9d=\x92]\xcda\xfe\xb7M%wg\x19\x05\xc0T\xf4k\xb2A\r\xfa\xf3\x92p\x0c\x99eQ\x04\xb4\xbe}@b=\xab\xf1+)}\xac=\x06N\x1f-\xc0b\xc0\x197\x1b=\x96\xb0Z\xeaK\x87.^\xb4\xa9&amp;\x0c\x0f\xfb\xa8\xb1\x0c\xfbx\x93\x12X\x10\xe92ll\xdf\xab\x15\xfa\xcf\xbf\x9d\t\xa0[\x18n\x0f\xf5\x86&lt;\xca^]\xad2\xa2*\x00\xbe"\'=\x99/vz\x89\xc6v&amp;N\x1e\x8bB\x1eL\xbe.O5c$\xb7\x15\xac,\xf3\x17^aJ\xbfN\x95\xf2:\x9e\xfb;k\x9bam\x01Q\xeeY\xf4\x0c\x02\x1c\x86\x85V\x84Ox\x14Ih_\xb7\xbeX{\x96n\xb6\xb4q\'.\xf5\x8e3)\xc7\xbb\x98&amp;\x94F\x8c\x97Z\x94\x9cm\xa62F\x95&amp;a\x02\xaf\xe9\xe6\x86\xe6\xcb\x8d\xaa\xd1\x99\x83\x90\xc0\xc47\xa8\xb4w\xb7.\xfbUT\x05:\xe4{:\xe6\xcb\xf4\x91\xefi\xa3\xb1\x15\x96\xdf\x98\x07\x962\x1c\x82\x81\xcc$I\xb7d\xbf\x82\xf4\xbc\xb0eQ\xd6\xe9H\x89A\x98\x96\xc1\x9d&gt;S\x86\xba\x01s\n\xdd0\xcb\xc6\x8cE\x0c\xff\xd8iOW\xee\xf2\x1fv*f\x9b\xacq@\x8b\xfcB\x95\x9b\xc7\xe2\x8a\xc1\xbc\xb5\x0eTy\xfar\x8d\x14\x17\xd2\t\xe9\xb6\x05v\x16\xb1\xdaY\xcf\x1ck\xf8\xd4xj\x7f\x0f\xc0\x19r:\xcd\x9b\x18i-\xf6_\xc0\xce\xb83:\xd5}\xb4\x1a\x1cy\xc0\x1e\x860\x94\xcc;=G\xea\x98\xa7G\xcb\xe1\xa7\xa1\x83\xa8\xef\x84\x85\x1cK)%\x90\x1e\xd9\xac\xf9\x17G\xde\xe7\x13n\xd3\xb9\x1c\x96\xc6?\x95\xbc+\r\xc6t\xcd\xa31\xc1\xfc&lt;D8\xabg\x11\xa9\xd1)\x8e\xa5i$\xe0\x13\x90\x1bH\xd4{\xd6\xb7\xc3}\xe3\xa4\xc86\xd7#\xd7=w\xb3\xec#P\t\x97\xcde8\xdfV\x06t\xd9\x822Z\xd9g\xf5\x1cj\xcekX\xbd\xba\x89#4\xab\'f|\x1b\xbb\t\xb4\xc8Q\x19\x8dc\xd9\x14\x89\x0e\xa4\x13%\x1a&amp;\xe1M\xe3\xb4~\xf5kL\xab\xc4\x93\xdd\xeez\x11\xb9D\xdfV\x9c\xc4\xe9\x86\x0c\x9c\xdf\xedfAH\xd2\xd9\xb9\x83\x08\xe8\xda3(\xc3\xd0\xe7\xb94\xfd\rZ\xc8k\xef\xec\x18\xe2Z\x05\x9d\xaf\xceG\x17@u \x00"!h\xa0c8y\x9a\xaa\xa9\xe7&amp;\xba\x8f\x80\xae\x91\xedtH\xfcI\x85\xa0,\xfa\x13`$b\xf6\x8a\xc4\x8a&amp;\xbc\xaf\x88\xb5]\x98\xce_!\xaa\x9d\xdc\xac\xbdH}\r\x10]\xdb\xb2P\x0c\xfe\xf7\xdf\xb8\xe7\x85\x13\xfc\xb8k\x11s\x86\xc17\x01\xd4.\x00B\xbb\xaf\xd3\x11\x01l(D\xa5\xb5\xb7\x89\xed\xbdl\r\xe8\xd3\xbf\x0e\xd5iI\x92\xa6\xb9\xc9R\xffV\x00\xffv3\xe6/\x04\x12\xaax\xca5[\x9dz\xa0\x8e\xfe|\x97+G`za6_\x12\'Ey\xb86V\xa5\xc5\xe9=\xcf\x0eM\x8c\xfb\xd6{\x90G\xf9\xa1\x049\xa7\xca\x93G\x91\xf4\x9a\xbc\x92.\xbf\x10\x01\xe9Q\xc04MHe#\'p=\xed\xbc\x18\x1fu\xb0wR!\xc3b\x87\x81\xe1\x8dz\x97&gt;\xb0V\xc9\x12_8G@\x01d\xf0\x00rj%%\x1e\x7f\x01\xdfm\x19\xa9\xc9\xb3\xc6\x12\xa7\x8e\xa4\x06\x02A{r\xf2\x9b\xd3\xd4\xbd\xaa\xb5\x1e\xf3.\xaa\'\xdb\xfe\xc6{P\xe60\xdc\xad\xdf\xcdCQ\xb1\xdf\xf6[\x87\xd0\xeb\xa2p\x8b%\xc2o\xe4\xb7\x92e\x19F\x83\x06=c/\xb8\x02C\t[oD/\x04\xb8\xbc\xa9pu\x96%?#c\xdb\x82\xb5Ur\xfe\xc1\xc0\x8cv\xf0\x02\xfc\xf5\x83\x83j\xfe\x91\x8a\xd7.$\x9e\x00\x9e\xdf|\xa6\x15\x94E\xf6\x0c\x9dDa\xc0!\x02\xa3q\x9f1eM1d\\\xdc\xcb\xe9u( \x15n;\x99O\xefx-a)\xb8J\xd5\xb0\x88\xa7\xa8\xae^\xa0\xe7\x8f\xca9\xbd@\xad7\xbf\x99VX\xda\xf0%\xa3Om\x08d@P&lt;}\xa3\x8aP\x06\xa0\xa99\x94[\xc2_l\xe5\x89\x9d\xa3yc\xbaDi\x0f?\xb9(\x0c\x8e\x1f\x9a\xc3\xd3\x9f\x98\xa0\xb4\xfa\xbc\xed(\x7f\x04\xaf\x1f\xe78\x08\x9b7\xd7\x9b\xb4\xe1z\x87\xb0\x92\xa5\xcd"6\xb4\xf8\xdcD(\x06\xbc\x97Z\x82\x88\xad\x1cn8\x8e\rb\xe7\x95p\xa7#\xb5\xcfZN\xb05W\x16\x87j\xe5\xac\xac\xfbf:\x04\xe0\xf3\xa3\xf0\x9e\xc1\xe0+\xe8J\x105\xd5Q\xd3e\xdf\xa5]\xf7%\x7fH/\xd6\x98\xd9R\xf1xn5z\xff\xad_e/,\xfa\xabJ\xa7Q\xb8\xeeM\xfe"\x88\xd5xO\x02\x0b\x08Ap\xee\xd4\x81\x0f\x96\xff[\xc2\x0eEW\xad\x8ap\xce!\xaa\xdc\xd6\x1dq\x83i/\x9c\xb8\xe1\xef\x98\x11\xc0\x94\xcbukR\xa6\xc3*H\x1ftPx\xb6#\xee\x99q\x9f\xf8\xadexX\x82\xbb\xe5\x06]\xc8\xea\xdbZ\xc0\xd3\xe3\xa7\xe2\x1bJ\x82\x16\xba%\x9ewO\t\xee\xa1v\xc0\xfe\x93.\xe5\x1e1v\n\xdeU3\xc3f\x9b\xd5\xce\x98Z\x82:5\xc4\xa8v;\xa8I\xb1\xf4\xb4\xfa_\xeb\xffK\xf8\xdd\xa7\xb6%\x7f\x0f\x1fajW\x93.a&lt;\xb2\xdc\xf4\xa1\xb3\xb08gI\xbc\xde\x02\x1f\xb3\xbc\xb3\x05\x12")\xc1c\xac \xce\x97\xac|\xe2\x9ah\x1e3\x15\x8bG\xbf!\x99m\x82\xfe\x06\x19Y\x11T\\\xb0\xf7\xa0\x16m\xfe\xe2\xe9\xb6?\x1a|\x88\x84\x9a\xb7\x1b\x12+&amp;\xcc\r\x05)\x83DRZ\xb8\x87\xcdz+Q\x83\x9e\xcc\xd4\xeb3w\xe9\xbc\xeaA\xc2T0\x9d\x84];\xaa\xb4\xd4N\x14P\xe2\xb9%I\xe7_u\xe6\r\xeb\xc0\x93\xe4\x9f\x88\x978Mj\x03\xc8 \xbe\x1b\x90\xbe\xadm.9\x90g\x99gT\xad3}\x05A\x8c\xb8r]\xd7\x19sB\xe8\x1e\x85c\xd17o,\xaazc\xda\xaeO\x10\xfdI\x05\xe3\xc8t\x84J\x81\x19V\xe4Gv{K\xe9&gt;\x93\xc8\xc2^nAW\xcbx\x13\xda\xd8zq\x97\x85c\xf1\x1c5\x91\xddr\xcd\xc9\xd2\xbee\x1d\xd2\x86q;\xa53c\xd8\xf8\xe6fv&amp;\xd1\x80\xb8W\x01r\x90\xbd*\x88}\xfe\xd6\x08B,\xe0\n\xa2#7\xbf\xd9T\x1f\xa4\x0f\x99\xd2Z\x0e\x1dy\xf7Vbl`{\x0fJ\x15\x9c\x93\xddw\xe9r\xc7\x1b\x16\x93g\x7f\xee\xe4&lt;\xc8\xfaa\x18\xb8\x15\xa3\xd7;\x140\x06Q\xf7\xe1(\xe6\xa3.\x05\x81E\xf4\x94I\x05\r\xc3\xe5_\xa1tM\xc9\xddd?\xe9\x8f^\xfe\x9d\xdeK\x07~\x14\x0bi\xc6%\xb0\xed)\x94&amp;b\x13\xbb)\xae"^\xfa\xb17g1i|\xaew\xd8\x1dTh4\x7fR\xfc\x85\t\xcfP.\xe8\x89hf\xb2\xee4\xa2\xec\xbc\xb4}\xe3\xe74\x00\x92v\xd0\xab\x1e)Da\xca\xe7\xb4c2\x11:\xee\xb6[X\x93\xe4#\r\x858\x8a\xd8\x02\xa1\xd2\xf0\xe7"\x82Sy\x10aAy\x18\x02z9\xab\xda\x139 \xbc\xbc\xbfb\x00S\x84\x8f\xfc\xebn?\xec\x00\r\x82\xcf\xeaU\xef:\x1bK\x8cu\xa9\x1a\x86g\xa2\xa0\xf9\x80C\x91x\x08KI\xbe^~"\xb8_/\xee\xb0\xfd\xefWd$\x1dR\x1d]\x92\x8bng\xb9\x03\x9e\x99\xa4\xc5\xaa\xe5\x99\xa1\xd9\x1f\x01\xf4a\x94\x1b!\xb9\x96\xdc0\xed3\xd2*a\x12\x08e\x88\x8bJ\xd5\xa3\xc3\xbb\x04\xd9\xc2\xc4\xb5&lt;\x14u/\x11\x8aT\x1a\x05J\x0e\'\x8dW\xf2\x1d\r\x9b\x86\xcf\xe7*\x13!\x8d\xbb\xcf\xa3\x98\xab\xba\xe0\xde\xb42\xea\xad\xe9_:s\x93\x03\x8aX*Q^\x9b\x93\x19\xbe\x8c\xda|\xa6"\x04\xf6\x0732p\x8d\xa3\x00\xd6\xb4\x96H\xf0\xda\xe5\x94{\x8eSl{J\x04`\xc5\x8elm\xb6\xf8\t\xd3\xa08\xbb\x14Q\x0c\x04\xd1\xaf\xeb&amp;}f\xc1\xbe\xf6\xe8\x9c\xb1DK.\xadY\xf2$\xfbc\xf2\xce\xce\x8c\xec\xde\xe7\x93\x07`\x9bt\xc5\xb3\xd2\x97\x82\xc6\xa2\xc8\xdfD\\\xdfl8\xf0\x0b\xa2\x88\xb42\xf0\x80\xd0\xe4\xa61\x13Q\xb2\xbeG\xe1\xea\x82\x1c\x14\xa5\xcd\x92I\xd0\xbb\x1a\x12HKm\xe2\xda\x83d\xdfv\xde\xb3=\n\x1cY1H{4\x18\xf6|\x00]\xce\xe8y\r\xddS\xa1\x02s\xeeP\x03l\x87\x1c7\xf7\x03\xf5\xc7K\x98\xcf\xa1y\x1b\xe7\xef\x95E\xe1\xa3\xa3K\x9d\x85\x91\x81r\xed\'\xf3\xf2\x7f[5\xeb\x0c\xd3u9\xb8\xfaHq\xfb\xb8N7\x1bv\xcaa1\xccI\x14\xa8z\x97\x87\x05\xb9&gt;\xb8\t\x92\x94\x81J\xe9gLu"W\xcc\x8cp\xc3\xfe\x8b\x82\x13\xde\xd6\x07\x8d;\x1ak\xdc\xf7\xaf\xaa\xa1\xaaD\x0b\x1b\xd7W\xab\xa1/\x92\xab\r\xb3c{\x93\xb2\xf1\xa1\x92\xf5\xef\xb3&gt;\x9a\xc3\x8c#]\x9cB\x1c\xd1j\x94S\xa0{\xbd\xd6Jl\x920N:%\xb4.\x0b\xee\x93\xca#\x0b[q)g\xbbK\x1bM\xe4# \xefP\n3\t\x16\xa7\xe5\x134\x84\x80\xd0'</t>
  </si>
  <si>
    <t>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</t>
  </si>
  <si>
    <t>b"\x13?q\x0f\x0fOL\x80\xb6+\x1a^\x1fO'\x14"</t>
  </si>
  <si>
    <t>ig on his lap, and that, I knew, was a sign that he was agitated. The 
 70
  stern window was open, for it was a warm night, and you could see the</t>
  </si>
  <si>
    <t>b'2\xb1\xb7\x97\x84\xe4\x01[/%\x13\xf9\xdf&amp;#\x97\x95\xd2\xe4\xdd\x9e\xf9\xaa\x9e\x95\xd2\xda\xa4cr\xbf\xb4\x9d\xd7\xe6\xe1E\xfb\xe6\xc8\xadl\x17f\xd9V\\6\xee\xfd\x86\x19@\xc1:J\xd2k\xfc\xd3\xc8gS\x90\x87\xb0\x9e\x0c\\,\xdb\xba\xd7\xa4\xa4\x81\x0f\xfc6\xba\x10\xf8\xfa\x9fe\xcb\xfe*\xcbD\xc5\xe5\xfd\x1b_\x1c\x98Ty:$\x93P\xda{\x8fzr\x82\xf8\xbb\x1fU\xceq-\xac\x04g\xe1\xbf@\xadJ\xee\xd8V]]\x84\x91\x8az\n\xf8y\xd1\x18\xf0\xe3\x7f\xcd\xc9#\xb6\xd1\xf8(Z\xc4B\x0f\xe5eI6\xff\x11\x7fC\x9e\x0e\xdd\xf4\xef\xd89\xb0\x17+\xe0\x99&gt;T\xb7\xb1\xa3\x80\xf5\xa4|T\x15\xc5k\x12.\xc7\xc3Y\xf8\x91\x14\xce\xca\x86\xeb%_9B\x90\xa3\xd5,\xbb}p\xbeIb\xd0\xbb\xe7&lt;\x032m\xdf{^\xd1\x7fMn\xcf\xa0\xf4\xda\x18\x08yd&lt;+\xb5d\xcf\t&amp;\x99o*dY\xe9.\xf0H\xe3_\xc8,.\xd3H\xb5,#\xe2*\x8b\xe4\xa0\x04|`E&lt;\xe5 \x13\xf83\xb4\x06L/q\xbc&gt;\x11 \x99\x86\xdc@\xd2\x94\xf5\x91\x07\nWT\xd7\x97\x0c\xedQ$:(\xb9w\xcb6\xbd\xc8\x18\xe6C\xb9G\xe4#f\xbe`\xa7-&gt;H\xa0\xd9\x88\xee\xadLb&amp;\x87\xb3\xd1\x86\x14\xfd\xbc\x94\xbf\xd0\xb9\xbb\x97DVbU\xd3\xdd\x81}\xf7\xa3\xb8\x13i\x85N\xf5a\x0f\x9f\x9f1\xb2h\xe04\r\x1d\x8f\x1c\xfd\x8f\x81\xb6_9\x8ci\x1fF\\\xf0\xc33\xbb\xdd\xba\xb9\x9d\x06\x1b\xeb\xd4\xdbi\xa11N\x8e\xfe{\x01\xb7 1\x1ew\xd0\x19\xb9\xba\xcc0\x0cL\xf7\xc6\x13c\xc4]\xc8\x9ewv\xed\xe5l\x11\x9cja\x8c\x92\xdb\xe9\xc4\xcd\x16Qst\x16\xcc\x93\x82-0\x8d\r"6\':\xd9\xe3\xe8\x02\x0c?\xb6\x01\x97jC+\x19\x9f"\xa5\x8b\xb8\x93\xc4\xa8a\xfeNv\x1a-\x85^\xf9+\xfeO\xe8\x1c9\xa5S\x0b\x14\r\xbewk\xd7\t\x91&gt;\xd5\x8e\xd0\xb4|8\x92'</t>
  </si>
  <si>
    <t>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</t>
  </si>
  <si>
    <t>b'2\xb1\xb7\x97\x84\xe4\x01[/%\x13\xf9\xdf&amp;#\x97'</t>
  </si>
  <si>
    <t>nywheres, by reason of 
 suspicion. I'm fifty, mark you; once back from this cruise, I set up 
 gentleman in earnest. Time enough too</t>
  </si>
  <si>
    <t>b'TVk}h\x1f\xa0H5\x86\xa6\x02\x08\x05V\xe3\xdf\x0e\xcf\xb2\xc6kb\x9e.zR\xce\x8c\xaa\x0f\xfd\x98\x07\x1fz\x89+\xc0\x0f\xfdg\xcf\xb4\xb3E!\x0c\x9f]\x9b\x917O\xf6W\x94h\x16:b\xe1&lt;\xbd&lt;A\xe5R}\xec^\x1aX\x10\x11\xec\x0e\xf1/\xa3\xd8\xca\x91St1\r\xd4\x89\nJ3\xa8\x89\xf3\xab\xb1&amp;\xbb\x11\xea\xd5\xc1DM{\xac\x1f\x96\xc7\xc10\x82\x8e\x9e\xc9\x92@\x11\xec\x96\x9a\xde\x02\xd2tj4\xefdNp(0\x1e\x85\t\xb2\x0e1\xa0%\x14\xe5.\xbf\xd6\x07_e\x00j\xb7\xf4&gt;\xda\x89t,n\xbf\x80s\xef\xa0A$e\x17p\xccUk\x83\x02NXVE0\tvB\x91\x1b\xb5.\x8f\x9f\x9c\xbf\x08\xd1P\x9ak\x9e{\xfb\xfb\xdf4\xfd\x8erH\x13\xd0*\xb0\xc8\xb4\x88BLn\xae\x9d\x17\xe0\xe9H\x9b\x0e#\x19{B\xb6\x9b\x06;\xba\xf1\x03Q7\x8cF}Z}\x8dB~+\xed\x87\x15^\xee8\x80.\xcdy"\x99\xc1\xb4f\x91\xc8\x94=|\xb23\xdc\xc7\xed~?\x92X&lt;\xae\xcd\x88\xf0\xf2\xc6e\xa10\\\xad\xae\xa8\x95\x16\xd6N\x03U\xbd\x10\xa2\xde\x84:\xd4\x8b=\xb9\xff\xb1\xfdP\xde\xc5\xa8~\x89c\x9a\xfc\x0c)QU_ \xcdOG{0\xd6zr\x8e|0\xe1\xed0C\xe9u_\x01\xe9\x96\xf5\xf9Z\x11\xb1\xe9\x94\xb8q\x92\xae\x1f\x0f\xe6\xac\xd7\x98\xb5\x9f\xe5\x1e\xb6\xe9i\xc67q\xfd \xf4^ \xe0s\xd64\x7f\x91\x93\xfc"\xd2\xaa\xfb\x8cJ\n:\xe0r+Q\xd3\x90\x87\x91\xa3\x06\xf1\r\xac\x9et\xe7\xd3To\x16!\xeb\xff\xf3DE\x1d0\n\x95L\x8b\x9a8/\xf4\xd5\x00qI\xa7w\x1a[]\xe5\xf7\xef\xcb\x93\xaa&amp;\xdc\xc0\xd9\xd2\xb7T\x8a2S\xe3\x83c\x0c\xe3\x00+tl\xf0p\xf8\xf2\x87\x0e5\x19\xfe\xc0\xf9\x9a\xb2\x04\xd0\x17W\xa6\xf9g\xe4&amp;\xc4\x82FY\xba\x86\x81\x06v\xae\xf1\x90%5\x97\x90\xdb\x13\x08^\xb2\x92p\x954hn\xfd'</t>
  </si>
  <si>
    <t>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</t>
  </si>
  <si>
    <t>b'TVk}h\x1f\xa0H5\x86\xa6\x02\x08\x05V\xe3'</t>
  </si>
  <si>
    <t>s defense of orthodoxy another manâ€™s gratuitous polemic. Sometimes a Christian sovereign would
publish his own opinion; sometimes, in trying to appease two factions, he would be
surprised to find himself the leader of a third. There is therefore no one stream of
Christian thought in the early period, and a history of it cannot be a history
of dogmatics. At the same time, it is a salient fact, which sets Christianity apart
from the other creeds of the Roman Empire, that it formed a church, that this church
was governed by councils, and that councils made pronouncements which it was
dangerous for a Christian to oppose. In this chapter, therefore, I shall not relegate
dogmatics to the margins, as some classicists do when writing about the church
within the empire, but at the same time I shall try to deal an even hand to heresy
and orthodoxy, while taking due account of the ambient culture and the plasticity of
personal conviction under political duress.
1 The Uniqueness of Christianity
Whatever else is doubted â€“ and most everything in the history of the early church is
doubtful â€“ it can hardly be denied that Christianity originates in the preaching of a
Jew to other Jews. All four of the canonical Gospels indicate that Jesus proclaimed the
kingdom of God to his countrymen in Palestine, thus exciting fears â€“ or at least a
charge â€“ of insurrection, and that when he was crucified by Pontius Pilate, procurator
of Judaea, a mocking rubric, â€˜â€˜Jesus the Nazarene, King of the Jewsâ€™â€™ was inscribed
above his head (Mk 15:26 etc.). T</t>
  </si>
  <si>
    <t>b'0\xb8\x9a&lt;=4J\xbc\xdd\xef+\xacm\x96\'&gt;\x87y\x95\x188\x9au\xbav\xa7\xf1\x92\n\xb6\x00\x19\x05\xe1$\xdfR\xeb\xec\x9f\x80\x87\xb7Vu\xb2\x91\x1b\xf0\'\xbc\x91K\xd84\xc7i\x93\xa1\x80\x87O\x0e\xbaY?\x95Z;&lt;\xef\xd54H\xfa\xf4#\x98\xf8\\\x8e\xee\xcd\x8f\xa6a\x9a\xce\xbb\xee\xe9"S\xdc\x83\x05\xae\xdc\xd4\xa7\xe2\xd3\xd8#q\xe0\xa8\xd4k\xcb#\xcfB\xdf\x87\xa6\xf95\xcc\x19\x89\xfe\xe8H8\nTS\xce\xf9Y\x0c\x03ADJ\x07\xdej\xc4q\xfe\xfe\x8a&gt;:j\xa6\xb7\xf8\r\xb4\x87H\xa7w/\xa9\xb1\xff\x95~\xbd\xd9\\\xaf\xb3\xba\xaf-\x10}\xbe\x01\xdb\x181\x95G\xc0\x7fu\xe8;\xb8\xbe\xb9\xe1\xe13`\xd3\xc8V[\x0b\xcbH\x95\x1c5\xfek\x15~\x12p~\xb9\xb2\x9b\x99\xeda\x14\x03H\xe3|\x99\xbf\xbb4\xc5=#\x18\xd1\xbf\xd4\xab\xb0\xe7\xad!\xfc\xc4i\x18\xbb\xac\x1d\x86\x87Z;\xa4\xb2\x0e"I_\xc6!.\x1dA?\xe57$\xb7N;\xeb\x9d\xc7`\x8f\xad\xf5U\x1bI\x1e\x86\xcf-\xfd\xc6;\xf7|\';\x9f\x03\xca\xa1l\x83\x0b^\xbe\x16j\x973\x12\xf5\xfa&gt;\x15)XW\x9eh\xcfJ\xc1\xa8}\xd5\xacp@#\\\x904\x0eZ\xfe\xbd\x8e\x83\x14\x91o\xb9\xdee\xb18\xb5a\xfc\xba=\xb8(\xfe,\x90\xd9\xd5\x05\x8c\xab\xdf@\xefx\xfd\x13\xdc\xda|]dK\x8fUg\xacY\x95\x04\x89&lt;\xe4\x1cm&gt;\x90\xdf\t\xd7\xc9\xa4\xb5C\x0b`Dg\x03\xe3\x03\xa6\x89\xack\xfe\x81\xa1^\xdac\x92\x88\xf4\xae\x0b/\x19|\x04\xa0^\x16n\xaf\x02\x1bS&lt;N\xfak\xf8Q\x88\x98\xa9\xf3\xab\xd3\xd2\xbf5&gt;\x13\x95\x10\xb3\xf5\xee\xa5\x1a\n\xf7\x87\xf3\xed\xe4BFc\n\xb2\x89\x9d\x9a\xdd\xf3a\xc9\x8b\xef\x0e\xe9&lt; \xf2\xcb\xd7\xd3\x86\xfd\xff8u\x96a\x9b*\x82\xd6\xa1\x18\x11\xb9~\xd5$1[\xd2\x9eY\xd8\x0b4\x9f\x9fg\x126\xa6K7|\xff\x97\xec\x05\xb5\xeb\xf88?\x8a\xc0z\x03}\xeb;\xf6\x80.c\xba%!\xe8i\x8d\x83d\xd0R\xaa\xe37KEKOY\x80\x08D\xa3\xc2\xe1\xc4\xb4\x8b\xb1\x1d)\xedm}\xc4B\xe1e5\x81\xba\xeb\xbc\'\xf7\xf6b"g\xde\x11\xcc\x85\x02\xf2M\x07\x1e\x0c\xb0%\x8a\x0b_n&gt;R\xb5\xe5\x8b:\x10\x04A\xa7\x03\x93\xed\xb7\x03\xe5\x97\xb1\x8cS\x9ehp\xddh"\xa7GsUr-\x9c\xfe\x83o0\xae&amp;7\xed \xb51\xe6\xa7TA\xbc\xb4\xce\x12\x89\x88]\x15\xee\x03\x0b\x19,\xc2s\xbd\xb5h[\xe2|n\xba\x85e\xe3\n\x97+\xd7\x98\x13v\x1c\x89\x14V\x11\xc7C\xfaL\xa99\xf2\xe9\xd5\x1fg%^\xa3\x8fb\x19\xdd\x1c^\xa7q\x84m\xe9\xb3u_lC%\xfc\x02\x8fK\x85m\x18T\x8ase\xe5:yq\x02\x17L+\x80b\xe8\xbe7\xf6|x\x1d\x97\t\xf5\r+ \xe4\xcf\xadV\xc4\x1b\xfa\xfc\xa4\xfbX$K\x8f\xbf\xba\xbb[\xf8[y7\xec\xae+R\x14\x80\xb1\x9a\x8c;\x9f\xf6\xd77\xbb\x81j\xde\xefZ\x1a\x9a\x85}41\x91E?x\xd4\xaf|=\xbb\x11\x94&lt;\xd1\xaf\xc8d\xca\x00S\xb6\xf9\xce\xf9\xa4\x8c\x18c\xed\xfd\xe0\x01t\xbcn\x86\x7f\xdd\xc6I\x18`\x05\xb1\xaf\xdc=\xba\xedh\x0c\x9c\xc1\x93v;xQ\x94\x88~\xc2\x13-5w\xfa^\xa3\xa7q\x00\x0c\xf2\x02}\xa4\x94@\x80\xe9\x97S~\x9c\xa8\xfe\x94{@A\xba@\x0e\xe4~\r\xee\xe8\x15\xf3\xa1s \x1b\xd8\xe8s\xe2\xfd\xa2\xb9EW\xba\x0b\xb0\xa2\x10.\xda\xa7)\xae\xdc\x16\xd5\xa9\x8a\xd7@\x8c\xc7l\x00Iq#\xc4s\x1c\x1c\xe8\x1e$*|yOK\x98h\x84\xed\xef\x9ey\xed4Bdi\xa0$.\x08QaEp\xb7\xfb\x9c3\xd4\x00\xfcoG\x18R^M\x86\x1c\xe8G\x82X\x8aV039w\xc9h\xc9\xb164\xa5\xa4Kq\xa9)\x1e\x17\x1bl\xa8\xde\xc5\xad!\x8b\xd0\xad\x88\xea\xb5\x9e\xb6mi\xf7\xa9\x86\x1d3\xac][\xa3\xa6\x03\xc4]\x96q\xb4\x979n*\xca=\xc4z`\x01\xe4h\xfbC@\x18\xc4\xae\xe2\xdf\x9e\xf0~\x8e\xec\xf5\x7f\xe2-2\x07\x92uLdt\xfc\x0fc\xf6\xd4\xdf\xd2\xabQp\xefP\xecf\xb4V\xf7\x0ba\xdaa!\x84\xdc\xeda\x1b\x05[\xf2y0\xbf\xe1u\x7f\xb9\xec\x8fF\t\xb9c\x99oEz \x1f\x11~\xa3v\xfc\x8f%\xa7\xd0F9\xc5\xcf\xa2\x8e\xcd\xa0&lt;3\xa6\x8cV|f"\x8e\xc8\xc1\xd0C\xcf\xeb(b\xa4V\xae\xbd\xac\x08#+\xc3M\x8c\xc2\'?\x1b\x93\xba\x87z\x8c\xa5~\xd0`\x19\x0c\xb8\xbc8$\xcb\x98\xd1\xe1\xde\xd7\xde\xc03\xe9\x908\xac\xcc\xa98yc\xa9\xf5\xab\xfb?\xden\xe9/\xf70\x1a\xbeJ\xe8\xe9\xc2\xd3\xca[\xc4\xd7e&gt;[\x92|h\xf9\x08N\xc3\xa0u\xf4Em\xc2\xf5\x85H\xd2bd\x90\x02lU\xb6Q\xd6r\xc2\x13\xf6\x87\xc5\xdcSb\xe0\x05Iqr\xdd^N\xfaAQ\xf0\xb4B\x06\x8b\\]6\xce\x9c]\x98UVq\xd3\xc0\xb5\x98\xda\xfdG\x83\r\xfc\xc3\x10\xda\xad\xcb-m\x98\xeb\x1f2\x8c\xed7BSE\xec\xbb\xa1O\xcd\xe2\\\xd1m\x94\xc6\xa7\xcc\x0b\xe9\x13hC\xe0Vv\xba&amp;?\xa4\x12\xc97F\xfe\x84\x0b\xe0\x92\xbd\xadQ\xef\xe2\xa5\xd5\x0c~\xdbFx\x15\xc6\x8f&amp;8\x83\xbf3\x11\xb8\x89\x17\x0e\x1c}\x1b]\xbe_\xa4q\xb1\x0c$\xec\x9c\xd7\xe7\x84\xd8nD\xa6\xf4\xb7\x884\t\x8d\x93\xba\x9av\x13:\x80\xe3\xe9\\\x96\x03\xe9q\x08\xae\xaa0\xae\xb2\x93;\x03\x0b\\ \x07\x0cBa]\xcb\xec\x8a\xf8Q\xb3W\x13\x1cX\x03d\x00\x92k2\xa2\xb48\xce22\xc9\xd0\xd37\x9ce*\xf0\x1d\xafyKg\xfca\x94[V\xb1\xd5\xd3\xf2K\xcdd\xc0\x19\x87\xd03\xaa\x08\x03\xea_I\xb6\x15\xba\xf2\x1b\xa9\xb0\xf7\x96SW9\xce\x1f\x92\x1b\x00\'\x1c\x94\x95\r\xcf\x88\xe0F\x8d\xdf8\xba\xb82\x94\xa7\x8f\x1d\xc4D\x04\x12\xcf&gt;\xb7N\x1eK\x01YN\x89\xeb\x85\xf8B\x84\xd1\xba9\x1an\xb8\x93\xd7\xcb\x91H\xb3\x07\xe1lE\xc0\xb4\xfb\x82\x05\xcem\xef\xba\x0f\x12n\x06\xb8\x06\xc2\x02X\xfc!2M\xd1\x94\x10l\xeam\x0ec\x9a'</t>
  </si>
  <si>
    <t>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</t>
  </si>
  <si>
    <t>b"0\xb8\x9a&lt;=4J\xbc\xdd\xef+\xacm\x96'&gt;"</t>
  </si>
  <si>
    <t>ind of command of troops at
Rome, and, on the basis of this position, managed to control the empire for roughly
two years.
Cleanderâ€™s death was followed by several rather chaotic years, culminating in
Commodusâ€™ murder. One of the prime movers of the plot was the new praetorian
prefect, Quintus Aemilius Laetus, who hailed from North Africa.. As soon as Commodus died, Laetus contacted Publius Helvius Pertinax, the prefect of Rome, suggesting that he should now be emperor. Pertinax, who may have been in on the plan,
after assuring himself that Commodus was indeed gone, went to the praetorian camp,
announced the emperorâ€™s death, offered a very large bonus, and was hailed as
emperor (Birley 1988: 86â€“8).
The new reign was short (three months). Pertinax, who was much stricter with
them than Commodus had been, made the praetorians uncomfortable, so that they
were continually on the edge of revolt from the very beginning of his reign (Herod.
2.4.4â€“5). As March of 193 drew to a close, 300 guardsmen, supposedly at Laetusâ€™
behest, decided to rid themselves of the man they quickly had come to despise, and
murdered Pertinax (HA Pert. 10.8â€“11). There was no plan for the sequel. When he
learned of the guardâ€™s revolt, Pertinax had sent Flavius Sulpicianus, his father-in-law
and the current urban prefect, to the praetorian camp to keep order. Upon the death
of his son-in-law, Sulpicianus began to maneuver to have himself proclaimed emperor
(Dio 74.11.1). Some of the praetorians, however, did not favor him, and sought the
Senate House. There they found another candidate, Marcus Didius Julianus, whom
they promptly brought forth. An auction of the empire ensued at the walls of the
praetorian camp, and a final bid of 25,000 sestertii (the equivalent of five yearsâ€™ pay)
per soldier bought Julianus the throne. He was in such a generous mood, that he
ultimately decided to award each man 30,000 sestertii (HA Did. Jul. 2.4â€“3.2; it may
be noted that Marcus Aurelius gave each praetorian about 20,000 sestertii upon his
accession, and that this was done under no compulsion â€“ Dio 74.8.4).
Although the praetorians had reasserted their power, it would do them little good.
For they would only reap the ferocious wrath of the next man to sit securely upon the
throne. Septimius Severus cashiered the auctioneers at sword-point, and ordered that
they never approach within 100 miles of Rome, on pain of death, telling them that
they deserved to die a thousand times, given the crimes they had committed (Herod.
2.13.5â€“9). Nor did the man to whom they sold Rome profit from his investment.
Didius Julianus survived for only two months (March 28â€“June 1, 193), before one of
the guard murdered him. The Senate had anyhow condemned him to death. In the
end, it would seem that the use of force to make an emperor was, perhaps, not ideal,
but could somehow be reconciled. The brazen use of money in such matters was
simply intolerable.
140 Michael Peachin
With such things transpiring at Rome, there was turmoil on the frontiers. News of
the sale at the praetorian camp traveled fast. In short order, three different groups of
soldiers, in three different places, declared three different provincial governors to be
emperor. The acclamations came in the first days of April. At Carnuntum, in the
middle of the empire, Severus received the call to rule. It can only have been a few
days later when, at Antioch, Lucius Pescennius Niger was awarded the purple by his
legions. Sever</t>
  </si>
  <si>
    <t>b'\xb8\xc4\xbd\x85\xec6\xd1\xbbBWU\xbf%\xf3U\x7f\xf84uj\x8e\xe9\x0b\x7f \xc49T\xd0m\x90\x8e2\xb9s\x0c\xaa\xc1.\x90\xc5\xc0y&amp;\rC\x88\xacH\xdf\x00(]v&amp;8z\x9c\xd0i\xa6u\xac\xd2\xa8\xab\xbb\x9a\xc5\xe4\x82v\xf6\xa4\xfc\x86L12af\x13cD\xdei\xaf\x01U4\xf1Y\xb7\x9d\xf0\xf8\x8e\xe5\xd1\xa9{ \x02\xeb\xcf\xc2wJVP\xa1\xca\xef;M"\xdd\x02O6\x0b\x05\x7f\x11\xca\x1e|G\x15\x1fR\x92M\x9d\x16\xab@\xd3\xdeg\xc0\\\xf9\xf3\x7f\xe3\xa4N\x1aK\xbd\x0f{\xff\x08s\xb1\xd8\xe8P U1\xa7\x00\x9b\xdc\x84\xbd\x7f\xb4Z\xb44+jW\xb2\xb9\xacu\xaf\xc5\x85\xe9v\xb2^\xb5p\xd7\xab\xbf\xc6D\xa27\x8c)a\xf8o\x96\xcf\x88\x9aR\xcc\x13\xd53\xdb"9\x04\x13\xb36j\xe9N\xcc_ut?\xf0\x9f\xbeZ\xde\xfdEo\xe1\xdc\xff\x8f\x8f\xc1\xcb\xe8Hh:42\x1b]aTB\xc7]\xa3\xa6\x19@\xd3Eb\xa4\xfaK\xd6P\xf7\x1c\x86\x9ci\x9a\xed\xb3\tP\x8e\xf4\n(\x8aD\xed\x80\x9c\x92n\xa1l\xb1\x028\x92\xf9\xad\xb9\xdfu?Ig\t\x02\xc6\xb7\xc9,4H\xed\x08|\x05\x03\xbb\xab\x1c\xee_FF\xe6jz\x1f\x06;\xc0P\xb4\xb8\t\xbe\x83\x1b\x0c\xb0\xf9y\xb6\x82C\xe4\x00\x83\x02\x8a\xd2L+\x99cB\x95[\xf0\t9cY\x86\xf4H8\xae\xec2\x85\x9a\xb3j\xe5?\xe6\xc2\xa6\xea\xdd\xbc\xaa&lt;(\xb0\x93\x02\xe4\nw-q\xa3J{q\xcfK\xdd\xd0\xf7\x9bNt-\r\x95\x07\x00w@8\xcdi\xcd\x18\x92\x0bU\xdcYg\x12S\x9d\x82Ql9,\x7fe"\x14\x0b\x8b\xad\x8fl\xe8\xfe\xea\xd9\xb1\xfd\xc9\x17dIU\x1a\x05\xfaN\x14m\x17\xca\xbb0\x9c\xa8\xf6\',\xee\x8a\x8am\xf1T\xcaw\x02zVN~o~\x87\xa3r\xa2\xb5t\x8dI\x10\x8f\xc4Q\xae\x02x\\\xa0\xd8\xd7\xd5\xc9\xe6&gt;\xe9\x7fI\x8a\xa9\x91}?F\xc1\x1b2\xbc\xd8S\x9d\xfa\xb8\xc6\x1c\x17??\xdd-\x17 \xb9\x8f\xf5\xa3\x8d\x19\x19\xd3\x12\x87\xff\x96XI\x92\x00\x98\xa2\x04L\\C\xae\xe0\xb2\xf9\xb0\xb7\x96\x0e\x96\xed\xf6\x97~\xd3@\x8fN\x8b\xd4A\xfd7\xd0L_\x1f\xa5\xbf\x15\xf0[\tTU&gt;\x9f\xffO\xe4f6\xe7\xdaE\xdc\xf1k\x17:\xdd\xefM\xebez&lt; \x86n\x1a\xe9-f\xa4\xb4\xecyG\x01o\xeb\x92\xb9U~ h\xb2\x014LK\x91\xda\xf1\xf8\xfb_\xd9^\xbc\xdatD#::\x84\x07\x110\xa9UB\xaci\x07&amp;h%3!\x86\xfdW\x96o\x0e\x0b\xfep\xcd+/\x05GlW\xc1\x1c\xdc8:\xc8\xe5\xd8\x8f\xddE(\x1b8|X\xa0\x1b\xf0\xc5\x8bdq\x1c\xa7\xec\xef\xd6=\n\xfel\x0e(\xd7\xe7F4\xb6\xe0\x1c\xc2\xd6\x99\xdd\x07\x91\x7f\xd6R\xb0\xe1\xe5/\xa5\xa3r\xe8\xa9\xb9S\xdaj\xd9\x0c\xdb\xa50:x\x92f\r\xb4\xad-\x92&lt;s\xe3x\x96\x86\x8a8F\x87\x9dq\xf1\xab\x81N\xc1\x89x\xf4E\xfc\xc9K\x82\xf7\x10\xf3\x86%\x19\xd96t\x81\xa4\xef\x12\x89\xab8\xe9\xd9\xfe\xb6D;\xe5dH\xc0^b\xe3:Gm\xb3h\x99\xdf\\\x96\xd9\x9a\xc4Gbp\x05{\xed9\x06\xee\x0c\xd1\x19\xc4avm\x83\x80{M\x0f\x15j$\xd4\x1aq\xebK\xb2,\xd4$\xd66\xda\x02P\xe4{\x9c\xa8\xbd\x1flWw\x84\xf1Ic]3\xbc\xf9\xdclxb\x1c\x88\x08\xd5\x99X4m\xe5O:\xa8+q\xb2I\xcc\n\xfc3u\x95h@\xd8\xc4\xa00\xe34{E\xac\xda%\xf1\xee\xa907\xa3\xb5\xca\x12\xc0\xbd\x11-\x08\x05L\x9292.\xf9|E\xb9\xe9C;g\x84@\xc5D=\xb2"\x01\xd6\xdco\xc1\xad\xd9=\xe7T\xcb\x9el\xf5\xa3\x9a\xa8\x91\x183vY8\x8f=\xb0o\x9ab\xdd\x04\x15\xba\x8f\xca\xf6\xf2[\xf4\xa0\xb1\xbf\xdf\x84+\x94\xe4\x8f\xc4\x0f\xa5\x9c,m\x1a\x97\xb2\xccm\xc7\xc3z\xd0?\xd4\xc4\x0ec\xd2\xd4\x14:-\xcaYT\x15!\'\x97\xa5\x8b1\xbb\xf3\xf0 sH\x10\xf4_\xbf\xef9z\xa1\xf4o&amp;\xf5\x1dX\xd1\xa3Q\xf7\xcc\xc7\xd3a*\x91\x05(L&lt;\x9f\xc5S\xd3\x05\xa7\x1c!sC\xc3\xfc&gt;$\xe1C\x0e\'\xb0\xd1\x93\xb9a\xd1\xba\xceIh\xdd\x18P\x14\x11\xf19c*\x8b\x07\xc3}\x1c\xdfE9\x8c\xff\xe8`\xd9t\rR\x87\xe3-\x1a\xdb\xfe0\xf2\x1b\x04Bi\xea2V\x15\xa1\xe1\xc3\xf1\x81-\x1af&amp;\x06\xbc\xc3\\+\xf0\xc8\xca$&gt;\xc7\x85\xd7o&amp;\x9eC\x08o\x81\x8fL\xf4_\xd5&gt;}.;\x86L\xa2\x0b&gt;E\xebo\xb4\x81o\xf5\xe6K\xc5\x1a\xa7\xd9v\xc6\xec\xb2K\xc4\x85~\xe7\xb2\xefl&gt;c\x8c\xc4A!a\x98dbG\x07\xde[\xf8\xac&gt;\xda\xc2\xbaR\xa2\x8dko_\x1d\x97\xe5G\xe8\x808\x8dd\t%yJ\xe4\x89Q\xc3w\xfcI\xba \x0e\xa9\xae\xfa\xe7(\xfflr\t\'kHk\x0b\xcd\xd78\xf2\xf2\xe2c\x7f,\x16\xa6~\xa3\xdb\xe2\x90\x10\x1e+\x85\xd0^\xb5{S\x9e\xf9\x902\xc8\xcf\x18\xe5{\x03\xec\x13\xfa\x98\x99*\x86\xe5\x16\xfeB\x85\xc9NI:\xa6H\xf0YJ\x80k\xa9\xff\xec\xec\xb0H\xfd\xd3\x03\x94\xbaPU28\x8d\xbfp\xc8^\xcf\xa7U=tZ\xa5\xcd\xeaK\x1d\xfc\\a\x9c\xa05u$\xf4\xf0\xf5\xc6pHY\x1d\xc6\xc3\xf2\x9d\xfet\xacX]\xb3\xd2\xae\xe3\xb5\xbc,b\x0cF\x93\xbe\x92\xb5\xf2oQ\xd8j\x8cH!xmlL\xfa?\xee:pS\x85,\xb8\xde\x92\xe5\xcb\x97\x8c\xf7\x1c\xa7?\xa4t\x15\x8an\xae\xafA\xe2\xf8\xf3\xa8\xabc%\x92\xb3\xa6\x9f\\\x00\xfc\x1a\xec\x89\x07\t\xba\x980\x1c\x99%i\x83\x07\x84\xb00\xa4mg&amp;\xcc\xb3I\x05c\xf08\xa5\n(\xed\xa81\x94\xceK\x9f\xfe\xca\xeb\x9c\xb6w\xc8\x10N\x89\x0cWq\xe5o\xb4W\x0b\xa1\xb6$D{h\x1c\xb6=\xeb\xf3k\xcfq\x08\xe4\xdem\x82\x1e\x00\x86\xbe\xfdf@\xa1H\xeb\xf6u\x01G\xb47\x9a#l3i\x84\x03\x1a\xffp\x01\xe5n\xf6\xf14\n\xebKy\x98\x9dr\x029@G\xb5\x97\x02kX;\xd1\xca&lt;\x0f\xce\xc0\x9b\xacdKO\xcck\x0c\x84\xae\xe6\xfd\xec\xf87\x0c\x05\x1bNj\x00\xa1\x9aJ\xf8\xae5\x9d\x99\n\x0b\x85&amp;y\x81\x81n[y\x16H#(\xc2\x08LC\x118\xa0\x11O\xb5tL\x96\x14\x88\x84\x9b\x8e\xdc\x96Rs)\xb9\xd6\xa2\x9a\xb6\xf8\x0e\xeb\xcc\x14\xbb\x14n\x10\xbbo\xb32\xd4,\xad\xd4\xf75\x19\x89\x93\x91\x93\xbb\x0f\x8b5_\x9aQ\x08Uc\xc7\xd1AR\xaf\x91\xad#\x1aS`\xeaw\x93\xd0p5\xba\x8d\x0f\xe8L\xa66\xbd|i\xc2\xc3\xf1\x9ce1\xa8,1i3(\x84p\x0f^[\x97idj4e\x87\x95{\xc2\xa6\xe6)\xd8fhj\xe3\xee+\x8bu\x0c|\xed\x05J\xc0`\xf8\xd1\xec\x9f\xdc\x8a\xc1\xed\xd4\'\xd4\xe5\xfc3\xbf\x02\xd4\x93\x8f\x0c\x9fK\xc5\xb2\xfa\xac\xb1\xd4\x8c\x13\xc0\xb4\x0fr\x98\xe2\x83\x8c\xbe64\x18\x82Q8@\x1b\x87\xeb\xba\x856Y\x9a|$o/\xd2\xf7&lt;\x923H\xf9\xf2X\x9a\xec=k\xdc\x06\xa0\xc5\xf8\x00[\xdc\xc79\xaci\xb2\xea1\xec\xd3Dx`l\x84\xa0.H\x07{\xc3\xd7\x87\x17\x89Z\xe5D\x1a\xc1=\x90\x11\x00kWKZ\xd5\x00;z\xf1R"\x0b\xa9N}7\xd0F\x8d)\xbd[l^\xa8u\x11\xc7\x0e\xb41G\xd9\xa7\x9b\xde\xfd\x07\x92A%\x0e\x0c{\xcfv#\x1d7\xf9=\xf9F{\x9ePu1\x18H\xc0h\xad\xfcK~\xfe\xf3\xc7h/\x05\xb2H \x8cfu\x9f\xb8\xd0\xbbh\xfb\x01\xaazr*t\xb4\x9c\xee\x95\xd9]=\x805\xbe^\xd1\x97\xa9&lt;\xab*/\xbc\xbd\x03[a\xcb\x10\xc6V\xac4\x89\xfb\x87,D\x1e%qN\x87\x15\xa4U\xae\x91\xde\xf5\x0b\x92\xd3\xc8\xad \x0fM\xca\xff\xa5\x80g\xd0\xad\xc1\xd9Y\x06\x89\xd6\xe5\xd3\xd0\xe6\xde\\!\x88\x91%Q\x82\xe1\xef\x813\xec0\xf6\x927+\xa6\xcc?\x1d\xb0\xecF\xa94\xd4M\x95P\xcb\x19\xdd\xeaYtw\xbd\xefv\x11\x176\x98L_\xc2@$\x9e\xc9\xbe\xd8\xe5q\xf3L\xda\xd4\x1d\x86\xad\xf07\x13\xe63G|gC\xc2\xbb\xd2\xa99\xa0\xfc\xfew\xfe\x8d\x17\x90B\xa8\xcc\x1c\xe3\xf5u\x05\xbb\xd1G\xe4;\x05\xe4\x08\xb5\xac?\x9fn!\xd4\x96\xe5\xe9.\xed\x1b\xd2\x8fM\xe08N\xc7_\xf1\xaf\'\xf0@\x11h\xab\xea\xeeR\x99\xea\xcca\x02\x0f`\xc8|\xaa~\xff4D\xc3\x87$\x13\x97\xe4\xee\xa8a\xfa\\\xe4\x0e\n\x9aJ7\xa3\x91#\xa7\x83\xd7\x9c\xa0s\xe8\x9bi*d\x99\xebg\xc6\xb9\xacq \xf7g\x94\x14\x84K\x11\xa8\xb4\x87!i?A\x87\xaf\xa6\xcf\x97\xc4xs\x86\x02:\x88\x90A\xa0y\x06)A\xfeD\x8aA\xc4\xcb0\x0f\x8c3\x0f\xddV\x8fd\x9aL\xf60\xc4\x14-\xf8\x81\xff\xc0\t\xa4\x1f?\x08\x11&gt;\x1ck\xc1\xce\x13\xd1i\x94Lc\xdf\xe5\xd8\xbe\x07\xd1.\x07X\x97~8\xbf\xff\xb0\x18\n\x08[&gt;!\xdf=j\xe4~\xb9)N\xa0&gt;\x9a=\xae\x98\xc1X\x9di;5,\x90z\xaa,s\x82h\ts\xd9\xcc\xd0\xf6\xb3=\x88\x90:\xb0H\x1e\xd2\x949e\xce\xc2\x10\xe5\x1c\x0b\x95\x14\xe2\xb8\xda\xbd9\xe5V&gt;\xfd\x12\xc1\xeer\x86\xe1&gt;T\xcc\tB\xeaXq;Zc\xa3A\xdd !u+x`A@.\xb8}\x13\xc0`\xa5B\xc4i\x14\xf4\xfe&gt;\xe1aF\xf8\x1e_\xc0\xf1gf\xa1\xc7\x95\x1d\xfa\xdc\x1d-\xa8`\x1f(\x8b\x1b+u\xae\xa4K74J\x9a;\xd0\x075\x01\xa7S\xef\xda\xff\xe9\xf3X$3\x94J\xe3\rD\x9f\xac\xc3\x9aT\x95/\xa5\xe2O\xc8\x0c\xce\xbaW\x0c\xdc\t\x9f\x88\x18\xc9\xceg\xa7\xe2\xc3\xe7\xd2g\x7f\x9f\xd4\x95\xc9J`\x1aM\xf4_)I\xef9.~\x14\xca\xf9\x1a\x99J\xad\x1et\xb9\xbaJ7\xac\xa0\x18\x8e\xc6\xe9\xd4N1\xb4D,u\x02\xe0\n\x9by\xb4fS\x0c\xd5cJ\xd6_H\x94\xff\xf7@\xa1fg\x983\x01\x04\xa4\xfb\xf2\xaa\xe5T\xb7\x1aE2\xfc\xc2\x02B\xe1\x9dM\xcb\x83\x05\xe7\xcd\x8c\xce\x13vasws\xa8x\x94b\xe8r\r\xf0\xad\x11\x06b\xda\x00\xc6\x8e(\xe6\xac\xb9\x94r\xf3M\x8e\xce\x13$\xf1 v_{\xa3\x18\xed\xf0\xc5lzT&gt;i\xb5\xe4\x80\xc3\xca\x7f\xe5\xdeC\xa3\xe1\xc7\xa0w\x12\xf4\xd7\xf7\xfa\xe1\x88\xe0\x1d\xccv\n\xaa?A\x078&amp;\\U\x1a\xaf\x96x\x9e%\x9bUX{b\xc0[\x17N\xd7m\xc5\xd1n^&lt;\xde\x8fbf\xb5\xbe\xf4T$0\xac\x08/GjH%!\xda\x8f"\xc9L\xe2\xa0\x14\xab\r?\xcc\xaf\xf7m\x89~\x80\xedH):\xe8OC\xa2\xc3\x83VDJ\xe2o\xaf\xec\xfe^\xe1&lt;\x08[\x9f\xef\x02lW&amp;\xb16\xb4&amp;\x19\xd3\\,\xf3\x9f\x01\xed\xbe\xef\x07\x96~\xba\x05Y\x8b\xda\xfa\xca}_2Y\xb2T\xcek\xc6\xde\xc4\xf5D\x0bG\xf6\xd1\xb9i\xd9D\xcf\xb5*$\x8a\x17`-\xa5\xe2\'\xff\xd5z\xd8\xb7\x92\xe8je&gt;!\xd7\x8a\xc8v\x86\xfd\x84\xfe\xea\x0f\'\xf2\x90q\xf6&gt;\xcd\xa1\r\xcd\xa9j\x14\xbae8\xc6\x15\x11gL$L.\xde%)\x8a\xfa\xe6\x1e\x8e\x1f\x93\x9c\xd2\xc0\x02"]1\x06\x1d\xdf \x15#)\xdf\xd5\xf8\x08\xfb}\t\xefG\xef\xb9\x0b\x9c\xed\xae\x07\x0b\xd2\xf7#4\xd4\xc21\xcc\x1bq{\xe1CN2O\xb5\x1ac%z\x8ccH\xc9\xfd\x94\xb2\xb7S \x95m\xdd\xe8\xfc\xf7\xa5\xe8\x17\x1e\xdc\x9d\xfdT,]\x1b\x0c\x91\xc8&gt;\xcahS\x18$G\xe6\xce\xa6\xb0\xbf\xb6\x98\x1fQQ\xb0\'\xbb\x8d2\xfdw!\x0b\x02\xd6\x19\x0f\x0c\x05\xfc\xd8pf\xaa\xa3\xc3\xba\xc9\xfd\x854O\x13c\xb8\xdc\x8a\x8d\x9aV \xd5\x10\xaa\xbb\xe9\x9a\xe7t\xb6\x07\xfb\xa9\xfd\x92C\xcf\xd3\xe1\x95[pf\xb8\xf9f_\xabV\xaa\xa8\xb0\xe8\xe7\x1d\x9fS\x95"\xe0\x1aH\x16\xadbMIR\xc8\xd4\x96p\xe1\xa0\x06\xae\xc3B\x8f\x08\x17\xf3o\x9e:\x98\xa7\x94\xf9\x88[~\x0b2zo{\x05/_\x9c\x9a\\\x0b\x0f\x95\xa9`\xa1!b\x9a\xef\x06\xa8\x1c\xa8\xa0\xae\xeb\xfd\xb05\xad\x84\x0f\x9b\x88\xcceQ8\xac_\xfcd\x92W\xdf2?\x03;\xd2\xba\x8f\xf5\xf84\x02gP\xfcrT\xe3"\xd8;?\x9e\xc6\xf7\x0f\xf9+,&amp;\x17\xba\xfa\x1a\x0c\xecI\xe7\xc6Do\x16\xd2\xb2\x11\xe1\xd6=B\x1e9\xees\xf4\xf5\xe1\xc4\xf7\x10\xde\x15\xeaX\xc7\x87\x9dS\xc0&gt;\x92\xdc\xb9&amp;S\xde\xc28\xd81G\xf2 \xccI\xa4I4%^\xc9\x9d.\xab\x832\xb1\xb6\x85\xd2\x95\x12\x1e\xbf\xa0?\xb1#\xe0\x8el\t4\xdaR\x90\x83\x91[\x8cN\xf2\x11*\xce\x975\xe8E\xae\x18\xa8H%\xae\x04\xa3Q\x8fG\xcc\xd2\xd8\xd3\xcb4b\xe6N:\x99\xad\xec\xa1\x9c\xf6\xab?\xfb\x93S\t@\xe3\xebdG\xbf\x92\xdc\xd2;\x9e\xef\xd5\x08\xcff\x81\x15\xe0w"[\xdf&lt;\xb1\x9a\xb9\x13F\xa0\x15\t\x1d\xb6\xcf\xf8\xa4\xe5\xbeF\xf3\xa8\xd9\xd9f\x15rQ\xf4\x05Q\x1c\xf2\xa7\xb8\xecF\xb6\\v5\xb0\xb1J\x91_,\x9e\x0fq"\x17\xf0\xbd\x14Y\x1b\xb2&lt;\xe2\xc9\xf1\x10\xfb(\xb8\xf4\x84\x9e\xae\xdah\xad\xcf\xac\xec=\x8b\xbf\xa7d$\xd1\xb4\xe5nL\x9c\rbM\x12\xe5uW\xdf\xafW\n\xd6\xed\x01\xf8\xca\xad\xe1\xbe\x9e\xbep\xe6F6\xadR\xec\x90$\x97-_p\x9dc\x85K\x0c\xc1\xf3\xe4\xbe\xa9*\xdc\xbcy\xc3\x0e\x0b\x94V\x8c\xaf\xf2\x8e\xac]\xe3\xe5"\xb8m\x19.\x93/\xc6\xc65\x84\xe5\x0ez\x80R\xd7\xe7\x0b+i`\x8e\'\xd8x\'\xc6)?\x19\xcbF_\xbe?\xb5\xf8&gt;w\xe6\xddY#l\xab7/\x08m\xa2"\x04l\xecK\xc5\xe3U\xb5\xa6\xfc\xe0'</t>
  </si>
  <si>
    <t>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</t>
  </si>
  <si>
    <t>b'\xb8\xc4\xbd\x85\xec6\xd1\xbbBWU\xbf%\xf3U\x7f'</t>
  </si>
  <si>
    <t>oes not so much mind, about one's fears. But all the servants were
 gone to bed, and I sat, thinking and thinking, till I was almost afraid to
 look round the room, and my poor lady's countenance often came to my
 mind, such as I had seen her when she was dying, and, once or twice, I
 almost thought I saw her before me,â€”when suddenly I heard such sweet
 music! It seemed just at my window, and I shall never forget what I felt. I
 had not power to move from my chair, but then, when I thought it was
 my dear lady's voice, the tears came to my eyes. I had often heard her
 sing, in her life-time, and to be sure she had a very fine voice; it had
 made me cry to hear her, many a time, when she has sat in her oriel, of
 an evening, playing upon her lute such sad songs, and singing so. O! it
 went to one's heart! I have listened in the anti-chamber, for the hour
 together, and she would sometimes sit playing, with the window open,
 when it</t>
  </si>
  <si>
    <t>b'8\x8f\x90\xd1W\x00\x1a(-v\x94v\xec@\x1e_\xdeN\xd1\xc7zAW\xe6F\xc6\xed\x96h\xc4\xdd\xc3\xff\x01\x10.h&lt;\xd1\xfe\xa6h\xe2\xa3O+\x96v0#p\x15z\xc2\xd8\x86]TqG\xcc\xf4\xb5\x8b'</t>
  </si>
  <si>
    <t>388f90d157001a282d769476ec401e5fde4ed1c77a4157e646c6ed9668c4ddc3ff01102e683cd1fea668e2a34f2b9676302370157ac2d8865d547147ccf4b58b</t>
  </si>
  <si>
    <t>b'8\x8f\x90\xd1W\x00\x1a(-v\x94v\xec@\x1e_'</t>
  </si>
  <si>
    <t>with the input. Again, if we attempt a model such as that in Fig. 12.16(d),
 the input resistance is zero. The other two amplifier models in Figs. 12.16(e) and (f) follow
 similar concepts.
 12.3.2 Examples of Amplifier Types
 It is instructive to study examples of the above four types. Figure 12.17(a) shows a cascade
 of a CS stage and a source follower as a â€œvoltage amplifier.â€ The circuit indeed provides
 a high input impedance (similar to a voltmeter) and a low output impedance (similar to
 a voltage source). Figure 12.17(b) depicts a cascade of a CG stage and a source follower
 as a transimpedance amplifier. Such a circuit displays low input and output impedances to
 serve as a â€œcurrent sensorâ€ and a â€œvoltage generator.â€ Figure 12.17(c) illustrates a single
 578 Chapter 12 Feedback
 (a)
 R
 M 1
 VDD
 D
 Vin
 M 2
 Vout
 R in =
 R out = g
 1
 m2
 R
 VDD
 D
 M 2
 Vout
 R in =
 R out = g
 1
 m2
 M Vb
 g
 1
 m1
 1
 in M 1 V
 R in =
 I out R out = r O
 R in =
 M Vb
 g
 1
 m1
 1
 I out R out =
 (c)
 (b)
 (d)
 I in
 I in
 Figure 12.17 Examples of (a) voltage, (b) transimpedance, (c) transconductance, and (d) current
 amplifiers.
 MOSFET as a transconductance amplifier. With high input and output impedances, the
 circuit efficiently senses voltages and generates currents. Finally, Fig. 12.17(d) shows a
 common-gate transistor as a current amplifier. Such a circuit must provide a low input
 impedance and a high output impedance.
 Let us also determine the small-signal â€œgainâ€ of each circuit in Fig. 12.17, assum_x0002_ing Î» = 0 for simplicity. The voltage gain, A0, of the cascade in Fig. 12.17(a) is equal to
 âˆ’gmRD if Î» = 0.4 The gain of the circuit in Fig. 12.17(b) is defined as vout/iin, called the
 â€œtransimpedance gain,â€ and denoted by RT. In this case, iin flows through M1 and RD,
 generating a voltage equal to iinRD at both the drain of M1 and the source of M2. That is,
 vout = iinRD and hence RT = RD.
 For the circuit in Fig. 12.17(c), the gain is defined as iout/vin, called the â€œtransconduc_x0002_tance gain,â€ and denoted by Gm. In this example, Gm = gm</t>
  </si>
  <si>
    <t>b'\xad\x8a\x9e\xb6\xa5\x0e[\xb3^=\x97`*\x05\xd3R'</t>
  </si>
  <si>
    <t>ad8a9eb6a50e5bb35e3d97602a05d352</t>
  </si>
  <si>
    <t>y of the op
 amp, Vout = A0(Vin1 âˆ’ Vin2), forms the foundation for many circuit topologies that would
 be difficult to realize using an amplifier having Vout = AVin. Amplifier circuits having two
 inputs are studied in Chapter 10.
 Vout
 Vin1
 Vout
 A 0 Vout
 V
 Vout
 in1 A 0
 in2
 V
 V
 (a) (b)
 â€“
 in2
 Figure 8.2 Op amp characteristics from (a) noninverting and (b) inverting inputs to output.
 How does the â€œidealâ€ op amp behave? Such an op amp would provide an infinite volt_x0002_age gain, an infinite input impedance, a zero output impedance, and infinite speed. In fact,
 the first-order analysis of an op-amp-based circuit typically begins with this idealization,
 quickly revealing the basic function of the circuit. We can then consider the effect of the
 op amp â€œnonidealitiesâ€ on the performance.
 2In modern integrated circuits, op amps typically have two outputs that vary by equal and opposite
 amounts.
 356 Chapter 8 Operational Amplifier as a Black Box
 The very high gain of the op amp leads to an important observation. Since realistic
 circuits produce finite output swings, e.g., 2 V, the difference between Vin1 and Vin2 in Fig.
 8.1(a) is always small:
 Vin1 âˆ’ Vin2 = Vout
 A0
 . (8.2)
 In other words, the op amp, along with the circuitry around it, brings Vin1 and Vin2 close to
 each other. Following the above idealization, we may say Vin1 = Vin2 if A0 = âˆž.
 A common mistake is to interpret Vin1 = Vin2 as if the two terminals Vin1 and Vin2 are
 shorted together. It must be borne in mind that Vin1 âˆ’ Vin2 becomes only infinitesimally
 small as A0 â†’ âˆž but cannot be assumed exactly equal to zero.
 Example
 8.1
 The circuit shown in Fig. 8.3 is called a â€œunity-gainâ€ buffer. Note that the output is tied
 to the inverting input. Determine the output voltage if Vin1 = +1 V and A0 = 1000.
 Vout
 Vin
 A 0 = 1000
 + 1 V
 Figure 8.3 Unity-gain buffer.
 Solution If the voltage gain of the op amp were infinite, the difference between the two inputs
 would be zero and Vout = Vin; hence the term â€œunity-gain buffer.â€ For a finite gain, we
 write
 Vout = A0(Vin1 âˆ’ Vin2) (8.3)
 = A0(Vin âˆ’ Vout). (8.4)
 That is,
 Vout
 Vin
 = A0
 1 + A0
 . (8.5)
 As expected, the gain approaches unity as A0 becomes large. In this example, A0 = 1000,
 Vin = 1 V, and Vout = 0.999 V. Indeed, Vin1 âˆ’ Vin2 is small compared to Vin and Vout .
 Exercise What value of A0 is necessary so</t>
  </si>
  <si>
    <t>b'\xe9\x00+\xb8\x18}\xac\xe3|\x1dc\xc5c\x19\xf5x'</t>
  </si>
  <si>
    <t>e9002bb8187dace37c1d63c56319f578</t>
  </si>
  <si>
    <t>ross the deck. In half a minute he had reached the port 
 scuppers and picked, out of a coil of rope, a long knife, or rather a shor</t>
  </si>
  <si>
    <t>b'\x9e\xeer=\xb39r\xd0\xaf\x92bt\x17W\xc1g\x97t~\x0b%\x9d\x95\x04\x87B\xb2R\x16\x8a\x19}\x87\x8b\xebU\x1b\x89\xf7g P2vq\xdb\xde\xc5\x99\xa7\xd1\x06\xb8a\x83I\xd0l;\x00l`0df\xa0S\xf4J(\xbeP\x97\xa6\x90G\x1c\xa0\xd6\xb9$\xe9A\'\xa8q\xbbk\xa8\xd5{H\xdb\xd3\xdb\';lKy\xbc\xc4\xab\x9d\xc7\xdf\x12\xba3\x8c\xdcX\x84\xfdp\xf2\xf2V~\x85\x9d\x06\x01\x858\xac\xe7H\x06RJ\x02v \x8e\xec\t\xef\x01\x9bzQ=\xcbiL7\xb5\xc3"\xaej \x02%\xc7\xc43\x8d\x8aA\x0f$S\x9d\x10[\xea2XiK\x10l\xe9\x0e\xbc\xe9O*o\xb5s8\x1b\xbao\x06\t21\x0f\xa6W\xa6\xcb\x94\x97\xd7\xa0/\x95\xd5\xb5%D\xc3\x9c\\\xef\xd0\xb5\x1c\xd7\x18\xc8\xcaz\xd8\xd6m\x94ty\rC~,\x1aj\xec\x03*\xbb\x9bL\x87:s\x9e\xa1\xe1\xcd\xf9\xa5\\\x0f\x0f{U\xe0\xda&amp;\xe7%\xeb\xc1\xc2\xee\xa8\x0b&amp;\x07\xd6\xcc7j{i\xa2%\x88\xda\x01\xc8\x11\xca\xf9\xa8b\xfa\x00,\xd3\xd2\xb4\x15\xc9\t\x1d,a\xcf\xe1\x0c{\xec\xba\x85Bb\xcf\xe7\xd8\xfe$\xa0\x00%\xc6+\xae\x8b\xc0\xdb&amp;ic\xd7\xd7\x8f\xd7(\xc5\x01\xa1\xa3\xc7|\xc1_\x18\x08\x0eq\xe0\x18\x05x\xccUA\xed\x13\x8a\x03_\xc4x\x0e\xde\xc1E`\x9d1tdC\x96\xb6\x96\xda6\xb7\x06\xf3\xd8\xf5\xc6?I\xf1vr\xecG\x18\xa6R\x08\xd0JN^\x10\xabY\x1dIc\xd7:\xf3O\xeb\x19({\x9d\x84\xcc\xe5\xf6\xcf\x13\xe4i\xea+\xa1}N\x88\x01\xa58\xcc\x07\x00\xb7\xfa5\x7f\rx\x8f\x01F\xfa\x8d\xee\xbb\xa1\xa2o(\xebp\xbc\xb9\xb1\xfb\xab\xdc\x82\xa2\x8b\x01\x9b5\xe1T\xaaf\xb3"\xad\x91[\x80\xb0\x97W\xa5\x02\xc0\xc0?\xcc\xd2\x12C\x13\x81X\x12r\xee\x8f\xcf\xdb\xf2,\x838R\x9a\x8c\xf4\x85\xe9\xa5\x90B"\xbb\xfa\x17\xb2\x85\x12\xb1\xc6@\x92\x8a\xc5\xc3\x9de9'</t>
  </si>
  <si>
    <t>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</t>
  </si>
  <si>
    <t>b'\x9e\xeer=\xb39r\xd0\xaf\x92bt\x17W\xc1g'</t>
  </si>
  <si>
    <t>golds all in a row.'
I just remembered it and it made me wonder if there were really flowers
like silver bells."
She frowned a little and gave her trowel a rather spiteful dig into the earth.
"I wasn't as contrary as they were."
But Dickon laughed.
"Eh!" he said, and as he crumbled the rich black soil she saw he was
sniffing up the scent of it. "There doesn't seem to be no need for no one to be
contrary when there's flowers an' such like, an' such lots o' friendly wild things
runnin' about makin' homes for themselves, or buildin' nests an' singin' an'
whistlin', does there?"
Mary, kneeling by him holding the seeds, looked at him and stopped
frowning.
"Dickon," she said, "you are as nice as Martha said you were. I like you,
and you make the fifth person. I never thought I should like five people."
Dickon sat up on his heels as Martha did when she was polishing the grate.
He did look funny and delightful, Mary thought, with his round blue eyes and
red cheeks and happy looking turned-up nose.
"Only five folk as tha' likes?" he said. "Who is th' other four?"
"Your mother and Martha," Mary checked them off on her fingers, "and the
robin and Ben Weatherstaff."
Dickon laughed so that he was obliged to stifle the sound by putting his
arm over his mouth.
"I know tha' thinks I'm a queer lad," he said, "but I think tha' art th'
queerest little lass I ever saw."
Then Mary did a strange thing. She leaned forward and asked him a
question she had never dreamed of asking any one before. And she tried to ask
it in Yorkshire because that was his language, and in India a native was always
pleased if you knew his speech.
"Does tha' like me?" she said.
"Eh!" he answered heartily, "that I does. I likes thee wonderful, an' so does
th' robin, I do believe!"
"That's two, then," said Mary. "That's two for me."
And then they began to work harder than ever and more joyfully. Mary
was startled and sorry when she heard the big clock in the courtyard strike the
hour of her midday dinner.
"I shall have to go," she said mournfully. "And you will have to go too,
won't you?"
Dickon grinned.
"My dinner's easy to carry about with me," he said. "Mother always lets
me put a bit o' somethin' in my pocket."
He picked up his coat from the grass and brought out of a pocket a lumpy
little bundle tied up in a quite clean, coarse, blue and white handkerchief. It
held two thick pieces of bread with a slice of something laid between them.
"It's oftenest naught but bread," he said, "but I've got a fine slice o' fat
bacon with it today."
Mary thought it looked a queer dinner, but he seemed ready to enjoy it.
"Run on an' get thy victuals," he said. "I'll be done with mine first. I'll get
some more work done before I start back home."
He sat down with his back against a tree.
"I'll call th' robin up," he said, "and give him th' rind o' th' bacon to peck at.
They likes a bit o' fat wonderful."
Mary could scarcely bear to leave him. Suddenly it seemed as if he might
be a sort of wood fairy who might be gone when she came into the garden
again. He seemed too good to be true. She went slowly half-way to the door in
the wall and then she stopped and went back.
"Whatever happens, youâ€”you never would tell?" she said.
His poppy-colored c</t>
  </si>
  <si>
    <t>b'kK\x80O\'\xdf\x81\xc9\xa2+\r\xb6|\xfe\xa6\xfb\xcb\x0ei\xd9\x14U&lt;o\xb9@l\x19\nm\xa4\xca\xe5\x04\x1c\xc4l\x83\xf8\x80\xcf\xd6\x88q[\x83\x0fus\xe7F\xe8\x8ey\xe6K/F\xa1\xf1\x99Bs\xfb\xf3\xa6\x90\x9e`(\x8e\xff$."\xc6\xa1|\x03&amp;\'\xe3#\xe8\xa3\x95\xc9a\xf6|\rwo\xfak\xcb$\xcd&lt;\x8c\xd8#\xf5\xb8\xe8x2%\xa0\x93\xde\xcbXew=\x14\xbcyb\x98\x1c"\x9a\x18\x1a\x17\xc6\xdf\xd7eFS{/\xa7\xc3e&lt;8\x0c\x84\xfe45\xd6\x05\xbfW\x00\x04\xf0\xd0\xd1RCIe\xdd"u\xfeC\xe9\x07K\x9e\xe8\xc2q\xd54\xf3\x9d\xad\x02\xa1\x15\x01\xacJ\xf2N\xb1\xc6\x02&gt;G\x9a\x8d\x93i\x9c\xdf\xb3+\x1a\x83\x8e5&gt;\xebg\xb3\x0e7e\xf3R\xb7\x7f\x81\xcdr/N\x1c\xb6[S\x11&gt;]\xb6d\xa1-\x88\x9dV-\x93\xe4\xebl\xa4\x01N0Z\xf5\xab\xf9ac|\t\xc8\xc6\x1a.^\x0e\xf7\xe1C\x148\xd9\x04k\x04\x88\x15\xde,r\xd7~\xcb\xdcg\xcfx\xe4Dd\x01\xbf\x19\xfd\xb7\xd7\xb9\xb7\x1b\xf3\x9c\xcad\xd5\x81e\x93\xf95\x0b\x1a\x052\x06\x8f\xe90\x8a+Qm1\xab\x88\x12\x0c-\xf9\xea\xd7kV\x96\x1c\x01\t\xd17\r\x8cF\xd1_\xed\xf7\x9f\x02\xb5wK4\xf5x\xdd\x8c\x88\xfaQ{l\x9a(\x9f\x89}\xa5\xaf\x12#0\xa6\xba\xdb\x900\xe2_\xaa(\x8a\xe2\xa4M\xce\x1f\xff#\xdd\x9c\xca\xfa\xaa\xa0\x10\xe5\xeb\xe9\x8d1+8f\xba-\xe4\xe33KU\xf0\xd7\xfd\x96\x12]\xac\xbe&gt;\xb7\xbb\xf2\xc3\x14\x8cRP\xfa\xb9\x99\xa4\xb9R\x83\xe3n^\r\xaa\xd9\xf9\x7f\xc9\x15\xe8\x1b\x9d\xbc\x05\x83Tp\xdd\x16\xea\xd9\x16\x8ch\xc6D%c\xf9\xbf\xffJ\x04\xc8B\xb9\x0bf\x19\xbd\xc6I\x95H\xe5l\xcd\x18\xae\x06\xaa\xfd\x0ei\xb2\x06\r\xff\xb9\xc7\xc8\xbfb\xce\xed\x1f\x16Q\xa1J\xf4+w\x90\x98\x04\x8a\xac\x9fKq\xd9\xed8-\x18r\x88\xb9\xae(4\xe6\xf0\xac\xa2\xbcs\xddG\xe4\x1a1\x859\xb0x\n\x14\x04\xe8\x00\xb4\xe0*^\xd8F]\xfcl\x16XV\x96\xc5\xb0\x15\x04\xf6`\xfa+\xdf\x93\x9d\xb6\xd6\xf03|\x1b\x01X\x05\x0c8\xad\xad\xef\xfa\xef&lt;\xa2\x18\xb0dQ\x17\n\x1b\xe1\xfaFO\x99&gt;\x88\xdcg\x17_l$\xb0|\xdfo6G|m;\xee\xec\xfc\xado\x1e\x93^\xab\n(\xd9\xceL\x03\x172N\x7f\xa7\xc16c\'\x08\xc0{Z\xbd\x98W\xd0\xd1\xce\x0fo\xeb!!\xb6S\xd8\xbbO\xa7\xd1r1\xbe\xbbSj\xd8\x07f.G"G\x02C\xa1I\x9f\xd0\xa6*\n+gK\xea\xd9u\xa9\xba\x9c\x08\xb4H\x88\xfaJ8\xb4\xfe\xa4\xef\xb7\x08B\xd9\xb1\xfa\x89\xd6\xac\x98\x97\xd7\x9b\x1c7\x97\xf0A\xca+\r\xb3u\xe2H\x1d\xfc\xca\xae\xea,z\x9f\xf1\x16\x9a\xfc\xc8\x9eY\x08\x07\xa4\xa1\x1d\xa4lk@\x0bm\xfd\x1f\xc2j7\xd0\xa9Lk$\xac\x9e\x969\x10\x08\xa7\xdb\x98\xbd\xae\xbb\x11\x1d\xc85\xfb\xbb\xaf\xfbq|\xce9E/\x06\x81\x87\xf0{\x7f9\x13s\x0cA\x1c\x1b\xf4\x0c\x1d\xa0B\x8a\x8e\x8b\xf4\xdf\x1eK\x06b`NX\xd7\xd15&amp;\xd3\xcd@\xd8\xe8D\x0c\xd5[-\x8d\x13A@\x87B\rCE\x9f\xce\xdd\xd7N\xa7{\xc0\x0b\xdb\xe4@r\x06\xdc\xbat\x9eS+N\x93\xd0J\x99\xa0.\xad\n\x9d9\xfd\xa0\xcd\xa5\x07G\x86`\x8f\x97\xcd\x88\xd5\x082\x97\xd5&gt;\xa1\xe5 \xea\x84\r\xf1&gt;\xa6\xd5\x9bhA \x875\x9a=}\xec4\x8b?9\x05\xcc#\xff\xa8C\xaa\x83k\xca\xfcQ`,\xb9[\x0e\x82E\xaaG\xb7vQ3\x1ak,\xc8\xf5\xab\xd8\x07u\x9bKHp\x1cO\x1dT\x1d2\xdd\x1f\x7fs\xf5\xe2L\x12G4\xe26!\xc0\x89\xf5\xd4\xd2y=t\x96\xf3p\xe34DR\xee\x0cq\xb6S\x08\xcc\xdc%\xb875\xfd.\xb0f~b2\xd6cJ4\xcd\xea\xb5\x8f\xb5}\x19{/5\xeb\x02o\x16"\x7f\t\x8b\x92.\xce r\x9d\x06\x08\x1et\xeb\x0c\x8b\x15\xb0\xc0\xabe7\x02\x19\'H3v\xbb\xb5\xc1&amp;\xe5\x15t\xe7\xf1\xc4\xdcKc\x91d\xa8\xed\xe0\xd8\xca%\xfas\xaf\x1e\xf9\xae\xe8o\x1e\xd1\x97@\xcb\xf4\x1f-\xa4\xd5\xcc\x0c*\xf2j\xb3a\x06,\xd8\x97\x02\xca\x07\xc9\x98\x1b\xce\x1e\xf0\x93\xa3!]\t\xbap\x1c\x98~\xf4:\xc2.\xfb\xc1Mm` \xef\x07\xb3\xc1\xc1\x97B\xcb\xb1e"\xa3\x0b\x02\xfd\x85\xad\xfdU\xed\xb5\xf8\x0e\xd1\xcdt\x9cO \xa2$\x99\xc4\xbd\xb6\xfbp\xdc\xfb+\xde1mB\x03\xba6\xe2\xe2&lt;\xc4v\x1a\xd7gq\x15\t\xbf\xdfD\xe8\xf7&gt;\xf4\x06\x1a\xc2wu7\xee)3\xd4\xc0\xe3\xff\xecCd\xcd\xbd\x0cs\xbb\xee\xf6\x15\xff\xb4\xdfK\x1d#\x9d\xc8\x9b\xea+7:\xc7&gt;\x9dr\xad \xd8\xe4\x96\xbf\x1a~YMFy\xf1F\xa7\xdbix\xcd\xaf\xa1s\xc6\x97\x02X\xb7\xbfxJ\xf4\xa4\x1bb\xf0E\xef\x9d\xcfqS\x129.W\xcb\x94\xcf$\xf3\x98$\x9c\xaaSI\x18\x05HD\xd5\xa2\xb0\xdb\xbb\xdfd\xedA\xab\xb4\xd5\x8e\x8d\x98\x88\x8e\x0c\x0e\xa0\x9b\x90 \xf9LxcF\xe9\xeb$\x8b\xe7|\xcc\x97\x99[\xbf\xdf\xb2#\xf7\xb9\xc6\xcf5\xca\x9d\xf2\x05\x0eF\xdd\xa4 O\xb4X\xe7\xcc\xfa\x82\xa4J\xfdN&lt;@\xba#\xd0\xa5%=\xf4\xc7\xb0\xf6\xc4\xc6\xc2\x1dz\xa0\x86\x0b\xb8#-k\xa9J\xa64\x1b\x0c\xd8=\x18\xaa\x9f\xe2\x00 \x03\xa1\xc5\x06\x19G\x9d\xd7\xab\xcff\xb3\xd3p\x9f\xcf:\x10\xd2h\xc5Y\x96\xd1\xe0|\xf4\xea\x17\xf3\xd9\x85n\x98\xed\xbd\xf8\x92\xe7\xfb\x8fuj\x96\t\x13\x97\x8cv\xad\xdfc\xf1v\x06qE\x92\xb4\xdb\xa0\x0b\xee\xd5 \xfd\xf1\xb5\xfd\x9c\x1bA~\xf3\x8a5\xbf[\xe6\x10\x06\xc9\n4z:\xc8\xcb\xfbV\x9f\xb0X\xd9\x115\xc8\x8db[7\xab23\xe5Hw\xc1\x92\xe6\xb5\xe3\x9dh\xa3$\x17\xf9r\x89\x02D\xa3N\x9a\x85F\x08\xe6l\xb1\x9b\xeem\xad\xab\xf8\x89\x92o\x96\xca\x82 &gt;}\xdc\xd0\x18+\x04\x1at\xc8A\xdaUg10\xe1_3\x00\xe7\x1f\x84\xbb\xf0Eo\xdc\x18\xfb\xcd\xf8\x9b\xb6l\xb5\x14A\xbf\xef\xb6\xac-Ff\xbf,\xf6\xaf\xc9`1\x0b\xd0\x85\xffA\x0c\xc9\xed\xe8\x97\xe2=\xda\x9d\xaa"\xe53\x84\xd1(\x9bp\xff\xabw\x17s!R\xa8\xfc\xefX\x0c\x89\x18 G\xb2,\xa5\x1f.\xff\xbd\x9c\x86\xdajC\x7f7w\x8e\xb4.\x0f;\x94\xcf\x7fh\xa59B\x824\xa1{\xf4\xd6\xd4h\x12\xd7\xb3\\\xe3\x8e\x8d\xd5\x9d\xd1\xfe\x8c \xa21\xdd\xe9\x96-N\xce\x17\xcfx\xb1\xe3\x05\xfc\xe4\xa29$\xf8\x94\xd92\x91\xc9\xf1r[\x918#\xe7\xc2=\x8f\xbe\xd4\xfd"#O\x9c*C\x1a\'\x1fIapo\xf4\t\x90\x1e\xa0*b\x01tf\xbb\xed\x16\x97Pj]a\xb4@\x8e\x18\x80\x15&lt;\xa2\x9a\x9e\xb4\xf9\xf3\xfbv\x8bA}zp\x9cQ\xe8P?gR\xb5T\xddq\xc8i\xd4\xb5#\xa8\xa8ux&lt; \x18\xbd\x9b\x9c\xfc\xeey\x1aC\xe2\x1a\xf7&gt;`Yy\x93\xa7M\xfb\x85!\xe6\xae\x08U\xf5|Z/|@e\\\xe4\x15I)\xd0Lb\x11\xe3\xc9\xab\xfb\x18R\xf7-\xc5z\xc8\xf5\xb4w\xc5\x01B\xc8\xf2)\x9e\r\xda\xff\x08\xce\xb8O\x1a\xae\xa9[\xe6g\xf9\xb0}\xc9(\x9d\xde\x1btyg\xe7\x1a!\xab[\x89\x8d\n\xd9\x8d\x7fN8a\x7f.\x82\x05\xdb-\xe8\xbe\x7f\x9e^\x9c3\x06D\x1c\xaf7hZ\x99\xbe&gt;p \x01p\xb6\x98\x1b!m\xcb\x1d 10\x1d\x19&gt;S\x87\ti\xcc\x93&gt;@\x9a\x14)\xb0\x84P\xa9\n9\x86\xf8\x00\x03\x08\xf1\xbaiO%\xc1]C!\xef\xe2[\xa9\x06\n&gt;!\xedD\xc2\xf4\x955P\xa7\xfb\x89r\xe7F\xae\xc6\xa2:\xa0\x16\xfb\xf7n^\xed\xf5\xf88\x1cE\x84xgk\xa9\t\xf3c\xa1\x81\x1bv\xfc\xda\xd1.x\xa5\t+\xa7C\xea\xafd\x84\xbbM\x10k\xf3\x87\x8d\x90\x01\xedF\xef\xd3\x10 \x93\xb0\x11\xf4;h#\xab\xcccU\xbbn\xa7\xaep\xda\x8b)\xe7\x15q\x0cH2\x8d\xde2D\xc0.\x9b\x18\x0c\xc3\xcb\xc91x\xb7N\x03mb]\xb0\xea\xb3 3\xb7R\x06\x85\xcfS\xf3\x13\xe6B\x8a\xb4\xd9#\xec\xd5\x82\xefe\xb5YAO\x93\xdcq\x9d\x9c\xa0\xec\xdbQ~\x02tb\xc7!\x01\x8c\xb6\x14\xc5\xa9w\xe4\xe0\xa0\xc4\xdeo\xa8\xec\xd1cC~_\xc4\x10\x05M\xba\xa3\xde\x1d\xa37\xb1a]\x82\xfb,\'\xc0K\xb4\xc6}K\x11\xa4\x11\xac3\xda\x95\xc2\xee\x97\xd1\xa4|\xc70\x19;p\xd5\x13\xf2=9p\x89R\xb6\x15G\x13j\xb3\x82\x80\xca\x0b\x87\xb3\xd8\x17[\x9e8\xfcIw\x8f\x11j\xbb\xc1\x8fr\xa1\x94H\x10\xfe\xb9\x8f\x19\xddme$\x1em \xa3\xcf1e\r\xc9\xa5\x9d\xbb\xabK=QP\xe4k%\x08\xb2$\xaa\t.\x12\xfa\x84g\x83\x89\x83\x9e\xb3\xf5;\x0b&amp;3\x02i\x9fj\xb3 \x01\\\x82\xf8\x8b\tJ\xa7\x11\x03Dx\r\xc1\x1fp\xedz\x92i\xae:\x0c\x06\xe6\xab\xc9\xe6`\x97\xab\x8c0\xfd\xb4\xc7\x034.\xba1\xf3REl\x88\xd2\x0b\x84G\xe7\'\x08\xdfW\x91\xb5O&amp;~((m\'N\x00\xb8t*\xb8\x10\xb9ym\xe0\xae\x0b\xac\xbaUN\xb8#B\xaf\xee\x11\x96\xa3HJU\xff\xe0\x110\xd4\xce*Q\x00#\xbd^\x1eM\xe6"(V1\x1d\xe9\xdcn\x10ET9\xf9\x1f\xd4:\x90\x1d\x8f\x03\xe6\x89\xe3\xccX\x82\xcaU\xdd\xa8\xe7;\xf5\x80\xa4\xa0#&gt;h\x9biTL\xdbU\xf9\xdd\xc4m\x1b\xd2\x08\x81o;\xa0\xd1IX\xa7\xc3\xf3\xc5\xfc\x93\xbc\xf9\xa1\xc7\x99\x13\x11\xafw\xa1d\x1d\x96\x0c\x8e\x08MS\x83X+\x7f\x89tH\xa5@(\x04\xb5\xf3\xdd\xed~X\xed\xddH\tO\x1eB)/Uo\x11\x0e\xbd\x1b$\xa6\x8be\xce\xee\x85C]3\xaf&gt;$\x11L\xb5\xf4m\x05\xe2\xad\xb2}f\x9dTo\xe9l\x12\xc7\xdd"\x0b\xe2\rT\xf7,\xc3\x1b&amp;\x9bp\xe7\xde\xc7\xeb\xd9\'mS]\xb3\xbf{\'p\xba\t\x18\r\x82\x81\xb8\xfd\xee\x19\xf8\xec\x9a4dM\x1b\x11\xdb\x9d\xc8\xf0\xfb\xac\x08e~G\xbc\x83\xa0\xb3\xe5\xbbz\x80\xbe8r.[\xa3\xe4y=D\xdfS\x10~\xad\xcdL\x9d\x8dg\x82\xf4\xaf\xf4\x93~q\xc7\x1c\xee\xf7\x9a\xa1\xe9a\xefuq\x9b\x81\xea0\x11\x19U\x12\xd7\xaaT\xca\xd2q{`WKE+\x1a\'\xc9-\x04b\xd0\xc7z\x95\xd0\x07X5;\x90\xe4\xd4(\xd5/\x9ck{\x80\xb7Z_\xed&amp;\x03\xb4-\xd6\xceal\xec\xc41|\xa9(\xcd\xc7\xf4\xce\xc6\xc5k\xd0\x81x\x85^J`\xe72\xd3_\x91Z\xca*r\xa8\x1f\x0e\x8b\xcf@\xcd\x1c\x9a1@\xecu4\x01\xba\x1b\x19/\xdf\xe7\xbe}\xd6GK\xb3f\x0f!:f{}\x1ch5\xb2\x87\xc0\xe0pR\x80\x8a\x0f\x17\xf4\x92\x97\xbe\'e\xb0\x0cL\xa9\t(\x0eQ\x1b\x0e\xac\\\xf5\x9d\xdf\x9e\x08\x98\xe1#\x93\xbc\x13c\x1c\xdc\xe2\xf2\x08\xb9\xe8\x03\x07\xc4&amp;\x11h\xeeD\x1e\xfb\xd5\xdc/"WO\x8b\nQg\x9c\xdf\x97O\xe0`+\xde\xb9\xaf\xa3\x87\xec\x9f)Qq\xb9e\x12\x1b\x9a\xaf\xc4^\xa6\xaeZ\xd2\x15b\xc8\xc8\xc5\xe5\x88\x80\xf0\xa7:\xb1\x94.QL\x17:dR\xb2\xd6\x99gE\x15\xbe\x05\xe8\xbf\xf3\xe8\x1aQ%\x98}\x1b\xdbK9\xa6T\xd6\xde\xdb\xd6\xbe\xce\xe63M\xd9a\x13\xec\xf884\x86\xeb\xe2dc\xb7\xea\xf7O\x1e\x92n\xec,\x8fY\x1b\xbeG\xd71\xb3x\xc5\xe9P\xa5\xf8\xd2c\xd2F\x01b\x0cK\x12w"o\xef\x01g\x8a%n\x9f\xac\xa3qH\x97RhW\x90/\xb2\x8a\xc8\x86\xd9r\x9e\x07|\xa6\xef\xf8R8\x7f?\x8c\xd8\x02\xc1\x1d\xab-8,\xbe\xc9\xe3\xd5\x9a\x81f\xd9\x009\xdd6V&amp;NJ\xd5\xea\xb4\xa6\xf916;\xbe6\'\xd2\xfc\x1e\xbc\xc3\xa0/\xbb\x99\x06\x13\x97\x08\x01j\xa5\\\xbbq~\x07\xd8x\xe4W\x95\xe6\tK\xd6\xbdx.\x02\xa1\n|\xfe\xea\xe3\xb5,\xd2\x15\xb2?\xd0j\xdcL\x8b^\xff\x97\x96\x92\xbdV\xb2\xac\xffz=\xda\x92o6\xf6Q`L\x889,j\x87@\xe6\xd2\x1d\xeb\xd0\x07\x99p{\x19\xb9\xd9\\T\x8e\xa8\xf4\x93\xdf&lt;\xda\xf0i\xc9\xe4\x02#\xe8 \xc4|&amp;\xb1\x8e?H7Y\xba:\xf3\xa1\xaa\x87\xfe\xe9C\xa0\xb6c\xf7S\x9b\xf6^^\x83Q\xb5\x95\xeb\xb2\xcb\xa4b\x11`\xe0\xf3u\x0b\xffg\x95\xcfE\xd0s\xa1\xae{\x00\xe1W^\xb3\xed\xcc\xaa\xbb\x8d\xf8&lt;|\xd9\xf2c^\xe9\xae\xa6\xc6\x01\x08\x95\x02E9i`\xe7\x91\xdb \xe1\x15\xd9]\'1\x1b]CF(\\W\x10\xe8\x88S\xa1\xdbO\xdf\xa3]\x98\xf5*\xf1\xd7\xce'</t>
  </si>
  <si>
    <t>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</t>
  </si>
  <si>
    <t>b"kK\x80O'\xdf\x81\xc9\xa2+\r\xb6|\xfe\xa6\xfb"</t>
  </si>
  <si>
    <t>ping the theory of trade in Chapters 3 through 8, we adopted a general equi_x0002_librium perspective. That is, we were keenly aware that events in one part of the economy
 have repercussions elsewhere. However, in many (though not all) cases, trade policies
 toward one sector can be reasonably well understood without going into detail about those
 policiesâ€™ repercussions on the rest of the economy. For the most part, then, trade policy
 can be examined in a partial equilibrium framework. When the effects on the economy as
 a whole become crucial, we will refer back to general equilibrium analysis.
 Supply, Demand, and Trade in a Single Industry
 Letâ€™s suppose there are two countries, Home and Foreign, both of which consume and pro_x0002_duce wheat, which can be costlessly transported between the countries. In each country,
 wheat is a simple competitive industry in which the supply and demand curves are functions
 of the market price. Normally, Home supply and demand will depend on the price in terms
 of Home currency, and Foreign supply and demand will depend on the price in terms of
 Foreign currency. However, we assume that the exchange rate between the currencies is not
 affected by whatever trade policy is undertaken in this market. Thus we quote prices in both
 markets in terms of Home currency.
 Trade will arise in such a market if prices are different in the absence of trade.
 Suppose that in the absence of trade, the price of wheat is higher in Home than it is in
 Foreign. Now letâ€™s a</t>
  </si>
  <si>
    <t>b'0F\x02!\x00\xf1\x87i\xcbMna\x8d\xcf\x0f\ni\xfb\x02\xef\xc8\x0f\x10[\xa6{\xca\x04\x99\xd2.\xf9\xae@\x8f\xbaC\x02!\x00\xa3\x9eu\x82:)U\xc69\x80,\x80\x98\xbdB\xbbTD\xd4$n\t\xc0\x14.\x81*\x0e9\xf9\x94\xdd'</t>
  </si>
  <si>
    <t>3046022100f18769cb4d6e618dcf0f0a69fb02efc80f105ba67bca0499d22ef9ae408fba43022100a39e75823a2955c639802c8098bd42bb5444d4246e09c0142e812a0e39f994dd</t>
  </si>
  <si>
    <t>b'0F\x02!\x00\xf1\x87i\xcbMna\x8d\xcf\x0f\n'</t>
  </si>
  <si>
    <t>ty on the bank of the
Tiber and deposited it there, and have preserved it from that time. I have seen it myself
and can describe it. . . . None of its timbers has rotted or gives the least sign of being
unsound; intact throughout, as if newly constructed by the hand of its builder â€“ whoever
he was â€“ it has retained its strength in a marvellous way up to my own time. Such are the
facts about Aeneasâ€™ ship. (Procop. Goth. 8.22.3â€“17 [abbreviated])
Writing this passage in the mid-sixth century CE, Procopius is a striking witness to the
depth of the Romansâ€™ concern for their national past â€“ and also to the wishfulness, or
credulity, of an antique writerâ€™s report of it: ancient chronographers placed Aeneasâ€™s
voyage to Italy around 1200 BCE, which would make the pristine nautical relic
Procopius saw â€“ had it been genuine â€“ over eighteen hundred years old. An â€˜â€˜incredible sight,â€™â€™ indeed â€“ but perhaps for Procopius and his Byzantine readers that was just
the point: to acknowledge the continuity of Roma Aeterna as a uniquely powerful
historical ideal, a marvel that overrode oneâ€™s normal experience of time (Cameron
1985: 191â€“2; cf. Matthews 1989: 280, 470). For us, anyway, â€˜â€˜Aeneasâ€™ ship,â€™â€™ so
implausibly well-preserved and so willingly pronounced authentic, offers a neat
emblem for the subject of this chapter. Our interest lies less with raw events of
Roman history than with ancient representations of it, and â€˜â€˜the construction of the
pastâ€™â€™ â€“ a title that begs to be deconstructed â€“ signals that our discussion will
emphasize the role of human artifice and imagination in this connection. We are
not discussing some fortuitous product of random accumulation akin to a coral reef.
To treat the past as â€˜â€˜constructed,â€™â€™ rather than just â€˜â€˜retrieved,â€™â€™ or â€˜â€˜recorded,â€™â€™
suggests narration and â€˜â€˜emplotment,â€™â€™ and individual or collective human agents
shaping material purposefully in some degree â€“ if not with the panoptic vision of a
master architect, at least in the manner of a building gang that has some notion,
however hazy, of what is being produced or added to, and of the end-productâ€™s likely
utility. And that purposive impulse suggests in turn a process in which historical
â€˜â€˜factâ€™â€™ may be distorted or concealed, or simply invented, to suit the end in mind.
1 The Construction of Roman History
What the idea of a â€˜â€˜constructedâ€™â€™ past might imply about the epistemological status
of historical events is a question for philosophers (e.g. Mink 1987; H. White 1984:
1â€“57). For a hardcore deconstructionist, it may be, â€˜â€˜the pastâ€™â€™ is indeed just a juice
secreted by present discourse, and history-writing a species of fiction. But one need
not subscribe to any branch of post-structuralist theory to find â€˜â€˜the construction of
the pastâ€™â€™ an apt phrase to use in the study of Roman antiquity; one need only attend
to empirical fact. The events of Roman history are plainly accessible now only
through traces they have left in material remains and in texts produced and transmitted by supervening hands. And while some textual traces may survive as material
remains nearly contemporaneous with the event at issue (an</t>
  </si>
  <si>
    <t>b'4\xc8\x91\xdb2\xfc\xf3\tO\xdao\xfe\xf7}\x90\x08$g\x0e\x9bL\x8b\x19\x9e\xcd\x0e\xc8\x0b\xcb&lt;\xff*\x85\xd4\x92\xc2\xdc\xfc\x96\xbcq.6 \xf3\xd4\x10R\xc8#\xae \x06\xc6\x85\xc9\x11Z\x1d\xe7\xad\xbcX\xdb\xaf\xdfU\xbf\xd4\x0b.\x98L\xf3\x99mo\'5\x00\xd8\xbf\xb7X%\\\x94\x87PXh_\xf0T\xbe\x93nm\n\xd4PWjl\x93\x92\x8b\x93\xee8J\xc6e\xdf^g\xc6\xfa\x07:K\x8f7\xec\x17\x8f#\xab\x02r9\xa0\x11\xa8N\x0e\x9c\x80\xdbj2l\x19\x8b\xed~\x03\xf0\xf0\xe2\xf7\xb5\xf3\xf0\xf5\xd9\xc2\x0b\xb4\xad\xb2\xdd\xb1+W\xd4^\x82\x98S&lt;^x\x8d\x87J\xbd\x91\xd3\xf4-4(\xd6$h\xa4\x88K\x00\xe8/\'$u\xf6\x8f\xbb\xe2\x1b\xa7\xc7\xb2\r1\xf4N|\x99\xe3K\x01B\xbf\x1c\xfe\x0b\xfd\x0bd`\xc0\xb2\xd6\xaa\xcf\xdb\xa2~N\xdfv\xfe\x95\x10\xf6\x07?\xa2\x95\xe42\x00#\xa0\xfde\x11&lt;UY\x1aN\xa0X\xdf\xa2\xeaYmg\x96+\x9a\xe1\xa8#\x80\xbd\x96\xd6)\xb90C\\~\xfb\xf7B\x18\xf3\x7f\x84\xbb\x7f\xd5|c\xc9"lu\x9d\xc7!\x18\xfc5\x91\xa1\xe7\x0b7\x9a|:H\xbb\x80C\xce#\x14\x04\\\xcd\x02*\xf4h$v\x01\x88d\xa3\x8d\xaf\xdbE\x19\x14\xf8G\xc6\xcb\xdb1\xf1\xf1\xd9\x99\x113R\x11BXO\x94\x024uaqu\xef\x026\xf2\xd9\xc3\x18X\xcaV\xd9\x89\x0b\x03\xe5Jt\x00\x8b\xc4\xef\xa6\x8b\xff\x0e\xca=g\x93\xd6\xe8r\x13C9\xc9\x8c\xf5:\x8a\x8dM\xed\xe3\x1c-C\x1e\x7f\xa5Kp\xd2\xa7W\x89\xbf\x1a\x017\xcf0\xe6\x86V\x82&amp;\xf8\x96\x10\xc1\x8c\x89\xba\xe9i\x93\xecZ\x89\xcd*Fa\xf5\xact\xddlb\xb2\xd8K\xd3\x15\xa9\x00N\x88i\x98c0\x0e$\xc3\xba\xa4\xf6ED\xf4\xc7\x89\xa63\x89lq\x83\xa9vZ\xf9\xffH\xb1h\xa7,?\\\xbe\x9c\xf7P(T\xabTI\xfb\xf2U{*C\x8a\x10\x9a\x181c7\xa8q*A\x17-\xe74\xc8&lt;\xd1\xa1\xcf\xaf&amp;\xb3\xf7\x9dO&lt;\x1f\xda\x88l\xdfm\xd9\xde\xe1\xa6\xaefg\xc2aC\x9b\x1b\x96\x08h\xc1C=n\xd6n\xa2\xb0%\xa8\xceG\xe5\x92\xf0}b%\xc1\xe5\xc0pS\x02\xd8\x18I\xbf=~\xf4{\xb6gR\x87\xee\xc5\x0b\x94\x1c\xe1\xad\xe3\xedEb\xba\xbc-\xfdX\x0c\x0fI\xfb\xa5\xb3W\xf9\x8b\x9a\xec:\xeei\xafJg\x1a_\x9a\xb4Kw\xd1\x98\x16\xd2\xfa\x96G\xbe\xc4:\xc75\xcdk$Tz\xce\xb1\xfe\x13G\xab\xc2E\x02\xf3\xd2\x8f\x99\xdb\xd5\xf24G\xd0%\xdb\xb4\x8aey\x8aT\xb3\xa2Kxe\xbe\x19\x9d\x86 \x17d\x91F\x949i6\xc6\xaf\xfd\xcb3\xdf\xbdG\xd5\x07{\xb7\x82\x85\xc5\xf1C\xfaM\x14\xe1X\xb4\'\xfa\x1ec\x0bp\xfc\xa3\x80\xbd\x15\x9e\x8a\xe2\x9b\xbc\x7f%\x11\x12\xea3\xe3\\\xff&gt;\xfe\xcfZ\xd7\xc24-\xc1k\x96;\xf4\xa9\x8dC\xac\x85\x89MZ\xecJ\xc7Q/R\xd5\x91\xc8\x1d4\x89z\x9d@yGi\xc9\xaa\\\x93X\x17\xd3}\xf0\xdd\xff@\x96\xacO\xcbW\x02\\\x0b\xc77\x12\xc2\xe0\xaev\xb7&amp;\x154\xba\xc6\x90\x11Y\x84\xc2\x08f\x92\xd8\x90&amp;\xebA\x80#\x0e\x85\xe8To\xd0\xb0"Pe\xb2=\xbc\xbd:\x19m\xc34\x89N\xc3\xf0\x98\x05\xa0~\x0c.b\xff\xa6ggQ\x99V\xe7\xbd\xdc\xe6\xfab\x0e5\xbb\xbc\x90)0*\x0f8\xf7\xe3o6F\xf3O\xee\xde\x8f\x96\xd4\x8b4\x94\xcb\x92_q\xf7\x1c=\x0f5v\x9eTJ\xcd\xc0\x14_\x8c\x016\xb4\xa5\xc5$\x19Z\xd0Cq.Bccs\xd9\xff|\x00\x86\xdeD\xcb\xad\xa6-\xc7\xb7b\x83\x97\x97&amp;\x0bN\xf0pH\xf9\xbb\x88\xefH\x82D_\xfc2S\xf5\x0c\xeb\xa2G_#\xa2m?]\xe9 \xa5\xa6U\xa7\x1f\xe4\xce\xad\x7f}\xa5,e\xb4\xf6Q!T\xf7O$x\x95s.\xf4\xd2Z\x90\xa4c\x0b\xa5\xac0"\xda\xe8\xe9\xda\x0f\x18\x17\x90zOl\x9daM`\xe6l\x1e\\\x94l(BtT\xc3\x0b\xb8\xd3\xa7?BG\xbfc\xc9~s\xe4\x1f\xc8\xe9\x8d\xf7\xfc~n\xc9\x89\x9a&gt;\xcbt\x93\x07\xb4\x97\x93\xb9\xd7\x02\xed0\x07\xac\x86\xcb7\xfd1\xa4\xbe\xf1\x8d\x07\x92\xd7r\xdd\xc9I\x80&gt;I\xe8I\xefN6d_\x85\x9c\x8f\x17[\xear\xd3cu\xde3\x1f\xbc\\g.U\xf4-R\xb5\xfd\xe3;0\x11\xbc\xd4\n`\xb3g\x91\x8a\x8e\x86E^`\x913\xe9\x84\xa6\x1b\x9d|p\xa2\xdf\xc0\xc3\x13ad\xb9\x1b\x13Y\x92\xf4\x8c{\xc3/\xb3*\xf7{\x9cb\x99\x8dj\x82\xf0\xd6&lt;\xab\xa3\xec\x1f\xe9_*\x17\x80\x12N\xec\xca\xdcaE\x93\xde\xe3\xe6J\x80\x0eY\x0b\x8dv\xa7\x87\x1e\x04\x87\x98\xc1Z\xa2\xa7\x87&amp;u\xef\xd2B\xe6/6"\x91\xba\xed\xe33f\x91\xcfL\xdb\xb5c\xe7!\xe1\xbai38\xb1w\xe4ey\x97\xd8\xd5\x9e\xa6\xba\xab\xf7\xb0\xef\x91\x8d\x0cl\xd8\xeb$\xb6\xb7\xfe\xe9\x9er\x89e\x10-a\n\xbd\x94\xc6\xc5\x9a\xf7\x15\x11\x1e`!9\xc2\x17\xaa\xfa\xee#gZ\x7f\\{\\ \xc4\xa5\x89\r\x02\xcf[r&lt;\xf4\xb8A\x8fr\xe9&lt;\xf4\xd2\xf2,z\x1b)\xcb\xee\xc8\xe7`\x10m/\xf8D\x04Z9K\x0f\xa6IQ,0\xb4K\xd0|\x91\x10\x10\xda\xd7}E)*_v\x14\xd8\x88\xebiC\xe3\xf6nY\xed\xa1\x06\x8d\xdc\xc5\xca\x9f\x01R\x80@\xc0&lt;\x1c|\xef#\x82\x02GoZ yK\x83j\x8c9\xa7\xa8\x96\xd7/FReTd\xdd"vu\xc0\xca\xf4\x02\xbc\x0c\x87{\x8c\xf8\xed.\xd6\xe0\xe7\x85\x90\xb0\xbf\xb1\t\xa0E\xc5\xae\x03L\xa0\xaaVc\xd0F\xf8\xe10EL\r\xebV\x94\xb7\xf3\x89"\xaa\xb2\x0c\xea\xe4dl\xd7S\x98\xd4\xa6\xc7\'\xbef|\xb7\xca\x04\xecT\xa6\xcc\xb8x\xe9/ \xbdL\xb7\xf5\xda&lt;\xf2\xdb\xd8=\x1d\xb8\xc69~\x9f;\x19\x90\xaa\t\n\xf4y1c\x85\x8d&gt;&lt;\xadF\x18\xe8|\xc2\xb2e\xb2i\x18\xcc\xa37#\xc3uu\x06\xcfN(\xc5\xacT\xffav\xb4\x08T\x8fUJ\x0c\xc7\x15\xb6\xa5S\x1e\x89\x9c\xf1\x8bt;\xbd\xca\xd7\xaa,\x16\x87\x835\x90\xe8\xe6k\x8c(\xfc\xc7$_\x85\xaf\xba\xfdYZP\x8a-\x82\x98\xe0\x00\xed\xdbq.n\xb8t\x0e\x9f\xc1\x94#8\x1f6\x15\x1d\xcb\x08!\xb2\xd71\x10\xd2\x0c\x1d\x9f\x02\xe9{mQ\xda\xe4^\xaa\xf2w\xcc\xba\x07\xd2)\x18\xca\x8di\r\xa9\xd8u)\xfai\xea\xc9{\x9a\xc9Wl: p\x9d\xa1\x8a\xb9\re\x05\xa3i\xcb\xaf\xfc\xf6U\xa0\xb5\xa7R\xe9\xf1QJ\tC\x85\xbdU\xf3K\r\xc1\xfc\xca\xee\xfb\xb3\x9e\x9coK\x92\xb4P\x953~\xe8\x16;8#\x9a\x8cu\xebC\x96KA\xbf\\k\x1dz\x85\xeb~P\xfdS\xaa,\xd4Dx\x08\x077\xa8f4t5J\x9d\xd4\xe2\x87.\x94P\xd7\xdc\xa5\x03q\xc5\xe3&lt;u\xbf2\'D~\x02\x10#h\xba\x02_\xd7\x9d/G\xd5t\xbc\xb1nr\xb4S\xd9\xf8I\x89@\x11B\x7f\xb4\xd9\x16\xa4\xc2ei\xc4;-\x80\xe5\xbf\xf5\xf2\x19\xbf\xeaV7$B\x8eWq\xbb\xff\xf0\xe3\x04\x9d{\x9e\x88Kj\xa8\xac\xe4\x16\x12\'\x8eFmO\x16_\xc7Bn\xe7\xb8\x9e7\x02_\xbb\xc7\xd0\x9d\x8b\x8c\xccB8\x01\xff\xcfl\xb4\xc2B\xc8E\xd2\x1cG\x14\xecPs\x007\x05\xeb\xa3kG!P{\xcc\x11\xe7\xea\xba\xb0\x94\xa4\xd4M\xb9[\xc9\xa5\xcdO\xcd\xf2\x7f\xa2EQ\x13X\xccb34tcx}$^\xc3N\x05z \x12\xa8\x18\xdbW\x8d+\xc7\xe1\xc4\x98\x0f\x11\x01QJ\xa4\xdb"v\x82jR\xc7\x06Zt\x17\x06\xbe\xaa\xa2\xa9\xfa\xberTD \xb5\x1f\x01P\xbfrq\xd8D\xf1}|\xe6j\xfd\x97\x177\xc0\x92@\xb8\xd8z\xf2\'\xb0\xc0\xd4y\x9cb\x93\xfb|=\xbc\xa8eR\xbb\x11\x96\xf2?\x91\xee\xd8\x8e\r\x8d\x8f\xa5\x05Zm\xdb\xcbM9\x00iA\x1d\x07E\x0b\x8d\xc3\xaa%c\xe2\'\x11\\\x1c\xf5\xb4\xd5\xc5\x87\xe8\xb3\x84$\xf6\x02\xa9\x1d\xda\x9f\x12F*m\xbf4I\no\x9bL\xeb\x1d\x1caz$D\xdf\t\xb3\xf9\x94i\x97`Gq*\xfb\xbb\t|a"+\x9a{b\xae\x9e\x86\xa1"x\xda\x90\x17\xa3\x1a\x93\xd5\x18\x15\xc7\xe5IN\xd2]-}\x85"\xfc\x1c\xb5\xcfk\xe0%Q\xb2\\\x10Vg\xc93\xe9\\\x0f\xb7[\x8c\x84t\xa5\xf7\xed\x14s\x8b\xe6\xaa\xc4Y\xbf\xafI-\x01\x11Ee\x06\xe0\xfe\x989\xf6F]\xa8\xd0\x92j\xef\x94Z[\x9b\xfa\x1f@\x18\xf8\xd2\x057(\xa5\xaan\xfa}&gt;\x16\xdd\x94\x9b#\x11)\xcc\x80Ldp\xc9\x04\xa8\xf1g*\x89[\x9fCU\nw\x07\xbe\x1d}\xef/\xc8\xb3\xd7j\x9f\xfc\xda\xe9\x18!\xc0K \x899\xd2\xc2h\xaeg\x87\xc8\x8e\xd9\xe9\x9f$|Z\xbam\xbeW\xf9\xac\x89(\x11R\x86d\x07v\xe9\xba\x9d\xd0iM\xa2\x9c4\xad.\x8du\xc3Y\xe0\xe7\t\x0c\x19\xed\xd6&amp;\x7fp\xf9B\xf8%\xf40i\xf0\x9b\xc95.\x13\x7f\'TX\xd2*\x93J\xcf\x04m\xb7=\x95U\xe0 3\x8c./\x8a\xc2\x9e\xd8\xc5Zfg\xce\xae\x1f\x94O\xa2\xf6Gk2\x1f\x95GG\x0bA4"D\xdb\xb0\xd9\xa93\xea#\x7f\x99\x93\xa0Ybd\x9f\xccAj)\x03EWnx\xc4\x8dI\x05#\x06\xb7wX\x94\x05\xa9T5\xcc:d\x87\xcf.b\x80\x15\xd5\x9b]\xe9g\xddL\xc0\x8fY\xf9f\xce\xc0\x1c9\x05\xc9\xeb?\r\t\xd8~\xe7x\xec\x18\x00p\xe7\xab\xdetG\xdc\xcea\x10d\x0b-F\xba\xa1\xc6\x9c\xc8\x10\xf9v\x94\xcetPk(Yq\xce\x1f\x85\xc49\x83\xd8vd\xbb\xefPEb)Z\xd8/s\xf5\xc8\xc6\x8e\x9a\xfdxK\xc5\xb2)\xf4(\xeam\xb9\xb0\xef=\xc1\x89\x89\xfe\xf0W\xb5\xf9*\x9cjuF\xaf\x10/\xf7Z\xdb\xaa\x93&amp;H\x80\xe6\xb7\xd1]e\xfe\xdb\xe5\x0b\xc8p1\xdcV\xd1\x95E\xca\xc6\xd7\x17^\'\xff\xbe\xd2\x1e\xbc?\xf9\xef\xa1\xcf#\x82\x0bD\xb9\xb7l\x9b\xc8o\x10\xf4\xbcp\xea\x01)\x07E\x1fO\xc8d\xeb\xa5i\xbeM%\x11\xe2y)b\xfd\xee\xf1\xa9\xd0/\xfd\x9a\xce\xd5\xde8\xab\x8e\xc7\x81\xd1\x14\x8bc\xad\x90d\xa5\x1c\x98&gt;\xa5\x80J\xef\xeaFf\x1fL\xf6X[\xc6\xc5*-14\xbe"\x12ia\xf6J\xbb\x1c\x9e\x1d\x03\xe8q\x9e_\x85\xba\'}%6=\x16\xdco\xa3E\x80\x97\x8273J\xda\\-\xbd\xfb_\xc6v\x0f\x9a\xd1\x05\x87u\xc9F+\xcd\xf7\x92\xd4,\xccp\xb9R\xea\x06\r\xf9\xaaYi\xbemb\x9f\xb7\xb0G\xffa=k\x9eb\x95\x1c\x93\x15\x89\x17\xcf{/\x89&lt;a\xf5\x1d\x96\xe54\xdd[\xc7\xb6\xba\x88\x17\x9a\x80\xbf\xd0]`\xa8\xef\xd95\xdad*\xed\xf7\x9dqS\xf9;\x1f\xa0V\xbcQ\xab\xa7V\x96\tN\xbb\x18\x9bB\x93=\xd4\xff\x8e\x93\xe9}\xa2\xae\xa6\xacv=|\x8a\x7f\\c\x8dC\x8bw%|\x81\x94\xc7\xf0;\xa2\x8d\x10h\'\xf8|\\\xde\xd5\x1b\xf1\xec\x8f\x94\xd5\xa4;\r\x84\x12\x1d\xbe\xedio\xd2\xaeh\xc7\x18O\x98\tS%\x126\xe2\xa9\xedwg\xf6\xc3}\xd8\x88Xf/l\x0f\xbf\x04\'kQ\xe4\xba\x9a\xdba\xad\xb2\xb6}x\xf2\xf0\x07\xe0\xf9y\xb3\xc5\xf0\xbd\xdav\xbf\x03\xf8\xec;\x94\x7f\x15\xd3\xd7\x99\xb3\x01K\xc1\xbf8\xaeO\xf9\x06Pjt\x0b\xcd\x9b\xa7\x1d\xb7\x9d"\xd8gkI!9\xb8~\xf1M\x90\x9a\xe57\xbe\x8bU\xb1\x98\x0b+\xde&lt;e\xe3\xc1@bo\xc8\xc2\x83[\x0b\xbf\x08\xce\xc4%)v\xc6X\x17\xf5G\xdf\xeb\x8a\xcbq5j\xde\xa7\x1c\xc4\xc5\xe9\xa4U\xbcRn]\xe4\xb9\x19m6\xdd\x03\xbf\x12\x80\xba\x91(`.\xda\x1b}dk\xa3\xb4\xe7ql\xf8\xa4\x96\x0c=\xf9\n\xec\xdf\xfd\xc5(\xf6\xe3|9"?\xf4gTZ\xe7\x0c\xde\xdbE\xf2\xad~\xfc\x9a\x04\xd3\x13z\xaa\x84J\xa9\xdf\xf0=\x05\xb79\xaaT0\xbc\xc7Y\xd9\xe1\xf8?D\x0bn\xcf\xd3i d/7w:\xff\xf5-h*7\xc5HyB\x9a\xc2\x01\x8b\xfbkC\x85i\xd7O^\x84\x96u\x1aG\x98Q\x8c\x81 \xc3\x1a\x93%\x0efq\xdf\x1f\xa2q\xe8\xbc\xa0\xfe^D\xa2pG\xab\xb0\xd4\xc3\xcf\xd7\x8a@l\xe3\xbe\x9fA\xa2&lt;\r\x88b\x8dd6\xb3B5a\x95\x87\xd5e\xa1\xcdDg\x9ei\xe6\xde\xcc\xdd\xc6\xc5;\xfdv\x15\x9b3\xa0\xd4\xdd\x11\x8b\\\xd7\xb4\x96f]\xea\xa7\xf6,0\xf8\x1e\x91\x1c\xdb\x8b\xf9\xa9\x91\xcf\xab\xbc\xac\xc5K\xed\x82\xcd\x97\xd4\x86\xf67\x12\x007\x83\x12\xbbu\xf7\x03\xe8\xf1w\x10\xbfdH\x1f8\xb5\xb9%\x05\x82\xcc+\xb9\xb5g\x96&lt;)\xa0\xabv\xc8\xe9\xcb+{4\xf5i(\xe9 \xabem\xec\xb8\xa7\xca\x96\xea\xed\t{\xbc\t.\xa5\x94\xf1\xcb/x\xbe\x91\xa9}\xacf\xd7AL\xde\x81e_\x1b'</t>
  </si>
  <si>
    <t>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</t>
  </si>
  <si>
    <t>b'4\xc8\x91\xdb2\xfc\xf3\tO\xdao\xfe\xf7}\x90\x08'</t>
  </si>
  <si>
    <t>For example, Gemellus, son of Breucus, a Pannonian, served in the first ala
Tampiana of Pannonians stationed in Britain. He was discharged in 122 CE, and
apparently retired back to Pannonia, as his diploma (CIL XVI.69) was found in
modern Hungary.
Military diplomas also list other units in the province that discharged veterans at
the same time as the bearer of the diploma. An individual diploma rarely provides us
with the identities of all the auxiliary units in a given province, but often they can be
patched together to give a likely total. For example, the eight cavalry alae and 18
infantry cohorts listed in Syria in two texts issued on the same day in 88 CE (CIL
XVI.35; Roxan 1978: no. 3) perhaps represent the complete auxiliary garrison of the
province, which also had three legions.
As the Roman army defended increasingly well-defined frontiers through the
second century, we see evidence of auxiliaries deployed in a dispersed manner in the
frontier zones, engaged in patrolling, policing, and other duties. For example, a (90s
CE) unit strength report of the first cohort of Tungrians, preserved on a writing tablet
from the fort of Vindolanda in Britain (Tab. Vindol. II 154 Â¼ Campbell 1994:
no. 182), records that this milliary unit had an actual strength of 752 men. However,
only 296 of these were present (and only 265 healthy) at the fort. A further 337 were
at Coria (Corbridge), 46 are described as singulares (probably detached to the
governorâ€™s guard in London), and the rest were at six other locations. Early third
century papyrus duty rosters from Dura-Europos present a similar picture. P.Dura
100 (Â¼ Fink 1971: no. 1) lists men of the 20th cohort of Palmyrenes at no fewer than
six locations besides Dura itself as well as on the governorâ€™s staff, escorting the
emperor and (perhaps) hunting lions.
While auxiliary troops often were dispersed throughout the frontier zone, legions
were perhaps more concentrated, sometimes based a little to the rear, in reserve
(Luttwak 1976: fig. 2.2; 2.4 for an abstract depiction of such a frontier scheme).
For example, in Britain Hadrianâ€™s Wall was mostly manned by auxiliaries while the
three legionary bases were further south, at York, Chester, and Wroxeter. However,
the traditional view of sepa</t>
  </si>
  <si>
    <t>b'\xb3\xd4\x08\xa7\xdf:A\x06\xc8Y\xe7\x89C\xbf\xa6\xb0\xa7&amp;\xbe\xa6\xa6kZW\x0f\xca\xaa\x1d\xe03Q=\xac\xe6\x19\xc0\xd0w%\x15\x91\x01\xbac\xff\x80\x0fo\x9f\x96\x9f7\xfaY\xf6.\xcb/\x1b\xef\'rm\xcbK\xa6k\nu\\\xe6Iu\x1f\x9b\x1b\x99\xb6\xbcdZ\x8aT\xee\xea\xb8{\x13\x88p\xdc\xf4m\xfcv\xc4\x8d\x11\xaf\xd9TL\x00\xc0\xb1\x9aTL\xde&gt;\xb6\x9c\x90\xeb\xe2g\n\xcd(\xf2\xec\xbdw\xd4\xd9\xb9\x89h\x03\xf5D(#\xeeo\x8b\xf8Wv\xac\x08&gt;\x07V\x89\xde\x9f\xd1\xd0\xa5\xf2/i\xacc\xad\xbd\xb3\xd6z\xa9\x94\x83\xf3\x19\xc6."[E\x06~E\x9f$qL/`W8\x0f\xc4 H.\x81\xf4\xdfB&gt;\xbda1=\xf6\xe1d\x8dn\xeb\xdc\xa8I\xfb\xf8\xbb\x18\xb2\x19\xdc\xeb\xdfV\x1d"--+\xe1Yt\xe4\xfe\x0e}\x91\xf9F\xeb\xd6\xebl[\xb4b\x84\xba\t\xe7S0\x0fE\xf7\xf4NEq\xedS\x0cY\xa8"\x98\xb6\xa6\xe7A\x8d\x0b\xc6\x11\xae1\r\xc7\xf8IZ\xfa\xb6h.\\8\xf7\x9f\x19\x132\x05\x9a\xc7U\x08|6\x93\xcfW\xd7\x17\xf7\x82\x80\x184\x1bx\x96\x94\x80\xb9b4\xb9\x9f\xf2\x87\xa0\x8b\x80\\\xfc\x9c\x0e[\x82G\xdf\xd8\x8d]L5\xa8\x9d!\xb0D\xc0#\xc9\r!\xcc\x99\x1b\x0b\x8a(DO4;Q.\x92(\xa2{\x1a\xfd\x0c~\x93\xe1+\xf7\x91\xa3S8S\xbd$a\xcf\x84\xf1E\xdf\xa1\xf9IF\xeb\xcaC\xb6A\xbf\xc8@\xca&gt;\x1ec\xf2\x98u\xcfb\xdd[\xd5\x83\xfc&gt;i9J\xf8&gt;\xc0\x13\xc8\xb2\x97k*O\xa8\xda\x1bcS\xfc\xc6\x92\x9b\x9cHn\xfa\xc6\xd0\xb8\x86\x1d\x92,6P\xe19\xc8*\xb2[F\x90)\xba\xd7R\x82J\xa0\x00\x05\xcb\xe9\x18\xdeI\x8b\x8a"\x1a\xa71\xe7~\xd3\xe8k\xe8\xe0\xb2\x0es|=\xb7\xe7\x12\x87\xcf\xd9[\xe8SI\xf0S\x9a\x87\xc9M\xc1\x95]\x8d\xc3,\xbb\xfdR\x9fIY\xc9\xcf\x12\xd3\xb1\x971\x13\xd9\xcc\xfe\xf0\xccTuU\xa0\xf7(\xc6\x90\x92\x00\x0c+\xf8\xbfJ\x11\x12\x82\xd1\xf7v\x16\xe8\x86!\xd7\x13\x14\x04\xbc`\xd66a\xf0\t \xa6orX\xf2\xe7\xbdK\xf2\xda\x88\x90\x8e\xc1\x8f\x1es s{w\x9f\x8d,\xb4\xa5\x15wW6\xf2\xc6\x87P\xb9\xf7\x88\xd5\xd1(;\x99\x95_!\xce?\x8b\xc0\xe9\x95\n%\x16W\xf5\xf4\xe2\xdc\x18\x956k\x82\x8bK\x08At)\xfe\x7f\xab\xfa\xc0t(\x92)\xa7\xe5\xbd\xf7\xa9_\xeclq\x99\xa62\xaf\x10\xc4\x03h\xf4\xd4\x0e\\\xf5,y*\x88\x17i\x9b\xeb{\x8e\x99\x03\xf1`\x9c\x04]\xf6l\xea9%J?o\x1d\xb1=\xd0x\xff\xea\x90\xaf^\xf4\xcc(\xf9\xd9\x87\xe4\xd8o\x03\xeb\x1d~t\'\n\xe8\x1ax\x18}\x8f\xa4_@\xd4\xfb;\xdd\xa70\x7f\xfd\x11\xf4osQ\x1ef]s\x83\x01e6g\xf3\xd6!D\x8a-\x9e\xa6\x80\xc4\xdc\x021r\xd7\xd6\xa0\x0e\x1f\xa7|\r\xa3\xca)\xc28\xf8\xb3\xec\xd2R\xee\x85\x8cd\xdd+u\x06\xed\xacm\xd6\'\x12\x07qb]B4\xfb\x1d\x12\xd29\x8f@/\xde\xbcr[=\xa8S!\x8f*\xff\xe9\x9e\xb3A\xcff\x9f\x95,\xac\xaa\x06\x89\xf2\x0e4\xcc\xdcU&gt;\xc1\xfe&amp;B\x00\x1a\x91s\xf6\x90I~=P\xb2\x81S\xb0+\xb0t=\xd7\xe5P\xf6\x03\x85]y\x84)\xf8\xc4\xa0\xc0\x92u\x8ax\x9d\x88.P\xf4[\xb6]\xc4,T\x8d*\xfe\x81\xea\x88\xaax\xbf[\xb2}\x98\xf3\x1a\x93\x90\x9e9\xda\x8cp\xc7\xb3c}\x8cNP\xf7\xaa\xfbU\xc2\x7f`\x1a\x1d.\xa9\x92h&lt;\xb8\xce\xbb\xe7\xf2y\xdf\x19?\xc8\x89\x18Tn\xf4\xa0\xa6\x1f\xda\x0f\xd2~\xafy&gt;\x04=\x8f\xcc\x86c\xc9\x18\xd2a\x9f\x13\xc1L\xb2@,IO\xf16\x86\xbe9s-.\xd9\xf9[\xab\xad8\x9eZ\xe9\x06\xc3\xdf\x17P\xc44\xdbyl\xcc\r-\x15\x86vJ%~\x10}`\xc2\xc5-A\r\x03\x83ZM\xfb^\xed\xe57\xaa\xc6l\xb1\xea\x17+\x96\x9b\xd8\x95\xd9\x02\x91W1\xdc+P\r\xbchn\x14*\xa0\t\x04\xf4\x97\xc9\xd6*\xf3\xa3D\x1a\xf9a\xbb\x0e\xf1\xd9\x87\x8cx-\xd8\xeb\x15\x17(\x8f\xaf\x9c\xcd\x07\xe9\'\xc1\xab\xe3/\x8e\x081\xdd\xc0\x96\xdf\x80b\x1c\xee"?\x87\xad\t\xba\x81\xe7\xf9\xc93S9\xa7(r?\xc7\xe1\x07\xc7\x95\xf5\x1a\xdb\x8b\t\x9f{6\xbcz\n\xdd\xce\xeat}\xb3v\xe3\xe9\na\xd9\xb5\xba\xb6\xed`\x85#\x04;h\x11I)/\xc8\x94\xcc\xd3f\xb5\x0e\xb0$Z\xe2\x0c\xb9\xda\xe8mW\x8d\xa7\x1e\xcf\xc0\xafan\x06\xdf\xf3\x8f\x1c\x1b\xef\xeb+Y\x8dHNb\xd55\xf4\xac\xacN$\xb3C\xe3\x10\xa6I\xe2F4&gt;twV\xab\xb1\xcb\xa6\x96\xc4\r*b\xa1^\xbc\x12\xdc Z\xd9F\xa4y\x14=\'\x0e\xcd\x874nz\xea[\x1c\xbf\xda&amp;\xf5*\xecmOg}~\xe4\x835\x87\xa8U\x94\xa4u\xd2\xb3W\xff\x88\xf7\x1a,\x8bq\xfc~\xe5\x8co\xe2{-%\xf9\x90\xf3g\xc0\xe1#M\xc2Y\x86\xf7v\x19\xba\xc3&gt;u\x8d\x88\\Qq\x98\x880\x94N5\x16\x12|\xc0\xbe[\x1a\\I\x12\xa8q\xe1\xd1}w\x84m\xdd\xc8\x94\xfbB\x06\xa9x\xae;\xcd4\x86kD\x1a\xdb\xfa\x14\xfeFq\xfaw\xe6\x95eA]\x9c\xc2,\x97\x04\xacM\x9f\x8bge\x13`\x8aM\xcb@\x9a\xef\x8c\xc1\x05e\x0e\x84&lt;\xe87|*\xf3;\xfb6\x93=\xce\x17\xfd*\xf7\xf0\x01\x7f&lt;\x1b\xf6\xeb.\xc5\xb4oB(!\\9\xa6bhy\x03\xa9%cB\xb4\xb71@(\xe6\xd2\x8c\xdc\xcc\xd6ai\xef\xda4d\xc1\xd9\xf2/\xb1*\x8f\xfb`\xebt\x1d\xe2\xe0!\xb3V\xc4\x8d\xdf\xf1\xcb\'\x06d#\x9e\x03\x9f\xe26\x9e\xbc\xe0\x85:\xbc\x9d\xd5\xb4\xf6"\x9b\'j\xe1J`\xa9yv\x83\x94\xfbK\x9e)\x8d\x87`\xdfR\xc2\x9b\xdfqs\xb8\xee\xd9!}\xdc\x86\xe8\x92\xbd\xae\xb1U\x0c\xc9m\xae\x86\xeae\xa9\x7fVu\xf0*b\xa1(B^\xcf\x08\x7fk\xbb\xc6Fn\xee\x8c\xd0E(\xab\xd2J\x06\xec\xed\xd9g\x03\x0f\xaf\xf7E\xf2\x88]jq\xff\xb9\xfc\xb5\xd3\xc85\x1f\x03\xd6\x90\xb4\x00\x8f\x8d\x81\xdf\xd6\x00\\\xeax\xf8\x8d\x10\xf6\xbd\xab%\x9b?2\xed\xadxG\xad\x85?\x00\r\xa9\x0fp\xa4\xc3\xd5\xdfvkDx\xfc\xc4\x1fN?,\xbd\xaa2\x98q\x1c\x97S\x14\x066\x1d\x10\x86$\xe0\x99\xcfOBdB\x03FV0\xe8\x80}\xeae\xf5z\x94\xd7\xfc/\xd9\x06i\x1f \xec^\xbbf\xeb\xb6E2\xa1\xa9W\xe1]\x91=Q[g\x03d\x91\xad`\xd5\\\x19S\x81\xda\xad\x9b\x81\x977\xd4\xc0\xfc\xbc\x9c\xef\xaeT*d\x83\x07?l\xb6\xd2Az\x02Q\xae(\xaa\xd2O\x1b28q\xadveW\xe5\xbd\x1bE.\xb3,\x9aH\xab\xb6\x81,\xa3\xc1g\xc0\x88-UEg\xd0\x04$&gt;Ue\x16\xd3[\x83\xb2\x8b\x15\x83\xbf|\x12\x8c\xbdj\xa8`\xa6\xab;\x84\x0fV\xd6\xfbc@_\xa8\x1fV\xcf@\x96\xb8\xd5\xb5\r)\xf0(\x07\x02\x8e\xf6\xb1\xf3\xe4\x82\xab\x16q&lt;\xfb\x1d\xad\xd2\xa1\xf9\xae\x88]5Y\x86\'\x0b\xa9!\xa1\x19\xbd\xbbt vM\x0f\t\x86i"\x19v\xb5=\xc6\xd6\x97&lt;&amp;j7M\xb3\xd4/!\xac+D*\xf5\x1c \xadu)0?}$\xf7\xd9\xd4\xa9\x86\xe8\x9a\xff#\x00\xfaf\xa0\xee\xfb\xbe/\x06\x18*\xaa\rP\xa1w2o0\x839)f\x94m\xc6.\xfbk\xaf\xcf!\xdc"nP\xbf\x91A\\\xf6\x00X\xca\xe02A\x7f\xac`\x8e\xc6\xbc\xa5G\xd0\x1c\x97\x1a\xd6\xb5:\x06\xe9\xa2\x1d\xcdm*Q\xef\x02\xff\xe2\xeb\xe7\x9f\xa1\x8e\x81\xae\x15\'\x03\xe4\x14\xd67\x0b=\x1c9\xb6#\x8ba\xcf\x83\x16\xaai\xae\x11\xb3\xfdZ$\xc3&gt;\xbe\x050\xb2\xd8\\.\x9cg\x8b\x85G\x96\nUy\'{r\xa0X\x9d\xf3\xda}3\xf6YM\x0fkt?^\x97\x0c\xd0\x80\x15\x1c\x8f\xc2\xf0\xdb\xf7\x17\x97\xe3\xb7\x7f\xb5AZ]E\xa1\xf7FN\xd4\xfe\xc1\xa0\xe6\xe2\x15\x96\xe5\xbf\xc6\x08\xc6\x1a2\xb1\x8c\xfe\x92|\xd9\xf6t\'\xa0o\xd4 \xe8A\xb0\x17\xdc\x04\xa0\x89\xa7T\xec\xd4\xa5\xfe\x97\xd0vQ2\x9cm\xd4\xe8\xe5J\xc0b\xaeCj\xc5|\xd56\xdf\xb9\xacd\xb6\xc6\xa7\xe3\xe0\xe2a\xfb~\xfd\x16\xecF\x9a\x05\x1d\xcfzQ*\xe9\x0c\x97\xba\xf1\x1d\xe8R\xb1\xe8\xd2\xfd\xd7\xd2\xcb\xfcc\x95&gt;\xd1\xa0\xe8\x92\x041r{f8\xbf\xc9;\xb6\xde\x8d\xa9\xf5c\xd1\xb0\x88WN&amp;\xe6\xd1\xe4i\x8d\xff\x0f)A\n\x18\x04+\xd9G\xd8\xc7\xa7`a\xa5\xc7\x08\xfa\xbf\x1b\xc9\xe1\x0b\xca\x15\x87\xac\xa92J!\xe6\xa3\xeaN\xc9\xbeA\xf1\x0bR\x9e\xc5\xd0ch\xf0i\x16K\xe6\x8cN5\xf5"\x14\xfb%\xcc\xdc\xa1^\x06\xda=#\xfb3\x05\xc0\x05#\xcf/\xa1\xf7i\x05\x8eo}z\x17\'\x1b8P\x87\xa4\xe3\xa0\x0e\x0chE\xd2\xf7\xcf\xb8\xfc\xc6\xc1\xdea&lt;\x1a\x12iE\xc3\x0b\xc2\x9f@'</t>
  </si>
  <si>
    <t>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</t>
  </si>
  <si>
    <t>b'\xb3\xd4\x08\xa7\xdf:A\x06\xc8Y\xe7\x89C\xbf\xa6\xb0'</t>
  </si>
  <si>
    <t>were now so near the fire, which had long flamed at a distance on
 the blackness of night, that it gleamed upon the road, and they could
 distinguish figures moving about the blaze. The way winding still nearer,
 they perceived in the valley one of those numerous bands of gipsies,
 which at that period particularly haunted the wilds of the Pyrenees, and
 lived partly by plundering the traveller. Emily looked with some degree
 of terror on the savage countenances of these people, shewn by the fire,
 which heightened the romantic effects of the scenery, as it threw a red
 dusky gleam upon the rocks and on the foliage of the trees, leaving heavy
 masses of shade and regions of obscurity, which the eye feared to
 penetrate.
 They were preparing their supper; a large pot stood by the fire, over
 which several figures were busy. The blaze discovered a rude kind of
 tent, round which many children and dogs were playing, and the whole
 formed a picture highly grotesque. The travellers saw plainly their
 danger. Valancourt was silent, but laid his hand on one of St. Aubert's
 pistols; St. Aubert drew forth another, and Michael was ordered to
 proceed as fast as possible. They p</t>
  </si>
  <si>
    <t>b'R\xd5\xe7\xd8\xbfpd\x18#:8\xa1\x836\x96z\xd7j}No&gt;p\x92\xd4\xab2\xe8\xd6\x97\x89x;\xadDQ.\x11P8\xf9\x8c\t\x12\xfb\xdf~\x16\xd9\x03\xdd$\xc9)&lt;?\xef\xd3t5\x03\x855\x99'</t>
  </si>
  <si>
    <t>52d5e7d8bf706418233a38a18336967ad76a7d4e6f3e7092d4ab32e8d69789783bad44512e115038f98c0912fbdf7e16d903dd24c9293c3fefd3743503853599</t>
  </si>
  <si>
    <t>b'R\xd5\xe7\xd8\xbfpd\x18#:8\xa1\x836\x96z'</t>
  </si>
  <si>
    <t>istor can be connected in the circuit in the following three ways: (see fig. 5)
(i) Common Base Connection (CB Configuration)
(ii) Common Emitter Connections (CE Configuration)
(iii) Common Collector Connection(CC Configuration)
(a) Common-Base (b) Common-Emitter (c) Cascode Figure-5
It is important to note that transistor may be connected in any one of the above said three ways, the emitter base junction is always forward biased and collector base junction is always reverse biased to operate the transistor in active region.
4.3.1. Common Base Connection (or CB Configuration)
The common base circuit arrangement for npn transistor and pnp transistor is shown in fig. (a) and (b) respectively. In this case, the input is connected between emitter and base while output is taken across collector and base. Thus the base of the transistor is common to both input and output circuit and hence the name common base connection or common base configuration.
Current Amplification Factor (Alpha)
The ratio of output to input current is known as current amplification factor in a common base connection the output current is collector current Ic whereas the input current is emitter current Ie.
Thus the ratio of change in collector current to the change in emitter current at constant collector base voltage Vcb is known as current amplification factor of transistor in common base configuration. It is generally represented by Greek letter (alpha).
4.3.2. Common Emitter Connection (or CE Configuration)
The common emitter circuit arrangement for npn transistor and pnp transistor is shown in fig. (a) and (b) respectively. In this case, the input is connected between emitter and base while output is taken across collector and emitter. Thus the emitter of the transistor is common to both input and output circuit and hence the name common emitter connection or common emitter configuration.
  Basic Electronics
79
                 Base Current Amplification Factor (Beta)
The ratio of output to input current is known as base current amplification factor. In a common emitter connection the output current is collector current Ic whereas the input current is base current Ib.
beta (bDC) IC = bDCIB
Thus the ratio of change in collector current to the change in base current is known as base current amplification factor of transistor in common emitter configuration.it is generally represented by Greek letter (beta).
4.3.3. Common Collector Connection (or CC C</t>
  </si>
  <si>
    <t>b'\xef\xef\x98\xdd\x84m\xf4\x13\xe1\x0f\xc4\x00\x80B&amp;~\x05\xe6\x84\xac &amp;H^?L%"\x16\xc7\xc7\x94\xd8\x93\xb8\x8a\xb8\xc1\xa6)\xf0C\xaf\xe1N?S{*\xcc\x06\x93\x84\xb7\xba\xcaQ\xa7\x00(\xeaR\xd8Z\xc2\x14J\xe60\xa1\x1e\x8e\xe6\x15\xe1\xca`\x1e\xea)\x8c\x84\xeb\xb3\x95I\x175,b\xc7m\x7f\xe1\xb0\xa6\x9a\x9d_v\xdf=\xb4\xf9ne\x9d\xc8#\xb6Dt\x81\xd7#\xe7\x84\x92&amp;q\xc5i\xf33\x8b\x14\x1by\xb4\xbb\xbd\xa8em\xa8q\xb524;\xdd\x14$\x9bj},\n\'\x1b\xa4\xd79^F\xa4\xb2\x9d\x1cS\xd9\xb9\x00\x07\xd7\xa8\xd3\xbf:?)%\xa7\xd8Cu\x83\xbb\xa9\x96?b\x1cM\x19)\xbf\x89\x90g"\x9dF|L\xff\xfb\xcaP\xf9:\xbd0i\xf0(\xf6\xbe"T\xdb\x87\x9c\xf17t\xe1\xfe:\x7f\x0fvQU\x19y\x0e8\xa4E\xa6[\xb2\x0eq&amp;6\x1f\xd0\xfb=\xf5.b\x03\x98T\x8b)\x81\'\x9e5eA\xe9(\x9cs\tt\x9d\xac\xd8\x9d$\x9c\xd5\r\xd5\xd4\x99\xbd\xc3\xee[\xc5Y%\xae8\xd9/\x0e\xdaI\x8d2j\x02\x02\xb2\xdal\xd1!\xb3:A\xa9\x12\xecS_A\x04\xf7\xc7v\xb8\xd9c\x04\x05\xb0\xe5d\x05\xdf.S\x11\xad\xef\xec\xd3\xdd\xac\xab\x03\xc1\xb3\xbe\xbe+\x96b\xc8&lt;\x9aJ {\xb5FM\xcf&lt;o\xee*\xc0&gt;\xde\xe3:f~-\xa1\xc8\xbe\xdd\x81\xf8G\x8dH=@\x98\x00T!\xb8\x9c\n\x02E\x1f\xdd\x17wt\xa7\x1e0m\x1c\x1aI\xc9\xd6:*\xfeu6G\xab\r\xa1S\x1b\xae\xfb\xe4RF\xcb\xfb\x89\xf0\x8c\x12\xb0\xdeb\t\x157Z\xcbE\xaa\xf1\xe1u=\x8d\x84\xed\xac\xce\xa4[\x05\x08\xc75\x15\x14\xd9\xbd\xcb\x00\n/2\xcc\xca\x8b(\x94\xf1\xae\x8c\xf18\xc3\xd9\x8f\xddG\xdb\x894$\xben\xc1\x94\xd5\xf7\x16\xfb\xdb\x90\x8a\x7fMP\xebz\xc8#\xba\xc40Uv*\xda\x04&gt;Wv3\xac\x1b\xfc\xabBy\x83\xc9(4\xbf\xfc\xda\xcf\r}:\xaa1^Up\x12\x11`\xe3#\xb7\x0cr\xd4g^\xf8\xee\xd2V\xd11\x9e\xde7G\xde\x9d\xad\x00\x83\x1bw3&lt;\xe8\'L\xa6\xd3\xe7\x00\x16\x0e\x15X\x873bpX\xe4\xe9\xd9\xc0\xcd"\xca#o\xebJ\x8c\x03\xb5R@\\\xaf2bU\x8c\xd9\xcd\xa3\xfc2\x06\xc8q\xc1\xdbn!{\x1c\x8f1rN\xc3FQgD\xb3b\xb2\x85\xdc\xd3\x08\x97\xb0v\x86~\xe2\xb0\xe6\xd5\x90]\\\xf1\xccz\x80\x80a\xaeF\x94\x80-u\x03\x06\xb3Qq\xeb\xe6\x05\xad\xce\xf3\xbbf0\xea2f\x0b\xc2\xc1s\x03:\xcb\x0e\x00\xbbp\x8fb\xe0tQ\xc5\x99}N\xe9\xc2\xc8M\xfd)\xb9\x17\xa0\xb8\xd3\xc9b\xcbv\x1d\xc3\xff\xeb\x19n{\x9en\xb8\x9f\xc9\x90B\xaeR\xea\x0f\xb5\xfc4\x9f\xbaG\n\x9e\x93\xd2\xe5\n\xf2\x0c\xa6\x11\x00\x12\xef\xff\xc9\x1ei\x99=\xe2\x8e[c\xc9\xc4\xf4\r1y\xc4\xd43\xed\x10\x8e\xe5\x9a\xbd\x1d\xd5\xbe\xaa\xa1\xfd\xc8|B\xf8\xf2\xdbiHy\xf0\xd1\x9b\xff\xd2\xb4\\\'\xe9\xbc\xe5:\xbc\x8d\xc5\xd1TR\xca\xd3\xf5ao\x97PO;\xc1\xe2\xddX"\x10\x1b\x83\x91zHg\xa7_T4\xd9\x88w\xee\x1d3\x9dp""*\xa5\xc9\xa4\xb5u\xc1\x8d\x12t\xf9\xeb#\x81:\x8a\x15\xd8\xea\xf7\xd2\xcaAE\x80\x99\xbb\xba\xf8\xf2&amp;0\x810+\xad\x15X\xfb\xecN\xffC|\xed\xf1\xed\x9a\x1b\xfb/\xda\xaeB\xcdx\x124\xf2\xbb\x97\xae\xe0\xd0Rr\xdf~\xed\x9b9\x92\xdc]4FD\x10\x9eyY\xe3\x90\t-\x0e\xb2;\x07\xdb`J\xce\x0fw_5/N\x0e\x94\xd1QG\xc0\xd35\x1d\xd6O\x97F\xd21\xe64\x93\x1ar1\xbb\xaaS0b\x8e\xfc\x9c\x08\x94%\xca\xc4\xf8\x1d\x11\xbc\xc3\xb5\xee\x8d\xb3YUy\xad\x8f4Q\x15\xba\x7f\xf1l8\xa1\xd8\xb9]Md\xba\xf1 !;\t\x94\xb2eXQ\xfe\xc6,a\x05\x011R\x0e\xda\x1d\xf3T&gt;\x8f \x8f\x14\xf2?+\xffT\x15\xd8\x17\x16\x08\x83p\xce3\x1fa\xcb\xb8\xfa\x06Q\x01\x8e\x99\xd9\xd5\xc5\xb5\xcbL\xdd/\x19"\x9d\xa1\x0f\xa0\x1fa\xc14F\xf6\x17\x9bh\xf7y\xd7\xb0\x1c\xc2Hg\xb1\xff\xd8\x84\xd0\xcfQ\xf5\xb0\xd7\xfe\xaa\xeb2\x94\xb57\xcbq\xb7\xe9u\xeb?+l*\xd0\xff\xde\x8ao_\x87\xff\xc0\xd75qV\n\x8ez\t8y\xef\xf7\xe5x\x84\x814\x1b\xbd.\xf2C\xf6\xc9\xc7\xf8\x1c\xf9%\x80\xc0\xf5\xf8kkB\xa0G\xd0*\x8f\xa9\x8aM\xd9\xeaK\xec\x10o8Z\xef=\xe8i\x9a\xf9\xdc&amp;\xe9^\x01\xb4\x05t\x82\x0ef\xa4%\x8f\xf81\xda\x88\x0b\x85\xd4\xc8\xaf\x11xSn\x8a\xaf:Hr\x9b2\xc4\xd1h\x89\xdb\xc5\x80\xdf\xc8%\xf3E\x07\xb3\xc7jw\x83\x9c\x17\x04L\xcf\x90\x88XZ\x92\xf2\xc3\xb9\xe1\xe3\xcd\xa9\xf1\xdcO\xa0\x95\'\x8e@\x10\x89\xd2\xc0P.\xf7 \xac,]\xbb\xa2\xfb\xcah\x9cs\x97*\xa7\xbaI\x86\x92\xc5s\xc1\x9a\xa4\xc1\xca\xae\xcb\xd6\xf5z\xc8\x13\xdf\x03m\x08%1\xbbl\t\x96\xa0\x06\x86\x9b\xe1\x16\t\x8b\x0b\xec\xbd\xde\xad\xed\xact\x12\t\xd5\xd4\xebt\x86C\x94\xd7\xe8\x16~\xa1\x02\x9c\xbd\xc9\x97\x17\x0c\xf0\'\xf7\xe8\x82s\x9a\xde\xf8 J\x9dUT\xf1\x05\x91\xe9&amp;\xe1e*{\xf0\xc2\xb7\x1d\x167\xd0\xf7\x92\xd3\xda7\xa9\x17I\x91M\xa0\x1d\xf9\x88\xdd\xafM\xdcz\xb6}#\x7f%$gK\xf7\xe0\xda[D\x0b\xb8\xa3a\xbf\x7f\xd6\x80?\x9c\x11&gt;\xd4\xb3Lk\xf8\xa4#\xb6\xc6\xc6\x86Eb\xd1\xebnU1\x0bBD\xdb\x00\xaf\xca\xcf\xad2lh\xdf#\nZ\x83\xe0\x0b\xf6\xa9Hc\xb6b\xcf\xef\xea\x95\x0e\xdd\xb0}?\x1e\xdb \x16\xa9%@\x14\xee#\x86?\xf1\xf8\xca\x08-t@\xc1\xbf\xa9\xaf:\x9f)\xaf.n\xcd\xb2U\xf5\xf1\xec\x9c\xd0\xb9\xb9T\xffJ\xc1i\x02\x0eUq\xd7\xfa+\xd3\x16\xf1X,\xbb\xa1Y\xb1z\xd2\xa9_Rp\x01\x0e\x12\xc3\x1dF\x8c\x0e\xecl\xfe|\x96\xd2\x03\x1b\xd8\xd0\x03]m\xd0HG\xd7\xd4\x97\xe4\r&amp;\x04\xf9\xfb\x8bC\xa9\x9c\x8d\xa0\x94\x891e\xba3\xf5\xe2\xce\x15\xb2\xecM\xb9\xdd\x8b\xf8\xf2%o\xcaIr\xbe\x98\x83\xeb\t\xdaL\x9bP\xb2Dq\x94pw\xff\xd5&gt;\x06\xb3\xc8;\xa8\x9736\x81\x8dZ\xa8M\xbf\xbep\xa5j\xbb\x0e\xe2t3\x1f\x99\xa4\t\xe3\x87(De\xc7\x83\xe6\x9e\x95\xaa%\xc4\xf2U\xab\xa7\x00\x9b\xe7\x19\xecIF\x17HJ\xbd\x80+:\x94\xfb\xc1\x00\xa6\xf9\x8d\xa1\xf7\x97J\xf5\xc4/\x00\xdf\xe4\x90\xe9\xf3_\xe0\xe5\xec\x14\xa4\x80\xb6\x8d\x03\x02|\xe8\xca\x1db\xd7\x95\xd3\xa7\x1d\xeb(\xa2f\x94\xed\xc3\xbc\xe4\xb3M\xd4\xc6\xc1\xf7\x84\\\x89\xc8;xLCG\x07\x9c@"W\xb7\xb1\xf4n}\x1b5f&gt;\x11*\xd2\x9a\xbd\xba\xe0\x03#\xe6\\:!\xf3\x0f\xf5\x9e\xcc\xc2h;\xc3\xdcT\x08\x87\x7f$`\xd6\x1be/S\xc2\xc8/\xf6\xc40\x89\xc3\x85\xd7t\xd0\xec\xe5\xb9\xe4\xf4\xc8\x83\x82\x8aa\xfdl\x1d\x90DZ(.\xca9\xd5\x91\xde@Gx"\x94\t\x06+\xec\xd11\xf0{\xb8\xeb\xe0qQ\x97\x0c@\xfd\xfaw\xf4_$A\xd8z\xe8\x92d\x951\xda\x94;=\x85qq\x1c\x8d\x95\x8b\xefla\x96\xf2a\x18\xea{\xa8yI?v8\x1eKr\x86\xa4\xc92\x02g\xef.\xd2\xff\x19\xed:\xd0\x9eV\x1f\x81\x8dxK&amp;\x19\xbey\x95\xce9\x18I\xebO\xa7\xd9\xb7"?\xc0h\x04\x19\x1ed0\x17,\xe1\xeew\xa0\xd8\xc3\x01\\\xb1Q\xc0\x8fvX\x8c\x03q\x07\x04&amp;\xbaI\xb2(\x885z\xb8\xf9\xff\xb9SV\xf6\xb8"\xa9YV\xf5\xf3\x84t\xa4\x0b+\xa5\nvk4\xe1\x88\xe1\x86\xc6\xea}hKC\x00y+\x1d-\x89(\xa9/\x85h\x99\xdc5\xa8N\xf0\x80\xe82\xd4\xea\xc1\xfe\x07\xd3o\xcd\x9f\xe3|&gt;J\x03\x82\xe7\x89)\t\x85f\x84b\x14l\x88&gt;\x86\x05\tZ5\xdf\xacJ\xc7)\x14\xc2\xd3f\xc5\x99\xeb.\x9e\x8eW\x9c\xeb7\xaf.1\xdc\x7f;\x17W\xd5)\x9afUi\n\xaa\xc7\xfa|\x93\x11\x8b\x06z"\xb99\x7f\xa4f\xca\xbd\xf0/0\x0cJ\xb9fe\x85\xeb\xe4\xd1\x8a\xe4\x81e\x03\xb5\xd7\xd2ASulB\xd9\x99\x1f\xc2a\xe9%\x81\xca\x94\x04\x11 \x98`\x9c\xa7T\xf2\xb6m\xfe\xfe\x14\x85\xca-X\x97g1\xd9\x9c\xb3Dq\xb5m~\xa3\x11\'\xf4\xd9\x96NM\xefiB\xcf\xd1\xe1T\xc4\x8bh\xcce[\x85\x9d\xd4\xd1\xd4{K\'\xe7\xd1\xd5uG3\xfa\xb4\x025J\xc9\x801\x9e\xf4\xc0Y\xcfCv0!\xc4\x9a?\x88\x17?~9\x01\x07s\xa3\xbbS\xb9\xe5\xb0s\x06\x022%`\xcb\xde\x17\x8aP\xd6\xd3\xc6\xe5D\xfb\xa3y\xecc\xf4\xaf\xba\xa9E\xdd=\xe4\xc7\xeb#\x8c\xe2\x84\x97\xcd \xf0\xc8z\x84\xd8\x17&lt;[\x9c\xc9\x96\xbemj4\x0f\xa4\x12&lt;yH\xc8\x9f^I\xd8\x11\xf7\x1a\x03\xecA\xa9v\xf5\x9a\xc1l\xb7\xe0\x0e#\xa9\xe8\x88\x8af\x14T+?z\xccV:D\x8b\xd3\xcf\xde\\\r\xd6\x8f)\xb2\xbb\x9a\xa8)\x8fd,9e\xc7\x91\xf9\xf9\xd4\xebo\xbb\x97\x11\xc3\x88\xd4"\xd8x\xb8\xea\x82\x86\xe4\xd3\xd9\x05\xbf\x00\xddk&gt;\xf1E\xbaS\xfbp\xa9\xa4\xe9V1\xe6\xf8\xdas\n\xd5\xa3\x9b\xba\xbd\x85\xb7nK0\x89\xb8 w"\xd1u\xc6\xb4\x8a\x04wd\xb3\x06\x88\xb3\xed\xbf\xda\xc9N\xedv\xf9P\x7f\xed\xec\x18R\xd0\x86&amp;,\x9a\x0f\xe1\xc62\xfc\x06\x14X6M\r1\xfe\xbduA\xca\xce\xf7\x95\xfd+\xf5Yn\xc4;\x10\xc5&amp;M\xda\x11\xe1"\x11\x855\xdd\x01\xeb3\xf3\x84.\x17e\x8c\x18\xa4'</t>
  </si>
  <si>
    <t>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</t>
  </si>
  <si>
    <t>b'\xef\xef\x98\xdd\x84m\xf4\x13\xe1\x0f\xc4\x00\x80B&amp;~'</t>
  </si>
  <si>
    <t>at the level it desires. We go into the
 money supply process in more detail, however, in Chapter 18.
 $1.722
 1A broader Federal Reserve measure of money supply, M2, includes time deposits, but these are less liquid than
 the assets included in M1 because the funds in them typically cannot be withdrawn early without penalty. An
 even broader measure, known as M3, is also tracked by the Fed. A decision on where to draw the line between
 money and near-money must be somewhat arbitrary and therefore controversial. For further discussion of this
 question, see Chapter 3 of Frederic S. Mishkin, The Economics of Money, Banking and Financial Markets, 9th
 edition (Boston: Addison Wesley, 2010).
 CHAPTER 15 Money, Interest Rates, and Exchange Rates 357
 The Demand for Money by Individuals
 Having discussed the functions of money and the definition of the money supply, we now
 examine the factors that determine the amount of money an individual desires to hold. The
 determinants of individual money demand can be derived from the theory of asset demand
 discussed in the last chapter.
 We saw in the last chapter that individuals base their demand for an asset on three
 characteristics:
 1. The expected return the asset offers compared with the returns offered by other assets.
 2. The riskiness of the assetâ€™s expected return.
 3. The assetâ€™s liquidity.
 While liquidity plays no important role in determining the relative demands for assets
 traded in the foreign exchange market, households and firms hold money only because of
 its liquidity. To understand how the economyâ€™s households and firms decide the amount of
 money they wish to hold, we must look more closely at how the three considerations listed
 above influence money demand.
 Expected Return
 Currency pays no interest. Checking deposits often do pay some interest, but they offer a
 rate of return that usually fails to keep pace with the higher returns offered by less liquid
 forms of wealth. When you hold money, you therefore sacrifice the higher interest rate you
 could earn by holding your wealth in a government bond, a large time deposit, or some
 other relatively illiquid asset such as vintage baseball cards or real estate. It is this last rate
 of interest we have in mind when we refer to â€œtheâ€ interest rate. Since the interest paid on
 currency is zero while that paid on â€œcheckableâ€ deposits tends to be relatively constant, the
 difference between the rate of return of money in general and that of less liquid alternative
 assets is reflected by the market interest rate: The higher the interest rate, the more you
 sacrifice by holding wealth in the form of money.2
 Suppose, for example, that the interest rate you could earn from a U.S. Treasury bill is
 10 percent per year. If you use of your wealth to buy a Treasury bill, you will be
 paid by Uncle Sam at the end of a year, but if you choose instead to keep the
 as cash in a safe-deposit box, you give up the interest you could have
 earned by buying the Treasury bill. You thus sacrifice a 10 percent rate of return by hold_x0002_ing your as money.
 The theory of asset demand developed in the last chapter shows how changes in the rate
 of interest affect the demand for money. The theory states that, other things equal, people
 prefer assets offering higher expected returns. Because an increase in the interest rate is a rise
 in the rate of return on less liquid assets relative to the rate of return on money, individuals
 will want to hold more of their wealth in nonmoney assets that pay the market interest rate
 and less of their wealth in the form of money if the interest rate rises. We conclude that, all
 else equal, a rise in the interest rate causes the demand for money to fall.
 $10,000
 $10,000 $1,000
 $11,000
 $10,000
 2Many of the illiquid ass</t>
  </si>
  <si>
    <t>b'0E\x02!\x00\xda\x0b\xac\x86\x18\x91\x90\x04\x1b\x84\x14+\xd7O\xc0\x8emR\x83\xd9Qe\xc4\x94\xf9\x01f\xf7ft\xa4\xc5\x02 \x08\xa2o\x93\xed\xbb\xa3l\xdc\x04p\xdd\x95&amp;\xa3O,\xf3\xf185\r\xf8$h\x13H\x8f\xf5(\xddf'</t>
  </si>
  <si>
    <t>3045022100da0bac86189190041b84142bd74fc08e6d5283d95165c494f90166f76674a4c5022008a26f93edbba36cdc0470dd9526a34f2cf3f138350df8246813488ff528dd66</t>
  </si>
  <si>
    <t>b'0E\x02!\x00\xda\x0b\xac\x86\x18\x91\x90\x04\x1b\x84\x14'</t>
  </si>
  <si>
    <t>xico, but Mexico would still be considered
 labor-abundant relative to the United States since the U.S. capital stock is more than three
 times higher than the capital stock in Mexico. â€œAbundanceâ€ is always defined in relative
 terms, by comparing the ratio of labor to capital in the two countries; thus no country is
 abundant in everything.
 Since cloth is the labor-intensive good, Homeâ€™s production possibility frontier relative
 to Foreignâ€™s is shifted out more in the direction of cloth than in the direction of food. Thus,
 other things equal, Home tends to produce a higher ratio of cloth to food.
 Because trade leads to a convergence of relative prices, one of the other things that will
 be equal is the price of cloth relative to that of food. Because the countries differ in their
 factor abundances, however, for any given ratio of the price of cloth to that of food, Home
 will produce a higher ratio of cloth to food than Foreign will: Home will have a larger
 relative supply of cloth. Homeâ€™s relative supply curve, then, lies to the right of Foreignâ€™s.
 The relative supply schedules of Home (RS) and Foreign ( *
 ) are illustrated in Figure 5-9.
 The relative demand curve, which we have assumed to be the same for both countries, is shown
 as RD. If there were no international trade, the equilibrium for Home would be at point 1, while
 the equilibrium for Foreign would be at point 3. That is, in the absence of trade the relative
 price of cloth would be lower in Home than in Foreign.
 When Home and Foreign trade with each other, their relative prices converge. The rela_x0002_tive price of cloth rises in Home and declines in Foreign, and a new world relative price of
 RS
 Relative price
 of cloth, PC /PF
 Relative quantity
 of cloth, QC /QF
 2
 1
 3
 RS
 RS*
 RD
 Figure 5-9
 Trade Leads to a Convergence
 of Relative Prices
 In the absence of trade, Homeâ€™s
 equilibrium would be at point 1,
 where domestic relative supply
 RS intersects the relative demand
 curve RD. Similarly, Foreignâ€™s
 equilibrium would be at point 3.
 Trade leads to a world relative
 price that lies between the pre_x0002_trade prices, that is, at point 2.
 CHAPTER 5 Resources and Trade: The Heckscher-Ohlin Model 91
 cloth is established at a point somewhere between the pretrade relative prices, say at point 2.
 In Chapter 4, we discussed how an economy responds to this trade opening based on the
 direction of the change in the relative price of the</t>
  </si>
  <si>
    <t>b'0E\x02 ~\xca,\x08\x92\xe3\xe7x\xd4\x1ex\xbf\xee\xb4~k\xc7\x05\xb9\x01\xcd\xf21\x7f\xef\xf3F\x0e\xdf\xfd$\xf7\x02!\x00\x9c\xb3\x12y\xb9\xfd\x85\xdc\xde\x88\xce\xe9\xe3\xa7\xd4\x82;\xdb=\x1d\x98\xe6\xe6\x96\xacp&amp;\xe03\xce\x96\xc5'</t>
  </si>
  <si>
    <t>304502207eca2c0892e3e778d41e78bfeeb47e6bc705b901cdf2317feff3460edffd24f70221009cb31279b9fd85dcde88cee9e3a7d4823bdb3d1d98e6e696ac7026e033ce96c5</t>
  </si>
  <si>
    <t>b'0E\x02 ~\xca,\x08\x92\xe3\xe7x\xd4\x1ex\xbf'</t>
  </si>
  <si>
    <t>r, but she was far too worldly
 a woman to do or say anything which might make such a desirable pupil
 wish to leave her school. She knew quite well that if Sara wrote to her
 papa to tell him she was uncomfortable or unhappy, Captain Crewe
 would remove her at once. Miss Minchin's opinion was that if a child
 were continually praised and never forbidden to do what she liked, she
 would be sure to be fond of the place where she was so treated.
 Accordingly, Sara was praised for her quickness at her lessons, for her
 good manners, for her amiability to her fellow pupils, for her generosity
 if she gave sixpence to a beggar out of her full little purse; the simplest
 thing she did was treated as if it were a virtue, and if she had not had a
 disposition and a clever little brain, she might have been a very selfsatisfied young person. But the clever little brain told her a great many
 sensible and true things about herself and her circumstances, and now
 and then she talked these things over to Ermengarde as time went on.
 "Things happen to people by accident," she used to say. "A lot of nice
 accidents have happened to me. It just HAPPENED that I always liked
 lessons and books, and could remember things when I learned them. It
 just happened that I was born with a father who was beautiful and nice
 and clever, and could give me everything I liked. Perhaps I have not
 really a good temper at all, but if you have everything you want and
 everyone is kind to you, how can you help but be good-tempered? I don't
 know"â€”looking quite seriousâ€”"how I shall ever find out whether I am
 really a nice child or a horrid one. Perhaps I'm a HIDEOUS child, and no
 one will ever know, just because I never have any trials."
 24
 "Lavinia has no trials," said Ermengarde, stolidly, "and she is horrid
 enough."
 Sara rubbed the end of her little nose reflectively, as she thought the
 matter over.
 "Well," she said at last, "perhapsâ€”perhaps that is because Lavinia is
 GROWING." This was the result of a charitable recollection of having
 heard Miss Amelia say that Lavinia was growing so fast that she believed
 it affected her health and temper.
 Lavinia, in fact, was spiteful. She was inordinately jealous of Sara. Until
 the new pupil's arrival, she had felt herself the leader in the school. She
 had led because she was capable of making herself extremely
 disagreeable if the others did not follow her. She domineered over the
 little children, and assumed grand airs with those big enough to be her
 companions. She was rather pretty, and had been the best-dressed pupil
 in the procession when the Select Seminary walked out two by two, until
 Sara's velvet coats and sable muffs appeared, combined with drooping
 ostrich feathers, and were led by Miss Minchin at the head of the line.
 This, at the beginning, had been bitter enough; but as time went on it
 became apparent that Sara was a leader, too, and not because she could
 make herself disagreeable, but because she never did.
 "There's one thing about Sara Crewe," Jessie had enraged her "best
 friend" by saying honestly, "she's never 'grand' about herself the least bit,
 and you know she might be, Lavvie. I believe I couldn't help beingâ€”just a
 littleâ€”if I had so many fine things and was made such a fuss over. It's
 disgusting, the way Miss Minchin shows her off when parents come."
 "'Dear Sara must come into the drawing room and talk to Mrs. Musgrave
 about India,'" mimicked Lavinia, in her most highly flavored imitation of
 Miss Minchin. "'Dear Sara must speak French to Lady Pitkin. Her accent
 is so perfect.' She didn't learn her French at the Seminary, at any rate.
 And there's nothing so clever in her knowing it. She says herself she
 didn't learn it at all. She just picked it up, because she always heard her
 papa speak it. And, as to her</t>
  </si>
  <si>
    <t>b'_\xb0Q\x80\x99\xa0(\xba'</t>
  </si>
  <si>
    <t>5fb0518099a028ba</t>
  </si>
  <si>
    <t>oad capacitance.
 Example
 16.28
 Select the relative widths of the transistors in the three-input NOR gate of Fig. 16.33 for
 equal rise and fall times. Assume Î¼n â‰ˆ 2Î¼p and equal channel lengths.
 Solution The series combination of the three PMOS devices must present a resistance equal to
 that of an NMOS transistor. If W1 = W2 = W3 = W, then we must choose
 W4 = W5 = W6 = 6W, (16.98)
 16.3 CMOS NOR and NAND Gates 793
 so as to ensure that each PMOS device exhibits an on-resistance equal to one-third
 of that of each NMOS transistor. Note that the gate presents a capacitance of about
 7WLCox at each input, quite larger than that of an inverter (â‰ˆ 3WLCox).
 Exercise Repeat the above example if Î¼n â‰ˆ 3Î¼p.
 16.3.2 NAND Gate
 The developments in Section 16.3.1 for the NOR gate can readily be extended to create a
 NAND gate. Since an NAND operation, A Â· B, produces a zero output if both inputs are
 high, we construct the NMOS section as shown in Fig. 16.35(a), where M1 or M2 blocks
 the path from Vout to ground unless both A and B remain high. The PMOS section, on
 other hand, must pull Vout to VDD if at least one of the inputs is low, and is thus realized as
 shown in Fig. 16.35(b). Figure 16.35(c) depicts the overall NAND gate. This circuit, too,
 consumes zero static power.
 M
 M 1 A
 B 2
 Vout
 VDD
 M 3 4 M 3 4 A B
 Vout
 VDD
 M M
 M
 M 1
 A 2
 Vout
 B
 (a) (b) (c)
 Figure 16.35 (a) NMOS section of a NAND gate, (b) PMOS section of a NAND gate, (c) complete
 CMOS NAND gate.
 In contrast to the NOR gate, the NAND gate places NMOS devices in series, thus
 suffering less severely from speed limitation of PMOS transistors. The following example
 illustrates this point.
 Example
 16.29
 Design a three-input NAND gate and determine the relative widths of the transistors
 for equal rise and fall times. Assume Î¼n â‰ˆ 2Î¼p and equal channel lengths.
 Solution Figure 16.36 shows the realization of the gate. With three NMOS transistors in series,
 we select a width of 3W for M1-M3 so that the total series resistance is equivalent to one
 device having a width of W. Each PMOS device must therefore have a width of 2W.
 Consequently, the capacitance seen at each input is roughly equal to 5WLCox, about
 30% less than that of the NOR gate in Example 16.28.
 VDD
 M M
 M
 M
 Vout
 M 1
 2
 3
 M
 A B C
 45 6
 Figure 16.36
 794 Chapter 16 Digital CMOS Circuits
 Exercise Repeat the above example if Î¼n â‰ˆ 3Î¼p.
 In CMOS logic, the PMOS and NMOS sections are called â€œdualâ€ of each other. In
 fact, given one section, we can construct the other according to the following rule: convert
 each series branch to parallel branches and vice versa.
 Example
 16.30
 Determine the PMOS dual of the circuit shown in Fig. 16.37(a) and determine the logical
 function performed by the overall CMOS realization.
 VDD
 M M
 Vout
 M
 M M
 A
 C B
 1
 3 2
 Vout
 B
 M
 VDD
 B M A
 M
 M
 M M
 A
 C B
 1
 3 2
 Vout
 A
 C C
 4 5 M 5
 6
 4
 6
 (a) (b) (c)
 Figure 16.37
 Solution Here, M1 and M2 are placed in series (to perform a NAND operation) and the com_x0002_bination appears in parallel with M3 (to implement a NOR function). The PMOS dual
 therefore consists of a parallel combination of two transistors, and a third transistor
 in series with this combination [Fig. 16.37(b)]. Figure 16.37(c) depicts the overall gate,
 which performs the logical function A Â· B +C.
 Exercise Suppose M3 is acciden</t>
  </si>
  <si>
    <t>b'\x97\xb5\x98i}\xd9\xf3\xee;\xe2\x8ff\xcc\x1fYv'</t>
  </si>
  <si>
    <t>97b598697dd9f3ee3be28f66cc1f5976</t>
  </si>
  <si>
    <t>t to the
 471
 surrounding dangers. She now looked, with little emotion, on the wild
 dingles, and the gloomy road and mountains, whose outlines were only
 distinguishable through the dusk;â€”objects, which but lately had affected
 her spirits so much, as to awaken horrid views of the future, and to tinge
 these with their own gloom.
 It was now so nearly dark, that the travellers, who proceeded only by the
 slowest pace, could scarcely discern their way. The clouds, which seemed
 charged with thunder, passed slowly along the heavens, shewing, at
 intervals, the trembling stars; while the groves of cypress and sycamore,
 that overhung the rocks, waved high in the breeze, as it swept over the
 glen, and then rushed among the distant woods. Emily shivered as it
 passed.
 'Where is the torch?' said Ugo, 'It grows dark.'
 'Not so dark yet,' replied Bertrand, 'but we may find our way, and 'tis
 best not light the torch, before we can help, for it may betray us, if any
 straggling party of the enemy is abroad.'
 Ugo muttered something, which Emily did not understand, and they
 proceeded in darkness, while she almost wished, that the enemy might
 discover them; for from change there was something to hope, since she
 could scarcely imagine any situation more dreadful than her present one.
 As they moved slowly along, her attention was surprised by a thin
 tapering flame, that appeared, by fits, at the point of the pike, which
 Bertrand carried, resembling what she had observed on the lance of the
 sentinel, the night Madame Montoni died, and which he had said was an
 omen. The event immediately following it appeared to justify the
 assertion, and a superstitious impression had remained on Emily's mind,
 which the present appearance confirmed. She thought it was an omen of
 her own fate, and watched it successively vanish and return, in gloomy
 silence, which was at length interrupte</t>
  </si>
  <si>
    <t>b'\xafO)w\xd8\xeb\xb1\xce\x08W\x06*\xfd\ti\x14xK\xee\x81\xf9l\x0e.\xdaVf\x80\xce)\xd3\xb3\xd5\xf0^mu\x1aY\x98\x13Trf\xb5*\x03M\xf0\xcb\xc9\xa7~\r=o\xb0Fe\xa7?\x94ms'</t>
  </si>
  <si>
    <t>af4f2977d8ebb1ce0857062afd096914784bee81f96c0e2eda566680ce29d3b3d5f05e6d751a599813547266b52a034df0cbc9a77e0d3d6fb04665a73f946d73</t>
  </si>
  <si>
    <t>b'\xafO)w\xd8\xeb\xb1\xce\x08W\x06*\xfd\ti\x14'</t>
  </si>
  <si>
    <t>tion and become so obstinately fond of it that I would have carried it 
 out, I believe, in the teeth of Captain Smollett himself. Thi</t>
  </si>
  <si>
    <t>b'5\x8bZ\xf9E\xf1H-d\\\x1cn}\xe2\xcb9\x0f\x03\x04\x13\xb7i\x14\xf9\x8f{/\xd9X\xad"\xe8\x010\xc0\xba\xe5%\x94\x9a3\x0b&lt;\xc4\x13\x9b\x19\x04\x0f\x90\x89\xe3\x14\xb6\xab\x01K\x8f\xd0W\xeb\x05"p\xd5\xbe[\n\xfc\xbe\'\xa9\xee\x19U)\xab\x90\xf8(-\xd7\x8e\xb2$&gt;\x15\xea\x97Q\tP\x1e\x04\xba\xed\x13\xbfj\xf0_\xfc\xcbS\x9b\x86\x7fKU\x9at\xe9\xe4\x1e\xebZ&amp;tQ\x83\xcbA4\xc1\x9e\x91\xa6d\xfc\xec\na&lt;e\xaa+8?\xc9U\xbat\xc6\x9em6\x0bWM\x16\x13\xc6\xf3\x11\x95\xabP*\xf0\xe8y\xb3\xa6\xa2\xc7\x8da\x07\x934\xe8\xdf\xc9\xb75\xff\xabdb\xf4\xaa\xec\xe9t\xa6,E\x94 \xdf}\xec\xa2L\xab\xdc\xc0\xa2\x17\x80\x82\xcb\x8f\xa5\xd1\x97\x96\x1e\xebhC\xe6\tpP\xde\xc6R\x07=j\x84\xc2t\xa6jsJ\xccx\xb5\xaf0\xbf\xa4\xb1@\xac\xe7}\xcb\xea\x1f\xd3\xc2\\\xa9t\xff?\xa1\xd0m&lt;\x00:'</t>
  </si>
  <si>
    <t>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</t>
  </si>
  <si>
    <t>b'5\x8bZ\xf9E\xf1H-d\\\x1cn}\xe2\xcb9'</t>
  </si>
  <si>
    <t>e second century CE (Le Bohec 2000: 64). These terms
of service meant that the army became a career in a formal sense for most soldiers.
The post-Augustan army often is characterized as a volunteer army, and, given a
smaller army and attractive conditions of service, that may well have been true to a
much greater extent than in the civil wars of the first century BCE. The instances of
conscription attested in the reign of Augustus happened in exceptional circumstances
â€“ the Pannonian revolt of 6 CE and Varusâ€™ defeat in Germany in 9 CE (Suet. Aug.
25.2; Dio 55.31.1; 56.23.2â€“3), and perhaps imply that conscription itself (at least in
Rome and Italy) was unusual. Nevertheless, there are a number of references to
dilectus (levies of conscripts) during the principate, both in Italy and the provinces,
and it is likely that conscription remained important as a source of at least some of
Romeâ€™s manpower (Tac. Ann. 4.4 [23 CE]; 16.13 [65 CE, in Gallia Narbonensis,
Africa, and Asia], with Brunt 1990).
Demobilization of the civil war armies left a standing force of 28 legions, reduced
to 25 after Varusâ€™ defeat in Germany in 9 CE (Tac. Ann. 4.5; Dio 55.23.2). They were
supplemented by roughly equal numbers of auxiliary and allied</t>
  </si>
  <si>
    <t>b'\x04\xb9\xb7bl;aZ\xc6\x03\xa7$\xd6u\x902,\xfe\x96\xce~Kj\xa7\xac{\x8b\xa4B\xd9\xd3\xb5k\x80\x87\x16\xdb\xd5\r\r\xc3\xcd\xd8\xf4\x0e8~\xa3\xfa\xb4{\xe2\x0c\xf7Ho9\xcf_]\x9c\xa7\xe2g!\xa7_\xfe\x08\x9f\xd2"\r\xdb\xdf\xec\xa8\x88\x98\xd7\xee=0\t\xd4f\x1c\x86\x9cz\xc8\x0b\xf1P\xf1\x8du-\r\xaa\xd4\'\xd1\x82\x10\xb0\x11\xd7@D\xc9\xbe\xbb\xc9\x9f\x87\x83.\x14\x1a\xb6\xca\xf89\x9d\x92\x08Hm\xc4\x7f\xf6~\x0e\xdf\x98\xa5n4i\xc8u\x83\xf3J\x1b\x97\x9e\x84\xd5\xe8{A\xfc\xa3\xea\x19\x83\xf9i8\xb4\xbb,\x07#\xf5\xa2\xdfH@\x9aB@?\x0f\xaf\xdbo\xd4;\xbeC\xe6P\xdbU\xfb;\x13x)gz\xc7H\xdbW\x11!\x00\xb9\x17\xa6\x0b\xf6\x0b\x8ayl\x9b\x0b?\xb5\xbf\x19\xd2h\xec\xdf&gt;\x99(\x0e\xa1\x82\x1e\xf5\xe1&amp;u+V\x9bTg\x83t\xfe\xecj\xf9U!\x01\xd7\xf4\xa6\x94\xec\xe1\xdd\x8c\xa2]\x06\xc3\xb3\xe6\xe39A\xf6\xa5V@\xf4k\xa4\xd9\x94\xa7]J\xbf\xa5\xb1\xf0\xd3\x90:S\x93\xefp\x83\xb2~E\xe8\x93\xc5\xa6\xa0\x12\x92\xaa"\xbb\xdd\x02EB\xfc7&amp;\x17\xe7\x93Vt,\xcf\x9a1\x85&amp;\xd8\xde\x11t\x19QU\x82}\x99.\xab\xe9\xb0\'\x1d\xb7\xc5\x1c|\xa26\x90 \xd2\xd5\xef\x8c\t\xd2B\xad(K\xb0KAk\xb9o\x8b\x05\x9bVl\xc0j\'}\xd6N\xd9]m\xb7}\xf4e\x8d\xb6\xb3\xf6\x9f\x8e\xaa\x00\x925\xe0\x8e/4\xe8\xc9\xc7\x06U\xd3\x1d\x1ep:`1]z\xe4\xfcf(&gt;H\r\x8d\xd4\x04\xf1h\x86\xb6\xbf\x17b\xcb;\r\x06\xda\x93]\xccy\xbf\x85\r\xe4B\xc6|Y\x0b\xa1\xbe\xfa\xd6\xea\xc7\xe9A\xae\xcfM\x19kB6\x85c\xb2{\xcb$\xde\xb8\xe7\x89\xe9\xf46&gt;-\xcd\x80\x1bz\xd9F\x1c\x18\xd5\xb6\xc7!\x81E\xd3\xdc\xf0G\x7fv\x1b}k\xa7\x98\xa3m\xdb\n\xd4a\xb3y\xfe\xbfu\xda\x8d\xa4j\xedfk[\x0e\xd3c\x1d\x85Z\xf2:|\x96\xc5\rI\x10L\x9d0\x03\x9d\xf4\x98}\xd8\xfbK,\xb0\xa5\x8c\x1cis\xa0\x03\xd5\x15\xd4\x1e\x9f\x81\x91\x11\xd5\xac\x1aI\r\xccr+\x1a\xdd\x16n&gt;X\xb6\xd2u\xf0\x17*\xfc\xa1;/\x0b\x96\xd0\xe3jF\xc4\\f\x07\xaai\xe3]?}\xf7\x1dv\xab\xe8OI\xd8\x91&amp;\x03 5\xcf\x17\xae\x95\r\xa8\xa4\xa1\x9dD\xa7P\xf5F\xd2)C\xe4\xd7\xe5UQR\xa3\x84\x0e`\xa9&amp;\xd6\x8a\x99uk\xe1\xdd^\nL\x13\xc0\x81\x8e\xaf,\r\xb9\xbc\xec\x17\xa0\xc5\x03\x9f&amp;\xdd\xd0\x0e\x9e?_\xe8\xed\xec\x1c\xe8\xff\x02\x1a\r\x9a\xabt\x11\xb3\xab\x88\x19#G\x92\x14$l\xe0\xc8\xac7V\x88\xab\x84\x8eq\xecD\xa8t$\xe2\x88r\t\xe8+!\xb4%\x87\xb0\xf1`)z\xc5\'\x18,\xb9=\xf6\xa0\xd1\x1ag\xce\'\x028\xbf\xea\xcey\xe9}\xb5O\xfe|KK\xf1\x0eY\x80\x94]m\xadUk\xd6S\xe1"r\x92\x08\x92\xd9,\x03@\xe2E%\x82\xcb\xda\x87\x9e\xf0K\x0c\xdej\x1eHH\x1fm\x0c6A\xc0\x98\x13\x13\xf2eh\xce5\xbc\xbb=c\x1bC\xbc\xca\xf27\x8db\xaf\xd6\x97\x1b \xec\x9e\x83r(\r\xa5\xd6\xf2\xe7\xc7Z\xafPLM\x829\xe1\xdb:\x18\x92\xdd\xc7\x16.\x16\xec\xe8_\xdd\xed\xe0\x92&lt;\x06!"H\xe3\xec\xa2\x84\x03m\xea\x0f*\x16\x82\xe0\xfe\xb0\'G\xe9c\xb9\xe3H\xce\xc5\x85\xa8\xfe\xc4L\xb0\x12\xa9a9e\xd8\xab\x93.\x92\xde\xe7r\x8b\x12\xb8G:\x86)XD\x91\xd9\xc3\xb0U\x9b8\xd6C\x1ap\xc80\xce\xbfi\xd5E6\xc0\n\xf3_\xf0\xe85\xa6/\x8d-\xfdV\xe8\x95_\'nh\x80\xa8\xc0\x87z\xdcS\x94\x87\x81\xb6\xbc\xbb\x02\x93\xb0\xff\xf9\xc5\xe4\x00&amp;\r\xb1\x10\xcbob\xdfk\'!\xc9}\xf2oDT@\xf1v\xcah\xcd\x00GEt\xbd(\xac\xddB\x18N\x9eM:\xf3\xe7_\xaf\xed\x193\xa9 \xbds\xc0\xe9\x8d\xdfN\xa2\xfb\xb5\x1ac\xb4\x18Pm\xd3\r\x18\x8d\x8a\x8bAz\xb6\xfc\xab/\x00\xea\x94\x92\x8a\xe3\xf7\x93O\x8a\xde(\xcb\xfc\xe4*m$/`\xc8\x1b\xdb\xcb\x02\xf7&lt;\xe8\x14\xc6zIga\x0c\x98\xa57\x01\x1e\xa57m\x8f\xee\xed\x19\xbdD,\x01\x17\x1fc\xae?\xaeNBvxQ*\xa5D\xcd\xe4\'\xcc\x81N\n\xbd\x03\x82\xfb\x0f\x87B\xe9t\x94\xb3]\xc2z\x007\x17w|\x95\xf3r\xfb\xbc\x127.\xb2\xfe\xec\x9f(|\r\xc9\x81\xce[\xf6{j\xcc_\x10\x85\xca\x15\x96}|\xc3\xeb;\x8a\x0bQ\xa8{.\xe0KnS\x9d&lt;\xcd\xa2\xa4\x06 \x93d2\xeb&amp;;K\xb4\xfaIG+\x1dhG~\xc3\x1et\xcd\x9b\x01z\xac\x86\xe6\x8c\x84H\xffQ\x18fq\xae\xfe5\xcc\x8fQ\x1d\x88\xfdd&gt;n\xafD\xed\xcf,\xd3\\\x1a\x05-\xd0\x9d\xed\xde\x04w\x01l\xef\x01\xa6*(\xc5\x00\r\x183+\r\xc8\xc1\x84\xc1\xa5'</t>
  </si>
  <si>
    <t>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</t>
  </si>
  <si>
    <t>b'\x04\xb9\xb7bl;aZ\xc6\x03\xa7$\xd6u\x902'</t>
  </si>
  <si>
    <t>r
 greatest pleasure was when we were saddled for a riding party; the master on Ginger,
 the mistress on me, and the young ladies on Sir Oliver and Merrylegs. It was so cheerful
 to be trotting and cantering all together that it always put us in high spirits. I had the
 best of it, for I always carried the mistress; her weight was little, her voice was sweet,
 and her hand was so light on the rein that I was guided almost without feeling it.
 Oh! if people knew what a comfort to horses a light hand is, and how it keeps a good
 mouth and a good temper, they surely would not chuck, and drag, and pull at the rein as
 they often do. Our mouths are so tender that where they have not been spoiled or
 hardened with bad or ignorant treatment, they feel the slightest movement of the
 driver's hand, and we know in an instant what is required of us. My mouth has never
 been spoiled, and I believe that was why the mistress preferred me to Ginger, although
 her paces were certainly quite as good. She used often to envy me, and said it was all the
 fault of breaking in, and the gag bit in London, that her mouth was not so perfect as
 mine; and then old Sir Oliver would say, "There, there! don't vex yourself; you have the
 greatest honor; a mare that can carry a tall man of our master's weight, with all your
 spring and sprightly action, does not need to hold her head down because she does not
 carry the lady; we horses must take things as they come, and always be contented and
 willing so long as we are kindly used."
 I had often wondered how it was that Sir Oliver had such a very short tail; it really was
 only six or seven inches long, with a tassel of hair hanging from it; and on one of our
 holidays in the orchard I ventured to ask him by what accident it was that he had lost
 his tail. "Accident!" he snorted with a fierce look, "it was no accident! it was a cruel,
 shameful, cold-blooded act! When I was young I was taken to a place where these cruel
 things were done; I was tied up, and made fast so that I could not stir, and then they
 came and cut off my long and beautiful tail, through the flesh and through the bone, and
 took it away.
 "How dreadful!" I exclaimed.
 "Dreadful, ah! it was dreadful; but it was not only the pain, though that was terrible and
 lasted a long time; it was not only the indignity of having my best ornament taken from
 me, though that was bad; but it was this, how could I ever brush the flies off my sides
 and my hind legs any more? You who have tails just whisk the flies off without thinking
 about it, and you can't tell what a torment it is to have them settle upon you and sting
 and sting, and have nothing in the world to lash them off with. I tell you it is a lifelong
 wrong, and a lifelong loss; but thank heaven, they don't do it now."
 "What did they do it for then?" said Ginger.
 "For fashion!" said the old horse with a stamp of his foot; "for fashion! if you know what
 that means; there was not a well-bred young horse in my time that had not his tail
 22
 docked in that shameful way, just as if the good God that made us did not know what we
 wanted and what looked best."
 "I suppose it is fashion that makes them strap our heads up with those horrid bits that I
 was tortured with in London," said Ginger.
 "Of course it is," said he; "to my mind, fashion is one of the wickedest things in the
 world. Now look, for instance, at the way they serve dogs, cutting off their tails to make
 them look plucky, and shearing up their pretty little ears to a point to make them both
 look sharp, forsooth. I had a dear friend once, a brown terrier; 'Skye' they called her. She
 was so fond of me that she never would sleep out of my stall; she made her bed under
 the manger, and there she had a litter of five as pretty little puppies as need be; none
 were drowned, for they were a valuable kind, and how pleased she was with them! and
 when they got their eyes open and crawled about, it was a real pretty sight; but one day
 the man came and took them al</t>
  </si>
  <si>
    <t>b'\xc5\xb9|\xe5\x06\x86\x17p'</t>
  </si>
  <si>
    <t>c5b97ce506861770</t>
  </si>
  <si>
    <t>e
plants. On the other hand, difference in shapes of leaves produced in air
and those produced in water in buttercup also represent the
heterophyllous development due to environment (Figure 13.9). This
phenomenon of heterophylly is an example of plasticity.
Figure 13.8 Sequence of the developmental process in a plant cell
Cell Division Death
Plasmatic growth Differentiation
Expansion
(Elongation)
Maturation
MERISTEMATIC
CELL
SENESCENCE
MATURE
CELL
Figure 13.9 Heterophylly in (a) larkspur and (b) buttercup
2024-25
174 BIOLOGY
Thus, growth, differentiation and development are very closely related
events in the life of a plant. Broadly, development is considered as the
sum of growth and differentiation. Development in plants (i.e., both growth
and differentiation) is under the control of intrinsic and extrinsic factors.
The former includes both intracellular (genetic) or intercellular factors
(chemicals such as plant growth regulators) while the latter includes light,
temperature, water, oxygen, nutrition, etc.
13.4 PLANT GROWTH REGULATORS
13.4.1 Characteristics
The plant growth regulators (PGRs) are small, simple molecules of diverse
chemical composition. They could be indole compounds (indole-3-acetic
acid, IAA); adenine derivatives (N6
-furfurylamino purine, kinetin),
derivatives of carotenoids (abscisic acid, ABA); terpenes (gibberellic acid,
GA3
) or gases (ethylene, C2H4
). Plant growth regulators are variously
described as plant growth substances, plant hormones or phytohormones
in literature.
The PGRs can be broadly divided into two groups based on their
functions in a living plant body. One group of PGRs are involved in growth
promoting activities, such as cell division, cell enlargement, pattern
formation, tropic growth, flowering, fruiting and seed formation. These
are also called plant growth promoters, e.g., auxins, gibberellins and
cytokinins. The PGRs of the other group play an important role in plant
responses to wounds and stresses of biotic and abiotic origin. They are
also involved in various growth inhibiting activities such as dormancy
and abscission. The PGR abscisic acid belongs to this group. The gaseous
PGR, ethylene, could fit either of the groups, but it is largely an inhibitor
of growth activities.
13.4.2 The Discovery of Plant Growth Regulators
Interestingly, the discovery of each of the five
major groups of PGRs have been accidental.
All this started with the observation of Charles
Darwin and his son Francis Darwin when they
observed that the coleoptiles of canary grass
responded to unilateral illumination by
growing towards the light source
(phototropism). After a series of experiments,
it was concluded that the tip of coleoptile was
the site of transmittable influence that caused
the bending of the entire coleoptile (Figure
13.10). Auxin was isolated by F.W. Went from
tips of coleoptiles of oat seedlings.
Figure 13.10 Experiment used to demonstrate
that tip of the coleoptile is the
source of auxin. Arrows indicate
direction of light
a b</t>
  </si>
  <si>
    <t>b'\xb4\xf3\x8e\x03~,x\x06\x01O\x12\xbb\xdd\xc5\xdc_\xdf\xc7\xc6B\x85\xd8=p\x00\x14P\xe0\x92\x9e\x95\xb47\x91\xfaaT&gt;p\xa5\x89-\xe4^\xbe_[\xc8\xf3\x0bcYB\xe7A{\x99\xe50\xbf\xa6\xa4.\xba1\xf5\x14\x12\xda9~W\xa5c\xb6\xaa\xf3M!B+1E\xecY\xfa4\xb9\xb1?\xc1\xed\x19\xfe\xeak\xc5\xcb\x13^\x08p\x98\xe4lx\x1e\x95#\x84,\xb3x\x14Q\x18\x81Q5a\x81$\xec\x1e\xf8\xfe\x13\xa3\xa6z\xe8\xa1}\xc3G\x94\x0e\xa2\xc4~\xc4\xef\x01\x99\xb7Et\x0b1\xb9\xf5\xf3M%P@\xf4I\x92\x99&amp;lI\xbf\xe1\x91W\xea\x02\x9a\\\twT\x1d\xf5\xed\x07\xc6C\xd2\xa7&gt; L\xa5\xea#\xa8g\x97\x16\xb3\xde0\xa4\xe4l\xd0\xc1\xf8\x8e\x9f\x81\xa05\x02\x07\xdbW\r\x8cddv\xb9\x8foRxV\x10\x05\xe8K\x1bw1\xda\x16\x8f\xb5\n=\x007\xf8\x96\xf6\x8dM\xa4X\x13\x90VoI\xe5X\xdc\'\xf5\xca"\xe2\x07\xdcD\xa0g/wG?\x82\xe5\xe9\xc6\x00\x02mg\xec\xd1\x96\x0f\x8e\xff`G\\\x0cIi%\xd4\xca\x98m\xaf,\xc5\x94&amp;\x1c\x7f\xb4\xd6\xbb\xe8\x08\x84\x1c\xe7q\xeb\x8b\x1a \xf7#"\x7f%QJ\xe5\x95\x1f(\x97_\xa1\xb2\x1f\xf6R\x8e\x91\xe0e_\x94\xef\x08E\xe9\xb3\xdd8\x0cs\xd0\xdf\xf4s\x07\x8f\x83\xa9\xb6\xfb\xde\x1c \xc4Fh\xf2_\xa8D\xb2e\xee\xa6\x9e&gt;\x85\xdf\xab\x18\xf9#`\xa6\xdc\xe6\r\xe9[,m\x05[9\xb6\xd5\x97\x98Nx\x95\x92\xd3qQ\x1e2\xc5L\xed\t\xb1\xcf5Q\x11\x04iA\xde\x0f\xd8`\xdeH\x16\x8a[\x95\xce\xc3\xb1\xad\xc1\x17\x83\xab\x9b\x87i\xcb\xdb\x17\x02\x94\xe9Jh\x9b\x19e\x18\n\xf0Y\x02\xc9\xce\xf4}\xf1\xa6\xe6\xb5nb\x82\xb8\xabS#\x05\x14"\xe1=\xfc\xad\xf6\xdd\xa5\x13\xf3!\xf9/\xa3\x8c\xd9\xf8\xa9\xb1)\xcfN;\xb1\xd2oV\xb3\xe3\xe4\xc7\xfc\xc5s"Y\xdd\r\xde\x0f\x93\x8f\xa5\xcdf}\xa2\x9c\xfb\x11\x87\xed\x0f\x94\xffK-\x1f\xd7a\x058\x9e\x03\x18w\x91#F\xc8\x80$\xd9\xcb\xf7\xc8\xb8`\xc9\x99\x0fg\x16Jj@\x1ef\xcaO\xd1\x9fL\x87\xe4\xf7\x8dg\x0c\xf7\xe0\xe5\xd1\xf9\x84\x0f\x9c\xecU\xf9\xcfd\xb7\xa4r\xd7w#c\x81\xe4\xd0\x12\xaa\x03\x92\x86\xad\x18\xba\xe55\x8a1\t3\xa2s@|\xb1V$\xfe\x92\xca\xbfW \xe9\x98\xad&amp;kI&amp;\xf9\xbc\x0b\x84\xa8\xb9\x1d_\xc5\x0c\xb3\x06\xf2\x0cM\xf0\xb5S8F\x0eT\xef\x12U\x81;*\xd5\xd9\xe0\xff5\xb6\x01\x95|\xc1r\x0b9\x1b\xf6\x94Y3&amp;&amp;\xe3\xb5X\xc5\x815\x0ehg?\xbc]\xa9|o\x9fgi\xc8\x9b[\xf0\'1?p\xe1\x00\xc9\xc3l\xb9\xcb\x82\x8b\xd7\xd5=\x1a\x82Kn\xbf\xe4\x99\xb8\xad\x08\xf4\xa0&gt;)\x125&lt;\xf5vlN\xd2&gt;\xf4\xf2\xe1;V\x9f\xad\xd0\xbb\x04\x9e\n\xc5\x92\x157\xdc\xec\xcd\xdb\xfc9-?\'\xb8\xd3\xbfK`Mr\xe3EsC\x94X\'\x0f\x17b\x19}\xd1\x0f\xbd\xc1\x1b\xc0\xba\x84\xf0R\xc6&lt;\x89\x82\xd8\x83\xc1\x8f\xcba\xc8\xc7?-.\xa0\x90\xdf\xf3O\x9fDZe\x8f\xa8z\xbf\xe9\'|\xa6Q\x10\xcc\x84\x84\xb2\xa7\x19#,b"wt:\xf1\xa0O\xf1\xcc\xd7&amp;\xa3\x05\x9e\xcf&gt;\x02t\xaf+}\xae\x04\'\xda\xd8\xee\x10CM\xee\x9b\x1c\x8d\x94\xb0gN1Z\x91\x8f1\xc3wh\xa1\xba\xd7Z\xf6\xb8Z\xf2\x82\x8be\xeb\x11\xec#0c\xa0,r\xb01\x19}\xcfm\xe6ZdRYW\xdc\xec\xb3\x8f\x1a\x1co/\x0e\x11P\xaf\x1d\xe3\r\xd7\xee\xb1\x02#IS&lt;9y\x9b\x15\xd1\x17\xe6\xbb\xf5\xa0r)ya\xa7\xb4\xb0S\xf7\x95\xdc\xd4\x8drX\xcb\xde\xeaXeE\xcc\x18]\xa0!\x8a\x1a#d\xdbL\xf6.\xc6b\x0cs\x99\x193\x1e\x9f\x04L\xa4\xf3\xcd\xca\x12~\x9cd\xc038\xae"\x02\x19.\xd50}\xbf\xe8}\xf0]\xb2\xaf&lt;W\xd2Z\x92B\xc0\x80\xd834&amp;\x8d\x8c\xc9\x02\xb9\xb5E;"\x91\x7f\xc7\xdc\\RUXN\xbb;I\x18\xf0\xf4\x99\x8e\x80\xb6\xa6\xd6\x84\xf2E\xe3p\xe2\xde\xf8\x8dFA^\xae\xdb\x0c\x1a\xdfH\x05\xecoB\x9f\xdf\xba\x1by\x86\xb2.\x1bl\xcb\x01\x06U|n\xfa^\xa9\x8e\xc0\x13ZS\xc8\xea\xe3\xa9\x89\x8d_(\x00\xd7\xb5c\x03\xdfS\xed\x88 Ua7\xe3\xdd\x81O\xcd\x04\xfai\n\x1a\x08_\x8f\xadg1x\xb1L\xf4\xe4W0i\xea\xf2\xfd|\xde\xb5\xf4\xea\xb9\x7f+\x07\x1f\x9d\xe0L\xb3\xcahr\x0c\xeb|!\x9aL\xd9\xa9&lt;L\xa3\x91\x10\x92\x94\xba\xecZ\xf0Lb\x81\xfeo\xe4\xc9T\xf0\x04A\n\x8dk\xaa\xcb\xde\x8a\xe45J\x04\xee\xf0r\x07\xe4\xcf(\x8b\x1f\x99#\x9a:\x8c\x9eP\xdc&amp;d\xd1\x8f3!\x80\xdbs\x97auQ*\x89\xa6\x1e\xb9MR/&gt;\x89V)\xb1\xc8.ho\xa0\x11\xd2\x9f5:Cn\xc6\xe0v[a\tl\x11\xfd\x02Iu\xc8\x90\xfft#\xfb\x85T\xc1\xee\xb4\x89\xfe\x14\x9daI\xc432\xda\xef\x1f\xeeq\xfd\x81\x18\x99\xc2\x00\xeb#\xf7\xa2\xfb\x82\x15`D\xd9v\xe2\xddTv\x0b\xf1\xf3-h,\x0c\xd0\xa1du\xc1E\xa8#\xdb6T\x86\xe7\x81\xa3\xe06\xaa\x05\xc1\x03\x1aK\xde\xfe\xbc\t\x06\xe3\xc1\x9e\xbe\x07\x15\x8a\x0f\x06\xec\xf0s\xdaf\xe4N\x19\x02B\x10\xbf\x8a\xdd\xb5Z\xe5vE/\xdf\xe8\xf3\x1a7\xbf\xda\x1411A\xd7!\xbbA\xe3\xcf\xa0/\x06\xdc\xc1\x94\xc4\xaa\xfe\xb1$\xabD\xbe\xec3\xe9\x1bb\xf4.3\x9b\xac"&amp;\x0fi\x9b\xc5XC\x0f\x90\n\x96Le\xd4\x9a\x9b\x83?h0\xc9\x90\x16k\xdd\x0c\xdc\x8a\x98\xd9\xd3V]\x04\xebN\xfay\x9e\xd5:\xb6\xea\x01$\x8f\xdc\xdf8&gt;)\x94\xd95\xf0\xf6\x8d\xdd\xbd7,_Uv3\x15\x90\xda\x04\xbc\x1d\xea\xea\x87\xff\xbb?\x92\xdc\xb59\x0fmdM\xb6j\xe0\xee\xda\xda\xdf\x9e\x90^\t\xc7;\xee\xf6\x9e\xa2\xac\xebn\xc0tcD}\x1a\x8f\x9b\x0c\xa6G\x0cbk\xce\x83\x18n7\x0e\x8f\xaf^o:.Xy\xc2\xa6\x05\xdc\xf7\xeb\x00\xc1\xb5\xfck\x9b\x93]\xb7:Cg\x10s\xf0\xb1\xf1K\x0e!N+k\xcb\xbc{\xce\xc7\x04\x02\xdfykE\x11\xc1\xef\x8d\xb1\xe9\xfe&lt;N\xee\x0b\xc3\x95JE\xd1\x19!i\xd97\xef\xbd\x02\xe6\xee\xf6M\x85o\xec\xbb\xf9\x95 \x810\xb5\xcd\xc1\x14\xc1;w\x00\x96\x03\xf3\xca\xe5`\xaa\xcd\xfa\x8f\x13\'\xc3\x91\x0b?8/\xedi\x8eUC\xb18\xdb\x9c8\xc2\x94!\x05\xc7\xa6\xf4*P+\xc3+\xbd\xf4\xaec\x82\xa8\xfd\x91\xeb\xf2\xbe.\xca\x15\x8b!:\xf9\xee\xbeHo\x8d\x84\xbf\x89f\x943\xab)Zb&amp;\xf7\xce\x00\xf2\n\xfan\xeb\xe3\xd2\xc5\xde\x90\xeb\xf0\x06\xfe\x01\xb4\xbc\x7f.\xf5\xdf\xe0\x14\xa9\r]\x97t\'\xe9\xfc\xb9l\xf23\xdc\x02p6e\xcf\x7f=\xf4\xe5\xd7G3\xfd\x88\xb6{}\xabk\xach\xcca\xad\x15I\xdc\xa4\xeb\x17zMr\xc8\xbc\x9da\x16\x06m\x8bb\x0e$\x0b\xcaW\x0e\xe4\xefYX\xca\xf0\xd1\t\xe9\xa6\x06\xc2\x87;\x95\xdf9M\x97\xa7\xf5\x10c\xac,\xe5\x02\x8fq\xfcO\n\xd2\x7f\xe6{\x10\xeb\xb6A\xb8ix\xc9\x94\xe0\xff\xdd \x0e/n\xe6\xfd8I \x91h\xae\x87\xd7,\xafYH\xcb\xc9W`\x0c\xa0\xe6\xf9\xae\x13b\xb1w\xce\xdd\xcf\x9e\xc5\xe9\xf6T@\xc9\xe9\xbc\x7f\x86\x11.4 %&gt;&gt;\xf9K\xd416\x8ck\xca\x9b\x89\xf5,\x97\x87\xf0"e^q\t:e\xbdb\xb3\xd5N\x96\x0e\xc1\x08A\x05\x9f\x7f{\xad\xbf\xc8w\xf2\xa2v\xfe\r\x1e\xe6x[\'4!g\xc7F\xfc\xfa^\x9b3n\xdbZ\xcc\xf8\xd1\xef]\x1b\xef\x9c\xb6\xdf\xc3\xc7\xdbg\xcf`\x8d\xa7W\xf8\xb4\xac\xa9\x06\'\xe0T\xbfp\xaa\xc1\x04\xaf\n\x89\x83\xe1\x10\x1e\x17\x12\xe1c\xdb_\xfb\x17\x02\xf9lA\xe2\x8dJ\xab\xd7\xb9\x9buW\x17\xc8]\xd9\x8f\x8a\xf0Y\t\xbf8u\xf2\x83m0\xfc\xa8\x8d_.WT\xb6E4\x84\xea7\xff\x80\xe9\xfe-X\xe6d\x19\xd3\xee\xdcU\xb0S\x96Z\x810\x9e\xedc\x9fJT\xdf\x90\xbaA\xb2\x02P\xc8\xa9]\xf5\x05\x87\x00|m\xc2\x08\xe4\xee{q4F:\xfd}\xfc&amp;\xb8\xb35\xc5\xcd+HG\xd3Q\xe7M:\xde@B\r\xe1\x96\xd9W\x12\xcc~\x08yu\xd886\xaa\x14\xa0o\x9c\xc9\x86\xb2\x9e2\xb8\xf0\xe7\xc7R1jA\xcc\xe4Q\xa4\xea`\x9a\xc6PWcW\rN\xefp\xe0\xe8\x06j[\x8b_\r&lt;)c\xd9\x18\xb4%\x1a\t\xdb\x85\x0bJh5\xdb.\xf9\x85C\xac\xa0\xe1\x88S\xc2\xc6\xde\x85j\x88MT\xe2\x14do\xa8\xfc4d8\x8f\t\xa89\x80)nCL\xb1\xb0?\xb8-Q\xf4\xe5\xfd&gt;\n\xb3/\xd6n\xad&amp;\xcaD\x92\x87\xc5\x8c\x8fk\x8b\x9a\xd7\xc3\xa0\xfc\x1e?\xa1\x83e\x05\x97\xe5\xc8N\xc1\x1c\x9d\x8c\xb2\x9c\x8e~\xb0\xf5\xea\x82c\x9b\xddf-&lt;\x12:\x81\xa0\r\x9eS8\x04c\xd5!\x03\n\xe8\xd9\xce\xb4\xd4\x17%\xf2F\x88\x17\xab\x9a\xb1B^^\\\xc5\xb1J9tF\x94+3\xc7\xe8\xd9\xfb\x19\x9a\xe7\xff\xac\xcc\xe1u\x18\xb9\x92&lt;\xb3\x0cR\xb0\xc7.\x87^oJ\x05\x08[\xbeh\xbb\x04\xb9!\xbf\xaa\xfa8G\x02\xbf,\xacw\xb0\xca\xfa\x92\xedwtb\xee\x05&amp;=\xc4A~UO\xaf\x14#V\xfbv\xc7\xc9%C*\x7f.\xd2\x0e\x06\xbc\x00\x9a\x1fYTy~\xec\x83~\tD\x17&gt;\xb0\xef\xc9\t%\xe9\x0e\x1c\xdbUKfZD"?X\x95\x99\xceJ\x83\xeb\xf5\xfa\xab\xe5\xd5\xf7\xb4m\xffz\xde\xf9\xfa\xd4S\xc1V\x91&gt;\xee\x16\xf5\xf9\xab\xf6\x18\x08\xfc\xdc\x19u\xcf\x00\xc9i$t\xab\xd7\xb2\xfc\xeb"\xd4f\xe4\xcd:\xe9{F\xba_\xcba\x1c\x90f\x7f\x9a\xf8\xbe\x9a\xa9\x84\x9e\x17V\xcf)\xaa\xc1\x99\xb0\xabUe\xd2\xc1\x954R\xdf)\xca\x7f\xb8\x8e\x9a\x90&amp;\xa4\xc47\xf5V\x03\xfb\x9d-\x01ew_\xfe^m\xa0a\x05"\xdb\xa8\xec\x0eW\xb6\xad\xe9\xa24\xd7\xccM\x91\xb9\xc9s\xc1\xb4\x83\xd4\x82\xe1\x1d\xa8\xc2"\xd6\xb6O\x8f\xf8\xcc\xb5R4\xde1\x81\xea\xbc\xa2o\xdf\x0c\xeb#\nA0T\n\xff\xe0Z\x88\x89BJ\x9b^\xd2O\x1fw\xf25\xcalm\x05\xb9\xda\xd4R\x0c\x8f\xa4Qu\x19H\x1cwX;?D\xe1\x17l;o\xcd\x96\xb1}\x1c\xdc\x17\x81\xbcc\xfa\xd3v\x1e``\xac\xd0\x81\x10\xa8\xef#\xd3VMK0.\xa3,\x14\xdd\x99\xb6\x84D\xa6\xc7=\xa3\xe9F\x07c\n\xa0\x04\xf3]C\x9b\xf7OnX%\xab\xe7\xfa,k\x10\x86k\x05\x9f\x86\x10\x98\xd6\xed\xf7\xaf\x19\xb4\xc3\x91\x87\\\x11\x90MZ\x19\x7f(t(\x95\xc4A\xdd\xf5\xf8]\xcd\xd0\xe1s\x9a"3\x15`@\xaa\xe0$`(\x8f\xd3h\x01\xc9z\x95\xbc\x85W\xa1|e\'g\xdd\x96\xf7\x0b/S\x03i\x7f2~\xbd\x95Ff\xdd\xcf\xf3H\xee\xfa\x94(O\x02\xbe\xee\x90\x02\x08"\\\xc0V_\x06\x84]\x888f\xdd\x17A\x81$\x0f\x14\x9c\xfd\xf1 \x08_\xd4\x11 \xcf:e\xed\x11az\x08X\xeev\xf5j\xc5\xef\xdd\x9c\x13\xf0W\xad\x00\x1d\x8b!A\xb7\xb0/\xb3\xc7\x1a\xd3C:\xbc\xf0N\xe2\x99\xdb\xab\xdd|Jz\x06\xeb\x1aH\xc1Nwq%\x917\xab\xa4\x95\x8e\x86pth\xa2\xab\xde*\\\x06\x8c\xffo\x7f\xeb\x8fk\xc7\x9c\x83\x06\xa5\xa9q\n]\x00\x9b\x16\xb3\xe5\x10\x9e029V\xfe\x8c&gt;\x92H\x04}d\xa3\x86\x15\x18\xca&gt;M\x0bR\xb2\x0f\xab\xd4K\x89q_\nq\x9eO\x8emK\xff5\xa6\x9a\xee\xdb\xe5\xcf\x0f\x06\x1d\xb2$Z\x06\xda\xc0\xe9\xb4=*\x1b\xb4\xc9\xb5\xe0lIv$\xc3N\xbf?\xdf\x8e\x83=\x8bz\x9b\xbd\xa5$\xcb\xb87\x05P\xa8\xccI\xfe\x92\xec'</t>
  </si>
  <si>
    <t>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</t>
  </si>
  <si>
    <t>b'\xb4\xf3\x8e\x03~,x\x06\x01O\x12\xbb\xdd\xc5\xdc_'</t>
  </si>
  <si>
    <t>sometimes inflicted on
 mankind. A member of the house of Udolpho, having committed some
 offence against the prerogative of the church, had been condemned to
 the penance of contemplating, during certain hours of the day, a waxen
 image, made to resemble a human body in the state, to which it is
 reduced after death. This penance, serving as a memento of the
 condition at which he must himself arrive, had been designed to reprove
 the pride of the Marquis of Udolpho, which had formerly so much
 766
 exasperated that of the Romish church; and he had not only
 superstitiously observed this penance himself, which, he had believed,
 was to obtain a pardon for all his sins, but had made it a condition in his
 will, that his descendants should preserve the image, on pain of
 forfeiting to the church a certain part of his domain, that they also might
 profit by the humiliating moral it conveyed. The figure, therefore, had
 been suffered to retain its station in the wall of the chamber, but his
 descendants excused themselves from observing the penance, to which
 he had been enjoined.
 This image was so horribly natural, that it is not surprising Emily should
 have mistaken it for the object it resembled, nor, since she had heard
 such an extraordinary account, concerning the disappearing of the late
 lady of the castle, and had such experience of the character of Montoni,
 that she should have believed this to be the murdered body of the lady
 Laurentini, and that he had been the contriver of her death.
 The situation, in which she had discovered it, occasioned her, at first,
 much surprise and perplexity; but the vigilance, with which the doors of
 the chamber, where it was deposited, were afterwards secured, had
 compelled her to believe, that Montoni, not daring to confide the secret
 of her death to any person, had suffered her remains to decay in this
 obscure chamber. The ceremony of the veil, however, and the
 circumstance of the doors having been left open, even for a moment, had
 occasioned her much wonder and some doubts; but these were not
 sufficient to overcome her suspicion of Montoni; and it was the dread of
 his terrible vengeance, that had sealed her lips in silence, concerning
 what she had seen in the west chamber.
 Emily, in discovering the Marchioness de Villeroi to have been the sister
 of Mons. St. Aubert, was variously affected; but, amidst the sorrow,
 which she suffered for her untimely death, she was released from an
 anxious and painful conjecture, occasioned by the r</t>
  </si>
  <si>
    <t>b"$\x95RU\xb15h\xd5\xdb2\x0b\xca'&lt;f\x12\xf8\xaa\xfbN\xb7\x06\xa8\xeb\xf1v\x0c\xfd\xfc\xb7U\xc9\xd2E\xbd|\xa4Y\xd0?\xc7\xf8I\xbe\xcbn\xe18y\xd8\xc4\x19\xc7\xdb\xac\x10\xd7\xd0\x7fN!\xe4\xb0?"</t>
  </si>
  <si>
    <t>24955255b13568d5db320bca273c6612f8aafb4eb706a8ebf1760cfdfcb755c9d245bd7ca459d03fc7f849becb6ee13879d8c419c7dbac10d7d07f4e21e4b03f</t>
  </si>
  <si>
    <t>b"$\x95RU\xb15h\xd5\xdb2\x0b\xca'&lt;f\x12"</t>
  </si>
  <si>
    <t>e peripheral to all but a minority of the people, and
therefore to Roman history itself, as it was now understood. Yet the tendency to
isolation is not all on one side. There is no shortage of textbooks and monographs on
Roman law from which the physical realities of the Roman Empire seem no less
remote than is the law from the pages of Rostovtzeff. This is not in all cases an
outcome of neglect, but of a principled debate among legal historians themselves as
to the nature of the connection between Roman law and the realities of Roman
society. Alan Watson is the most recent to argue that the development of Roman law
is to be understood from within the juristic tradition itself, without reference to an
everyday society with which it had little connection (Watson 1995). It is an austere
view, which does not seem at present to be the prevailing one among legal historians
(Johnston 1999: 9â€“11; Frier 2000a). In any case, the argument would apply to
juristic thinking rather than to the many primary texts that clearly relate to real
conditions in the empire (see below, section 5).
2 Recent Developments: The Digest
The last three or four decades have shown an increasing eagerness among Roman
historians to use the evidence of legal texts, both to address questions of a specifically
legal nature, and to enrich the general understanding of the character of Roman
society. John Crookâ€™s Law and Life of Rome, headed by the wry epigraph â€˜â€˜Iuris
consultus abestoâ€™â€™ (â€˜â€˜Jurisconsults Keep Off!â€™â€™), appeared in 1967 and was quite
explicit in its aim â€˜â€˜to strengthen the bridge between two spheres of discourse
about ancient Rome by using the institutions of the law to enlarge understanding
480 John Matthews
of the society and bringing the evidence of social and economic facts to bear on the
rules of lawâ€™â€™ (Crook 1967: 7). Since then has appeared a great number of studies
representing the same way of thinking, on topics to which the legal evidence contributes â€“ social and legal privilege, the status and duties of town councilors, marriage
and the position of women, sexuality and prostitution, the food supply and
commerce, city administration, the agrarian economy, landowners and tenants, the
origin and character of the jurists themselves â€“ not to mention those more specifically
legal issues, such as crime and punishment, the Roman citizenship, t</t>
  </si>
  <si>
    <t>b'\xc9\x04\xab\x94\xb6\xea\xa3\x8bNM\xaf\xfd(\x93\xd8\xbb\x82v\xf5\x02\x82\xc4\x8d\xf6\x15\xc0\xd7\x9c\xc6\x14\x89L\xab\x11\x88\xa1\x92\x9b\x00\x17\xa2\x1a!gn\x08\xabT\xb5\xb2\xd8\x9f\x91`\x9b\xcb\xf9\x86\xfc@\x97iZ\xab\x01\xdb\xf2\xc6WRYm\x0c\r\xc4\xba\xe6\x80=\r2\x18\x98U#Pp\xcf\xe7\x1c\x1f\r\x1d\x1a\xbb\xaf\x05L\xcf\xa7\xbe\xf7}\xf4\x94\x0c\xfd\x0b\xbf\xb6\x9a\xc9\x1d\xfa\xe50j_zR\xc7\xee\x9a\xd4\xd5\x1f\xd2\xa8\n%A\xf8\x92\x1fs\x8dt\xdd\x1d\xb1KOF\xa8\xc7\x05\xc5\xc7\xcf{:D~\xda\xe5a1\xb4T@\xd1]!\xd5{42\xc1\xe57I\xddde\x92\x1fu\x89&amp;=\xff\xd0\x0c\x9f\x07\x98\x1f\xc4\xa9\xdf+\x1e` \xf5\xec\x8d\xcdg0\xf9v\xeb|\xc0\\\x14\xa3\xbd#flK\xe8%\xbf\xc0j\xa5\x81\xef\xd7\x82\xbb\x08G\x86c\xe1\x87\x9e;\x94\xba\xfc8\x88\xdf\x80(\x97\xea\x9d\xe4N&gt;\xc7Z\x8c\xaa\x929sX\xffQ\x9a\xc7\x07\x01cE\x85\x00;\xa4\xc8"\x90\x0b=\xfacw:\x82&amp;\\\xa5\x84\xf2\xaa\x1b\x17\x96\x90\x89\x89D]\x00;(/\xe0}\xd5\n\xf1\x07s7\xde\x19\rk\x9aE\xce\xdd2E\x84\x0e#\x0b?\x03s\x11PG\xa3\xa9\xfd\xa6s\xf6\xe8B\xe1\x9c\xf3\x1aRM\'\xf0\xbd\x14\x1d&gt;/\xb4\x80\x85V8~3w\x01\x06Py\xec?\x0e\xc3c\x1d\x14Zd\x1a\xb9\x06\x97\x17\x9c\xddI\xf7a\x8ab\xa3\xd9\xfa\x82\xf0\x08G\xbb\x94LV\x01\x94\xae&gt;\xe9\x93&amp;x\x00@\xef\x15\x95\xa0\xe0!\x13\xa7\xd8\xb2\xfc:.\xef\xe0\x89\xeb\x1bM\xed\xfe1\xc7t\xb6\xa5\x7f?\x1e\x04H\xd3E\\\x82h\x8cn\xb4\r\x01H^\xdb\x1dFL&lt;\t\x9fV\xf3\xbcsk\x86\xf0\xbf\xa5z\xbb@sJ\xf0\xd6\xb6\xde\xa8\xda\xc7/\xaf\xba\xbb\x81\x9baW\xcbqU&gt;~\x9c\x96\xab\xfa\x93|\xd2\xf6\xa1\x85@;\xdf\x8f\x9aL\xa9&lt;\xb1\x98a\xdb\xf7\xb6\xf3\n\xa4n\x99 \xa8&amp;\x1b.\x9b\xef\xf1\xa4\xddL^\xe3\x9e\xec"\x98\xb1\x8e\t\x06Z\x13p\xb7{\xd6\xd0\x04\xf2\xfd\xb5w\xc5\xa2\x80\xc3\x054\xfd\xd74\x15\xe6\x9by\x88\xf4\xa4\x0eh7\xb4\xc8b?\xb8\x0f;\xe4q9;\xe5\x18\xf8!\x1b6\xc6\xe4&gt;\x98V&lt;\xc0\xa6\xcf\xb6\xc7\xf8\x0cL\x8f\xf0;|\x9e\r\x8e\xaf(\xb4\xd2s\xf4\x02\xf9cM\t\xc3i\xa8Q\xb6\x80\xf3\xdc\xa9"v(\x82\xb1\x8e\xc7\x85\xd2\x89N\x9a\x9a\x17\xb6\\ib\xfbu;\xac\x8b\xf6\xb4\x7f\xa6\x1f\xcb\xf8\x1b\xc1\xe7\'\x9bc\xcbD\x00\x98\xf8]\xaa\xa7cY\xccq\xb8\xfa\xab\xdfrY?oK\x8bk\xc3h\xcf\x9a\x94v\x1e\xbeC&amp;O0\xfa\xc8\x84\x1aM4\xdf\xe1x\xf3&gt;}?\xcc\xe17\xb6\xd5\xec\xb0\xe8E%r5\xcf`K\x8b\xb3\x9bNA\x95\x11\xc7\xb3\xbb\xcc3_\xa3\xbe\xa0\x97:\x94#\t0\x12\xe0;\'\x9b\x8f\xaa}dy\xe45\x07z)L\xf3\xa0\xf4B\xc8B\xbby\x87 \x87\x18?\xf0i\x98\xb0\xe9r\xc9\x04\xcb\xe4@\xb8\xc6\x01\xc6:\xc2\xf5\x15\xee!\x9a\x08\xc7\xb6\x8a\x9e\xf9\x83\x10D\xe93A\x07U\xa8\xd3U\x10\xdd\xdd\xb2\xe6F6\xbb\x07\xdc\x18\xdf\xa7\xb4\xe0\x0e\xd4\xd0\x98\xb1E\xbdr=\x93\xb8\xea\xbe\xbd\x8c\x99:\xf0p\xc8\x85\x80\xff\x00o\xf6\xab\xaf\xbd\xabM\x8d\xf7^3yT\xd0\xb1\x9b\x9a\xeb\xc5\xea\x03\x9f\xa1\xdbm/\x8e\xea\x13\x93\x14\xb7*\xda\xc9\xf4s+\xe0\x0c\x85n\xfb\x98#U\xd9v(\x199\xc3\xabp\x0f\xbe\xef\xc5\x0b.\xdd\xcf^\xb6\x94\xb3)\'\x91\x03\x82a~#\xd6\xd17qw\xd7K\x94\x0b\xcdi04\xbfz\x82\xf0\x8dc\xa2|\x1cc)\x8a,Dsg*UA\xb8\x02\xe0\xc3\x9b\x86\x1a\xb0\x98\xdd\x91\x7f\xa7H\xa4V\x90\x15\x0e\x90\xea\x81\xd6\xda\xd6\xfe6\x86\xe3\xeeW&gt;\x06\xef\x90V\xdd\x9dX\x01Im\x816\x99\xb2\xc3\xf8\xb3N\x11\xaa\x14\x8a\xe4\x07i\x90\x81\x0f|\x02\x9e\xc3\xa6\xe5^\xbb\xb3\x97\xb5\xdd\xb2T\x06\x06\xd8,\xbc@\x02\x1d\xcfW\xa7\xe0M\xf8g\x07\x98i\x95\r|\x7fW\xeb\xdc\x02W\xcb\x91Fc\x84NE^\xbdE$\xc6^\xac\x00\x9dS)\x80N\x1a\xb9~\xc0\xc4\xf2\xff\xf3\x9b\xf2\xae\xb3&lt;\n#\xa9\xce\x92\xbd\x9c\x1b\x01\x86\x05\xa3\x11\x94d\xfe;)\xc4v/E\x14i\xb0D\xa5^~\xe2cfwI\xd8\xe5\xadM\x96\xf9\xeaa,\xael\xc1\xf8\x95\x98\x12t]\x8d\xc0\x04xJ\x1ct\x9fk\xd7\x97\x86\x13\x04\xe1\x92\xf9:\x14 ;\xf0\xd2\xa1\xb3\x95\xe5\xac$?\t\x8f\xd7\xfc\x06\x1f&lt;\x01\xd4m\xbd\xd2n\xae\x05`\x84QtqY\x809\xdb\x19-\xe2.s\xb6\xf1\xcbo\xae?\x0bR`\xc7\xb6\\\tB\x11#E\'\xbc\xeey\xdcz\xa5\xa9\xc7\xa1\x0c\xa2,\xcd\xc6\xebQ\xeb\xd0\xbe\xb3\xda9\x8d\xd0\xd1\xe5\xf5G\x91db\xfa\xe9\xd4\xad\xc9-\\Q\xd5\xfb%_\x07o\x1d\xdc\xc1\x16\xba\x13\r\xa7\xc8\x17\xf2\xd7u4\xa3\xf1\xd4E\xad\x16\x86U:\xf0\x18}\x8a\x86xR\xae\xb4\x17\x96\x13;B\xa8\x14\xd1\xb2r\xc6\xa0\xca\xb0\xf0\xe2jr\xf5\x9e\x8e-(\xb5\xfd\xc5A\xec\x8d@3\x90\x93\xc8\xd2\xb0c\x08d\xbff\x8e#\xe4\xaf\xfcE\x91T\x8a\xd0\x94\xfa\x828\xbd.\xd3\xecHR\x98\x8dg\xe7[\xdb\x81\xea2.&lt;\xb7\x1c*\xb1e\x86\x01\xad \xf5\xc3\xee\xae\xd5\xc1@{m\r\xce9\xd9%\xacZ\xd12Up\x88\xd1\xb9j\\\xaf\xad\x01\xc0\xdf\x1d\x1855p\xdb\x1c\xc3\xc5\xfe\x94\xd7N\xf7e"\xd2\xa2Nb\xbdPh\xf3\x8f\xce`\x9f\x99?iW\xc2\xceM\x02U{&amp;|\xbf?\xc5\xb9\x8b\xcf\xc0\x95\xaa\x02"}\x81\x93?\xc8\xc5$\'\x04\x16w3]t\xa9:|\xad\t\x13\x0c\x028\xd9\xde\xebY\xaf}6\xab\x8e\xe6g\xe9\xb9\xa1X\xd97"\xfdz\xaf\x11*\xf6V\x84)1\x9b\xb1\xdf\xa1\xc3\x05\xb5y\xc7\x8c\xb5y\xcb\xa0&amp;\xc4,\xec(\xf5\xa4\x08\xc5@\x94\x8b\x8b\xeb\xd0-/\x88\x18\x01V\x14\xf1X\xa6s\x8c\x1d\t&amp;d@\x03EW&gt;F\xbd\xf1\xe6R\xbc%\xdb1V=2\xb89\xdc\xa5eD\xe8\xb1\xac\xc1w\xdf|\x8e\xa5\x0c\xaf;M6\x05\x1d\x06qPI\'\x1d\x17\xe1\x9d\x02\x1d\x04L\x83t\x8d\xc0h\x91+*\xbc\xc8p\xd0A\xb8\x16\xeah\xd8D\xbd\x8c5a\x97\xdd\x8d^\xb5\xf731M\xab\xc8\x17\xee e\x07\xf2\x19RH2\xc7f\xe8A\x8ef_\xd5(\xdf\xc2\x10\x83\x92\xb4\xd5z\\\x94g\xb7\xa8\xee:\x9a\x19#GR\xb80\xfaX&amp;\xcd\xc2G\x832,"\x0bn\xe9\xc6\x0f\x04\xb6@\xf2\xb5\xdc2\xbe\xe3\xa5\xa5?&gt;\xfb\xf1\xcd4\x82^0\xa0\xc6\xcf\x05Wo\x00f \x8b\x95\x8e4\x96\x17\x00\xad\x08\x10c\xfcJ\x0fJ\x08\xb7\xf7\x82\x05\xd8\xdd\xb6\x9b\xb9!*\xdfo\xac8\x98\xdd\x1b\n\x13\x9c-\xd8\x92L\xa3\xf4\x04\xad\'\xd6\xd3"E5\xe0\x15?\xa2\xd9\x12\xd8\xda\xa6\xc4c\xb0\x06\xb0,K.\x88\x0f\x1c\xc2\xe6\xa8@B\xe8U\x96\xd4\xbeYx"\'\xaf}\x95\xcb\xb1\xe5\x14\xc5\x10?\xbe:\x8dQ\x11J\xf6\x9b0\xf4\xd15\xbc\xd6\xe6z\xcb!\x91*\xb0@\xe2`\xb5h\x06\xf3\xdf\xb0Y\xde\x1c\xfb\xeb\xb5C.lMv\xe6\xc7\x81\xdf_@\xbb\x8e\x9f~b=\xea#\xba\xd4\x82^\xbd\\%"e\xad\x9a\xee\x03\xc4i\xdb)?j\x17\xf0\x8f\x86}\xa2\x198\'\xecF\x03\xf2X\xb7pn\x99\xa2$i\xe8\xe6\xc4ru\x16\x187\xc3\xf7wnF\xac\x9aT\xd6^\x85dM\r\x97o\xff\x1dE\xf8\xae!A4?\x07\xa6\xde\x8b;^kh3\xa6\x11EX\xa6\xa8;\x9b\xdc\x0e\xcb\x9e;\x158\x93`\x1f\x8d\xa5\xf5Ya\xa1\xc8\x85~bn\xcc\xbc9a\xed\x02bd\n\xa1\x80\xa5g\x03N\xack\xc1=]D\xa4clC\x0bs\xdf\x10\xcc\xef\xc0\xf6Ta4\x0c\xa2\xeb\xb5\x1b\x94\x1c\x00\xc1\xe5\x0fm\xab\xa9\xbf\xb3}\x97&amp;J\xf8\xf0\x99\xc7\xd5L4R\x9c7\x81-\x1aR\xbb?W41s \xa9\x81\xff\x01\x1a\x10sb!D\x08j\xbc3oFT\xc5\x16\x85;\xe8E"S\xdc\\P{\xa9\xa3\xba"\n\xa9\xd0\xdeGiW&amp;\x0fh\x92\xdb\xd0fA\x1a\xf8\xa0wi\x98?e\xb6\x80\x8bM|\x95\x97\n6\xa5\x03\x8e\x92\x7fg&lt;\x83.\x8aR\xa5\xb60I\xa3+\t\xc1\xfa+\x81\xee\xdf6\x14\x045[\xf5\xaa\x1cv\xca\x95\xab\xc6\xa0\xf5\xdc\xe2\xfc\xc2/L\xbe@7\xd3g:\x8bq\x0c\x9fu\xc5\x84x\t\x93\x9d[\x82\xd75\x00F\xe9\xad\xaaD\x97\x98q\xb6b5\xb2\xdb\xdc1I\x85hS\xf7*f\x8f\xf2\xff\xac\xadA\xf1z\x87F%\xd7\xff\x82\xa4\x92\xbf\xc2b\xbd\xbe\xdb\xf8H\x9e6\xb3\xbcW\xcecJd\x18\x05z)?q\xc2u\xf5\xd1\x94\x0f\x1b\x93erz4\xca\xbe\x0b\xe1\x1e0w\x96\xfeO\xa6\x07WFu GGo\xc2\xb8\xba\x9b\xee\x88\x0bQQO\x15\xa8\xa7Y\xe5\xed\x99]\'\x05K\x02\xf9\xe6\x1a\xd8\xeb\xd4\xe8\x7fe\xf0G\x7f\xe5\xe7\x0e\xf1F\xf8\x00\x85r\xc8H\xfbu\x9c\x14\xfd2\x1cI\tq\x80eN\xb2\x10r\x93\x96\t\x89\x01\xbe\xb5\xc3\xd3\xba}\x8dc\xe8\x97m\xc6-\x915\x99\xd0\x8dI\xdb\nl6\xb7\xa4\xf7\xd4\xd15\xac\x08\xe9\xec\xa0\x93\xf1zS=\xdb\x17d\xfa\x80\xeb\x1c\x94\xd8\'\xeav\xeeF\xaf&amp;\xd8\xba7\xab\xef~\xbd\x9f\xcf\xa5b\xd82\xd5\xd2\xde\xd6\xdfS\x11'</t>
  </si>
  <si>
    <t>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</t>
  </si>
  <si>
    <t>b'\xc9\x04\xab\x94\xb6\xea\xa3\x8bNM\xaf\xfd(\x93\xd8\xbb'</t>
  </si>
  <si>
    <t>ovided a maximum operation frequency
 (called the â€œtransit frequencyâ€) of 10 MHz. By con_x0002_trast, bipolar transistors realized in todayâ€™s sili_x0002_con integrated circuits have a base thickness less
 than 0.01 Î¼m and a transit frequency of several
 hundred gigahertz.
 Since the base-emitter junction is
 forward-biased in the active mode, we can
 place a diode between the base and emit_x0002_ter terminals. Moreover, since the current
 drawn from the collector and flowing into the emitter depends on only the base-emitter
 voltage, we add a voltage-controlled current source between the collector and the emitter,
 arriving at the model shown in Fig. 4.13. As illustrated in Fig. 4.11, this current remains
 independent of the collector-emitter voltage.
 I S exp VT
 VBE
 B
 E
 C
 I S exp VT
 V
  Î²
 VBE
 BE
 Figure 4.13 Large-signal model of bipolar transistor in active region.
 134 Chapter 4 Physics of Bipolar Transistors
 But how do we ensure that the current flowing through the diode is equal to 1/Î²
 times the collector current? Equation (4.24) suggests that the base current is equal to that
 of a diode having a reverse saturation current of IS/Î². Thus, the base-emitter junction
 is modeled by a diode whose cross section area is 1/Î² times that of the actual emitter
 area.
 With the interdependencies of currents and voltages in a bipolar transistor, the reader
 may wonder about the cause and effect relationships. We view the chain of dependen_x0002_cies as VBE â†’ IC â†’ IB â†’ IE; i.e., the base-emitter voltage generates a collector current,
 which requires a proportional base current, and the sum of the two flows through the
 emitter.
 Example
 4.7
 Consider the circuit shown in Fig. 4.14 (a), where IS,Q1 = 5 Ã— 10âˆ’17 A and VBE =
 800 mV. Assume Î² = 100. (a) Determine the transistor terminal currents and voltages
 and verify that the device indeed operates in the active mode. (b) Determine the maxi_x0002_mum value of RC that permits operation in the active mode.
 Q1
 R
 I C VCC X
 VBE
 2 V
 R C
  Î©
 (Î©)
 VX
 500
 500 1041
 2.0
 1.424
 0.800
 (V)
 (a) (b)
 C
 Figure 4.14 (a)</t>
  </si>
  <si>
    <t>b';\xa7\xc7\xbb\xe3gcr\t\xe0oS\xd4P\xb8#'</t>
  </si>
  <si>
    <t>3ba7c7bbe367637209e06f53d450b823</t>
  </si>
  <si>
    <t xml:space="preserve"> then she heard something splashing about in the pool a little way
off, and she swam nearer to make out what it was: at first she thought it
must be a walrus or hippopotamus, but then she remembered how small
she was now, and she soon made out that it was only a mouse that had
slipped in like herself.
â€œWould it be of any use, now,â€ thought Alice, â€œto speak to this mouse?
Everything is so out-of-the-way down here, that I should think very likely
it can talk: at any rate, thereâ€™s no harm in trying.â€ So she began: â€œO
Mouse, do you know the way out of this pool? I am very tired of
swimming about here, O Mouse!â€ (Alice thought this must be the right
way of speaking to a mouse: she had never done such a thing before, but
she remembered having seen in her brotherâ€™s Latin Grammar, â€œA mouseâ€”
of a mouseâ€”to a mouseâ€”a mouseâ€”O mouse!â€) The Mouse looked at her
rather inquisitively, and seemed to her to wink with one of its little eyes,
but it said nothing.
â€œ</t>
  </si>
  <si>
    <t>b'\x15\x89\xff\xd8\xc0\xc4n\x01)\x96\xf4P\xe5W\xc6C\xf3Z\xd9\x82\x0eI\x1d\xaa\xaa\x19\x08)q\x8c\xaa\x85eN\xa3\x01\xc7"Q\x85t\xcbg\xb0\xb2\xceo\x96&lt;\x14$\xfbHccW\x12\x1f\xa1\xa2\xdb\xea\xdd\xef\xe2\xab\xad\x0c\xb4\xea:\xdd\xf2\x010\x91\xaf\xa1\xe2\xb8\xa4\x19M\xbdIu\xfa\xbe\x91&gt;w)q\xac2\xd5e}\xc1V\x9f\xd0\xac\xc4\xd4\x03y\x87\xa0\x11&gt;Me@\x03BV\xd9\xc0\x8f\r\x1c\x11Ly\xdf\xa6\x85v\x0c\xf6\xfeL\n\xb0p\xc6\x9f\xbem\xf13Es\xda\xd1\x0c;e\xd1\x8c/\x93\xab\t\x86\xb7L\xd2\xd9\x07`\x07)\xea\x169\xb4\nh\x8a\xa4\x0fk\x91\xd8\xab\xf5\xde\xd2\x05\x86\xcf\xb3p\xc750\x86r\x84\x0e:\xa7[\x10\xfaJ#\xcfj\xb3t\x8f\xa1\x8c\xc7(\xec\x95e\xc7L\xfa\xd1\xad:V\x0f\xc48\x16NC\xd2x\x869\x19\xd0 R\xd4\x14\x95f\xd3i\xdcftG\xc7\x03\xe0\xa3\xf2\x02\x8d\x1665\x9d\xe5\x00\\\xca\xb1\x95\xb6\x81\x83\x18\x95\xc8\xaas\n\x89\x81\xd1\xb0U\x01\x920\xbd\x0e\t\x02\x16\x1eT\xfe\xc0\x01\xdeIc-\xb2\xe4\xe9\xe3\xac\xff\x9c\xc3\xf9\x19=\x8c\x0eV\xd5\x8e(\x08\xdc*\xd4\xc7\x7f\xdc\xb4o.\xb2\x9e\xfb\xe3?\x8d\xf7\x0ce9\xc1&amp;\xf406\xb1\xab\x12R|\x1e\xdb\xf4R\xcc^\x17\xa6\x05\xaf"\x9e\r\xa9*V\xc5K\xablM\xdcS\x15\x14S\x90\x83\xb6Z\x00\xe1x\xffK\x16\xb1X\x19r\x80\x91\xfb\x0c\xa1\x06\x9c\x9aI\xf8\xae7|\xf4\xbdr\xb0\x00\xf0\xf2X\x02\x11\x12\x1f@\x18\x03\xeaK@\x0b\xf8\xbc\xf1\xb2d_\xc3[\x8e%\xa8/4\xc9\x1ca\xc7&gt;\xb5\xc0\xf7\x91\xb0\xf4$\x97\xedGYm\xb6\x927*\xa9\xb1\xd9Ok\xb2U9\x1a\xf0\x8e\xe6\xd2\x9es3\x0b\xcd\xc41#\x03\x8b\x85\x021k\xb2;J\xf1B\x97\xc0y\xce\xa6u\x1e\xafi\xb0&lt;\xdciQ\x08\\\xff\xb7\xaa\xc2\x05\xae&lt;\xd9\xd9\x84\'dh0_ \x1a$\xdbF-}\xae\x9dsb\x04!\x01\xa0\xd7\x89\x9b\xe7\xbcmf-\xeb\x9b\x98\xf1\x06\xbd\x04\x1d\xeavA\x88\xbaN=\x1b\x86\xb1\xf4?\x9dv\xb9PbB\x10\x15\xdf\xc7C\xed*\xad\xd8\x07\x1e\xc5\xd5\xfd\x0b\xe2\xa6\xbaT\xef\x83\n\x82f\x95\x84\xb1\xe2\x99g\xacn\xf0\xca~wIm\x97\rtkvxaH\xda\xc8\xf7\x1b\x9b\xe8p\x9b\xf9\xe2\x1cB.\xa9%@u\rEK\xd7h\xe8\xc0\xab\xfc;\xef\xe2\xcaE\xfb\xc8\x1b\xc2\xdb\xab\xb7\xe93\x9a~$\x1a~\xcb\xe0\x9f+\xae\x9e\xfc\x19\xeaW62\x1b\xbd\xf5\xba*\xa5\x7f\xce\xae\xbc\xa2\xf7\xf8\xbd\xbd\xf1]5\xc2`J;K\x94\x1a\xcdrT\xaa\x11J}\x80\xd1\xe5`\x14\x02\x07\t\xf5c4\xe6-\xc4\xb3\xa9\x7fP\xcc\xfa*\xe0\xb7$\x96\xc3\xd4\xca\xb6M\xcf&lt;\xd1\xfc\xe8\x86\xde(E\xf0fX\xe4\xdc\x84\x9d\x1c\xf6\xc9\xf6\xd8\xdb\xcf@/\xeb\xb0\x96h7Uh\xd3Y1\xb5\r\x7f\x96\xcb\x17f\xa9\xf8h\x8bU\xae4xcq\xb7V\x02,\x06\xb7\xd6)\xb2\xe3\xa0\xdc\xaf\xbf\x10T\xcf\x9eb\xfb\xba\x15\xbe\x90J\xcd\x85m(Y``\xebW\xcf\n\xbf\x97\xf2\x0e\xda\xc9S\xd3\xc8\xd4\xb9q\x91\xa5\xb0XjT\x92\x00\x83\xc9\xda\xd8Z\xe2\xfe\x81\xe2\xaa.\x8b\xa3i\xb8\x9e\x8e\xaeL\xf2\x1eh\x87\xacd\xd3\xb1\x1e\xf6\xacJW5\xa7\xdf\xd2\xaf\x11vC*3\xeb\x9e\x96\xcc\xc2\xfd\x00\xdc\n/\nr\x19\xc3\x1b\xe4|3Z\x13\xec\x92\xa0\xc1@5p\x9a\x95\xa6\xdfs\xd1y\x84n\x9cq\x18\xfaRB\xf8\xb1\xce\xb1\xdd\x85\x1d\xa4\x98_P\xf8\x1d\xad\x95\xe3\x8f"\xa9\xd7\xdd\xd2.\xab\xf5\xc96\xd0D\x94\xa5O\x10\xbbZ\x9bQ\'*E{.\xa5\xefdD\xa8\x95\x81\xc5\xce\x99\xe2\x8aJ\xa3\xf0z%m\xdf*WZ\x9d\xca\x18\xd4\xee\xaa\xb1\xaaQn2M'</t>
  </si>
  <si>
    <t>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</t>
  </si>
  <si>
    <t>b'\x15\x89\xff\xd8\xc0\xc4n\x01)\x96\xf4P\xe5W\xc6C'</t>
  </si>
  <si>
    <t>s premature
standing and walking had on the legs of small children, lashing out at Roman mothers
who failed to devote sufficient attention to child rearing, as Greek women did, but
Figure 25.2 An okytokia, or â€˜â€˜quick birthâ€™â€™ amulet, beseeching the gods for a birth in which
the child appeared feet first (C. Bonner, Studies in Magical Amulets, Chiefly Graeco-Egyptian,
Ann Arbor, 1955, n. 134. Photo courtesy of the A. Alfred Taubman Medical Library, University of Michigan)
518 Ann Hanson
allowed little children to stand and walk before they were physically ready. As a result,
the childâ€™s legs became distorted, bowing outward, as the weight of its body rested on
the still pliant limbs, and the ground of Rome, solid and hard because paved with
stones, did not give way (Gyn. 2.43â€“ 4). Soranus advised clothing that supported the
childâ€™s back, whenever the baby tried to sit up, and a chair with wheels, when it first
tried to walk. He claimed that Romans attributed the bowing of small childrenâ€™s legs to
the cold waters flowing beneath the city, an explanation that faulted no one, although
he had heard stories attributing the cause to the fact that Roman women had intercourse too frequently, and did so when drunk. Galen boasted of having diagnosed
what ailed a crying baby when its nurse was at a loss as to how to quiet her charge; his
inspection of the babyâ€™s bed revealed its clothes and linens were dirty, and after
ordering the nurse to bathe the baby and provide clean garments, the baby stopped
crying (Sanit. 1.8.30â€“2). Galen saw three- and four-year olds as separating into two
gr</t>
  </si>
  <si>
    <t>b'\x84\xb6\xbd8gEA\xcc\rf,\xf1\x9e$\x99\x92\xf2\x1dF\xf9\xbd5-2:k\xd5~\x0cc\xa4&gt;\xc9c\xa2E\t\xa04z\xe56\x1c\x9cj\xab\x00s\xdc\xcfS2\xd8\xfaE+c*\xf8p\xa6\xc3\xed\x9bD\xaa\x81\x9f\x98\xd5\x16d!\x8b\xc1\x10\x88\x07\x16\xb0\x07PMp\xe5\xa6\xaa\x89\xac\xb3P\x95^\xb2\xadt*\x056\x0b\xcdZ\x1e\xed\xbbn\xf1?\n@\xdb[\xdc]\x1br7dy\x83\x97\x10\xaf=}jJd\xbd\xbdV\xd2\x00\xdb\r\xdbD\x8c\xeb\x9em\\\xbf\xa8R\x93\xa25\xa7g\xc4[\x1e&gt;3\t"Gr2l\xbd\n\xf0A\r\xd4\xec\x0cP&gt;\xe7\x96\xb3\xc6\x95\xc0\xd9\xbco\xa7C~!\xc7\x8f\xd3\xe6\x13\xecWC\xfdh\xcb\xc9\xbd\x02\x8eu\xf0\xbeU\x8d\xf3\xc2z}5\xfdJ&amp;A\xe6Y\xd1\x03W"HS\x9fl:\xe7\xf6\xb4f+&lt;h\xb6.\x1e\xb5\x9c\xf3\xffo\x1b\xa0\xa7Y\xa9J\x9c!\x0e*H/\x99\x8a\xa1\xc2q\x185\x90\x83\xd6r\xee{\xd0Egx[\xbc\xb4\xe4\xff\\\xf0uh\x1d\xe4t\x10\x0f\x8e^[\x9e\x00\xa7\xd6\xc5\xf7\xb5\xf5&lt;`\xc4\x0f\xcbE\xd3\x84\xca\xfa\xee\xff\xec@)]p\x086b\x9c\xb4\xcc\xecyN{\x08A\xf1\xe6\xd1O\xa65\xfa\x80\xa5{\xc2:\xeep\xa6\xcb\x9fLg\xf1\x93t\x88\xd1p\xf7.\x81\xd4\xedY\x05\xc4#8\xcass\x9e{\x88\x9c_\x86\x7f\xe4\x07\xdca[+;@\xc4E\x87\xc7N\xec\xc1\xae|\x10-\x19\xb4\x13"z&gt;8,s\x00\xd4\xf0$\xff\x93\xa5\xdb\xcc&lt;z\xe6\xd7\xfb\x18\x8e\x99\xf6\x88\xdc\x1d\x8c\xb9+\xd0\x85\x11\x90S\xf6J\x1e\x98c\x8f\x17\x8a\xe9\x8c\xf2_\x1d\xa5\xa4\xd0\xcd\x8b\xc9\xab\x04\x81y\xe3.)\x902L-\t\x94\x9ao~\xcdw\xfb\xd8\xe8\x1f\xe8G\xf5\r\xd8\x0b\xae\xc8#\xf6\xc4,\xb7\xb5b\x1fO\x93\x00\xa6:\xd5\x05x\x0bn\x1c;\x8b\xa6\xeet\xee\\\x8d\xda\xb16f\x9e\x1d&lt;\xf6\x924\xd0\xa5\xa1\xa0\x9c\x8aB\xf1\xc1\\\xd7\x8bJ\xfde\x01\x0b%F\x92l\xb3d\x19=t\xfe2\x17\xb2\xe7\xe8.\xb0|=\xbc\xb9\x12\xe4\x81\xeds\x02\xebk\x92\xf2\x84\x90a\rL\x13\xe7\xb9\xc7\xc4\xc1)\xbd]\x99\xb4(\\\xbd\xebA\xb6\xf0?v[\xd0\xbd\xdb\xe8\x84\xef\xa2 Mr\x98Nsh\x9f\xf5\xa2U6\xfc\xf1\xe9 \xc9l\xae)\xaa\xdc\x8a\x96\xd0\x16\x95\xc1;\x1fL\xea\xdf\xb5\xfe\xc2\x0fcl#\xb6LM\xb7\x82\xf1\xf0\x9aK\xd4\xdb\x1f\xb1\xfaGFbV\x8e\x95J\xb8$@\xfd\xcc~\xe7\xf5\x8d:\x94I\x11\x94H3\xc0\xcbm-\x1d\xcek\x8f\tke\x15:\x99\x8b)I\xa7\xc7[Y\x89&amp;\x89\xa0f\x19w\xdb\xde\xf8q\xf8\xf2@t\xd1\xc96\x87\xc1\xa5\xb2\x8f\xa0\xf4\x00\x99\x05vV\xb4\x0f\xd6\x12\x06\xd9\x8b\xcb\xcd\xa4\xa9\x97`\xe2r2)\x82\xdb\xf2\xc3\x1b#\xb3Z\x1ej\xdb\xb5\xbd\xf9\xf1\rn\xe5\xab\x1fE/\xd8\xc8\xb2\x17\xee\xa4D)\xe4"\x8a\x98\xfcjh\x18\x8d&gt;\xd1\x0e\x93\xfb\x0c[\xcf&gt;\xc8a\xe5\x05\x05\xb2\x91P\xa78D\x1c\tNt8\x89H,\')\xe9z\xca\xaaX \xa1\x9b\xe1h!\x92\x0fd\xb0\x7f\x81\x1e)9\x7f\x8bW#\x97=\xfb\x8e\x90-\xbb9\xcc\x93\xbe\x93\xf0\x8c\\*\x01\x06\xf4\'\x13\x008O\x94\xe4\xa7\xecm\xd2\xb1S\xfa\x95{~\xc9\xc8\xf1\xb9E\x82\x13\xf8\xde\x92\xe6\x9a!\xd0u`\x00-\x12j\x0b\xc8l\xd6|2e\xcb\xf3k@\xd4\xa50R{\xc2\xef\x07\xdba(\x02P\xe9\x1c\xea\xb2u0\xae.\xcfB~\x1b\xca\xf9\r\xf34\x80:\xb6\xc5\x10;\xb0\xd8\x03\x02\x1eB\xfd\xb4\x96\x1dm\xc8R1*\xd7\x95"\xa5\x952\xf4\x90\xb7\x06\xd6\xf9P\x8b\xfa\xd7\xe2\x14\xdf\xa9-\x84j\xc7\xb2/\xefp\xf2\xa6A\xfa\xec\x83?\xde\x92\xa1\x8b\r\xbb\t\xd2IR%\x0b\xfe\xed\x1a\xe5o\xfb\x1e\'D\xd92th\x9f\x08\x13\x89\xe3\xf0{z{\xe0\xad\xbe\xe9B\xe0`K\xa8\x90+\x9eX{n\x8b\xbd\x8br\xd46\xc9f\x06\x1d\'\x17\xe17\xcb\xc2\xa9Xv\x1dT\x92\xcc\x02\r\x122\xd3M\xd1\x18\xee\xcc2P\x05\xaaId\x05\x9aZ\xc7[\x00}\x07\x0b^\xc4\t\xd3\x80\x92\xd2{l\xa0\x9d\xf2\xef\x8a9\xc6\x87`\xdb\xd5\\\x18\x93.\xac#\xd9e\x13\xa8\xf5F\xe0^b1\x8cx\xab\x94\x88\xb6\xce~9\x19E\x91\']\x9e9\xf9\xdau\x0et\xd0n\xc88%.\x14\xcc\xbb\xb4h\x1d\x1475I]d\xfb\xe7\xbe\xf1\xddH\x7f\xd1%\x9f\xca&amp;\xa0,\x00\xafE1;J\xf8\xd8\xa1:\xd9\xe9 \x12\xb2x\xea\xfa\x9b\x8a!\xe1\x8f\xa0\x9a\xcd\xe5\'?&lt;\xc4\x98\xa4UD\x85]\xb0\x14k\xbdP\xd32Q:#\xfa\x9a\t\xa2\x85\xd93\xd1\xd3\xee"Uk,\x95\xf8\xe0(\x9dh\x8d\x9d\x83\x92\xf7\xa8\xb4\x92\x84\xd8\xb5K\xa8^N`\xbbf\x80\x16z)A?\x08a\xe5\xeeU+\xd7\xe3\x80\x04\x05gH&lt;\x95\x90\xe4\xa5\xae\xa7]@\x93\xc9\xc7\xdb\xcc\xd5Pt\x91g\xe6n\xd5\x8eG\xe7\xee\x99\xe7t\xd7\xfe\x84\xcf\x07\xbe\x7f\xf2\xd0\xcd\xaa:6e\xe1\x85=\xed[f\xdbn%\xf69\xd8E_\xc9D\xdc\x11!\xf9+\x11\xfd\x8e\xd9\xc8\xbb\x1d\xa44\xfe-\x04\xad\xc6\xbf\xd3b\xcc\xff\x04\xbc\x13DVY\xb2\x12\xb2\xd57H\x0b\xdb\xf2\xca\x86\xb6=\xba\x9f\x94\x1eW\xa9\xfc\x10\x89\xffCj%F\x87@\x98m.s=0&gt;0z$\xee\x05(\x93=\xb8\x88\x9d\xec!\xf6aB\xe5a\xf4@\x97\xca\xc3\xd7E\xbfu@\x00\xd0\x18 \xad\x0f\xf7\x17\x1c|\xd4d^\xe7D,\x8f\x0e\x1e;^\xf1!c\xc6\xb7\xd2c\x99\xbbh\x92\xfd\xda/\x9b\x02\x07l\xf6rw8\xc1;/\xa7cd\x8c\xdf\xd1\xe4\xa1\xbet\x04\xd0\x8d\xd06-\xaf\x02\xd2\x1cYn\x86\xb4\xab|\xc5@\xcb\r9\xc2\xb0\xbd\x07\xcd\xaba\xbd\xb9AI\xaf\x14\x8b9\xc2jn\xc06a\x9dRi\xa8\x14\x7f\xd9d\x8d[\xcb\xa2Y-,\'\xe68v;Ky\x92\xbd4\x16\x8cb\x07r_~2W4\x0b\x80Z\xa9\xdf\r\xef\xb9\x9d\r&amp;\xa0\xbe$R\xad\x1d\xefM\xac\x05\xe4\x92\xb8\x81g\xe1\xc4\xd4\xce\xd2\xce\xf6\xd8\x9f*\xbe*\xc6\xe6\xc3\x1d\x8c@\xf8\x89\xf6\x99\x93\xf4\xf2;\x0c\xf6\x0e\x1b]\xcc\xc8\xe9v\x88E\x80c|\xdd\x13\xda\xc0Vx\xb7\xc7N\x93\x95\x1fl\x9f\x10\xe8tI\x07\xa2\xd9-\xa9\x8bqC9'</t>
  </si>
  <si>
    <t>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</t>
  </si>
  <si>
    <t>b'\x84\xb6\xbd8gEA\xcc\rf,\xf1\x9e$\x99\x92'</t>
  </si>
  <si>
    <t>ying true to their valuesâ€”
 that helped make Nested Naturals what it is today, generating fans and
 customers who supported the brand.
 As they grew, Kevin and Jeremy experimented with different ways
 of building a social audience: They offered coupons, put a URL on
 their product bottles, and did anything they could to drive customers
 back to their website. When they got customer information or got
 them on their email list, they personally followed up.
 One of their biggest early problems was running out of stock,
 which happened half a dozen times. The partners were only able to
 order as much product as they could pay for at the time, which led to
 oversellingâ€”all part of the growing pains of a bootstrapped business.
 Negotiating terms with suppliers was tough, and it was even tougher
 when inventory that was supposed to last two months sold out in half
 that time.
 Despite these growing pains, things got better and moved faster as
 the company continued to iterate through repeated sales cycles.
 Eventually, it had enough cash reserves to order as much inventory as
 needed. â€œThree months in, we had a lot more sales than weâ€™d
 anticipated,â€ Kevin told me. â€œWe were getting probably one or two
 dozen orders a day.â€
 The company generated a million dollars in revenue the first year,
 mostly from sales of Luna. By the ninth or tenth month, sales had
 reached a couple thousand dollars a day.
 Kevin and Jeremy found themselves in an od</t>
  </si>
  <si>
    <t>b'\r\xeeD\x95\xce\xfb\xe3\x87\xcbb\xda\n`\xe0\xf2\xb7\xa0\xcf\xc4\x9fl\x13\x95\xf7E\x06q\t\xc5\x1b\xe1l\x10$\x9c\xb1C\xbf\xb9\xa3lP\xacf\x18\x8c{\x9f\x9d|\x88\xfe\xc3\x17\xd3f\xc3\x05\xca\xd1\x8du\x93`\xcad\x9a\x1a\x8eMD\x19M\x16\x824\x9c\x07\xb3\x8f\xee!\\\xe3AZ\xc6}\xdfG\x10f\x97\xac\xc0\x18\x8e\xef\x18\xa0\xa6\x8a\xfb\xe8{\x88$."\xac)\xf3\xea\x0bVE\x8dXNu\xd4h\xe9\xe8\xd2\x7f~\x19[&amp;\x82e6\xcbV\x80\x0bq\xef\x19&amp;\xc4\xa6\xee\r@\x001]6\x7f+\xdbwO\x0b\x95R\xd0\xd0\xb3\xd7\x043\xff\xf6kq\xda\r\xac}0\xb2T\xd49\x18\xab&amp;/&lt;\n+\x8c\xc6\x9e P\t?+\xfb\xb7\t$\xe2\x11K\x07\x0b\xc6\xcd|\xab{\xe4\x9f\xd9p\xb4\x0e\xb0\xdd\xd1\x01\xeb{\xb2h\xb9y\xa5\x81\xd9s\xf8\x80\x14\xdc\xd8+\x9c\xcf\x93\xbeG\x1d\xe6?\x88\x1ez\xdc\xeb_)9\xa7\xab\xe6\xcbyD\x83\xad\xcb\xa8\xc6\x10Bm\xce\xcb&gt; uFU\xc3d\xc0-\x96\xf4[\xb8\xef\xdbI\xd6BVH\xea\x80\xa1\xbb\xd5ddN:6 H9`c\x92\xa8,\xf9J9C\xcd\x87\x8f\xb8\xde|\x14\x99"\x0f\x98c\x89\xa1\x02\x95\xc9\xa6\xe8\x92\x15c(9\xd4\xdd\x8b\xe7\xdc!(\xc0\xdc\xb2&amp;\x1b(=8\x87\xcf\x9c\\jB\xb0[97\xb5QS\xeb_\xae\xfd\xe2\x0cI\xf5\xd6\xcf\xacl|!\xb0aW\x92\x15\xb0\x0141w2\x01V-\x94\x9a{0r\x86x\xcf,{r\xdb4\xbf\x91X\xdexM\xe9pgq\x0f\xd2J\xd6L\xa7H\xe0\xf4,~\xb1j\x85\x05\xbb\xcdy%\xe2\x9f\x9f%"\xa5(\xfb\'\xa6kf\xd6\xb9\xe1\xef\xc4\xd1\x93\x86\x03K-&lt;\xf7\x93\xb0VL[\xcb\x9c\xca\'\x96\xd9\xb9\x10c\x91_\xb0\xf9\xce(3\xac\xcf\x80L7\x02\xd4\x80\x1f\xa4\xe4\x8c}\xef;\x81\x1bI\xe7\xc4K*\xb2\xd8\xeaH\xc7\xee5\xa1VS\xef\xbc\\\x0b@\x11\'\xa7\xd2\xd15\xc9#\x1c\xa3!\xae\x85\xd1\xdd\xbbP\xc9\xe5T\x8cY\xf4C\xc9{\xc0}\xc0\xa2fXYm\xf0\xb4\xdf\x13\xc9\xe1Y\xbd\xd8\xce\x98B8C"\xd7\x973\xc5\xda\xd6\xf5\xf9X\x80_+[K\xb1\xd0\xc5/\x99\x7f\x10\xe1\xa7\x9d\xf8\xb4+\xf1\x02nB\xdb\xe0\r{{\x92X\xb3\r\x08\xd5^\xe1\xbe\xd1\x99\xe1*\xc3\x8b\xb7\xeb.\xf9\t\xc5\x127\xccP\xea\x1a\x94!\xdd\xef\xc2R\xfb\x1c\xd5\xa1\xfal\xc8\xd7\x12n41\xce5\x80\x95\xc4\x92\xf7%\x087\xb0\xddF\xb8;\x1c\xec\xce;o\xa0\x12\xf6\xec\x07[\x12\xa3\x94$\xe2z2X\xc78\xc9`$\x1c\xbe\x18\xe9\xc2%M\xf9\xca\xd4\xae\xe9d\xdb\xeb\xb9V\x11\x85\xd9\x8c\x00\xa8\xd7J\xe4\xe7\x88\x949\x1dkx\xfc\xc1\xca\x08\xe7\xaa\x9c\xda\xec\xc4\x92^9\xefp\x03\x9f\xe3\xaa\'\xe2`F\xfd#\xa6\'\xdd\xads\x13\xa7(?\x99\xb9\x80\xe4\xc9\x19g\r\xa3\xa4_\xc4\xa3`\xc8\xa9\xcch\xcb\x8c9D\x85_\x9d\xc9)(A\xf1-UwY\x8c\xb3\xb9w\xbf\xceS`u\x90&gt;&lt;\xc4\x03\x9a\x06\xd5%z\x91\x99\x89\x121\xb0\xc2*\xed5\x80)O\xe4*\x8f0J-\xd46\x9b"\x91\xe9\x9b\x02\xdf\x8ec)\x9a+\xd2O\xa5\xf2\xbc\xf4\xa2\xd2\x179\x04 \x92\xd7?\x08\x84\\5\xbe\xad\x13:\xec\xa5\xe6\x81 ,\xc5(Z\x9b\xfd\xac.}F0}\xd9\xc5!\xc1\xe5\xf1FT(\xe4\x83,\xcc\'-\x9ep\xe4\x14\xd5\x0c&gt;O\xc1\x19\x9f\xfb\xbd\x19E\x11\xd4\x89\xb0\xccd&amp;X\xaa\x02\xdf#H\xa0}\xfb{\x84\x00\xc3\xb9\xd4\xaa\xbf\xab\xd3\xed\x9c\x13\x02q\x98\rL@`\xf64\xa6\xf6\x99\x9do\xa1`9\x86\xaf\x19\xb0\xff\x97\xa7@\x93\xf2g\x00\x9b\xf7\xb9!\x13\xb32}| W\xd3T\xa5\xc0R2\xfdle \xeb|p\xbe\x87\x80\x96\x84\xee\x94o\x8e@\x1c\xc3\xc8"\x12\xaf6F\xdab\xed\x8aZ=z\xe2\xee\xec\r0\\\xb6\xdf\x97M\x1ep1\xa0\xef\xba}\xb0M\x10y\x9da\xa8\x91b\xeb\xc8\xf9\xa0B\x93\x18\xa0\xb9\xd9\xe2\xbd/&amp;|z\xad\xf5\x7f\x81U\x08\xbd\xd9,\xeb\xd0\xa4\xfc{\x02\x99\xf1\r+\x99\xa6\x10t\x8b\xdf`\xea\x02\x9e\xcc\xc8N\x1b\xa6\x02\x1f\xc4[\xc6n\xab\xd4\xbb\xd3\xb5\x10\xeb\xf2;\x88\xb0\xa7s"_\xff\xa3\x05#_K\x9f\x06\x91\xdc{\xf6aU\x8a\xfe\xd3\x94\xc8\xed\xe9Se\xe7\xadyc\x92mb\x8d\r\x1a\x8c\xb1\xe8}\xa94\xf9\x1d}\xc1\xc0\xba\xda\xa2\x0e^\x8c\xc7\xa1\x18\xa80{\xcc\rl(\xa0\t\x12W\x85D\xcf\xbb\xf6\xecXE\x04e\\i\x15uN\xbb\x1fu\xdc8\xe1Li\xd5\xae\xdcW\xf4\xee\xe4\x89o\xc5\xf2\x93\xb1\xd3\x16\xb4\xe2W\xa9\xe9)}\x13\xb6\xeb\t\xac\xed\x97\xf8\xf6\xd2\xca\x03mB\xa1\xf5\xf0\x9d\xf1.\xa7o\xbbf\xc3$\xfd\xd2,\x98\x9f%\xf0\xbd\x96\xdc\xbe\rV8\xf3%\xdc\x81\xa3`=\xe2\xce\xbcz1w\xc1\x0el\xcc\xba\x03\xb1\xdeCA\x94\x18%\xb4\xc9\x08\x94\x9d\xd7\xe5\xbd\x03`\x01=Ru\x1f\n\xbf\xf3\xe7\x13\xc5\xa5\xfa\xbe\xe2r\xb3S)\x0c\xf9\xf6\xc9H\x0b\xdf\xe8\xa5"\nA\xddN\x99(\x0b\xbeR\xdf}\r\xf6\x80(\x1e\xaa\xcdlW\x881\x97\x1d\x10W\xdf\xfcNW\x0c\xb2k=\x1d\xa2S:\xdf\xdf\x00T\xcf\xbd\x84C\x01\xcd\x7f\xdf\xd1g2\x9c\x88%\xa9c\xcb\xb5x.6s\xdd\xdc\xda,\xf6\x9a\x8dl\xff\x9fq\xe5\xe7\x0fL\x7fm\xb4\xa87\xb8\xeb2\x9b\xaa\x18\xf9\x07\xb5q\x11F\x1e\xec\xa0e\x042aX\xdc\xe7\xb5]\xf9\xa4\x04\xc1\xf7$\x07\xb1\x7fI%\xb5\xc9\xf7\xa5\x05rF'</t>
  </si>
  <si>
    <t>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</t>
  </si>
  <si>
    <t>b'\r\xeeD\x95\xce\xfb\xe3\x87\xcbb\xda\n`\xe0\xf2\xb7'</t>
  </si>
  <si>
    <t>ks. Advocates of the euro have argued that the single currency, by removing the
 possibility of intra-EMU currency realignments, will impose discipline on workersâ€™
 wage demands and speed the reallocation of labor within national economies. It is
 equally plausible, however, that workers in different euro zone countries will press
 for wage harmonization to reduce the high incentive that capital has to migrate to the
 EMU countries with the lowest wages.
 4. It remains to be seen if the EU will develop more elaborate institutions for carry_x0002_ing out fiscal transfers from country to country within the euro zone. In the run-up to
 1998, EU countries made heroic efforts to squeeze their government budget deficits to
 within the 3-percent-of-GDP limit set by the Maastricht Treaty. Some euro zone coun_x0002_tries have run afoul of the SGP, however, because their apparent fiscal cuts in many
 cases involved one-time measures or â€œcreative accountingâ€â€”and in some cases outright
 deception. These countries must carry out further fiscal restructuring to avoid increased
 government deficits, and possibly debt crises, in the future. But that task will prove
 daunting until robust economic growth returns to Europe, and in the meantime, efforts
 at fiscal consolidation will further depress euro zone growth. The European government
 debt crisis of 2010 showed the need for some sort of centralized European fiscal capac_x0002_ity to deal rapidly with inherently contagious member-country financial instability. But
 it also showed the strength of opposition in some countries to such an institution.
 5. In the 2000s the EU carried out a large-scale expansion of its membership into
 Eastern Europe and the Mediterranean. That change raises numerous far-reaching chal_x0002_lenges for the EU, but some of them have obvious implications for the EMU project. For
 example, the ESCBâ€™s governing council, where every euro zone member country has a
 representative and a vote, would become very unwieldy with twice as many national
 governors present. Agreement must be reached on some scheme of rotating representa_x0002_tion, yet it is hard to imagine Germany, for example, ceding its seat, even temporarily, to
 a tiny country like Malta or Cyprus. As more countries enter the euro zone, the possibil_x0002_ity of asymmetric economic shocks will rise, so countries may become less rather than
 more willing to delegate their votes to regional representatives.
 CHAPTER 20 Optimum Currency Areas and the European Experience 579
 In the spri</t>
  </si>
  <si>
    <t>b'0E\x02 j\x848\xa9+\xa3T\xe5^&amp;9P\xc2\x95\xc4\xdb\xf5\x105\xffd==\xb51\x18&lt;\x80\xf9\xab\xc1\x84\x02!\x00\xc9\xcb*d\x1c\xc5\x90r/"\xa8\xff\xf0\xf5\xb5C?\xed\xa4\x9d\x81%p\x81\xa3\xcd\x15\x83/\xfd\xfd!'</t>
  </si>
  <si>
    <t>304502206a8438a92ba354e55e263950c295c4dbf51035ff643d3db531183c80f9abc184022100c9cb2a641cc590722f22a8fff0f5b5433feda49d81257081a3cd15832ffdfd21</t>
  </si>
  <si>
    <t>b'0E\x02 j\x848\xa9+\xa3T\xe5^&amp;9P'</t>
  </si>
  <si>
    <t>l that hung over my head and stood craning over 
 the starboard bulwarks and watching the ripples spreading wide before 
 the bows. I might have</t>
  </si>
  <si>
    <t>b'\xc0i\x00\x9f@W\x0e^9\xe7\xe7\xb44\x14\x04\xe4\\\xb0\x9eo\xda\xb2\xb8\xdeG\xf8\x8e\x9d72\x91\xeb\xec\xffWE\xacm\x0f2\x9bQ6\x81\x8aV:|P1;\xc7`Ji\x9ef\xc5\x1b\xc4\xd6N\xfcg\x814\x04\xcf\xda\xe4&gt;7\xec\x8a\xe3\x14\xf5\xca\x87\xe1c\x14^\x15Z\x8e\xa6\xc0\xf0T\xea\x8f\xc0\x84\x169\x9a\xb5\xb2\xca\x1e\xe4g\x14hL\xf1hp\x83_H\x84\x15b\t\xf4\xd2%t?\xbaV\xc0\xa5\xd3\x17\x006&gt;\xc8X\xc6\xda\xbc\xee\x94\xddn\x19\xcb\xf9\t\x85\x81\x07\xd6]5&amp;`\xdd\xd1\x04(#\xd7\xad\xcdO\x89\x93Y\x00:A\xb3\xfe\xe5\xa8\xf07\xfd/\xb3\xba\xdb;\x94 Y\xa2\x93M\x99\x02\\\xe8\xa4\xd0G\xd4U\xdd\xbdE\x8d\x06\x13\xc0\xb0S\x9al\x01\x15P\xba\xeb=\xaf$\xdf\xfa\xdai\x1b\x12]s\xcbwfi\xbd\x9bQ\xe7\xdeW\xbbq\x04\x1f4\x9a\x0fteZJ\xc3\xfe\xc2\xd9h\x0bW\xbb|o|i\x01\x94\xf7'</t>
  </si>
  <si>
    <t>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</t>
  </si>
  <si>
    <t>b'\xc0i\x00\x9f@W\x0e^9\xe7\xe7\xb44\x14\x04\xe4'</t>
  </si>
  <si>
    <t>ted to meet
 him on that night, for the purpose of signing the instrument, which was
 to secure to him his reward, failed in his engagement. Such a
 circumstance, indeed, in a man of Morano's gay and thoughtless
 character, and at a time when his mind was engaged by the bustle of
 preparation for his nuptials, might have been attributed to a cause less
 decisive, than design; but Montoni did not hesitate an instant to
 interpret it his own way, and, after vainly waiting the Count's arrival, for
 several hours, he gave orders for his people to be in readiness to set off at
 a moment's notice. By hastening to Udolpho he intended to remove
 Emily from the reach of Morano, as well as to break off the affair,
 without submitting himself to useless altercation: and, if the Count
 meant what he called honourably, he would doubtless follow Emily, and
 sign the writings in question. If this was done, so little consideration had
 Montoni for her welfare, that he would not have scrupled to sacrifice her
 to a man of ruined fortune, since by that means he could enrich himself;
 and he forbore to mention to her the motive of his sudden journey, lest
 317
 the hope it might revive should render her more intractable, when
 submission would be required.
 With these considerations, he had left Venice; and, with others totally
 different, Morano had, soon after, pursued his steps across the rugged
 Apennines. When his arrival was announced at the castle, Montoni did
 not believe, that he would have presumed to shew himself, unless he had
 meant to fulfil his engagement, and he, therefore, readily admitted him;
 but the enraged countenance and expressions of Morano, as he entered
 the apartment, instantly undeceived him; and, when Montoni had
 explained, in part, the motives of his abrupt departure from Venice, the
 Count still persisted in demanding Emily, and reproaching Montoni,
 without even naming the former stipulation.
 Montoni, at length, weary of the dispute, deferred the settling of it till the
 morrow, and Morano retired with some hope, suggested by Montoni's
 apparent indecision. When, however, in the silence of his own
 apartment, he began to consider the past conversation, the character of
 Montoni, and some former instances of his duplicity, the hope, which he
 had admitted, vanished, and he determined not to neglect the present
 possibility of obtaining Emily by other means. To his confidential valet
 he told his design of carrying away Emily, and sent him back to
 Montoni's servants to find out one among them, who might enable him
 to execute it. The choice of this person he entrusted to the fellow's own
 discernment, and not imprudently; for he discovered a man, whom
 Montoni had, on some former occasion, treated harshly, and who was
 now ready to betray him. This man conducted Cesario round the castle,
 through a private passage, to the stair-case, that led to Emi</t>
  </si>
  <si>
    <t>b'\xe9\xb5x=.c\xa6\x9b\xc8\xa9\t-\xdc\x8f\xad&lt;y" \xae1\xae\xe5\xc1\xb4\x830\xea\x08T\xb7v\x83\xe3UQ$\x88\x8c1\x11y\xdf\xecc\x7f/\xe0\xa0\xd7K&lt;\xf9\x0f\x00j&gt;\xc1M\xec\xa3S\xb0\xbe'</t>
  </si>
  <si>
    <t>e9b5783d2e63a69bc8a9092ddc8fad3c792220ae31aee5c1b48330ea0854b77683e3555124888c311179dfec637f2fe0a0d74b3cf90f006a3ec14deca353b0be</t>
  </si>
  <si>
    <t>b'\xe9\xb5x=.c\xa6\x9b\xc8\xa9\t-\xdc\x8f\xad&lt;'</t>
  </si>
  <si>
    <t>the abominable 
 age we live in! 
 Well, sir, I thought I had only found a cook, 
 but it was a crew I had discovered. Between 
 Silver and myself we got tog</t>
  </si>
  <si>
    <t>b'\x8aH\xc0H\xe87\xe0$m\xa4[\xd5\x01\x8fF\xe2\xd5\x04\xeb@\x94o\x8f\xadP\xb4X\xdai\xdd\x98\xd4\xdfJ\x18L\xafn\xaaZ\xfa\xbd\x03\xb1!\xf73\x11Ew\xe5\x87u[\xea\xa1\xed\xd4\xf3~,8\xfd\xf0O\x88A\xb5U]\x0e\x14\xe0\x1da\x07\xa7\xb2\x8b,\xd0\xa6\x8e\x90\xed\x1aj\x1cU.\xf7F\xd1\xb1\xba\xcd{\x9cC}\xba\xcd\x8b\x9e\xf2[{\x896T\xdc\x11\xa5\xb5J\t#\\\x90\x12\x04\x96\x08\x8d?k#&amp;4,\x9e\x974\xb9 ]\xd5\xfd\xb3?\xbe\xe0\t_1\x1e\r~\x85\xf2s]ui\xb3\xd2,\xdd\x96\xaa\xeb\x8b\xdd\x15\x0f\xd5\xce\xe8\xcf\xf0\xaf&amp;\x1e\xda\xad\xf7\xc7\nb\t\x8c\x1d\xc6\xfb\x87\xa8\x86O\xc1\x9f\x15G\xc1U\x87\x14\xd8\xc7\xa53w\xd1\x03\x1f\x19\xfbq\xc4\x9f\x02"\x1b\xd9x\xb7\xdd\x9e\xc5\xcdW\x8f\x13O3J\xfe\xd2\xdc\xddQ\xafl\xdd\x19Onnd\xb4\xae\x98\xff^\xe0fAB6\xee\xbf$\xac\xe2\x98\xaaM\x8ec\\\xd0`,\xdc\xcaP\xc3\xf3\xf3\x16\xcc\x0fF \',\x18"\xfe\x1d\x17\xd2\xbdR\x8aG\xa1\r\x1a\x18n\x89\xf3eQ\xacP\x8d\xc4\xb2PJ~}]\xa9t9N#\x1a\x0c\x89\xe9\xb5\xa4\x95\xd0\x85\xc1r\x08\xd6\xc8,]\xeaD)\x1bM\x8c\x8aC\x00\xeem\xc2}Z\x91\x97\x9a\xc80\xcc\xea\xb1:\xc7+\xb5\xca\xf9\xbd]\x9b\xae\xa2\x1a"\x86\xf2L\x98\x82\xf1\xe48SN,\x05v\xb5C\xc8Ts\x8f\xe1\xca\xf3\xf7S\xfb\x06\x8bm\x94\xaaI=\xc1\x9e\xa5w=\xecy\x82m\xce\x83\xdf_\xf8\xdd\xc6}\x7f\x15\x10\xd8!\xea\xff&gt;\xb3}\xb1\x80 y\xb5,N4SH\xb3U\x03\xf4\xfe\x80E\xb9G\xfe$\xe8\xe2\xbd\xcaIo\x8b\xb047\xbd\x9ck.l\xd3\xb4\xad\xbd#\x99\x9e\x1cw\t\x11X\xf7\xee\xa3}\x1a\xbf\x0e\xc3{\xbc%.\xba\xc2u\xb3\xa6K\x13i\x97\x94\xb5\x8aS(3\xa3\xed\xc4#\x81p\xdf#~\xdb~\xbf\x17\x0e\xcf]\xab\x9c'</t>
  </si>
  <si>
    <t>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</t>
  </si>
  <si>
    <t>b'\x8aH\xc0H\xe87\xe0$m\xa4[\xd5\x01\x8fF\xe2'</t>
  </si>
  <si>
    <t>1.99 (with the correspondence q/2 â†’
  Î»dy1, at one end and q/2 â†’ Î»dy2 at the other). Make sure you donâ€™t count the
  same pair twice.
  !
  Problem 11.2119 An electric dipole rotates at constant angular velocity Ï‰ in the xy
  plane. (The charges, Â±q,areatrÂ± =Â±R(cosÏ‰t Ë†x + sinÏ‰t Ë†y); the magnitude of the
  dipole moment is p = 2qR.)
  (a) Find the interaction term in the self-torque (analogous to Eq. 11.99). Assume
  the motion is nonrelativistic (Ï‰R 
 c).
  (b) Use the method of Prob. 11.20(a) to obtain the total radiation reaction torque
  on this system. Answer: âˆ’Î¼0p2Ï‰3
  6Ï€c Ë†z.
  (c) Check that this result is consistent with the power radiated (Eq. 11.60).
  More Problems on Chapter 11
  Problem 11.22 A particle of mass m and charge q is attached to a spring with
  force constant k, hanging from the ceiling (Fig. 11.18). Its equilibrium position is
  a distance h above the floor. It is pulled down a distance d below equilibrium and
  released, at time t = 0.
  (a) Under the usual assumptions (d 
 Î» h),calculate the intensity of the radi
 ation hitting the floor, as a function of the distance R from the point directly
  below q.[Note: The intensity here is the average power per unit area of floor.]
  19For related problems, see D. R. Stump and G. L. Pollack, Am. J. Phys. 65, 81 (1997); D. Griffiths
  and E. Szeto, Am.J.Phys.46, 244 (1978).
 11.2 Point Charges
  497
  k
  q
  h
  R
  FIGURE11.18
  At what R is the radiation most intense? Neglect the radiative damping of the
  oscillator. [Answer: Î¼0q2d2Ï‰4R2h/32Ï€2c(R2 + h2)5/2]
  (b) As a check on your formula, assume the floor is of infinite extent, and calculate
  the average energy per unit time striking the entire floor. Is it what youâ€™d expect?
  (c) Because it is losing energy in the form of radiation, the amplitude of the oscilla
 tion will gradually decrease. After what time Ï„ has the amplitude been reduced
  to d/e? (Assume the fraction of the total energy lost in one cycle is very small.)
  Problem 11.23 A rad</t>
  </si>
  <si>
    <t>b'\xfa\x89\xf0N\xc1D\xb9\x17|Z\x1a\xfbY\xfe\xabu\x98\xacm\x96\xbbdk\x05AG\xabSW\x9e&lt;\xff'</t>
  </si>
  <si>
    <t>fa89f04ec144b9177c5a1afb59feab7598ac6d96bb646b054147ab53579e3cff</t>
  </si>
  <si>
    <t>b'\xfa\x89\xf0N\xc1D\xb9\x17|Z\x1a\xfbY\xfe\xabu'</t>
  </si>
  <si>
    <t>mselves: No one is going to take care of me, so I will take
 care of myself. That kind of pressure is a baptism of sorts, and I believe this is
 where the entrepreneur mindset begins.
 An entrepreneur is someone who takes responsibility for a problem and
 does something about it. Sometimes, that â€œproblemâ€ is that you are broke and
 donâ€™t want to be broke anymore. Sometimes, that problem is that your life
 sucks and youâ€™re finally ready to do something about it. Or your kids have no
 future, and itâ€™s time that you stepped up to the plate, stopped blaming other
 people or forces, and changed things for the better.
 An entrepreneur solves problems that someone else created. An
 entrepreneur takes responsibility in order to create change.
 I consider every challenge, every painful moment, and everything that I
 have had to overcome to be a necessary part of the journey. Itâ€™s an
 empowering thing when you realize that no one is coming to save you. No
 one is going to put your life together for you. No one else is going to make
 you a million dollars.
 Some people are held back by a belief that money is scarce and hard to
 come by. These people allow that belief to form their worldview, which in
 turn triggers their actions. If you believe money is scarce and hard to come
 by, you sure as hell wonâ€™t take the risk of quitting a crappy job to go after a
 more lucrative but less certain future. Youâ€™ll take the safe route.
 Other people are held back by the belief that making money is selfish,
 and that rich people are bad. These people could never become entrepreneurs
 because the very objective driving a business forwardâ€”profit, baby!â€”is
 something they canâ€™t stomach. Theyâ€™ve likely been made to feel bad about it
 at some point in their lives. They might even project that onto other people
 and try to make them feel bad about making money.
 I could give my plan to one person who uses it to build a multimilliondollar business. I could give the same plan to a different person and have
 them call me a scam artist. Your world is what you believe it is if you choose
 to take ownership for your worldview and your results.
 Quick note: When I talk about â€œdoing the work on yourself,â€ I donâ€™t
 mean just reading this chapter. This is my call to awareness, nothing more.
 Sit with this, thi</t>
  </si>
  <si>
    <t>b'}~\xdf}w\xc3G\xef\xf4\xb6$\xab\\\x88e\x18\xe8]\x90%\xed&lt;*=a\xe9+\xc2\x9e\xc1&gt;.\xb5\xd9\xf6\xe9\xb4\xb3+\xce\xf0\xd3\xe6\x9f\x83#\xffQ\xbe\xde!@@+0\xc8\xdd\xcaq=\xc8-dH\xdb\xaf\xfc\xc9\xa1\xa0\xf8\xf2\xc6\xf2}\xb9\x08F\xd5\x81\xb6\xbd\xba\xe5XV\x15\xe7W\xae\xb44\x94LG\xd71U\xcd\x02K\xe3\xcb~{C\x8a\xf5f\x8e&amp;K\xb1/Zl\x81\x19\x94\xedo\xcc\xf7(\xec\x00\xda\xda\x82?x\xc3\rbL&amp;=\xd9\xa8\xad\xf7\xd4Hy\x98-\x97\x8b\x13\xcf\xc4\x80yu\xa0\xfd\xbd\xfb\xaaX7C\x89\xe3\x07H\xebz[\x97\x9cw\xb2\'Xl\xf7\xf4\xa9\xae\x17\x1cQ&amp;\x12\xb4\x0c\x90:\xacS\x89\x873I\x90h\xa5M\xe4\x93\xed\xfc\xd1N\xe3\xbcM\xb42\xd9\xe5^oE\xecE\xb0$4\x92\'?\x7f\t\xccb\xa8\xae&lt;\xb9K\xcc\x83\x05\x8b]\xab\xf6e\xbd\x96\x91he\x08\xc4\xbf\x01\x1f`\xe1\xa1\x9b%\'\x84\xac\xb4i\xac\x15N\xb6\xc7\xf3\xa1\xa83\xb0\x1a\xf0\xae\'\x0b\xcd$\xa0B2&amp;P\xcej\xc1?=f&lt;sYt\xd50\x0e\xa5\xc0\xcb\xf34\xc4.\xa0o~\x99\xda\xb1\xe6\x9d\'{\xe5\x95k\x82W\xc8&gt;\x00\xa5\x9c\x1dA\x8f\x05*\xb0{\x91\xa1\xe0SC\xf7\x92\xac\xe0Je\x909K\xdb\x80\x01\xa0#\x08\x90\xf9\x81|\xeb\x01\x99\x1b\x88\xdf\xebd\x9f\xff\x03\x98]\xc4\xce\xbd\x84=\x01\xd9%j\x9c\x0c\xb4-#\n#h\x8fTu5\xf5uQ\xf1(\xe4\x1b\xc1B;w\x1e9f+\xf5\xecM\x9a\xfci\x98(\xd5\x8a\x08;\xec\xbb\xa4\x17=2\xfe\x13\xd6\x91\x13\x0e\x881\xc38\xf2\x8b\x98OI\xf5t\\\xe9\xde\x03\xfe\x19:V\xf8B\xfeC\xa8,\x08E\x83\xbf2ol9\x83\x94\x85\\;\x84\xce+\x92j\xe2\xdf\xffm+l\x92\xfbnB\x88\x96\x84\'m\x7f\xc8\xa8\x1b\xdf\xbc\xb7*\xb4\xe0\xc0\x12\x94\xc5\x16\x9a\x00uN\x98\xc5\xe2?\xf2\xcb\x1f\x0e3\xdcy(P\xda\xe6N\x1a \xcf\xb9\xdf\xd5\x04P0\x92\xb4\xa8-\xdb\x14\x9e\xd3]\xad\xd8};)04Q\xac\x07p\xbb\xa1\x048\xc1\xd3\xfb\xf8\xca^\xe7\xb2\x92\x19\x87\xed\x1d\xb9\xe0\xeb(\xfaHK\xfc\xac\x03#\x90\xbb\xc4\x00b\x9d\xe9|\xb0\xaf\xc8\xd5\x9ex.M\'\xe0_\xaf"~\xfc\x17\xce\xafj\x8cg\xf0\x11\x9a\xbb\xe8\xa5\x05\xb1w\xb1\xc7,\\?\xb4\xa6\xe8\x0c\xf1\x03\x00kHz\x98\xdc\x81\xf8\x08\x90kJ,\xb3\xae\xdcE\x8e\x83|S=\xca\x01\x0f\xcb,\x8e5 7\xa7F\x9f^\xa8"B\x0c/e\xf3\xa4\x1d\xbebV\xaa\xd1q\xc2\x11\xad\xf2g-\xdf+U%\xc8\x80\xa4o$d\t@\xbc\xdf\x8d\x9b7\x05\x95=\xe9wP3\xf5\xe2X\x02\xb5\xfe\x8e\x10\x96Tv\xcbL\xab\xcd\r\x9a\xaaJ.P9y\xe3\xa7\x9cA$j\xa7r\x8aR\x9e\x9f[\xa8\x90\xa9\xc2\xcef\xc8\xed#\xb7\x81DtO\x86\x7f\x19s\x1b\t\xc5\x83\x83\xb8\x99\xd2aI\xdc\xb8\x13\x11\x81yH\xdc\x07K\x9af\xc6\x8d \x82\xb8\xff\x1f\xc3{t\xe5U\x80\x02\xffJ\xc2\xad\xdc\x19Ph\x9c\xfc\xf4\xb1&lt;\x1e*X&amp;\x1d\xfb9\xf3\x87_\xc68\xa6\x8e\xf4E\xd7\xa3*\x17G\xd9=\xec#\x1aX\xeaSg\xc6\xf9\xf5\xae\x80B\xe5u/\x15\xc1:&gt;\x0cF\x8eK\x10\x10Hq\x9byo9\x94\xac%\x17\x92\xe5\xbe\xaf\xc9\xba3\xcd\xb52\xfb\xa3nIY%.\xf0\xf0!\x1c\xb8\x8a\xed\xe9\xacuF\xd5"~\xa2\xa0\xc9\xabU{\xae\x88`I\xce\xc8\x0c\x92\xc7\xbaP\xf2^&lt;\xc1\x94\xe1\x1d6\xd72\x92_[\xa8\xb3\x13\x99i\x9a\x83\x0f7\x13\xdf\x07raN\'n\xe2\x1f\xfar\xb7\xcd\x80\xcal\xb4\xaf$\x079\x8b\xe9\t\xaaa&gt;b\x03\xeb\xdf\x96}\x19Q\xc2m \xb8\xdf\xf0\x01&lt;n*\x05t\xdf\xcb)\xda+\x8b\xd0\'\xcf\x18lM\x1f\xcb\xe8\xc5\x9dE}\x8d%\xb01\xd7l\xc44\x96\x99g\xd6n\x17\xf6\xd1${\x8a\x16\xf8\x17Q:=\x84\xb3\'\xcfS\xb1N\x9c\xfc\xe6\xbf\x0e\x16.\x14\xb3h!\x9d\xcbyL\xa4\xd5\xfb\xf4~\xf7\n\xde\x97O\xe8%\xc0\x10\xb6\xb3d\x96m\xb8\x16\x1c-E\xcd\xf49\x8d\x86^D\xba\x881j\x1ec*?\xf0I\xd4\xe3\x16\xe6\xc8\x8c\x95\xbaL\xb8rg\x15\x98\x82\xab\xfcv\x9d\xd3\xbb\xacS\x80\xb1\x80\xba\x8f\x8a$\xf5\xa2\xae\xa3\xd9\xd3WJY\xd8\xcb\xd0\x19\xa5\xf2x\xf8=\x91\xdd\x909\xf6K+\xf1Z\x19\x99xW\xea\xf1\xfc\xdf*\x08\x16\xae\xfd\xcd\x06Qe\xaf\xf0:\xe7\x9b\x1a\x12\xee\x87\x1dEtt\xeb\xde\xf7&lt;\x07\x13\xe7.D\xe5;9\xb4\xae\xda\xf5W\x1d\x14\xb9P\x9c\xcf6\xc1\xe7\xb6(\x17U\xb1a\x98\xe6\x91\x99\xeb8\xa4\xae\x83\x07\x9b\xcc\x89\x1a4BLq6l)\x00\xd2\nPW\xdb*Iv\xb3FA\xd6\x1dB\xdcGV\\\x05\x9a\xb3\xdc\x1bTL\xec\x03\x9d\x02\x96&amp;\x03f#\xbc_ `H]\x85~\xdb\xa1-\xff\xd0\xe5(5\xf7\x82\xf2%@\x9a\xc8\xdc\xf4\xadi\xa8\x88\t\xb5H\xb8\xbd\xe8\xa7\x16nJ\xca\x8f\xb8\xa0\xad\x9e\x9a\x1c%\xae\xee==\x1b\x87\x93=\x0f\xa3i\x19W\xf9"\xed\xfb\xf4K\x04evm[0\x1a\x1d\xb1\xb1\xe4\xe2\x85\x07F\x88\xea\xc1\xb2-1\xee\x89/6t\xc9\x0c\xd7\xa0{\x92o4w\x1for$\xd2\x1c\xdf\xad\x98~\x9f\xd8\xff\xffP\x94\xbb#-Kf\x16c\xc1~\x83S{7mTk\xd0`\x9aT\xc8/\xa6\x15xWbn\x1a\xaeE\xf5A\xde\x88;u\x96\x9f\x15\\\xe6\x92\x824YV\xf6q\xee4\xfbk\x8a\x1c\xbc\xf5\x83 \x0bP\xfb\xa7\xbd\xfcF\xa9\xa5\x9a\x83:\x95\xa5\xb2\xc3(n\x8ch\xd7\xcdL\x9c\x07L\x93\x03\x9a\xa8\xe1\xc6\x93\xbd\x1d&gt;m*\x8fx\xe9\x88r1Q\xee\xb2\x16\xb9:\x9c5m?Q\xb3y3f\xe3\x9d\x8e\xddmjEj\x13\xa9\xce@D\xdf:\xd3Tm\x8f\xd6\xd8LC\x1fw\x88`U\x1f\xf4?\x02@\xa5k&amp;\xacT\x92\xa0\x82\xa6\xf9kA~\x97\xa3\x11\\\xc3\xbb/\xe7\x82\xac\xf4r\xd8\x99\xe4\x15h\x8e\x1d\xb8\xa0\n\xb5\xa8P\xee\x82S\xd6O\x91\x9d\x154-\x11\x8d\xac\xfc\x9a\xad\x9fj\x9c\xde\xd1\x1b]\xb7\nU\x17\xc2\xee\x16\xf3\xe9\xb6\xd3~\xf2\xf5\x92p\xd45\xdcr\xf8\x1a\xaa9\xacw\xf24"\x00\x81\x9d\x91\xa4\xc4\x8c H\xa2\x85\xca\x02\x90C6\x97)@\xc2E\xf8\x1f\x04\x17,\xbc\xf0\x0fB\xa8\x8e\x89t\r\xd3\xc9\xb9\xe7t\xd7\x08N\x0b\x97f|v\xb3\xbd\xa8\rW\xa1\xd6\xf6n\xb5^\xca\x95\xf9\xb0J\x9f?\x83\xb4\xf0V!\xacF\xbd\x82\xd7^\xcf\xcbo\'W0\xcb\x17\xbf9\xdd\xf3\x9c\xee\x1bk\x92\nM\xd0\xb1\xc7\x08=v{\x1f\x988x\xe0P\xc0\x03\x8f7n\xb6\xdca\x11[\xe9\x0bC\xa5jy\xc6n\x98 0\xbf\xd72^\xcd\xf7(\xf6\xe1\'\xd2\xe2\xae\x82\x80i\x82:C\xf5\x1ey\x0fv^\xf1\xba\xb1\x06\x87:P\xe9\xa2\x16k\xa5O\xf8s\xb5L\xcb\xb0\xd7|u\xbc\xa4m\'\xe09t\x19I\x02\x80\x80\x80?\xcb\x9c\xf1\xe1XK\x12\xe3|;\x90Z\x0b&amp;\xf6\xe4\xackcB\x17\x96\xdd\xba\xcdM94O/\x9c\x16L\xceB\xc4\xaeR\x96@\xd4\xb1\x9fWVae\x8b@\xa4\x97\x0ct\x94\x89\x10\xb2\x08\xe0\xdc\xfe\x8ePA\x17\x9bW\t\xc3\x89\xfe\xe0z7\xd3NI\x13rM\xb1\xba\x14?\x0bm\xb7\xa8\xfe0^\xaa\x13\x89\xe5\x8dU\x06L\x054\xa31&lt;\x1e\xf5\x90Z}{c\x85}Vg\xb2\x1cO\x07F\x82\x00P\xd0\xca E6\xc8;4\xc2\xc0\xf3\xdb\xcf\x14;\xf3\x184\x89\xf0\xfc\x01\xe8\x18t\xbafc\x9c\xf8\xb6\x8f\x16w\t;]\x8fg\xf2a\x11op\xd4\xa3\xae\x80\x8f@\xda\xa03:|X\xd5Q\xe5Y\xf6\xa2d\xfd\tl\xb4\xe2\x95\t\x7f\x05\xf9\xee\xf6r\x8d\xa8\xdb9\x95\xf5\xd5\x1cD]Jksq\xfdV{\x83.\xbf\x9e\xc6C\xa0\xde\xa4u\xcdt\x9c\xb3\xf2\n\x18\xb1=\x10{n\xe3\x9b\xe7f\x07\x17\x98\xcf\xec\x17_m)\x13\xba\x1d\x12AT~J\x06\\\x90\x8dD\xc4\xcd\xe8\x85\x1cH\xf7S!\xa7\x8f\xf9\xde\xab\x9c\x93[\x05\xb8\x06-\xbd|\xd7\xd5\xad\xe3JR\x13\x1e\xae\xc2{t\x95G\x05\xd4\xaa\xf3@\x07\x13\xff\xd1\x9c\xdb\x10*\r\xa1\x9fG\x9d-\xba&amp;!\xf7\xac\\\xde{\x07\x12|\xd5YW~\x105\xef\xe8T\x17\xc7u\xa5\t\x80c$6\x84\x16D\xbf+\x11B\x9d\xdc\xe9~\xc0\x95\xd9\x02\xef@;\xad\xf2\xcc\xf7\xf7\x061\xe2\'\xf1=\xe3\x89br\xeb\x90\xae\xb1\xcb\x83M\xd3\x0be\xc6\n\xd8\xfbWN\xab\x14\xae4\xe1&lt;(\xf7\xd1G\x0e\x95.\x1a9\x02e\xff\xac\xf7S\xe1~\xaf\x13S\xbd9\x97&amp;\xcaY\xa7y]c9\x90\x14\xd9l\x05\xfc&gt;)\x81\xc4\r\x9d&lt;g\x14C\'\x9fJ\xed\x10(\'\xc8\xb4\xae&amp;\xcd\xcd\xd6\xfe\x90\xd5\x16\xd0U\xaa\x85\xbe?\x93\xb5i\xda\xa6\x7fi9c3\x9bZ\x9dw\xf1\xd2\xac'</t>
  </si>
  <si>
    <t>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</t>
  </si>
  <si>
    <t>b'}~\xdf}w\xc3G\xef\xf4\xb6$\xab\\\x88e\x18'</t>
  </si>
  <si>
    <t>d Babylon, stories morphed like folk
tales into whatever suited local needs.
Daniel Boyarin comments on rabbinic texts, â€˜â€˜it is the failure of the narrative
to totalize that is significant, not its successâ€™â€™ (1993: 166). Chapters in tractates
are polyvocal: a dozen points of view are expressed by various speakers, or by the
redactor, and no conclusions are drawn. The whole point is that the reader is
supposed to be joining in the debate. So on marital sex:
Rabbi Shimeon bar-Yoh. ai, [Palestine, 130s CE]: There are four things that the Holy,
Blessed One hates, and I do not like them either: . . . [including] one who has intercourse
while any living creature is watching.
332 Amy Richlin
Rav Yehuda, to Rabbi Shmuel, [Persia, 250s CE]: Even in front of mice.
Rabbi Shmuel, in reply: Wise-guy. No, it refers to those like the household of John Doe
[Â¼ Romans] who have intercourse in front of their male and female slaves. (bNiddah
16bâ€“17a, trans. Boyarin 1993: 125, with lively discussion)
The first speaker, Rabbi Shimeon bar-Yohh.ai, lived (according to a legendary story)
under Hadrian as a fugitive for 13 years because he was wanted by the Romans for
subversive behavior (see bSabbath 33b, which includes his sexual critique of Roman
imperialism). The second pair are Rav Yehuda (d. 299) and his teacher R. Shmuel
(d. 254), founder of one of the great Babylonian schools. Boyarin interprets Shmuelâ€™s
answer as an attack on a well-known Roman practice (1993: 126).
When we write narrative histories of the ancient world, we start with a list of texts
scattered over time, much like a tractate, which we then smooth out. Our fragmentary Kinsey II Report would instead present 20 tractates, in which Rabbis, bishops,
jurists, poets, historians, biographers, lovers, slaves, monks, and many more â€“ even a
few women â€“ have their say.
3 Questionnaire of the Kinsey II Expedition
Whereas the Kinsey Report focused on experience, the nature of the sources for the
Roman Empire forces researchers to focus on attitudes instead, though experience is
attested in some responses. The content and order of the questions here are determined by preliminary research; the questions are listed roughly from those with the
largest number of extant responses to those with the smallest.
What is your attitude towards . . .
(1) sex between men and boys?
(2) sex between adult males?
(3) sex for men with women outside marriage?
(4) sex for women with men outside marriage?
(5) what should happen to a man and woman who commit adultery?
(6) oral sex?
(7) sex between husband and wife?
(8) prostitution?
(9) abstinence?
(10) rape?
(11) contraception?
(12) abortion?
(13) sex between women?
(14) masturbation?
(15) circumcision?
(16) castration?
(17) sex with children below the age of puberty?
(18) incest?
(19) clitoridectomy?
(20) infibulation?
Sexuality in the Roman Empire 333
Four fragmentary surveys:
Even a sampling of the res</t>
  </si>
  <si>
    <t>b'@\xc3\xdb \x8e\x94\xf0\xf9\xeac\xecO\xbe\xfd\t\t\x06\x95\xdc\xaa\x93\xacrW\xc7\xa3)\xe9f?\x84\x07\x9d3\xf0}Ai\xeb\x8e\x9e/\xdd9\xda\xdd\xdd\xa4c^\xe9`\x89n\x8fDE\x17\xa2\x972\n\xb6\x0b\x9b%\x19\x15\xa3\xb8\x8c\xa6}\x83\xcc\xdf\x02O=\x86j\xa5aJ\x84\x17\x84h\xfa\x12jb/\xdb\xaa\xa6q\xa8\xe8g\x14\xbbN\xf8\xf6\x83D_\x945\xfcU`\xf1y\x04\xe7U\xe9\x84\xb2\xd0\xad\r\xee+\xa4\x99E\xb5\x10\xc3\xf6jZ,\x10\xe7\xb8\xbc\xf0\'\x926To\x97s\xf8\x8e\xadm\r\xf9\x8a\xc2\x1bu\x02\x9c\xed\xe23\x82,C&lt;\x81\xe6\xf6\x94P\x83\xa1\xe1\x9c\x12^\x03\xa4\xfaV\x17\xc3\xd3\xa49\xb0\xbfiP\t]\x92i\xa8#\x03\x98X\x1eks\xb4\xc8\xfc\xa2\xf1Zz\x0b9\xaf\x06PB\xa9\xdd+\xb0QQ\xfd\x1a\xaa\xb5DJ\xdaAQ#\xf4\xd4\x9an\xc3\x92\xbc\xfb\xde\r\xee\x82\xb9\x8f\xcb\xa7\x96\xbc\t\xfd;b\xacr\xc9\x9a\xc1R\xed\xe5}\xca\x078\x80;\xbc~HR\x1c\x9c\xc4\xb4#\x8a\x90\x1b\xdd\xa9\xf1\xa9n\x05~\xf4\xc7\x01\xff9\x96\x05\x895\xd8$\x84}\xc2\x080\x19\xcd\xecKva7\x18\xb0\xba\x1cE#\xedA\xb0b\x17\n\'\xef\xbfS\xf9\x84\xdb\x19\xfduA\xdf\xec\x14 \x1cJ\xd3\x08j\xa7\xefC\xb9\x9b]\xf83\xd7\x0e\r?\xbf\xa6)\xe2\xd9,\xba\xf93&amp;\xd7/R\xdf5\xb3\x9e\x8e6\xd0\xf4\xef\xe3\xaey\xed\x1a~S\xee\xe3\xae\xf3\x87\x81$OR)\x18\x03\'\xd06\xa2\xa5?1\xac\xf9\x05\xf6\xb6\xa1v\xdb\x8d\xd4\xe2\xf6\x1d\xb9#\x0bf\xdczYkPm8\x81\xbe\xe2\xca\x88I\x1c(M\xec\xd5\xbf\xe2\xbaqj=2&lt;\xd5\xf1\xd5\xd9:9e\xc8q&amp;\xacft\xb3\x1d=\xfaSA\x83\xc6,\x949\xd5\x95&gt;\xb7j|s\xe7\x19v\x18\xb2\x8f\xf9Y\x97+\xc4\x04`\x01\nt\x8d-\xa7\xc9a\xeaJ\xb4\xf8\x86\xda\xe2nDR\x06\xf1\xd0;r\x9cW\x12+@\x0f\xac29\xc8{\xef\xe3T\x1c\xbb\xa9e\x8e\xa5sDu\x12l\x85y\xac\xd1{\xcf$=\xe5\x9f\x1e\x8f\x9f\xe8\x92\xe6j\xbd\xc0\x85\x84\xce\xb4/\xd5H\x926[\xc5\xb0R0\xdf&amp;-\xe3r7\xf5\x1c\xd7)\x87\xa1&amp;\x0f\xfc9\x90\x15g\x8epvf\xe4\x0c\xa0\xbfj\xaf\x1fW#;i\xb9\xa7\x04\x8e\x1c8\xdd\x9f\x8f\x8f\xd5\x1d\xc7\xd4\xfc\x92\xf5\x98\xed\xc8d\x8e\x9b\xff2Y\x94\x1fc\x1c\xa1\x1e\xbc\x0f`\xf8\x88\xdbc\xf5\x0e\x98t\x8c\x98\xc6+\xe24\xe2\xa7\x10\xf8e\x9dGELRQ2\x00\x8e\x18\xbf\x0e\xcdU\x9eD\x04\x00\xfc\xec\x91\x99\xcf\xb1$\x8b\x1fx\x8dqO-\xa2\xae\x1c\xb7\xaf\\\xc3\x80&lt;\xd6\xa5\xbe\x8cSG\xfd9\x86\x1f"\xf2\xca)\x82U\x1a"j^{\xcf"\x82\xf1\x82\x90\x84\xad\xac\x0b\x1cT\x94\xc2\xbc(\xa1jm\x18\x08\xd3S\x03MR\xc0\xd5\t\xb6\xecK\x99\x13\xbdj\x99\x19\x86\x13\x18\xb7\xe1\x87\xcb\x88\x0e\xff\xb3\xe2E\xf2\xd4\x166p\x1c@\x14\xdf:\xab\x16L&amp;\x1fX\xbe\xa8Y\xf5v\x9f_1\x03\xda`\xaa\xca\xa1\xb8\xe6l\x86^I\x82\xa9\x88\x8b,\xb4\xc7\xd2A\xd4C\x142\xd2\xdf\x13&gt;Gi\x1e\xd71f\xe8.*7D\xce\x17B\xcd\x11C\xdbU\t,\xc3(\xea\xfa?\xae\xe0\xd8\xb3\x7f\x110+\xaco\xb9@Ix\x91\x12\xcd\xcf\x89a3v\x19\xb6,\xad\xdf\xb5T\xe2\x8c\x0e\xe9\xf5\x95\xa9\x83N\x07F\xb9+\xf1\xdb\x1f\xef\x00\xf3\x9c\xef\xae\xa9!+\xa5\xf7\x19\x0e\xb4?\xd0bTE\xf7@\x8f\xe1os\xfc\xe4\x805$\xf9\xed\xd0_&lt;\x88\xd7\xed\xfd\xa7\x89\xde!q\xa4\x1c\x06\xd8\xb8\xb1\xae\x88\x1aB&amp;\xeb\xf1\x01\x15w\xb1I\xeeZi\xf6\xf1\x89hF\x02x\x938nd \x0e\xb1\xe6\xab\x19-J\xeb\x866h\xf5\xe1!\x82\xa6s8\xdfd\xcb*\xa3\xef(~V\xbd\x06\xf6w\xa9\x7f\xdc\x90\x81fO\xab \xf9\xe8\x86\\\xfa\xdeQ\x07\x1b\x86\xe5\x89X\xf2p\xac\x9d\xc8\x0c\\\r\xc6\x89\xe7{\x1f\xbc+V\xeaU[\x1c\xd9,^"\x00\xd2\x0b\xd2\xf7\x0f\x04MO\x97\'\x80m\xca\xe2\xd0){\xad\xa6J]\xf45j\xd7\x9a\xa8\xf0 \x19\xd2\x80\r5()\xa9\x98\xed\xb9|\x1c\x0c"\xff\xe1\xf9Ly\xd1S\x041\xbe\x869\xb8\xbcV\xbb\x10\xf0\x05\xed\xbd\x81\xf0G6\xee\x80Pq{\xf0\xcc\x07*\x18\x94\x9a`\xfaB\xeb\xbd3\x1a[\xc1`\xb3g\x86V\\w\x94\x96\xc5\x9aX*S\xb2\xed\xd1\x0c\xe5q\x07z\xc2\x95\xf2A/\x93\xab\xf2 \x80~\x15\x14\xe3\xc8.\xa5\x136Z\xca\x84T_\x1e?\xfc\xc3\x14\xeej\x9e\xba\xe0\x8c\xdf\xe5\xb5;\x0b\xe6\x9fY\xe6\xc1\x81M\x9f\x86\xb3{Z\x93\x86-\xdbF\xd5A\x8a\n\xfa\xe0\x94\x93\x1c\xa7O\xb6\x19\xe9\x94*\xfeJ\xe2p\x89\xa2\xd2\x1e\xcd\xcd\xd5\rm\x15\xfd\x82X+ZT&lt;X|\x9ek\xed\xf7\xf2\xfd\xce\xa71}#\xdf\x94F]wG\xdc]\xd3\x0fV\xa1{\xaf-\xd7\xd8\xf7\x11\xfe\xca\xb8\x01%Nk\x8f.\xd2\xf5\x95\xd5\x99\x81\x96\xaa:\xb0\xc1\x00\t\xe1m\xb7\xd6\xba\xb7\x15X\xd5\xffo\x0c\x93\xf8\xed\xd5\xa7\xae\xc7\xb3\xc6d\x81P\x85\x0b\xceGp@\xe1W\x1d\x9a\\\xb8\xf6\xf9\xcaT(\x1e\x1e\xd5p.\xa6\x9bo\x9e\x95+Z\xc1\xdc\x1c\x90kUN\x90\x9e\xe8Re\x89\x1b4T"\x97r\xb6o4N\x1d\x84\xde1\xae\xc5\x17\xc0\xe5\xf2-p\x10\xdeG\xf7~\xbe\xff\x07\n\xc1\xb1Nx\xfe!\xec\xd3\x0c\xca\x13\xb5\xf7T\x1d\x8e_8\xbf\xe9\xd3\x1aY!\xc5\x10L\xfb\x15\xc8\xdf\x80\x17\x86\x97\x93|q\x05B\xd9{\x83\xbdE\xcc5\xc29q\xff\x8f}x\xe5\xdf\xb7\x9d#\xd3l\xd0\x91\xec.\x108B\xf7\n\n\xa4\xc4\xa1\x9e\xc8\xb1\x13\\\x13K5\xc3\xd9\xef\xc8\xc36m\xea\xa8\xa1\xe7\xe1\x8f:_\xfc\x81q\x16c\xb9\x0e}\xa2\xc6\x82\xf3\xc7\xe1,u\xd1\x03B\x8c\n\xf6\xb3@\xdb\xde\xff\xa16\x94\x90/eW\x92\xef\x06\x1e\x19\n\x12n\xba\xfe:u\xcc\x8d\xd3/\xf5\x93\xc1\x87\xed\r\xcb\x00\x9d8\xf6\t81\xff\x86\xde\xec\xa5P0\xf5\r\xe4"D6R\xd8\x86\xf3\x144\xc9\x87*f\xc3\x7f\xc9\x98\xca\xda\x9fSn\xed\xb8L\xde\x1d,f\x8c(bY\xc9\xb2\xd2\xfdo\xech\xa2\xcc\xb0\x93\x90\xb0\xc9\xa5t\x04\xf3Z\xe7?\x0e\xe5\x88\x82\x17\xd1+\xd6\x86\x96\x85\\\x87F\xb3\xdc&lt;X\x16\x9br\x98(\xe3\x8b\xe4\xd2\x99#\x93\xf2b\xbab\x11\x94\xceX\xfa\xf2^\xd0\x8aO\xc3\xf5\x12\xce\x11\x03\xaa\x86\xbc\t\xd9\xae\xbap\xf9\xaf\x11\x87%\xf2\xbe\xf0\xf1\nV\xf24V\x1e\x9c\xa2m\x08\xa0YB\xcc&lt;\xab&amp;\xcf\xcf\xeb~\xf5\xb6\xf5M\xdb\xd6t\rC@W\xff\xc6r\xa4[A\xf9\'\xb0\xaax\x11\xf87\'t\x9cq[\x1f\xd9\xbf%u\xf5\x01\t\xda]\xfc*\xdd\x95\x88S\x0bm\xafi\x9b\xb7)\xe9\xacyc3u\x84\x96\x97\x9bw\xeb\xd4\x99a\x9f\xcc\x0e\xd5&amp;\x94\xae\xe6m\xab\xfb\xa1\xdf\xda\xf7\x95\\\x8dr*A\xe5\xc8QBb\xe3;\xabU\xf3\xa6\x8e\x97R\xfb\xbb\xacw\xf8~\x16\xc73\x86\x1b%\x8e\x98\x8b\x13\x1a\xa0\x07&gt;\x02KFr2\xef\x88\x1f\xbe\xc0\x8dy\x03\x15\xf2\x04\x1a&gt;\xb9\x88u\xdc\x18\x8a\x8a\xee\xd6{?\xa1\x01\x8d\x9d\xfam\xc8\xa3\xd3M\x91\x06\x83r\x9e\x18\xed\xe0\xc9\xb2/L$\xf7\xb1@\xbcA2\x99\xec\\/\xf7\rN`#\xcf\x11\x01r\xb0\xa6\xc4\x9c0zx\xee3\x03\x99\xb1\x08A\xf6\xcc\xa9C\xcd\xd5\x06\x05\xdb\xe2L\xbf\xb6\x17\xb5ghj:\x82P\xde\x1f\x03xz\xf0\x80\xa26\xebF\xfb\x8a\xa5\x10\xb3m\x16\x9c\x9a\xaf9\x85Wz\xad\xcaN\xf8,\x80\xef\xaf^\xbc(?\xb0\x8f\x93\xb4\xdf\xed\x7f\xdb\xe5\x9cr\xe8\xd4\xa7[\xc2\xe40o*\x87\xe7\xdb0)S\xdd\x92]\x13Y\x8c\xe6D\xc4\x11\xe3_[\xb9\xc6:\xf39\xb3\xb5RK5t\xd2\x9c9e\xce\xf6\xcc\xff\x11lP\xbce\x99\xbe\x150(\xd5\x92\xd6\\\xb9\x0c\x1cc\xef\xb7\xd5H\xbd\x00g\xb1\xd7\xb1\xa7\x17\xaeW9=X\xcb\xe5\x81\xac\xa7b\x89\xbb\xfb\x92zV\x85\xd3\xa8\xach\xa7\x10\x87u\x86\xc7":\xdc\xc5\xa8\xd2\xd3\xe9\xd1\x95K8\xad|\x94\xae\x83K\x82\xc4\xa8\x93H\x15\xc5\xe5\xad\x1bN\xa6\xa1\xce;\x85\x06\xd7\xd2\xca^\xcc\x94\xbb#\x87v\xef\xc7\x0e\xcf_U\x8cMp\xea\xb1\x97\\?\xbb\xe3\xb2)&lt;\xcb\xc2\x05\x08\x01\xceYU#\r\xf2ZH\x91]\xc6\x8c\x17G\xaa\x0c\x12\x08\x83\x11gwz\x81\xaa\x17[M2V6&lt;\x8b\xd5\x0epa\xc1\xc9A~P\xc3\xf2\x9f~\xadL{b\xd1\'k\xa9\x99\x18\x19\xac\x8d\xd7)\xa1\x9eZ\xfbJ\x0f\x94E\x93$\xe3\xa1#\x1f\x11\x84\x96\xe9\xa1\x845\xe0\xd2\x1b]\x89z\x9a\xc7a\x08\xdb~n\xfb\xa7\x98\xda\xcb\xa7k\xad|\x12[\xd3\xbaC0\x8c\xe2\xb1%\x7f\xf6\xe0b\xe0\xb5\xb0+\xaew\xf3\xe1\n\xad\xb01\xc5\xeb\xc7\x9f\xef(\xda\x9dw\x95\x977b\xccT\x85\xb3\xf1"3\xdf\x1a\xc6pF{/+\x80\xa1\xaeyh;\x92\xf3\xd5}\xdcU\xca\xf5\x0e\xc2\x8e\xdf\xb0\xf7\x07\xb5T&gt;r+`\xf97\xb4\xe9\xce\xbf\xbfL\x801\xafY\xe2\x8ee\x9c&amp;\xcd\xd0\xa1\xe8\xda\xae\xd85\xba\x9d\xb9\x17I\xe9\x1f\x9b\xde0\xb7\x9f&lt;\x944\x02f\x1b\x15z0\xc9M\x9f"\xe61\xf6\x88\xae\x8a\x8e\xe1\x083\xc9\xd9\xb7O\xd8\x10\xc7\x9c\x91dF&amp;\x94\x8ay\xd5\x15\x8a\rA\xbc\x7f\xc1\xc3\x86\x10\x16,\x96)\x15\x0e\x98D\x1a\xa1V\xe6\xe3Ne\xd4I&amp;\x03\xa6\x9di{\xa2U\xc28\xb5\xcf0\xba\xeb&amp;I\xfb@\xeeM\x16\x8a\x8c\x1etXzD\x10b(r\xc3!\xc2&lt;)\x9a\xech\xd28P\xbdUL~\xbak\x16\xfa]\xd5\xa1\x946\x00\x00\xc9\r\x9e\x01\x00`f+\xa0q\xc5\x18\x0e\x8b\x83\xd1\x9b\xfa\x14:\xb1\xd1\x94\x86\xca"\xbd\xc0c\xf4\xb03\xee^7\xeeP\x95dRp\x8dy\xb5\xfe\x8c\xe0\x15\\\xea\x8e\x90\x8b\xc6\x83\x95\x1d\'\x87r\xe4\x1b\x05\x15)\x83h\x16]\xb5[\xab/\xaa\xc6\xe2\xef@R\xcb\x9fQ\x80;\xb4\xd1A\x81\xa3\xc6\x00}\xcc\xff[\x19\xb2\xc7\xee\xb0@\xde\xe3\xf0\xf6r$\xc6\x1c\xb8@o+\x04uE\x05M\xb4\x80\xac\xc3\xf6\xc3\x8f\xe2\x9bF_%&lt;\xb1A\xf8\xdcD"R\x8dLKx\xc9\xca&amp;L\x89v\x8d\xcd\x9a\xbf\x0c\x18\xaf\xc4\xfa\xde&gt;\xea\x00X\xc3\xbc\xb9\x8f75de\xdf\x0b\xe9\x90\x19F\xb0\xca\x0ff\x19\xb5@\xc8\x1c\xb7T\x88f\x8c\x87v\xe6B\x9b\x9d\xa2\xf0\xa9\xc2\x95cZ\xba\xb75\xd02u\xf9\xd2x\x19\xabH\x0e\xd2L\xbam\xf1\xd9\xccA\x87\xa5]5\x00\x96\xab\x7f\xd8\x9c}\xf8\x8a\x96\xe1\xc4\xf2}\xc0\x8a\xf1q\xe8\xd0&gt;$y\xb3o\x97\xf3\xb3\nM\x9d9\x81\xc6\te\x19\xf3\x1a\n\x1f\xebZ\xa2\x9eD\x88(\xe2\x1b\xc2P\xa4+\x94\xfe\x1f1h&amp;\xadQ\x01k\x01N\x12\x05\xe5V\xc4\xce\x01\xec-!j\x95&lt;\xbf_\x98\td\xbf\x9e{\x8042\x94\x0c\xa3\xe0\xed\x93\xe4\xa1\x1c\xf5\x05\xc1\xf4u\xc6\x84.\xd5\xbc\xa7h\xec\x12\x9e\xeb\x04\xd2Sme\x8cl\xeb\x04F\xf4\x1a\x85Kd\xd8x\xb0%K\xb2w*\xdf\x9b9|\xc6}\x03\xad\x1d+j\x94\x16}\xc9\xb6)\x8444fo\xa5\xb7?\xd00\x9a\x1f6]@\x94\xac\x0f\xde+\x00euHy\xa5\xaea^%\xa0\x81\x82\x98\x98 \x9e\x12\x11\xec\xca|\xd7\x9f\x80Ct\xae\xce\xee0\xf9\x98M\xdc\xcb\x16\x8eXSJ\x8c\x9an\x94\xba\xb3\xe3\x81'</t>
  </si>
  <si>
    <t>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</t>
  </si>
  <si>
    <t>b'@\xc3\xdb \x8e\x94\xf0\xf9\xeac\xecO\xbe\xfd\t\t'</t>
  </si>
  <si>
    <t>eins. Collagen is the most abundant protein
in animal world and Ribulose bisphosphate Carboxylase-Oxygenase (RuBisCO)
is the most abundant protein in the whole of the biosphere.
Enzymes are proteins which catalyse biochemical reactions in the cells.
Ribozymes are nucleic acids with catalytic power. Proteinaceous enzymes exhibit
substrate specificity, require optimum temperature and pH for maximal activity.
They are denatured at high temperatures. Enzymes lower activation energy of
reactions and enhance greatly the rate of the reactions. Nucleic acids carry
hereditary information and are passed on from parental generation to progeny.
EXERCISES
1. What are macromolecules? Give examples.
2. What is meant by tertiary structure of proteins?
3. Find and write down structures of 10 interesting small molecular weight
biomolecules. Find if there is any industry which manufactures the compounds
by isolation. Find out who are the buyers.
4. Find out and make a list of proteins used as therapeutic agents. Find other
applications of proteins (e.g., Cosmetics etc.)
5. Explain the composition of triglyceride.
6. Can you attempt building models of biomolecules using commercially available
atomic models (Ball and Stick models).
7. Draw the structure of the amino acid, alanine.
8. What are gums made of? Is Fevicol different?
9. Find out a qualitative test for proteins, fats and oils, amino acids and test any
fruit juice, saliva, sweat and urine for them.
10. Find out how much cellulose is made by all the plants in the biosphere and
compare it with how much of paper is manufactured by man and hence what is
the consumption of plant material by man annually. What a loss of vegetation!
11. Describe the</t>
  </si>
  <si>
    <t>b'\xd2!s\xa8f\x1c\xe5\xe0!\xf3&amp;\xcc\xab\x80\x18\x9c\x8b}\x115@\xccxD\xc2O\xa2\xfe\xbfV*\x0cV\x83\xe9\x83t\x13EY\xcdM\xfa\xb7\xdf;\xc9\xa5\x14\xa2n\x1d\x96\x15\xbb\x06\xa7\xea3\x0f\xd8\xeax{\x7f\xf2\xde\xa1N!,l\xa2\x88\xc9h;e\xb7\x06\xc9\xa0\x98&amp;a@^z\xbb\xc1\x1d\xa8*\xc1\x00\xce\xbc8\xcf`KPB\x99\xce\xcamQ\xde\x1a\x82\xb0@\x93|~8i\xbb!\x1d\x91\x0c|\x0e\xff\xb72\xff2\xd5\x06\x19\x81\x08\xc5Y`[Iou\xc8w\xa6\xae\xac=\x83\xb0\x1c\x9e\x93\x89\x87g\xc6\xf0\xd0{\xda\x11C\x81\xf2\xbe\x1b\x94\xac\xec\xff\xd5\xd0E\xb0\xa3\x00\xf3\x9b\xac\x89\xf6\x0e\x7f\x8e)\x1a\xcam\x1f\x86d\xa7\xe5\xa5\x0bZVgH\x91\xa0\x9f\xa8\xb3\x8d\x92\xc2sG\xfa\xc3x\xa7\xfcVD}\x04\x0b\x0f\x0b\xc8y\x83$1\xca\x18\x19\x0c8y\xf9\xaa\xc1U\xf1S d\xb60\xaaU\xbb\xce7\xc9\x9d\xc6\x07o\xd6\x83^\x8d\xc63Xa\xa1\x92\xb4\xac?GQ_\xcc\xe4\xbe\x96J\x91\xefK;\xfe\x8bD\xcf~p\xc2\x11{p\n\xd7\x9c\x88\x04\xb2\xa7\x92\x8c\x11z\xf5l\xf3|\x82\t\x94\xd2\xf9*9\xb3\xa0@\x82\xb7\xef%y\xf1C\x9f\xd2\x04\xee\x90\xe1\xae\x8fto\xbb\xf9\xecD\x9b\xaf&amp;\xab\xde/\x0bXC08W\x05\xfd\xbb\x05\x00\xa7q\x19\x8d%"\xc6\x9eq\x08\x15\xff\xbc\xb2\x0fr\xbf\xa4\xdd\x9f\x03*:\xbf\xaf\xa2\x03\xa0\xf0\xd4\x18u\x94\xb2\xf9K\xd4\x04\xda\xad\xb5\x1d\x10\xc9N\xe8ud^\xdd\xccl\xe2\xe8y\xa0\x92\xe3\xc8%S\xf6\xe3.\xd5\xac[r\x8a\xe86\xd1\x0f\xfd\xc5P\xbf\\\xee\xaf~\xb6\x8dEDpR@{W\x8dJ\xcf\xd3m\xef\x1c^\xd2|\x04\x14\x89\xce\\\xf4\xa5W\xda\xbc_b\xd4\xd0E.\xa2\xa9\x07\xc7\xd8\x8d\xf5\x17\xb0\xadm\xf4\xb4\xed{x\x86\x17\xdc\x91\xaf\x8d\x17\xee\x8aL\xa3\xf7T\x00&lt;O\xb6X\xaf\x8a\xe5\x11r\x847\xc0\xaf\xcd3\xf8\x05n?}\xfb\xc7\xceM\xaam\xcbBK\x8e\xad\xb8\x13\xd1\xa2&lt;\x1c5\x02\xf2\x9f7\x91\n\xd1\x19twci\xf9#=\x17\x7f\xe7\x84\xaeD\'\xf6j\xde\xa3\xedd\x00j\x04\xb2\x8d\x18\x8d\xcd^\x9c\xf8`\xaf\rZ\xc9\xc4\xf6qw\xdd\xf8\xd7$\x8e\xec\x8e\xeaF\xb3j\xffS\x99\xb7\xd4b\x15T\xae,\xd8\xac\xf8\xf8s8{\xf9\x9c\x8f\r\xb8!\x0c\x00\xf4\xe9na\xe2\x17 \x07\x151\x1b\x008\xd0\xec\xcb\x0e\xa3\xec\x18\xd8\xbc\xeal\xa1\x8et\xddH\x8bga\x1cc`Pc\xdf\xa9pO\xad|\x89\x92\xe5\x0f\x96\x8cTmvUi\xc5\xba\xab\x8f\xd5X\x01\xa7\xa4\xde\x00\xc8Zs\xb6\xd3\xb8\xfaYB\xe9Kk\xadd!\x89\xe2~p\x87\xffY\xca\x98=\xe6\xc2u\x0f\xce\x89\xf8y@\xa6\x80A@\xafL;N\xac\x8bw\xaa\x7f\x94\x9c\x9c\xf7\xe9\xc3\xc8\xc5\x86K\xffo\x82\x7fO\xa5V\xd7\xc5\xd3\n\x11)7h^%\x10/\xf7\x95&gt;\x0b^j-\xdb\xf9V\xb1\xb0r\xd5\x82\xdcy\x8e\x85\xc9\xb2\xc8\xbf]$\x07sV\xa2\x9e\x92\xc0\xb8A\x98YT2\xf2\x9d]D\xe0TR\xba\xba\xb2\x87\xd8\x0f~N[m\xb4A\x8d\xee\xe1@c\x9c\x84\x98\x03O[\xba\xe9:\xa5r8\xc8g:E\xf1\x90\xfe\x0e\xda\x97\xd3\xa9\x83\xd71\xd9\x0e\x12\x1c\xc8C8\x8e\xac\xd6\xd3V\xfa;\xf7\x9c\xb4_\xd7\xb7_\xd6k.\xe8\x96V\x93e\xa3p\x14\xb4\x9eY_\x9e\xeed\x04$\xb5\x9eZ1Z\xfc\xce6&amp;r\x15\xb2\x8c\x1d\xde\x8a\x1e\xbbZ(I\xc8\x1f\xd0o\xa8\x8dB\xb3F\xdb\x08\xfen\xd9\x19\x9e\xc1@BF\x96C:\x9b\xb6\xb2\xad\xe3\xe8\xe0\x83\xd0\xe7\x1a\xb9\xb9\n\xbd*Z\xb7\xc1\x8e\xd2X\x96\x91\xb9\xddsC\x9eM\x96r\xce\xb4\xa4\x18rB\x85\x0f\x1b\xb2\xaaTX\x17\xe39\xba\x10\xa8\x9e\xb9\xf3\xea\x9aSIjh\xc8\xf1\x8bQ\x14:\xb4\xa8\x0f~X\x81\xddg\x12\xaa\xd1\xde\x991!\x83\xf27y_\x9f\xae\x9d\xd9\xda\x1f\xec\xc9I&lt;\xf5M\xf2\xd9y\x9e\x89\xfeU\xcc\xc8MB\xf3~\xe2=\xd7\xddw\x17-E\xea\x0cd\xb4\x1e\xf7\xe3%\xe4\xc8\xbd\x99\x06:\x97Jt\xee0\xdb{\xe5&lt;\x88\x8b4v\xaa:\x19K\xdd5\xd2\x10\x03\xbf\xd5\xf4\xa25\x10\xa8hD~\xfa\xf5\xed&amp;\xa8\x9e} \x9b{\xaaq#\x1d\x05\xde\x1d\xa9\x11-~\r\xf3\x97\xf7\xe3%A\xd8[\xd0\x81\xdd\xe6\xdd\xaa\xa0\xf2\xa7^\xdep\x04\xdfT:HwU\x9a%\xb1\r\xa9\xc9\xae\x1f\xf1\xfd_\x1c\x16\x11\xf3k\xbe\xce\xd1\xf7\x1b\x0br\xed\x97+v\xed:\xdd\xf4[\x97\xa9\x7f\xd18\x1d\xec\x1b\x98\x90\xdedu\xbfq\xdf\x11\xc9\x92\xba\xc1\x9at9\x7f\xa1\xf2\xc9\xbd\xfc\x8b\x12l\x16lG\x18$\x85\xba\xc8\x0c\x92^\xf2U\x05\xdd\x14\x07\xab\xe3P{O6\x1e\xf4\x90\x1eqLn]@\x92R-\xc1\xb8\xd5\xce\x8b\'\xff*\\\x8f\xaf\x95\x15\x85\xf5n\x87\x87\xc9\x7f\xaf\xaa\xbb\r\x84haH\xa4\x05\x06\x9dB\xca\xe6\xad\xfe~O\x12|G\x8a\xc1F\xd6\x9b\'7D{\xb0\xa0\xfc\xb5.tc\x81\xe5\x1e\\\x91\x19\xa6"\xc2\x06\x8f\x12\x05\xad\xc4\x0fO\x02\xbal\xa4\xf6\xa13=C\x83,\x9aY\xc7g\xca\x9aQF\x92rx[\xc1\xeb\xf9 f\xffY\xe3\xcb\x88\xe9!Db.\xff\xe2\x86\xba\x84x\xdc\xb8D\xc8\r\xc0\x82\xc1\x94\x02*\x9f\x83\xdc\xd4\x00iA.a\xbb\xc0\x0e\xb4\xc7)O\x8e\xe2\x8c+K\xbbF\xabk\x89\xa8\xed\xfd!\xe3N(\x0e\xec\r\x9d\xee\xe5\xa1\xd8*\r\x15\xdd!L\xd7\xe7:e\x9d&lt;\xa1h\xe4\x0c\xc6\x89i&gt;#\'\x832\xbf`\xfd\x99\xc4\x0b\xb4y\xed\x9b\x9b\x90H{\x9d\x86hJb\xc8\x08\x10\xdd\xa9\x94\xbb\xbaI+}\xcf\x92\xa0N~\x90#\xa5\x08p6\xa9{\xbeC\x9co&amp;\x97\x1bT\x94\x89\xde\xa0:A\x90\xd0\x08\xbd\x1f\x07\x93V\xc4!,\xa9\xf4\xe901\xa3^C\xaeq\xc4d\xc5%\xff70\x11\x84\xb5\x0e\xa9\xa0\\&gt;{\xf3\xa6P\xa68U\x920=yh2\xa3\x93\x8b\n\x9a&amp;\xb0B\x08\x89\x96\x8d\xde\xd2v\xfc\xa9\xba\xc3\x02\xc2\x9c\x17\xc8@\xb2`J\x7fl\x07\xd8\x1a\x8bHF\rD9MkK\x11\xb1\x8a!+\x88\xfc\xd2W\\U\x98pPA\xc9\x83\xf7\xff\xb2\x16\x9e4O\xc0\xc7R\xcd \x9eb\xef\xd4\xe9\x07\xae\xbd\x1e\xbaX(\x0e\xfe7\xeb\xc1I\xe1\x86h\xe7\x8c\xb7g*\xc2\x8a\xc9\x80T\xbcT\xbf\x0fZ\x81\xa1{\xd0\x93?y\xa0\xa9\t\xd9\xf7U*\xb7e\xe3\xdf{\xf6q3w\x0b\xc9\\5\x14\xaa\xa8Z\xd2sF(\x8c\x92\x0c\x81\xd8\xb0\xb7?\xec4F\xa7\x85\\\xcbp\x11\xea'</t>
  </si>
  <si>
    <t>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</t>
  </si>
  <si>
    <t>b'\xd2!s\xa8f\x1c\xe5\xe0!\xf3&amp;\xcc\xab\x80\x18\x9c'</t>
  </si>
  <si>
    <t>one of the cakes, and was delighted to find that she
began shrinking directly. As soon as she was small enough to get through
the door, she ran out of the house, and found quite a crowd of little
animals and birds waiting outside. The poor little Lizard, Bill, was in the
middle, being held up by two guinea-pigs, who were giving it something
out of a bottle. They all made a rush at Alice the moment she appeared;
but she ran off as hard as she could, and soon found herself safe in a thick
wood.
â€œThe first thing Iâ€™ve got to do,â€ said Alice to herself, as she wandered
about in the wood, â€œis to grow to my right size again; and the second thing
is to find my way into that lovely garden. I think that will be the best
plan.â€
It sounded an excellent plan, no doubt, and very neatly and simply
arranged; the only difficulty was, that she had not the smallest idea how to
set about it; and while she was peering about anxiously among the trees, a
little sharp bark just over her head made her look up in a great hurry.
An enormous puppy was looking down at her with large round eyes, and
feebly stretching out one paw, trying to touch her. â€œPoor little thing!â€ said
Alice, in a coaxing tone, and she tried hard to whistle to it; but she was
terribly frightened all the time at the thought that it might be hungry, in
which case it would be very likely to eat her up in spite of all her coaxing.
Hardly knowing what she did, she picked up a little bit of stick, and held
it out to the puppy; whereupon the puppy jum</t>
  </si>
  <si>
    <t>b'1%[[\x04\xc7r#\xf9\xf1\xf2p\xc4\xe4\x8f\n\x07\xd2\x8b\xb1\xcfOI.\x7f\x05&lt;\x80T\x9a\xf8\x886\x91\xcf\x93\x88\xe8\x99\xab\x16i \xdb\x04\xee`?j$\x01@\x02[\xbah\xd2\xf8\xcf\x07\xaf\xb1\xe6R\xc11\xbeLC\xde\xd5u\xcd\r\xbd`\xc3\xfc\xa9\xcd\xd7\x17/\xc2\x1aN`\xd8\xf2\xaf\xd1\xb2?\n\xd9\x9cV\x1a\xb0\x043v\xa8N\xf2\x13\x01\xdbx&lt;[\xa0\xf8\x1b\x07,\xc0=\xadL\x9f \xec^W`\xe1\x18\xcf\x8d]j;\xd6\xf5\xa7\xe3\xed\xfd\xea\xf6\xeeq/\x153Brot\xf2\x80\xee\x9b\xf7@\xd2\xb4\xb0W\xce\xe0S2\xa9[\x16\xeb\xb7{\xdd\xa0\xe4\xc9\x15\xa4\xe5\xea\x00\xfa\x86\x03\x99\x94|\xd7\x80$\xbb\xd5\xa13\xa8\x8b\xbd\xc7\xa9\xb8i\xc1.\x90\xda\xcf\xc6\x89\xd5\xf6\x109#N\xf0\xe3\xe9\xa2\xd7\x81i4\xcb\x14\xccSt&lt;\x1fvy-9=z\xe7\xc9+\xd2b)\xc7\n=#w\xdfgC&gt;\n\x1c.~\x94\x9c\xdfa\xea}\x00\xe9\xef\xfd\xff)&amp;\x8e\x1a\xc1\xb7\x95\xd8\x84\xdd\x95.\xb2\x02\xf1\x10\x87&gt;\xd0\r\xdf\xf4\xf4\ri\xb6-hI\x0e\x80A\x84\xfb\xe2\xdc\xf4#\x1e\x99\xea\xe5\xf4\x11}\x85)\xf6\x97:p69\xf7\xeb\x98b\x04\xf2\xad\x84Bq\xe2\xa7\xa6\xdb\xa9\x9dAl\x83\xc6c2jF\xbf\r\xc9\xe5\x17\xc1\xa7)\xf9J\x0b\xfew\xfe\x83\x03&lt;8\xbb}ah\xad\x061\x13\x92b?\xdc\t\xaf\xfa\x80L\xaa\x11\xaf\x9d~\xf4\xac\x94\xfdc\xda\xe70\x10\xcc\xcb\x83b2N\xb3&amp;G\x1e\xcf\x15r\xd3I\x13\x1fz\xc3\x03=A\xf0\xed\x9f\xfa~\x82\xd5zO\xa6;\xbd\x89\xd1Y\x0b\xee\x94\x18\xd7\xfe v\xe3\xff\x1f\'X\x98\xf8\xf1O\xe8\xbap\xf0\xf8\x9e\xa2\xfe\x04S\x13\xfb4\r\xc2\xbc\xd1\xabWi\x8cK\xff\xa9\xf1\x80\xc8YFrd\xd2\x96\xe2-\xe4\x8cHp\x95R\xe6\xdf\x80\x1c\r\xb5\xd8\xd9O\xe69-\xd9w\xa7\x9c;K%\xc1\xaa\xb0[\x12\xac\xd7\n\xe0\x1fx\xea\xcf\xae\xf9-\xb4\xca\x9d:\xd1_\xa8O=\xbc\xa3\xf9\x8d&lt;\xb9\x90\xe2E\x97\x87K\xd9)z\xc7\x0e\x9d\x8c\xb9\xa0b\xa7\xf0W\x80\xd4\x12\x80b[\xbd(\xa9X\x84\x9f\x82b\x9e\x9b\\\xd5\xbe\xa9/\r\xaaH\xa5e;\xb2\\\xd2E\x16\xe5\xd6\xf5G\x12\xc2\x0f\xe2c\xf8\xe2\x15\xeax\xb8\xbe\xe7\xe2\xe2x}\xe5\xfbh\xc7\xa5f:\xaf3\xb9!\xae\xa4\xd6F.\r\x87\x91-i\xb1\xd0\x11\x17\xb6q\xfe{_"\xb6\xc5\xc3\xe5\xb6\x01\x83:^\xd2\xb5P\xadB6\xc8\xa1m\xe5\xf6.Y\xe5\x86\xd3\xca9\xe4\xb4\xa2\x93z\xeb\n\x13\xe2Bo\x15\xdb\xc9\xf8k\xba\x12Nm\x830\xc7\x01M\x15\x1d\x10\xb0\x8c\r\xe9Bl\xb7\x7fu\xe9@\x01S}\xeeG\x99:G\x13\xd1v\xcd\xf7\x05*\xebQ\xf2\x8a\xe3\xb3\xf5\x90\x02\x10\xfa\'\xe5\x9c\x86\xd9\xef\xb6\x80$\xd9\xbc\xf6\xd0B\x9f\x01\xc0\xb3\xc2\x16\xe7S\x83 \xcc\x0e5&lt;J\xc9\xbaqD\xf7\xc7SW\xe0\xc7\xc7\x9f\x93\x87\x81\xa5\'V\xb75\x07,\xf4\'\xba\t\xd3q\xb8/0n\xd9Yv\xe8\x05\xc7G\x80\x93=\xa40-/\xbf\x13\x94f^\x82\xff\xbb\xfa?\x0ei\x12\xb3x~C\xb2t:\xc7Z\x83t+\x12]4L\xfe\xe4\x87\xd5)\'\xe4Tt\x91\xea\xc3\x11_\xa5}\x9d9\xfa\xed\x98{\xefw\xef\xd4\xf8\x0f\xf0\x8e\x9c\xf0Gs\xaf\x19\xbcr\xb7\xb9\xaf&amp;\x86\x9d\xfa+\xec=\xc5\xa6\\\xfaR-\x8aC\xf0,\x0b&gt;TEA\x83U\xc7\xc4\xc7\x89\x025\xd1l\x96E\xc6\xcc\xf3U8\x18\x86\x1bh\x85\xf7\xeb\xce\x1e\xd3\xbc\xf2\x05\x89\xf3]\x9f:\xb1B\xa5H\x90\xe0\x9e\x85\x18\xd5\xf5\xe3&lt;;?\x97\xca;?\xaf\xdd)9\x9ct&gt;\xc6H\xffN]Nw&gt;\x86\xaa\xb3\xd6\x7f\xf4\xd7\x9a\x9d;=!\x9d\xcc^\xf1\xce\x0c8\x0c\xe6\'\x89\xf2\xb3\x06]\x98\x0eSlh]\x1e^+p\xd6\x85M\x80\xca\xfd\x90_\x8cg\xd5wW\xbe5\'\xc0\xeb\xe1\x9dU\xa3\xf8\x8c\x97Z\x19Vm\xe8\x8a\x9d\xb1\x14\xe8!\xae\xad\xee$\xf2\x86\t\xad\x95\x13%\x8c`\x84\xdc\\\xca\x1b_\xe1\xb2t\x975c\x88BM\xbf(i\xaae\x88\xdd\xe7\x088\xe1\r\x1dcNN\xb8\x02-\xd8J\xdf\xaf\xbd\xdb\xceQ\x13\xca\xe5\xcf\xb6\x04UwzG\x7f\xe5\xbfg5(x\xf2j\xe4\x9c\xb1\x95\xdb&lt;\x009L@\x8a\xaaj\xe1 Y\x84`\xedb2J\x18V|p\x18O\xf8L\x1b0,\x96\xce\xdd\x0b\x04&amp;i\xcbmm \xc2\xe5\x16{\x8e\x8b\x9fC\x9c%&lt;\xfc\xe7&amp;U7l\xc9\xfb\x1c\xe6b\xdd\x11\x9f+D\x9a\xb1C\xce\xafQ\xd6\x07\x0c\xf9\x87X\xa2\xa3E\xaf\xea\xe8\x88S3\xaf\x9c\xc4\xc9/\xf3\x9c\xc6v\xad\xb2DgU\x122cZ\xdeX\xa2w\xf9\xb1U\x17\x10B\x0b\xcf\x03\xd8\x0eq*n+c\xf7\x1a|5\xcd\x90\xdc&gt;\xe6\x06\xb5\xac\x14Qq\xc6\x03\x1b\x9b\x07|\xa5\x99\x14\x92\xba\r\x9b\x97^N\xff\xb1\xb0\x1aBj{\xab\xad0\xc9\x10\xaf&lt;N\xfb/SW\xf7\xef\x96\xdc\x87$ \xf6\xef\x0b&amp;`\x02j\xfe\xb6\x02y\xc4\x17\xe6\x97\x9d\xd4\x9b\xb9\xf8\\f0v\x80:\xaf\x95\x9d\xb2R^EF\x14\xbf\xa7\x1d\\j\x9b\x1d\x1b\xb8\xcd\xddy\xb13\x17\xd5\x8cG\x88\x0e\xe7\x83\xd81?)\xbd\xfc\xb8W\x87[G&gt;o\x82\xb1\x0c\xbc\xe2\xac\x8f\x11\x87A\xfb*\x8c\x97n\xe2.G\x8b+e\x9e*d,\x8ep\xe2\x01,=\x1f\x00\xc3\x81\x16\x10\x95i)\x1f\x8a7.\xc2\x92\xcbU\xb7E\xd68\x00\x89\xf4\xaa\xea\xa1\xef\xce\xd9\x1a\xd6\xf6\x82\xe2\x1c\xb74&amp;\xa5\xe4X\x9e\x9f\x97\x82\xf0T\xd8\x86\x9b\xde\x8es\xb0-\xdc\x1cH+X0\xef@\xff\x1e\xe08J\xd9\x00\x85YM\x1e\x1bl\xe2\xbc\x12\x05\\\xd7\x03\x03\xbb*\x0be8\xaf+\xa1\xfe\x8f\xf48\xdc\xb7\xd9T@\x9e\x97\x94\xbe\xf9\x97!&lt;k?.\x17\xb4\xb4\x16f\xbc\xeel_\xf8\x17\x90\x0e\x85'</t>
  </si>
  <si>
    <t>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</t>
  </si>
  <si>
    <t>b'1%[[\x04\xc7r#\xf9\xf1\xf2p\xc4\xe4\x8f\n'</t>
  </si>
  <si>
    <t>Miller, Paul, 143â€“145
 MillerCoors, 10
 Miller Lite, 10
 mistakes, making, 51
 Mizzen+Main, 5
 momentum
 and brand, 142
 building, 9
 created by early sales, 95
 and large brands, 177â€“178
 losing, when inventory runs out, 108
 needed to secure funding, 66, 72
 rewarded by Amazon platform, 105â€“106
 and â€œstacking the deck,â€ 83â€“84
 money
 beliefs about, 17â€“18
 and happiness, 181â€“183
 losing, to acquire customers, 147â€“148
 Musk, Elon, 19
 N
 Nations, Kevin, 61
 Native Deodorant, 37, 43â€“45
 NeatPack, xxvii, 55â€“58
 Nested Naturals, 114â€“118
 New Mood, 120
 Nickelodeon, 144
 nooptropics, 119â€“120
 O
 online brand cycle, 5â€“7
 Onnit, xxvii, 120â€“121, 137, 150, 175
 opportunity, xxix, 1â€“12
 audience-building, 8â€“9
 identity marketing, 9â€“12
 for large vs. small brands, 3â€“4
 online brand cycle, 5â€“7
 and social media, 7â€“8
 Organifi, 62
 organization, 139â€“140
 outside investors, 65â€“67
 Outstanding Foods, xxvii
 P
 Pasco, Kevin, 114â€“118
 passive income, 71
 Patel, AJ, 73â€“75
 pay-per-click advertising, 170
 Periscope, 4
 personal network, 91
 personal salary, 160â€“161, 171
 Peterson, Jordan, 151
 Phelps, Michael, 107
 Pintrest, 86
 planning through goals, 186â€“187
 platform selection, for advertising, 150â€“152
 podcasts
 advertising on, 62, 150
 audience-building with, 86
 finding audience on, 152
 Poo-Pourri, 24â€“25
 power, in negotiations, 180â€“181
 PowerBars, 4
 prelaunch publicity
 documenting development process as, 87
 by NeatPack, 56
 promotions in, 88â€“89
 â€œstacking the deckâ€ with, 80â€“82
 price discounts, 51â€“52, 94
 prices, raising, 61
 Primal Kitchen, 173â€“174
 Procter &amp; Gamble, 37, 43, 45, 175
 product(s)
 already purchased by potential customers, 36
 as focus of business, 29
 gateway product selection, 32â€“35
 getting feedback on, 169
 launch of (see launch)
 selection of (see product selection)
 supplementary, 137
 product development, xxix, 43â€“58
 continual refinement, 49â€“53
 entrepreneur spotlight, 55â€“58
 inve</t>
  </si>
  <si>
    <t>b'"\xcc\xb8~\x8b\xdc[\xf3d\xf0w\xf5\xaf\t\x19\x107\x82\x9a\x9a\x8cvg\xd0Y![\xb4d\xd4\x13A\xbe\xec\xb7\x014\xc5`\xe8t\xdcVb\xd4\xb6no\xd8Tt\x80:\xbe:l8A\x03\xed\xc4\xe4\xa8Q\x05iC\x7f\xdex\xfa~\xfc\x90\x9b\xe9q\xaa\x8c\xc6\x17\x88\xb6\x9frnn\xad;\x9d\xe5\x8be\xb6\xeb;jF\xf7w\xf8\x08U\xe9ZV\x85\xed\xd1\xccf\xe9\xda\xe3\\\x02\xb2\x87\xea\x8b\x9d\x80\xc4\xc5{N\x95X-6z0\xb2?\x8b\x84\xef&gt;*\x8amk\xf1\xb5\xe6j4\x074\'N\xb3F&amp;\xb6\x8e0\xb2\xb6xQ\xc80\n\xcfA\x90\x87j\xeb\xffUz\xd8o\xddr6\xc1\xe8T\x00\x90O\xe9\x82c\x0b\x17[\x15uK\x88\xe3xy\x95h\x01\xcc\xbd\xa4\x91\x92\x05\xe2cD\xed\x84\xa7\xbf\xd0\x83H\x18x\x1d\x9f\xa9\x8c/\xbc\xd5\x06\xcb!\x7f\xe2\x03\xaas\xf9\x92v\xe1\xb4\x9b\x98\x80\x98\x04"\xf5@\xf9\xbd\xe6\x0cO\x8e\x08E\xdf\xf7R\xfb\x87\x0c\xae\xb3\xe5\xca8CJH0\xd4\x15\xc5&gt;\x9cj\x7f\x8e\xcd5\x94t\xe5\xbb3\x91\xfd|\xfe\x1b\xfc*\xdc\x89\x80f\xcbJ\xa3y!\x03\x95\xcc\xfa7\x92{\xaa*"\x92\x9c\x0b\xf8}wT\xee\xc9I\x12\x15\xe2\xdf\x0b.\x9b\x07I?`\xe0\xb6\xc1\xfesU\x87\xe3]\xa7\xd8\xd4\xd7S\xe0-\x9d\xfa\xc2\xb9\x02\xa8\x0bIQC\x86\x92{\xec\xfc\xb1Z\x94X\x91\xdbFM\x81\x13\x8aZ\x9bY\x00\x1a\x1aD\xf8\xaa\xdc\xe59\xcf\x88F\x8e\xb1+m@\x02;\n&lt;\xf5\x96\xfe\xfb\x06\xdaW]\x16\x1apRYj;\xd9\xa4N\x8f\xc3a\x8f\xac\xd3\xdf;\x02e\xcd\xd7I\xed\xf3n\xfd`1\xdf\xd4dv\xb1DQ\xd6\x85M\xd4\xdd\xcf\xf1v\xff\xf5\xbfk\xfe\x04\xf1\xa8\xf2\xf6D\xa7\xde\x95\xa0-\xd2\x81\xf1WaR\x177#,\x1fI\x030\x1f\xcd[%\xd0\x91\xa5{\x80\xaa\xc82\xe4$\xd1h\t\xcc\xf2\xf1%\x1f\x04=K\x11\x11\x1cf\xc65[]\xac\xbdl\xd8\xf5h\xf4\xaf\xfa+pj&amp;\xd5\xc2\xd5E\x8e&lt;\x1e\xadT\xc2f\x86\xf4\xd4Y\rz#\xa1\x85f\xd7u\x90\x16:\x98\x19\xda}T\x82\x90\xe2\x97\xe4\x8b\x9dAO{\xf2\xac\x8fa\x07\x9d6\xe9\x0be\x8f\xdeW)\xdf\x8e\xc3\xf7\xc7\x93&gt;\xa5\xf7\xcaw_Hg\xdc[&lt;\xf2z\xb2\xed""R\xab\xa7I\xd7-\xee\xd5\x17A\xe0\xd0e\x9e\xd3\x1bG\xea}\x13\xd1\x0f\xbd2\xe9\xc4zd\xc3s0\xea\x16\xd5:\xaa\xadzmO\xe0\x94A\xb23JB&lt;\xf2q\xb8\x9cn\xb9\xa2\xf7\xf0&gt;l\xbddv\xd2v\xdc\xec\xf9.&amp;j\xf2\xaa\xbc\xdb \xaeK\xd7\xb4\xd3\xcee\t(\xdb&gt;@\xf0\x0e:\n\x94\xb8\xf1\x9f\xb2|9aR\x9c\xe8\xc0yh1\xff\x00\x83|\xcc\xbfR\x89i\x0b\x01\xb7\xc4;\x0b\x84h\x1d\x12\x08w\xb4\xcc\xfa\xb5,O@T\x97\xd0s\xd9\xa3&lt;(\xed\x04\xaaz&lt;V\x96u\xbc\x9e\xbc\x15(\xf6W\x08\x87\xaa\x83\xdc\xe2\x18\x91Y\xa8\xff\xb6\x99f\x93{\xc7O\xd2hX\n\x94\x1cU\xf1\xf30\xfa\x7f\x8e\x97\xe3\x00\xdc\xfb\xd9]8\x90\xd8y\x1f\xec\xfe\x8a\x0c\x1d\xca\xa4VH\xf2&amp;\xbc\xe1R\xcdu\x87 uL\x9a0\x0e\t3\x14\xbb\xe4=\xf2\xe62\xd4\xea\x8fiUA\x8f+\xb1\xa2\xdb&amp;F\xa4!\xf6}\x05\xc6\x01*POy9\x05\x85,\xd1\xf4x(\xcfF__\x81\xbf\t\xdf\x1d\xe3\x93Z&lt;\xa1g\xb5\x88\xf4\xa5i\x12\xf5\x075\xd1\xaf[\xb6\x95\x0f\x1dX\x82w\xe7\xbb\xe5z\xc1eh\xfe\xdb\xe8\xf1X\n\x99M\x8b\xdc\xc0\x1ae\xdc/,\'L\x1e\x8b\xa6c9\xa9\x03G\xfa\x8a\x8f\x93B\x0b\xad\xb1h&lt;\xb6*}\xecv\xcb\x99$X|\x91\xbeJ\x12\xb1`HA\xcf\x07N\xa0\x12\xeb\xaf\xeb\x0fkOt\xaf\x0b&lt;\xc1\r+\xca\xca\xfe&gt;U\x00s\xeb\xda6\xb5\x1e\x9c\x12eW*\xcc\x9b/`\xb1\x96D[B6\xf1\xb5\x19y!\xc9\xe0\xf0kbt\x8b\x9a\xa2\xfe\x1d\xe16=\x80\x11\rFL&gt;\xa1+\xd7SW\n\xdf\x81\x93l\xc9\x10Y\x7f\xba\x1c\xba\xe6\x8b\xc7\x11&amp;\xacD\xaaJ2\xe3\xd3\xd4r!\xbc\xddv\x9d\x08\x97Y\xd4\xea\x19K\x0e\xe1\xfc\x08tW\x94\xac\x14\r\x97\x15\x15\x12\xdc\x811\x0c\xe5ZFm\x82\xb9 \xcd\xccN\x14E\xa0\x0f\x8a\x7fw\xaf\x81\xc6\x01\xb9\xb4\x0b\xf0[?\xf2Fp\x93\xd1\xc5\x1c&gt;\x84}\x02\xd5\xc0H!\xc59\x9e9\xd5\xee\xcah\xd5\xa5\xe6\xeb\xe2\x8e\xac\xe7\x9b\x0e\xbbc\x914\xe2I\xdej\xa8\xa6|\xd1\xf2\xb1wNK~\xaf\x9c\xdd\xce?&amp;&gt;\x12\xb1\x0eV\x9fM\x97\xb4\rf\xfa\xfao\xe1\xf1v\xc8\xfco\x00D\x12\xa7\x04if\xf4\xf9\x1az\x94s\x84\xe6%P9\xdbk\x94)3.H\\\xd7`\xb0\xebg,0\x8az\xcc\xbeh\x96\x91\xfd\x83wN\x99\xc1\xdb\xdc6M\x9e\xb8G\x1bx\x076\xe2\x9cN[ug\x94.\xfaZ\xa4\x17\xaa\x11\xb7\xfb\xf7\x1e\xda~\x1b\t/[\xbb\xb0.\xe9\xbd\xe8Z&amp;\xa3\xe7\x9d&gt;\xaa\x1f\x13\xb2\xa4,\x84\xb07Y\x89\xd4XEg\x15\xd2\xa9\x9b\xac\xd7s]\x06\xcd\xa4z\x1c\xcb\x9b\xc5\x93\xc3\xbf\x9b\xa0\xa7\xd5\x17\x0b\x15\x9c"\xf0\xc2\xa1\xf3\xacB /\xa5\xcd\xbc|\xfaX\x92$\xc0\xf5\xdb\x8d\xf7i$\xda\xc8\xda/d\x15\xf91\xeb\xd90\xb3\x98\x8f\xf5!\xc9D\xab\xaa\xdbP\xbbw//\xfa\x87\xa9\\\xff\xc5y\xca\xde\x0c\xd1&gt;1\x962\xbd\xef\xfc\xef\xa3\x80\xdd\x15\xd3\xca\xe7\x00\xf6\xa6\xa5b{w\xe2c\xa1e&gt;\xe3\x08B\xa9\xc1\xa9\x1a}\x1f\xac\xdb\xd6\xa4\xd1T\x17&amp;+\x01p\xe8\xa2\xeb\xff\xde\x8e\xd5\xe1US\xe4\xa9h\xa0\xea%\xcf\xe2\xd7\x97"`\xc7\x80\xe2-\x03F\xc7n\xdd\xd3D\x18\xa3\xc6\xf6\xd0\xe1\x10\xac&gt;\x9c\xc6\x87\xbd\xad\xb7n\x0e8&gt;Qp\xa0qx\xfa\x03\xac\xb2,&gt;\xb1\x9a/\x05\xbe\x80\xbf\xde\xfe\x9b\xbb2\x07N\xd6\xab\x9f&gt;t\xe1{*\x8fI\xe0yU\xf8D\xbc~\x1enF\xe8\xcd\xad57J\xb6V\x13\x05\xe2\xeba\xc2@\x06\xcf\x10\x95\xc3= \x10\xf5\xdeA/\x7f\xd0\x0f\xdbf\xd0Z\xe2\x19\x14w\xf3\xb5N\xd1q\xb6\xb4Y\x0b\x8f\xfdN\x9a\xa8\x8a\x1d\xb2\x86\xff\x05\x9b\xc7x\xf5\xf41\'\xc0\x9a1\xa21\x1f&gt;\xe7\xc5Xpn\xc2\xf8c&gt;\x12k\xe71\xa27\xd4I=GU\xd5\xd2\x1c&lt;\xca\xc9\xd4\x1e\x19tkv(^\x087\xf04r^\xed]\nBV~,,E\xec\x8f\xca\xca\x80*\xcb\x17\x92w^\x0c\xa9\x00b\\h\xd9\x8eN\xac\x18\x07\xdfF\x83\xd6\xc9\xed\x94{\xf2e\x05[\xa3zR\xaf\xcdMJP\x15\xb3\xf2\xf0/=A\xc84\xe9\xa7e\x01\xf3/\xee\x96L\xb3\x07%\xd5\xa3\x00E\xad\xbb\x16"\xd3\x99ig1O\xa5\xd60\xfc\xfaY\xea\xcf\x8a\xf3\xd1\xf2n\x8f(\x05+O\'\xf36\x18\x1c\n`\xd1`t5r\x06d8\xb4\x9c\xc7AQ6\xfe\x04_)\x06?\x1ftI\xce\x15\xa5\xea\xd15\xb6*\x00=\xa7\xb2\xda\x96^&amp;V}\xabX\x1d;Fw\x17\xbbO\xd0\xf4U~+Z\xa5\xfa\xe4\xd9\xe5\x1f\xef\x8d\x98#d\x82s\xd4T\xe6\x11\x02\xd1\x9a\xd5\xae\xb3\xa6\x068\x19\xaf\xc6\xaf\xe6\xaa,\x8c1\x14\xd6\xa9\xf8\r\x19h\xdej\xcda\x8a@\xd0\xa4\xd2\xb3\xe0[\xa3\xef\xaaV\x7f\x918b\xc2\xf4o\xbf\xf4\x1b\x0f\xd1\xfa[/\xe6\xe3,\x02\xc9&amp;\x18R\xfd\x8d\xd2\x8b\xcc\xe7\xe3/\xa9\x06SE"*\xd2\xcc\xf0\x82\x01\xb9\xa7\xa1rz\x86ND\xf6\xf8\xe3b\xa7'</t>
  </si>
  <si>
    <t>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</t>
  </si>
  <si>
    <t>b'"\xcc\xb8~\x8b\xdc[\xf3d\xf0w\xf5\xaf\t\x19\x10'</t>
  </si>
  <si>
    <t xml:space="preserve"> resulting change in emitter current (delta Ie) at constant collector base voltage (Vcb) is known as input resistance, i.e
Input resistance, p1= delta Veb/delta Ie at constant Vcb
The value of input resistance p1 is very low. Its value further decrease with the increase in collector base voltage Vcb since the curve tends to become more vertical. The typical value of input resistance varies from a few ohms to 100 ohms.
2. Output Characteristics
In CB configuration, the curve plotted between collector current Ic and collector base voltage Vcb at constant emitter current Ig is called output characteristics. Number of characteristics curves can be plotted for different settings of Vcb. Fig.7 shows the input characteristics of a typical pnp transistor in common base configuration.
The following points may be noted from these characteristics:
 Region
IC (mA)
Output characteristics
Active Region
Ig = 7 mA Ig = 6 mA Ig = 5 mA Ig = 4 mA Ig = 3 mA Ig = 2 mA Ig = 1 mA Ig = 0 mA
VCB (V)
 7
6
5
Saturation
4
3
2
1
Cutoff Region
â€“10 5 10 15 20
Figure-7 : Output Characteristics for Common-Base Transistor
 Basic Electronics
81
                 82
(i) In the active region, where collector base junction is reverse biased, the collector current Ic is almost equal to the emitter current Ie. The transistor is always operated in this region.
(ii) In the active region. The curve are almost flat. A very large change in Vcb produces only a tiny change in Ic. It means that the circuit has very high output resistance rb.
(iii) When VCB becomes positive i.e the collector base junction is forward biased the collector current Ic decrease abruptly. This is the saturated region. In this region Ic does not depend much upon Ie.
(iv) When Ie=0, collector current Ic is not zero although its value is very small. In fact, this is the reverse leakage current i.e ICBO that flows in the collector circuit. This current is temperature dependent and its value ranges from 0.1 to 1.0 micro A for silicon transistor and 2 to 5 micro A for germanium transistor.
2. (a) Output Resistance
The ratio of change in collector base voltage (delta Vcb) to the resulting change in collector current (delta Ic) at constant emitter current (Ie) is known as output resistance, i.e
output resistance, r0 = delta Vcb/delta Ic
at constant Ie
30 25 20 15 10
5
0
0.3V 1V 2V 3V
EMITTER VOLTAGE [VC]
OUTPUT CHARACTERISTICS
INPUT CHARACTERISTICS
IC = 20mq IC = 15mq IC = 10mq
Figure-8
(ii) Characteristics of Common Emitter (CE) Configuration
To determine the characteristics of a transistor in ce configuration, the circuit is arranged as shown in fig. 5(b). The emitter to base voltage Veb can be varied by adjusting the potentiometer R1. A series potentiometer R2 is inserted to vary the collector to emitter voltage otherwise the value of Ie may change to a large value even if the setting of potentiometer R1 is changed slightly. The collector voltage can be varied by adjusting the setting of potentiometer R2. For different settings, the current and voltages are read from the milliammeters and voltmeter connected in the circuit.
2. Input Characteristics
In CE configuration the curve plotted between base current Ib and the emitter base voltage Veb at constant collector emitter voltage Vce is called input characteristics.
0
5V 10V 15V 20V
COLLECTOR VOLTAGE [VC]
         EMITTER CURRENT [IC]
COLLECTOR CURRENT [IC]
VC = 20 VC = 10 VC = 0
                 To draw the input characteristics note down the reading of ammeter (Ib) connected in the base circuit for various values of Veb at constant Vce. Plot the curve on</t>
  </si>
  <si>
    <t>b',X.\x8cYF(L(:\xba\xdf\xa9$\x03\x8d2S\xf1\xc9B&gt;\x84e\x89\x95\xe2\x9c\xef\x8cLX\xac3\xcc1\xbd\xfe\xdb\xa4\x0f\x90\x87\xf2\x1d\x1bK\x96t\x8d\x94bc\xb42]\x1f{\xcb\x9c\xa9\xd9\x9aW\xfa\xaf\x81C\xdcuSM\xf5\x06m\'i\rc\xd2\xc7\xb4\xe9\xbc\xa5\xce\x96\xb1\xac\x0e\xe1Vw\x8d\x83\x9b\xe2\xe7\x8a\x8e\xd7YL5\x11\xa5\t\x06\x902\xef\'\xa8\xc3\x13\xbf \xd4\x04\xaf\xec\xe0Y8U\xdf\x8f\xf6\xcd\x02\xf5\x90}}\xc2\xe1Q\xe5\r\x08\xfeW\xc2\xdc\xdd\xb0bI\xaf\xd0P\xec\xac\x14j\x9b\'p\x19\xf5\xa2\xde\x95S\x13\x8e\x18\xad\xcf\xca\x82\xb0$\x90z\x94\x84\x98\xaf\xd3B\x18P%\x02\x03\\1\x99\xfc\xe0\xc8\xc5*\xbf\xc1Hwl\'\xbaq\xe5\xe0\xef\x16\xdb\x00\xcaU\xfa/\xb4\x83\x9f&gt;\xb4/\xf1=.\x98\xaf\x8cl\xf2r\xfc\xcfZ\x04?Nwzn\xa6\xe5\t\xb1\x9abs/\xb8\xb8\x12\x85eG\x91\'\xc5\xafY?\x1fE\x91\xcc}\xc6\xf2\xcb\x82\xa7\x12\x1f\xc2\x03\xa4\x1fy\xfe^\xc3N\xe1\x15$\xb1\x19\xc9F\x92\xb8\xea/\x13D\xa0\xff\x16\xd8\xa8\x95\xa9B\xfc\xab\r8\xe68\x13#~\x84\x04;\xc4\x8b\x95f\xcc\x02v$BoPy2\xfdG\x8a \xcc-\xd519\x82;\r\xa01\x8a\xd1\xbe\xab\xbb\xb8\xef\xf5a\xa0K\xc6\\u\xba\x14hF\xb5z\xf5\n\x8d\xfe\xcb\xfdO\x8c\xa5U@\\\xe4\xd5\xa5\x05~\x12\xaa\xb8\xc3L@\xb5c\x97+K4^\xe4\xe4\x98\xef\xf5\xa7\x0b\x92n\xb5j\xc7f+\xf2I-\xcd\xbc\x11\xf9p\xab\xb0\x06\x12#~\xcb-l=|6\xd7\x97\xaf1\xd0\xc0\xb49\xae\x18\x17\xc1\xeb\xe5\x8a\x9d#bGnBBD\xa6\xad^\xd3\x17&amp;^\xf44\x93\x81l~\x84F+\x80%\x11bu\xd0\xf4\x8eA~s\x1b\xe5\xf0\xc2P\x92\x17\']\xb3\x9a\ni\x98\xa2d\xd5b(Vm\x9a\xe1\xaf\xb8{\xf0y\xd5\x11\x1ed\xf9\x96b\x13\xe5\xcf\xec\xf6&lt;\x01\xbfy\x83\x9e\xcc\xe1Q5\xae\xef\x96\\\xf5e\xd1\x87\xfeT\xbe\xf2\x9aS\x98\xb9\xe7e\xef\xab\xbc\x96\xdd\x14\xf5\x8e\xcc\xf1\x9f&gt;D\x1a\xce*\x0ceA\xb1&lt;2 \x85&lt;\xd2\xa9L\xbfj\'?\xc2\xfa\xd9\xe4\xd7j]P\x18*\xa7{=\xa6\xf9\xf3\'\x80\x18v\xd9\x0e\xdb\xf3\xe0%\x8c2\x88\xf44\xe4\xd7\x08e\xe5Rj\xa2v\xc4\x10\xc2w\xc7\xcb\xd0H3\x8cw\xb5\x10\xbb\x03\x07]\xd0\xaf\xd2T\xf3(\xce\xed\x0cN\xaf\xe9\n\xfc&amp;L\xc0\xb9\xa3\xa0\x0eC\x90o\xd3\xffp\x03\x04K\x9dN\xa0f"\xe0\xb2\xbfs2x\xf8\xbe\xf1\xf7\x9cYH\x98\r\xee\xd6]\xac\xf5\xf4i\x90x{u,*^\x1c\x07\xe3\x91\x083l\x18\x8c\x1eq\x1b;v\x9eSf\x8d\xbbg`J\x95\'\xb1\xdeg.\x89_\xefS\xc1R\xc5\xe5\xb9j\xea\'\xa5Am\xcb.\ng\x15\x1e\'\xc8k\x8c\x85\x9bN\xb0L\x1e\xf9\xd7\x14\x1b\xf35\x04Q\x7f\xa3\xcc_\x05\xb9\xeatN\x8aW\xaa\xf4!\xceb"N\xb3E\xfb\xa4wS\x1b;\xd4\xe64\'\xc5CK\x9d\x17\x7fJ\xd2\xc9&gt;#\xf1\x90\xd3\x86&gt;]Y\xb5\x8dI\x93\x1b\x81\xc3\xad1S\xb1a#\xfc\x18I\x1b\xff\x91\xe5\xb0\xa9\x92?\xc8\xdb\xb7\xc3\xce\xf7\xaf4\xc8\xf3\x90F\xc2\xbc\xb3\xef#+\xf8\x17[\x10\xf1\x92\x1f4\xba&amp;G\x1e$\xcc#\x1c\xeb\xf2\x9c\xbdy\x98_\xdcb\xec\xdc\x17\xd0\xb3LG)\xdb-X\x93"A8i\xdf\xa0"ceJ\xcf&amp;\x1aM\xf8\xa3\x90\xb4\xf3\xf7\x90\x81\x94\x19\xfd\xe3u8KK%\x81_\x92\xbdY\x0b\x96\x96\xc4Ow\xa7\x1c\xda\xab]\x0f\xb7\xf8Y\x1c\x99\x1b\x89\xc6\xb6\'\x00\xdd\n\x1e\x95\xdfk\t\xb1\x02\xad\x9c\xd9V\xdc\xd7\xafv\x91A\x18\x9aF+\x97V\x9dA\x81\x88\xc1\xcar\x07Z\xf7w\xc6o.\xcal\x8b\x0f\x16\xd4*\xec\x85\x9a\xef\x85\xe0\x12\x85R\xb5\xba\xb8\xdb\xb4g2u$\xca\x8b\x8e\x83\xb5\xd7\xce\x9b{\xd8\xcf E\x06\x18\xd4t\xa9\x04\xc5%\x16f;\xc0\x9f\x879\xf5\x81\xa0\xc9\xf3\xe2\xa3d\xe7#\xb2T\x99\x02\xb1\xe9\'4\xe0\x8a.\xdb\xa7\xaf\xf4\xe89#1z,r\xcb\x93\xf7\xd3LN\xe4\t\x13F\xd5\xa4\x1bd\x8a\xe2\xb5@\xfd\xd2\xb4\x8f\xc5\x96p\x17F\x80\xed\xc1\x00D\xb1F\x11\'\xc6\x13(\x92\x97\xfd\x80&amp;\xd1\xd1p6dww\x97\xb6(\x80\xbc\xef\xe4\x92\xbe\xdd\xa8Q\x9f\x87t\x9cm\xd4* (\xd1\xad\xcc\x02Bq\x13\x8ebF\xeb\xcd\x8c\xc7xAKl\xf0\x17\xad\x00\xafx\x94\xe7\xbf|o\xb0&amp;\x17\xb4N\x06\x0cU\xa4\x9f2\x9b\xaa\xdb\xe9/\xf1\xe2\x11\xdfzS\xa1\xe8e\xee\x1b\x15&lt;ix\x94\x06\xa8x\xb5Z\x83\xe8\x84\x89\x10c\xa0k+\xcb-\xa8p\x18\x07\xf36\xe1\xe0\xbd\x03\xb4ne|\xe5\xda\x13`\x01\xdft\xe3\x15HN\xa0mZ\xfc\xad\x98\xa0\xcb%\t0\xbe\xd1\xfb%\xdc\'yyJG\x12h\xb5\xd6\xac\xdf\xff=\xec7\xf7J\xd9\xa1Nn0\xfb\x84\xfbF\xf3\xd2\xac\x80\xc4\x98~Hy&lt;t-t\xc9"|wB\x91\xc6!Qc\xc5{b\xdc\xe7\xf7\xfd\x05\xa7\x87\x9d/M2\'i\x9e5\\\x8f\x12k\xec\xae\xec&amp;N\x9e\xb2\xbf\x1f\xef\xa8b#ro\x82n\x14F\xb6\x80\x180@0-\x90\xad\xea\xd1C\x1a\x87\xdf\xff\x8fWA?\x8a\x04&amp;\x81\xeb\x15\xa4\x17n\x1aJ\xb6\xdc\xfe\x02\xa3\x83r\xf3\x85k\xf3\x8de\xaa\x9a\x98\x00\xbb\x9c\xc8c7\x95h\xa2\x11\xbd\x0b\xba\xaf\x8f\xb6\xd0\xdd\x15\xaa\x1f{\xa5\x8f\xc0\xa7\x06!f\xcc\x89\xb1\x8b\xd7\xdb\xccX\xcf`F\xd7\xda\\\x7f\x06c\xf9\xcc\xcdC(#\x7fk\xae\xde\xf4\x06\xba\xbd7o~\xe0\xab:\xfc\xaci`\x17[\xf5\xf80\xa9\xf9AZ\xc3sB\xe2"\xb0\xc4\xa2\xeek1\x02\x0b?\x8c\x805\xa4O4Qng\xa4\xd3\x03D\r\x8d\xed\xfa\xd8\xbau"_\xb1zu\xc3\x7f\xea?\xd7\xda\x91U\xacS!@jv\xf1\r\x81\x9a\x17\xb6\xd4\x8e\xc9\xed\x8esL`NW\x1e?\xc0\xa9U\xa8\xbd\xa3\xa8\xd5\x9d%\xcd\xd1\xa1\x17\x9fY&gt;\x8b\x1a\xc6\xd644\x93\xc0\x1e;L~\xac\n\xcc\x9cn\xcc\x87[(\x14;;\xa7\xcd\x04\xdf\x18Oo\xb1\xe9\xb2wV\xec$j\xf2;\xa8\x96\x15\xbbv\xff\x0bM\xd2 t&lt;#\xd4\xc3Rj\xf1Jd1\xaa\xa1\x16mb\x85\xe4\xf1dg\x03?\x0f\xa5\x992\xa0\xc9kC\xe5Y\x7f\x96\xec\xa1\xf1\xee\x86\xb7\xdc\x00\x9dY5\xac\x98:2\xb0\x07\x92c\xb9S\x94\xe1\xeax\x94\xa0\x17#\xd8&lt;\x9bl\xf9\xd7Y\xfb\xd0P\xc3L\x07\x8fy"!r;\xbb.pB\x04\xe7\xc9\x8c\x9fn9O\xf1\xd9\x7fj\x17S\xc3\x86\x85\xda\xcep\xb7\xa0Uy\xb6\xb9\x08k$\x15\xdf(&lt;A[&gt;\xab\xea\xabu\x90\x16\xa5\xe34\x9a\xb4(\xe7\x10v\xb2\x82\x16\xa7u\xa0\x02\xf3\xac\xfd\xf3\xe2g\x05\xf7\x9a\x94\xc8\xc9q[\xee\x92\xf3\x96\xca\xe7VLIWP\x7fJ\xbey\xf5\xd4\xb8mYZ\xe7\x91\xab~\x85"\xa7\xb5}=&lt;\x8e\x0f;\xaa"\xb8\x122\xe3\xc0m\xc8\xb6Z\r\xe0\xc9;\xc5gG\xd9\x8d|t\xff\x93uEq\xbdb2\x8a\x12\x17\xd7\x92)Xu\xb6\xae\th;\xa6\xd0\x86\xbcG\x9d\xe0\x98\xeb\x9f\xbe\t\x85O\xfd\xd7\x8b\xaeO\x1d\xfa\x0ba4\xbb\xcb\xb3\xa4\xb8\xdfp\x9d\x98\xf8\xc7}\x13%\xd2\xc5\x1b\x8b\\4\x04x\x9b*\xc5DA\xd8\xb5#*\x97-\x19&gt;\xd9\x83\xac\x1d@\xae\xb3\x01,A\x89H\xe7\xd4&amp;[$e\xf0\xf3\xa4\xc1\xf6\xac\x12k\x1e~I\\\xa8\xc3NBx\xeer\x82\xf3\x0ci\xc7\xce{\x17c#,y\x98r#\xd7\x8f\xc6\xec\xf0\xcd*\xa7\xe1\xa9l_\x07\xbc\x99\xe2`v\xbb\x18Jc\x1b\x05tq\t\xe1g\xf8\x84\xc1\x92\xb8F\xaa\r\xa0\x12\xe6)\x07\xc3|\xd4\xb6p\neC\x02[\xa5KB\xa6\xd3\xcd\x04B\xd2\xed[&gt;\x8a\xdc!q7\xda\xd0{6\x93\xdc\x9fH67\x8e3\xf9X\x9e\xce,C]_\x02\xf4\xed\xe1w\x9arL\x97\x1d\xe2r\x16\x009\xda\xe3\x92.\xa7\x9c\xca[}ftz\x9c\x86\x0b\x83\xc5\xde\x9dHK\xf9\xdb\xbb?&gt;\t\x952r\xa0gjM\xf3\xb5\x0bW\xa01\xc4N\xf8F=\x9b\xc4\xf0\xd2$\xb8B.\x95\xc7\x10\xc9\xd03`\x81\xa1\xd4\xd0?k\xc8E)R&lt;Nf\x91\xc5\x18\x17H\x05o\xc8eA\x1d#\xb9z\xad\x8f\xb4\x93\xbd^\x8e\x8e(\xdd\xc7\xe6\x13\xd5\xb8\x7fjw\xbd\x98\xe53\xe1S\xef\xf0\xae\xf2\xe2:.[ \xe8u\x03f\xcf?\xe8\x13\x92!\xad\xa3.k\xe7\xf8\x06\xa9v\xa7\x95\xa3i"\xe2f\xcd\xe8\xaa\x01\xa1\xe2\xf1K\xfa\xd6\xf5\xb9\xb5X\xd7\xf3\xd9P\xe4\x0e^W\xad\n@\xed\xdc\xbc\xa6\x1f\xc2:m2\xe0\x8a\x14\x07YL\xa4\xd5\xd8L;\xe3\xf7\xb7`b\xcdMO\x82@\xd1g#\xedr\xf6?\xaa\x8f/\x8cES\x98\x88\xd4Z\x1d\x02=\xc4U\xbdB\xe8\xb0\x13\xf6*\xbc\x89!\xddN&lt;$H\x9e\xe6\xf4l\xd59\xdd6\xb2]\x84\x98\xf5\x1a\x03\xc6&gt;\xff"\xe73\x9dwe,\xf5\x1d\xb8R\x1f\xe9\xfe\xa6?kZE0 06\xd3\xe0\x1f\xdds\x16\x0bX\xd3\xd4\xc8\x19\x92\xcdj}\x1b\x82LS"Y\xeaW\x82\xdd\x97\x9bypLXV\x81\xa8\xc2n\x81\xf7\x7fx\x90\xf8?\xf0\xe7\xd2\xd5\\8\xfd\xfeR\xf0r3"\xf5\xd5%\x9a\xf4 \'\xbemP\xd7\\7g|\xf4\xe6\x89]\x13\xf2\xe0\xaa+[\x9c\xe8)\xbf\x98\xc9\xd7*\xf7DA\xbc\xe0\xb4=\x0fz7\xcb\xf8\xb0\x02\xe0h\xf8\xa8\x82\x1c*q\x8c\xbfv+\xe4\x8d\xce\x16\x8a\xfa\xca\x08\xd1\xc8\xd1\xcen\x9d\xc5T\x14\x7f6\xf6c\x80\xd93O\xa2\xf8\x8b1\xc8C\x9e\x17~\xb1\xfb\xc7G\x86\xc4\x9e\xa9\x1a\xd6\x13c\xd6\x12\x96\x99G\xd3\xaal\x15wt=8\x8a\xb2\x98\x80\xebPZ(\xdft\x0e\xb4t\xe0M^\xc2J$&gt;b\n\xe3\x04\xc3O\xd9\xbd\xf8~1\x9f\xe1\xf4\xef\xd7\xd4\xca\x12\xcdU\x87Lm7}}\xa3\xa5\x07\xd4\x96\xc2po\x1b\xe5uUq\x96\xedQ\xc0f^\xb7\x95\x1a\xa2\xb6F\xf8\x18tG\x9dnT+\xf02gxg[m:\xcc\xd6\x87\xd5$\\\x94\x1e~E\xe8b\xbb\xc9\xef\x9b\xe8\xea\x87\xf6\xd1.\xe0{j\xacC\xdc}\xa9\xcd\xb6\xd03\xf9-\xb2\xde?\x1b\xd8\xaf\xcb\xd3\x90\x9b\xac\xceb\xcc\xd1\xf6\x7f\xb1\x12b\xee\xc4\x15\xa1\x9a\x08\x83\x84;\xb0\xad\xda\xe5\x12"\xba\xde.N\xc4\x98B2R\x19\xdbb\x8b$4b\xa33o\xe2\xb6\xfb\xef\x89\xbfu]x\x1b\xe8EH\'XU3h\xf2\'yn\xb7P\xb5\x86\xfe\x93n\xc3*\x94d\xb8(\x0fE|\xbb\xe8\x8c\xdd\xe9Y\xf9m\x95\xcf~\x96O\xa5K"#s\xdd\x82\x98\xfe1\x11T\xe9F\x1e\xae{\xe0K\xf5\xed\xf4"D\x8d\x82&lt;\xaf\'\x972\xfdBY\x97?\xa5\x98?D\xae\xb6\xfb0\xd9\xdfBQ!5\xc7Hf\xb0\xa8a\xdf\x00\x13y}\x10[\xa8J\x86\'\x03Y\xc3xJ\x8c\xe1\xdf\xbb\t!\xf0@\x82F\xc9\xb5\xa4(\xf7\x18\xbf\xe6^\xd9Kq\x15\x03@\xc4\xb8=f\x8a\x03\x7f[\x9e\xc8t\xf9\xb8\xcb\x9d\xd2h$^\xcc&gt;\xe2)\x89\xb4\xa1\x02\xd6:\x92p/\xd5&amp;\x87\xdc\xaf:e\xef\x8a\x06\x97\x9a5f\x08!\xb2OL&amp;\xf5\x0e\x87t\x8e\x84\x11\xd3\x86\xd0\x8f\xdf\x87\x18\x86)J4OA\xee\x16\xa9\x7f\xc2\nC%\x94\xde\xf9\'\x19\xbd,\x19\xa9\x0c+\x9a\xfe\xbb\xb6NE\xa6&amp;\x9c\x0b|\xaa\x18C\xfb&gt;\xe9\xec\x86zA\x1b\xa9\x8eR\x11\xf9\xda~9\x10\x00!\x98\xbd\x18\xf4#\x11\x88|\xd9sn\xa1\xe54\xad4\x16\xa3z\x01d,\xbej\xed\xf4\x9f\xfe\xe5\xe7\x82@w\xe0\xc6\xb4\xf2\x02\xd2.\xfd\x83\x14\x18\x01\x11*\xfd\xb9|\xf6\x8e\xb5\xb2$\xc9\xb6\x8b\xde\xb60,\xd1S\xe0\xb0B\xf0Q\xcf\xb8\xb4\x854\xb9I\x07\xc4\x1a\xa7c\xf0\xe0\x1e\x13\xbb8\xb6Wv\xf6\xdf\x08\xb1\xd5[\x892M\xf7\xb62\xb0\x00\xe1\x9e\xb5\xa3\xafw\xcb(kr8\xd1`]\x02+\x96L\x9a@\xe0X\x81\xf3\xff2\xbc$\n\x03 V\xce=\xd8eg\x82\xc1\xf96\xef\xc4\xf2\xc0\xf0V\xcc\xce\x01\xde(,\x80\x90\xe29\x01tJ\x01\xc7\x8cLS\x8f\'\xfa\x98}\t&lt;/\xa9\xfe\t.xE\x0b\xf4]-\xde\xea\xdd\x88\xeb\xe2FbF\xc9E\xd8\x92\x10\xd8-E\x82\xa1\xb0wK\xbb\xd3\x95\xc6Iw\xdck\x9fd\x08\'\x10\xcd\x9e\x87\x90g\x07\x81\x83XJ\xb9Q\xf0\xe6\x12B\xc0\xab\xf4\xd8i\xd0\xde\xfa?M\x9d\x8fK\x00|\xa6\xe5\xa0\x01"\xa1W\x86$\xddE\x82\x98\xf2\xd4\xe52%\x90\xe3Kcb\xab\xedh\xc2\xa2\x9a\x908o\x17W\xd20\x8e\xb3\x8a\xef\xe5C\xe0\x8bI-S\x9e\n\xa3\xe6\x90\xf8\xf8\xe0\xc8m\xc6\xaa)\x84\xed\xd0\x9e\xe45\xd6\xf4\x9f\xa5\x93\xa2}\xc3W~=-a\xbbyBI\x02D\x87\xe6\xda\xc8\xed\xf4\xbe)6s\xb5z\x19&amp;\x03\xcf\xcf\xf3\xb4\xee\x81\xbag\xf7Nl\x92\x16.\x93\x9f\xdc\xde\xfd\xafz#&gt;\xc2\xe1e\xcb\x98\x88\xdc)\xcf\xc2\xa2-\xc4\xe1\x1e\x0b\x9c\xb1\x0c\xf6\x91\x16\xd2"t\xe1\xc3\x85\xda6\xb1PTl\x90\x90\xcfzr\x16\\\x10)\xe9\x8d#\x8e\xd4\x0f\xa5\xbcb\xeb\x8a\xffd\xfdihl\x99\xbef\x06\xa4d\x9b\xd4\x89zLt/\x96\x1f&gt;\x87V70UY\xf0\xa4\x0bv\x85\xee^\xb2\xca\x00Y:J\x1c\xcf\xcb\x97`U?\xd9\xccX\\D\x1b\xfb|\xa2e\x0c\x01\x9d\xc0\xb4\x04\xcfG\xb3\xb3\xa7sTuT\tV8s\xbbG\x9f\x16\xc8 JJ\x05\x9a\xbf9\x88\x05\xddU(\xb8\x9cR$\xce\xd2\xa9^R\xd7o\x1a\xa90)\x10CM2)\xdb\xaa\xbf\xbc.c\xde5\xee]\x9cs\x81\xa1\xb8m\xe2L;t\x17!\xd7\xfc9\x95\x9aUk\xf5\xa4\x05\xb8\x82"\xc5P\xda\xb4\xc5Ss\x8a\xa8g\xfd\xcb\xa2N\x8bDF\x1b\x94^\x1d;EP\x7fD*\xe3\xc4\xb9\x80[p\x06\x0f\x9c\x94\x07DZR\x94n\xae\xd3,W}\xeb'</t>
  </si>
  <si>
    <t>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</t>
  </si>
  <si>
    <t>b',X.\x8cYF(L(:\xba\xdf\xa9$\x03\x8d'</t>
  </si>
  <si>
    <t>with
  dy2 
 =âˆ’k2
  y,
  âˆ’k2
  x âˆ’ k2
  y + (Ï‰/c)2 âˆ’ k2 = 0.
  The general solution to Eq. 9.182i is
  X(x) = Asin(kxx)+ Bcos(kxx).
  (9.182)
  (9.183)
  But the boundary conditions require that Bxâ€”and hence also (Eq. 9.180iii)
  dX/dxâ€”vanishes at x = 0 and x = a.SoA = 0, and
  kx = mÏ€/a, (m =0,1,2,...).
  The same goes for Y, with
  ky = nÏ€/b, (n= 0,1,2,...),
  x
  a
  b
  y
  FIGURE9.24
  (9.184)
  (9.185)
  z
 9.5 Guided Waves
  429
  and we conclude that
  Bz = B0cos(mÏ€x/a)cos(nÏ€y/b).
  (9.186)
  This solution is called the TEmn mode. (The first index is conventionally asso
 ciated with the larger dimension, so we assume a â‰¥ b. By the way, at least one of
  the indices must be nonzeroâ€”see Prob. 9.28.) The wave number (k) is obtained
  by putting Eqs. 9.184 and 9.185 into Eq. 9.183:
  k =
  If
  (Ï‰/c)2 âˆ’ Ï€2[(m/a)2 + (n/b)2].
  Ï‰&lt;cÏ€
  (m/a)2 +(n/b)2 â‰¡ Ï‰mn,
  (9.187)
  (9.188)
  the wave number is imaginary, and instead of a traveling wave we have expo
 nentially attenuated fields (Eq. 9.176). For this reason, Ï‰mn is called the cutoff
  frequency for the mode in question. The lowest cutoff frequency for a given wave
  guide occurs for the mode TE10:
  Ï‰10 = cÏ€/a.
  (9.189)
  Frequencies less than this will not propagate at all.
  The wave number can be written more simply in terms of the cutoff frequency:
  k = 1
  c
  The wave velocity is
  v = Ï‰
  k =
  Ï‰2 âˆ’Ï‰2 mn.
  c
  1 âˆ’(Ï‰mn/Ï‰)2
  ,
  (9.190)
  (9.191)
  which is greater than c. However (see Prob. 9.30), the energy carried by the wave</t>
  </si>
  <si>
    <t>b'k\x90\x1fp7T*\xd6zR\xae\x88\x81D\x06R\xc3\x19\x06\xc0\x89{\xce\xb4W\xfe\xde\x8c7\xf1i\x94'</t>
  </si>
  <si>
    <t>6b901f7037542ad67a52ae8881440652c31906c0897bceb457fede8c37f16994</t>
  </si>
  <si>
    <t>b'k\x90\x1fp7T*\xd6zR\xae\x88\x81D\x06R'</t>
  </si>
  <si>
    <t>sing grin 
 was anyway disturbed by this rough usage. At every jump too, Hands 
 141
  appeared still more to sink into himself and settle down upon t</t>
  </si>
  <si>
    <t>b"v\xcb\xe8\x00\xbf\xf5\x07\xf9x%l\xcd\xd4'\xaa\xe2\xbd\x7f#[\x13\xcd*\xf3\x82J\xef\xd53\x17\xf7\xa4\x19\x9c\xf1\x1a\x13\xfd\xbe~)\x9aHb\xe7yqW\xedF\xb1\x85\xce\xbd&lt;\t\x11\xd2r\xcd\xbb\x1b\xcb\x0c\xae\xc8\xd1C\xb6\xe1*\xee\xf5e\\:\xf4\x83\xbf$\xef\xa1r\xe3\x18\nl\xaf\xc6{&amp;\x14\x1d\xfe\xa4`\xb7\xc8\xb0$@,0\x9d4d\xf6\xd02\xda\xea\x13\x01\xd3{\r\xc9\xe8\xac\xb3\x86\xeb\xb8\xa8\x1bi\x04\xaf`cG\xda\xb3\x8fI\xed\x9b\xb0\xc4&gt;\x10\x0bpA0\x14S\xb4:O\xab\x9f&amp;/\x15\xde\x14j\x8a@\xa2z\xfb\x99\xf9\x12O\xe4\xdd&amp;\xf5|\x0f\x86\xef -\xac\x06\xcc\xbbOq3\x05\x97\xd8T\xf8\x9f\xb8\x82\xb4\x19\xb2^\xd2\x02$\xfd~|\xe5\x86\xfbZ\xb34\xd3&gt;\xc2i%lQ\\\\Qx,1fU\xcb\xb8\xddz\x9b\x857\x0cJo\x05\xdce \t\xc35rO6\xff\x02\xa7\xef/1\xc1{GX\xb4\xc8i\xbb\xad\xc0E\x8f\x9a\x9c\xc8*\xf6\xa4\xb3y\xac\x0b\xa6\\\xf5]\x10y\x9eO\x9c\xac\xcd\x0fcv\xd7\xf1\xd7H\x06\xcdC\xf7;Zn\x877p-\xc5{\xd5}&lt;*\x8b6\x9d\tN\xd8\xfe\xce[\x0bz\xb6G\x92\xd6\x00\x997\x1fZ\x88`)\xd9v\xdb\x85\x06\xb4\xb4\x18\x8fe8C52I'\x8eU0$\x12\xf5\r\x07%6EyL\x9eJ\x1b0\x9cy\xb60\xf8\x0cC-\x05\xa5\xb8\xfc\xd7R\xaf\xc38\xd5\x17 \xc9\x92G\x05Y\xc7\xa0\x15\xa9S\xd28\x7f&lt;\xa7\xc0Y6\x1b\xde\xd4\xe6\xcc\xba|%\xca\x11W;\xdad\xcf\xf0j\xc6%\xb8\x00\x89\xa9\xb4\x90\xb3c\xd7\xfc\n\x86\xcd\xb8\x08\x85\x88\xf6I@\xa1j\x1e\xa7-\x16\xf5\x04\x8a\xf05\x18\xf9\xa2\xec\x18\x1b\x94\xe3\rc\\\x06t\x89\xdb\x87\x02\xc4b\xba\xb7v\x0f\x87:\xe4I\xfc\xdd\xd1=.?tz,\x1fLN&lt;\xa8&lt;\x15G&lt;R}\xea\xe1\xf6k\x1f\xbdD\xfe\x1a\x93\xff\xefx\xc1$"</t>
  </si>
  <si>
    <t>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</t>
  </si>
  <si>
    <t>b"v\xcb\xe8\x00\xbf\xf5\x07\xf9x%l\xcd\xd4'\xaa\xe2"</t>
  </si>
  <si>
    <t>former lifeâ€”all rose to her fancy, and formed a
 picture, so sweet and glowing, so strikingly contrasted with the scenes,
 the characters and the dangers, which now surrounded herâ€”that her
 mind could not bear to pause upon the retrospect, and shrunk at the
 acuteness of its own sufferings.
 Her sighs were deep and convulsed; she could no longer listen to the
 strain, that had so often charmed her to tranquillity, and she withdrew
 from the casement to a remote part of the chamber. But she was not yet
 beyond the reach of the music; she heard the measure change, and the
 succeeding air called her again to the window, for she immediately
 recollected it to be the same she had formerly heard in the fishing-house
 in Gascony. Assisted, perhaps, by the mystery, which had then
 accompanied this strain, it had made so deep an impression on her
 memory, that she had never since entirely forgotten it; and the manner,
 in which it was now sung, convinced her, however unaccountable the
 circumstances appeared, that this was the same voice she had then
 heard. Surprise soon yielded to other emotions; a thought darted, like
 lightning, upon her mind, which discovered a train of hopes, that revived
 448
 all her spirits. Yet these hopes were so new, so unexpected, so
 astonishing, that she did not dare to trust, though she could not resolve
 to discourage them. She sat down by the casement, breathless, and
 overcome with the alternate emotions of hope and fear; then rose again,
 leaned from the window, that she might catch a nearer sound, listened,
 now doubting and then believing, softly exclaimed the name of
 Valancourt, and then sunk again into the chair. Yes, it was possible, that
 Valancourt was near her, and she recollected circumstances, which
 induced her to believe it was his voice she had just heard. S</t>
  </si>
  <si>
    <t>b'`\xf4\xd6|\x9f\x1d2\x1aiR9\x9b\xa7\xe3\xb8\x8b\xf9\xc8\x9f\x8e\xfb\x04\xc8\xea\xa4\x16#\xf6Fg\xb7yl\xab\x90\t\xc3\x14\xf4"\x18\x92h*\xd9A\xdfq\xea\x05OO\x18T\xfdYg\xa6\x17|@\xb0\xd8\xb7'</t>
  </si>
  <si>
    <t>60f4d67c9f1d321a6952399ba7e3b88bf9c89f8efb04c8eaa41623f64667b7796cab9009c314f4221892682ad941df71ea054f4f1854fd5967a6177c40b0d8b7</t>
  </si>
  <si>
    <t>b'`\xf4\xd6|\x9f\x1d2\x1aiR9\x9b\xa7\xe3\xb8\x8b'</t>
  </si>
  <si>
    <t>that pathetic voice
sounding in her ears, learned to see the beauty and to
sweetness of Bethâ€™s nature, to feel how deep and tender a place
she filled in all hearts, and to acknowledge the worth of Bethâ€™s
unselfish ambition to live for others, and make home happy by
that exercise of those simple virtues which all may possess, and
which all should love and value more than talent, wealth, or
beauty. And Amy, in her exile, longed eagerly to be at home,
that she might work for
Beth, feeling now that no service would be hard or irksome, and
remembering, with regretful grief, how many neglected tasks
those willing hands had done for her. Laurie haunted the house
317
like a restless ghost, and Mr. Laurence locke the grand piano,
because he could not bear to be reminded of the young
neighbor who used to make the twilight pleasant for him.
Everyone missed Beth. The milkman, baker, grocer, and butcher
inquired how she did, poor Mrs. Hummel came to beg pardon
for her thoughtlessness and to get a shroud for Minna, the
neighbors sent all sorts of comforts and good wishes, and even
those who knew her best were surprised to find how many
friends shy little Beth had made.
Meanwhile she lay on her bed with old Joanna at her side, for
even in her wanderings she did not forget her forlorn protege.
She longed for her cats, but would not have them brought, lest
they should get sick, and in her quiet hours she was full of
anxiety about Jo. She sent loving messages to Amy, bade them
tell her mother that she would write soon, and often begged for
pencil and paper to try to say a word, that Father might not
think she had neglected him. But soon even these intervals of
consciousness ended, and she lay hour after hour, tossing to
and fro, with incoherent words on her lips, or sank into
a heavy sleep which brought her no refreshment. Dr. Bangs
came twice a day, Hannah sat up at night, Meg kept a telegram
in her desk all ready to send off at any minute, and Jo never
stirred from Bethâ€™s side.
318
The first of December was a wintry day indeed to them, for a
bitter wind blew, snow fell fast, and the year seemed getting
ready for its death. When Dr. Bangs came that morning, he
looked long at Beth, held the hot hand in both his own for a
minute, and laid it gently down, saying, in a low voice to
Hannah, â€˜If Mrs. March can leave her husband sheâ€™d better be
sent for.â€™
Hannah nodded without speaking, for her lips twitched
nervously, Meg dropped down into a chair as the strength
seemed to go out of her limbs at the sound of those words, and
Jo, standing with a pale face for a minute, ran to the parlor,
snatched up the telegram, and throwing on her things, rushed
out into the storm. She was soon back, and while noiselessly
taking off her cloak, Laurie came in with a letter, saying that Mr.
March was mending again. Jo read it thankfully, but the heavy
weight did not seem lifted off her heart, and her face was so full
of misery that Laurie asked quickly, â€˜What is it? Is Beth worse?â€™
â€˜Iâ€™ve sent for Mother,â€™ said Jo, tugging at her rubber boots with
a tragic expression.
â€˜Good for you, Jo! Did you do it on your own responsibility?â€™
asked Laurie, as he seated her in the hall chair and took off the
rebellious boots, seeing how her hands shook.
â€˜No. The doctor told us to.â€™
319
â€˜Oh, Jo, itâ€™s not so bad as that?â€™ cried Laurie, with a startled
face.
â€˜Yes, it is. She doesnâ€™t know us, she doesnâ€™t even talk about the
flocks of green doves, as she calls the vine leaves on the wall.
She doesnâ€™t look like my Beth, and thereâ€™s nobody to help us
bear it. Mother and father both gone, and God seems so far
away I canâ€™t find Him.â€™
As the tears st</t>
  </si>
  <si>
    <t>b'mxA\xbe\xecV\xe6\xebO\x17[q\'t\xc4wJ\xc0\x19(\x025\xf9Gjr\x91\xb9\xba+H\x08\xbf\x9d\xdf\xee\x02\xad\xa0F\xcf\xd50\xd2\xf7?\xe3\x15P\xb4\x87\xe2=&amp;/\xbc\xe02\x0f\x19wT\xc3\x98\xa55\xae+i\xa7\x0c\xcc\x02\x01\x03\xf1\xdf\x91\x8fL\xfb\xb0\x99\x01\x04\xe3(\x86\xaf}\x04\xea\x1a\n\x91\xb6\xed12\xbaM\xc5\x93;\x9c\xdc\x06\xf0\x07\x93 \x9e\x93\x8bn\xa7\xf7"8\xa1\xb9C\xde\xf1|\xf4&amp;\xff\xc3H\xd6\xe6c\xd8Jq\x01&lt;\xe4\x9c\xc6\x00&amp;\xad9\x1b7\x14\xdd9\x0euq1\xfb\x07\xba&gt;\x11\x16)\x0f!\xb6\xe3\x1cC\x1e)E:\x1a\x83\x00\x16B\xc4\x85\x16\x05Q\xdf\xd23\xb2\xe5\xd1ys\xf7S\x94\x7f\x0ej\xffYR\x1cN\x14L\x87\x8fi\xb2\x01\xd0?\xcdJ\x89\xcf\xd1/\x12\xb6[\xa8\x08\xcbH\xdd\xf3y\x89&lt;\x8d\xe5\x8c\x98\xfeh\xaf\x80\x8a\xc4\r\x00\xde4\xb4n\x94j\x99\xbdd\x1b&gt;\x13\x8fq\x82\x84=1\x9b\xc7\x89R\x08\xbeR\x8da\x05d\xb5MEIK\xc0\x85\x0fV?\xbe\x8em\x8fAL\xd6\xeb%GU\xafv\xe94\x1bp%\xb7\x93\xa7\xd0U\xb2\xc9\xa2#1${\x94M\xe7\xa6W\x16`\xa1&amp;\xa9\xa6\xd7\xa2\xbc\xc0\xd1\xe5\xd6h\x0cB\xe9\x85\'@\x069\x84\x7f^\xc4"\xe7\xc3DnV\xf6\x1al\xba\xa3m?\x078\xa0O\xbf\xa0\x80j\xc7R\n\xe4&amp;i\xc2*\xec[\xb72\xa9:\x82\xd7\xf4v\x9f\x173\x9bg\t[\x83%\xe0\xab\xda&gt;\xa2]+\xa3\x01\xd4\x94OL\xb2\xa7\xadKX\x16\xc9$\xc5"\x8bw\xacx\x96\xc9\xaaci%\n\x85\x1a\x15&gt;\xba\x17\xe2p\xa9 f\xe0\x1e\xab\xbc\xdaJ\xd8--=\xfcg\x89\x1c\xa3\x03 E3\x1al\xba\x0e{\xc1P\xdc\xc5G(\x95;1p\xd1\x1b\x8eI\x01\xe7\x04\x163\xfbN\xfb\x87\x87A[\xa1y\xf8,\x9d3\xae\x14.\xe5\xcc\x94a\xf4a7\xb9.\x90ig\xda\xd3\xaa\x9c\r2\x9f\xd8\x99GZ\xa8\t\x9aP\xc5]~\xa5\x1d-iW\xb4\nS\xda\x1be\x02\x8c\x1bW\xf4\xb9\xdat\xed$\x10\x07mY\xf1\'\xca\xbf\xe2\x1dF\xdaX.-\x81W\x851:B\xbf\x1c\xfd`\xec7AIzGA\xfe\xa0}\xc3X&amp;}\xef\x1f\xf0M\xa8p-t\xac^\xe9\xd1\xdc\xe4\xbb\x02\x82/\xe3w\xe5E\xd9\x16\x08\xc8K|\xa2U\x0f\x1d\x9e3\xb5\xe7\xa1\x8b}s\xea\xc1\xe007Vo\x02&amp;:\xd2%t\x93\x88UC\xd7v\x1c\xb7\xe8\xe0I\xd4S\xbf\x94\xd4\x95g8v\xa5\x92\x9b}f\x85\xfb3\x06ki\x02\xc9Z\xe1\x1d\x98&lt;4\xf0\xe8\xbc\xc0\x90ES#\n\x033\x8a\xd2\xf9\xc8\xbd_f\xcd?!{\xaaGB\xe2\x01\xd8\xb1\xa6%\xa0\xa2Ep\xff\x838\xd1PE|\x9cU\xdd{\x89,\xf1\xb5\xae\xa3\x9b\x19\x1f\x8a\xf6\xd8q\xa6\x03\x98\xa5\xa8\xac\xfaW\xc5&amp;y\xe2\x11\xfb\xfe\xd6\xa5\x9b\xd5\xf5\xdb5\x04\x1f\xdc\xbdU\xd5\xcad\x9b\xaf\x18C_O\x0c\x99\x995v\x9b\n\xdc\x9e\x83_\xe1\xa8\x95\xceX\x9d\xa3\xf4\x11oq\x93\x1a\x11?\xb2R\x01\x9f&lt;\x11#\xff\xa3`\t\xe5f\xb2\x85\xe1\x10ru\xb3v\xdeY\x95\x94\x8c\xc0SPi\xe0\xffS\xb9\x96DyQ\x99\x96\xad\x160\x0e%g\xe1yE\xb8!\xdcD\xca\x01\n\x8cA\x01\xa1\xde\x8c\xb08_&amp;\xbe\xfb\xf7\xe2\x18\xbc\x9c\x1a\xd0X\x0f\xa6\x8d\xb0\xbc\x8bdbw\xd8\x19\xd0\xfb\xb1\xd1\x82\x908Lu\x8e\x80X\x07\x07.\x9c\xee\x8c\xfe\xc0\xc2\xec\x9ct\\k\xf2I\xf0\xb8\xf27\xe9_\x97\xa8\x86\xf1}\x9a\xa2(\x12Ay\xden5Sil\xff,&amp;\xa0\xd0\xd2T\xb2\x1a\xf3\xf2\xc0\x0b119\xfb\x9c\xc1Tj\xda\x9d|`\xeb\x1f\xa6\x12:B\xd6R+\xc0bpN\xe4io\\\xf1F\x80\x96\x8c\x89\xe7\x9au\xb1-\x95\xaaT\xf8\x0c][\x963F\x82o\x8e\xcb/\xd7W?\x06\n\x87Dv\x82\x8do\x01\x1c\xda\xf1\x8b\x1f\xb1\\\r\x15\xb2\x1b\x10\x92J\xc2\xf6\xd4\xaa\xebKB\xb2\xe7\x85\xa1\x1d\x08\'x\xadK\xa9\xd9\x16\x97\x9d9|\xc4aPwC\x8a\x9e&amp;\xd5u\xb7\x17\xeb\xe2\xcd\xcfAV\xb1\x9e\x00\xa96\xf7u!lO\x81\xbd\xc3\xfe\x0f\xfd\xa5\xbe\xa2up\xed\x8e0\x94\xd9L\xdcI\xffH\x9f\x83\xa2\xd6\xd7\xa1\x9c\xdf\xc2\x9f\x8e\xab\x0b-\xe3}\x9b65\xbclH\xa0\xda\x9dU\xde!S\x07\xee\x1b\x11\xeb\xae\n\x1e\xc1\x00\x03\xef\xa4&lt;g\xff\xbf4\xd3Rd)?;DH\xff\x04,D\x908\xcbZ\xcf=Qh\x19;|\x0b+\xfat\x8b4\xad\x15\xa7\x91\x9b\xd0_\xbaVz%V\xc38\xde\xd8\xc2t\xd5O,^;\x8a\x85\xd7D2\x89^\x8f\x93[\x13\xeaRsa\x83\x9b\xf7\twq_\xc4\x994\xf4Q\xc2\'\xd3\xea7\xcb\x95\xbc\xff\x8e\xe1\xd8 \x1d\tY\x89\n~\xed\x12\x0bJX%\x9e\x15\xc3\xb3\xdd\x0b0\x15\xe5Q{M\x02w&amp;nd\x86\nt \x0f\x13\xcf%\xf9\x1b\xdc\xb4z\x9a\xc3\xacp2$\xd1\x05\xf4\xf3\xfb(\x1e\x84\x9d\xde\xdbm\xf2\x1c6B6\xd6\xbf\xef\x98\x1b\xf4.L\xf0\xa9\xa2ZG\x1c\xe0\xb0\xe6\x8a\xcdWD\x19\xbc\xb3+\x15\x94\x10Uy\xaa\xd1\x1e\xd6\xf6\xd5#\xc4\xe4\xa4\xa4U\tz\'w\xd1\xe3\x99\x93\xf4\xfe\xd8\xabw\xf8\xdc\xdcI{\xb2K+\x11\xc7$\x9b\x0e)\x95\xd5\xb8|\xa5j\x10\x12:\x7f(\xa3\xa9\xcf\xc7\x03\xcf\xe3S5\xe7g\x83\x0b\x9f&amp;\x8b\xf3\x85-\x86_\x84;d&gt;%\xe9\t\xb9&lt;\x14\xc8{l\xc2\x12\xe7\x8a\xa6\xf8\xb1\xb6\xe9\x83\xe2\x113~\xd7\xe65\xfc\xaaB\xd4O\xb8\x97\x03\xb3m\x9e\xbeR\xd3Jq4\x1e9&amp;\xd2qfS\x08\xb3\x80\xe0h\x9c`\xc4@\x89\xd5\x99\xbc4\x97X\xea.\x90\x8aa\xb2\\@;\xfdo\n\x81\x98\x9f\xb5e\xc6\xa1\xb9=.V&gt;CD\xebKl\x91u[\x8e"\xa2qn\x9e\x99\xa1\x86\x8a\x16k\xb3&gt;\x89\xf7\\0\x94\x06W\x8e7I\xe3\xae\xc9\x94V\r\xeba\xb4\x9cOV\xd0\x14\x82]{G\tX\xe54\x1b\xea\x98\xcd4U0\xeap&gt;\t\xea\xfer\xc7FP\x01\xb9\xac\xc4\xd0\xcel\x16\xb8\xefbN\xb8&gt;\xac0\xd1\xec?\x18\xf1o\x96\xe6&lt;\xabO\x15\xf1\xea\x85!\xee\xb0\xba,t\xc07\x00\xd5Bf\xb3\xec\xa9\xce\x1e3y\xa4?7\x9a\xe3\xbd\x1c\xbb`8\x1d\xaaT\xba\x85\xd7\x80\xa3\x926\xf1\x16AI+\x1dQ\x8d\x94\xc4\x8df\x87F\xe6\xd8VH\xd56\xf1\x0f\xc3\x8b\xd3\x9b\xeb(\xb9&gt;\x1f\xe3\xc7i\xa4}\xd6\xaah\xde\x06\x81\xfe\xed\x85\xab\xdek)\x8d\xca\x8agO|`"\xd0{\x99\xfbS\x9a*q\xd4\x9c/\xd1@3FC?\x97\xb5\x15E\x1eh\xc0\x0ec\x16\xd8\xb8&lt;vA\x9cbi\x9bnB\xa8\xa4{\x94\x12\xd2*\x1d\xee\xe5\xa5G\xe4)X\x01\xe9v.\xa1\x9c\x12\xdf\x8e\x00`\x02\xad\xd9m\x94,\xbc\x15\xf2\xf1\xd7\xcdK\x0e\x83\x91ZI\xc22&amp;c\xfb\x1bH\xdd\xd4\xa1\xf3\xdc\x89\x8a\x15l\xd3\xde\x14\xc0\xa9R\xea\xb23Z\\\xf0\xae\xe50J[\x12\xee\x04 \x16)\x04\xa68\xa7e\xfa\xa6\xcf\xe2\xce\xb5ZO\xb0\x0b\xfc\n\xb2\x01#\xf7\xa0\x8b/\x84Qq\xe5\x9b_\n\x8fEX\xdbu\xafJ\x02\xc5\xf3\x81Q\x80D\xbb\'A\x86)\xa9\x8fI\xbb\xc4NMZ \x8d!N\xfet\xa1\xa5/\x85\x93\xfe\xe5^\xd7\x12aX\xed\x86\xfa\'^)\xcaT#\x1b\xcaI.\x9d\xc6{;\x90~+\x18\xd4\xd4\xbe\x1a\xad\xca\xdd\x86\x9a\x08\xd2\xf6\x00\xf0=\xfd=t\'C\x9e9\xad\xde\xc3W\xc1\xf7\xab=\xc0\x11,\xac\xa9R\xed\xe2$1!\xd9\x88\xe0qDz\xf9^\xbbfw\xd1/\xc5\xfd\xa9\xdb*\x0b\xae\x99\x9bSG\x9a\x85~b\x92\x0c\xdfD\x94d\xbaxxz-y\x97\xf6g\x16h\xb6\xb4Hxb\tgi\x94\xa7\xeaK:q\xaeDq\xc4/\x93X\xfd\x9c\x98\x84\xa2*=\x84\x8c\xdf\xec\x0f\x04\x8e\x19\x9f\xad\xb8\xf2\xf6\x0e:\xfch\x99\x82\x1c[\x12\xdd\xeb\xce\xe0\xaf\x13|eO\xef4bz==\xe9j\xdb\xef@r5z\x13\xaa\xe3B\x81\xa8\xe3\x93\x7f\xdar\xed`i\x910\xba\xc6\xd8\x19s\x1b\x95\xc56\xf3\xe7\x97\x9e5\xe6\x0ck\xeb\xa9\xc0\xdd\t\xef\xcd\xb9\xe83\xeei\xbf\t\x7f\xf4\xe7\xbd\xc7\xdb\x11\xa1\x8f\xfej\x16q^\xb7T\xc5\x84&amp;\xd0Iftr\xd6\x8d\xc4\xa8\xa5$,\xbc\x19^OC\xb37\xaf,/\xcaY\xb7 \x00\xda\xeb\x18eq\xec\xc68\x92\xc0cH\\TYIb\xc0\xe9a\xd0\x1b\x0f\xa4\x85\x01\xa9[\x12\xb9B\xbfh\x9d\xb6\x7f\xbcr\x157:\xc7\x92\xb7\x1ef\xc5\x1dl\xfd\x9d\x08H\xfa\x93\xd6\xb9\xef\x9c\xcd"-7\xda\xe9)\x10\x16r\x1b\xbc\x8d@@\x90\x15&lt;.\xde\x9a\x1b$O\x12\xc4\xd7\xb5\xf1\xa9\xe9}i\xa3X\x0b\xb1\x1e\xfd\x9bJ\x19\\\xd5\xe8]\xfcb\xbc\xe35\x0c\xc4\tfA\xa1\xd0\xe2b\x08\xc2\xa9\xfc\xf8\x15\x80\x80\xbe&lt;\x98O\xd2b\xcf\r\x05sR\xddag\xc7\xa6\xdf]o\xce\xf9\x12w\n$\xca\xac\x12\x85t\x119f\xfe\x97\xc8\xa6v\x10r\x15\xd79\x90y\x9e\x90\x1b{\x9b:\x8c\x8a\x87\xa5o\x8e\x01v\x7f\xc7\x9d\xfb\r\x0f\x0b\x1a\xfa\xf6\x1d\xd1\xe2qf\x056\x14B\'\x94u\xd3\x0f\xa1\x97\xa2\xd5\x16\xbep\x94\x98z\xae\xcfHw\x8c\x81E\x11\xc7*\xad\xa1\x9eE\xa6\xf8\xbd#\xb9\x0c\xca(\x19\xf4\xb9\xf9|\xf9\xe1 \x01\xb9_wt\xf3;d+yp\xc9)\x00\xff\xafU\x84\xd1\xc2,\x9fM\xce\xa4\xdb\x9d0\x10\xe6\x9c\xd8\x99 \x10\xab#L\xe0\xad\\\x06xpq\x86\xd0\xdb\xeb\x91\x92\xf6\x05V;$\xca\xac\xa3\xf0\xde3\xa13i\xaen\x8ah\x1a\xccr\xdb\x1dE\n\x89\xc9\xe6\xfc&amp;\x02\xb7\xbf\x97h\x89\xe4\x0e\xb6r\x1b\xd5F\xa3\'\x14\xc7\x85\x9d\x81\xcb!Z\xd3\xb2\x8c! \xdf&amp;\xb9\xe4\xc0\xc1Y\xe3\x8f\xce\xab\xd9\xd8\x94\xbb\xd8 -BrI"Gx\xfe\x9dV\xea\xe1\xd8\xe2\xb6\x9d\'"s\xd4\xd9t\x9d\xaao\x85\xbfM\x1c\x93b\xaf\x8a21\x19\x95.~{\xbb\xad\x0c\x18P\xf2|\x97w\x86\xb6\x92_\x91sBS\x1cE$o\x075\xa4\x15\x11\xbc8m\xc1X\x15\x03L\x901\xa1\xf7\xa9iC\x85\xb5\xaa\x95\x90\x90\xf4\x8f\xe4\x1ei\xa3\xfd\xe9\xecj\xa9?\x8bX\x10\x80\xae\x01\x04k\xc1\x8e\x1a\x1c\xc2\xb5PT\xf6x8\x99\xa7\xdb\x17\xca\x16b)u\x84\xf7\x9c\xd4v\xa5\xf1E\xb8\xec\x02\xab@\x1e\x90\xe4\xb8C\xb4p\xf4\xf7\xcc\x95v\x8f\x9d/\xed\xd8\xb6W\x1a\x97\xdc\x1e\x049pC\xb0\xd2\xd2t\x87\x9f\xbc\x91H8\xb4%\x8a \xc0\xa9\xa1\xc3\x06Y\x1a\xef%\xda\x8a\x07\xf4\x8d\x9f\x92\x10z\xae\xc4\x90\x00Z\xcc\xd9\xae\x1f\x9b\xb5\xc22\xf7g\x7fQ\x17\xc4m\x03\x0fZ\'\xd2\xcd\x14\x005"3&gt;\x03,\'p\xc3L\x05\xb6\xd1h\xc6\x8b\t\x05\xcc\xc2\xf3n\x9dh\xb7\x14\xa3T\x80\xb1\xc3\xb8\xdd&amp;\x91\xc5\x82\x84\x85\x01\x03i\x14\x14\tUq\x992\xb7\x8b\x02\xa0w\rV\xf7\xef\x15~cb\xeb\xf0\xb6\x11H2dj&amp;}\xc5x&lt;\xab\x19\xd0yJF\x05S\x87e#uq\xcb\xd9\xdbc-;\xde\xe7=h\xf5\xe7\xc2\x93\x98\x86 mJ%\xa5\xfaKa\x03\x8a6\xe6\xa9\x15s&lt;\x90\xa9-\xbb\xf1c.\x8f[\xaf|\xd0\xcf\xd5y\x012q}\xb0Y\xf3\x80\xaaW\xdb\xe8\x9f\xec\xbb\x16\xe1\x8e\xb7\xd26\xbby\x8a*\xbd\x1asq}\xf3%4\xfeZ\xc6Y\xa0\xac\x1dr \x86A\x16*\xd9\xd0\xdf\x7fW\xee\x8b\x90\xc5"%\x1aB\xcd\x87\xd2\xdd\x89\x8b?\x88\x1eG\xd6\x13wS\xefx\xb9\x98\xbe\x89\x8e\xdc\xd3sy\xdf\xe1\x1cz|$R-)n\nfU\xa5\x10\xbc\xdf\x06\x98\n\xeb\xd2*\xbe\x8a\xaaDi\x07m\x1c\x90\xa1\xa5\xeb\x90\x9a\xb3\xd2\xe38\xb3H\xd8\xa1\x9d\x82\xa8\x97\xab\xff2Q\x99!&gt;\xa5M\x99\xd0\xde+\x8c,\xd2\xbf=\x00-\x0e\xde\x19\x84\xcbP\xb5\xd4\xba\xc4GC\x08\xa6\x15$\x8d\xbc\x00|e\x93w\x1e\x03\xe2g\x04\x9c\xf5DE\xb8z\xc9\xdeB\xff\x8c:\x82\x0e\xe3A\xceE \x96\x8e\xd9~\xb3\x8b\xb9L1\xf91\xdc\x8dPW\xd4TP\xd7\x87\xc5\xd0\xed\xa4\t\x90\x9d(%z\x87\x02\x01}\x1a\xf1\x8ad\xe4T2\x1c\xe2mF\xc8\xed\'\xa6g\x08WbR\xacV\xe9\xa7\x11\x8f\xb3\xb6R\xfc^\xef(\x10\xe1\x84\x00\xb3w\x99\xfb\xde\x91%\xff\xc5&lt;-\x88\xfe\x87\xbe\x05\xaa\xc0:^V\x90\x9dp[\x84\x1edj\x04\x08\xe6\x92\xbe;\xfd\xc0\xd4\xe1el\xc9\xee\xf6\xbb\x07\xa8\x8a1x#\xadk\xf2M\x87\xb3\xef\xcfw\x14\xa9\x99\x880S\x1eOz#\\\xc7mb\x83\xe39\xdb\xf7\x8d\xd0\xbe\xdbx&gt;b\xb1\x0c\xb4\x99]\x1b^\xe6(\xd0I\xb5\xe9\x8d\xfeE\x86.y\xa9\xdd\xc3v=\xb1\x19\xe3\x0eM\xb5 \xf6\x00i\xfd\xe0SM\x8a\xe0\xa1\x98f\x9b\xf5l\xd9\xe6&lt;\x12\xc3\xecl\xba\xa1\x80\xd3\xb8&amp;1\n@\x99\x93\xe2M,@=\x0b\xd6\x10\x82]S\xcb |\x84\xdc\xa6\x9b\xa4\x16\xcfg\xbc{\x9c\x0f\x07C\xa7\xfc\x8a\x0e\r2\xc3\xbfI\x0f\xb8\x95\xa9F-\xc7\x15\xc6\xb4\xa5n});\x04N\xe9\xf4\xd6\xb2B\xae#h&lt;\xb0\xa9\xfa\xd6\x02x+PN(?&lt;`J\x11\xfe(\x9a\x0c\xd9\xe9\xe9\xdfG\xb6{pgiQ1\x0c\xcf`\xe7,v&lt;\xda\xb3X\xa2\xf0\xdc\x80\x9d\xd7\xf6\xe2\x85\xb9\xe7\xbdlS\x17\xa4wC\x1d\xffu\x01\x86\x0c\xc6E\xaa\xf7v\xd51\xcc\xf3\xf4Jm)\x80\xbf\x91\xdc!vU\xac\t\xe3\xfb\\\\\x05;x\x1f\x90\xa5[y\x93\\\xad`\xbd\xf2\xe7\xf95\xed4\xd8w\x9eh\xda\x98\xaa\xef\x1c\'\xd5(!\xcf\x97\xba\'z\xd0\xe7\x11\xbfQ\xb5!\x0b\xb4\x06\xdf\xee\x05\xe3\n\xe77\xa6\x8e\xa3N\xae\xd5V\xd5;j\xf3&gt;Y\xf6a\x95;\xee\xf8W\x17\x92\xa6\xa3\xb7\xfc\xd4!\x9e\xce_r\xaf\xac\t[\xbf\xe1\xd1\xa0\xfe\xa4\x7f\xf6\'\xf3@\x02\xa7\xafL\xad\xf6p\xf6\xf1\x0e*-\x9e\xf7E\x1fH\xac\x19\xa2\xc7.6\x85i"\xb0o=\xb5qB\x9eZ\x92y\xc4\xb4Fb\x86\x10\xbd\xda\xccR\xebn\x7f\xdc0\xa5M\xa4\x91^\x110@\x84\xd2\x10\xb5\xb4\x96\xc6\xe9\xec\x01P\x7f\xcd\x14\xb3?y\xf0+\xb2\x84"!\xf2\x1f\xa5\x7f\xbc]\x8c\x91\xb1k\xf5\xbc\xaa:\x00\x86\xdc\x10Fu\x1c\xa4C\'\xa2\nc\xb8\xbb\xd6\xff\x90\x82^\x1d\x81\xd2cQ\xa4=\x8f'</t>
  </si>
  <si>
    <t>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</t>
  </si>
  <si>
    <t>b"mxA\xbe\xecV\xe6\xebO\x17[q't\xc4w"</t>
  </si>
  <si>
    <t>I could 
 hold my own at it against an elderly seaman with a wounded thigh. 
 Indeed my courage had begun to rise so high that I allowed myself a few</t>
  </si>
  <si>
    <t>b'\x95\x00rU\xae#\xbe\x8cO\xa2e\xc7\x10W;-8\xa5N_\xd5\xe4\xac\xa6\x14\xc1\xe97Cn$_\xed\x9a)\xb2\x94\xa0\xa5\xbf-LN\xd6^:j\xf9\x14\x1c#\x05c\xc7\xf5U\xa88\xcc\x01[\xb4\x16\x1b+2v\xb6\x03\xcf\xae\xfb9\x1c%z\x80E1N?\x9e|X\x83h\\\xa7\xa83cu[4\x17\x9f\xa2|\x03IgX\x87\x05\xf1/14\xcfD\xed\xb5Y\xd1\xbe\x9e\x904M\x7f@\xbf\x1a\xc30\x96w\xeb\xc8=\xa0O\xa4\xadC* KB\xbd\xac\x99\xdfM(fE\xbf1MO\xaa&lt;t\x1a\x1bxk\x85\x86[\xa7*\x16 J\xc7\xfat+\x17\x92?l\x90\xa2V\xfb\x82)\xd9g\x12\xf8(\xc2F@\x955\xb2sG7W\xcbD\xbeR\xb8\x1f\xcd\xaf\xea\xab\xe6\xcc@Q\x15\xf42\x84\xb5R\x8f\x12\x9f\xc8\xee\xa5\xbd}\xeev\x96N:\x81w3e`\x08\x9f\xd6\x1f\xcb\xea_\x08\xa76X\xf7\xfd\x05d\xbe;B\r\xab\xb9\xc1\xe5}\n\xc2@*\xbf\x19k5Ds\xe7\xec\xd4\xe6\x06z\x07\xf3\x13\n\xa6\xef\xb7\xc4\x87\xa6\x01\x1a\xba\xda\x94\xb4&lt;e\xdch2\x08\xec\x11?r\x07Y\xa2\xd8J,_\xa9\x042\x8d\xd8\x90\x015\xb8K\xed#\x1b\xb1\xac\x8a\xdc#D\xcc\x95\xd3\x93\xfc1.\x11\xd5\xda\xb5\x06~M\t\x0e\xae\x1a\xb5\x19%\x8f\x92\xd62\xfa\xb9\n\x07\xd0\x87\xaeM\xd1\xdb\xd3\xe3\xae\xec\x92\rS\xf5\xef\x03\x95\x95\x0b!GzY\x01Mmw\x9f\xae\xb1\xe6U\x8bO\xd0\x91\xe8\xa4F\xa4g8\xe9?\xc4y!;Z\xd3\xa6#%)y\xf9\x18o&amp;\xa76\xe5\xce\x80\x9d\xe7^\xe76\nN\xf3iY\xf0\x997\xe2(\xc3\xa8\x0e\xc8\x88\xe1\x1cw\xea.\xa5\xab\x18]d9\x06\xddO\x12\xee\xe8\x0b)\xf4\xc6\x1c\x19\x08\x8d\xd4Rj\xda\xea\xdf\xceu\xcd#\xd9\xd8%\xb1\x1a\x8a\xe0\xc6\x8d\xbaE\x147\x08\xebp|\xe1"\xb1\xb9\x7fq\xe5/5\xa3\xd8&gt;\xcd\x89\x1a\xa8&gt;p\xdb\x9b\xf4\xa4'</t>
  </si>
  <si>
    <t>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</t>
  </si>
  <si>
    <t>b'\x95\x00rU\xae#\xbe\x8cO\xa2e\xc7\x10W;-'</t>
  </si>
  <si>
    <t>gure-32
  Constant Voltage Source
Figure-33
Constant Current Source
Similarly we get short circuit current from figure 30. If we short the path removing RL load resistance current Ishort bypasses Ri in favour of short circuit (fig. - 34). This is clear indication that the current Ishort is electrically same between two circuits.
Figure-34
B
 Basic Electronics
43
                 In this way we can convert a constant voltage source to a constant current source. Following steps should be taken:
1. Make short circuit between two terminals A and B as we have done in above figure. Find the short circuit current and let it be I.
2. Measure the resistance at the terminals with load removed and sources of e.m.f s replaced by their internal resistances if any. Let the resistance is R.
3. Then equivalent current source can be represented by a single current source of magnitude I in parallel with resistance R.
Letâ€™s see a problem. By solving this you will get clear concept if any trouble.
Conversion of Voltage Source to Current Source Problem
Problem: Convert the constant voltage source shown in figure 35 to constant current source.
 20V
+ I
A
B
20W
 Figure-35
Here we get 20 V constant voltage source and 20Wresistance. We have to follow the steps for conversion
(i) First place a short across A and B and find short circuit current I. Short circuit current, I = 20/20 = 1 A
Equivalent current source has a magnitude of 1 A.
(ii) At AB terminal measure the resistance with load removed and 20V source replaced by its internal resistance. The voltage source has negligible resistance so that resistance at terminals AB is R = 20W.
(iii) The equivalent current source is a source of 1 A in parallel with a resistance of 20Was shown in figure 36.
A
B
 I = 1A
Figure-36
20W
 44
                 If we apply ohmâ€™s law in this circuit we get the voltage which is same in previous circuit so figure 35 and figure 36 are equivalent circuit and source conversion done properly. V = IR = 1Ã—20 = 20V.
Conversion of Current Source to Voltage Source
Problem: Convert the current source to voltage source for figure 37.
 I = 2A
We have to do same inverse procedure.
A
B
20W
Figure-37
From ohmâ€™s law V = IR = 2 Ã— 20 = 40V. So when we convert the current source to voltage source it will give 40V supply. Redrawing the circuit for voltage source we get as figure 38 equivalent
circuit.
20W
 40V
+ I
A
B
Figure-38
In this way source conversion or source transformation can be possible.
2.6. Battery (Electricity)
Various cells and batteries (top-left to bottom-right): two AA, one D, one handheld ham radio battery, two 9-volt (PP3), two AAA, one C, one camcorder battery, one cordless phone battery
Figure-39 Figure-40
  Electronic Symbol
The Symbol for a Battery in a Circuit Diagram.
  Basic Electronics
45
                 An electric battery is a device consisting of two or more electrochemical that converts stored chemical energy into electrical energy. Each cell has a positive terminal, or anode, and a negative terminal, or cathode. The terminal marked positive is at a higher electrical potential energy than is the terminal marked negative. The terminal marked negative is the source of electrons that when connected to an external circuit will flo</t>
  </si>
  <si>
    <t>b';\x98UD\':\x10\xe9\x96\t\xd2\xd7c\x143H\xf6&lt;\xc7\x82\x86\xbf\xb2@K\x8aG\xd0\x0f"\xb1\xbf\x01mr\x02\xf7\x1d\x84\x16~*g;p`\xd7\xd1v\x1b\x7f\'\xc40\xc3;\xcb\x9b\xa6N\te"\xders\x94H\xf9\xa1\x89D\x1a8\xac\xc6\xe6D\x05\xde\xb6\xce\x07\xd5\xad\xe6\x87\x9a\xe1\xdc\r]\xf2\xf4\xc3\x8f1O\xadd#\xc5\x06o\x86Z\x86N\xb6\xab\x86\x0e\xccr"\x83\xf3#\xa7)\xfd|Z\x07\xd4\x13\xc6\x86t\xaf\xa3\xd3k"\xd9!z\xa9\xff\x9a\x05\xac\xf2\xa3\xf5\xd3\xa4&amp;f\xfe\xba\x0e\x81\xdc\xa5\x05\x17\x02\x1c\t%\xcc\xdc\xa2N\xe0\x0e\xdd\xad{\xf0w\xa4\x9e\xa5\xb8\x0cU\x0f\xac\xde\xf2\xbbE\x9a"\xa7rY\x83Y\xab\x1fr\xff\x9ds\x8f \x9c\xe6`\x85)\x15\xa1\xf4\xebk\xe7)\xf3\xdb?\xb8\xe1k0\xbd73\xc5\xec\xcf\xa8\xb0\x8e\xc1a\x18\xf4F\xec\x92\xdf\xbc&gt;\xf4\x1e\x0b\xe7\x17g\xa6Sv&lt;\xd3+&lt;4\x92exnL\x14Z\xd9\x84n\x1e\xf8\\\xa1\xa0\xfdD;\x9c\xde\xcb0\xec\x8b\xd3Vo\xcd\n\xb7\x1fl\x08\xe1\x82\xde&amp;\x9d\xe3\xac\x92L9G\xa9\x13\x99s\x86:\x04\xa8\xbd\xdb{/\xe8\xec1\xc0l\x8d\xd16=\x89&gt;\x02(\xdf\x99J\xa6\x7f}\xd8{\x97U\xe3\xf3\xa4\xe2x\xb6\xf6\xab\xf8-A\x15a\x83p\x10\xf8\xecm\x93$\xa8$t\x04\xb09F\xe7\x0f\xa9\xcf\x12\xd8\x1f\xbc\xba\xfa\xb3\x14`\xbc?\xe7\x87\xac\xd7g\x1e\x16\xba\x99&gt;\x12?xp\xf0ld\x00D^b\xaa\xd4\x96_0\xa84O\xd6Y\xedN\xe1\xfb\xc4\xad\xc2)\x05\x10\xaf\x91\xd9\xfa\xbf\x84z\xe8!\xe7\xb0\xa9\xa8q7\xe6V\x93\x94\xcd\x04oQ\xe5\xe4\xc5\x1f\xc0\xf0!d\x84\xf7\x00\xfa\xb4/k\xe0\xad\xd1+mr\xdf\x0e\xc7:T\'q\x8dO}\xc0\xe1\xa2\xf31w-*\x8f=&gt;p\x01\x06\xc4\x04\xc4D\xa4\xe8^\x89\xf5\xc6\xca\xcf\xc5H\x1b\xa4\xa6(&lt;\xab\x1c\xf8\x14\xbe\xf8\x10NG\t54\xf7ND\x92\xb7iV\xc4E\xc9\x91\xa9k\x94O\x81\xca\x00M94.rV\xbb9\xec\xdbv/\xcb_\xc3\xa9-Gh\x91\x1f\x97\x11`\xbd\xc0\xc0m\xabR&amp;\x1b\xd7F\xeez&lt;R\xde\x84a\x9dNp\xb0\x97^\xfdH\xb3L\x17\xfc\xcb\xa3\xda\xa3,\xacWz\xf1\x15\xfdBg\xa8!h\x81lb{\x129?\xeb\x1ds\x90\xec\x95\x9c\x98\xc3h\xbe\x12\x0c\x8c\x04\x99\xdfW\x03Y\n\xb3\xfd\xbaZ\xe9\xe7u\x18!T\xec\xef\xe5\xe3\xe7\xe4d\xaa2\x8f\xc1Q\xb92e_\xcbi\xa9\xb7\xe9\x1c\x8fttbe\xe1\x85\xee\xceJ3\xee\xe3_\xd4\xdc\xa4U\x19\x9b\x98\xba~\xe4\x1f?A\xb6&amp;t\xe7V?\xd3\xe0p\xa12 \x82\x80N\xb8\xc8\xe1\xb5\xf9\x85\\\xa0\xa1/P\xa7\x1a\xdb\x01\\7\xea\x9c\xa50\x9b0\x9a\xb0\xf3\x93\xf1O\xa5Ldo\x8e~\xd1\xb85\xc5`49a\x9dp\x86I\xa4\xd4\xf8!\xd5C\nP\xf2\xb4e\xdd\t\x03\xac\x84\x98\x0fS`\x92\xbe;F,:j\xf5\x8a\xd7H)\x1e\x16-g\x0cv+\x8fa+\xed\xfa \\\x7f\\\x98\xbf\r\x08\xfb\n:\xd4}\xa7\xa5\xa7\x16\xe6A!\x17d\xa7\x1eK\xae\x02-\xdf0\x82B+G\x9a\xe7l\xf4\x8fE\x87\xb0\x1a\xab\xddl\x82\x19\xf7\x9d\x89^\x16~\xf0\xb7\x05\xddNc\xdf\xdb\xb1\xf4\x0f\x11\xfb\xf8V\xdb5\x99\x0e\xde\xb8\xa08t\x8bQ\x05f\xf0\xf0\x86\xa4g\xe6]\x88\xb7\x0e\xe2\xf0\x05Xb\x0b\x11%:\xe7N\xef]\x86~\x98\xd7\x9a\x86\xf5\xa4\xff\xa5\xff\xaf\x9eU\x01 t\x90V=\x8b[\xbd\xee\xca\xca\xdc\x0f\xc3\x8f\xff\x95\x0e2\'Ru\x1f\x0b\xe8\x1bHE\x1c\xe3^V\'\xbf\xdc\x00R\x88JR\xd3\xb0,X\xd2\xe3\x1b&lt;\xc7\xb0\x93\xafD9\x04\xc4\xe7\x1c\xcdq\xf8\x18\x11B\\\xdd\x18;\xd5\x82}\x86L\x1a\xa1\xc4d\xcbd\xe3\xc3\xc62\xb0\xad\xc0[\xb1 \x9cN\xab\x81oF\x13\xd9\xf2\xbc\xa6\x9a\x98\xa6\x95\xc9\xc4\xeb\x81\xadwg\xc7\x85]\xf4;^\xf5=\xb4\xeclb\x80\xaf%EX\x1cQ\xac\xcc%/P\x84\xea\x153~\xe3\x1f\x98Y\x82\xbf\xc7\xcf\x15\x1aE(\xd4\x04\x08\xd3&lt;n\xa6\xb7f\xc8E\xbd}\xa5\xa5\xe7)\x1d\xac\xd3\x8b\x9e\xaf\xb3\x91o\x9e!\x00\xaa,\xb9H\xa9\x10\xff\xcf\xe7\xb7\x91a\xdb\xf7\x9c3\xe5\xba\x0c\xef~\xb5\x98m\xe4\x12\xc7\x07\xf3}\xb1\xd5!\r\x86 8[\xd0\x11:\xa8\xb5o\x87F\xdfT\xffi\xa1\xe3\xbf\x1a\xc3c\xfd\x85\xfemU\xee\xab\xea\xd6\x95\x9d\xaeA\x104\xea\xa67"i_\x0fO\x06"\x0f\xcb\x85\x8e\xc7\xbe%\x99\xff\xd9\x84G\xe1\xd0w\xd4 \n\xa6\xdb\xd4\x1a\x08\xb9\x8c\xd9\x88\xd6/l\xb2\x82UR\x82\x8c1\x95\xa1\x7f\x0b\xceJ\x10\xd0@\x92\xb3\xd4R\xdez\xec\xed3l\xd3\x8a\xa6\xb3Hc\x10e\xb7\x02KX(\xa5h\x84\xacJs\xaa\xc8n\x08\xdd\xeb\x0f\r8\xef\x11\xbcE\xa5z\xfc\xd3\x9b\xe7}"\x88\xa4\xf6\x08\xd7\xe8\x08\xdb{\xf8#\x9c\x9do\xcak#4\x85Xz\xabt:+\n\xb3!\xebOG^\xe2j\x80O(\x83\xb3\x19\xa1\xa6\x88\x8d8\x0f\xe6wH\xc9\xba*\xa9,\xeb\xb8^0\xdc\xb5m\x9e\x88=\xf0\xb0\xc3\xfeW\xe2\x86\xcf\n:\xa0\x05 \xe6h\x82m\xd1\xde\xe1\xd7\x14\x98\xf0\xa0{\x91\xac!B\xa1d\xe1\xc5\x1c\xb9\xbf\xdd\xd7\x84\x88\xb0\xda\xf1\x12(N\x92}\x07c\xafI\xc3\xdf+\x0fg~\xfdx\xcaU(6\xd0y\xc1\xfbG\x9d,\xd0\xd1\xbdkg:+\x9ew\x19\xd6\xe3%\x03\xaf`\x10\xc2\xfe#`\xb0\xdf\x12\x95\xec\xaa\xa7\xa7\xda&amp;\xc9\x0e\xf5\xe5\xc9\xe5L\x9d!\xb5\xb8C\xb5\xe7\xe3l]\xd1\xed\xcfv\xf9+\xd7\x04!j\xaccMa\x94\xc7\xa9\x8e\x8d\xec\x90\x08\x10&amp;xb\xccQ\xa4\xefC\xdb/R=\xfe\x18g\xc0\xc4\xbckK\x93\x88\x86^sB\xd8\xf2q\xa6\xdeK\xccA&gt;\xed?\xe0\xcb\xce\xef\x04\'b\x86#s\xf3WB\xdba\x17\xea|&amp;\xaa\xbdo\\\x022&gt;\xc0\x87A%\xa9s\xea\x1dj\x01\x95d\xceD\xc2\x0eJ\x9e\xe6\xa9\x10@\xc03\xb8\t\\\xb7\xb8E\xc4\xa1p\x9eA\x87\xa0\xd5[ v&lt;\x156\xe8m\xa8\x04\x99\x96yo\xbe\x9e\xa0\xb6\x02d\x81\xa0\x9a\xb6w!CY\x90\xbaA\x1e\xe0\xfc\xd3\xe7\xa7\xc6\x11\x9d\xc4\x9aV\x97\xe8\x87\xc2\xc4\x10\xe6\xcf\xd3{\xa2\xec\xff\xbc \xa9V\xbc\xeb\x1e&amp;\xe6\x16\x12\xc7\x92\xc8\\\'\x84K\xe5 ^6\xc1\x15\xb8\xf2W\xc9\xa7\xa7\x9f\xb7k\xf9EOQ\xa7\xbca[\x92\xbd\xf9\xdcxQ\xa7\xe3\xd5\x1c\x1d@\xd2\x8bzy\x1c\xca&gt;\x19\xd2\xadG\xf7\xd4\xb8\xc6\x1f\xf1\x04\xa3\xc0\xa9\x9c\x19\x85D\x98\xd6&amp;\xa8\xda\xac\x01=\x9d\rtP\xcf\xbc@h\x8fpUV?_\xb4\xaa\xb8h\ns-\xd9P\xda\xbe#,\xaeSG\xe1C\xf3\x9e\xfd\x19!E\x87\xed\x12\x06\x0e\xf3\x02*\xae\n\xb3\xc7=\r+\xe9*+4p\x87\xe8ua\xa9\xa8\xcezP\xad\xac\xd5\xbd\xd9\x9e\xf98\xd4w\x89\xc2K\xf4\xc6B\x08W\x9bU\xf9\x1c\xd6\xa0\xff\xe2Tc\x7fj\xa0h\x95sU\xed\xb6\x9c\xa2\x16e\x17\x04\xd9vx\xd6\x14M\xa0\xaa\xae^!\xd9\xfe\xd0Kr\xc5\xa7w\xf7\x072\x1c\x9a\x19g\x05n,UjX&gt;\xb9Rk\xe3@ `m\x06V_\x03\x8f=?\xe2\xa5\t\x17I\x9e7\xa7\xfcZ\x80\xa6^\xc8:\x9ex\x85\x81\x82\xc5\xde\x07h\x91\xf49\xf4\xfa\x85\xcd\xcd\xeb\xb1\xf7\'\xb4\xa4\xb1\xb2\xf3\x96\xfa\x16x\x12\xd4\x07\x90\x9as\xf0\xeek\x86n\xf3c\x98\xf4z\xd6xG\x0f[\x1e\x9b\x0e\x9e\xee\x96\xb0\x0c\x84\xcb\xc1\x01f\xd7&lt;Cw\x0c\x1f\xe6\xb1\xb8\xa7\x06S\x1c\xec\x91\xd3\xda3z\x7f\x01hO5\x02\xf0#\x13\xe2\xd2\xa6\x94\xd1R\xd9\xbe\x14\x83v\xc7g\xd0\x93lap\xc7"\x1d\xea\xe1\xea\x00\x04\x02)\x8c\xf7\xd0a\xe0}\xea\x8d\xa2\x1e\xaf+G\xb0\xbc\x1c:\xa1\x03\xbd\n\xe5\xb8\xdf\xfe\xef\x19\xf3\xeeQ\xd9\x18\xfcj\xb5\x13\xc7\xea"\xf1\xd9\x17\xd7\x13\xfbo\x92p\xec\x06\x16:\x11\xfeX\xeb\xda\x9a\x93U\r\xa4V\xb5\x07L\x10-\xf5\xf10\xb8\x8d;@\xa9\xc6\x98[{h\x94=\x8fz\x84\x07\x1cv\x95\x14\xc2\xaf\xa8GG\xb4+J\x8d\xd2\xd4\xa4F\x8f\xc0\xe2\xe9\x05%\x10JH\t@\xc1d%&amp;\xb6t\x1e\xceM\xce\xc0\x12y\x99\x88\x82NO=\xc7g\xd7\x84Z\xaf\xef\xed\x1dF\x00.\x8e\x82\xbbB\xec8\x17\x15\x0eF\xd5\xd2\x08\xc2\x90\xa7\x0e\x92\x96\x7f\x9ax\xd8\xde\xf9\xa3\xe1\xd6R\xca\rG*\xb5N*\x9ff\n\xb5\xfc\xbf\xee\xfd\x98\xb1\xd9](\xe3\x9d7\xee\xac\xac\xc7\xb6\xb5\xb8\xf4\x89S\xa8,\xbd\x05\x7f\xb0Z|\xf9\xc33\xd6!\xe0y\xa2\xbc0-.\xc3&lt;\x99\xff\xddx4\xd6\x8cq\x89\x1b\x88\x92\x06\xfc+\xb3s\x14\x93\x95\xfd\xa9z\x1ck\x18\x7fu\xb2\xed8&lt;\x8bv\xe2\xdeg\xeb\xad~x\x1eS\t&lt;1\xf7LT\xf1\xffq$\xce\xa2\x10\xa6\xcb\x11\x0c|\xae&gt;&gt;SAL\xffT\x10v\\P\xf5\xdf\x82\x8aU\xb6\xea5\xdc\xb1\xae\xf0\xea\xbf"\xbb-L.T&amp;\xbc\x8e\x10\xf1\x82O\xe9\xa6\x05Y\xc9\x1e\xd6\x1a\x8c\xdd)g\xec%\\\xe8\x89$\x8e\xdfL\x1aQ\x10\x12)\xe9\x14\x94o\xc0\x16\xc9\xad\xc7S\xb1L\xb5\xf1\x8cp;\xf7\xae\x13\xfb3Y\xfb\xd2Uy\xc9\x99\xaa\xf5\xacT\x1bH\xa4\xb99\x8a\xeag\xf1F\xbe\xfeS\xbc\x1e\x1b\x8a\xe8\x97\t\x16\xf5\x89\x86dV\xc5B\xbfx\xee\x16*T\xcd\x98Wh\x0e\x93\xc8\xae\xa4\xd1\x90\xf0\x13\x1b\x02vM\x81\xfa\x85L\xb1\xba\xa4\xe1`g\x16\x05\x95W\x89zJ\x1e\xe0\x1d\xcf@\x83\xec\xa8}\x81\x18C\xc8B\xfa\xc3X\xb6^\xbf\x97\x00r4\xd9\x07\xf6\x8c\xb2\xed\x03\x13\x83\x1f\xa31\xa1r\xeb\xc4]\xc2\x89C\xbdz\x87*\xaaY\x00e*\xc2\xa7\xe4\x1a\xf2\x91\xa5\x0c\xad\xa5\xc6\xe0\xb2\xba\xcc.\x0b%)g\xc4\xb1[o\xa3\xb2T\x81K`-\xe9_\xb5\xa8\xdbT\r\xd8\xa7\xfe\x0b\x1b\xaf\xb3\x9f\x06\x1a\xf3\x1a\xf3\xf5\xa5\x90b\x06\x90\xb9\xc1\x00\x0b4\x98`K\x10$\xfbvogFQM.E)\xbf\xe2d\xc3XNlja\x88\x9b\x9da\x1fJ\xa0\xa2\xbb\xc9`\xfcm\x10LS\xeb\xb6\xe5}\xdd\xcd\xfb\xa4\n}\x91]\xffA&gt;;\x96\x91"\x8a\xe1\xdd\x98]\xab\xe4z\xffM\xa9\xf8\x9e\xb63\xac\rdd-L0\x9bU%\x9dg\xceVx\x02\t\x05jM7\x0f\xd5\xad-\xe0\xe1\xf7\x02\xd8!\x9b\x94f\x109B8v\x1c\x96-\xd0\xedw\xf3J\xa8N&amp;&gt;\xf9Kx=r\x91\x1e}\x0br3\x04\x18k\xc0\xb0\xa48\xc6U\x91\xe7{\xcb\xf0\x91M\xe6\x1dN{\xd4\xc7kZ\xcf=\xe4\x18\x82\xc7\xe4\x9d\x8f\x19\xe2\xf0!\xb0\xa5\x89\x91TH!\xf1.C\xbe\x0f\x88\xb2=\xaa\xb3G7@\xc1:\'n \xd9\xa6h\xa1\x8c\xc2\x9241\x8e\xe4J4C"\x16&gt;\x8b\xe8\xe8\x18\xc5\xd1\xcc;\xe6\x08Y\x80u\x9a\x14\xe8R\xe6B\xb7Q\xdc\xcc*b\xa7\xc2\xaf\xa7\xc0\xedppL+\xe0\x8c\xd4X\xa7\x9b\x0fQ\x00-\xc1Oy\x9f\xc0\xab\xde\xa1X\xef\xd1z\xf7\xe4\x90"PJ\x87\xeb\xe1/\x19\n!3\xe7\xf6\xbcko\xc1\xd7)\xa3}\xccYi\xc7Fb\xe5\xca\xe2\x1bK\xdaq\xdb\x18U\x8d\x98\xc3\x9c\xdb\x8b\x92.4\x9f3T\xac\x8auF\xd6f4)e\x8fv\xa0F\xe8nv\xf5\xbc\x80 \x9c\xd4\xe8q\x06B\x00NE\x9c\xafX*\xc0":\\\xbb\x15\xc7v8\x15\x8d\xe9\xf75\xf3\x83\xcc\\\xa2\x04\x0c\xe5pX\xe5\xefu\x18qr)\x04P\xbbIY\xdf\xdb\x1co\x80^\xfc\xd74\xc91\x82\xbf\x10\x1aR~.(\xdf\x8d\xbb\xbc`Z\xac&amp;\xe0a\x83\x99\x7f@\x8a\x82Z\x08\xae\x1a\xde\x1a\x9bT\xe9\xb5\x0eZ\x17\x87\xa2\xbd&gt;\xfc\x81\x90\xc2z\x17\xeb!\xa1S\x08\xab6-\xe2\xb58^;\x82\x0c.\x8a\xbc\xc1\x08\xc2"[7\xa7\xfc_&gt;\xf0\xb2\xff`:\xd4y\xe7\xd5\x9eS\x02\xfa\xec\xab\xc6Y\x1ec\xdc\xb0\xa1b\xa1\xd3\xe5\xb2\xb5!\x86\x81\xa0\xe5:N\xb0\x91t,\xe3RNB\xce\xcf\xd7\xb1sJu3\xee\x07\x1a\xeb\x81c\x8b\x91\xfed\x17\x13^\x9e.~\xb2\x8f};\xef\xc83|\x80\xe6,\x9d\xca\x92\xdc\x17G\xe6X\xa6\x00\xa2V\x84\rh\xc1\xc4[;\xeb\x99=t\xa0\x12\x13\x80\x8f\xe4\xca\xd7\xb7Pj\x17\xd4]\x82\x83\x86\xd71\xbciy\xa4\x1dT\xee\x95\n\xb5)\x8c\xa6\x1c\x91o?\xd7\x96\x8c\xc7&lt;\xf7\xda)\t6\xe2\xcb\xffa"\xdf\x8f]\x0e\x9a\x14\x00\xc9\xde`_\xaf\x80\x99~\xfe\x8a\r\x88\xe2\xd7n9\x04\xcfUbt\x13\x9c\x0f\x96\xaf{}6*#h\x03\x9fAd\xc2\xe4\xed'</t>
  </si>
  <si>
    <t>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</t>
  </si>
  <si>
    <t>b";\x98UD':\x10\xe9\x96\t\xd2\xd7c\x143H"</t>
  </si>
  <si>
    <t>ensation. Meanwhile, Emily was alone
 the object of Du Pont's melancholy consideration; yet, with the
 despondency he suffered, as he mused on his recent disappointment,
 was mingled a sweet pleasure, occasioned by her presence, though they
 did not now exchange a single word. Annette thought of this wonderful
 escape, of the bustle in which Montoni and his people must be, now that
 their flight was discovered; of her native country, whither she hoped she
 was returning, and of her marriage with Ludovico, to which there no
 longer appeared any impediment, for poverty she did not consider such.
 Ludovico, on his part, congratulated himself, on having rescued his
 Annette and Signora Emily from the danger, that had surrounded them;
 on his own liberation from people, whose manners he had long detested;
 on the freedom he had given to Monsieur Du Pont; on his prospect of
 happiness with the object of his affections, and not a little on the
 address, with which he had deceived the sentinel, and conducted the
 whole of this affair.
 Thus variously engag</t>
  </si>
  <si>
    <t>b']\xd9g*\xcf$\x98d#\xb4\x0b\x8d\x1d\xe6"\x8f=\x95+&gt;\xe9\x02\x18\xeceR&gt;]\xa6\x13:\xd0\t\xab\xd4\xcc\n\x93\x95[\x12\xcf\xeb\xa8\x13W\x94\xbf\x8f\xb0\ra\x9dR\xb0\x7f\x83\xcfQ{^\x0b\xed`'</t>
  </si>
  <si>
    <t>5dd9672acf24986423b40b8d1de6228f3d952b3ee90218ec65523e5da6133ad009abd4cc0a93955b12cfeba8135794bf8fb00d619d52b07f83cf517b5e0bed60</t>
  </si>
  <si>
    <t>b']\xd9g*\xcf$\x98d#\xb4\x0b\x8d\x1d\xe6"\x8f'</t>
  </si>
  <si>
    <t>ust be in a perfect state of mind to git hold
 of some of it to keep on the what-not in a vial with a label on it for
 a curiosity. All we got to do is to put it up in vials and float around
 all over the United States and peddle them out at ten cents apiece.
 We've got all of ten thousand dollars' worth of sand in this boat."
 Me and Jim went all to pieces with joy, and begun to shout
 whoopjamboreehoo, and Tom says:
 111
 "And we can keep on coming back and fetching sand, and coming back and
 fetching more sand, and just keep it a-going till we've carted this
 whole Desert over there and sold it out; and there ain't ever going to
 be any opposition, either, because we'll take out a patent."
 "My goodness," I says, "we'll be as rich as Creosote, won't we, Tom?"
 "Yes--Creesus, you mean. Why, that dervish was hunting in that little
 hill for the treasures of the earth, and didn't know he was walking
 over the real ones for a thousand miles. He was blinder than he made the
 driver."
 "Mars Tom, how much is we gwyne to be worth?"
 "Well, I don't know yet. It's got to be ciphered, and it ain't the
 easiest job to do, either, because it's over four million square miles
 of sand at ten cents a vial."
 Jim was awful excited, but this faded it out considerable, and he shook
 his head and says:
 "Mars Tom, we can't 'ford all dem vials--a king couldn't. We better not
 try to take de whole Desert, Mars Tom, de vials gwyne to bust us, sho'."
 Tom's excitement died out, too, now, and I reckoned it was on account
 112
 of the vials, but it wasn't. He set there thinking, and got bluer and
 bluer, and at last he says:
 "Boys, it won't work; we got to give it up."
 "Why, Tom?"
 "On account of the duties."
 I couldn't make nothing out of that, neither could Jim. I says:
 "What IS our duty, Tom? Because if we can't git around it, why can't we
 just DO it? People often has to."
 But he says:
 "Oh, it ain't that kind of duty. The kind I mean is a tax. Whenever you
 strike a frontier--that's the border of a country, you know--you find a
 custom-house there, and the gov'ment officers comes and rummages among
 your things and charges a big tax, which they call a duty because
 it's their duty to bust you if they can, and if you don't pay the duty
 they'll hog your sand. They call it confiscating, but that don't deceive
 nobody, it's just hogging, and that's all it is. Now if we try to carry
 this sand home the way we're pointed now, we got to climb fences till we
 git tired--just frontier after frontier--Egypt, Arabia, Hindostan, and
 so on, and they'll all whack on a duty, and so you see, easy enough, we
 113
 CAN'T go THAT road."
 "Why, Tom," I says, "we can sail right over their old front</t>
  </si>
  <si>
    <t>b"e\xf5=kR\x93\x82\x04PF=i\xec[\x9a\x85~\xf4\xc0\xc9\xd3'\xca\xc6\xd1\x022&gt;\xff\xbe\xa3\xe8"</t>
  </si>
  <si>
    <t>65f53d6b5293820450463d69ec5b9a857ef4c0c9d327cac6d102323effbea3e8</t>
  </si>
  <si>
    <t>b'e\xf5=kR\x93\x82\x04PF=i\xec[\x9a\x85'</t>
  </si>
  <si>
    <t>of gates
 and operating at high speeds (several gigahertz) became possible.
 1.3.4 Basic Circuit Theorems
 Of the numerous analysis techniques taught in circuit theory courses, some prove partic_x0002_ularly important to our study of microelectronics. This section provides a review of such
 concepts.
 Kirchoffâ€™s Laws The Kirchoff Current Law (KCL) states that the sum of all currents
 flowing into a node is zero (Fig. 1.18):
 _x0002_
 j
 Ij = 0. (1.5)
 1.3 Basic Concepts 13
 KCL in fact results from conservation of charge: a nonzero sum would mean that
 either some of the charge flowing into node X vanishes or this node produces charge.
 I 1
 I 2 I j
 I n
 Figure 1.18 Illustration of KCL.
 The Kirchoff Voltage Law (KVL) states that the sum of voltage drops around any
 closed loop in a circuit is zero [Fig. 1.19(a)]:
 V
 2
 3
 4
 1 1
 V2
 V3
 V4
 1 V1
 V
 V
 V
 2
 3
 4
 2
 3
 4
 (a) (b)
 Figure 1.19 (a) Illustrat</t>
  </si>
  <si>
    <t>b'\xca\x15\xe2\xe2\x97\xcaH\xd6\xce\xf69\x11\x14\xa6\xa5\x17'</t>
  </si>
  <si>
    <t>ca15e2e297ca48d6cef6391114a6a517</t>
  </si>
  <si>
    <t>ed among the cliffs of the rocks, were the only
 human habitations that appeared.
 The travellers again took their dinner in the open air, on a pleasant spot
 in the valley, under the spreading shade of cedars; and then set forward
 towards Beaujeu.
 The road now began to descend, and, leaving the pine forests behind,
 wound among rocky precipices. The evening twilight again fell over the
 44
 scene, and the travellers were ignorant how far they might yet be from
 Beaujeu. St. Aubert, however, conjectured that the distance could not be
 very great, and comforted himself with the prospect of travelling on a
 more frequented road after reaching that town, where he designed to
 pass the night. Mingled woods, and rocks, and heathy mountains were
 now seen obscurely through the dusk; but soon</t>
  </si>
  <si>
    <t>b'A\xcb\xf8\xber\x07\xb9\xb7\xa2\xfdh\x91&lt;\xb35K\xb5\x13\xfd\x84M\x16\xc5\x18,Y9\x0f9\x86\x93I\xbf\x19\x03xs\xdd(\xef3\x08T\xab?i&amp;\x88\xee\xd6\xd14\x8c\x80\x02s\xf2a9\x06\xe70\xcb\x90'</t>
  </si>
  <si>
    <t>41cbf8be7207b9b7a2fd68913cb3354bb513fd844d16c5182c59390f39869349bf19037873dd28ef330854ab3f692688eed6d1348c800273f2613906e730cb90</t>
  </si>
  <si>
    <t>b'A\xcb\xf8\xber\x07\xb9\xb7\xa2\xfdh\x91&lt;\xb35K'</t>
  </si>
  <si>
    <t>cation.
2. Electronic Devices &amp; Circuits by Sanjeev Gupta, Dhanpat Rai Publications.
3. Basic Electronics and Linear Circuits by N N Bhargava, D C Kulshreshtha and S C Gupta, McGraw Hill Education.
4. Electronics Engineering by Sanjay Sharma, S.K. Kataria &amp; Sons.
5. Principles of Electronics by V.K.Mehta and Rohit Mehta, S. Chand.
6. Electronic Devices and Circuit Theory by Robert L. Boylestad and Louis Nashelsky, Pearson Publishers.
Exercise
Questions:
(a) Define amplification and amplifier.
(b) In which region transistor should be biased so that it works as an amplifier.
(c) Draw the circuit diagram of a single and multistage amplifier.
(d) For a three stage transistor amplifier if total gain is 1000 and each stage has the same gain then what is the gain of individual stage? If input signal is 1 mv then what will be the final output of this three stage amplifier?
(e) Write down various characteristics of an amplifier.
(f) Define feedback with block diagram. Explain positive and negative feedback.
(g) What do you understand by an oscillator? Explain damped and undamped oscillations with the help of suitable diagrams.
(h) What do you mean by multivibrator? What are the basic types of mutivibrators.
(i) Enumerate various applications of a multivibrator.
(j) Write symbol of :
i) SCR
ii) TRIAC
iii) DIAC
iv) LASCR
(k) Write short note on:
(i) SCR
(ii) TRIAC
(iii) DIAC
 Basic Electronics
103
                 Web references for Chapter: 1
1. http://encyclopedia2.thefreedictionary.com/ionization+potential
2. https://en.wikipedia.org/wiki/Electronics
3. http://farside.ph.utexas.edu/teaching/336k/Newtonhtml/node30.html
4. http://www.amigainformatics.com/industries/electronics/
5. http://article.sapub.org/10.5923.j.mm.20170701.05.html
6. https://en.wikipedia.org/wiki/Magnetic_field
7. http://wikivisually.com/wiki/Magnetic_viewing_film
8. https://www.youtube.com/watch?v=8QY0zlX2YV4
9. https://www.collaborizm.com/project/Nk2i5Fcnx
10. https://www.revolvy.com/main/index.php?s=Teltron%20tube&amp;item_type=topic
11. https://www.newagepublishers.com/samplechapter/001410.pdf
12. https://en.wikipedia.org/wiki/Electric_field
13. http://www.idc- online.com/technical_references/pdfs/electrical_engineering/Quantum_Mechanics_Electric_ Field.pdf
14. https://www.quora.com/Why-</t>
  </si>
  <si>
    <t>b'\xd3\xe6\xc2\x1e\xa0(F1I\xf9\xc5\xa8\x08\x035\xd1\xe7,E\x8b\x8c\xc3\x8dz\xb0\x8b\x13C\xc4(05\x92\x1d\xacJ\x99\x94mu\xd6\x8c\x9b\xf8\x92\xd4\xf9\xa8=\xe8\xad\x8fQK\xcc\xdb\xe2og\x85\xaa\xc5\xaa\xcb\xc1\xf3\'1\x9c\xf8\xff\x95\xbf;vw\x9e\xb2O\xaf\xd51\'\x8c\xcb \xcbCW\xf8\xcc\xe1\x1e\xcf\xc8b!\xd4N\x81_/\x1f\xf0\x04i*\xdb\xdc\xac\xfdQ\xf1$\x04\\\xcb$\x0b\xfcFI~)c\xb9o\xddc\x01\xad\xb0\xdc\xe8\xb7N\x15\xae\x8a\n\xc2n\x81\xa5\xf3\xbc\xd4\xd1\xcf\xe6l4\xf8\x96p\x8cb\x8c\xe1\xc8\x84\xe5m\xb4/\x93S\xe9\x12j\xd3\x9bV\x94\x19 3u\x05\xa5\\\x1e\r\x96\xa4\xcf\x97\xea\xa8e\xfb\xa9\xcc"\xd9\xeb\xd6\xf5\x81E\xca\x9c[\xd8\xf2|q \xd8\xe17\x9d\xcb\xd6{\xdaj\xf9#;\x8d\xd6\r\x036\x8e\xd6\xfc\xc17o\'ZI\xe1$\x86u\x94)\xb7\xcc\xbbf\x1f&lt;\xd3\x90:\xf5m:^zj\x94\x0e\x99\xba\x01\x05j\x8c\xe3\x92\xd9\xf22\xc1\xead\xa2\xbc[2&amp;\x07y4\xeb\xf3v\xe5\xc1\xdd*\x19M5b\n\x89@?\x8e$iT9_v\xc2\x8a\xa7\x15\xfd\x8e\xb2\xa9\x9d\xda\x1dr\xef\x87\x8b[%\x11\xe2\xacHN\t&amp;\xf3\xd4(m\x01\xa9\x86Q\x89"\xb2#\xa4\xcd\x1du\xff\xf2\xd1\xa5\xab\xaf\x04\x1d\x82b{G\x17\xea\x9c\xd7j\x9cB\xf8\xa4\x10\x9b\xc6\xfb\xca\xab\xee\xa7\xac\x17\x01E.\x10%\x1e\xb7\xc0\xac\x8bf\xb7#T\xa0_\xc2k\xc8\xc5\x8fE\xab\x8d\x8dJ\xb9\xc2\xfc\x12\x9f\xdb\xcb?c\xa8\xe6\xf0\x9b8):\xe9\xbb\x9c\\\xcc\xa8\xb4]\xbai\x08\x8f\x1c7h\xae\x90,@\xdc*\xe8\xe3\x9e\x17~_\x88\xa8\xa2\xdbz&amp;_U1Q\x19]\xf8!\xf3\xb1\xb7\r\x0e#\xf5&lt;?\xb2m\xe7\xb0\xc4\xd1\xd5\x80\x1f\x12\x97\xdf\\\xfc\x82Ov\xfb\xcd\xa2J{LQ\xb7\x92\xe3\x84AN\xb0uV\x14]\x1b\xa2\xe0\xa8\xc4\xf3\x00\xf8\xb2\xea\x0c5\x9bu1\x95E[@\xb0|\x9f\xffD\r8Rx\xca,E\xea\x1c\xd4\x99q\xa6\x93*j6\xb5\xe41\xfa\xcd\xa2W\xabW\x1f\xd2\xe6\xb97\x17,o#\xcc\x99\xb6\xd7\xa8-\xbeD/\xa5$&amp;"\xd1\t\xech\xde\xffM\xe2\x10d\x95\x81\xd9U3rm\x88^r\xb7\xddf\xc7d\xe3\xbf$\xaa\xd6\xdfQf\xac\x07z\xc1\xa1&lt;\x7f,\xaf\r\xaf\xd0\x19\x07\x17\xbf\x0f\x94{\xa1\x87\x0b\xa3\xd6\x90\x1a?\x7f\xa3\xf5h\x97o\xcf05nz\x9b\x9f@\xc8n\xc8\xa2:`c\x88/\xc1\xa1\x10\xe0\xe9V?\x8b\xf0&lt;\xfe\xce\xb4D4N\xce\x91e\xf3\x1e\x9f\x01p\\\xa4+1\x86\xb3\xbe\x03\x92\xcd\xf9\xb1\xd9\xa7l\x97}\xeaQs\xe0$\x1e\x98\x16O\xac\x86h\x12\x94\x06\xac~\xfe\x7fa\xc5\xc3HF6WI2#[\xa7\x8a\xac*\x97&lt;\xa4\x9bJK\xe02,\xd7\xe8\xa0?\xc3\'[\r\x14\xf3\'\r#!\x8d\x8a\xf0dBEZ*&lt;\x83\x08\xf0\xae&lt;*\xd7\xb7Mu\x1b\xa9CuG\xcf\xd5\'J\xcb\x16C\x04\xb7\xb8\xb2\x9cu!\xf8C\xe9\xea\x13\xb2\xad69S\x13\xd3\xd3\xef\x1f\xd3\x08\x97}}\nU\x19\xe3\xfd\x85\x97P\x90Y\xf3G\xf5\xf4&gt;Z\xea\xeb\x0c\x89\xde\x8e\x89M\xe9t\xa4~\xc6\xcc\xeeE\xe7D\x9e\x9c\xd8v\x8d\xbc\xff&gt;\xd0.tiX\x01F\x88{!\xa3|\x0f &gt;\xcb\x1fBm\x19-&amp;\xad6\x9eX\x01}y\xc7Y\x90\xf2F\x8c\xbd\x83\xe1\x89\xccr\x92\xf9\x9c\x16\x11,\xfa\xfe\xd7\xaf\xf6\x17\x1fK\x8c\xd4\x7f\x95Z\x94Y\xad\xc95P/\xf1d3s\x8d\xf4\xec\x84N;\x18\xbbC\xc1\xe0:\x01\xc4\x1b\xc7\x1a\x86\x83\xc6\x1b\xa7\xec)=\x0fr\xe8\x9b\x9f\xf0\xa7\xfb\x16X\x89\\\x0bl\xffE\xf1m\xa7\xc4\xa1\xb7XN\xac\xf5\xfc\xcf\xf7\x88\x04\x0b\xd6\xdf(\xb8\x9a\xf53\xd4\xd7\t\xc9\x02*kL\x05\xde\x89\xa4\xb7\x03\xf9\xcf\xdb/\xb2\x05\x9d\x99g\xaa\xccu~&lt;\xa4\xdf\xb0\xdf\xfe3\x1aT\xa0\x1a\x18\xd8@\x82\xb6\xfbqB\x134\x11\x08\xc4`\x94 \xe9\x94\x92\xef_C\x04\xc3c\xb44\xca\xf6\xb1(x`\x94\x05x\xe0\xe2\x9f\x90\xf0A\x95\x10\xd24\xa8|cd)\xb5QR\xe4\xd5\xd5no\xf5/\xb0"[\xc3\xe3\xacL\x08\x11s?`\xa1\x105\xcf\xac\xc3\xc4\xc2 \xac\x02w\xa4IDF\xf1;\xc3P\xd6\xfe\x91\x91\x1ccyN\xd2 V3\xc3W~\xa3\xdf\x0c\x8dEA&amp;\x85l\x9b\xf2\x99\xbb\xbf\x9d\x7f\nh\xb2\x8e1\xad\x17\xae\xed=\xa1\xdd\xa3\xbb_MG\x8d\xe3\xa3\x19q\xbd\xfdVU\xf4\xfb\x18\xaf\xc5\xd1v\xac3S\xef\xe5O(\x87_D\x10\x97\x15\xf1\xacE\xb1Q}i\xe6\xc1,\x07"\xf8$\xdd\x9a\xaf\xc5&gt;\xb6\x84"R\x1av}\'\\\xd1\xca&amp;\xe5\xf4\x89\xc9\xaf\xe6\xbe\xa7\x05\x96\x8e\xd9\x15Y\xc4\x82\xae&gt;\xd7w[5\xa8**1\xf2\xde\xc8&gt;\xa1\xa9\\\xb1F\x1fbi\x92\x02\xcd\x87\x06J\xe5\xce\xee\xfc\xa7k\xb4\x81\xea&gt;0\x17.\xb3I\x00D\xb4\x1eM2\x89\xdb\xd4U\xe10Q\xe3\x04\x8ak\xe9\x8b\x99v\xaf \x0e\x90\xb5\xe2\x7f\xd4sKj&gt;\xce\xc5\x8bWCN\x11\x89\xb6\x13\xfb\xf5\xaa\xaa\xe0\xf2\x89;\x8d\xc0\xf7uq\x15\x8d\xbe\xfe\x89P\x96\xb5[\xd8\xfe\xbc\x84xdy\x8a\xb2\x1a\x0c3\xfa\xdeW\x13\x81\xe8+\xe6\xb4\xf8\xb1!\x9d\xc7Q\n\xfd\xd3\xff\xd8\x0b\x80\xad!\x82\xaa4hhqq\'L#0\xdc\xf2-Z\x0e\x92\xc9P\xed\x80\x82AcE_o\xfa\xb3\\\xb75\x82d\xa8\xfe\xc2\x86r\x92\xef\x11\xa6\xad\x95\x07\x13;M\xa3\x1a/\x93?\xd9\xad\x86\x8c\xe1m!\x03\x03BX\x04)\x07\xed\xdc\xf8\xf9\x01\x1b\x95\x10\xbe\x80j\xc8z)\x10\xbd\x9b\x10^\x9e\xaa\x11\x9f\x88"\x93\xe8\x82\xe0t\x9cm\xa3\xfe\\\x18C\xf8%\xc2}.L\xc6\xc6\x18\xb6z\x8c\xc3\x8b\xd0\x9c\x84\xfd\x90\x04\x84\x8eA\xf4\xef\x0f\xdb\xb7{\xb6\xd4\x02\x84\xe5|\xa1\xcc\xe9\x93\x92V_\xf63\x8ap\xc7\x9b\xc6\x0b\x0420zAu\x15k\x11\xe2p\x90\x99\xd1\xfa\xc2\x89\x81\xb4\xf5\xc7\x8aBw`\xa1|L&lt;"\xd3/\xdc\x10\x8d\xa3\x86\xd8\xc7R\xe7\xca\x95\x85|\x83:Q[\xa8\\&lt;h\xa7\x0b2\n\xa2\x18w\xd2d_\x98\xb9\x03\xc4\xc60K[\xfd\xe5f\x1b\xed\xe8\xdb\x86\xc8\xf4Y\x02\x96#\xad\x0b\xad\n\xd2\x1el\x1eA:%;\xf7\xb5\x81J\xd3\xd0\xb8\xf5\xc4)\xf7\x7f\xcb\xf8?g\xae\x04\xa5\xe1st-P\xef\x94\xec\x99\xf7\xa0\xc3\x1e\x8a.\x1fQB\xd6_eo8\xa0\xc8\x87,\x94\xd8\xce\xbdcF\x9dF\xa3\x86\xb8\x03\xef\x8d\x0fu\x89\xe7\xb0\xc86\x107\x9c\xea\xbf\x8d\xc2\xa2\xd9\xf1-\rW5B\xefA/O\xd6)\x1d\x7f+~|\t,\xb7\xa7\xfb]\xd2\xb6\x8f\x93RT\xb8L\xa8\x01[\xa1\xc8\xcb\xa7\xads\xaf\xb5\xe3\xa5_R\x87\xcc\xac\x99L\xb7\xbd\xdd\x18\xeb\x1cxr\xec!\n\x98\x04@L\xa8f\xd4$\x99{\x98\x81o \x9bsA\xa3\xab\xaa\xd7\x1eA5\xc6\xe9\x19\xfe\x1b\xec\x92\xd8\x88m\xaa\xe5&gt;\\\x19\x18\x99\xb0\xf0\x8b\x8a`\xd7\x82\xae\xa0e\xfc\xe7Td\xd7\x97\x8c\x00\xb5&amp;\xbaP\x08n\xc7d\xeeZ\x89\x1a\xf8\xcb\x12*\xbb\x99#\xfbg\xb4\xc2I\xf7\xcc\x90L\x90\xeaN$\xedZ~\xd0e\x9b\xf4;{\x0c\xe9)\x19*\x86)\x0fA\x1e`\x06\xa7\r\r\x9a\xf27\x13o\x92\xa8\xbdG:\t\x1e\xdc\x0e\ns\x0f\x03R\x82X\x0ewM\x9b\x03r\xceX\xc9J?\x01\x1e\xbdQ\xa7\xddBE\xbb\x9cE\x00\xcd1\x18\xabpBC2!C\xb4|\xa8\xcd\xbc\xa8\xc5\x7f\'\xb3\xb4\x7f\x06}\xa6\xaa\xe2mO\xd3yK\xaaj&amp;\xceub\xfc\x15\x9d\xc19m\xf9/\x01\xe2\xb5\x893\xacR2\x06Y\xae\x9bpf8\xc8\x1d\xe0\xbe\x9f\xe4D\xd5\xb8\xcd\xc7\xb5,V\x19\x9c\n4\xedv\xc3/\xfdaP\xd8\xd8\xe8D\x00Z\xe9\x98F\xc0f\xa6\xb6\xbcCyn\xb69\x99\xd2\xe6r\xd4\xaf\xba\x87\xbe*}\xf3\xde\x89\xfb\x99"g\xdc\x97yyH\x0e/\x1f\xfcc\xe2V*\xb5\x9eh\'\x14\xafX\xe2\xef\xbfG}\x85+\xc3\x91\xcc;\x86\x81{\xf1\xa2\xfb\x15D=\x8e4&amp;\xc6;jrv\x15\xfb\xd4gt`\x9a5`&lt;&gt;Y\xcb\xc2\x8bM\x9f\xc8\xdf\xadL\xde-\xe5\xeb\xec\xd0;WM\xaeO\xb3w\x17\xc2\x9f~\xab\x02\x12yr\xab\xf6\x8d\x9d&amp;\xee\xbd(\xd0\x18\xcd\x06\xa6\x86 +\xdc\xa0WE\x86/\x9a\n\xde\x83#\xd8\xd8-\x7fi\x1d\xaa\xd2J\xefAIA7*\xc3\xeae\xe7\xbe\xcb&gt;\xd6\x8b\x16\xc5\xaf\x12\xd7\xb3@-\x9bk\x1b&lt;[\x01\xc8\x7fS\x83q\xeb!\x93o\x02\xdfSMi\xe9k\x95\x17\xa2\xb6&gt;J\x18\x9a\xcf\xa3\xdf\xab(\xd6M\x84\\\x06G~\x06v\\9\xe7&gt;"\x1a;\xff\x91\xc5\xef\xed\xd3\xd0-^\xa8Mg\xa7\x97&amp;\xaa:\x9c\x83\x83\xcf$\xfbZ\xee\xb6J\x92l\xe7'</t>
  </si>
  <si>
    <t>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</t>
  </si>
  <si>
    <t>b'\xd3\xe6\xc2\x1e\xa0(F1I\xf9\xc5\xa8\x08\x035\xd1'</t>
  </si>
  <si>
    <t xml:space="preserve"> 111
Plant cell walls are made of cellulose. Paper made from plant pulp
and cotton fibre is cellulosic. There are more complex polysaccharides
in nature. They have as building blocks, amino-sugars and chemically
modified sugars (e.g., glucosamine, N-acetyl galactosamine, etc.).
Exoskeletons of arthropods, for example, have a complex
polysaccharide called chitin. These complex polysaccharides are mostly
homopolymers.
9.6 NUCLEIC ACIDS
The other type of macromolecule that one would find in the acid
insoluble fraction of any living tissue is the nucleic acid. These are
polynucleotides. Together with polysaccharides and polypeptides these
comprise the true macromolecular fraction of any living tissue or cell.
For nucleic acids, the building block is a nucleotide. A nucleotide has
three chemically distinct components. One is a heterocyclic compound,
the second is a monosaccharide and the third a phosphoric acid or
phosphate.
As you notice in Figure 9.1, the heterocyclic compounds in nucleic
acids are the nitrogenous bases named adenine, guanine, uracil,
cytosine, and thymine. Adenine and Guanine are substituted purines
while the rest are substituted pyrimidines. The skeletal heterocyclic ring
is called as purine and pyrimidine respectively. The sugar found in
polynucleotides is either ribose (a monosaccharide pentose) or 2â€™
deoxyribose. A nucleic acid containing deoxyribose is called
deoxyribonucleic acid (DNA) while that which contains ribose is called
ribonucleic acid (RNA).
9.7 STRUCTURE OF PROTEINS
Proteins, as mentioned earlier, are heteropolymers containing strings
of amino acids. Structure of molecules means different things in
different contexts. In inorganic chemistry, the structure invariably
refers to the molecular formulae (e.g., NaCl, MgCl2
, etc.). Organic
chemists always write a two dimensional view of the molecules while
representing the structure of the molecules (e.g., benzene,
naphthalene, etc.). Physicists conjure up the three dimensional views
of molecular structures while biologists describe the protein structure
at four levels. The sequence of amino acids i.e., the positional
</t>
  </si>
  <si>
    <t>b'3\xaa\xcf\x8b\xce\x7f\x80\x89\x83\x14l\xe3\xb7\xe5)\x17\xf7 cN4?%\x8b\xd4L\xab\x9dU\xc8\x9a\xc5\xea\xcb\xd3n\xf9\xa9{\xee\xe4\x1e\x06\x85\x8b\xaf\t\xe7\xfa\n&amp;\xba+\xbfc\xbf\x8d\r\xc0\x07\xf6\x9a\xc7\xf6\xdc\x04\x80\xa9*\xeb\x00\xfd&gt;\n\x07\\\x8d\xf6\xfeR\xdc""\x82^\x1fpW=\xe8\xda\xc7\x98\xbeR`u\xe2\xc3\xfcgWM\xd6\xd9\xeb\x0f\xfc(\xad\x84\xe1V\x95\xd9x\x1d\xd6\xa2F\xb8\x1b\x8e\xea\x9b\xa6j@\x05q-\xc6\xfej*&gt;\x96\xa3\xc4K\x98f?\xfa\xfb\xe3M\x8e\xffp\xedAb\xf9]\xc2\xfbv%\x8f{\xc1\xc2\xd5\x94~\xd0\x1dY\xfe\xcf\n\xa7j\x7f\xf2ue\xae\xb5\xbd\xd0\xfe\x00X\xb7\xbe\xc4\x15r\xda\xe2\xe3\x90|\x1e\xa8\x12\xd4\xe4v\xbe\xc6\x97\x1c\xe5\x1a/\x01d\xe6\xde\xdaM~O@H}z\x07:\xbew\xac\x02\xf6\xcf(\x99\x84t\xc7*)9\xa1u\x11\x10\x15\xac\xd2/\xf3\x82\xaf\xaf\x1c\x89\xc3DYs\x81t\xdc&amp;\xce\x0eN.\xd2g\xc7/\xeb\xf9K\xe3\x9a1\xf4\xa4\xa1\xc6\xc7b\xc0\xe9\xc8&amp;j\x8b\x87\x9b\xbd\xee\x8c\x9e\xab\xafc\xe4\x81b\xab\xf9\x8ef\xa9Z\xaf\x8e\xf6\xe2\x82\xef\xe4?L\x0b&amp;\x83\xd9\xc1Z\xfc\x0e\x16D"7~\x83\x84\x9e\n+\xa9?\xe0j\x198\xee\xdd\x903?~p.\x96\xb9~\xd1\xab\xd6\x1e\xbcj\xe4\x88\xb8\xd5\xc8# q\x15E\xa6n\x18w\x00&lt;p\xd3p\xcf\x04\x91\xeb6\x9d\xe7~\x04\xef\x04\xde6\x89N\xc1\xce\x87\xce\xdbg^A\x17\x04\x0ed\xca\xaf\xc5^\xf3\x81g\x87\x14\xf2\x10\x8eG0H\xc1\xb0\x08\x93K\xa5\x19\x11\x1foK\xe5M\xe1\xef\xfe\xa73\xff\xeb\xc4`\xa8\xfe\xe5\xf7\xe8\xb5\xf2\xeep\xcd[|_l?k\xd9S\xa7vC\xcd2w\x87\x8b\xdc{u[\x05Udo@\xa0%s.WK\xff\x1a\x0c\xedG\xc3\xe4\xd7)Cn~]_\xe4T{0\xa3\xb3\xd9\xa4g\xc0\xf57o\xa7\x8e\xc7\xcb\x0f\x82\xd2\x0bP\x0f\x92\xfa\xbb%k\xed\xa0WA\xa4Y\x8c9\xaf\x129?\xeev}\x81\xb7\xeal\xb8\xa9\x18g\xac\x9d\xc6\x8e\xd3\x0b\xb8\r\xf1\x97tY.\xcd\x8f\xf4\x0f\x87:v,\xa9\x0e\xce729Y\x0c\xe51e\xe8\x1b\x9bN!\xb3\xd9X\xc8\xb5\xfcC\xf8]U\xf0WCm\xbb\xe6\xd8u\xb7\x8a\x06s\x85;\x91\xff\x06jJnA\x83D\xa5\xec\x11z\x1c\xd2\xc7\xa1Mm\x82\xa0\xc4\xf2\x08\xfb\xfe\x111\x88\x9a\xc7\x0et\x0f"\xec\x85\x83g\xde\x80=\x16%\x06\x8a\x97\xf2\xd0\xeea\x94\xf0\x9f@\x96+?\x9f\x9b\xed(\xe0D\x8b\xb19~\xae\x8cd\xc4\xa2\xa9\xdb1vu\xe2\x8a\xd8\xb6\x07\x01=\xa9\xeei\x0e^\xe8\x1e^\xdef\xd3\x16\xac\xf8\xc7\x01\x98F1\x0ef\xd6\xe7\xe8\xb33\xe2[\x98:\x97\x87rh\xd6\x84}\x0e\xb3\x94"\'\x96\x80\x88\x07\x8f\x9d\x8c\xfa1G\xc8\x87%\xea)h\xd4\xc6\xe1l\xbdz\x89\x8d\x96\x11~,\x8c\x9a\xb6\x7f2\xe1\xd9\x00g\xa3\x8c\xb0\x8f&amp;J\xae\xfb\x9a\xb6T\xab\xa9R\xad\xcd\xb1qs\xf6\xcb\xeb\xf7\'\xbe\x07\xe0\xa8\xb8\x02\x86#\r\xab\xac\xbfqOT\xfer\x1b\xf8\xca`\xce8\x00\x86\xb0j\xbel@\x82\xace ^\x80\x92\xb5\x87\xe2\xae\x83\x95B\x9fz\x19\x81q\x02\x1d\x99\xf4\xf15\xf3\x14\x13\xe9;b\x88\x04\x80b\xcf%\x0f;\x10#\xea\xc3k1s\xfffA8`\nv\xa5O|\x86\xfc\xb7\x88\x7f\xd1\xab\x1d\xe4,\x94\xd2\xb6\xc3\x92\xdcE\xe2\xeb\xce\xddr\xb8\x86o\x0e&amp;\xd6E\x11\xed\xe7dq\xc2\x94\xaay\xf2[\xb9{\x0b\xeb]\x07\x853\x96\xdck\x83\xd5\xd5\x06y\xde]\xec\xdd|\xb0@\x7f\xfd}\x0e\x14.|b\xf5\xef\xac\x9c\x91\x8dx\xed\xcb\xc0x\xe8"d\xd5\xd7\xa3\xb7\xe6\x0e\xc2\xd7\x19\x89\'[\x0e\xc9\xaf\x96m%\xa4:\xfbCkc\x0f\xcb\x81\n\x89I\xc3E\x15\x1d:A\x01&lt;"-\x05\x87bW\xad\xc0\x84un\xad\xf74\x99\xc6Z"T2H\xd2C\xbfQ\xedZe\x0bg!8\xdc.\xab\xf5\xc7\xd0q\xca\x997g\x85\x95\xc7\xdd\xf3\xd6h\xde\xb8\xc4\x81\xde\xd1\x01\xf8\x8c[\xbeG\x97&lt;\xcfm\xc5J\x8e\x1f\xbcT6\xd7\xf0D\xdd\x1aBi\xbc\x9dDY\xcc\xa50\x8d\x0c\xb9\xa6G\x9b\xcc\x9b{+V\x95\xc2\xee\xeb\xc6SXdx\xcb\x00\x80\xf7Z\xddW\x82\x05&gt;\xd0\x0e\xcdZ,\x82\xcf\x9e\xc41T\xc7\xd3\x01\xb2v\xe0\x87N]U2q\xfd\x82\xe7\x12\x83W\xace\x8b\x9b\x1b/\xc7u\xc4(\x17\xde\xb6\x15\x8d\xcb\xf4\xa7\xf5\x16=\xc1\xbd\xdb\x95\x1b\xcd\xc7]\x9a\n=SV\x93,\xfc\xea\x17\x00\x1c\xa3\xb3\xe1\xa3\xe2\x8bi&amp;\x00\xc6\x88\xe3\x9dsP\xd8\xeb=oY\x01\xa0\x8b\xe4\xa6y\xa0\xdd\xf8\n\xa3\xe3\xd9\\\x97\x98X\xd6\xc0\xfb\xf1\xdd\x850\x9a\xdb\xfe\xfcbf\xb4\xaf\xaa\xfb \x93\x10k\x99\x1d\x87\xc3\xdaW],\xb2\xebCB\x83\xd5\xad\x92\x92\t\xa9\xb9\x8ct[H\xca\xaf\x81;l\xc7\xd3\x1cRu\x0c\x11\x01\x7f"o!0s\xb7\xcfr|\xed\xa2}\x05(\x87\x08\x91\xab\x02D\xd9jf\xa0\x87\xea\x1b\xb4\x03\x1a\x7f\r\x94\xd6lG\xee\x0f\x06"o\x1a\x07\xf7[\xc6pw,\xb9\xb8\x1bu\xb6]\xe2,\x19\x08\xc9\xba\x17\x82"\xd4\xac\x84\xf1f\x8b\x11\xc8\xa2\x85\x0f\rukn\xdf\x85}\xa0\x97mzn*\x81%o\xfe\xef$f\xef|\xf5@J\xe4\xb5\xce\xa3\x85\x06\xbc=\x88\xa2\x86R\x93\x80\xff\nO\xc7\'\xd4\xb5\x80\xe9\xe3\xbcq,\xa5\xf5\xce\xa8\x01\x1d\xa5@\x99\xdb\xa7\xf6\x9d\xbb\xc8\x1d%\xb5\x17\xa3\xad\xdbDi\xd4\x832\x91c\xb6u_zO\xc6\xb6\xc8\x9b\xa0L\x96_\xf7d\xb1\xc7\t\xa7\xaaUw\x17\xf1\x99\xb6t\xf0\x84Mv\xbc\xb5\xa6HZ!&lt;\x1f;\xe9#\xb6=?\xc7\xfc\xd6O\xed\x1bp\xd4)rey\xdb\x0b\xcd\x17\x92\xe1\x8ed\xf0s\xbc\xea\xeb\xe5}S\xaa.\xa0\xf7v\xaa\xe0\xecr\n\xb6=\xce\x19F\xb8&amp; \xc6\xa7d\x05u\xdb\x81q\x86\x90\xb7\xee\xd6\xfby\x12\xb3\xd4\xc4\x86\x9d=\xc2Y\xb7\x1e\x1dx\xb9IN\xa9\xbf@%\xb5h\x02\xa8#\xa0\xe0\xeb"N\xa4\xbe\xf5q\x9d\xda\xb3\xeel\x80L\x95\x9f\xb4\xe8?\x12&gt;%\xcd{\xde\x9d\x1cD\xca`\xa4\x14C\x177&lt;\xdb\x83N\x95\xc0\x95\xea\xd2\xafa\x99P\x8f\x19\xcd\xb2\x89\xd4\xa8\xd45\x06;\x96\xa29\xc9\x9cb\x11\x8f."U\xc0x\xcb\x95o?K\xc5\x19\x8d\x86\xe7\xf9\x04yTM\xac\xa4\xebXV\x80u\x02\'\xdb\x00\x05\x86\xf1\xb2\xf4{\xbe\x98\x96\xcf\x825\x0c\x17\xde^C\xcb\xb0\xbd.\xc1\x84U\x95\xfa\xf69\xd8\xcc\xf4n\x87\x1d\xc8iC\xcf\xaf\x93\xef\xcaK\xb84\xee\xa4\\\x1cp]\xb1|\xa4\xaePI\x95+\x88q@&amp;\xdc&gt;\xac\n&lt;\x81s O\x8fk\xb8\x02\xe8\xf9\x91\xa8(\xcf\x1c\xb3\\\xe0\xe7\xaeM}\x1b"V\x0b\x1bDW\x8a(\xca\xe4:m9)\xd9\x076#\xd6&amp;3V\x18\\|\x9dt\xd6\xe9F\x84X3\xe5\xbd\xad\x88\xb5]\xd5\x89\x1a7e\xaa0\nic\xb8T\xa4\xb8k\x96\x8a\xb6a\xc1\xad\xcd\xa5\xa8H\xbe\xe68)4]\r\xf8\x9cd*\xdd0\xd3\xf10\x19\xcdW\xbf\x19\xdf\x10\x91 \x19\xb7m\xb6\x97\x04\xee2\x1a\xc2\xf3\x08\x9e!\xbeU;\x1d!\xd2\x85\x86\x9d\x17\xbe\x1ems\xf2\xeb\x06f\x94\xaa\x86\xb5\x1b\x00\x8f\xac\xb9\x82\x1da\xade\xe5\xb4\xf0\x08\xf4\xb81\x97\xbe1E\xc8|\xb1\xfd\xd6L\x14\xc1\xbby\xb4\x89\xef"5`\xc9\xf5HA\x85m\xc2"\xbd?\xe6\xf9\x19\x93U\xdb\xc7\\\x1fm\xc0\xe3\x81c\x16\xc8\x1d\x8a\xc9\x13\xb9$\x88D\xbe)\x00\xd0\xcfGwm\x1b?QE(\xa3\xef\x13\xac\x13T\xf8\x12\x80\x81{\x05l\x83\xd8\t\xb2?~z\xe7a9\xd00\x80b\xca\xa3\xcf\x1dkC\n\xbdt\x88Ox\xfe\xea\'\xe6\x85\xb5\xca4l\x97\xfa\xffV\x9e\xe9\x94n\xff\xa4a\x14\x98\xa8\xb0\x1cGs\xf0\tzB]u\xb3Fl6?PY~o\xc6VT7{p+\xcav\xde\xfb\\\xb3N\x9f\xf6.\x19\xa2&gt;\xbeu\x83r&amp;\x86\xa5ULP\x15\xae\xc1\xf3+\xc1\xdffx\x9e\x0130G\xcf\xfe\xa1\xee\xb1I\x8bd"\xb0\x922\xae\xdaG\x1fs\x8d\xdda\xb4+\x9f\x10\xc9\xc1\xb0\x1bR\x1a\xa8C\xe7=\x14\x85\xc4\xe3\xcc'</t>
  </si>
  <si>
    <t>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</t>
  </si>
  <si>
    <t>b'3\xaa\xcf\x8b\xce\x7f\x80\x89\x83\x14l\xe3\xb7\xe5)\x17'</t>
  </si>
  <si>
    <t>ct sight, as it generally
 makes them very timid. However, I escaped without any permanent injury to my sight,
 and was sold to a large cab owner.
 114
 Chapter 47. Hard Times
 My new master I shall never forget; he had black eyes and a hooked nose, his mouth was
 as full of teeth as a bull-dog's, and his voice was as harsh as the grinding of cart wheels
 over graveled stones. His name was Nicholas Skinner, and I believe he was the man that
 poor Seedy Sam drove for.
 I have heard men say that seeing is believing; but I should say that feeling is believing;
 for much as I had seen before, I never knew till now the utter misery of a cab-horse's
 life.
 Skinner had a low set of cabs and a low set of drivers; he was hard on the men, and the
 men were hard on the horses. In this place we had no Sunday rest, and it was in the heat
 of summer.
 Sometimes on a Sunday morning a party of fast men would hire the cab for the day; four
 of them inside and another with the driver, and I had to take them ten or fifteen miles
 out into the country, and back again; never would any of them get down to walk up a
 hill, let it be ever so steep, or the day ever so hotâ€”unless, indeed, when the driver was
 afraid I should not manage it, and sometimes I was so fevered and worn that I could
 hardly touch my food. How I used to long for the nice bran mash with niter in it that
 Jerry used to give us on Saturday nights in hot weather, that used to cool us down and
 make us so comfortable. Then we had two nights and a whole day for unbroken rest,
 and on Monday morning we were as fresh as young horses again; but here there was no
 rest, and my driver was just as hard as his master. He had a cruel whip with something
 so sharp at the end that it sometimes drew blood, and he would even whip me under the
 belly, and flip the lash out at my head. Indignities like these took the heart out of me
 terribly, but still I did my best and never hung back; for, as poor Ginger said, it was no
 use; men are the strongest.
 My life was now so utterly wretched that I wished I might, like Ginger, drop down dead
 at my work and be out of my misery, and one day my wish very nearly came to pass.
 I went on the stand at eight in the morning, and had done a good share of work, when
 we had to take a fare to the railway. A long train was just expected in, so my driver
 pulled up at the back of some of the outside cabs to take the chance of a return fare. It
 was a very heavy train, and as all the cabs were soon engaged ours was called for. There
 was a party of four; a noisy, blustering man with a lady, a little boy and a young girl, and
 a great deal of luggage. The lady and the boy got into the cab, and while the man ordered
 about the luggage the young girl came and looked at me.</t>
  </si>
  <si>
    <t>b'\xea\x95\xe7\xb8\xb4\xdd\xa7Y'</t>
  </si>
  <si>
    <t>ea95e7b8b4dda759</t>
  </si>
  <si>
    <t>bless your stars, you will, you was the 
 first that found me!" 
 And at this there came suddenly a lowering shadow over his face, and he 
 tightened his grasp u</t>
  </si>
  <si>
    <t>b'\x01\xe9L\x05\x134\xb2!t\xe2\xf4\xb2\x8b\xd8\'vv( \xb5\x80\x1bG\xccV\xc0Y\xdd\x94\x88r\x80\xb9\x98\xd9\x96\xc3E\x04}\xe1\xf9\xbb\x8b\xce\x8c\x0e\x93\x7fp\xe9\xefJ\x06Hozu\xc4\xb7\xd4a\x8cO@\x9c-.\xbf\x05\xa3\xa9\x91_2\xc3\xf2{\xe5\xfe\'7\x93\x051\xa0t|\x9bH\x88\xbcy\x1b\xa9\xf2\xb4\xea(C\x9a\x03\xcb\xacoc\xd0\xf0\xd5\xca\x1c\xe4\x80d(_j\xda\x1dp\xd7v\xc8O\x84\xe7\xff\xf1&gt;\xa990\xef\x18DMI1\xe6\xe3\x81{\xadA\xe6\xf9B\t\xe0[\xbe\xfe\xf9X\xf3x\xe18\x9f\x7f\x90\xd8\\\x19ugz;\xb2+\xa6\x13\xcc\xb6\x8dC\x1c\x07\xac\xc4L\xf7\x1e`\xa1\xca\x91w\x82\xbf?\x88\xce\xa1Q\x1dJ`\xa8JeI\xdb\xfb\x1aNM\x98\xf5\x14\xabD\x90\x14\x19g\xa3\x8bu8.\xf9\xff\x9bf`\xe6\x07\xffY]y\x11\x14\xa1"m\xd8\xa1\xde\xad\xdan\xe1\xd5-$\xad\xf8\x17\xd7\xce(\x13~Jj\x9ag\xd8\x9b\xa8\x1e]\'\x08\xbc\xf3y\x16\'\x02vQ\xdcj\\\xc1*1\x90#\xce\x87\xb5i"\x03\xca]\x10,\xac\xd3\x90\xc2\xd6\xb6\x02\xb5\xc4\x8d\x00c\xb3%\xc5\xa8\x18\x94\xe6\xfdu\xb2\xc1\xca$}J\x1e{\x82y\xbd\xb0n\x9c\xd5\x908\xc0\x10\xbb|\x8a\x90\xb4\x1e)\xe7\x8c9\xfcx\xfd\xd8\x87\x9d\x1d\x9e\xea\xc5\xd9\x16\xe6\x80\x1c\xc8\xbe\xb8\xb6\xc9\x1dW!\x01\xa0\x88y\x89\x9e\xf30\xcd\xde\x9aZ\xc4\xb6\xc0\xfc\xe9\xe9\xc4\x93\xe1\xb4\xc4\x91\xfe\xe0Ty\x83\xce\x1cm\xb2\xd5\x80\xf4\xe9~\x1b\xd3\x1b\\|\xb3\xc4l\x8a\x9aP\x94|oe\xe0M\x8c\x04?Y\x02`\x04+]\xf7\x83I]&amp;\x1ez\x1dV\xc9T\xa8\x9c9h\x86\xecw\xbfF\xd9\x99\x8a\x14k\xaa\xae\xe3\xe4\xe8E\xd2]\x03\xaf9\xde\xe83\x8d\x93\xd7*\xd6&gt;a\xc7\xa1\r\x10\x83\xf2\xe3\x02\xd0\x84q6\x8f5#m\xe0\xcd\xefOv,N\x84z;\xaaR\xae\x9e&amp;\x94\xa7\x1f\xaf\xd6\x98'</t>
  </si>
  <si>
    <t>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</t>
  </si>
  <si>
    <t>b"\x01\xe9L\x05\x134\xb2!t\xe2\xf4\xb2\x8b\xd8'v"</t>
  </si>
  <si>
    <t>Mr. Fogg, â€œand I have the
 rightâ€”â€
 â€œHave you been ill-treated?â€
 â€œNot at all.â€
 â€œVery well; let the complainants come in.â€
 A door was swung open by order of the judge, and three Indian
 priests entered.
 â€œThatâ€™s it,â€ muttered Passepartout; â€œthese are the rogues who
 were going to burn our young lady.â€
 The priests took their places in front of the judge, and the clerk
 proceeded to read in a loud voice a complaint of sacrilege
 against Phileas Fogg and his servant, who were accused of
 having violated a place held consecrated by the Brahmin
 religion.
 â€œYou hear the charge?â€ asked the judge.
 â€œYes, sir,â€ replied Mr. Fogg, consulting his watch, â€œand I admit
 it.â€
 â€œYou admit it?â€
 â€œI admit it, and I wish to hear these priests admit, in their turn,
 what they were going to do at the pagoda of Pillaji.â€
 117
 The priests looked at each other; they did not seem to
 understand what was said.
 â€œYes,â€ cried Passepartout, warmly; â€œat the pagoda of Pillaji,
 where they were on the point of burning their victim.â€
 The judg</t>
  </si>
  <si>
    <t>b'\xe2\xde2\x91\xac^\x14\xbf\x8cB\x13\xd7\xa9\xda;J\x886\xdd\xdc&lt; C\xfa\xa2\xe6c\xe8\x88\xdbB!'</t>
  </si>
  <si>
    <t>e2de3291ac5e14bf8c4213d7a9da3b4a8836dddc3c2043faa2e663e888db4221</t>
  </si>
  <si>
    <t>b'\xe2\xde2\x91\xac^\x14\xbf\x8cB\x13\xd7\xa9\xda;J'</t>
  </si>
  <si>
    <t>in it. It may seem strange to sayâ€”but it is true all the sameâ€”that the
 clean, fresh smell there was about him made me take to him; no smell of old beer and
 tobacco, which I hated, but a fresh smell as if he had come out of a hayloft. He offered
 twenty-three pounds for me, but that was refused, and he walked away. I looked after
 him, but he was gone, and a very hard-looking, loud-voiced man came. I was dreadfully
 afraid he would have me; but he walked off. One or two more came who did not mean
 business. Then the hard-faced man came back again and offered twenty-three pounds. A
 very close bargain was being driven, for my salesman began to think he should not get
 all he asked, and must come down; but just then the gray-eyed man came back again. I
 could not help reaching out my head toward him. He stroked my face kindly.
 75
 "Well, old chap," he said, "I think we should suit each other. I'll give twenty-four for
 him."
 "Say twenty-five and you shall have him."
 "Twenty-four ten," said my friend, in a very decided tone, "and not another sixpenceâ€”
 yes or no?"
 "Done," said the salesman; "and you may depend upon it there's a monstrous deal of
 quality in that horse, and if you want him for cab work he's a bargain."
 The money was paid on the spot, and my new master took my halter, and led me out of
 the fair to an inn, where he had a saddle and bridle ready. He gave me a good feed of
 oats and stood by while I ate it, talking to himself and talking to me. Half an hour after
 we were on our way to London, through pleasant lanes and country roads, until we
 came into the great London thoroughfare, on which we traveled steadily, till in the
 twilight we reached the great city. The gas lamps were already lighted; there were
 streets to the right, and streets to the left, and streets crossing each other, for mile upon
 mile. I thought we should never come to the end of them. At last, in passing through one,
 we came to a long cab stand, when my rider called out in a cheery voice, "Good-night,
 governor!"
 "Halloo!" cried a voice. "Have you got a good one?"
 "I think so," replied my owner.
 "I wish you luck with him."
 "Thank you, governor," and he rode on. We soon turned up one of the side streets, and
 about halfway up that we turned into a very narrow street, with rather poor-looking
 houses on one side, and what seemed to be coach-houses and stables on the other.
 My owner pulled up at one of the houses and whistled. The door flew open, and a young
 woman, followed by a little girl and boy, ran out. There was a very lively greeting as my
 rider dismounted.
 "Now, then, Harry, my boy, open the gates, and mother will bring us the lantern."
 The next minute they were all standing round me in a small stable-yard.
 "Is he gentle, father?"
 "Yes, Dolly, as gentle as your own kitten; come and pat him."
 At once the little hand was patting about all over my shoulder without fear. How good it
 felt!
 "Let me get him a bran mash while you rub him down," said the mother.
 "Do, Polly, it's just what he wants; and I know you've got a beautiful mash ready for me."
 "Sausage dumpling and apple turnover!" shouted the boy, which set them all laughing. I
 was led into a comfortable, clean-smelling stall, with plenty of dry straw, and after a
 capital supper I lay down, thinking I was going to be happy.
 76
 Chapter 33. A London Cab Horse
 Jeremiah Barker was my new master's name, but as every one called him Jerry, I shall
 do the same. Polly, his wife, was just as good a match as a man could have. She was a
 plump, trim, tidy little woman, with smooth, dark hair, dark eyes, and a merry little
 mouth. The boy was twelve years old, a tall, frank, good-tempered lad; and little Dorothy
 (Dolly they called her) was her mother over again, at eight years old. They were all
 wonderfully fond of each other; I never knew such a happy, merry family before or
 since. Jerry had a cab of his own, and two horses, which he drove and attended to
 himself. His other horse was a tall, white, rath</t>
  </si>
  <si>
    <t>b'\xdc~pW\xbd\xaa\xba\xad'</t>
  </si>
  <si>
    <t>dc7e7057bdaabaad</t>
  </si>
  <si>
    <t>cale of his enterprise, but also perhaps the work ethic that had made his business a
success (Petersen 2003). A full-length togate portrait of the patron emphasizes his
citizenship. This unique tomb is strategically placed at a convergence of two roads
entering Rome, maximizing its visibility, and its sheer size rivals adjacent aristocratic
ones.
Greco-Roman mythology provided another avenue of self-representation on tombs
of the Roman period. This could be quite literal, as in the case of portraits depicting
the deceased in the guise of divinities such as Venus or Hercules (Wrede 1981; Kleiner
1992). In the early empire, this format seems to have been most wide</t>
  </si>
  <si>
    <t>b'y\xda\x19q+\x8b\xe1\xa3\x95\x84\xc6@\x89E0rE\xf3\xb8\x0c\x08\xa1\xc0\x82\xca\x84O\xd4\xd6h\x17p\xf7u8\xa6\xa8\xff\xf6\xb5e&amp;\x84\n\x8f+\\\n6\xc6k\x13_\x10\x98\x81\xb1\xeaMVx\xb2\xf8\xc9\xaa\xdd\xd93m[u\xeb\xf8\xcf%A01\xa8\x08\xa0\x82\x07\xee\xd1\x8c\x15\xd0\xac\xf0=\x8f\x9c\xcd\xbc\xf2\xa3\xca\x16\x0fX$\x1b\x99D\x1f\xe1\x82,\x02~$\xe3 A\x08\x9c\x9dM];\xd9~}\xbc\xbf\xe6\xa1\xbf\x9b\xaa\'\x92K\xc3\x85\xcd\x80L\x1d3\x80\x1c\xb2\xc7\xa0C\xca\xb9v\xa5\xd8\xebdx\n\xcf\xe8#*1M\x8eM\x05_\xc0v\xe6\x00\xa5&lt;\xcf$V\xe3\xf39\xb3.\x14\xc2g\xf7\x8b\x8d\x15F\xe5\x0e\xff\xff\xf1\xb7\xfdg\xfa\x0b\xc3m\x9e\xac\xe1\rC\xf6\x01\xd23D\x00,v\x80\x8f\xd3aSMl\x9f\x1a\xb5h8\x87D\x17\x1aY\xd5\xd2=\x0fAp\xae\x16\x1a\xb9\x9c\xa4\xbf\xbdR\x12R6_\xcb\xab\x94\x12)%\xb1w][\xee\xee\x10\x97v\xa3\xa7&gt;\xe8+\xaf\xab\x06=\x9b\xbf\xe9y&lt;KX\xe8\xdf\xcb_\xff\x0b\xf7V\x96\x97\x0e\x96\xf5\x96\xee.\xf0!\x92\x11&lt;-NAtq\xb20\xd5g\xb7\xe1\xee\xe0b\xa9\xd5\xe6\xc5\x92\xfe\xb0\x1d\xc5\xf1\x82XE\xe4e\xc6\x96\xe1\xe7\xad+\xdb\xdc\xebo\xd9\xfeq\x147\\\x05\x87+Y\xf2-\x05\xc8m|\xef\x90\x932op\xbeE\xf0\xfa\x88E\xa8\xc7|B9\x01&amp;\xd7\x8d\x94\x1df\xb1f.8M\xb2\xe1}_\xaaT\xef\xbc\xb9\rh/\x03=\x03\x7fi&lt;"\xa0O\xb0H\xd2\xaa\x0e7\xda\x87n[\xc2\x97\xed\x05\xf2?=\x00T\xe9GF\x94\xd8\xe2q\xf9\xdd\xed\xa2g=\xfdF\x97\x9f,\xb3Pw\x8f\xe7\'\x99\xe6\xe4\x86G\x00O:\xbbY\xbf\xaf\xef\xe3\xc0\x8cv\r\xaf\xa6wz*z\xd4\x85\xea\xc6X7\xeb\x9c&gt;T-\x11\x8c\x03u\xc5\xacX\x96\xe1\x80\x8a\x06q%\x83\xd6\x11\x08&gt;\xc08\x14 \t\x17n;?\xd7\x19]&gt;\x9aV\\\xb8\xeaU\xae\xc2\xbd\x85\x80w\x9e\xe7u\xd2\xc4y\x9f:\x8d\xf2\x1f\xb8\x8a\xc9\n7rw\xf3\x1b|ZV\x04\xafU_O9p\xf8\x14\x01#y\xb29\xa0\xaf\xc7s\xf8\xb3\xc5\xd5\xedv&amp;\xfe@\'\xa4vn\x8c\xe0\\\xa1\xee\xc8\xdeP\xe0l(\xab\x9d\xde\xbdu&lt;H\xd8\x1c\xf4\x86\x98\xd7B41\x91\x03\x00\xbd+\xcd\x18\xaf\x1chI;\xa5\xd2.\xf1\xb5\x0bl]s\xd4\x94B\x96&lt;R\xbf\x93I\xb4\xfbZ\xbf[\xf5\xfaa^\xecv\xe5\x85\x12H\xce1\xf7\xaf\xf4 \xd7\x00\xb3j\xd7b\x8d\xb9\x898\x10\xf1\xd4\xd8\xdb\xb8\x04Yse\xe6\xa4(\xbc\nCy\xfd:Nf~&lt;\xd6\xddS~L\xb7\x9b]\x94'</t>
  </si>
  <si>
    <t>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</t>
  </si>
  <si>
    <t>b'y\xda\x19q+\x8b\xe1\xa3\x95\x84\xc6@\x89E0r'</t>
  </si>
  <si>
    <t>. Assume
  E0 &lt;cB0. Compare your result with Ex. 5.2.
  Problem 12.70
  (a) Construct a tensor DÎ¼Î½ (analogous to FÎ¼Î½) out of D and H. Use it to ex
 press Maxwellâ€™s equations inside matter in terms of the free current density JÎ¼
  f .
  [Answer: D01 â‰¡ cDx, D12 â‰¡ Hz,etc.;âˆ‚DÎ¼Î½/âˆ‚xÎ½ = JÎ¼
  f .]
  (b) Construct the dual tensor HÎ¼Î½ (analogous to GÎ¼Î½). [Answer: H01 â‰¡ Hx, H12 â‰¡
  âˆ’cDz,etc.]
  (c) Minkowski proposed the relativistic constitutive relations for linear media:
  DÎ¼Î½Î·Î½ = c2 FÎ¼Î½Î·Î½ and HÎ¼Î½Î·Î½ = 1
  Î¼GÎ¼Î½Î·Î½,
  where is the proper30 permittivity, Î¼ is the proper permeability, and Î·Î¼ is the
  4-velocity of the material. Show that Minkowskiâ€™s formulas reproduce Eqs. 4.32
  and 6.31, when the material is at rest.
  (d) Work out the formulas relating D and H to E and B for a medium moving with
  (ordinary) velocity u.
  !
  Problem 12.71 Use the Larmor formula (Eq. 11.70) and special relativity to derive
  the LiÃ©nard formula (Eq. 11.73).
  Problem 12.72 The natural relativistic generalization of the Abraham-Lorentz
  formula (Eq. 11.80) would seem to be
  KÎ¼
  rad = Î¼0q2
  6Ï€c
  dÎ±Î¼
  dÏ„ .
  This is certainly a 4-vector, and it reduces to the Abraham-Lorentz formula in the
  nonrelativistic limit v 
 c.
  (a) Show, nevertheless, that this is not a possible Minkowski force. [Hint: See
  Prob. 12.39d.]
  geometrical construction), R. Y. Tsien, Am. J. Phys. 40, 46 (1972), and H. C. Ohanian, Am.J.Phys. 48,
  170 (1980). The method itself is due to J. J. Thomson, Electricity and Matter (New Haven, CT: Yale
  University Press,1904), p. 55.
  30As always, â€œproperâ€ means â€œin the rest frame of the material.â€
 574
  Chapter 12 Electrodynamics and Relativity
  (b) Find a correction term that, when added to the right side, removes the objection
  you raised in (a), without affecting the 4-vector character of the formula or its
  nonrelativistic limit.31
  Problem 12.73 Generalize the laws of relativistic electrodynamics (Eqs. 12.127 and
  12.128) to include magnetic charge. [Refer to Sect. 7.3.4.]
  31For interesting commentary on the relativistic radiation reaction, see F. Rohrlich, Am. J. Phys. 65,
  1051 (1997).
 APPENDIX
  A VectorCalculusinCurvilinear
  Coordinates
  A.1 INTRODUCTION
  In this Appendix I sketch proofs of the three fundamental theorems of vector
  calculus. My aim is to convey the essence of the argument, not to track down every
  epsilon and delta. A much more elegant, modern, and unifiedâ€”but necessarily
  also much longerâ€”treatment will be found in M. Spivakâ€™s book, Calculus on
  Manifolds (New York: Benjamin, 1965).
  For the sake of generality, I shall use arbitrary (orthogonal) curvilinear co
 ordinates (u,v,w), developing formulas for the gradient, divergence, curl, and
  Laplacian in any such system. You can then specialize them to Cartesian, spheri
 cal, or cylindrical coordinates, or any other system you might wish to use. If the
  generality bothers you on a first reading, and youâ€™d rather stick to Cartesian co
 ordinates, just read (x, y, z) wherever you see (u,v,w), and make the associated
  simplifications as you go along.
  A.2 NOTATION
  We identify a point in space by its three coordinates, u,v,and w (in the Carte
 sian system, (x, y,z); in the spherical system, (r,Î¸,Ï†); in the cylindrical system,
  (s,Ï†,z)). I shall assume the system is orthogonal, in the sense that the three unit
  vectors, Ë†u, Ë† v, and</t>
  </si>
  <si>
    <t>b'\xe7L\xf7\x19q\xae\xd9\x1e\x85\xb2\xd2\xa5`i#\xaa\x96?C\x12uQ\x94\x14\xc5\x1eQ\xd9\x19Y\x18\t'</t>
  </si>
  <si>
    <t>e74cf71971aed91e85b2d2a5606923aa963f431275519414c51e51d919591809</t>
  </si>
  <si>
    <t>b'\xe7L\xf7\x19q\xae\xd9\x1e\x85\xb2\xd2\xa5`i#\xaa'</t>
  </si>
  <si>
    <t>s to, the good soul! 
 And one of the six forecastle hands was little better. 
 "There's a man," says Captain Smollett, nodding towards</t>
  </si>
  <si>
    <t>b'\x8b\x7ftQ\xb9\x0b%W\xe9rW\xd4\xb74`\x8f]\x17\xeb\x1e\xfc\x18\xdet\xa7\xc1\x88\xfc\x81h\x15z\xfc\xa3\xc7\xa7\xaf\xf5\x9c\xc0\xf6`\x17\x8d\x96\xa9~\x9c\x16A\x95\xb9\x80\x99\x82\xc3\x00=\xe7\xf4\x85y\xc1[\x84!ge\xc7\xf3\xf6xx\xe8\x08\xde\x8b\xbe6\x9d\x94\xb1\x88|p&lt;\xfcr\xc7\x8d\xfat\x83#\x1e\x17\x1a\xba\x16\xdb`\x90\xa7*\xb61\x9a\x83\x07;\x01\x92\x04Q\xbf\xe0\x8f\xc3*\xa0\x1eP;\x89\xfe\xa2p\xe4\xba\x9b\x1e\x95\xad\x84\x0b?\xc6T:\x1f?\x1e#\xef&gt;T\xcb\x03\x82\x941\x12@7\xb6\x10\xaa\xd5\xca\xe2\x12\\C\x0fh*u\x85\xb4o;Z\x8a&gt;{{\xcd?\xfas\xd0%D\xb2\xf4\x92\x17W\x08\xd1/\xfa\x87\x1e\xa4\xbb\xad\xc1\t\x96zR\x8f\x1c\x80\x11$\x8cy\xf3_\xcc\xf4h$KD\xb6//\xe6%\xd2@t\xb2\x8a\xad~\xda\x02\xdf\xd9,\x01\xf4\x1fL\xf3\xafyf\xf0\xda\xb3\x94K\xfb\x9a@ky\x8a^\xdbk'</t>
  </si>
  <si>
    <t>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</t>
  </si>
  <si>
    <t>b'\x8b\x7ftQ\xb9\x0b%W\xe9rW\xd4\xb74`\x8f'</t>
  </si>
  <si>
    <t>nder why Eq. (10.32) does not hold if _x0004_V is large. Which one of the
 above equations is violated? For a large differential input, Q1 and Q2 carry significantly
 different currents, thus exhibiting unequal transconductances and prohibiting the omission
 of gmâ€™s from the two sides of Eq. (10.31).
 With _x0004_VP = 0 in Fig. 10.11(a), we can rewrite Eqs. (10.29) and (10.30) respectively as
 _x0004_IC1 = gm_x0004_V (10.33)
 _x0004_IC2 = âˆ’gm_x0004_V (10.34)
 and
 _x0004_VX = âˆ’gm_x0004_VRC (10.35)
 _x0004_VY = gm_x0004_VRC . (10.36)
 The differential output therefore goes from 0 to
 _x0004_VX âˆ’ _x0004_VY = âˆ’2gm_x0004_VRC . (10.37)
 We define the small-signal differential gain of the circuit as
 Av = Change in Differential Output
 Change in Differential Input (10.38)
 = âˆ’2gm_x0004_VRC
 2_x0004_V (10.39)
 = âˆ’gmRC . (10.40)
 (Note that the change in the differential input is equal to 2_x0004_V.) This expression is similar
 to that of the common-emitter stage.
 Example
 10.6
 Design a bipolar differential pair for a gain of 10 and a power budget of 1 mW with a
 supply voltage of 2 V.
 Solution With VCC = 2 V, the power budget translates to a tail current of 0.5 mA. Each transistor
 thus carries a current of 0.25 mA near equilibrium, providing a transconductance of
 0.25 mA/26 mV = (104 _x0003_)
 âˆ’1
 . It follows that
 RC = |Av|
 gm
 (10.41)
 = 1040 _x0003_. (10.42)
 Exercise Redesign the circuit for a power budget of 0.5 mW and compare the results.
 448 Chapter 10 Differential Amplifiers
 Example
 10.7
 Compare the power dissipation of a bipolar differential pair with that of a CE stage
 if both circuits are designed for equal voltage gains, collector resistances, and supply
 voltages.
 Solution The gain of the differential pair is written from Eq. (10.40) as
 |AV,diff| = gm1,2RC , (10.43)
 where gm1,2 denotes the transconductance of each of the two transistors. For a CE stage
 |AV,CE| = gmRC . (10.44)
 Thus,
 gm1,2RC = gmRC (10.45)
 and hence
 IEE
 2VT
 = IC
 VT
 , (10.46)
 where IEE/2 is the bias current of each transistor in the differential pair, and IC represents
 the bias current of the CE stage. In other words,
 IEE = 2IC , (10.47)
 indicating that the differential pair consumes twice as much power. This is one of the
 drawbacks of differential circuits.
 Exercise If both circuits are designed for the same power budget, equal collector resistances, and
 equal supply voltages,</t>
  </si>
  <si>
    <t>b'\xfe\x9a\xd6\xf083R\x03e\xf4\x81\xb4\xef5\xbb\xae'</t>
  </si>
  <si>
    <t>fe9ad6f03833520365f481b4ef35bbae</t>
  </si>
  <si>
    <t>she
bangs eleven girls a day. (Mart. Ep. 7.67; cf. Hallett 1989)
Herais, Hawara, Egypt, 100s CE:
I adjure you, Evangelos, by Anubis and Hermes and all the rest down below; attract and
bind Sarapias whom Helen bore, to this H., whom Thermoutherin bore, now; quickly,
quickly. By her soul and heat attract Sarapias herself. . . . (PGM 32.1â€“19; trans. in Kraemer 1988: 95; cf. discussion in Brooten 1996: 78)
â€˜â€˜Peter,â€™â€™ ? Egypt, c.100â€“150 CE:
But men and women [there in Hell have to jump repeatedly off] a high cliff . . . These
were those men who defile their bodies, behaving like women, and those women who
have sex with one another as a man (does) with a woman. (Apocalypse of Peter 17; trans.
and disc. Brooten 1996: 306)
For the date, see Himmelfarb 1983: 8â€“11; this text was cited by Clement of Alexandria as scripture, and exists in Greek and Ethiopic.
Lucian, satirist, Greek, after 140 CE [one prostitute quizzes another who has a female
customer]:
. . . they say there are women like that in Lesbos, masculine-looking, but they donâ€™t want
to give it up for men. Instead, they consort with women, just like men. . . . How did she
do it? Thatâ€™s what I most want you to tell me. (Dialogues of the Courtesans 5)
224 CE: Clement, Christian teacher, Alexandria, c.190â€“92 CE:
[luxury] confounds nature; men . . . suffer the things of women, and women behave like
men in that women, contrary to nature, are given in marriage and marry (other women).
(Paidagogos 3.3.21.3, translated and discussed in Brooten 1996: 322 n. 76)
Tertullian, Christian theologian, Carthage, c.208â€“12 CE:
Look at the whores, the marketplaces of public lust, and at the very rubsters [frictrices â€“
literal Latin translation of tribades], and if you can wrench your eyes away from
these disgraces of chastity publicly done away with, just look up, and youâ€™ll see
theyâ€™re the wives of citizens. (De Pallio 4.9; discussed in Brooten 1996: 317â€“18; McKechnie 1992)
Note that Tertullian seems to assume the spectator will be distracted by the bodies of
these women from some sign in their faces that they are matronae.
294 CE: Rav Hunah, Persia, 290s CE:
Women who â€˜â€˜rubâ€™â€™ with each other are ineligible to marry a priest. (bYevamot. 76a, A,
trans. Satlow 1995: 190)
Sexuality in the Roman Empire 347
Rabbinic texts discuss sex between women rarely and briefly; this opinion of
Rav Hunah is qualified by an unattributed (Â¼ consensus) opinion that seems
to take such sex acts less seriously. Compare an unattributed opinion from the Palestinian Talmud (yGittin 8:10, 49 C) that says there are two schools of thought on this;
discussion in Satlow 1995: 189â€“90, with fuller explanation in Brooten 1996: 64â€“70.
364 CE: Sophia, Hermoupolis Magna, Egypt, fourth century CE (?):
By means of this corpse-daemon inflame the heart, the li</t>
  </si>
  <si>
    <t>b'\r\x9dw\xad\xb4j\x8aH\xe7\xd8&lt;\xde\x02a\xdb\xa6c\xfeR\xdd \xc0\xddua\xfc\x87\xe7\xebm\x85\xaf\x9d\xa3\xf8\xd8\xc8%\x84\xbeQ\xe8\x11n{\x80\x80h\xb6\xc0\xdf\x1f\x8f\xe0z\x1c\x8a\xf2)e\xd2\x10[\x9c\xa5\xc8\x80\xfbK\x99\xaf\xedF+j}\xc7\x8d\x1eX\xb8(1t8\xac\x0c\xb1\xe8\x88&lt;\x16X?rn\\k\xdaz\xb9n,\xfdt\xe1l\xd5K:\x12[[#\xb3!h\x0e\xfc\xb1\x001\x9c\x8cN2\x95\xf1\xadNN\x85K\xfc|?u\xbd\xdd\xe8E\xd6\xe0\x1f\xa4"x9D\xa7x\x0c\x9dv\xe77\x1bc\x0cG\xcdx\x81\x06\xaf\xe6\xe7\xea/\xaa\xda\xee\n\x10\xfb\xa0Z\xec\xc5\x86Z\xd6\xbaf\xcb2\xde \x1f\xe3n\xbb\xfe}/\xfe\x96\xa4\x0e\xe9`\x009m\x82\xfc\x91\xb24\xb5\xa7\xb9*V\xe7\x94\x0e\xb8/\t\xfdn\xf9\xa3\'U\x9e\xc7.d\xb8\xca@\xd8o\x19\x00\x83\x14G\x8cZ]\xa3B\xfdD\xb2\xe4v\xd1\x89\xa8\x06\xb0tP\x14\xbc\x1c#\xea\xc7zLn\xb08\xb0\xd0\x158\xf8E\xc4\x8c\x95\x83\xa6\xb5\xb0\x87&gt;\x1e\xfa\x08\xad\x01$v\xd0\xb592\x16n_\x84\x80\x06f\xe78\xc2\xf8\xd0\xcb\xbe\x92\xb8\xc1+\xdf\x13*\x96\x1b;\xdcu.wZ\xadU\x13\xee\x84\xa9\xac\xbbOJ\x1c\xc5\xfau\xb6\xc3\x06lF\xd6\x11\x17\xd0\xee`\xff2\xf3L\xc9\xba\xc0uQ\xa7\xe5\xfc\xc0\xa1e\x10\xef\xe0\x7f\x08\xe4\xcd^\xfc\xc3\x96\xe9J"\xa1\xf3dl\xb1\x93M1Rx\x12\x94e?\x8f\'~f\xe7@\x1c\x10\xdcH\xbcg\xa7\xb0\x99\xb6`\xd7\xd5\xa1\xb7\xce\xca\xe4\xdb)\xfc\x81\xb9\xacA\xa2\x96\xdc(\xb7M\xaft\xd3\xec0/\xb9_(\x8b\xf6\x9e\xbeHE\xb4X\xaf\xcd\xb9\x15\x84\xab&gt;x\xda8/\xdc\x80\xd9\xfd?\xc6(\xe1\x91)\xd1\x1a\x08\xfb\xe7P\x17\x99\x1a\xbf\xa9\x884\x9e\xb3\xa0\xa0 \xa0m\xf2\xec\x87\xf5zT\x91\x1d\r^;oq\xd3\xb0\xa5\xc9\xdd\x8f\xe3\xe6&amp;:\xf5\x071\x90\x92\xcd\xcf_\x05\x15t\x9cQ\x17\xa4jX\x95N\x07\xcf\x87\xeb\xd07\r\xf7\xa9)\xf3\x12\x10\xe9\x81\x8a\xe8\x97\x7f\x8d\x19\x1e\x00\xba\x8eLp\xd0i\x94|\x9a;\xc9\x9fS\x8e\xd0\xfdAhu\xb5\x0cn}\xd5\xa3\x1e}\xc3\xfey\x1bb\x1b\x94\xb4\x81Z\x96\xd8\xa5q\xa9)\x819K\xb5\x02\x0c\xf3\xad\xab\xefgjG\xbfLhlx\x82G\xde\xb7\t\xe2\xea\xaa\xae\x17\xd0\xc4Z\xd0\xabMLC\x17\xad2\x98\x0b\x82\x1a\x9bWtZ\x95[}\xc3u\xf1)@a\xc4\xe88\x8a\xb4.\xa2\x07\xe2\xed\xd8\xa7\xb9,#\xa6Dj\xf4\xfe\xe2\x1c\xe9\xc2\xf7=\xbf\x80e\xf04\x08\x1dg\x10\xee\xd4k\x1d$pLC\xaf\xdb\x7f\x94\xac{\x03\x84R\x84c#\x85~\x9e\xb0\xe5\xf5\x16\x10NC\xc7\x85\xdf&gt;\x14\x9aW\x806\x99\x90\xa0,"\xac8.\x14w\xd7D\x1c\xe3\x14+J\xf4\xcd@\xf1@\xdb\xe6-A\x9f=^\xa9q\x08\xd7\xa7\xdd\xe2\x8d/fr\xab\x7f\xbd\xd7\xe6N\xc1\xf6\xe7\x11\xb0\xbd\xf54\x86-\xab\x15\x10\xd4:&gt;\x9f\x1b\xe0\xa5\x83\xc7s\xf06\xb3ky\x8b\x84?\xa4\x92Z^/5\x0cq\xfa\xd1\x1f%8j\xbd\x80\xdc\x95\xde\x10\xbb%\x9d\xd3\xcf\xef\xd1\x13\xafB\xc8\xb4\x18\xefGP\xdb\x7f\xebz\x8e\xfcR\x14\x95\x03h\t\xec\x89y\xf9d\xcc\xea\x94%g:\xd0\xe6#\xd7\xcfl\xb6\xa5\xe1z\xc2\xed\x1f\xb8\t\x80\x9b\x90$\xcb\xb4\x19\x13\x0eP\x9bR\x02:\x9e\x86I,\x1c\x9278N\xb9+\x90r\xc2\x1f\x0f(\x99\'\x11I\xca\xed7\x91\x83=Le\xea\xbb\xfbM\xd8\x93h\xf4\x8f\x9f\xe5U8\xab\xea\x15&lt;?\xd1V\xe0\xe5\x81\t\xb0?\xc1\xd1\x90w\x90V\xb2Z\xe9\x1bV\xc5\xa4_\x16\xfcr\xa4\xcc"\x99\xcdHd\xbe\x88\xb5\x10e\xaf\xa5I\x96\xed\x9d\x80\x9b\x9c\x8eIk~3S\x97\x85\xec\xbf\xd3\x03\xfd\xf6=\x1c\xd6d\x1b\xa7\x9b\xe9\x99ZZA\x10\x98\xb3\x83K\x900\xca\xb2\x85\x1e\xd5j\x9a\x1c\xf3C\x94\xf2\xfb\x85\xb9.\x10\x8d\xa8\xfb\xd3\xf9\x0c\xa8\xe3\x9fl\xafH\xc1h!g&lt;u%\x83\x18\x18CC\xd9IQd\xa0\x0e\xbau\xe8s\x1e\xbau1\'\x1fa\t\x8a\xaaN\xa7\x93@\xad\xf4\rZ\x85\x91\xb3p\x1b\xea\x98\x9d\x0c~\x82!\xc5x~]X\xec\xa7\xf1P\x08Dq3\xbe*\xedAl90\xc3\x00?\xc0\xa1\xa7x{\xd8g\x88\x16\x91\xd1\xb6\x1d\r\x99\xf5\xcd\xea\xc01L\xfd3\x88\xae\xfai\x9e\xf0l\xd9\xaf\x9dO\xf6\x87i\xdb\xad\xa2\xcf\xe6=\xed-\x88\x8a\xc6*\xc1\xfd\xf8\xe92\xb7\xf7\xbd\xa8\xb40\x1d\xdbt\xe9\xab\xe2\x03w\x8d\xa69)\x9e\xc7pZ\xc0z\xb3n\xa1\xc59\xb0}{\x8c\x96Ab\x9a\xf7/\xd5? \xbf\xffi\xf9n+\xf8Kc\x88\xcahG(w;_\x1e\x02[\xa5\x98\xef\x87R&gt;{2\x1f\x98\x1b\\M\xbap\x80j\x0fz\x85j\x8b\xc7W\x0e+\xcd\xa5C~\x90\x85n\xe7\xce\xb4\x8eA&lt;\xf1`BcrQY\xd1\x13\xb0\x969n\x08h-\x8f\x90\xcf\x9c\xc6\xfeRwQ\x88h\t\x9f\xd0\x88\xa2\x94\x8a\xec\xaeR\xdc\xd4\x90\xae\t\xb6o\xc7\x80\xcc\xd1\x1f98\xde[\x1d\x80\xc2\t\xcd\xb6*\xe2\\\xb6\xf1\x7f\xff\xb8*\x84F\xceFjW]\xabvm\x07s\x1cDMd\x8b\x06\x04%\x84X\xab,\xf3\xe3\xb7\xdc\'\xd5*\x04\xfd\x87#\xf4\xb5\xac\xbb\x9bc\x99\xd3p\xe0}\xdb\x99[\xec`\xb6\xfb\x98*\xb6\x18Y\xcfS\xf0y\x06\xfa\x85\xf1\xf7Qe*\x9b(]T\x9bZO\x1dmKf\x15r\xa2zv\xb0m\xb4\xa4\xf4\x0f\xcfFS\xce\xaa\'\xe1\x9e\xd9b\xf6t\xa1\x15&amp;Q\xa1\x14\xf6\x1e\xb7\xa5\x0e\xe5emz9v\xb0\x8f\x18\xa2\xfe;\xcb\xd1\xd9\x89S\x80\xba\xa7\xb6^z)\x1cH*=\xea\x08\xff\x8a\xad,0\xe2\xd6,\xeba\x1f\xc2\x86\x9d\x9a\x83g \x84y\x17\xe6\xbeNoU\xea\xf4\xde\x06R\xf93\x19W\xea\xba\x81\xf7h\xba\xca\x80\xd4\xfd\xe8c\xc4\xb9A \xef\x08\xfd\xcb\xf1d\x16\xe5\x12\xff#F\x80\xc9\'\x18PK\x19\xfc2B?8\x17\xb6\x84\xee^7\xa87\xbb\xb43\xc7\x86Nw\xae\xba|\x99\xc0*\x8e\xa4_\xab$\xa9\xe4\xa680\xc8\xf1N\x9c\x80n\xb1\xcf\xcb1}\xeb\x8a?\xd7\xd4\x8d\xaa$\xeb\xc6fJr\x82\x04\xa1 }\xa4\xb3\xfaC\x9da\xc0\xf5\xcf\xbcu\xf3\xa8\xb1yB\xb4\xea4\xc1\xfb\xfb\x98hivOX\xc0\x9b.z\x8cpFn\xdcA\x08\x11\x08u\x9e\xfaF\xc4\x97\x97\x84=\x10\x9b\x84\xa5\xec)\xa86\xfc\x033\x19\xbd\xfd\x8a\xec#0o\t\x1e\x90)&lt;\xeb\x84-hr\x9d\xddrg\xd7($h\x1f;\xb5vG\xf2\xab\x01\xb9\xac\xea\x83\xa8\xf9\x8b\xa3\xa5\xb6r\xc3\xcb\xe5s\xfa\xd2\x03 \xcf\xd1\xd2\xa6j\x01|\x9f*\xdf\xdb4\xf6%\xe4\x1fl\x80\xf7\xb2\x96\x9a\x83`\xf8Ne\xa5\x81\xe8\x1dkb\xa1\xec*\xa7W\xfa\xceN\xd5\x8b\xd8\xffP9V\xcc\xaar\xdf\xd0x}T\xa4]\x88\x0fH\xa4\x17tMq\xce\xde\x0bM\xa9\xfa\xe2\x95\x8d\xcfK\xf7\x13\xb2K\x05\xcf7\xac\x18\xb7\xdc\x03V\x8a\x10_\xdb\xd2sn1L\xb9!o\'\x14HScj\xc7\xb8\xc9\xf7\x89[\xc5\xd3\xc6\x9a#{A\x9b,\x00\xb6M@=\x8fG\x80\xbeas\x8f\xf8\xf3L?\xa2"4G\x8d\xc5\x01\xee\xa6\x82D1y\xfc\x85\xda\xb5&amp;\xf3\xdf\x91\xac\xc7R\x9c\x0f\xed3\xd5?\xbdk\xe7,\x18~\xbb\xde&lt;\xce\xc3\xca\x8b\xd1&amp;?\xbc\x1b\xc7\xcfk\xed?\xe0\x1c\xa9,\xdd7\x91\x95\x83\x19\xafl#\x10\x87\x06\xadBSh\x13\xafM\x86\xb4q\xda\xf9\xfc\xe6\'\xab\x82\x1bZ\xcc\xfb\xbav\xfd\xb0\x0c\xdeO\xa0\xfe\xf5\xdc\x1e\xa8h+\x9d\xe4\xcf\r\x10\x8b\xb6\xfcp/\xd7\x7f"m\xb3]\x8b\x0e\xb7s(\xed\xc3\xd2\xcfx\xdb\xb4z\xfa\xe8\xa0\x1e\xf5h\xa0bG\xfa\x04\x82\x8aw\xf6\x8b\xc0\xab\xe7;\xcay\x96d\xdf\x11\xe0\xcf`\xd6\xc6\x98?WY\x9d\xbd\xfcN\x95\xdfQF\xc3\xac\xecW\x88\x84+\x96\x8b\x04Pw\xf6m\x89/\x9c\xa8H\xc5\x8cH\xd0\xc0$:"UA\xc0\x1e\x93E\x03\xe1\xd9.D\xed\xe6\xf9\x9d\x89\xa6\xbb\xa5\x04\xef#\x04B\'2|F1\x00_\x8c\x91\x80\x80\x81\x82\x0f\xb7\xdfo\x9b\x11Mee\xbe\x1d)So\xe26Q\xd9\x81\x92\xdf\x0c\x8b\x9bJ\x18\x94\xfd6\xe8iM\xee|\x942qe\xdb\x07\xfaQ\xf8\r\xc2\x08\xe1\xcc\xc9{\xa4L\xba\x84\x08\x03\x9c\xbf\xb2\xe9#8\xe3Q\x85T*\x081\xca\x03\xb1\xb2@\xd4\xf0\x1e\xe1\xda\xb5\xab9Y\xc91\t)11\x7f\x0f\xd4f\xf8\x04p\xcal\xb3\xac\x81n\xe1\x9db\xe6*\xf0bh/\x9c\xa1rL\x14I\xd9F\x929\x87M\xca\xeel\x01\xd2\x84R\x11\x96A\xe0,\xd3\x91\x8des\xe3\x96\x10\x04@nr\x94\x16\xcb\x00\x9f\x11+B\xa4\x98\\"n;\xf8\xee\xcc\xc6H\x1d\xfd\x9d\xbe\x18w\xe3\xbc\x83k\x15\xc5\xef\x98E;9%\xff\\\xacb]\x1a\xf4\xfd\xb92\xce\\\x16:\x1bg\xacmR\x84/\rj\xafT*\xa0.U\xd5QuG\r\x811\x08\'\xbc\xb9\x91\xd3\x94YW\xdf\xf7\xc9M\x91\xc4\xfe\xd6\x93\xa7I\x7f\xb9H\xb5.1h\xd3Jh\x03\xbf\x02\x05oL\xe7F\xe1\xab\x04K\xfb\xa0\x8eQ\x85\xa3L2\xc1\xbd\xf1\x14\x83\xc9\xb4Qq\x8fE\xf9]\xa00\x83W\x84\xe2\xd7\xc6\x8f$\xa2\xbdJ\x88aV\xdc\x0c\xc5\x881\xfdy\x15"\x83R~\x8a\x97c_\x047\xe2\xb2\x83\x00\x9c\xff\x07\xefq\xcb\x1e\xbe\xe4\xde\xd1P\x11\xbdS\nJO\x02\xfcB\'\xd95_(P\x19\x13\x10\t\xa5f\xd7i\xdb\xc1\xa1\xc5\xc2\xc0\t\xe5D~\xad\x1c\x8c/\x91\xc6\xb1\xfaR\x8e\xf7\xaf\xffI\xd2\x97\xc4{\x1f\r\xfa\x8c\xc8\xa1Dd\xed\xb9\x04\xc7\x9a_\xf7\xfdts^\x08\xd8\xa9J0\x85\x9c%\xffA\xa6\xb5\xe0}\xc4\xdeb\x904X\x81\n\xd5\xaf\xf53f)\xae\xa6\x06\x98\x1f\x11w\x83\xd6\x0c\xae\x80\xa6\x93i\xa9\xd0+}\x98\xdd\xad\x8d\xfd}\xb9\xf6\xc2\xad\xe6R\xbc\x80!\x8d\'}\xf9-1\xf6\x00W\xca\xc6\x81d\xe2\xd8\x16\xdcf1\xa3\xe8\xbbyg\x13\xc6B:\x98\x1a1p(\xb5F\xb2\x07\x86\xd7\x15\xaf\xbe\xbd\xbb\xd7\xb4\xe2\xab\xa7\x906\xebFJ\xda\xea\xc0\xa1\x92&lt;\xe1S\x1c\xd1=\xb8&gt;ohW\xb4/k\xb0\x96\x89\x19\xb2\xb7\xdf\xb89\xef\xe9!\xfdG\xd1\xf6\xbb\x11\x03j\x04\x9eS\x1cEaR\xce6\xbbg\x13\x17f\x80\xdd+\x02\xc1\xcbN\x03\xa4\xf5r\x94z\xbc\xae\xcb\xa5\xd5#\xfd\xdf\xf9\xd4\xfcN/\x9cMV\xb8F\xd1\xe1\xadu=\xbb\x1e\xec\xc1\xf6I0\xde\xaa\xa9\x02\x05\xf7\x99\xbaqt\xea\x7fp\x05\x88\xf8=iDV]9\xbea2\xc5xB\x953\xc9P\x1d\x9a\x9dZu\xbc\xb3&lt;\xd1\x89\xf6\xcfV\xd8\xb1\x12o\xd3\xae\xe3\x06`\r&amp;0\xd6n\xfb\xa0\x13\r\xfe\xd5\xd8\xe5\xcd\xbc#\x93\x9f\x04\x08c\xe0*\xe0z\x9b\xfe\xd7\xca\x9b0+\xff\x0c\xba&amp;\x12\x95\xee:\x00I\xb8\n0\x1eW\xd2T3\xdf\xa3\t\xd0\xf0~\xf2\x8f0s\x9a\xfaK\x00\x1f\x06\x0f\xe4g\x0e\xab\xd4/&gt;6\x83\xf2`\x9cY\xbaD\xe0,\r\xbd\x1f\xc8$q'</t>
  </si>
  <si>
    <t>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</t>
  </si>
  <si>
    <t>b'\r\x9dw\xad\xb4j\x8aH\xe7\xd8&lt;\xde\x02a\xdb\xa6'</t>
  </si>
  <si>
    <t>en moved since!'
 Emily, shuddering, immediately laid it down again. 'I well remember
 seeing her take it off,' continued Dorothee, 'it was on the night before her
 death, when she had returned from a little walk I had persuaded her to
 take in the gardens, and she seemed refreshed by it. I told her how much
 better she looked, and I remember what a languid smile she gave me;
 but, alas! she little thought, or I either, that she was to die, that night.'
 Dorothee wept again, and then, taking up the veil, threw it suddenly over
 Emily, who shuddered to find it wrapped round her, descending even to
 her feet, and, as she endeavoured to throw it off, Dorothee intreated that
 she would keep it on for one moment. 'I thought,' added she, 'how like
 you would look to my dear mistress in that veil;â€”may your life,
 ma'amselle, be a happier one than hers!'
 Emily, having disengaged herself from the veil, laid it again on the
 dressing-table, and surveyed the closet, where every object, on which her
 eye fixed, seemed to speak of the Marchioness. In a large oriel window of
 painted glass, stood a table, with a silver crucifix, and a prayer-book
 open; and Emily remembered with emotion what Dorothee had
 mentioned concerning her custom of playing on her lute in this window,
 before she observed the lute itself, lying on a corner of the table, as if it
 had been carelessly placed there by the hand, that had so often awakened
 it.
 'This is a sad forlorn place!' said Dorothee, 'for, when my dear lady died,
 I had no heart to put it to rights, or the chamber either; and my lord
 never came into the rooms after, so they remain just as they did when my
 lady was removed for interment.'
 While Dorothee spoke, Emily was still looking on the lute, which was a
 Spanish one, and remarkably large; and then, with a hesitating hand</t>
  </si>
  <si>
    <t>b'.\x8e%-\xdc\x8d\xa5)\xf4mo\xd1\xc2\xa2\xfdmT=O\xae\xcc\x13\xfa\x80\x1d\x98\xce\xf0\xeap\xd6\xc6!\x8axM8\xcd\xea\x1f\xc7\xbc\xc8~\x9a\xcf]\xf3\xe1\x93\x99:\xc5!\xefN\x83h\x1b\x07\x91\xf0\xb4\x8d'</t>
  </si>
  <si>
    <t>2e8e252ddc8da529f46d6fd1c2a2fd6d543d4faecc13fa801d98cef0ea70d6c6218a784d38cdea1fc7bcc87e9acf5df3e193993ac521ef4e83681b0791f0b48d</t>
  </si>
  <si>
    <t>b'.\x8e%-\xdc\x8d\xa5)\xf4mo\xd1\xc2\xa2\xfdm'</t>
  </si>
  <si>
    <t>hour,
  Till moon-light steals down among the trembling leaves,
 And checquers all the ground, and guides them to the bow'r,
  The long haunted bow'r, where the nightingale grieves.
 Then no more they dance, till her sad song is done,
  But, silent as the night, to her mourning attend;
 And often as her dying notes their pity have won,
  They vow all her sacred haunts from mortals to defend.
 When, down among the mountains, sinks the ev'ning star,
  And the changing moon forsakes this shadowy sphere,
 How cheerless would they be, tho' they fairies are,
  If I, with my pale light, came not near!
 Yet cheerless tho' they'd be, they're ungrateful to my love!
  For, often when the traveller's benighted on his way,
 And I glimmer in his path, and would guide him thro' the grove,
  They bind me in their magic spells to lead him far astray;
 19
 And in the mire to leave him, till the stars are all burnt out,
  While, in strange-looking shapes, they frisk about the ground,
 And, afar in the woods, they raise a dismal shout,
  Till I shrink into my cell again for terror of the sound!
 But, see where all the tiny elves come dancing in a ring,
  With the merry, merry pipe, and the tabor, and the horn,
 And the timbrel so clear, and the lute with dulcet string;
  Then round about the oak they go till peeping of the morn.
 Down yonder glade two lovers steal, to shun the fairy-queen,
  Who frowns upon their plighted vows, and jealous is of me,
 That yester-eve I lighted them, along the dewy green,
  To seek the purple flow'r, whose juice from all her spells can
 free.
 And now, to punish me, she keeps afar her jocund band,
  With the merry, merry pipe, and the tabor, and the lute;
 If I creep near yonder oak she will wave her fairy wand,
  And to me the dance will cease, and the music all be mute.
 O! had I but that purple flow'r whose leaves her charms can foil,
  And knew like fays to draw the juice, and throw it on the wind,
 I'd be her slave no longer, nor the traveller beguile,
  And help all faithful lovers, nor fear the fairy kind!
 20
 But soon the VAPOUR OF THE WOODS will</t>
  </si>
  <si>
    <t>b"n\xd5\xea\x9cbd\x0f\x0f5\xda\x11O\xaa\xcer\x1a2\xd6\x0b,t$\xb5|\xd8\xbct\xea\x8ePM\xe4\xdd$\x9f\xe3`\x80\x82`&amp;\xbf\xb1\xa7'uXo\x1c\x88\xdbF\xa5\x8c\xcf\xd78r&gt;\x97\x186\xa2\x95"</t>
  </si>
  <si>
    <t>6ed5ea9c62640f0f35da114faace721a32d60b2c7424b57cd8bc74ea8e504de4dd249fe36080826026bfb1a72775586f1c88db46a58ccfd738723e971836a295</t>
  </si>
  <si>
    <t>b'n\xd5\xea\x9cbd\x0f\x0f5\xda\x11O\xaa\xcer\x1a'</t>
  </si>
  <si>
    <t>breakfasting the squire gave me a note addressed to 
 John Silver, at the sign of the Spy-glass, and told me I should easily find 
 the place by followin</t>
  </si>
  <si>
    <t>b'\x1e\xd3\x876#\x90\xcc\xbeI|\x18\x96L\x91\x90\xcc!O\xef\x82G\xdd|\x17\xfa\xf0\xe3\xd4\xe0\xa0\x8c#_\x99^B\xfbch\xf4\xc3\x87\\)p\xc9\xd3?\x85V\xc3\x96d\xd9\xee\xb1kJ\x9d\xfa\x18X\xb01\xb3n\x8dP\xd5\x10\xb73k\xd2\x9f9\xe0D\xa1,M\xde\x82\x83P\xccd\xd7\xcf\xbf\xb9Un\xbd[\x89&lt;T\xad\xf0\x8dN\xa4\x14\xe5\xfc\xe9EZHU\x98D;\x9e\xd7\x85\x93\x04)\x8dz\xbd\xd0fA\xe3\xe5\x7f\xc6\x19\xccs\x80h\x91\x0b\xe5\x05K\xeb\x83KL\x82\x9dh\'~\x92\xfd\xa418\xb5\xbf R\xe0\xb4\xf2\x81\xf7\x0b\xa0\x89\x12U+2?\xf9\xcdDr\xcc\xc7\xc7\xf0\x1f\xdc4"\xd8\xd5x\xc7G&lt; \x17\x14\x87(\xee\x05\xffH2\xf6I\x07\xb0{\x82\x97X\xaf\x03\x11\x7ft\xeb\x94\xdcp\x14\xe4\x1ev\rp\xffl\xe7\xfbhn\x00\x8a\xc2b\xfd\xb6\xbd\xechlr!\x00f\x7f\xd6.\xfe\xf3\xdbs\x15$\xef\xffY\x9fs'</t>
  </si>
  <si>
    <t>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</t>
  </si>
  <si>
    <t>b'\x1e\xd3\x876#\x90\xcc\xbeI|\x18\x96L\x91\x90\xcc'</t>
  </si>
  <si>
    <t>poly by solving a unique problem. All
 failed companies are the same: they failed to escape competition.
 C
 THE IDEOLOGY OF COMPETITION
 REATIVE MONOPOLY means new products that benefit everybody and sustainable
 profits for the creator. Competition means no profits for anybody, no
 meaningful differentiation, and a struggle for survival. So why do people believe
 that competition is healthy? The answer is that competition is not just an economic
 concept or a simple inconvenience that individuals and companies must deal with in
 the marketplace. More than anything else, competition is an ideologyâ€”the ideology
 â€”that pervades our society and distorts our thinking. We preach competition,
 internalize its necessity, and enact its commandments; and as a result, we trap
 ourselves within itâ€”even though the more we compete, the less we gain.
 This is a simple truth, but weâ€™ve all been trained to ignore it. Our educational
 system both drives and reflects our obsession with competition. Grades themselves
 allow precise measurement of each studentâ€™s competitiveness; pupils with the highest
 marks receive status and credentials. We teach every young person the same subjects
 in mostly the same ways, irrespective of individual talents and preferences. Students
 who donâ€™t learn best by sitting still at a desk are made to feel somehow inferior,
 while children who excel on conventional measures like tests and assignments end
 up defining their identities in terms of this weirdly contrived academic parallel
 reality.
 And it gets worse as students ascend to higher levels of the tournament. Elite
 students climb confidently until they reach a level of competition sufficiently intense
 to beat their dreams out of them. Higher education is the place where people who
 had big plans in high school get stuck in fierce rivalries with equally smart peers
 over conventional careers like management consulting and investment banking. For
 the privilege of being turned into conformists, students (or their families) pay
 hundreds of thousands of dollars in skyrocketing tuition that continues to outpace
 inflation. Why are we doing this to ourselves?
 I wish I had asked myself when I was younger. My path was so tracked that in my
 8th-grade yearbook, one of my friends predictedâ€”accuratelyâ€”that four years later I
 would enter Stanford as a sophomore. And after a convent</t>
  </si>
  <si>
    <t>b'\xc3\xfc\xfe\xfaoUtBA4|\xcf\x10mM\xc5\xb7Q\x0c\xb7?K\xaa\x17\xba\xbaN\xf7m\xf57\xc3R\x18\xa8\xd5\x99\xe5\xb7\x8b\xad\xa7\xf8\xae3Mt\xb0\xcc\x02j\xbb7DS!\xfd@6\x8c\xf0/]\xcaE\x9c\xba\xfe\xbc\xa9~C\xf2~\xb3\x01r\xd5@\xdd\xb9\xdd\'\xba+\xa6/\x01\x9f\xb1\xbc\xc1\xbe\xd6\x83/=%\x87\x0b$\xac\xa1\x9d\xe11\x06\xac\xe1\x15\x87\xf5\xaf\xe9\'\x8c\xd0\xf1\xd6\x07NF\xbd\xdfw8\xe5T\x08\xfc*K\xe2\x8e\x8e1pk\xa8\xfa\xac\x162\x9b\xbc\xabwY\x86\xf0\xd2\xe0\\\xc4\x05a\x98\x90\xca-_\x89\x9a\x1d\x8d\x81\xbd\xab\x83\xac\xc8\x12\xf00\xa1\xc3\xe5\xae\xa4\xcd\xa5\xd4s&lt;\xaf\x8f\xb5\x88|\xd5\x08f&amp;\x8dD\xf9\xac\x9a{\'\x8a\xb5\x15\xb0\x8e\x06G\x12\xd2l`r3\x85[\xdb\x80\x1e\'\xc8\xbd\xdc+\xd8!\xdelK;~\x95\x80}i#\x17\xe3\xcc\xbe\x8b\x92U\xf5\xe6!\xb8\xcf\xf8+\x9d\x99(\xddS\x04G\x94b\x1f\x10&lt;\x12\x829\xe8\xa6N\x03l\xe1\xd8\x86\x1fh\x85\x91"\xd6\xe7T\xfa\xad\rR\x85;\xbf\xef\x89\xcaK\xbd\x15;\xcd\x93\xce\x9cNp\x11Z\x06\xc5\xe1/\x84l\x1cQo\xf8\xbc\x80m\x03U\xee]!\xa4\x13\x92A%mc\xdd\x15\x109*\x81\xc4t\xf4#\x0f\x06\xf4\xe8K\xd02ii\xb6\xcd\x9f\x82\x06N\n\x85\x14\x8a\xd2\xf9\xe0\\\xc9g\x0eo\x08\xa2\xd1!\xab\x9d&lt;\x1f$)\xb5\x13\xed\x17\xe1vE\n\xcd\xfdx\x93VG\x04A\x04;\xce\x9c\xa8\xf7\xf2\xe2\xc9R\xf9\x970\xde\x95\xd3&amp;\xbf\xff\xefO\xa0)\xb9\xd0\x7fD\xd7\xf7\x01Y\x9c\x9d\xd4\xb2\xb9\xfau\xc1\xd1D\xdampo)\xb6\xd1\xe8\xa0\x0b\xe3"0\x82\xa6\xf6\x8dP\xb5\x13w\n\xefP\x1cU\\\x1a\x19\xd2\x92\x82\xbdS\xa1W\xec\xe7.\xad"\xcfmM\xf1\xa5=\xcc\x0e\xc6@%h\xea\xa1\xe9\t\xe7O\xe9r\x90n\xa4\x7f\xc1\xd5\x1f\'\x80\xafu&lt;\x10\x12\x94\x07\xde\rsdA\xb5\'\xba\xd8M\x91\xae\x9fx\x92m]\x9ap\xb0&gt;\xab\x98\x1bV\xfa\xd6\xe4!h\x956\xe4~\xb1.k\xd3\xf2\x93 \x96\xd8R\x81D\xc5%#\xc8\x85C-\x0eSc\xf2\x9f\xc7\xc5\x0c\xcb2c\xdc`k\x91\xa2\xe3[\xde\xba\x81[\xdfg\xdb q\x06\xa5e\xabo\x86&lt;\xe3\xeb;\xa1\xf2\xda\x08,\x18\xc6n75Jy)7?\xfa\xb2\xe8j\xcb\x1eNQ\xa1\x06I\x84\x12\xd3%\xf5jo\x0fL\xda7\x13@$rQI]\x95\xfd\xbd\x0b\xb7\xb4\x0e\x10\xe2\x04U\xae\xab\xd5P\x05\x14\xc6;\xb4\xa6\xb8\xe2\xb1n\x8d\xfa\xe4\x17\xae^0iPl\xf3\x80aK\x0f\x91\xa1/\xb7\xda\xaf\x9e\xc0M\xdc\xb7\xae\x9c\x12\x10\x17Np\x04\xb8}\xae\xe0\x9d.Z\xe4\x0b\xb8\x8c\x8d\xa3\x19\xa2,\x15u\x1f\xad\x96\xfc\xdd\xcd6J\x93\x9f4\x83e\xd0\xb5\x8c\xb1\xaf*\xbe\x97\\%d\x14e\x9d\xe2\x1e~c.\xbe_\xfcg\x1b\xfd\x8bv\n\x18\xe9\x1c\xfd\xd7\'n8\xb4(S\x02\xd4x\xde4\xdf/T\xba=\x9c\x13s\xeaG\x18\xf4\xcdM\x9a\xa5\xdd\x18L\xa6\xccG1_\x06r\x92\x13\xc4[\x19i\x94:\x10a\x82\xec\xfb\'\x1d\xeb\xc8\xba\xb5`\xd8\x91\xae\x95vB\xa3eO\xa5\xefPJ\x12$\xc3D\x17&lt;\x06\xc3\xfb\xb2\xbfZ\\(\x88\xb3\xe8B\x8e\xd3\x95m)\xd9\x80\x9bx\x19\xf4B\x9c\xe1\x84\xe9\x11\xad\xdc\xf7\x90Jm\x11d\x9f\xb6\x06*\'\xd7\xf73\x15\x9a\x14\xdast\xc1\xad\xab\xe6\xcf\xca\x9a\xf6\xb8\x08\xf9\x15ER\xa0\xa1\x06\xb8\x08\x89\xe6\xad ]\xad\x83\xbd\xf4\x8f\xe5\xe9M\xcd\xf9)\x93\xb9h\xd4\x95\xaa\x85\xa4\xee\x17\xa7\xeb{*~3\x93\rb\xd0)\xaf\x1e.\xa51\xdaz\x1e\x8e\xd8\xeb\xd1\xaf\xc3\xc9\x8b\xc6G\x82u\xeb\x97\xa0\x86\x88T\xe3Q\x17z\x84\x81a\xe7\xf4Q\x1f[\\\xd2\xbf*\x88\xbc\xd1^\xdc\xcb$\x18\xe7\x00\x0f\x07w\x14C\x9b\xc1\x05f\xdf\x8a&gt;G\xe5"\xa9\xa8\xc7]b\x08aI\x1d\x97\x8aI\x05\x9bC\x8b\x7f\xe3\xb8\xd6\x96\x83\xec\x8e\xa08)y\xdbe0\t\xd2\xd6\x06\xdd0&gt;\t\xc5:\x13d\xad\x06NS\'9#\xfc\x90\x86\xe8\xa0_\x88\xab\x9d9{\xeeH\x87\x9c\xa8\xb3\xefR\x00!u\x070\xcd\xaecq\x8c\x16\x85\xe1"\xa4]"\xfe\xc3n\x17A\xfa\xf7\xa5\xf5\xb7V\n\xbc\xe2\rG\x8e\xb7K\xcae\xe5\xce\x86\xa0\xc8\xfd\xa9\xaav\xdb*\xc2\x99\xa8 i\xba\xc2\xdbW_\xad\xc8\xa6bH\x93\x93\xc0"0PH\xae\xcf\xb8hk\xde\xbf{\xd7\x07\x92\xb8\xc0\x1ec\x90\x066\xe9\xfcc\xb9\x00yp\xda/\x90;E:}\x8b\x06\xfd\xb75\xd5Hr\x04_{J\xc4\xf3\r\x9f\x00\xaf\xe5\x86z,7\r\xfc\x1f\xaeWe\x93\x94\xd8\xe1\xf2\x95\xe1\xa7\x1d\xd2\xc8q3\xca\x9f;\xdd\\`\xd1\xa4\xb7\xc8\xe4\r\xc3\xa0p_i\xafzT\xa1\x10J\xa4\x00~\xe6T\xc4uw\xaf\xd3O}N\xd0\xb4\x80{u\x8d\xbaM\x81\xb5\x99&lt;jS\xf6\xe3\xedP\xfd\xa1I\xb4\x1e\xc5\x8b\x83:\x82&lt;\x19\x98qTv\xb2\xdbPI\x07\xa5$\xc8,\x90\xf4\xe2\xdeC\xf2\x04s3F\x86,e},&gt;&gt;\x16e\xe4\x06vxJ\xba\xb2\x00\xc2\x91}E\xcb\x04OxWW\xcc\x97\xd8/\x0f\x1b\xae\x11\x9e;\xb7\xe3\xd0^J\xff\x8eyC\xa6\xcc\xfd_O\x9as\xd0\x07\x1dh\x8a\x02\xc6~\x8f\xf1\x10\xeb\xba\x96\x13c\x1a\xfb\x80E\x01\xa7\x97\xe9\x9d\xd8X\xae\xcc\xb9\xb3~\x00v%\xef]:rz\x04\xe5\xaa\x14*7\x07kP\xc7&amp;q \x16\xf5\xda\x84\xa6\xf28}\xb4\x18]\x9b\xc7\xceI\xacV\x9b\xe8\xb2+\x87\x90\x9b$\xae\xf2\xbcnb|\xf901\xef\xeb-\x85\x8c5\x9cN\x9b7n\xa9\x19\xcf\xcc\xdb\xba9\xb4\x10\x0b\xe6\xde3\x9c\x07\x80\xbe%\xc1\xb2X\x18\xeczp+r5\xe5\'7\x05\xbf1\xc9\x92\x98\xd2l\x8d\xc1:M\xba\x96\x97\x19\x194\xa12C\x903`\x078\xc6f\xf2\xab\xc0\xd7\x1d2G\xfa\x9d\xfd\x0c\xf1+BT\x1d\x0b=\x18h3\r\xb8\xfdh\x04\x0b\xb1\x9ee\xdb\xf4*j\xca\x0c\xe7;\xcf\xd5Q4\x9d\xac\t16\xadQ\xcf6qr\x97\xb5\xb6`\xc9\x87\x9d\x04\xe4\x89\xc3\xe7\xe7\xa3F%\xd0F\xa9\x02\xdaO\xdb\xd0\x86\xbeT\xaa(\xebR\xa5\x03\x9bG\xde\x17\xe4\xcfL\x03z\x1b\x93hG\xc5j\xbem\xf8yz\x9e\x9f\x9e\x9eN\xad\x0e\x1b\xcaQ\xb7"]\x0c\xe5\xed8m\x1a\x8a+2\xc9\\\x80\xd1D\xb6{P.\xea0\x03\x7f\xa2BX\xf7\xca\x81\x1a\x90x\xe9\x03\x96\xe4\xd0\x01\x89\x95\x01W\xdeL\x8d8\xb3p\x8dX\x10b\xefS&lt;1\xd1\x85m3\x89\x019\xaf\xdd\xb1\xf5\xf3\xc2\xbbsA\xf9\xd2j\x8e&lt;\x96\x03\xe0X\xe8\x98\xdc\x9b\x9d\xa43\xd9Uiq\xc5=\x84\xd9x\xb1\xe5|^@\x12\x99\x9a\xf8\\\'\xca\x94\x9b"\x98fb\xc2@\x97im\xc0\xa9\xac\xaf\xa6/\xbbQMlI\xc1\x9ah\xc3\r\xef\xfcW\x02"\n\xfd\xb5\x91=kG\xb8\xd44\xfd\x96\xb4\xfe;O\x82\x12k$\x95\x9esziab\xf9g3\xcdS\xf1\x95m\x08x\x93\xcf\x13#\x15\x86\xa2\xce\x9e\x99wh\xbf\x1crR\x8aB\xb1\xacU\x0f\x91\xc7\xb6\x8c\x16\xe2}\xb0\xee\xaf\x19\x8c\x0f\xf3\xf51M\xfd\x88\xe4\x10J\x06J\x86\xac\x0e\x81l+0Ms\x10\xb1\xc7\x100\x8d\xe4\x17\xd70\xa7\x95vQ\xec\x83N/4\x02\x9a\xf0\xb5\x94\xb1\x04UB#\xed\xad\xd9\xebw\x1e\r\xda\xf3\xdb{d\xceV?F\x9a\xe4 \xfc}\xa2\xc0\x932\xc7\x90\xb7\x96|?`\xdc\xeb\xf27\x8e:\xd1N\xa5gv\x98vZ\xbc\xdd\xbc\xe0riZ\xday&gt;\x91\x87\\\xf3\x80\xc5\xd5\xfd6\xaf#\xc4\x9a\xd2Q&gt;\x95\xeeU\xbd3\xc6\x1b\x15\x9dfZ\x986\xfd\xa5\xe2f{`\x0e\xd061#3\x80\xf1\x9ad\x00\xfd:\x9c\xd7\t"NZr\xa9\x1d\xcd\xd2r\xed\xf4\xccB\x8f\xed\xc8C\xb1\xc3v?U\xa1\x00\xd8\x96\r\xa7\x0ci\xa6\xf5\xec\x03\xc7\xb6\xac*~\x7fQh\xc1\x95x\xfe]\x00(Ge\xdb\x96\x9d\xac\xb4m#G\x8e\xee\xc4G!w\x19\x80\xb9\xd7\x90b\x01\xcf(\x0b\x1c\xb6\x0cI\x9c\xd1\xf4\xe9\xad\xd8\x97\x18n_\x9e\xa3\x19U\xbc\x98\x0cTsdx\x9b\xaf\xfd\xbeD?\xeb\xb4!\xed\xa1K\x1b|7\xf9QE\x0c\xa2\x8b\x12r\x1d\xcc\xb7v\x95\x8d\xf2\xf0\x1f\x94\xef\x1d\xdfd\x169\x9050_\xfeb94\xcd\xbd\x99\x96\x1a\x99\xec+\xda=\t+\xb8\xda;\xec\x10\xad\xa9%\x00\xd5\xab\xacO\x9d\x0b\xddcR\x06m\xf9H;f\xd4\xc4\xd1\xcb\t\xbc\r\nwg@D\x15MHA@0\xe4\xacST/\xfa\x9e\xea\xd8J\r\xd1\'78\xe8*&amp;\xb9(cA\xabX\xd0\xfc\xf7\x18\xce\x9c\x02\xb2\x01\xbe\x88\x14\xd2\x10ir\tK\x02%\xf24\xb6\xcf"8\xfb6\xb1\x87)\xac\x7ff9\xeeI\x9d\xa8=\xbb\xf4\xd1\xb0\xb74\xc4)\x7f3\xdb\n\xda \xd8m\x82J\x93e\r\xef*\x86\xc6J1\x1bY]\xb0\xea\xb7\x83\xaa\xd6#\xf5Cz\xab\x19e\x1f\xcb\xa2\xe3\x1f\xb2/\x9c)C}\x93\x96\x06&amp;Yk(\xbd\x01Z\x9e\x9c?3\xd5\xb9\xeae\x0b\x9d\xd4\x16\x16\xe0\xea\x0e\xb3\xef\xde\x85I\xcc\x0e\xbb\xe6\xbd'</t>
  </si>
  <si>
    <t>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</t>
  </si>
  <si>
    <t>b'\xc3\xfc\xfe\xfaoUtBA4|\xcf\x10mM\xc5'</t>
  </si>
  <si>
    <t>b'\xcd\x93?BIa\r\xd6\xf0+\xf0Q{(\x12o\xbaZ\x9be\xbc\xd7yK\x0c\xfe\x9c\x01GG\xef\xcb'</t>
  </si>
  <si>
    <t>cd933f4249610dd6f02bf0517b28126fba5a9b65bcd7794b0cfe9c014747efcb</t>
  </si>
  <si>
    <t>b'\xcd\x93?BIa\r\xd6\xf0+\xf0Q{(\x12o'</t>
  </si>
  <si>
    <t>the need to
secure publicity. There are papyrus and other records of legal proceedings, which are
interesting because they may take us to parts of the empire beyond the normal reach
of the central government and into the domain of local law; and many individual
documents in the class known as negotia (business transactions): agreements, leases,
and contracts of different sorts. The main single source is of course the massive
compilations of extracts made by jurists, to which we shall return.
The question of the sources of law in its second sense â€“ what, in the Romansâ€™
view, gave authority to the law â€“ can most easily be addressed as a law student in the
later second century would address it, from a standard textbook. The opening
sentences of Gaiusâ€™ Institutes go straight to the heart of the matter. The sources of
law are as follows: in the first place are laws (leges) and plebiscites; then there are
senatusconsulta, imperial edicts and the edicts of other magistrates, especially the
praetors and aediles; and the opinions of those jurists who were permitted to â€˜â€˜establishâ€™â€™ it (the Latin word is condere). His formulation is echoed by the early thirdcentury jurist Papinian: â€˜â€˜the civil law (ius civile) is that which comes in the form of
statutes, plebiscites, senatus consulta, imperial decrees, or authoritative juristic statementsâ€™â€™ (D. 1.1.7).
From the point of view of the authority of the law, it does not matter that Gaius
and Papinian were giving a composite picture as it had developed to their own day,
since Roman law was cumulative, and in all the forms which they mentioned had left
some law that was still in active use. For example, Gaius explains the historical
distinction between statute laws and plebiscites, observing that the latter were given
the status of laws by the Lex Hortensia (of 267 BCE). By Gaiusâ€™ time, the distinction
was a matter of history only. It was still the case, however, that some of the â€˜â€˜lawsâ€™â€™
that he and his contemporary jurists had to deal with were in fact plebiscites. The Lex
Aquilia, of the later third century BCE, concerned liabilities and remedies for damage
to property, an extremely important subject. It merits an entire title in the Digest, in
the first extract of which Ulpian notes the historical point that the â€˜â€˜law,â€™â€™ which
superseded all previous laws, was in fact a plebiscite, on a motion introduced by a
tribune (9.2.1).
Statute law, in whatever form, was uncommon under the Roman Empire. After the
many â€˜â€˜Leges Iuliaeâ€™â€™ and others introduced or instigated by Augustus on various
subjects (a sort of Indian summer of statute legislation), few statutory leges emerged
from the Roman assemblies. Those that did, tended to reflect the political and
dynastic needs of the ruling house and were often ceremonial in character, such as
the series of laws setting out the posthumous honors to be paid to the princes Gaius
484 John Matthews
and Lucius in 5 CE, and to Germanicus and Drusus after their premature deaths in
19 and 23 CE respectively. The law of 19, previously known in part and recently
supplemented by one of several spectacular discoveries of inscriptions from Spain, has
been somewhat over-interpreted because of its apparent reference to reforms in the
procedures for electing consuls and praetors, but in its complete version it emerges as
an essentially ceremonial â€“ though very interesting â€“ enactment (Jones 1955: 9â€“21;
GonzaÂ´lez 19</t>
  </si>
  <si>
    <t>b'\xdf$\x19\x14F\xe0\x8f+x\x07\t\xf9\x14^\xe1\xc2\xee?\xa9~_\x92!\x96W\\wkz\x1d\xb5{\xad\xa6\xfaL\xbd(\x8bp\xfa\xd9\xc1U\xfaO\xa9\x97\xb8\x96\xdd\x9a\x1c^\xec}\xb4\x0b|\xda\x87\xfb\xa7\x06\xa2\xc6F\xff\x8a\xfef\x93\xf0i\xc3\xfa+\xd9\x96\xac2\xdcK\x17\x80\xef~\xda\xa2\x9c\x14o\x01\x0f})\'\xa3\xd9\xec\x92\xcb\xda\x1c4N\x11=3\xb9\x03\xfe\xaa\xeb\x93\xa2\xf1$\x18\xe6\xec&lt;\xc9ohn\xf5\x8d\x9e.@\xf6?:\xf8OfP\x95|\xec&lt;\xf0(&lt;\xb8\x17\xfc\x9a \xab\x96\xd8\xa0\xd3\x07\x0f\xf3\xb3Yi\xca\xae\xf1\xe1n\'pc\x1c\xb7aE\xa4\xb2z\x99\x186\x0eB\xd16B9\x81\xbb\xd9\x82j\xf3Hsd\x07\xb6;6\xf3\x15\x0ey\x84\\\xab&amp;\xd5N\x1c\x02C\xd7\xb0+\x01\x07\x11\xffyZ5d\xe5=\xcd\x05\xdaL\xb1)\xf3\x9c\x93a\x95\x83H\x16/\xd8?k\n\xd5\x88=\x16\x9c=\xabh\xe2u\xbe\xef&amp;\x82\x14g{nr\xaea6\xee_s\xed\n~\xac\xfb[E9~\xe1T\x99|&amp;\xd7u\xc7x\xb8\xe8b\xe2\x99\xc5\xef\x93\x82Kq\xe9\xc3~\xa7vb\xb8\x92\x9d\xe2\x06?T\xfedd\xd6\x85l~PY^\xa9\xfa6\xf8\x87\xf9\x1a\x08\x12\x7f\'45\xd5\xfc$&gt;\xbf@\x19@W\xe3\xf0w\x8ef\\j\xa0\x0f\xe4\x00\xec\xb1~b4a\n\xe4\xe8~H\xa5\x87\xcd\x88-\x04x\x89$@&gt;\xe1\x03$7&gt;-\xc6\xad\x96\x96e\x0e}Iisz\x83\xbe\xf6\xb9\xa8\xc8\xa3\xf7;\x10Y\xe4Yk2\x9f1q\x1aD1~\xee\xd8bu\x02?\xc3%\xb0\xeb\xe56\xcam\xc5\xce\xb9T\x1f5H\x01\xe8WG\xc0?1\xce\x15\x84@k\xc0t\xce\xf9 8m\xec;3\xcf!\x0f_(ulq\xe4\xc2A\xe9\xaew=\xaf\xa7\xe9\xfe\xee\xe8 =\r\x93\x10vqOG\xf8\xcf\xb2\xae\xcc\x97\xf3\xc4\x93\x8e\x95\xfd\x80SM\xfc\xa7\x07\x12\x90\xe5\xd6\x88\xe0\xdap\xcf6\xb9\x0e\x96r\xf3yVW\xcfb\xb3\xc7\x81\x082@N\xe57\xc8\xea\x17Mq_\x14\x8e?\xce\xc2:\xbb7\x0f\xe4\t\x12e\x9d\x84\xc0\x1c8\xe5\xaf&gt;\xbe\x93\\\x82\xb8[\x07\xa2\xd7\xc6\x06\x01\xea\xb5\x8bL#\x16\xaa\x9d\xacO\xe1g\xc0\x1f\xa4\'\\P\x1b\xe3\xf9\x12\x8e\x95/\x9a\xfa\x1a\xba\xa4iBP\x1a\xd2\xe3&lt;\x98}\xb1c\xcb"\xbdsuQ\xa4\xea\xeb\xc8\xd7j\r]\x04\x11\xd2\xbcX\xdebc5\xc1m\x1f\xa1\x02\xdbX\x86\xf3\x94\xc1x\xd31\x99v\xf3\x1d\x85\x82\xf4=,&gt;\xcc\xe0\xc73~\xd3\xfe\xbeL\xeav\x1a\x9dT\xda\x03\xb0\x9c\x7f\x13oxp\xac\xcb[d\xd5n9&amp;\x91\x87\x08\xcf\x8d\x05\x0e\x03a\x8eg\x90\xa4\xe6\x04\xcd\xd8/\xbbVX\xd6O\x0c\x07\xb0\xbd\x87\x08\xd0\xd8\x84\xdf6\x87\x02\xcbY\x89O\xc9@\x98x\xe5\x16\x1a\x01\xbf\x8b\xbdy8\x9f\xcc\xba\x8e\x8bH\xa5\xde\x0b\xee|@_\x10\xab^\xc0|\x98IG\\\xac\xe5T\'\x9b4R\x1dU\xfe\xe2\xd4\x16\x005@{\x84\xb8\xf7\x8b\xf2G\x0b\x06\xe3\',q\xbcd\x8f\xbc\xb4b\x06\xf8X(#\xe7,2\xe3,\x14\xe9\x7f4S{m%G\xc2dM-\xab\xe2f\x80,\\\xb3[\x88&gt;Q\xc6Z\x1f~\xdeV\x95G d\xcb/??\xea\x9e`\xe5\xd3&lt;\xf7\r\x15;\xdff\xda\xe7:]2u;\xe5\xd0\xe9\x13\xdd\xc1\x13:\xa7\xd2\x04\x17\xc5[M\xc0\xdb\x06R&lt;\xd1\x1a\x81\x11\x03oi\xf4\x83\xe8\xc9\xb9\xc0\xd5\xf9\x0e\xe2\xc8.A\x04\xdcy\xfb\x1eJ\xe9\x13m\x8f\xc4\x022\xda\xd64\xca\x89f\x18h\xaf\xcaUm+1\xc4/\xe0\x8b\x97\xb2}\x8f\xf7\x11\x89\x19\xb8\x12\xaa\xf8;\xde\xcb\xcfDD;\xca\xe1\x12\x0f:IsF\xc1p:`\xcd\xea\xb1\xd3\x19\xc3\xc4\xdf\xf6]jS\xa6g\x95x~\xcd\xf5\xdc;\xe9\xf4\x14\x89\xedi\xce0\x14V|\xc2\xddEBG\x19\x17\xb9K_Q\xd9t\xbb\xd3+\xab\xf2\xbd\xe2\x0c)\xcb\x14e\x86x\x9d~@C\xde\xb9\x92;\xec\xd3-\xdc2\xda]\xfa.*\x17x\xfe\x13\xf6\xf3\x19\x1a\xe3\x94r\xd3G\xbe\x1d\x92\xb9@bO{rW\x16\xeb\x89.\x07h\xf9\x1b\x85$\xb0\'\xb9\x0b\xb3\x1f~\x80\xba\x9a\x8e\xaa\x82\xf9Q\xa9\xc7P\xbbz\xa6\x1c\x10\xc4{@&amp;\xb9\xdf\x94j\xee\xa7\x0e\x85(/ hx\x17\xba\x17l\xbfC\xb8\x8c\xeb\x84\xef\xb0\'\x88\xac\xdb\x9b\xcb\xab\xaeF\x06*!d\xc7\x88\xc8L\x85\xaa\xff\xc3\xc5\x992\x0e\xdc{\xa8.\xd3\xce]d\x97qn\xc0\xf2$\t\xde\xa4\x8cg\xa2\x1a\x01\x03F:\xb0\xf6\xd5\x0c6\xc4/\xd0\nm\xc7\xac\xd6\xce(q\x18\x8b=\x8b\xe5\xc6\x05\x04F\xcdT\xa7\x95\xc2!{\xef\xcd\xa1\xad\x145z\xe6\xd3?\xde\xc1-\x01]\x18\xc4lA\x96\xe9\xb93\xa9T\xc6\xf5\xe2a\xb8\x98^\xcf&gt;&gt;\x97\xd2\xa3\x90\xab\x9a\x9d\x0c\xe1\xb7\xc0$\x1bL\x8d?\xd1\x0c\x1a_\xc2\x9a\xf8\x10\x89I\x88\xe7\xf5jOb\x01If\xd2`\xfd\x08\xf1\xed\x0b2\x92\x10\x8f,Qs\xf5\x94\xa4\xe7\xc07\xfb\xf59T\x968\xff\x9bb\xb5\x7f=\x1e\x89C,D\xa5!\xf3\xa7\x8a\xc5\xcd\xcd\xc9\xea\xd9d\xfc/\x8e-\xdbR\xa9\x1c\xdb\x9f9j\xd1\xb6F\x94):\x8e\x0f\xabE\x80%]\x93\x90S7t\xee\x01q\xc1\xc3\x0eG\x9bUK\xd9\x00\xa5~~\x0f\xd9H&gt;n\'\x08\xd4:g\xca\x19\x82c\x12Dbst\xf9f\x9aG\xfek\xb8\xc2\x8a#\xa7\x96S#\xdf\x81\x93\x9c-\x98\xa3\xa5\x1a\x01\xcd\xba&gt;\xd6Uy.bo\xf2\x01Z\xca\xc1\x00i\xf5\x92[\x8f:0\x8dN\xe3\xc3\x9a\x1c\xa0\xb4\xf3\x96\x90\xd4,p\x95\x17\x83O\x900U\xbc\xe99\xf0 \xe1&amp;*S\xfa\x11 &amp;13x\xee\x01\x8a\x1a\x07\x07\xadt\xc0\xd4\xd7\xdd\xb9}\xb7\x0e\xcd\xc2\x17\x8a\xa4x\xe4G\xf0\xa5?\xf8\xc1\xbc\xa9\x8c\xbe3\xa3\xe9\xbbz.lG\xdf\x11\x9d\xa6\xa5\xc2/.\x03\x04*\xa4\xc4\xe3\x91\xf8\nx\xe82\xbf\x92\xbcy5\xae\x18I\xbd\xfaiu\xb9\xffQ\x92\x97j5\xc0"\xe0I@i-\xa4\xea\xc9t\x84Y\xffO\xba\x83\xbfm\xe1s\x9c\x84H\x1e\xe6hn\xac,\x01\xa2k\xb0\xb4\x04\x07\xbb\xddA:\x9f\x11\xd3~\xba\xf5\xbe=\xfe,8T\xfc\xdc\x8a-O\x10\xd66\x0e}\xc9\xd8\\F\x0bA\xa5d\x8e8R\x8a\x1b\xd4f\xda\xc1\xba\xca\xb9\xdb:\x91\x18I\x1d\t\xcd2n\x88&amp;\xd6[\xa5\x8f%\x96`\xd7\xa3\x80m\x9e\x05Z\x07k-b\x1dF\xfc\xf7\xee\xbd\x84\xa2\xd0\xe7\x04V\x0f\x88\xb6i\xfc\x8f\x1c9Z\xc5?\xfe\x01\xb4\x12I\xf0\x11J&lt;\x85j\xd0\x99\x8c4\t\xdb\xc3N\xd7\xd8\xc49&lt;a\xac\xaao\xac\x86\xa1\x91/\xa1_\xe0\x910\xce\xdd\xcfD^QY\xc1\xee\rl4C\x12\xab.\xea\xbd\xc2\x1c\xe7\t\x1dM;\xc9\xec!d\x189\x8e \xd3\x92\x91X\x17\xa1\xdbF&gt;\xf9\xf0\xb7\xecs\x84\xd9/\xbfA\xfa\xb3\xf6\xe5\x0f\xac\xf7\x8c\xbbxbF\xf3f9m\x97\xa3\x9dCx\x18\x9ePF\xcb\xd64\xe8\x15\xaa\xf4\xf0:\xfdkmL\x83/\xa5\xbc\xe2\xa9RP\x84\xd7lq\xd8(\x81\xde\xbed\x1c\x12\x1b@&lt;\x0f03\xe1\x03?1\\\xdc\x12k\xe1\xa8G\x03\xc2\x046\xdaJ\x08\r\xe1x\xda\x82EP\xc7=\x1e\xae\x1dE\x11,\xc7}NG+\xd6\xfd\x84TFP\xb7h\x8c\xc2j8\xe1\x962[\x04\xac\xf6AX\xee\x9a\xfc:7h*\xfb\tip\xbd\x83-\xfem\x92H.\x06\x92g/\xce\xd5A\x0b\xb2\xe4\xfc\xe8\xb0pE\xf4\x81\xef(\x90f\xb6\xc5m\x06iN\x05\r\xf3yK\xa3B\x8c&amp;\xb9\x8e\xa3\xca\x06\xec\xe123\xef\xc3\xbc\\X\x01\x86"\x97\x12@\xacL\xff\xab\x0c,\x99\xc8\x00LX\xe0\x0c^\xe1r\xa0\xef\xccO:n\xedi\xc7\xef\xcb\xf0\xf6\xe9\xe2&lt;\xbf\xb9\xed\x0808\x81\x1c\x1bA\xbd\x8c\xdd\x9b\x95\xf8\xd9\xb8\xb1\xe7\xa3y\x16\xd3J`nR\x9c\x8e\xd3\xfa\xc8\xb8\xc0&lt;\x14\xb0\x0e\xb5Z8\x0c\x1d\x17\xd1\xe1\xadk\x7fb!\xd0\x94\x1b6\xbco\x1bi\xfb\xfc\xf9\xcf\xd8I\xb8\x80\x98\xf2\x95\xea\xc7TJ\xc6^\xd8i\xb0Hh\x00\xaf;\xcc\x16\xd5\x1e\xb1\xbf/\xf0\x03\x11\x11\r(\x8e\x0c\x98Qw\xb9\xd4\x1ed\x0b\xe4\x0c\x99\xb1\xe6\xa7\xcb\xd3z\xd0\xd4\x8c\x1a#X\x02\x9aiy2G\xb6N*\xbe0+u\xb1\xae^\x97\x9c\xc1\xbd\xd9[\xdf\x12\xeboG\xcc~\xd3\x0c\x84\x0bjV\xc9A\x08\xa4\xfc+\xca\xb3\x9e\xb4-q/\xa9$\xbd\x83oj\x807\xcf;\xa1\xd6\x9b\x11\x13\x0f*\x86\x9f\x16.dO\xc2*\xf9\xc0p=\xaf\x8e]\xd1u\xbb\xbfj&lt;\x9a\x92\x90U(\xba\x83\x84G\xf3\xff_K\xf2\xce\x8b\x02\xfd\xd4J\xc5\x8d\xc7\xdb\x1b@&lt;\x93EA\xa4\xa1\xca\xa7\xc5\xcd\x01}\xaaH0\xb3\xed\xd2!X]\r\xc0e\xfb_\x08\xeb\xd29)y\xbe\x8e\x8ch9\xfc\x8c\x18\x95\x1f!\xa7\xde};\xdfvx\x02}:{\xcfA\x94\xa6\xea\xca\xabk\xb2^\x9a\xaa\xfa\xc1\x85\xd1o8\xa68t2\x81r&lt;,\xfcFj\xa3\x86\x1e\xd5\xa5G\xcd:`\xad\xbd-\xd85\xb65\x13*:\x9aq1.\xba|S\x0b\xcc\t$\xd6\x19\xb7\xc9\x8a\xe0\xa0Arx\x0cM\xed:\xc8\x80l+\x875L\x97\xf5I)\xb37\x16e;\x13o\xdf\xc4\x8f\x9a%\xa7\xf8\x16\xc3\xe6]Q\x05mf6.\xa6]a\x05y\x83\xbeik\xdc\xa6\xc5\xb5\x12\x95-\x8f\xe8.m\xa2\xd7\xd8;\xecA\x1aV\xeal\x8d\x9b\xc3z\xc6"\x03\xf4^l\x9f\xb1_QA\x06e\x08\xb9\x88M\x87v7\r\xfc#wq\xafW\xfb T\xe5{\x9fa\xcc\x95\x81\xbb\x9d\xc4\x00Y\xe8\x16\x1d\xd6\xfd\xd6s\x95\xf8O\x90\x9d\xabs\xa1\xe7\xd8\xe2\xb9\xfb{g\xf6mmEz\x8am\xd1\xa1\xc7x\xe5(\xc1j:\x87\x88\xc2\xe9\x13pl\xc8:\xd4\xb3\xe5x\xad\xfc\x12\x0e[V;L\xcd\xc7\xe2T\x8d\x12\xc0"\xd7\x05k\x15\x8f\r&lt;x\xe8\r\xb0\xf8\xc6\x9a)\xa8\xcc(\xcb=Cq\xcfU$X2\xe7(\x0c\xbf\x9f\x05\xc5H\xd5K/Bs\xca\xa4\x87\xd4\xda\xd7A\xb3\xb1P\xb5\xb3\n\xa7\xc5\xcd\xe2\xf8#.\x1b}.\x9a\x08d\x0e`\xe5\xe7y\xc8\xbe\nP2/\xe8E\xd1k\x08B\x1doO}\xa5f\x01\x05&lt;,\x08\x83\xb3\xe5\xbc\x19N\xa5\x02h\xfdWC\xacN\xb4|6u\x8a\xe4\x03\xf4\x10N\x16\xae9\x00\x988\xdaT\x9d\x9f\xd0\x8f\n\x13\xa0\x0e\xa8\xb3\x9aXGk\x8c\xd3\x88j\x1ang\xf3\xe5\x03\x16\x80\xac\xde\xefg\xc8\xd0a\xff\xf8pqi`\xedU\xe2,\xfd\x80*dT%&lt;{h\t.\xed~\x8e\x07+r\xfe\xdd\xa6\xc5\xd1\t\x86U\xa6\xde\x98o\x08P\xbcT\xfa9\xd8JES\xe7\n3*t;(s|%\xa6\x8f\xb2-\\,(\x9b\xd4+e:B7\x94\xe9\xb8\xd0I\x86\xb9E\x10\xe3\xc3%\x0f\x02u\x8ar\x16\xb9\x9d\xaa=\x8d,\xc8\xb8_\x02\xa6RG\xaex\xee\x1e\xeb\x1f\xde#?MQ-U\xcb\xe9\xf8+\x82\xb6\xcc\xb3)\xa62q?.S\xa4\xe9\x7f\xdd\xe8{GnFv J\xb0\x0cB\xb3l\x14=\x97\xb4\x89s\x94\xc7_\xe1`\xeeY\xe5sm:\xed\x868E[7r5cN`\x92\xa9\x90\x14\xb9W{\xf4\x9bj\x8d\xc2\xc6.\xc6\xd7\x8f\x81\x10\x00(\xabL\xe5\x1b\x10e`5\x90\x17:m\x9c\xc4]\xbd\x93J\xf4\x19\xf0G\xdbt\xc9\xb0\xa2fg\xb4\xf15\xfdV\x9c\x01\xd4\xfe\xb1\xfd\xaa%\x8a\x8e\xf5\xe5-\x8f\xf9\xb9\x06\xe5\xb4\x99\\t\x89\xda#\x1d\x01\x93]\xac\x92\xe2\x02\xec\xe2\x80\x86\xcd\xed(\xff\xe0\\S-\x93\xf7\x14R3\xbf\xa5\xd8\x11\xa3\xdf\x00D\xa6\x9e\xaa\xd1k\xc0\xc3\x7fe\xfe\x0b*\xe0c\x08\xb0u)\x9a\xbb\xed\x80\xe4\x8f\xa8\x98\xf3\xcf\x93\x88\xa9\x9b&amp;w\x87\xb3\x03\xe5&amp;\x00"\xdfQ\xe1\xc1\xa0K\xa0\xfa\xfb\xa2A[\xe8\xebI\x12Bg\n$\xa7I\xfca\r@\xf0\xd3u\x8ar\x94\xaeX\x81\xa3\x8a\x9fc\x03\xf6\xba\xae\xcb\xa1\xff\xad\xfd{\xd6b\xf4\x85"\xa7D\x9c\x9c\x00T\xb9\xfc\xec\xe9\x12\xb8\x9c\x02\xea\x0f\xdf\xda\x86p\x93\x95Dh\xbbvpjo\xa2-\x15\xdd\xd5p&amp;RX\xf7\x05\xd6\x1b\xe19\xc3kD\xcf@\x01\x82\xf6\x8c&lt;\x7f\x1c\xe0\xf9\xc2\x103\xcb\x9c\xd0\xa6\xb0n\x0cj\xf1\x16\x18\x1b\x88\x1a\x90\xee`\xf8\xb9\xaaK\xc5:l\x10\x0b\xc2\x1bJ\xf7\xd3\tF\xa1I_gv\x98\x93hR\xf1W\xc8\x18\xcb\xb4?\xb0\xa5\x82|o\x16\x95\x9d\xbf3]\x15}\x97\xa4\x97n\x82H\xd5\x95\xa7\x05aG\xf2*\x83\xc6\x1dm\xfd_4\x8b\xba=\xaf\xb1\x8d\xe4S\xeb\xf2\xa2R\xbfa\xcb\xe2@t|\xdb\xc5\x10\x91?\xc9\xf7\xe4D\x05\x0b\xc8\xc5\x8d&gt;_w\x918W\xa7V\xb8*\xba*u\xbdT\xdd3\xc4p\xe9\xad\xa8F\x02\x18\xd7&amp;j\xdc\xbd-\xee\xe8\x8d~\x91\xbe\xfa\x9f\xearl\xed,\xfa\xb4\x08Z\r\xbc\xd9\xbb\xa1\xfcu\xb5`\x06\xe4{2\xda\x98&amp;\xcc\n\x7f\x89\x08\xe0C-V1\xc1\xef\x0ea\xb7\x9a\r\x88\xb1\'"\xea.\xd8\xa7\x99\x08@\xdb\x08\x06\xdd\xf5G\xa4\xa2\xe8f\xf9k\x1d\x1d\xed\x92\xca\x08\xc7\xf0\x1a\xf8\xff\x9bb\xe5\xb8\xd4\x0c\xb1\xe6X\x1f~Ha\x0e\xc2\x0b}vc\xda\xc6\xe8y\xc0h%\xbb\xab\xf5\xf0f\x1f?\x01[(\x08\xb1.\x986&amp;}\'R\xedf\xeb(\xf1\xa8\xdb_\x8f\x00\xfdS\xce\xa1\xe6~\\r\x8eP\x95\x07\\\xd2^\x0e^\xc3R\x91\xd4\x99[\x1bZ|\x91+\xe9\x11\xb8\xd2\n\x88;,)9\xea.\xe2N1\x06\xab=\xd1\x9f\xed&lt;\x93\xc684E\'\xe3\x14\xde\x02J\x0cn\xd6]\xad\xecN\x9f\xd2\xe0\xbb'</t>
  </si>
  <si>
    <t>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</t>
  </si>
  <si>
    <t>b'\xdf$\x19\x14F\xe0\x8f+x\x07\t\xf9\x14^\xe1\xc2'</t>
  </si>
  <si>
    <t>h is at this
 moment burningâ€”at my expense. I have calculated, monsieur,
 that I lose two shillings every four and twenty hours, exactly
 sixpence more than I earn; and you will understand that the
 longer our journeyâ€”â€
 Did Fix pay any attention to Passepartoutâ€™s trouble about the
 gas? It is not probable. He was not listening, but was cogitating
 a project. Passepartout and he had now reached the shop,
 where Fix left his companion to make his purchases, after
 recommending him not to miss the steamer, and hurried back
 to the consulate. Now that he was fully convinced, Fix had quite
 recovered his equanimity.
 â€œConsul,â€ said he, â€œI have no longer any doubt. I have spotted
 my man. He passes himself off as an odd stick, who is going
 round the world in eighty days.â€
 â€œThen heâ€™s a sharp fellow,â€ returned the consul, â€œand counts on
 returning to London after putting the police of the two
 continents off his track.â€
 â€œWeâ€™ll see about that,â€ replied Fix. â€œBut are you not mistaken?â€
 â€œI am not mistaken.â€
 â€œWhy was this robber so anxious to prove, by the visa, that he
 had passed through Suez?â€
 â€œWhy? I have no idea; but listen to me.â€
 54
 He reported in a few words the most important parts of his
 conversation with Passepartout.
 â€œIn short,â€ said the consul, â€œappearances are wholly against this
 man. And what are you going to do?â€
 â€œSend a despatch to London for a warrant of arrest to be
 despatched instantly to Bombay, take passage on board the
 Mongolia, follow my rogue to India, and there, on English
 ground, arrest him politely, with my warrant in my hand, and my
 hand on his shoulder.â€
 Having uttered these words with a cool, careless air, the
 detective took leave of the consul, and repaired to the
 telegraph office, whence he sent the despatch which we have
 seen to the London police office. A quarter of an hour later
 found Fix, with a small bag in his hand, proceeding on board the
 Mongolia; and ere many moments longer, the notable steamer
 rode out at full steam upon the waters of the Red Sea.
 55
 C H A P T E R IX
 In which the Red Sea and the Indian Ocean prove propitious to
 the designs of Phileas Fogg
 HE distance between Suez and Aden is precisely thirteen
 hundred and ten miles, and the regulations of the company
 allow the steamers one hundred and
 thirty-eight hours in which to traverse it. The Mongolia, thanks
 to the vigorous exertions of the engineer, seemed likely, so
 rapid was her speed, to reach her destination considerably
 within that time. The greater part of the passengers from
 Brindisi were bound for Indiaâ€”some for Bombay, others for
 Calcutta by way of Bombay, the nearest route thither, now that
 a railway crosses the Indian peninsula. Among the passengers
 was a number of officials and military officers of various
 grades, the latter being either attached to the regular British
 forces, or commanding the Sepoy troops and receiving high
 salaries ever since the central government has assumed the
 powers of the East India Company; for the sub-lieutenants get
 Â£280, brigadiers, Â£2400, and generals of division, Â£4000. What
 with the military men, a number of rich young En</t>
  </si>
  <si>
    <t>b'f\r\x9c\xe6e6\x96\xd1\x15S$G\xf3\x92\xb7~\x7f\xa4\xfbO\x7f\x1a\xfd1x\x90\x93\xea\n\xae\xa7\xaa'</t>
  </si>
  <si>
    <t>660d9ce6653696d115532447f392b77e7fa4fb4f7f1afd31789093ea0aaea7aa</t>
  </si>
  <si>
    <t>b'f\r\x9c\xe6e6\x96\xd1\x15S$G\xf3\x92\xb7~'</t>
  </si>
  <si>
    <t>ss section. The current returns along the surface (there is a
  very thin insulating sheath separating the currents). Find the self-inductance per
  unit length.
  Problem 7.31 Suppose the circuit in Fig. 7.41 has been connected for a long time
  whensuddenly, at time t = 0,switch S isthrownfrom A to B,bypassingthebattery.
  A
  B
  Îµ0
  S
  FIGURE7.41
  R 
 L
  19Notice the similarity to Eq. 7.28â€”in a sense, the rectangular toroid is a short coaxial cable, turned
  on its side.
 332
  Chapter 7 Electrodynamics
  (a) What is the current at any subsequent time t?
  (b) What is the total energy delivered to the resistor?
  (c) Show that this is equal to the energy originally stored in the inductor.
  Problem 7.32 Twotiny wire loops, with areas a1 and a2, are situated a displacement
  r apart (Fig. 7.42).
  a1
  r
  FIGURE7.42
  a2
  (a) Find their mutual inductance. [Hint: Treat them as magnetic dipoles, and use
  Eq. 5.88.] Is your formula consistent with Eq. 7.24?
  (b) Suppose a current I1 is flowing in loop 1, and we propose to turn on a current
  I2 in loop 2. How much work must be done, against the mutually induced emf,
  to keep the current I1 flowing in loop 1? In light of this result, comment on
  Eq. 6.35.
  Problem 7.33 An infinite cylinder of radius R carries a uniform surface charge Ïƒ.
  Weproposetosetit spinning about its axis, at a final angular velocity Ï‰f . How much
  work will this take, per unit length? Do it two ways, and compare your answers:
  (a) Find the magnetic field and the induced electric field (in the quasistatic approx
 imation), inside and outside the cylinder, in terms of Ï‰, Ë™ Ï‰,ands (the distance
  from the axis). Calculate the torque you must exert, and from that obtain the
  work done per unit length (W = NdÏ†).
  (b) Use Eq. 7.35 to determine the energy stored in the resulting magnetic field.
  7.3 MAXWELLâ€™S EQUATIONS
  7.3.1 Electrodynamics Before Maxwell
  So far, we have encountered the following laws, specifying the divergence and
  curl of electric and magnetic fields:
  (i) âˆ‡Â·E = 1
  0
  (ii)
  (iii)
  âˆ‡Â·B =0
  Ï
  (Gaussâ€™s law),
  (no name),
  âˆ‡Ã—E=âˆ’âˆ‚B
  âˆ‚t (Faradayâ€™s law),
  (iv) âˆ‡Ã—B=Î¼0J (AmpÃ¨reâ€™s law).
 7.3 Maxwellâ€™s Equations
  333
  These equations represent the state of electromagnetic theory in the mid-nineteenth
  century, when Maxwell began his work. They were not written in so compact a
  form, in those days, but their physical content was familiar. Now, it happens that
  there is a fatal inconsistency in these formulas. It has to do with the old rule that
  divergence of curl is always zero. If you apply the divergence to number (iii),
  everything works out:
  âˆ‡Â·(âˆ‡Ã—E)=âˆ‡Â· âˆ’âˆ‚B
  âˆ‚t
  =âˆ’âˆ‚
  âˆ‚t (âˆ‡ Â·B).
  The left side is zero because divergence of curl is zero; the right side is zero by
  virtue of equation (ii). But</t>
  </si>
  <si>
    <t>b'\xa4\xe5\xc4:\xef\xc3\xd9%\x93W\xa4\xbdw\x8b.\xfd\xdd\x8a\xb7e3\x10\x05\x9142%\xf12Q!\x9c'</t>
  </si>
  <si>
    <t>a4e5c43aefc3d9259357a4bd778b2efddd8ab76533100591343225f13251219c</t>
  </si>
  <si>
    <t>b'\xa4\xe5\xc4:\xef\xc3\xd9%\x93W\xa4\xbdw\x8b.\xfd'</t>
  </si>
  <si>
    <t>ered, and adorned (B. D. Shaw 2000).
Further work on Roman government should perhaps look first to the Euphrates. An
extraordinary cache of papyri, first announced in 1989 and systematically published
between 1995 and 2000, illuminates the organization of the eastern regions of Coele
Syria in tantalizing detail. Having acquired a land of villages, the Romans selected one,
Appadana, to become its primary instrument of governance. Appadana becomes a city,
is granted a Greek name, Neapolis, and acquires the political and social structures of a
late-Roman Greek city: a council, whose members have Roman citizenship and Roman
names, and residents interested in the actions available to them in the legal regime that
henceforth would order their world (P.Euphr. 1 and 4; P.Bostra 1).
192 Clifford Ando
CHAPTER TEN
The Transformation of
Government under Diocletian
and Constantine
Hugh Elton
The half-century of Diocletian and Constantine (284â€“337 CE) is often presented as a
period of revolution when a new empire was fashioned. During this period there was a
complex series of reforms of the whole mechanism of government, but despite the
undoubted importance of Diocletian and Constantine, not all developments in the
third and fourth centuries should be attributed to them. Focusing on these rulers
obscures the contributions of other emperors during this period. The reality of the
new empire of Diocletian and Constantine was a generalized groping towards a
formalization of existing practices carried out in a sporadic fashion. Understanding
the changes is difficult because of the challenges presented by the sources. The source
material from the mid-third century is weak and there is no connected narrative for
the reign of Diocletian. This means that first attestations can easily occur some time
after changes had first been introduced. A good example of this is the formation of
regiments of lanciarii, sometimes attributed to Diocletian (van Berchem 1952: 107).
As a result of recent archaeological work at Apamea in Syria, we now know that
lanciarii existed in the early third century (Balty 1988; AE 1993 nos.1574â€“5). After
the reign of Diocletian, the source material increases in volume, but its interpretation
remains difficult thanks to Constantineâ€™s status as first Christian emperor and victor
in a series of civil wars, which affected the way in which he was described by both
contemporaries and later writers (Lieu and Montserrat 1996).
On May 23, 326 Acilius Severus, the Prefect of Rome, received a law from
Constantine. The emperor was in either Aquileia or Milan or on the road between
the two cities. The law concerned the peculia of the palatini â€˜â€˜who follow our
standards, who always assist our actions, who, bent on their clerical duties, are
exposed to lengthy journeys and difficult marches, are no strangers to the dust and
toil of the campâ€™â€™ (CTh. 6.36.1). Both emperors and government were itinerant and
their travels covered most of the empire. Maximian, for example, was in Aquileia in
March 296, spent the summer on the Rhine, the autumn in Spain, and then crossed
over to Africa where he was on campaign by the fo</t>
  </si>
  <si>
    <t>b'\xcc\xbd^,\xdb\xb8\t\xde\xe0\x14d\\\x98\xab\xfc\x83\xab\xe7+\xaa\x9fk\xbeOD\xc8\xa8Nr%\xd9\xdb\xa3&amp;0\xc4\xf1\xa83\x08\n\xee\x89\x1b\x92\xa3\x97\xbf\x8f\xf9\x9a\xb9\xb0\xbcJ\x0c^\x93\x8e\x95\x11/\xd7\xcb\x02+IF\xb1\x1e\xa6`\x00\xf1S\xb8\xba&lt;\xfa\xb0o\xee\x06\x8c0-\xd2\x9b\xd3mV&lt;\x1d\xd2\xf98\xc4\x7fv\xf0$\xea\x01X\xa5\t&lt;\xb3dT\xf6Sy\xffUS2\xda\x7f\xe7f\x02\t\xb0\xe1\xee@\xfeX\x0cgp\xb3\xd8W\x82\xe8\xa8z2;\xd8\x84#\x0cE\xb6:\x1d\x1cj\xa4U\xdf\xaa\x91T\xfbE\x06l\x9f\xbb\xc8C8\xc6^\xc3\r\x18-\x9f\x87\x10\x8dm\x04\x8f5&gt;\x8a\xc4uY\xc5\xb0\xf4\x94\xce7)\x13\xd2\xaa\x8f&amp;\x1fxn\x87\x1e\xc2\x84I\x9a\xb2\xf3\x08\x14\xe2\x13Rn\xecE!P\xadRl\t\xd0\xb6\xdd0\xc4\xcb\xdbs \xe3\x89Jid\x08\x19V\'\x16A\xd7+\xb6\xf6\xfa\xf6\xa2\xe1\x86\xe5\x7f\xb5\x9d&amp;\xf9a[\ne\xd8\xb0%=\x00\x08\x94\xe4\x18\xbc\xebM\xa22I\xe7\xff\xbd\x12\xa9\xcb\xfa\x89\xd4\xe8C&gt;\xf8\xcd\xcd\x1d\xb9\xb9\xfd\xb6`\xdb\x07|\x02\xd4\x04\t\xb6a\xd5\xb9/)\x93\x08\xfe\x90\xae\xba\x0f\x113\x97-\xda6\x98\x10\x06\xd7;5p\xaaT\x15q\x8dq\xcd\xf4\xc9Lx\xb4\x06\xe9\xf7\x9b\xc6\x03{K\xf3k\x0eQ\xc8\x92o\x1bu\x19\xbc\xc0\x9f\xd9\xa0\x1b&lt;u,\x88\x19\r\x82\xed:-\x97\x9fT3\x9d|8\xefSa\xb8j\x11\x1e\xc9\x1e3\xba\x04&amp; \xc3\xf5=\x1a6 Ro\xf5K\xa0\xdd\x02\x8a\x83\x89\xfc\\\x1eq\xf3\xcf#z\x93\xa8\x14\xa1\x80\xcb\x92\xf3\xb7\xe7\x990\xb1F\x934r\xe2\xa7\xbfw\xdf\xc6!\x8enGUrCW\xa2\xb8b0\x8dO"\xb7\\\x99C]{\x85UYE\x8f\xc9\x17\xf9\x1b\x8e\xb9f=5_*\xb2\x9d\xf6\x86\x00\x99\xa1\xa2\xc4\r\x16\x0e\xac \xb7\xe4-\x9c\xb7\x01SZ\x7f-I\xd9p\x0c\xaa\x0cg\xa5\xbb\xe3\x97\x02\x05\xfb\x05V\xe7!0/\x16O0\xd00e\xdbL\xe0D\xcb{o\xab-u\xda\x16\xcd{i\x8a\xd1\x8d\x01l\x9677{N\x9f$\xcbQ\xd8\xb4&lt;\xe8\x01\nWR\x98\x9a\xb6\xaeE\xd0\xd4\xfd\x01:\xc9u\xa0\xc2\xec\xb3$\x8b/\xc6\x948\xb4\xdf\x902[cE\xfa\x04\x7f{P\xaa\xdd\xfa^\xc0Y\xd2\xa8\xc2hu\xfc\x9d\x00\x0e\xa8HS*~T\x8d\xbe\xf1\x0f\x06\xbeh\xb4i\xc8\xff\x11\xe0,\xad\xe3p0\x1a\xcb\x13\xf1\x1e\xb6B\xbb\x13\xe8\x0e\xd8&lt;\xa8\xe0\x86\xb84\x93\x14\xcdb\xa6\x07\xff\xcfb\xd1~!q\x13\xe7\x10Mkb\x85*\xbc\xcb\x1d\x15\x0f\x19\xb1\xaf\x1ab\x03+\x00\x17=\x80R\x01ul\xad\xc7\xe9\xb4`\xec\x8c&amp;\xdc\xb3\xbd\xa8(\x87\x7fmj\xc1i\x87\xef\x8b5\x1dl\xf9\x19\xc7^\xc6J\x1d\xfc`z[\xd6\x19\xfee\x9e\x18\xdf\xf7\xf0\xdcB\xc4y\xbe\x1b\xe4\xce\xf9\xc24\x00\xcc\xb8\xfa\xb7: \x08\x83Y4UQ\x8av\xb9&amp;8\xe8\xdf9\xffX&lt;\x8c)\x16\x13\n+\xf3\xcc\x86\xa7[C@\xa5\xa1L\xef\x16\xa4\xdd\xad\xac\xa5%\n@\x9b\x85A\xad\x9a\xc78|b$E\xc5\xa7oJ\x022\x18\x9c%\xea\x89\xfb\x0c\xda6;*\x8d\x85]\x1f\xd7\x08\x1b\xc4\x1dju\xcd\xf9R\xc2\xde\xd0R8K\xf1#\xd9\xcde(\xdf\xf4\xff\x15M"\xec\x8b\xea\x03w\xb5q+M\rW\r\xb0\xb2;\xc30\x8f\xe2%\x18u4\xb2-Zu\xfc*\xc0&gt;\xeeN\x0b\xd7\xde\xd5~\x97KP\xb9\xa6\xc1\xaa\x88\xaf\x93\xc5[\xf2s\xe8\xa0\xe1\xa7MV\xdc\xdbT\xab.)\x1bI\xe9U\xady\xfc\x17\xd6\xca\x86K\xf9i\xf62,\xc9\xc4`S\x10\xb4[\xa0\x01\x11\x0c\xac(\xd0\nA\x1e\xf9\xe8\xd6G\xb2\x94\xa2Q&lt;\x81t\xd9\x0b-\x18\xbaCT\x8d\xc9A,\xa0{\x9f\xaaoU\xa2L\x9b\x93\xdb~p\xcc\x15Tj\xb1\xc0\xc5!\x8b\x05#2\xd1\xa9\xc8e\x9f\xc4}\xe9\x15-\\\xae\xfbo&gt;\xe1\xd5d\xee\xc7V"\xd7\xcd_\x7f\xc5+g\xaf\xa0m\xd5J\x9d\xf3\xc7\xf5`\xe0\xe1x\xbd\xa3\xb1V(9\xdc\xe7T\x14\x18z?*Y\xa9n\xf4p2\xddq\x00M\xbc\x87\xcbi"\xf5\x08&gt;N_\xd3)\xaaP\x0b\xb0\x92\xfe\xabp\x87\x9c\xd30J3\xac6KEC\x0c\x0c\xb4@(D\xb7\xf1A\x9e\xac\xc9,P\x05\x83\xe5Dx\xa1\x13p\x0c\xb5\x07\xcd\xd3\xcf\x8a\xa8\xa1a\xa5\xb5\x17\xab\x7f\r\xa0\xf9\xa7s]\xdd{"\x16\xf8@\xe2\xc1Z)\x9b\xd1\x8c\xfc\xcd\x02\xd7(Me\xd6\x84\xf8\x08\x1e\x07\\\xa7\xa9\x95\xc6d\xfe-o\xb8\x10\x1a\xad\xdb\xf4(%\\W\x932\x10\'\xd9\x81c\xa3M.\xfe\xa4\x08\xd3\xc1\xdb6\x97\xfa\xafp\x87\xd3\xbb\x02\x1ai\x85\x9c\x0b\xabG\xe8\xb0q\xb6\xfdk\xb5*\x89\xfb\xae\xe4{\x1c\x14%\xd0\xca\x1e\xcc\xf5~\x9a\x0f\x8fy\xb4\x000c\x08eE\xf5\xfc\x06@S\xa7\xe42|\x90+K\x90\xe9\xfa\xc9\x89\x95\xfd\xcc.\xaf^\x9cK8\x17\xe5\x08,\x80\x9e\xe4\x87\x90\xbd\x133yLNl\xcf\x9a\x165#IF\xab\xa0!t:\xaa+&lt;3\n\x150\xf5\x7f\x087\x17\x10\'YH\x03\xd3\x017\xba\xfff*\xa2\x18"z\x8en\xb3\x7f\xdc7d\x11\x8b\x8a\x9c\\\x19\x0bc\xeb\x0b\xa3\xddT\xe9\xb5\xb1);A\xff=j\xc2I)\xb4j\xacUU*\xb6\x9e0N\xde\x04\x0b+\xd2\xf2\x03\x03:\xd9n*R\xb5\xa8\xdba\xba\xfb\xd5\xfd\x1a\x7f\xe0\xdcNvVC\xd1\xd3\xc1AR\x8f\xce\xbe]\x030.\x00V\xda\xda\xd5ap\x97\xa53\xe2\t\xa1\xd0\xbd\xed\xbc\xdd\x00\x17f\x15\xb6p\x9d7\xa4.\xf0og!\x8f\x9c;,;N\x07\xb3&lt;Wc\x1cpz\xa5~\xbc\xcc\xb9:\xa7C\xd4b$\x98\xf7n9\xcf\xd0\xe1/\xd9N4\x95o\x8f\xeb!\xc5\xc1\x92\xc0\xad\x01\xa4\xf2\xd0\x05\t\x1ex\xf4\x98\x04\x01u\xf7:\x8d\x97S\x02\xe4\xa8\x1b\xff\x1aZH\xb0%\x17\xbc\xa2\xb1\xc9am\x93\xd3s3\xa3\xe8\xf3\xc5\x8f\xdb\x87\xa8W\xfey\x11\xf7\x94\x0bB\x9b\xe8\x0c\xebP\xf2\xe7,\x13\x84k\x81$\xfbWd\xfd\xad\xc0u\xb0\xa0/\xbd |#\x0e\x88&lt;@\x12\xda\xb4\xed\xd6&amp;\xeb\xf5t\x99\xe8\x84\x1c\x92\xa7"\xa9\x94\xc0\xdbg\xb0y\xf89\x95\xbcR\xabnFvWa\x93T\nNY\x915/\xf2\x16\xdc^\xa7\xef\x10J\x84L\x0c2\x94\x0c\x91\xa0\xb7\x7f\xe3)\x85s{\xef\xa4\x8ai\xe1\x92T^\xf5A\xa5C\xbe\xc3\xb9/\xb4\x1a4^\x95.V ^\xd1\xdf\xe8W/e\xeb:\xde\x86\xcc\xca\x12\xf7\xcd\xd1|3\xfd\xff\xab\xa0(\'I\xd5\xd4\xf3|K(q\xd2,\x0f\x8b\x1a\x08\x18\x9fP\xf6\xdax\xa42\x886\x8a-\xa2\x7fr\xfc\xd7\xef/\xed\xec\x90\xf3\xb9&lt;\\v\xe8\xe7+6x\xaf\x97\xd0\x86\xd7\xa6l=*\x1a\xd7\x98\x14\xf9\xa1\xdfM\xab\x8f\x12\xe0XP\xea=\x98X\x13j\x91\xbd.\x9f\x86\x96;\x18\xe8d\x9eO\xf6\x14\x90\xa9\xce&amp;&gt;g\xff\x8cY\xe4\xb7o\xad`\xba)\x99E\xa50\xd3\xe8x+\xf42\xc5\xdcX\xde\xbf\xdc\xa9\x17\x17T\xe8}\x99Q\x89`\xf0\xf2\x9fq\x97~D\xb2n\x9d\xf9\xa6\xaf\x0f\xfe\xd2\\x\x1f_Z\'f\x87Ac\xb7\'\xf1\xb4m\x90\xb2\xfb\xb6I9j\xf8\xa4\x04\xf7\'\xff?\x96\xe2\xb7B\x8e\xbcYZ\xdf6|\xe8\xefzF\x9a\x04P\xc0\xc1\xba\xdc\x13\xd4\xd0WcJ\xe6\xf8)\x82\x8f\xe6\xd1\xc7\x04\x83d\xc7\xcf\x8e8\xdd\xe6\xab\tSE\x83\xa7\x84\x82P\xeaq\x1e\xc4\xbe\xa0\x87\x14\xf3\xef\xf1B\xac\x98\xb9|w\xce\xc7\r\x9e\xb2\x93\xa9\x1d\x9a\xef\x07\xc5Ouw\xbf\xe8\x93\x02\x94\xcdkX\x0533\xb08z\xf8\x0c\xad}"\xba\xeb\x03J[\xed\xb5\x14aZ=Dl\x19\xab\xa9\xc4\x0ea\xd03#\x13I\xdb:\xb5\x910-O\xablv7^]\xf2 \xb6\xc0\x85\xda7\xa8\xe1\xaf\xc6\xeey\xfdw\x88\xbbp$\xd9\xa5j\xab&amp;\xee[C\x0c2A\x0b`j+?\xedsW\r\xd8w\xa0\x0fv\xc5\x19\x93\rRN\xbc\xbb\x87\xce\xc9\xd1\xd5\x08TW(\x1c\xb0_\xc07\x15\x19\xe4:\xcc\x96 \x07\xcb\x89\x1f\xfa\n\x11I\xdd]Exa\xe2\\}\xb8t\xe3\xb8\x89\xfa\xbdca6\xa0t\x1a\xe3m\xd2\xfeW#N\xc1\xb2\x81\xda\xb8\x93H\xa7\x90\xce\xbd\xf3\x10\xff\xd6\xc6:\xe0\xcb\xbb&gt;8,\xc8\x9b\xd5\x97!\xe2OPZ\xa4zZ\x94\xa5\xc6ve\xa5\xd9&gt;a)\x9f[,\xb5\x9e\r\xc2\r\r5\x8c\x07\xea\x0e\xf02[\xe7z\x94l\x91\x899\xa5\xaeI\xd6\xe9\xf6\x95\xc57\x1d\x99&lt;\xa5\n\x01\xf7\xfa\x97V\'\x86-\x0f\\\xbd\xb0(\xfbS\x98\x92\x98\xe0m\'F\x10\xc9,)v\xcbNa[zw\xcbC&amp;\x0b\x17\xc3\x05\xfa\xfd\x8al\x97t7\x07\xad\x84?\x96\xbaQJ\xbb\x9a\xfeD\x10\xcc&amp;\xb2?\x95\xe0\x98\xe4\x00I\x1f#\xfe\xa50\x1cr\xd4\x95JfV\xa7LA@\xf6\x92\xae\xdcib\xb9\x83\xdaf\xfb\x9a\xe9\x1e})Z\n\xaa0\xd9o\x8b\x9d\xd3\xea\x84\x97\xf7u\x1b\x8aQ/R\x9a\xda\xb0&gt;\x06\xaf\xa5U\xe1\t\x15\x80x\xd9\x8b\xc5R\xf6\xed\xf7\xef\xfa\x9b&amp;y\x18\xcf\xeb\xcbY\xe8 \x0c\xbc\xa7\xdf\xb7\xf5\xcc\tt\xe5\xffm\xa1\xb0yy+(\xb7$l\xed\xccK\xa9\xfa\xcdO\x1d\x90\xfa$l\xc9\xc6w\x88\x05\x9e\xaf\x04\tg\xc5^\xff\x9c\x8a\x84\x0c\xdd\xc1\xe0\xafV\xb8&gt;\x02\xb9\x0b\x97\x9c\xf1\x0b\xdb\xde&amp;\xe1[Q\xff\xf5\xd6K\x83\xde\xc35\xde\xab\x8d\xa9\x04\xa5\xc5Y&lt;\x00}\r?\\z\x9f\x88o\xa9m\xf8\xe7;\xf9\xfaP\xb0\xc8\xff\x05\xc8\xdd\xdf\x8b\xee\xc0i\xb51\xba\xad\xa1L\xd5&gt;\xcfS`w\x1e\x95\xc8\x98&lt;\xa9\x8b\xbe\xf7s\x85O\xd7*\x1f\xb6\xa5M\xf2\xf9\xb7\x18\x89\x0e\xa8\x00\x00F\xfb\x99\xe3\x112\x01\x83\x8e\x8d\xbe\tR\\^5\xe8\xb7\x02A\xa9\x14vz\x14\xff?4\x17]\xd9*\x86\nj\xf4\xcb@\xcb\xc0Q|X=\xd3\xefc7#\xc6[Owk\xaf\x95&gt;\xdam\xfd\xb0\x9c\xa0\x18\xaf\xd8\xcd&lt;^M0\x92\x07#\xe7\x84OB\\;\xef\xf1\xc7\x87\xa0\x95-p\xf6\xbd\xc1\x9f:\xe5h\xd3\xf6|\x96\x9fLF\x1ez\xc7{\x0c\n\x90\x99\xe1\xbaH\xb13\xaa\x13\xe8\x12\x96\x13\x9fY\xea\xc54\xb0O5\x1a\x0b\x8d\xd7\xba$\xdd\xd2\xa7Z\xcd\xa9\xd3$\xd207\x10\x95\x14g\x8bl^v\x15R\xe4\xf8\xb9{ &lt;t\xd6\x10[\x9cB+8;\xc2\x0c\r\xf0\x81\xef\xb8%\x8d\x0c4o\xfciV\xefE\xb7M\xcc\xa2\x86\x91\xb3\x9c,\xc7\xc7\x08\x95${\xca!x!K\xceZgJ\x9d\x19\xfc\xa9\xf4\x1d\xcfYW\x82\xb9\xb0\x8fF\x8d\xad\x1a\x07\xf5@\x86u\xf1s\\\xc7=\xe8\xcb\xf2jD\xf0,\xd5\xfa\xba\xc5\xa9\x89\x8c\xf2\x00\xb0\xa3\xca\xc8\xf3Q;\x15y\xb7\xd7q\xd9\x84\xa0z\x1e\x14\x8e\xdd4\x8af\xd2^\xbf\xc6b\x1dm\xcb\t\xd12\x17\xfd\x83d\r\xb1\xf5\x83\xeei\xfb\x19\xb1\xd6X.\xc5\xaf\x14e|\x1e\xd3\x88^2!\xf2+\xb7x\x014\'\xe2\x80\x1f\xeb\xc3\xae\xac\xc0P}\\\xc2&lt;\xa5\xf9\xca\xfa304\xbd\x17\x89\xfe9\xfe\x0f\x91\x842\xbe\x90\x8e\x92G\xeb7\\\x14\xf6^$\xe1\xe6\xa3\x13\x81\xf0\xb8\x0e\xb2\x051\x95\x8b\xfb\xb9\x02\x84l\xc9\xc3d\x8b\xf2\x8b\xf2\xbfK\'\x99&lt;\xcf\xdc\xdb\xe1\x87\x9a\xd9\x10mC\xbd|\x08\x95\x07Sq\x93[\xe5$\xe3\'X\x8f\xd1?\xb7\x8f\xff\x91\xf8&gt;\xf7\xea\xad\xb7\x08\r\xdc\xa7T\xa3K$M-!v*g\xd6\xa6\x16\xaab\x15\x84\xcb\x95\xe9u\x00O|1gB\x7f\xb68U\x81\x96r\x0e\x1c\xd8\xb1?\xde&amp;\x04\r\xdd\x9d\x13\xae\xb4W\x1d\xd4\x91\xcf\xd1M^\x85\xc8\x16\xadl.M\xdd\xa1\xf0o?\x82}\xf4\x0cu9e\xcf{v\x03e!\xe3\xbcO?/\xf3K\xe7)F\xe7\xae\xb1\xe9\xc9\xc4n3\x8d\x9e\xff\x9cjv\xd5\x8d\xb6\xca\xacl\xe9\xf1\xa6\xbd\x9a\xe0\x86ql\x1e\x1a\x95\xd2?N\xc3\x05\x04\x16\xecu=Y\xb5\x11\x95\xd6}b\x97\x92v\x80:\x8a\xc0\x14\xad\x80"`\xc9~c(`F+\x91Z\xa4\xa1w\x00\x1dJ\x80\xdf"\xb7ff2\xa1}\xd9\xa4\x9d\x80\x0f\xc5\xbd\xd74q\x0e\xba\x05x\xe61\xc4y\xb9\xa81f\xd1\xfa\xb6\x12\xcc\xd2\x07\xfd-\x07\xfc\xec\xae\xcfY\xb3#\xc4\xd7_&gt;\xe2\x1dA%~N\xa9\x17\xd49Ur\xc6\xd3\xcb%D\x1c\x08{Jk\x17,'</t>
  </si>
  <si>
    <t>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</t>
  </si>
  <si>
    <t>b'\xcc\xbd^,\xdb\xb8\t\xde\xe0\x14d\\\x98\xab\xfc\x83'</t>
  </si>
  <si>
    <t>ory even in the years to come.
 For several days it had rained continuously; the streets were chilly and
 sloppy and full of dreary, cold mist; there was mud everywhereâ€”sticky
 London mudâ€”and over everything the pall of drizzle and fog. Of course
 there were several long and tiresome errands to be doneâ€”there always
 were on days like thisâ€”and Sara was sent out again and again, until her
 shabby clothes were damp through. The absurd old feathers on her
 forlorn hat were more draggled and absurd than ever, and her
 downtrodden shoes were so wet that they could not hold any more water.
 Added to this, she had been deprived of her dinner, because Miss
 Minchin had chosen to punish her. She was so cold and hungry and tired
 117
 that her face began to have a pinched look, and now and then some kindhearted person passing her in the street glanced at her with sudden
 sympathy. But she did not know that. She hurried on, trying to make her
 mind think of something else. It was really very necessary. Her way of
 doing it was to "pretend" and "suppose" with all the strength that was
 left in her. But really this time it was harder than she had ever found it,
 and once or twice she thought it almost made her more cold and hungry
 instead of less so. But she persevered obstinately, and as the muddy
 water squelched through her broken shoes and the wind seemed trying
 to drag her thin jacket from her, she talked to herself as she walked,
 though she did not speak aloud or even move her lips.
 "Suppose I had dry clothes on," she thought. "Suppose I had good shoes
 and a long, thick coat and merino stockings and a whole umbrella. And
 supposeâ€”supposeâ€”just when I was near a baker's where they sold hot
 buns, I should find sixpenceâ€”which belonged to nobody. SUPPOSE if I
 did, I should go into the shop and buy six of the hottest buns and eat
 them all without stopping."
 Some very odd things happen in this world sometimes.
 It certainly was an odd thing that happened to Sara. She had to cross the
 street just when she was saying this to herself. The mud was dreadfulâ€”
 she almost had to wade. She picked her way as carefully as she could, but
 she could not save herself much; only, in picking her way, she had to look
 down at her feet and the mud, and in looking downâ€”just as she reached
 the pavementâ€”she saw something shining in the gutter. It was actually a
 piece of silverâ€”a tiny piece trod</t>
  </si>
  <si>
    <t>b'\xd5\xa4\xf2\xdc\x9d4\x92$'</t>
  </si>
  <si>
    <t>d5a4f2dc9d349224</t>
  </si>
  <si>
    <t>y flat, 744
 Metal-oxide-semiconductor field effect transistor; see
 MOSFET
 Microchips, 1
 Midpoint, 457, 471, 686
 Miller approximation, 514, 528, 531, 544, 552
 Miller compensation, 626â€“627, 692
 Miller effect, 409, 513â€“514, 526, 528, 531â€“532,
 541â€“542, 545, 547, 551â€“552
 Miller multiplication, 512â€“513, 526, 552, 626
 Millerâ€™s Theorem, 502, 511â€“514, 524â€“526
 Minority carriers, 26â€“27, 48, 127
 Mirroring, 271
 Mismatches, 373, 378â€“379, 421, 476â€“479
 Mixer, 3
 Mobility, 28â€“32, 277, 281, 292, 298, 411, 522, 771, 778,
 792, 887
 Modulation, principle of, 4
 MOSFET, 373â€“374, 401
 as amplifying device, 271
 as constant current source, 279, 286
 definition, 886â€“889
 high-frequency model, 519â€“521
 materials used in, 272
 mirrors, 421â€“424
 mobile charge, 274
 operates as capacitor, 271
 operating in saturation, 291, 818
 operation of, 273â€“293
 parameters, 883
 output impedance, 289, 400
 small-signal model, 295
 SPICE, description of elements, 881
 structure of, 270â€“273
 as variable resistor, 274â€“278
 Multiplier, 3, 5, 7, 365, 692
 N
 Netlist, 874â€“880
 NMOS inverter, 763, 766â€“768, 771â€“774, 781, 786
 NMOS transistor, 272, 298â€“299, 763, 786, 792â€“793
 Noise, 5, 7â€“9, 12, 171, 368, 437â€“438, 452, 476, 479, 616,
 643â€“644, 646, 648, 658, 709, 761, 802
 Noise cancelling, 369
 Noise margin, 766â€“767, 779â€“780
 Nondominant pole, 529
 Nonidealities, 12, 355, 367, 373, 475, 761
 Noninverting, 355
 circuit, 360
 configuration, 381
 counterpart, 360
 input, 355, 359, 370â€“371, 375, 377, 379, 382, 735
 Noninverting amplifier, 357â€“361, 368, 373â€“374,
 376â€“377, 380â€“381, 383, 386, 443, 565, 582, 613,
 691â€“692
 currents on, 376â€“377
 offset in, 374
 Nonlinear, 44, 51, 60, 67, 78â€“80, 85, 86, 102, 113, 179,
 211, 282, 295, 370â€“373, 382, 448, 466, 569, 575,
 643, 664, 674, 678, 691, 768, 772
 Norton theorem, 15â€“16, 18â€“20, 403
 NPN transistors, 124, 128, 132, 153â€“155, 158â€“159, 191,
 455, 684, 689, 884
 N-type MOS (NMOS) device, 272
 N-well, 299
 O
 Offset, 354, 373â€“376, 379, 444, 463
 Offset voltage, 373â€“374, 379
 Ohmic, 271, 292
 Ohmâ€™s Law, 28, 60, 62, 81, 141, 148
 On-resistance, 275â€“277, 283â€“284, 768, 773, 776, 784,
 786, 793
 Op amp
 characteristics, 355, 385
 definition, 354
 gain, 356â€“357, 359, 361, 367, 370, 372, 376, 381, 385
 ideal, 355â€“359, 362, 369, 371, 730, 738
 nonidealities, 355, 367, 373â€“385
 Op-amp-based circuit, 357â€“370
 Open-circuit condition, 484
 Open-loop, 355, 358, 363, 380â€“381, 386, 564, 569,
 571â€“572, 574â€“575, 588â€“595, 599â€“601, 604â€“608,
 610â€“612, 616, 621, 627, 644â€“645, 655
 Operating point, analysis and design, 80â€“81, 177â€“195,
 469, 549, 646, 808â€“818, 876â€“877
 Operational amplifier, 200, 354â€“387; see also Op amp;
 Op-amp-based circuit
 Oscillation, frequency, 45
 Index 899
 Oscillator, 3â€“5, 7, 44â€“45, 222
 Output CM level, 440â€“441, 446, 459, 461â€“462, 475â€“476
 Output impedance, 17, 99, 171â€“175, 212â€“213, 217â€“218,
 244, 251, 289, 405, 538â€“541, 674
 calculating, 174â€“175, 226, 230, 244, 316, 686, 834
 cascode stage, 545
 CB stage, 226â€“227, 229
 closed-loop, 611
 of circuit, 210
 degenerated stage, 211, 2</t>
  </si>
  <si>
    <t>b'?u\x8c\x80\x95b\xae\xa9\xc3\x1e\xcd\xdf\x89\x0b\xae\x99'</t>
  </si>
  <si>
    <t>3f758c809562aea9c31ecddf890bae99</t>
  </si>
  <si>
    <t>f that's the place." 
 Long John's eyes burned in his head as he took the chart, but by the 
 fresh look of the paper I knew he was doomed to dis</t>
  </si>
  <si>
    <t>b"\xdc\xe6j\xe8H,\xf0~\x94\xe8\x91,\xa8\xa6\x0e\x0c\xa5e\xeb\xf4;\xbf@a\xe60\xee\x99g\xfd\x00\r=V\xc4i\xe6Q\xcc\\\xff\xd4\xf3\xb5\xf5\x11\x83m\x13XD\x80yG&amp;-\xfd0f\xdd}?\x0b\xce\xc0\xa6\xc0W\x18\xc9\xc4|$i\xdfs\xfc\t)\xed\xa7i\x0c}\x8eM\x92cg\x87\xb8\xbd\xc7\x02\xce\xd4tT\xc8\xf4\xa2\xe3\x19&gt;\x8c&amp;\xb2\x93\xfcO6\x9c\x91x\x96\x92_\xc2Rs\x821\xe6\ni\xe0\x01o\xba\xbc\xa1\xa0\xa2\xd5%D\xfd\re\x17\xa8\xe8\x11\xe2\xf7\x88j\xf3uFB\x85^\x94?%\xb8\\\xafS-\x99\xda\xf9O\x8c\xb5\xc0\xc3b\xab\xe6H\xc6u\xec\xc2I\xcf\xbb0\xed%\x8e\xca\xfb#\xd5C\xf5\xa2' K\xa0\xf4Y\xa3\xeb\x07 !#\xe5\x10Q\xeb\xd9\n\x1c|Hp\x8f#\x91\x82\x88\xe1\x04K\xbc\xdd]\x02\xa1\x02\xe6Re\xba\xf3k\x8f\xf4\xbdQrp\xb4\x17\x11c\xa8\x07\x12\xbb\xc9\x8auI\xe04`$\xc0"</t>
  </si>
  <si>
    <t>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</t>
  </si>
  <si>
    <t>b'\xdc\xe6j\xe8H,\xf0~\x94\xe8\x91,\xa8\xa6\x0e\x0c'</t>
  </si>
  <si>
    <t>ender legs, short stature, and
 complexions varying from copper-colour to a dead white, but
 never yellow, like the Chinese, from whom the Japanese widely
 differ. He did not fail to observe the curious equipages,â€”
 carriages and palanquins, barrows supplied with sails, and
 litters made of bamboo; nor the womenâ€”whom he thought not
 especially handsome,â€”who took little steps with their little feet,
 whereon they wore canvas shoes, straw sandals, and clogs of
 185
 worked wood, and who displayed tight-looking eyes, flat chests,
 teeth fashionably blackened, and gowns crossed with silken
 scarfs, tied in an enormous knot behind,â€”an ornament which
 the modern Parisian ladies seem to have borrowed from the
 dames of Japan.
 Passepartout wandered for several hours in the midst of this
 motley crowd, looking in at the windows of the rich and curious
 shops, the jewellery establishments glittering with quaint
 Japanese ornaments, the restaurants decked with streamers
 and banners, the tea-houses, where the odorous beverage was
 being drunk with saki, a liquor concocted from the fermentation
 of rice, and the comfortable smoking- houses, where they were
 puffing, not opium, which is almost unknown in Japan, but a
 very fine, stringy tobacco. He went on till he found himself in the
 fields, in the midst of vast rice plantations. There he saw
 dazzling camellias expanding themselves, with flowers which</t>
  </si>
  <si>
    <t>b'\xcfUJV\xdfb\xb5\xae\xf0\xfd`\x95\x1a\xcd\x07\xb9b"\x9cj_\xd9\xfcP\xb6\x03M\xf3y\xbal\xca'</t>
  </si>
  <si>
    <t>cf554a56df62b5aef0fd60951acd07b962229c6a5fd9fc50b6034df379ba6cca</t>
  </si>
  <si>
    <t>b'\xcfUJV\xdfb\xb5\xae\xf0\xfd`\x95\x1a\xcd\x07\xb9'</t>
  </si>
  <si>
    <t>to own the Cleveland Indians, but I had no idea how I was going to get there.
 Around that time, I saw some dude announce at a conference that he intended
 to own the New York Jets.
 I snapped to attention. This guy is ten years older than me, and ten years
 closer to the same goal I have, I thought. Iâ€™m going to just watch what he
 does. Maybe he can shed some light on the path.
 Iâ€™ve watched Gary closely ever since, and he was one of the first guests I
 booked at the very first Capitalism Conference. I wanted to discover what his
 plan was to own a major sports franchise. What I discovered is that his entire
 focus is on building the engine that allows him to create and acquire brands
 that can be worth billions of dollars.
 When it comes to stacking the deck in your favor, thereâ€™s no one better
 than</t>
  </si>
  <si>
    <t>b'\xcd\xd0cW\xc0\xcc\xa6\x1d\x85Z]\xd9\x9c\xa1\x0c\x13#c2\x83\xf6p\x1f\xaaR\xdf\xb2\xd8s\x9a\xe2\x16\xa3\x87s\xa1\x1fz\xe8\xb0\xb0\xc6]\xec\x04\xb0A\x91;\xc6t\x01\x198\x18&amp;4\xbcb)\x82\x85\xbb\xf5\x88v\xecGa&lt;6\x0fI\xc1\xc0\xdb\x89\x85\xa2\xb2m\xd5I\x85ib.\xb1\x8e\xf6E\xbb\xf3(j}8\x02\xe3lw\xea\xb1\xca\xc7\x88\n\x93\x1f\xea\xb1\x02\xdfg\xac\x06u[\x91a\xe3VJ\xb7G\x15\xb7X\x91EC#\xe3?f\x99\xd0\xd4\xd8M\x1e\xdd4@X@N\xf9\xfb]p\x1b\xb7%u_y(f\xae\xb9^*@\x80&gt;\x8dx\xe9\xe5\xb0e\xf2{9\x10\x9c\xe3\x98:\xd4O\xae\xe0\x1d=_ik\xef\xf963\t\x9a\x8a\xd2uo\xcc\xea\xa9\xb5\x1a&lt;\x80\xff\t\x97|\x93\x81\x9c\x14}\x07\xd0\xbe\xb7\nDx2\xa6\x81\x1a\xf9\xe3-2\xbb\xde/\xb6 \x14\x943\x8a\x052\xf8\xf4\xbc\xca\xfc\xdbH\xed&lt;\x11y\x05\xdaa\x99y\xc1\xc8\xc1\xb3\x0e`\x9eo?LL\xf1\xb5\x80|\xa9\xd6"\x82\x8b\xf4T\x82*\xb5\x8d\xc0"\x1f\x0c?2\xb1*\x1cZ\xe6\xd1O:\xfd\xccN\xe1\x8d.\xbe\xe1\xee\xca\x1e0\xd3\xffW\x8f\xbb\xa1\x90\xd7\xaa\x91\xd5(\xd6+3\xcc\xba\xf5\t)\xf3b\x93Z\xba\x90\x8e/\xfe\x0c\tb\xcf\x08\xacM"\x00\x08\xe4\xfa1\xecewj\xe8\xa9\x04\x99\xeb\x94\x1d\xab\xba\x1a\xa1.\xb3_&gt;\xf8\xd9\xa2\xb7\xdc\xcc\x16N\xa9yq\x0f[v\xfeQ\x00\x04m\xb0\xb3_a\x05|\xbc\xc4\x90&lt;R\xadl\x1e\xe4\xcf\xa9\xc6b\x1a\x80\xf6\xfa\xdf\xa6\xa8\x83\xcc\xcf\xf5!H{\x94\xb9y\x83\x16#%\xae\xd7\xd5\xb5\x9f\xf9\x14\x15i\xab\x18\xe1]F\x8e\xd0&gt;\x8f\xbcs.\\+\xb3Y\xef#\x12.-\x96^\xa5:\xb5\xc5\x0c\x96\x90!\xcd\xcb(6\xf6\xe1\x9c\xc5\xb5`\xc2Kl\xa1vw\x18\x9b8\xa9\x16\xf27H\x12\x05{~\x15I0\xb6\x9f\x9b\x88]\x18fg\xf5\xb1\x8bA\xe6[\xcc-\xf3\x9aZsQ9-\xb4@\xb5\x99c\xe4\xf2\xe80\xa0\xf8\x8bg\xea\xb8\x95@f\xa0\x93\xba P\xa014\xfe\xf9\xe1\xc0\xc3\n\xd4+!*m\xa7WJ\x1e\x05\xf0NB\xcd\x89\xee\xa7\xb8y\xa4\xdbg\xb4\xab\x8a\xb3\x8f\xea\xb8\xd5\xa8\xd2"\x8f\xe8\xc6\xbc/o\xb2T-\xab\xdf\xf3\xdb\xc7\x02h\x10\xf0\x84\xc3\xcc\xc2\xf9\xe2\x9e\x19Jo\xa5\x80nvW\xa9\xd5\xfbp\x93\x9a\x80\x83\xc9@\x02\x7f\x80\x04%\x14\x95\x9b\xa0E^\xf5\x08@\xf5\xfa\x83\x8fP\xc5C(\xb4\xd1&lt;\x8e\x88~\x14\xde{I\x9f\xad9t(\x1e\xaa\xc2v(\x0e\xc71@\xd5a\xe1\x06\x83\x1d\xbe\xfd\xf5\xd4\xdb\xa3\x8c\xad\xf4\xd8\x93\xc8\xeb\xcb\xfeXN\xfa%6P1`\x87\x0f\x03_\xe1\x88\x01&amp;\xea\xdcH\xae&amp;2\xbbU=\x11\xd7\x15\xd7\x7f7\xa0P\xe6lD\x01\xd4\xbf\xa1z\xd0\xffS\xd6\x8c[oo\x87na\xe9k^\xd9zf\x1a\x86\xcf\x0c\xd4y*\xf2\xf5\x06\x14\x0cA\x08\xfa$F\xe1\x11\x83\x9b?\xfeHq`\x87\xdd\xaf\x81\x84ZO\xd7\x19\x9d\x86\xda\xc3\r\xa8=\x8cvS\x16sA+\xcd\x950\xc6'</t>
  </si>
  <si>
    <t>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</t>
  </si>
  <si>
    <t>b'\xcd\xd0cW\xc0\xcc\xa6\x1d\x85Z]\xd9\x9c\xa1\x0c\x13'</t>
  </si>
  <si>
    <t>fallacies at Udolpho, she might not have
 yielded, had she been ignorant of the unhappy story, related by the
 housekeeper. Her she now solemnly conjured to conceal the occurrence
 of this night, and to make light of the terror she had already betrayed,
 that the Count might not be distressed by reports, which would certainly
 spread alarm and confusion among his family. 'Time,' she added, 'may
 explain this mysterious affair; meanwhile let us watch the event in
 silence.'
 620
 Dorothee readily acquiesced; but she now recollected that she had left all
 the doors of the north suite of rooms open, and, not having courage to
 return alone to lock even the outer one, Emily, after some effort, so far
 conquered her own fears, that she offered to accompany her to the foot
 of the back stair-case, and to wait there while Dorothee ascended, whose
 resolution being re-assured by this circumstance, she consented to go,
 and they left Emily's apartment together.
 No sound disturbed the stillness, as they passed along the halls and
 galleries; but, on reaching the foot of the back stair-case, Dorothee's
 resolution failed again; having, however, paused</t>
  </si>
  <si>
    <t>b'\xf4-\xa0\xf0\xcf\x83}J\xec\x9d|\x8c\xac\x9e\xf0U\xb8\x17t\x0b\x81\rK\xb5\x80S@\x03\xe2\xfe#\x03c\x06/\xaa\x84\xd9\x1b\xd2p\xba\xf4\xfc\xe0\x0f\n\xa6\x7fl\x7f\xa0\xfa\xc3.\x86\xfc\xe8=\xf0\xa5F\x05\x1f'</t>
  </si>
  <si>
    <t>f42da0f0cf837d4aec9d7c8cac9ef055b817740b810d4bb580534003e2fe230363062faa84d91bd270baf4fce00f0aa67f6c7fa0fac32e86fce83df0a546051f</t>
  </si>
  <si>
    <t>b'\xf4-\xa0\xf0\xcf\x83}J\xec\x9d|\x8c\xac\x9e\xf0U'</t>
  </si>
  <si>
    <t>acement between them is timelike
  (slope greater than 1), spacelike (slope less than 1), or lightlike (slope 1). For
  example, all points in the past and future are timelike with respect to your present
  location, whereas points in the present are spacelike, and points on the light cone
  are lightlike.
  Hermann Minkowski, who was the first to recognize the full geometrical sig
 nificance of special relativity, began a famous lecture in 1908 with the words,
  â€œHenceforth space by itself, and time by itself, are doomed to fade away into
  mere shadows, and only a kind of union of the two will preserve an independent
  reality.â€12 Itâ€™s a lovely thought, but you must be careful not to read too much into
  it. For it is not at all the case that time is â€œjust another coordinate, on the same
  footing with x, y, and zâ€ (except that for obscure reasons we measure it on clocks
  instead of rulers). No: Time is utterly different from the others, and the mark of its
  distinction is the minus sign in the invariant interval. That minus sign imparts to
  spacetime a hyperbolic geometry that is much richer than the circular geometry
  of 3-space.
  Under rotations about the z axis, a point P in the xy plane describes a circle:
  the locus of all points a fixed distance r = x2 + y2 from the origin (Fig. 12.23).
  Under Lorentz transformations, however, it is the interval I = (x2 âˆ’ c2t2) that is
  preserved, and the locus of all points with a given value of I is a hyperbolaâ€”or,
  if we include the y axis, a hyperboloid of revolution. When the displacement is
  timelike, itâ€™s a â€œhyperboloid of two sheetsâ€ (Fig. 12.24a); when the displacement
  is spacelike, itâ€™s a â€œhyperboloid of one sheetâ€ (Fig. 12.24b). When you perform a
  Lorentz transformation (that is, when you go into a moving inertial system), the
  coordinates (x,t) of a given event will change to (Â¯ x, Â¯ t), but these new coordinates
  will lie on the same hyperbola as (x,t). By appropriate combinations of Lorentz
  transformations and rotations, a spot can be moved around at will over the surface
  12A. Einstein et al., The Principle of Relativity (New York: Dover, 1923), Chapter V.
 12.1 The Special Theory of Relativity
  531
  y
  r
  FIGURE12.23
  ct
  P
  x
  ct
  (a)
  (b)
  FIGURE12.24
  of a given hyperboloid, but no amount of transformation will carry it, say, from
  the upper sheet of the timelike hyperboloid to the lower sheet, or to a spacelike
  hyperboloid.
  Whenwewerediscussing simultaneity, I showed that the time ordering of two
  events can, at least in certain cases, be reversed, simply by going into a mov
 ing system. But we now see that this is not always possible: If the displacement
  4-vector between two events is timelike, their ordering is absolute; if the interval
  is spacelike, their ordering depends on the inertial system from which they are
  observed. In terms of the space-time diagram, an event on the upper sheet of a
  timelike hyperboloid definitely occurred after (0, 0), and one on the lower sheet
  certainly occurred before; but an event on a spacelike hyperboloid occurred at
  positive t,ornegativet, depending on your reference frame. This is not an idle
  curiosity, for it rescues the notion of causality, on which all physics is based. If
  it were always possible to reverse the order of two events, then we could never
  say â€œA caused B,â€ since a rival observer would retort that B preceded A.This
  embarrassment is avoided, provided the two events are timelike or lightlike sepa
 rated. And causally related events areâ€”otherwise no influence could travel from
  one to the other. Conclusion: The displacement between causally related events is
  always timelike, and their temporal ordering is the same for a</t>
  </si>
  <si>
    <t>b'\x1eJ-\xe5b\xb7H\xdf\xf9g\ruB\x9b\x91\x85\x8b\xb2\x1e4\xab9\\{\xb6\xd0+\x08\xde\x1d\t\x14'</t>
  </si>
  <si>
    <t>1e4a2de562b748dff9670d75429b91858bb21e34ab395c7bb6d02b08de1d0914</t>
  </si>
  <si>
    <t>b'\x1eJ-\xe5b\xb7H\xdf\xf9g\ruB\x9b\x91\x85'</t>
  </si>
  <si>
    <t>ct rule 4 says
  âˆ‡(E2) = 2(EÂ·âˆ‡)E+2EÃ—(âˆ‡Ã—E),
  so
  EÃ—(âˆ‡Ã—E)= 1
  2âˆ‡(E2)âˆ’(EÂ·âˆ‡)E,
 8.2 Momentum 363
  andthesamegoesforB.Therefore,
  f= 0[(âˆ‡Â·E)E+(EÂ·âˆ‡)E]+ 1
  Î¼0
  [(âˆ‡Â·B)B+(BÂ·âˆ‡)B]
  âˆ’1
  2âˆ‡ 0E2+ 1
  Î¼0
  B2 âˆ’ 0
  âˆ‚
  âˆ‚t (EÃ—B).
  (8.16)
  Ugly!ButitcanbesimplifiedbyintroducingtheMaxwellstresstensor,
  Tijâ‰¡ 0 EiEjâˆ’1
  2Î´ijE2 + 1
  Î¼0
  BiBjâˆ’1
  2Î´ijB2 . (8.17)
  Theindicesi and j refertothecoordinatesx,y,andz,sothestresstensorhasa
  totalofninecomponents(Txx,Tyy,Txz,Tyx,andsoon).TheKroneckerdelta,
  Î´ij, is1 if the indicesare thesame (Î´xx=Î´yy=Î´zz=1) andzerootherwise
  (Î´xy=Î´xz=Î´yz=0).Thus
  Txx=1
  2 0 E2
  xâˆ’E2
  yâˆ’E2
  z + 1
  2Î¼0
  B2
  xâˆ’B2
  yâˆ’B2
  z ,
  Txy= 0(ExEy)+ 1
  Î¼0
  (BxBy),
  andsoon.
  Becauseitcarriestwoindices,whereavectorhasonlyone,Tij issometimes
  writtenwithadoublearrow:â†” T.Onecanformthedotproductofâ†” Twithavector
  a,intwowaysâ€”ontheleft,andontheright:
  aÂ·â†” T
  j
  =
  i=x,y,z
  aiTij, â†” TÂ·a
  j
  =
  i=x,y,z
  Tjiai. (8.18)
  Theresultingobject,whichhasoneremainingindex,isitselfavector.Inparticu
 lar,thedivergenceofâ†” Thasasits jthcomponent
  âˆ‡Â·â†” T
  j
  = 0 (âˆ‡Â·E)Ej+(EÂ·âˆ‡)Ejâˆ’1
  2âˆ‡jE2
  +1
  Î¼0
  (âˆ‡Â·B)Bj+(BÂ·âˆ‡)Bjâˆ’1
  2âˆ‡jB2 .
  Thustheforceperunitvolume(Eq.8.16)canbewritteninthemuchtidierform
  f=âˆ‡Â·â†” Tâˆ’ 0Î¼0
  âˆ‚S
  âˆ‚t , (8.19)
  whereSisthePoyntingvector(Eq.8.10).
 364
  Chapter 8 Conservation Laws
  The total electromagnetic force on the charges in V (Eq. 8.13) is
  F =
  S
  â†”
  T Â·daâˆ’ 0Î¼0 
 d
  dt V 
 SdÏ„.
  (8.20)
  (I used the divergence theorem to convert the first term to a surface integral.) In
  the static case the second term drops out, and the electromagnetic force on the
  charge configuration can be expressed entirely in terms of the stress tensor at the
  boundary:
  F =
  Physically, â†”
  â†”
  T Â·da (static).
  S
  (8.21)
  T is the force per unit area (or stress) acting on the surface. More
  precisely, Tij is the force (per unit area) in the ith direction acting on an ele
 ment of surface oriented in the jth directionâ€”â€œdiagonalâ€ elements (Txx, Tyy, Tzz)
  represent pressures, and â€œoff-diagonalâ€ elements (Txy, Txz, etc.) are shears.
  Example 8.2. Determine the net force on the â€œnorthernâ€ hemisphere of a uni
 formly charged solid sphere of radius R and charge Q (the same as Prob. 2.47,
  only this time weâ€™ll use the Maxwell stress tensor and Eq. 8.21).
  z
  Bowl
  x
  Disk
  FIGURE8.4
  y
  Solution
  The boundary surface consists of two partsâ€”a hemispherical â€œbowlâ€ at r</t>
  </si>
  <si>
    <t>b'\xc9\xc0\x93\x1f\xf4~\xa8\x7f\t\x82\x0e\xb5\xf4:+\xdfpt\x92\xa8+\xb7\x9e\x95\xcb\x11\xe6\xe2f\x17\xae\xba'</t>
  </si>
  <si>
    <t>c9c0931ff47ea87f09820eb5f43a2bdf707492a82bb79e95cb11e6e26617aeba</t>
  </si>
  <si>
    <t>b'\xc9\xc0\x93\x1f\xf4~\xa8\x7f\t\x82\x0e\xb5\xf4:+\xdf'</t>
  </si>
  <si>
    <t>across the greenery she was rather like a softly colored illustration in
one of Colin's books. She had wonderful affectionate eyes which seemed to
take everything inâ€”all of them, even Ben Weatherstaff and the "creatures"
and every flower that was in bloom. Unexpectedly as she had appeared, not
one of them felt that she was an intruder at all. Dickon's eyes lighted like
lamps.
"It's motherâ€”that's who it is!" he cried and went across the grass at a run.
Colin began to move toward her, too, and Mary went with him. T</t>
  </si>
  <si>
    <t>b"\xcf\xd7\x11n\xa7Ry\x17\x93\xa3\xaf\xa1\x9d8!\x1e\xd3D\xef\xb4\xc0[=\x13\xc6\x11j\xda\x9e\r\xf9/#k@\x04\xbd@_\x193\x01k\x03\x9e\xcb';\xa8Hy\n\xe4L\xb4\xb6R\x96\x91\xd3&amp;3\xdbV\xba\xa1\xd62\xc0\xb7F\xcepk\xed\xbfk\xe4\xfe\xa2B3lW\x8c=\x0b3\x81g\xd1\xa6\x02\x1b\xfb\x89\xb4\x91\x80\xfdp\x1d\x80\xf2 +\x7f\x8c7\x83\xe5\xf4\x94\x8fh$&amp;*\xb1BN\x89\xf3\xbf\x05\xa9?\x93\x02\x13\xa3\x985\x82\x0b\n_4_\xa7\xb42\x01x\x9fc\xc4\xdf\xdf0I\x16\nX\xe0\x8e\xf6\xb3G\x87\xf4%w\x94\xae\xf8G\x1bt\xb6B\x94\x9f\x06?&lt;\x1c#g\xa4\xca\x14\xdfz\x93\x08iK\xa2UO\xd2\xa7Os.\x00\xc2K\xe5`T\xbbkf@\x98@{\xd3\xca\xec\xb9:\x16\xe1E$\x14?{\xba\x9dN@D\xde\xf0\xbf\xfe\x8av\xe5\xcb\xad\x94\t\x1c\xd3\x84\x96\x92\x0e\xda#\xd6t\xcd)\x8f\xc8\x18\x84m}R-m\x1ba\xa2/\xd5\xab\xb7/\x070\xa3;\x9bGL:\x8bbJE\xad\xbaI\xa7}Z=`\xc3\xf6v\x07;\x89\xfe9m\x1a\x11;w4\xbc\x82k\xb2\xab\xb9\x0ft\xbd\xd4\xc4/\x97\x7f2\x8a\x10W\xa8.gu\x12\x12\xeb;'\x16\x00\xd8\x18U\x1c\xe7[\xe6\x0c\x8fI\xd1z\xb1\x8b'\xbb\xde\xe6[\xf0\xcb%{\xea\xa2\x0cz\xa6m\xfe\t7P\x10\x8fc\xe7\x8a\x1f@\xa0\xdf&amp;\xee5\xf2\xb9:\xd3Mx^\x8d\xcc@\xce\xb0\xa8\xf5\xa3\x99\x11W)p\x19\x80p\x08}\xa0m\xbal\xd8N&gt;\xac$F\xf9\xe5\x89X#_\x1d\x8eG\xfd\xb5\xbcW\xe3\xec.5o$\x90\x16%\xce\xf3\xb5\x88`&lt;80p\xf5\xc5\xac\xacU?\x8a\xb2\xf8\xbb\xd3\t{\x94$\xfb\xab\xc3\xc6\x91\xae)\xdd\xab)Qy \x95\xdb\xcekO\xea\xc7H\xd8zU\xe9\x08.\xd6\x15~\xb0\xaf1\x91c\xca\xe9\xc2\xce\x15\xf81\xe2g\xfe:\xf8vy\xc1\xfeC&lt;\xef&gt;\x04\x05K\x93f&amp;c\xf5b\x8a!.e\xf2o\xda\xd7\x1e"</t>
  </si>
  <si>
    <t>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</t>
  </si>
  <si>
    <t>b'\xcf\xd7\x11n\xa7Ry\x17\x93\xa3\xaf\xa1\x9d8!\x1e'</t>
  </si>
  <si>
    <t>ready the world is being destroyed. And you, O
men, are to perish because of your iniquities. But I wish to save you . . . â€™ â€™â€™ (in Origen
C. Cels. 7.9, tr. Chadwick 1965).
In their ecstatic performances, in their claims to direct divine mediation, and in
their pretense to authority over civic and domestic cultic issues, prophets and inspired
oracles sought to function as â€˜â€˜regional cults,â€™â€™ standing at the periphery of social
centers and traditional cultic domains as a source of supreme religious authority.
Drawing clients from a broad catchment area, they might (as in Celsusâ€™ description
above) denounce all religious activities, or establish a new cult to supercede others, or
propose reform of traditional cults. Regional cults in the ancient world and modern
Africa have functioned in this way, sometimes demonizing, sometimes revitalizing
tradition, generally from the social margins (Lane Fox 1986: 168â€“261; Potter 1994:
29â€“57; Frankfurter 1998a: 184â€“93; 2002: 170â€“3).
Perhaps the most important example of such a figure is Alexander of Abonuteichos,
who established an oracle and healing cult in an Asia Minor town in the mid-second
century. He accomplished this notoriety, so his satirical biographer Lucian tells it,
through the force of personality and by a series of clever devices for â€˜â€˜manifestingâ€™â€™ the
god Glycon, a hybrid of Asclepius (Luc. Alex.; Lane Fox 1986: 241â€“50). The
phenomenon was widespread in Asia Minor: prophecy distinguished one kind of
Christianity, elevating direct vision and divine presence, well into the fourth century
(Revelation; Ascension of Isaiah; 5, 6 Ezra) and spreading westward during the
second century in the form of â€˜â€˜New Prophecyâ€™â€™ or Montanism (Lane Fox 1986:
375â€“418; Frankfurter 1998c: 426â€“30, 435â€“6; Edwards, this volume). In Palestine,
Roman writers like Celsus (above) portray a continuing stream of prophets acting in
imitation of ancient Israelite prophets, some with enormous followings (Jos. AJ
20.97â€“8, 167â€“70); and popular prophets are reported elsewhere in the Roman
world (Acts 16:16; Plut. de Def. or. 421; cf. Potter 1994: 29â€“37). Still in the later
fourth century the intellectual pagan Antoninus, having set himself up as a holy man
by an Egyptian temple outside Alexandria, began to utter memorable oracles about
the imminent fate of traditional cult (Eun. VS 471â€“2; Frankfurter 1998a: 185â€“6;
556 David Frankfurter
2000a: 186â€“9). By this time it was Christianity that was bestowing special legitimacy
on inspired prophets, dubbing them saints even if (as modern historians have noted)
church officials were often unable to pull them in from the moral and social periphery: John of Lycopolis, Antony of the desert, and others serve explicitly as seers and
regional prophets in their hagiographies (Frankfurter 1998a: 186â€“93). In all such
cases, modern historians have examined the geographical and moral position of the
prophet vis-a`-vis central cults, his impact on traditional cults in the area, and the
context of his often highly partisan literary portrayals.
4 Rites and Practices
The study of religion has come increasingly to emphasize practice a</t>
  </si>
  <si>
    <t>b'\xa0\xd1_\xe9\xe7\xe2\xd6n\x86y\xa4Y\x8dN?17\x8b\x87\xfaM+;\x0fi.\xc2MI\xb6\n\xd7\x1e?y\x95\x04\xec=\xf8"P\xea\xf0\xb7\xf2\xa7\xb8&gt;p\x85N\xd9\xff\xe4&amp;\xa6\xc0&gt;\xda\xe1\xdc\x12W0@1fS\x98\xcfcd\xe8\xe1+_\x086&amp;\xb5\xf9\xd6V\xce\x0b\xa2\x1d\x90\xc0l\xcc\xb2\x0f\xf7\x13*\x905|\xbb\xa2\xf2\x9a\x87{C.\xa9\x80%6\xc7K\xe9\x0c\xaf@\x02\x15\xcfl+\xe6Ph\xbe\xc2\x15b\x9c\x13=E\xf2\x99\xfcJ\x0c\\\x9c\xb4\xd6\x98\xa0\x9f\xe2%\x18\xf6k\xe1\xe3n\x1b[E\x0b\x8d\xd1\xfd\xcfEG\x16(\x13h\xed\x8d\xe6\x0c\x1b\x84\x8c\xb6\xf0/,..\xfb\xa6"\xcf8\x01+\xc1\x91\x9a\xa9\xc4w\tIb=\x94\xa9%\x1a\xb0\xa3\x89y\xc4u_\xff\x07r\xa0\xdd:\xe4\x0ch\xfb\xa3\x87\xc2\xcd\x9b\xa4P\xd2`\xfe\xbd\x99k\xa3\xa8\xde3\x14\xc2}K\xb7&lt;\xfdh\x9f\xc1:Q\x1b\x199,v}\xa0\x8eki\xe7\x8d*f\x99D\x93\xca=\x84 X\x1cm\xe1\xb4\xe4\xf5h\x8e4,\xbd\xd8N-F\xb7Iq$\x11\xe6G\xd81o\x8d*bg\xc4\xb0\x01\xfb\x9d\x14\x8dF\x8b\x11I\xcdB:f\x94B\x15\x94\xd1[0y-\xfc\x87&lt;R\xa8\xcc\xaf\xf2r\x95\x1a\xd7\x9d%q\xf7\xf7\xae\xf9\xef#\xa0\xa7\xd6\xac\x9b\xb8\xb2\xda\x17\x97\xebu\x9dkc\xf5\x00V&gt;h\x0c\xd97k\xed\x9d\xbd\xac\xea\xa0&amp;\xe4\xc9\xc9\x8ev\\T\x94\xf9H\xfc\xebo)\xe2\xe1\xcf\xd8z\x04X`\x13\x03B\x96\x9c\x86\xda\xf0\xc8Rr\xdf7\xf2\xa7J\x92gf{\xa3Fv\x19\x911\xbc\x9f\xde( m\xa5]+\x88by\xf5\xe0(P\x87\x11\x8bd\x9eh\x85@\x9aYW8]\xcc\xd8\xf1p\xbd;\x7f\xbd%~_\x06\x0b\x1a\xc2\x9cC\xaa\x93|D\x976\x03\xa8}\xfb\x0fy\xdc\xb8\xf1(\xb3\xcb\x94q\xf6\x03z\x02\xf5I4z\xf4\x98\xc9j\x18\xfd\xce\xbd\xf66\x83s\xe46\xb1\x0bA\x14\x86\xf4\xd4\xed\xd7}d,\xf0pO\x1c2jS\x17\x0f\xd5\xc6\x96\xaa\xae\x9aMYn\xed\x86\x87\xb8\xf4:\xaf\xd1\x08\xc9R\xc5\xf0\x14^\xc9\xb0N\xe7\xce\x9c\x8bE\xaf}\x07\x03\xdc\r\xf30/\x92\xaf/l\x91\x16{P\xcd\x81/\xb8\xcd\xdb\xaf\xe1\x1a\xfa}\xf0\xa4f\xf44\x92u}\x8b\t\xc8k\xd6h\x10\xb1u^r\x1b"\xab\xef\xe5b\xa9\xab\x7f:4\xbd\xaa\xbfmQ\xb4\x93\xc1EN\x1a\xec\xff\x14m\x81\x01W\'\xb1\x0c(n\xd1\x12.\x94K\x01C\x85\t\xd3\xf3\\\x1b\xe5\xa2\xc8 j\x9a\x94Z*|\xbf\xd2\xaeV\x13\x8e\x8c\xb4\x0e\x04b5\x9a\x8ce\x10\xf4FO\x87\xde\xc1\x99\x8a\xf8Q\xff|kq\x0b&amp;\xaf"v]@;\'\x97\x88xC\xa9\x93\x8d\x822)]\x1c\xd6w}\xd6vJ\xa0\x97\x95\x89\xdd\x97sc\x87\x99\xb2O\xa7\xc5\x1d\x1em\x05\xf8\xfdu^\x1b\x19\xf02\xe6\xadD\xde\xc9\rY}\xb9|d\xfa\xe4\x03B\xc1\\\x873\xee\x8e\xe0\xee\x04\xa2\xa1~\xa1\xb7\x13\x9a\xfbK\xce\xb8\x82k\x86\x9b\n|\xc5P\x0f\x7f\xd8\xc6 \xb8\xd2\x8e\x95\x7f\r\x91\xb8\x0e\xee\x89\x8a\x01Ds\xa8?\xe6dB\xb5b\xa0\xb8N\x1a\xf0s\x15-\x82k/\xccY\xb8\n&lt;XC\xb8~\x0f\xae\t\x05\x89\xba\x19\x81\xe8M\xcb_\xf8\x97o[\xd4#\xda\x06o\xda\x0e\xf5s\xceSu\xb8p\xf2\x1b\xa6\x83\x8e\x12U\xbe\x98\xb6\xf3\\AW\xd3\xefk\x14&gt;H\x06\xd7#}{@\xe1\xf0h\xcd\xb1;\x0cO\xd0\x8apa\x9azN:\x91\xc0\xbe\x01\xc7\xac\x01\xe5\xf0\xe9=\xbb\xfb\x06\x80\xbee9+\xb83\x9d0`\x80}\xb9\x1e\x8a\xce\xbe\x12\xe9}\xa2\xeb\xd8#y\x84*&amp;c\xd0\xf1\xe3\x1a\x9a\x17V\xfc\xe8\xe5\x14Js\x05\xf0 $\xca\xfc\x18\xf9\xe9\x1d\x9e\x81\xd9A\xfa\xd4\x07\x80 \xe5\xdd\x9b\x8f\xe79E\xb6\xc3\xb5F9&lt;\xd5\x84sl\x85E\xf9d\xb7\xad\x7f \xcc\xb2\\\xd8\x14\n\x8e\xa7\x8e7\x8c\x0f\x06\r\xf9ym\xda\x85{\x01\r:+\x87]?t\x9b\x18\x1a\xfd\xb7\xe1\x80[\x98Y\x13\xe9\x8e!\xd2\x00)~\xe1B\xac\x13\xb7\xc2\xc2\xb4\x1a\x1e\r\x98\xdeN\x91\r&lt;$\x9aPK?\xdd&gt;\r\xc9\x82\xf4\xa1\x06\x87\xb9\xf2\xff\xee\x0b\x10~\xd2\xd7tm\x0c\x81\xc03ZN\xab\xa8V\x96\xf1\xc2k\xd6\x82\x8a\xac\xab;\xb2V\nx\x1d\x84\xbdc\xa3\xea\xeddt\x9c\x8f\x86\x83\xff\x9d\x89\xb3Y\x15jB\xfd\x08\xba!\xd9\x90\xb7\xd9k]\xf4\xe0\x9b\xbc\x81\\1=\x16]n\xe8\xad\x85\x11ew\xe7Fd\xd0\xa6\x01\x9e\x87C-\x96m\xcc\xf8\xcfk(\'\xb5\xd6IW\t\x04u\xd1\x87\x06~\xaf\x82\xb6Ld)\xeb\\k\xc1\x8bB\x16UsY\x83y\xea\xa4\x8b\x8e\xe4\xe0\x01\x1a6&amp;{\xb1]\xce\xb5\x88A\xb8\x06\xdb\xa3\x01\x02(e\xdf{\x8d\x9b{\x89\xce\xee[V\xc6\xaf+\xc9\x1e:l(\\\xb4\xfa\x99\xf5\xabQH=x\xf5\xb3\xd2\xc4ID\x02\xbe\xd7\x12/=\x7f\xbcu\x02=\xdaM\x12\xcf\xae\x15\x8a\r\xc9\x0b\xf5\xcd=\xad\xe17\x8e\x8c[h\x13x\xdc\x98S%]\xa2\xa9\x9f\xbc\x95\x038t\xf7K\xbbi\xa8W/\xf9a\xd3\xff\x85N\xae\xaa=}\xe7Z\xb2|\x8b\xd3$\x98\x97\xc4;\xed\x85-Jo\xbbiQA`\xb0\x05k\x01\x9a\x8bM^\x9ef\xb4D\xe7\xc4C\xce\'\x0e#r0\xf6\xce\xe2\xf4J\xcfJD\x7fZTX\x06\xee\x18\xc6\x16\xc9\xad&gt;\xf8\x1d\x05\xa4m:?\xfb\x08/\xf3b\x1b\xe9\x04*_\x00\xc8\x86\t\xa6A\xe5&gt;\xee\x07\xd5\xfa\xce&gt;\xab4\xb9\x94\xb0-:\x86\x8b?`\xbc\xdbW\x07\x91\xe0\xad&amp;~\xf2&lt;(\xd2c\x84\xaf;P\xb32\x0b\xaf\xd7\x92c\xa4\x12\x19\x9d.\x96)c\xabc\x0c\x8a\xe7#\xf5\xaf"&lt;\xee\xd8^\xec\xde R\x99\x1aJ\xea/\xe3\xab2\xa3\x85\xd2\xfd\x8bTN\xe8\xa0a\xea\xb2\xd2\x16\r}\xb4\xb5|\xd1d\xb8\xd3\xd0:\x0e\x1b@=)mD\x10*\xf94E\xf8\xc6\x14z\x1d\xe5\xa9*\x19\x8e\x13%zd_"\x11\xa8\x0e3\x14i0O\'\xbb\xf9\x02\n\xc88\xd4l\xfe\x89\xe6)\xf4\x89\r\xe8#\xdcg\x14\x10\'\xe8\xc2\x80\x94\xaf\xa7Q(=\x97\xb0\xed\x1fG\xf1\x8f\x85\x05\xf9\xb6$U\xce\xb9q\xfa\x99\xbc\xaf\xf0\xd2l\x08#W\x10\xf5\x0f\x9c\xa2\x1b\r\x87\x07\x13\x82@r\x7f\x14\x1c\xe5\x02=Ft\x0f\xba\x99\xd9A\x1bd\xe8O\x85\xaa\x07N0\xb5e\x82\xeai8\xc2W\xce\x11r\xf1\xf7\xdf_\x0e\xe0:\x05\xe8\xb2\x0b\x87N\xe2\x8e\xd9\xc92\xfb\xa1\x89\x05\n\x13\xbd\x15I\xab\x98\xab\n\x0c2\x1ff\xe1\xc7^\x99\x01\xab\xcf\xc4I;f\xe0\x06\xf5\xfe\xa3jW"\x8b\x92\xb3\xda"\xc2qCI\x98\xf1\xd4\xc1\xa1\xf6\x91\xe5`e\x91\\\xdf\x15a\xbfY\xc9\x85{\x0e\xf77\xd2\x1b\xec\x91zk}}\xa6\x92lWgf\xcf&lt;\xb7!\x81\xd8P\xba\xe6\x8f*\\\xcc\x94\xae\xd9\x05\xc6\x0f&lt;\x7f\xc5\x1f\xe1oj\xd6"\xe6\xeb\xd2\x8a\xcd%\xfa!"\xdb\x06\x9f\xa3\xc6\xbc\x89_w\x06\xd3k\xa2\xc2b\x04\xc2\xe6Q\x80Go7\x95\x10\x9e\x9e\x87&amp;\x14\x0c\x9b\x95\xea\x0f\xb7\xa3w\xe4!\x0f.5q\xf1/\xa9\xa6\xf0\xd6\xb3\x96m\x98\x91\x8c\x01\xf5y\xfd\x84\x18\x9cJ\x0bB\xb2\xac\x0e;\xc5y\x9b\xbf\xb2-V\xb1\xdb\xed\xdf]\xd3\xdf\x10\'{\x1cc&gt;8h\xcb\x96,\xcb\xf2\xc6\x99\xd5\xff\xbf\xc0\xa9\x95\xf5\x97|\x93\x94\xd2\x81\x94\x1a\x06\x90\xa0\x84\x8a\xf8M-z\xab\x16f\xa9D\xb3\xb7\x96\xc2\xd2.\'\x99\xac\xbds\xb6\xf2\tG(\x81\xd6\x08\xa9C\xef=\xd6\x84\x1c\xc4\x84i7ya\x1e\x05\x90z\xebU\xfa\x93\xd1Of\xbb\xaa\t1\x85\xf1\xfb\x8c\xe0\xad\t\xd0\xcbce 5\xa5\xf7=v\x8c\xc9\xaf\x17\x05\x0b%\x1c\x96\t\x0f\x81\x9dC:\xff\xeb6\xd0\xb4\x99\x0b\x93z\xe3C\xa5\x10\xfd\x07\xeb*\x8cV\x9c`\xab\xd8\xf3\xf4h4\xa6\x109DX\xbf\x15\xe8\xcd?\xfb\xc2:r\x9f\xaf\x19\x19(\xab\x0e3.\xfe\xab\x8b\xf4\xe5\x19o\xe4\xe6D\xd7\x9d\xb13\xe3t!\t"CF9DT\xbd\xe7\x11\xb1"\x15\'*mq\x03\xab\xeb\xcd4\xa3\x99-_\xfb\x9f\xd9\xcdc\xf5\xc2\xb7ZU_\xed\xe59S:\xcc\xc9\xe3{\x93\xee\x8f\x1f\xcdk\x9d\xf9\xcf\xccu\xb9A\xe0\x9c\xf1h\x89u\xea\x17]\x13GE\xbd2\xe2Q\x98\x9a\xae\xb0\xbdTh\x91\x1cm\xf0\x08]\xec\xb0\xd7}\x0e\xbb\x12\xcfd%\xd1X\xc4\x11e\xeb\xc16-S^*\xf9\x90Tlm\x06\x8c\xa5\xd5{\xaa\x9f\x9f\xa7s]\xe9\x93hvk\xcd;\xa9\xe8\xb5\xe8\xc2\xf0\xd4\xb0B\x04\xa3r5BOx\xd0)\x08\x0eV\xa2@&amp;\xaa\xfcno\xf0?o\xad\x1d\x06\xf8w\x1e\xc2V\x07\xf4Qoj{*\xc5\t\x9b\x15],\x9a\n\x800\xa8a\xb5\x15\xad\xa4\xf5|Fn\x0b;6K\x92v\xacB\x8d\x91\x16\xc4\xa9\xca[}i\xba\xae\x1c\xda\xa1\xb3%\\\x19\x90\x92\x8bY\x19l\xe0\xebM\xc9\xb6\xea\\LA\xf9\xfe%W\x99\xf6\xf1\x1f\x81\xd1X\xf9\n.\x1d\xe4~\xd02\xbee\x96S\xdd\\\x00\x00i\'\x06\x10\xcb\xa2\xca:\xb3&gt;cpKub\x1c\xcc\xd7u*\x9e*\xe83\xceTI\xf7\xc8q\xa1Z\x92-w\xd8\xf8\x96\xa6\x81\xcdVf\xae\xbf@\xe2\x8d\xb6\x98\xf9\x82Q\xc2\x10\x9855\x15m\xcb\x98\x81\x99\xc7=\x0f\xdd\xbc&lt;-Q\x14^\xa2\xbf\xef\x8b\x07\xaa|\xd3\x80l\xdf\x08D\xd8\xd6\xef\xf1y\x98\x12a\xb6\xb8L\x88|\x0f;\x97\xb8\x7f3\xcd\x92\x0c!R:sx\xab\xc5SF\xc1\x18H\xcc\xb1\xa1\xd92\xf2\x88\xd8\\\xd1\x1c\x1c\xf9d\xe3\xb5"\xd4\x06\x00GDd\xeb*\x93:d\xecP\xc7\xa6-\x82\xadX\xfeE\xed"\xc6=\x85\x90\xb3\x08\x14\xf3\xe6\xf9o\xd8\x12\x9c\x07!\xbf,\x14&lt;\x18JQ\xcb\xc8\xc5\xbb2)\x8e\x92\x18\xa6\xa7`n&gt;\xdf\xd4TrW\xe9\x7fW\xf3\xa9!\xces\x0b\x9e_\xfcK\xba\xafq:\xe8\xf5\xd25\x8e!\x81\x19J\x8e\x08NY\xb4\x92:\xeb\x12#Q\xe7\xa9\xf0!\xe1\xbf:C\x19\x9dS\x02M\x13r\x86\xae\x0b\xe6C\x97\xdf\x86\xd0p\xc6\x8a\x90w60]\x92S\x0c\'\xf7=;\x85vZ\xc0\xbc\x01\xdevM\x00\x0e\xaa\xb8\xfeB\x0bK\x9e\x12\xb7V\x10F/\x17\x8c\x9a\x03\x00MB\x05\xd2\xcd\x85m\x0c0f\xb2\x03&amp;\xd6ge/\xb8l\xda%z\x82\x1d\xeb\nd\xef0/l\x0f\xcb\xaf\x00=\xce\xadjpT\xb7{\xe3\xde\xd4\xb8\x1a\xef\xa11\xe3\xc0\xe0\n\xdd\x08N\x95\x18\x84;\x98\xa3\x8a\xef[q\x85\x8e\rI\xa1\xe4 N\x85RW\xe9\x90\xabX\xcbu\x96\x05j\xaf\xac\x84cavf\nXX\xd1\xaf{nK\xc6R\x9cB2\x00d\xa4\t0\xe7\x82\x8f\xdb\x01\x00o\xe6\xa0\xfdmp\xb2\x9dc\x862\xdc\xa5\\Z\xb4\xbe\xba n\xf2\x7fB\xa8SdET\x12,\xc7\xfd\xfc\xc77\xc7\x89\x9b\xa9\x95}\x82\xe5\'\xfd\xab\x05V\xda\xfe2\x0e8\x01\xb8L_#\x11\xe9\xed\xc59\x93\x80\x1e\xb1\xba\x93\xd5\xb7\xca\xbf\x8e\xb7~\x16N/\xa5|\x98\x13\x9d\x12\xdb\xa1\xb8\xe3J\x8c:\xb8/]\xa2`(\x03\xfe\xbb!\xa0f\xa3`u\x0b9\x91"\x93\x95\x1f\xe1\x15\xb4`I*\x174\x8b\xf6\xa1\x9e\x8d\xf3\xcb\x8aZ\x85\xc0\x08\x7f$Nv\x1ek\xc8\x14p\xae\xec)k.\xf3\xcf:\xd0\xaa\x81A\xb8\xe6\xe4\x10\xe0 \xef\xb5\x1b\xc1\xe4\xa5\x80\x9dq\x14\x9e\x94V\x85\x9fi\x19\xaf\t\xacWr\xbd\x11\x15\xc6G\x9b0\xa8\xd2\xd4R\xce\xd6 \x8a\x97\xfd\xa1\xe1\xd4\x8b4\xf09\xaa\x0c5\xc71\x9e\x85\x0cT;\x81\x80\x05\xb1X\xe4\r=\x86\xe8\xa9\x07\x82\xc5\xdb\x84\x0b&amp;\x0fiV\x10\x04v9\x00f\tS\x1f\xe0\xa8X\x88\xc5_&gt;\x8b\xdc\xa2y\x817\x84Q5\xc5\xbf\xec\xcb\x9a\xe0\x0e\xb65h\xe0"\xa3WvW{\xfal\xf9\x8a\xca\x83\x1c\x8e\x15\xf9\x9ac\xe0=9\xa4\xaa\xeb\x8c\xec\xd36\x05\xcf\x03J."\x80H\xaa\xd0\xe7\xaeC\xb0M\xcd\xe8 \xe8\xb6"\x94\xf2\xb3\xe8\x03\xbb\xda\xc9\xfd{\x8cx\xe7\x8e8\xabs-}L\xbec\xcc\xcc\xd5d\xb4Nho\x92b\xb9o\xacyj\xfc:\xb5\xc4RX\x91OKk\x17\xea\xe7s\xd8\x9a&gt;\xc4\xf4e\xdb\x15h\xcd\xad\xfe\xae\x04\xa0\xc6\xdf\xbe\xe2zl\xd6\xba\x1b\x01\xc0~\x8c\'\xa9Yl\x1a?z \x11\xadz\x90LH\x81\xec\x0eo\x8b\xcd\x16\xdb6\xf1\xa0:b\x85\x8aS\xbc\xed\xb9\xb4\x96\xd4\xfb(c2\x98\xc4l\x02\xda\x9c\x8fL\x05'</t>
  </si>
  <si>
    <t>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</t>
  </si>
  <si>
    <t>b'\xa0\xd1_\xe9\xe7\xe2\xd6n\x86y\xa4Y\x8dN?1'</t>
  </si>
  <si>
    <t>main industrial
 regions spurted upward in the decade 1973â€“1982 even though unemployment was rising.
 What happened? An important contributing factor was the oil shock itself: By
 directly raising the prices of petroleum products and the costs of energy-using
 industries, the increase in the oil price caused price levels to jump upward. Further, the
 worldwide inflationary pressures that had built up since the end of the 1960s had
 become entrenched in the wage-setting process and were continuing to contribute to
 inflation in spite of the deteriorating employment picture. The same inflationary
 expectations that were driving new wage contracts were also putting additional upward
 pressure on commodity prices as speculators built up stocks of commodities whose
 prices they expected to rise. Over the following years, central bankers proved unwilling
 to combat these inflationary pressures at the cost of yet-higher unemployment.
 To describe the unusual macroeconomic conditions of 1974â€“1975, economists
 coined a new word that has since become commonplace: stagflation, a combination of
 stagnating output and high inflation. Stagflation was the result of two factors:
 1. Increases in commodity prices that directly raised inflation while at the same time
 depressing aggregate demand and supply.
 2. Expectations of future inflation that fed into wages and other prices in spite of
 recession and</t>
  </si>
  <si>
    <t>b'0E\x02 fx\x10\x11\x06\x87\xec\x16\xe8\xa6\x1f-\xed\xdf\xd6b\x10a\x0c\x7f\x02,\xbc=D6\x12\xceH\xb1\\\x02!\x00\xd8\r\xc9\xb8#i&gt;Cn}l\xff\xc4\n\xccr\x9b\xedJ\xe4^F#A\xda\xcf_\xf4r\x86\xd3?'</t>
  </si>
  <si>
    <t>3045022020667810110687ec16e8a61f2deddfd66210610c7f022cbc3d443612ce48b15c022100d80dc9b823693e436e7d6cffc40acc729bed4ae45e462341dacf5ff47286d33f</t>
  </si>
  <si>
    <t>b'0E\x02  fx\x10\x11\x06\x87\xec\x16\xe8\xa6\x1f'</t>
  </si>
  <si>
    <t>sicians move on, and her attention followed the strain till the last
 faint warble died in air. She then remained sunk in that pensive
 tranquillity which soft music leaves on the mindâ€”a state like that
 produced by the view of a beautiful landscape by moon-light, or by the
 recollection of scenes marked with the tenderness of friends lost for ever,
 and with sorrows, which time has mellowed into mild regret. Such
 scenes are indeed, to the mind, like 'those faint traces which the memory
 bears of music that is past'.
 Other sounds soon awakened her attention: it was the solemn harmony
 of horns, that swelled from a distance; and, observing the gondolas
 arrange themselves along the margin of the terraces, she threw on her
 veil, and, stepping into the balcony, discerned, in the distant perspective
 of the canal, something like a procession, floating on the light surface of
 the water: as it approached, the horns and other instruments mingled
 sweetly, and soon after the fabled deities of the city seemed to have
 arisen from the ocean; for Neptune, with Venice personified as his
 queen, came on the undulating waves, surrounded by tritons and seanymphs. The fantastic splendour of this spectacle, together with the
 grandeur of the surrounding palaces, appeared like the vision of a poet
 suddenly embodied, and the fanciful images, which it awakened in
 205
 Emily's mind, lingered there long after the procession had passed away.
 She indulged herself in imagining what might be the manners and
 delights of a sea-nymph, till she almost wished to throw off the habit of
 mortality, and plunge into the green wave to participate them.
 'How delightful,' said she, 'to live amidst the coral bowers and crystal
 caverns of the ocean, with my sister nymphs, and listen to the sounding
 waters above, and to the soft shells of the tritons! and then, after sun-set,
 to skim on the surface of the waves round wild rocks and along
 sequestered shores, where, perhaps, some pensive wanderer comes to
 weep! Then would I soothe his sorrows with my sweet music, and offer
 him from a shell some of the delicious fruit that hangs round Neptune's
 palace.'
 She was recalled from her reverie to a mere mortal supper, and could not
 forbear smiling at the fancies she had been indulging, and at her
 conviction of the serious displeasure, which Madame Montoni would
 have expressed, could she have been made acquainted with them.
 After supper, her aunt sat late, but Montoni did not return, and she at
 length retired to rest. If Emily had admired the magnificence of the
 saloon, she was not less surprised, on observing the half-furnished and
 forlorn appearance of the apartments she passed in the way to her
 chamber, whither she went through long suites of noble rooms, that
 seemed, from their desolate aspect, to have been unoccupied for many
 years.
 On the walls of some were the faded remains of tapestry; from others,
 painted in fresco, the damps had almost withdrawn both colours and
 design.
 At length she reached her own chamber, spacious, desolate, and lofty,
 like the rest, with high lattices that opened towards the Adriatic. It
 brought gloomy images to her mind, but the view of the Adriatic soon
 gave her others more airy, among which was that of the sea-nymph,
 whose delights she had before amused herself with picturing; and,
 anxious to escape from seri</t>
  </si>
  <si>
    <t>b'\x0c\xf8UC\xb1\x0e*\x93[\xf7\xd9h\x93I\xca\x8a\x99H%\xa1\xe3\xce\xa5@q\xfd\x8c\x97\xa0\x18\xcd\xf5^8\xe7*\x17\xe9Gw\r\x9c\xbd\xcaQ&gt;y\x95\x03\xcd\x15\xf9#\xfb\xd0\xb9\xe3[\xb8\xc5A,\x80U'</t>
  </si>
  <si>
    <t>0cf85543b10e2a935bf7d9689349ca8a994825a1e3cea54071fd8c97a018cdf55e38e72a17e947770d9cbdca513e799503cd15f923fbd0b9e35bb8c5412c8055</t>
  </si>
  <si>
    <t>b'\x0c\xf8UC\xb1\x0e*\x93[\xf7\xd9h\x93I\xca\x8a'</t>
  </si>
  <si>
    <t>CHAPTER 16. NARRATIVE CONTINUED BY THE DOCTOR: 
 HOW THE SHIP WAS ABANDONED 
 IT was about half past oneâ€”three bells in the sea phraseâ€”that the two 
 boats we</t>
  </si>
  <si>
    <t>b'\'\x9a\xec\x8bM\xda\xe9&gt;\xca\xeb`\x08\xdf\xc9)\xbe\x1c\xfbI\xa7\x7f\x01\x03\xc4\x12D #\xa5\xd7\xd7\xaf[\x04\\W\xf6\xacG7\xd9\xdf4}"\xe060\x8a\xba\xc7\x90lkYh\x87\xd11\xe4\x03\xc2\xe1\x9c\xfd\xc3t5Cp\x1f-N\xe4\xa8ba\xeb\xbf\x1e\xd3}Dq\x8dr\xc2\x0b\x8aUbT\xf5!\xa4\x9a\xdd\xcb\xf1\xa2\x190\xbf\x07\xc7\x18\xfd\xad\x8b\xab\xa0\xae\x1cS\xee@)\xd6)\x1e\xed\xd9\xfd\x88_k\xda\x93m\xcc\x1fP\xdb\x87}\xc7\'!\xd1"$\xf9U{\xf9\x881\x8ec\xbc}\xa5\xd6\xbe\x00M\x97\xf8\x7f\xc4\xc2\x8d\xfd*\xb8\xdeMR\xa0\x17\xec\xf3\xd8U\xc8\xe4\xe5~.\x93M\x17\x00\xa9\x93\x063\xd0\x08\t!\xb2#\x91\xbdB\xf3k\xca\xec\x0e\xaaA\x0b\x15\x87\xaf\xc7!%\x95]u\xf3\x93\xde\x87\xdf+\x1d81\x04\xcb\x8bX4-\xc6&lt;\xbd\x0b\xf3T\x03Z)\xd2\x0f\xbc\xfa3\xa7\x9c\xa0\xe0\x14\xdbl\x0f\xe6L\x13\x95n\xf2\x95\xe7o\xcf\xa4\xb2\xef\x89A\xe8\xbd\x02\x8a\xf4\xac\x0f\xc8\xf5g\xd2\x98kK\xb2b\x04\x91w\xd9\xeb\xcb\xd2\x8eY\x93\xd4\xed\xc4\xbep3uP~#\xed\x80_&lt;.\xf7\x90\x1c\xa1L`\x02\x7f\'I\xefr\xe0\x90E\n~@\x87\x85\x15-}\x86\x94\x02h \xa5V\x19J\xc8S\xe0\xd4\x07v\xbcEX\xaa\'q5\xc3\xf3fA\x11\x0bz NQ\xe3\x82s" \xd9\xb6}9\xd8\x1e\x00\x1b\xa5wl\x7f\xf8\xec\x92\n\xa1~k\xb5\xd5\xa01h\xe12\t\xfb\xce\xac\xf6\xe5\x88o*\x95\x05\xb7\x91\x0e\xcci\x95\xe7\xd3_f\x9e1\x9a6O\x97\xc9d2\x18}H\xce\xf7\xd6G\x93\xa7Z\xc8\xc7\xb6\x0eK\x8d\xed\xc6\xd3B\xd6uf\x1d\t\x1bg\x9c{ZVS-}\xb6\x83\xc5\x99|2\tM\xdc\x9c9\xc1\xc3;Zr\xa8\x15\x83Hu:\xccV\x16\xad\xe2&amp;)!\xc8H[\\\xfe2B\xb9\x85\xb4\xee\xc0`^\xd1\x89q@\xf2\xc6\x18x b\xa9/'</t>
  </si>
  <si>
    <t>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</t>
  </si>
  <si>
    <t>b"'\x9a\xec\x8bM\xda\xe9&gt;\xca\xeb`\x08\xdf\xc9)\xbe"</t>
  </si>
  <si>
    <t>John rode off. "It may be," said he to himself, "that young fellow is a liar as well
 as a cruel one; we'll just go home by Farmer Bushby's, Beauty, and then if anybody
 wants to know you and I can tell 'em, ye see." So we turned off to the right, and soon
 came up to the stack-yard, and within sight of the house. The farmer was hurrying out
 into the road, and his wife was standing at the gate, looking very frightened.
 "Have you seen my boy?" said Mr. Bushby as we came up; "he went out an hour ago on
 my black pony, and the creature is just come back without a rider."
 "I should think, sir," said John, "he had better be without a rider, unless he can be ridden
 properly."
 "What do you mean?" said the farmer.
 "Well, sir, I saw your son whipping, and kicking, and knocking that good little pony
 about shamefully because he would not leap a gate that was too high for him. T</t>
  </si>
  <si>
    <t>b'\xebg\n\x9d\xa6\xfe\x86\xda'</t>
  </si>
  <si>
    <t>eb670a9da6fe86da</t>
  </si>
  <si>
    <t xml:space="preserve">or.
### 2.3 Statics
Statics is the branch of mechanics that deals with forces acting on bodies at rest or in equilibrium. It is particularly important in engineering for analyzing structures and ensuring their stability.
Key concepts in statics include:
1. Equilibrium:
   A body is in equilibrium when the net force and net torque acting on it are zero.
2. Free Body Diagrams:
   Visual representations of all forces acting on an isolated body.
3. Moment of Force (Torque):
   The rotational effect of a force, calculated as the cross product of the force vector and the position vector: Ï„ = r Ã— F
4. Conditions for Equilibrium:
   - Î£F = 0 (sum of all forces is zero)
   - Î£Ï„ = 0 (sum of all torques is zero)
Applications of statics include:
- Analyzing bridges and buildings
- Designing support structures
- Calculating forces in mechanical systems
### 2.4 Work, Energy, and Power
The concepts of work, energy, and power are fundamental to understanding how forces cause changes in physical systems.
1. Work:
   - Work is done when a force causes displacement
   - W = F Â· d (dot product of force and displacement vectors)
   - Work can be positive, negative, or zero
2. Energy:
   - Kinetic Energy: KE = (1/2)mv^2
   - Potential Energy:
     * Gravitational: PE = mgh
     * Elastic: PE = (1/2)kx^2
   - Conservation of Energy: In an isolated system, the total energy remains constant
3. Power:
   - Rate of doing work or transferring energy
   - P = W / t or P = F Â· v
These concepts provide alternative methods for analyzing mechanical systems, often simplifying complex problems.
### 2.5 Rotational Motion
Rotational motion is a fundamental aspect of classical mechanics, describing the movement of objects around an axis. It parallels many concepts from linear motion but introduces new quantities specific to rotation.
Key concepts in rotational motion include:
1. Angular Displacement (Î¸):
   - Measures the angle through which an object rotates
   - Measured in radians or degrees
2. Angular Velocity (Ï‰):
   - Rate of change of angular displacement
   - Ï‰ = dÎ¸/dt
3. Angular Acceleration (Î±):
   - Rate of change of angular velocity
   - Î± = dÏ‰/dt
4. Moment of Inertia (I):
   - Rotational analog of mass
   - Measures an object's resistance to rotational acceleration
   - I = Î£ mr^2 (for point masses)
5. Torque (Ï„):
   - Rotational analog of force
   - Ï„ = r Ã— F or Ï„ = I Î±
6. Rotational Kinetic Energy:
   - KE_rot = (1/2)I Ï‰^2
7. Angular Momentum (L):
   - L = I Ï‰
   - Conserved in the absence of external torques
Rotational motion is crucial in understanding phenomena such as the motion of planets, the behavior of gyroscopes, and the design of rotating machinery.
## 3. Fluid Mechanics
Fluid mechanics is the branch of physics concerned with the behavior of liquids and gases. It has wide-ranging applications, </t>
  </si>
  <si>
    <t>b'BI\xda\xbf\xd7\xc8\xa4Q2\xa1\xa1za\x87x\x81Gi\x0fb~\x1d\xd6D\x97D\xa5OT\xa1\xb6\x11\x9a\xb7l\xa8ApuR\xc7\xf1\x7f\xe4\xce2\xf5+N-\xdbY\xcd\x90\xbcl}\xce7\xf1\x90+\xb9\xda\\;T[A\xe1\xd3\xbe\rm4zL\x04\xb9\xed\x00\xf5\xb5@\x0c\xe5\xc9\xe0\xc5\xd4\xa5\xee2@\xf1K=Q\xbf.a\xb8\x84\x9d&lt;\xc7\xe2B\x92\xad{\xab\xd0\x94\xc0j\x92Xn\x19`\xa8\xeeV6\x03\x07\xfe\xb4\x0c\xc7\x02\x13\xe1P\x84%#\x1f\xb2\x83l\x8c\xfcXV\x97\x0c\x06Y\x00\xf8\x02\t\xcf\x11h6\xb0\xb64\xfa \x8c\xdb\xca\t\x18\x88\x13R\xfe\xa3\x15\x13@\xe0\xdc\x81D\x82\xda"]:\x19\x13\xe3\xd4\x87\x94\xafH)W\xff\xed\xc8\xaa\x89\xef\x13\xfbK\xbe\xeb\\\x83\x9c\xf5\x95\x1c\xde7\xc3V\xb5\xc4+\xd3\xe6Q\xd9 \x0f5\xda\x01\xa1\xf7a"q:\xe6_\x1c\x9f\x1e\x16m4\xed\xc2\rk\x07`\x18\xcc\xbc\xda\x04K\xbb\xb0\xe5.\xd8\x9b*\x03=k\xd4\xd5@\xb2\x9c\xceu\x17%\x88\xf1}\xe8W\\f\xe3\x19\xf3\xe9\xed\xa5\xcb\xf5Ny5\xaf\xaa\xee\xa8\xa5#\xf8`\\,\xc7y\x13T_\xbf\x85\x0en\n.\xe0\xd0\xda\xe7\xd32Q4\xeb\x82P\x9f\xc9\x99\x93)\xb6}\xf1\x02\xb4\x12\xe7\x15hf\xde\t/M\xac\x02\xb4#\x19\xaed\x97Y\x06\x04,}\xe8=\xe5^\x94t\xbfV[\xac-9\xac\x9d\x10&gt;\x89\xd63\xf9\xa6\xf5\xf0\xb1$p\x98\t\xf1\x96&gt;4\xec&lt;\x80\xfb\x16\x1e\xd7\x99\xf6$GKt\x8f\xcd\x92R\xffx?b\xfaMU\x8a\xa2\xe4W\xb9,\x89\n\x8f\xf4w\x81]J\x9b(\x13\xa3\xd0\x9al\xde\x86*\xe6\xebL\xc8G\xeb\x86\x85v2VnC\\\xa13Xy\x93\xd2n\xc9\xc6/\xaa\xb4\x89\x0c\\\xbc\xc7\xa0\xd6\x1cm,in\xf7\xd2m\x9d\x19\xc3M?[ \xb8\x92\xb7\xfbJ\xee&lt;\xd7\xb0\x83zP\xf2`X\x08\xa5\\&gt;\xa5\xd5\x8f\x99\x90\xa0{:\x15\xdd0p]\x0c\x94\xd2%\xdd\xdb\x9a\xc8\x8a!f]^\xa3C\ryfC}\xf2g\xde9\x12l)W\xa5g\x91`%\x19\x0cb\xa6/j\xe19\xbb\xa3\x1a\xb0&gt;\xb4\xf5\x03\xb4X\x08\xb0\xc3GE\x82\x07BU&amp;\xdb\xc7\x1b\x13l\xc7\x140\xbb\x9e\xeb\xa0\xda\xaau\xb7\xb5\x177\xd3\xd2F\xab?\xe3\x86\xa9\xee\xf5\x99\xe9\xb4\xbf\xa7\xcfZ;\x02\xcbx\xed\x17a2\xa5\x97\xe0{\xeeW\xf5(\xea\xff5\x18R3\xaa\xa19T\xec\x8a_\x00\xf3U:|\xc4\x80\x04\xbb\xda\xf4\x0c\xf4Q\xac\xbf\x1d\xbdX\xe9\x8a\x07\xb0\x9f\xfc[\xe5j\xb7\x81]\x86=eY\x82\xec\xa4\xd5\x18\xb0\xec\xfa^\x95\xfcV\xb8\x03DSa\xe8\x17\xb0\x82\xb6\x84\x16\xcca(\x03\x9b\xc0&lt;\xbdT\xaa\xd5\xda\xc1\xee[\xbe\t\x86\x06\xbf]\xc3r\xf1\xb5c?\x0f2k&amp;\x14M&amp;\xa4\x08\x9e8Sf\xc1\xb7*\x93UqJ\x01jQ\xfe\x7f\xa3.X\t5\xf26z\xe5\xcf\xf4\xd8xH\xc5\xae{F\xb1\xee\xcf\x17\x12Z\xb5\xeb\xd3\\)\x17I\n\x1f\xd7\x10\xbf5b\xc4\x9b\xa2\x18\xcb\xe1+y\xabC\xa7i\xe68(\xa4\\\xfay$\xbe3dSZ[\x9d;y\xc5JOO"\xfeL\xc4\xa3\xbdI\xb9\xa5#\x92XJ\xf4\xd7\x8a\xb0\xecT\x12\x96E\x7f\xe7E\xce\x9c\xb2%\xad\xbe\x8dqu\x84\xc5\xdfZ\xe6\xd2\xa2r\xeb\x13\xbaw\xb3`\xe6\x90G\n\xcf \x17\x16\x8bh\x08\x94\x077\xd5\xd1\xab\xc5Ia\x9c\x93\xb0\xdf\xaf\xe6\xa5\x08\xfa\xc5\xa3:\\\xbb\xc3aM\xea\xef\x1ar\xc2\xb1\x82\x90\xb5\xee4~\xb7}\xbcQb$p\x82\xc34s\xae\xdf\xae\xcc\xfd\x901\xfc`|E}\x16&lt;\xc7(W\x9a\xbd\x99@\x83i\x97\x98-U\xf6\xda\xcc\xbd\xe8\x11T4\x95\xa6\xe8 \xb3\na\xef[On6\x91*J\xa9\xf5\xd4\xe3\x1b\x04\x00[\xd1\xbdR\xbb5\x1c\xa7\xc3\xb8\xef.\x95\x96b,\x12\x88\x87\xd3F]G\xb3\xe1\x1c\x95_\xd8\xcbz\xa47W\x18)\xc6\xcd\x12\'\xb0-q?m\xbc{\xf1=\xfc\x1cb\x89:\xa8\x14\xeb\x93\xc1\xcf\xca\xde\xe3mj\x8dt\xc3\xafD\x17Q\x9bY\x95]\x13|&amp;\xb5,AAl\xb3\x11\xb8\x10=&gt;\xdclU\x16\x82\xcc\xaf\xc1k\x94\xdcb&lt;\x19\x11/Q\xdfoj\x0bF\xe0+\xc7i\x0c}\x17\x81d\xb91\x9b\xa0&lt;hqz\xc0!$\xb8x8\x9e\xa6&amp;}X\xd2&amp;\x11\xe8J\xb2H6\xfc\xafCa\x96G\xc3\xee\x12_\xfb\x83R\xd5\x069\x89\x9c\xc0\xd9\xec\x1e;[l\x81\xa8A\xa2\n\xe3\xd8B&gt;\x90\xe8o\xdcYP\xc3\xf0\xce\x9a\xff\xe0\xad\xe9\xa3m\x0fsB\xa3\xa2\x0c\x86\x88\xe7\xa0\xa0\xa1\xd3\x95XN\xfca/\x00=\xfc\xd1J\x1d\xf79T\x17&lt;\xb6\xb7\x84\x8a\xa7\x1e$\xc8\x1e"\xcf\xe4\xbe\xc4/\x96\x0bm\x7f4D\x8a\x12\xba\x02nB\x83,l\x8dOk\xb8y\x8b\xaa\x8f\xe5o\x08\xeb\x18\x14\n\x19\x97P9_\x8c\x18\x04\x03\xf7\xa9\xe2E\x90\xee%\x8b\xe3\x8d\xa3\xc4\xc0\xe4\xac\x07&gt;\xb1\xda\xe4\xd0\xe3y\x90)\xae~/\x90!\x14\xaa=\xd7\x98/\xb1\xc2\x7fQ\x9aq\x18\xfe\x86\x9b\x06\xe6h\x81)\x92\x9d\xc9\xed\xef\x1b\x9c[ \xda\x1fb\x85.x\x1cf9\xec\xa8&amp;S\x04\x82\xbc\xdc\x02!\xaf\x81u\x1c\xf5\x8a\x1f@\xf1\xd3\xc9\x92\x02\xe8qC\xe5J\x8a\x89\x17o\x07G-0\xf7J\xa6\n\xbaw\xa2\xd0\x17\xc0o\x9b2\x10\x7f\xc35\xc4&gt;}G\x97\xc3\xca\x1fj\x04|w\x1a\xcd\xd3\x1d\xa1n\x7f\xfb\x07\x88\xa4\xdb\x9d\xd0,\'\x81\xc5\xed&amp;\x83\xc7\xfd \xf8\xd1\xe3\xc0\xb1Y\xf3\xad\xc5 \xdc\xe40\xc9\xfb\xbdBt-\xa8c\x03[E\xd5\xf9Bz\xaa\xdd\x9c\xd4\x89\xd4F\xbb\x15\xc5U\xe6C\xce\xd5p\xddUv)\xf4!\x18\xa6\x94\x02\x1d\xbc\xbb\xacL`\xe9\xda\xfb\xf1\x8a\x07:%\xce3\x8cYv\x017!=\xf5\xb0\xb2\xdd\x13\x9d#c\xcd\xef9\x9b\xca\x9f\xa2\xa4\xa6\xf8S\xa8\x83\xf3\xfb\xbf\x9c\xea\xaeOA\xd6\x9c\xd1{\x03w\x0b\xd7\xe9\xf0e\x13,;"\xf6;\x9f#\\\xc2R\xc5\xea\x9a\xc2\xbd\x88lh!a\xd5v\x96\x9e\xd5d\xa6\x93Y\xb4\xe9\x80S*\xd5_Sh\xebd~\x18lQ\xeb\x03\x9b+\x890\x88\xd5\xd5\x88\xe8g\xb6\xa2+qF\xfd\xae\x0e{\xe8\'\xff\x08\xc4\x03@\x19.\xb7r\x90/(\xc2&lt;\xec\xa3p\xd0&lt;+\xe4&lt;\xfa\xc4\xd4\xcd}\xa0\xe6o\xdb\x03\x85\x89\xff\\~\x87\xea+\x95\xb9geLs\xbdo\x0b&gt;\x16b\x1a\xa1\xec\xabT\x95\x9f4nR\x8b\xaa\xdc\x00\xde\x02Z 9@0\x96;\x11r\xffUx\x0e\xc1\x18xjT\xfe\x1dS\x91\xd8\'\xd2\xb4\xc3\xcc\xa3\x0f\x1b\x19\xfe\xb8\xcd\t\xaf\xf6\x17\xce[~z\xf72\xee\xbe\x96\xce\xc5p\xf2\xe1 \xab\xfb\x1c\xec\xe2\xbb\xdc&amp;\xaf\x83T::\xdf\xfc\xbd\xbc\x8fN\xbev\xf5\x88\x08\x97_\x0e\xef.\x0ba\xbbFE\x1d\x0e\xe3Y\x1b\xbb\xec\x83\xc6\xea\x84\x12\xe1\xc7\xdc\'\x9b\'\xe8\xcdLT\n\xe4\x9e\x8c\x9de$\xec\x88Q\x15N\xfd\xe6\x19\xe2\xf3\xc0\xf1\xfcH\x80j\xc7\x0c\xdd\xd58\xb7\x17\x08[7\xb9\xb2\x18\x1a\x86oM#\xb7\xd6\x02\x8c\xdb\xa3\xe1F\x0b=&gt;\x7f\xe8z\x9b\xdc\xd4\xab8\x067s\xe8F\x97\x88\\\x95K~\xaa{\xb0y\x03\xdfV3\xaa\xef)\x89H\xed\xf0p\xe9O+\x1c6K\x0c8\xbc\xfa\x9a\xdd\x87v\rH\xa2\xcabD+\xca\xee,\xf3\x83\x9e\x943;hD\x96\x82\xca\x94\xd7+W\xf0SgY\xc2\xe3\x10\xcb\xfd\xd5\x7f\xe9\xc9Hn\xa5\x83\x89B\x12\x9f\xdf\x9aU\xfe\xa9\x8fx\xbeX\xccdV\xc0^$\xb8\x92\xdcW\xb7\x99\xd0\x18\x93\xdf\x89\xc9\x072\xd0\x11:O+\xd0l\xf8\x9a\xd2 \x01\x9c*j\xc6\xd4\xb8\xb2\xc6T\x8b\x15\x12\x1bs\x9f\nu[\xe8&gt;2\x00x\xe2\xf7\xfa\xa2\xad\xf1\x07\xd7\xa8sz\xc5\xe9\xb7\x11\x0e@\x81\x9b\xbf\xbc\x05\xd80\xd8\xc6\xf99d\xb4\xff\xd6\x83\xc2K\xcdq\xd7p\x0bMz\xc2\x82\x83\x13\xe4\xdca\xb9I\\\x05\xd9\xfdp\xf1\x11\xf6/\x92\x9a\xdbr-BZ\xf3l\xa4\x0e\xa1 \xffp\xa4\x1a\x1e\xf3c\x8f\x0e\x06=E\xcan:-JR\xf2rSf\x85\x9f;r\xe7h8\xed@\x12+\xa3\xc0\x04h,\xc3\xe1\x0b\x9f\xfb\x8a\x85\xde#\xee9\x0e\xc0\xfc\xe8\x01\x82P\xa7\x9a\xf9Ea\xc5\r\x8a?\xb1\xc7\t\xec\xcc{\xf1\r\t\x96\xef\xd4n\xa2\xbe\xa5\x806\xce\xec\xe4\x97\x05h\xf4\xb25~ H\xbc\xb8\x169\xbd\x89j\xeb\x028\xc6\xb3U\xa6\x9f\xaf\xb9\xe0\xeb\xbe\xad\xb6\xf06+`\x13u2\xdb\xb0\x12\x97\xea\xe8\xa3\xe1\xb9\xd1\xb7\x9dI\x0b\x1a`_,"\xf7\x08\xff\x8b,\xbc\xe7\xab\x13\x89\\\xdev%L\xda\x8d\xc6\xea\x89\xe1@v\x98X\x86\x1e0\xaa8\x81d\x9a\xf1B\xefmn\x88xV\xf9\xe6\r\xca\xd8\x95\xffu\xcd\xba\x92E\x7f\x1b\xe1Y\x12\xb4?\xb5a\x94\xa3X\xec\x99\xa9u\x9aw\x11\xd2\x0b\x995w\xb7{:\xfc\xa3,\xf7\xa9\x10g\x8eF3\xd2[\xd0\x12\xe8\x1c\xe1\xe1\x87\x8br\x19\xa8\xba@\x0f\xbc\x8f\x9e\x03d[VH\xc5\x95\xaeA\xedX\xf5\xd5\x96&gt;\xab\xe3\x03\x07bML\xf2\x03D\x1c\x8d\x01\xf6\xce\xf0/\xc4\x8d\x17\xc7b\x19\xd1\xb1\xdc\xfc=JH\x99-\xf2\xb2\xd0\xeaI\x9f\x87\xfe\x9a\xe0\xaf\xaf\x16\xcb%\xe6I\x17\xffu\xe2\x89X\x12\xfahW\xd19\xf9\xbc\xdf\xdb\xc7+\x85\xdb\xb4\xa2\xbc\n\x99#v?a\xf7\xaa\xbeA\xa6\x8ds\xc3\xb6\x9f\xa2H\xb0\xe3^\xe74\x16\xc4\xadI\xeaN\xe4\x19\x81\xe7\x13\x7f\x04oD\'$\xda\xe1\xcapz;\x94N\xe0\x88\x13\xf9_y\xc0D\xfd\x8b\x7f\x80YM~_#j"\x02c\x84u@\xfbB\xe5a\xde\x11\xb6\x13\xda\x94\xe1C\x13" 8\x17\xf8,\xdc\x07\\\xf5\xfd!]\xad+\x028s\x1bl\xf6\xd2\x80Q\xcc\x93:\n\x84\xecs\x9d\x97\xe77W\x9du\x92Wt\xe2"\x08\xd20\x10\xb9HP\x18\xa0,#7\xfe\xe5-#\xc6r|h\x83Ui;\x0f\xb9u\xa6l\xe2C\x0b\x8c\xfcE\xaePA\x07&gt;\x82\xcf\xa5\xe4\x12\x99\xc5\xe7\xdc&lt;\x1b\x9e(\xe4\xacV \xff5\xb1\x05^\xeb\xb5\xaf\xb99$\x9f\x8f\xe9\x9dq\xf9\x8d6SlN\xf0\xf9\x7fT-\xb0\x15H\xa8\xc3x\x9c)\xc5\x9b\xb7\x1e\xea\xe7-\x10&amp;\xa3\x8bf\x86\xb0\x01\xda\xee9M\xf9l\xe8\x15Z:\x91\xd2VZ\xf9&lt;\x14\xf1\xc2\xc1\x01\x91\x91\xf74\xa3\xc9\x9dt\xb3_\xc1\x80\xa5\xe0\x1d[\x8ee\xc6\x7f\xc6\x02\xde*\xce\xf7\x87m\'@*PB~K\xff\xfa\x1e&amp;V\x86\\\xc6\x83\xb3_\\\x15L\xa3\xe2\xe2\xb6P\xd46.M\x12\xcb3\x92\x9b\xd5\x1f\x90\xde@\x83\xd4r\xd6F\x9ccJ\x9a\xa8\x0b+\xee\xbeh;Cr\xad\xd5\x084-\xd6\x82&amp;$-\xaf\xdc\xbf\x00z_~\x06e]\xe1\x81\xb8^\xb6b\x1d\x0fk\xca\xa8\x8c\xccA\x8eI\x88\x94\xf4\xc5\xa1\x8aME\xf0\x01\xdd\xa6%\xef\xebD\xaaX\x9br\xb6\x93\xe6\xb8\xa3\x87Q\x91\x8c\xa5 \x8e9\xbc\xe2`RS\xde\xb2\xa5\xd4\xab\x96,}\x02\xf9\xab\xb8}\xc6l\xdb_5\xbfP\xa1c/}\x11\xc5\xc2\x1fT\xde\x17\xc8\xae\xeee\x1f\x81GA\xc9\x0bT\xd5\xfan@21\xc6/\x96'</t>
  </si>
  <si>
    <t>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</t>
  </si>
  <si>
    <t>b'BI\xda\xbf\xd7\xc8\xa4Q2\xa1\xa1za\x87x\x81'</t>
  </si>
  <si>
    <t>emand for international reserves includes those of Robert
 Flood and Nancy Marion, â€œHolding International Reserves in an Era of High Capital Mobility,â€ Brookings Trade
 Forum 2001, pp. 1â€“47; Joshua Aizenman and Jaewoo Lee, â€œInternational Reserves: Precautionary versus
 Mercantilist Views, Theory and Evidence,â€ Open Economies Review 18 (April 2007), pp. 191â€“214; and Maurice
 Obstfeld, Jay C. Shambaugh, and Alan M. Taylor, â€œFinancial Stability, the Trilemma, and International
 Reserves,â€ American Economic Journal: Macroeconomics 2 (April 2010), pp. 57â€“94.
 CHAPTER 18 Fixed Exchange Rates and Foreign Exchange Intervention 493
 globalization of financial markets in recent years has, however, caused a big increase
 in potential variability and in the potential risks that that variability poses.
 Countries can and do choose to hold international reserves in currencies other than
 the U.S. dollar. They tend to hold only those currencies that are most likely to retain
 their value over time and to be readily accepted by foreign exporters and creditors.
 Thanks to the large and generally prosperous geographical region it serves, the euro,
 introduced in 1999, is the strongest challenger to the dollarâ€™s role.
 Figure 18-8 shows the importance of four major currencies in countriesâ€™ international
 reserve holdings. Since the euroâ€™s birth in 1999, its share in global reserves has risen from
 18 to 27 percent, while the dollarâ€™s share has declined from 71 to 62 percent. Britainâ€™s
 pound sterling was the worldâ€™s leading reserve currency up until the 1920s. That currency,
 however, now makes up only about 4 percent of global reserves, while the Japanese yenâ€™s
 share, about three times that of sterling during the mid-1990s, is now lower.
 Upon its introduction in 1999, some economists speculated that the euro would
 overtake the dollar as the main international reserve currency. Despite the apparent
 trend away from the dollar shown in Figure 18-8, that day seems distant. Yet history
 certainly shows how leading reserve currencies can be toppled by newcomers.25
 SUMMARY
 1. There is a direct link between central bank intervention in the foreign exchange market
 and the domestic money supply. When a countryâ€™s central bank purchases foreign
 assets, the countryâ€™s money supply automatically increases. Similarly, a central bank
 sale of foreign assets automatically lowers the money supply. The central bank balance
 sheet shows how foreign exchange intervention affects the money supply because the
 central bankâ€™s liabilities, which rise or fall when its assets rise or fall, are the base of the
 domestic money supply process. The central bank can negate the money supply effect
 of intervention through sterilization. With no sterilization, there is a link between the
 balance of payments and national money supplies that depends on how central banks
 share the burden of financing balance of payments gaps.
 2. A central bank can fix the exchan</t>
  </si>
  <si>
    <t>b'0F\x02!\x00\xb4i\xf6%/,\x91\xd8-\xe1*\x87\x12,\x17\x06\xdf\x1a\xed3\x87\xa7\x96\xdf\x11&amp;P\xc3\xd3C\xf1\xda\x02!\x00\xac\xcf*\xf8n\\\xad\x9a\xbc\xa5Z\xab(\xa3\x8e\xc4+]2\xd2\xe2\xbf\xf4\xc2\xd8\x89\x15W\xe6e7\xb1'</t>
  </si>
  <si>
    <t>3046022100b469f6252f2c91d82de12a87122c1706df1aed3387a796df112650c3d343f1da022100accf2af86e5cad9abca55aab28a38ec42b5d32d2e2bff4c2d8891557e66537b1</t>
  </si>
  <si>
    <t>b'0F\x02!\x00\xb4i\xf6%/,\x91\xd8-\xe1*'</t>
  </si>
  <si>
    <t>on his master, though he carefully concealed
 the appearance of so doing.
 First of all, the worthy fellow had gone up to his room, and had
 extinguished the gas-burner, which had been burning for eighty
 days. He had found in the letter-box a bill from the gas
 company, and he thought it more than time to put a stop to this
 expense, which he had been doomed to bear.
 303
 The night passed. Mr. Fogg went to bed, but did he sleep?
 Aouda did not once close her eyes. Passepartout watched all
 night, like a faithful dog, at his masterâ€™s door.
 Mr. Fogg called him in the morning, and told him to get Aoudaâ€™s
 breakfast, and a cup of tea and a chop for himself</t>
  </si>
  <si>
    <t>b'\x85\xf8\xa16\xc0\xd6\xd8\'5#\x94"K\xfe\x9c\xc9&lt;f\xae\xaegt\x8d\x80\xdd(N$k/9\xdc'</t>
  </si>
  <si>
    <t>85f8a136c0d6d827352394224bfe9cc93c66aeae67748d80dd284e246b2f39dc</t>
  </si>
  <si>
    <t>b'\x85\xf8\xa16\xc0\xd6\xd8\'5#\x94"K\xfe\x9c\xc9'</t>
  </si>
  <si>
    <t>Stuart Mill. Principles of Political Economy. London: Longmans, Green, 1917. Millâ€™s 1848
 treatise extended Ricardoâ€™s work into a full-fledged model of international trade.
 David Ricardo. The Principles of Political Economy and Taxation. Homewood, IL: Irwin, 1963. The
 basic source for the Ricardian model is Ricardo himself in this book, first published in 1817.
 MYECONLAB CAN HELP YOU GET A BETTER GRADE
 If your exam were tomorrow, would you be ready? For each chapter,
 MyEconLab Practice Tests and Study Plans pinpoint which sections you have
 mastered and which ones you need to study. That way, you are more efficient
 with your study time, and you are better prepared for your exams.
 To see how it works, turn to page 9 and then go to
 www.myeconlab.com/krugman
 50
 4 chapter
 Specific Factors and Income
 Distribution
 As we saw in Chapter 3, international trade can be mutually beneficial to
 the nations engaged in it. Yet throughout history, governments have
 protected sectors of the economy from import competition. For example,
 despite its commitment in principle to free trade, the United States limits imports
 of textiles, sugar, steel, and other commodities. If trade is such a good thing for
 the economy, why is there opposition to its effects? To understand the politics of
 trade, it is necessary to look at the effects of trade not just on a country as a
 whole, but on the distribution of income within that country.
 The Ricardian model of international trade developed in Chapter 3 illustrates
 the potential benefits from trade. In that model, trade leads to international spe_x0002_cialization, with each country shifting its labor force from industries in which
 that labor is relatively inefficient to industries in which it is relatively more effi_x0002_cient. Because labor is the only factor of production in that model, and it is
 assumed that labor can move freely from one industry to another, there is no
 possibility that individuals will be hurt by trade. The Ricardian model thus sug_x0002_gests not only that all countries gain from trade, but also that every individual is
 made better off as a result of international trade, because trade does not affect
 the distribution of income. In the real world, however, trade has substantial
 effects on the income distribution within each trading nation, so that in practice
 the benefits of trade are often distributed very unevenly.
 There are two main reasons why international trade has strong effects on the
 distribution of income. First, resources cannot move immediately or without cost
 from one industry to anotherâ€”a short-run consequence of trade. Second, indus_x0002_tries differ in the factors of production they demand. A shift in the mix of goods
 that a country produces will ordinarily reduce the demand for some factors of
 production, while raising the demand for othersâ€”a long-run consequence of
 trade. For both of these reasons, international trade is not as unambiguously ben_x0002_eficial as it appeared to be in Chapter 3. While trade may benefit a nation as a
 whole, it often hurts significant groups within the country in the short run, and
 potentially, but to a lesser extent, in the long run.
 CHAPTER 4 Specific Factors and Income Distribution 51
 Consider the effects of Japanâ€™s rice policy. Japan allows very little rice to be
 imported, even though the scarcity of land means that rice is much more expen_x0002_sive to produce in Japan than in other countries (including the United States).
 There is little question that Japan as a whole would have a higher standard of
 living if free imports of rice were allowed. Japanese rice farmers, however,
 would be hurt by free trade. While the farmers displaced by imports cou</t>
  </si>
  <si>
    <t>b"0E\x02!\x00\xec\x84\xd7\xf4 E\xa9\xd8j\xba\xbdL\x06/\x14\xf1;V\x8cu\xdf,\xc9\xe16\x92\xf4'6\x83\xea\x98\x02 \x18\xeaW6A\xbc@K;\x90\xbc?\xc9\xc6x\xf6\xd4C\xe8\xcci\x85-~\xa84\xe6\x1c\xe8\xb6h\xa7"</t>
  </si>
  <si>
    <t>3045022100ec84d7f42045a9d86ababd4c062f14f13b568c75df2cc9e13692f4273683ea98022018ea573641bc404b3b90bc3fc9c678f6d443e8cc69852d7ea834e61ce8b668a7</t>
  </si>
  <si>
    <t>b'0E\x02!\x00\xec\x84\xd7\xf4 E\xa9\xd8j\xba\xbd'</t>
  </si>
  <si>
    <t>d Mother Darling picked their way over it deftly not to soil their
 shoes. They were already the only persons in the street, and all the stars were
 watching them. Stars are beautiful, but they may not take an active part in
 anything, they must just look on for ever. It is a punishment put on them for
 something they did so long ago that no star now knows what it was. So the
 older ones have become glassy-eyed and seldom speak (winking is the star
 language), but the little ones still wonder. They are not really friendly to Peter,
 who has a mischievous way of stealing up behind them and trying to blow
 them out; but they are so fond of fun that they were on his side to-night, and
 anxious to get the grown-ups out of the way. So as soon as the door of 27
 closed on Mr. and Mrs. Darling there was a commotion in the firmament, and
 the smallest of all the stars in the Milky Way screamed out:
 'Now, Peter!'
 CHAPTER III
 COME AWAY, COME AWAY!
 For a moment after Mr. and Mrs. Darling left the house the night-lights by the
 beds of the three children continued to burn clearly. They were awfully nice
 little night-lights, and one cannot help wishing that they could have kept
 awake to see Peter; but Wendy's light blinked and gave such a yawn that the
 other two yawned also, and before they could close their mouths all the three
 went out.
 There was another light in the room now, a thousand times brighter than the
 night-lights, and in the time we have taken to say this, it has been in all the
 drawers in the nursery, looking for Peter's shadow, rummaged the wardrobe
 and turned every pocket inside out. It was not really a light; it made this light
 by flashing about so quickly, but when it came to rest for a second you saw it
 was a fairy, no longer than your hand, but still growing. It was a girl cal</t>
  </si>
  <si>
    <t>b'\x0e\xa4\xed\xf5\xc5\xdf\xf2m'</t>
  </si>
  <si>
    <t>0ea4edf5c5dff26d</t>
  </si>
  <si>
    <t>HEMISTRY
Fig. 13.4 Orbital picture of ethene depicting
Ïƒ bonds only
Relative stability of conformations: As
mentioned earlier, in staggered form of ethane,
the electron clouds of carbon-hydrogen bonds
are as far apart as possible. Thus, there are
minimum repulsive forces, minimum energy
and maximum stability of the molecule. On the
other hand, when the staggered form changes
into the eclipsed form, the electron clouds of
the carbon â€“ hydrogen bonds come closer to
each other resulting in increase in electron
cloud repulsions. To check the increased
repulsive forces, molecule will have to possess
more energy and thus has lesser stability. As
already mentioned, the repulsive interaction
between the electron clouds, which affects
stability of a conformation, is called torsional
strain. Magnitude of torsional strain depends
upon the angle of rotation about Câ€“C bond.
This angle is also called dihedral angle or
torsional angle. Of all the conformations of
ethane, the staggered form has the least
torsional strain and the eclipsed form, the
maximum torsional strain. Therefore,
staggered conformation is more stable than the
eclipsed conformation. Hence, molecule largely
remains in staggered conformation or we can
say that it is preferred conformation. Thus it
m</t>
  </si>
  <si>
    <t>b'\xde\xbb\n=V\x9f\xcd\xdc\x82\xbd\xf2\xc8\xda[w\xccmAPd$yV\xb5\xbeW-q_\xf8\xf2\x10\xc9\x98\xf2k7\x93`\xfa\xf2\xdc\xf9.\xbf!\xf5\x84"nM\x1a.BO\x87`&lt;\r\x88\x172\xd5\xc43\x0c\x9e=\x95\x7fI_\x97M&lt;cZ\xd0\xc7AK\xe5B\xdb\x8d\xb3#\x06v\xccz\x84]\xb1\xdf\xdd\xff\xdf3\\\xd7\xa1m\xc3]\xba\xa9\x11M\x19\xdc-3A\x161\x08\xe8-v\xedx.\xab\x86\x88\xacT\xd9\xed\x08Rdz|\x90\xb9\xf1\x18\xc7\xac\x8d!\x0f\x18\xa3\x90}-\xf2+\xf2\x1b\x14o\x02\xbe\x95\xcc\xc3B\xff\x0e*&amp;\x8e\x0f\xabH\xa5\xac\xde\xb11\xe4\x9e\xb8|\xaf\xd2e\x96YQD\xc6 \xd9Vr`\xf9\x869\x04*\x95\xe8\x99\x95h\xe3\xbb\xdb\x91q}\x06F\x8do\xe0\xf2\x05\x14\xe9\xbc\xc8X\xed\x80\xcb\x8a\x87\x18\x00\x91\xca\xbb\x04\xcf*D\x11[#\x99iI\x18\x0bew\xd8D\xd2J\xa4{-\x0cl%$v\xa0\x12\xbf\xac\x17X\x03\xb3\x81{\x82\xf0Ds9\x0e\xef\xd9\x97\x82\xbax/\x80\xc8\xc2\xb2\xd4\x96\xea8fA\xf2Sf\xac\x92\xb4{\xa3\x14\x02\xe4\x1f\xc6X/{c0\x96&lt;\xc6!\x84\x05J\x95^\xfd\x07\xe7\xd6\xc5\x12\x1b/^\xc6"&gt;y\xd6\xcbW\xd9\x87\xca\xd3O8\n\x17\xa1??}k\xaf\xc5\x9f\xfa\xb4\x0bqY\x17\x98Q\xcco\xb29\x880\xa6\x9a\xdb\x1e\x95\x00\x9b\x9c\xeb\xbd&amp;\xbc\xe4\xc2\xb9\x05\xeb\xbe\x18a\xf1I\x7f\x1b;\xfb7\x8eb\xe7\xc2\x8f9D\xf3f\x8c\x16\xf0\x03\xa65\xa5m%+|\x11\xb7UJ\x90\x1f\xc3u\xed\x97\xf4\x131\xf8\x84`Qtqd\x13\xf0\x9a\xeb\x0c\xbe\xaa\xe8F\x9f(q\xdeD\xba\xf2i4=9\xbb\xa1\xcc54\xa5\xf1,\x04\x1c\xfc\xcf!\xb2_\x80~\r\xb6u\xa4\xd9F\x01-\xdeP[\xd4\x11\nh\xb7\x91\xe9\xd2\xee\x96\x1fZ\xbb\x9c5\xee\xadmV\x1c\x9d\x8fC\xf3X\xa3\xf3\xb8\x86FC\xb7&lt;)\x18\xca\xcf\xfa)\x02\xd3%$\x86\r4\x83\xf1c\xe6\x02\xb2\xc2\xb4\xbe \xb8\x0c\xa5wH\xa8\xfe\xb7\x05c\xa4\x14`\xca\xebsxd\xa4O\xc9j/O\xc0di\xf5\xfd\xb2\x9e\xd0i\xb5:/\x88\xe8P\xf8\xe5\x84j\xd1/nx+\x9d\x98\x84\xb8\xbaWin\xd5S\xdeb\xc0\x82\x13\x85\xb4@\xb2\xe0\xb1m\x88\xecX\xab\x13\xab\xbd\x18\xdb&lt;\xbc\xc0\xcc`\xf5\x8e\x8b\xa1\x14\x02\xe8\x1d\x16\xfbd\xd7\x81\xf4\xd3\xa7\xfa\x12P\xda1\xa7\xd9\xc0\x10\xa6Q\xe8^\x94\x8a\xc7+\x95\xeb\x11\x8a\xd2\x83\x88M\x9f/\xf6\xe2\x8c\xb9\x8d\x84niF=\xe1\xa7\x8d)h\x832[\x9b\x01\x10\x9a9#\xfeN\x03C\xaeZ\x1d\x1b\x08\x1c\x19\xd3\xbcVQX\xf2as\xa5.\xec\xb4d\xea\x00p\x83\xed8t3\xa3\x11\xe3W\xadrY.]\xc1\xfe&amp;\xea\xd4!3\xbd\x9a4\xd7\xe3k\xeb\xd7\x93\x8fnF\xbc\xe7WV\x9c\x90&gt;\x02\xa1 \xf5].\xbd\x0b6\xf2r\x82=${\xd5\xfe4\x7f\xb6,|\xdekD\xb7\xd0\x95\xc30\x8e\xdf\xb0AJ\x96,\x1a\xf7o\xbajp\x02\xa9\\\x8a\'\x1d%\x1fs\xe6\x03\t\x06\xab\x847O\x91\x1e\xfb\xa4RK\xc6\xd1\xd7\xf9\xe6m\x93\xa8M\x90#"_\x92\xa6\x9c\n\r=\xb7\x8d\x9c\xa5W\x94\xd1\x03\xec\x8ay\xf2\xa8\x9b_\xe4\xd40\x13\x01\x1cv\x1b\xb7\x04\xec\xba\xe4\xa1\xff\x8f\x89\xadQ\x8b\xb7U\xa1\xdd\x942\x1f\x1f?\xacwF\xafI\xcb-\x83U\x8b\x81\xff\x91+\xcc`\xe0m\xf8/\xb5\x82\xee9R\x84\x8c\xa1\xd1c?\x895\x95\xc1h2\r2\x8f\xff\x15O/Lh\xecV\x18\xbc,q\x86P\xb7\xa4\x1c]\x03\x13\xa9i\x80\x8e\x9d\xc3\xa5s\xfa\xb3\xe5\x00\xa4\x9f0\x9f\xd0\xbf0,&gt;\xba\xf1\xe6P\x0bu~\x05\x9e\xa9\xa8\xea\x13\x85\xf6\xdd\x19\xa26N"\x04l2K\xe9\xefW\x80\xb1\x88\xbbs\x1a-\xf3D\x1dP|\xb0]5\xc0\xf3\xf1=\x05Gg\xedi\x82\x00l`\xf0\x0fn\xe7E\xdf\xccTl\x11\x94\xc8iu\xf3\x1cHl\xd3\x0fX\xdd\xee\xa7\x8fB\xd9\x82BC\xb7\xe5\x9a\xf6T\x15\xc7\x924\x00\x02I\xc5s\xbe\x99\xbc)-N\x0e\x16D/\xdf\xf9\xc4U\xf4\x00\x0bz&gt;\xe2\xc6\x8dsZ\xb6o\rr\xb7N\xf1\xb9wM7\xfcgiD\xac\xb5\x98^\x9ai\xca\xca\xb0\xdbH\x98L\xf5\xa3y];\xe9!;\xaf3\xd8]\x93\xb0l\xf0\x00"\xdf\xab\xaf\xa73L*\xc7SWQ\x94\xa5\xe9L\xad\x95\x0e:H\xfb\xa4\x8e\x13\x8d\x99hu\xf5\tf|\xf7R\xaaC,\xa1\x08\x01\xc1\x08\xc5\x80\xdc\xb9\xdd\x80\xd9 \x05m\x1d\xfdk\xb1\xd80\xabgyK{\xf8j\xf3\xbb\xa1\\\x16\xe2x?/D\xbd\xa6oY\xb2\xc2\xeb\xe2\xe8m\xf5\xdc\xc6\x9dF\xa3\xc5=\xe7\xf5\xcf\x12\xdd*w3\x12\t\xef\x9a@e6~\x88\x94\xff\xe0p\xd5\x1d~r\x06"\x03\x85\xcf\xa7\xe7\xd77K\x1b\x17"\xe9%\xa4L\x08\xdd;\xe3{\xbchFTC\xd9'</t>
  </si>
  <si>
    <t>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</t>
  </si>
  <si>
    <t>b'\xde\xbb\n=V\x9f\xcd\xdc\x82\xbd\xf2\xc8\xda[w\xcc'</t>
  </si>
  <si>
    <t>a career through detailed enumeration
of offices attested to the importance of each rung on the ladder (Eck 1984). Such
texts were unknown in the republic; their style might have been inspired by the elogia
that Augustus had inscribed on the bases of the statues of the â€˜â€˜greatest menâ€™â€™ in
Roman history with which he decorated his forum. But the Augustan decision to
inscribe memorials of the dead in this way can only go so far in explaining the habit of
the living to make sure that the same was done for them. There could be no greater
disgrace than to have oneâ€™s name removed from records of oneâ€™s accomplishments.
Thus it was that erasure, virtually unknown to the republic, became a regular feature
of penalties stemming from the declaration of the condemned as an enemy of the
state. The point of an erasure was not simply to eliminate a monument â€“ this could
more readily be don</t>
  </si>
  <si>
    <t>b'X/pD\xa6Y\x9c1K\x91\xaa\xa3P\x95\x01\t2FN&gt;-:\xd5CF_\xfa\x8a\x16\x10]\xe2t=\xafGGA\xcc\xd2.\x1en\xf0V\xc7YG\x01^r\x12\xe6\xee7\xf0\xdbk\xdf\xa6\xcc\xcaB\xef*l\xc3\xbdMD\xef\x1eQ\x85\x80^\xe2\xbc\xc5\x89\x1b\xc7R\xba\xdc\x7f\xf9Pl\x80\xa9;\x8d\x8cE%\x88\xa2\x8e\x1cN\x03\xdd\xe9\xba9S+4w\xeb\xc9X\xcdK\xb1\x05N\xa4]:\xb5\xd2\x85\x04\x1cM\x1b\xfb&lt;f\x90\xa6\xb8\xa85!&amp;\xe2KTSC\xac\xd4\x894\x8c[\xfa&amp;|\x01ih\xc6I5-\xc4`aH\xce\xfe-\xf4R\xf7\xb5\xd2\x86\xf9\n$,\xcf\x92\x13\xe4|\xa8\xb0\xad\xf8\xd8]\xba\x9fM\x95\xca\xf3\x1b\xc6RB\xa7\xdd_\xda_\xf3k\xd6}\xf5i\xb0\xc9\xf8\xfas\x91\xa6\x0f\x83\x06\xc5`}r\xc2.\xdf\x15kw\xba\xec\xec\x8aY \x17a\x8c\x1c\xf6\xb7\x92eAW\x12\x99\x0cp; \xbc&amp;k\xca&lt;\x1b\x06\x114,\x93+\x9d\xadGA\x1dR^\r8?GR\x9a\x08\xd5\x12\xfe\xaf\x1a\x1a\xa6\x19s\xf2k\x89Z\xfd\x0b\x18r2\xea\xc3\x80\xd0w\x04$\xea\xce\xec\x02I\x1e^\x99\xd9\x15VbI|\xf1/9\x14\xf57\xd3&gt;V\x03\xe3\xc4I\x92|!\xa8\x91|\xa1\x10\x07s\x1e\xba\xed\xa1\xc2\xf3\xcf\xdd\x07\x15&amp;\x9e$\x9b2T\x8c;x\xc2\x83\x8adi\xa5\x81\x8c\xd1\xc6\x9ee\xa0\xbe\xe9\x05\x07\n\xab\xac\xfd\xcc$0\x91\xb0x:MP\x88;&gt;\xf4\xee\x18\xef^\x0b]F\x0b@.\x83,=\xf0\x8c\xab\xa0X\xa2\x1a\x18\xd3\xab\xd4\xc8\x13-c\x1e\xf0\xa6&gt;u\xb2J\x17H@[\x87\xba7\x151\xb7\xd3\x9b\xa7\xc9\xael\xb6\x0e)$\xb2H\xff\xedeE?/k\xe8\x91D\x87l\x0e\xce\xef\xa3\xe0\'\xb8\xb7\x00|5\xd02oA\xaa\xc6\xfa\xdc\x13\xabf\xbf\x12\x89\xe9\x0c\x10\x18Pv\x9f\xe4(N\xf4\xc6\xe1\xf0\x19\xd0\xc1\xc3\xef\x9bG\xcc\xfaGu\xe1\xc4\x8f\x9a\x12\xa4\xa3\xe7\xe7\xfb\xbb\xe9$U \xee\xff\xc2~Iq\xe9\xef\x871YP\x95\x90Ea\x92\xc0\x9eb\x1a\x8f\x97\xc5\x12\x1f\xca\xc2\xd6y!\x92\x97\x06\xe7\x87\xe2\xc2g\x93\x83\xd84\xddKjfe\x96c\x16\xbd\r\xa0\x17b\xd2\xb32\xf9\x18[\x94\x9dm\x88\xcc\xe1\x9b\xf7k\xf6\'\x0cq\xeb\x00\xc4\xb2PX\xd5\xa7r=\x91M3\x8ay\x80\x9dL\x9d\xfcK\xc9{\x91z\xa2\xf4K\x1fSV\xf4\x10\x1d\x89F\xe9\xf927i\x16\xa3B\xe0z"\x86\t\xb53\x0fk\xcb\xfab\x9f6\x81[\x0c\xfb\xd1\xf6\x0f-\x0chQO\x86\xab%\xcb\xbde\xdb\xf4T\x1eA\xef\xa0VA\x1e\x08\x10a\xbfS\xca\xfc\xdb)\x7f"\x8a\xf5\x0f\xc8w\xfc\x04\x80\xa3\xe7\xdf\xa5\xf3\xc6\x94\x8b\xffK\x1d%\xa5\x86\x9f\xb1X2P{\x0bk\x9f\x9cs\xf0Kvw\x16de\xcc\x92\xd3\xde\xa0\x1e\xcf\xe5\x1fB\x9a\xb8m\xead(\xc8M?O\xd2\x9d/D\xfd\x01Y\x08\xb9)E?|\xa2\xc3\xb8\xf0Fs\xcbg\x92\xff\x03P\\9\r\x9a\x88]\x14\x9fd\x87X\xd5\x02\x01\xec\xb6.\xe8\xb7\xe1+\xd4\t\x07oh`\x05\x0c\x1bq\xcc\xbe(\x15\x96,g3\xef\xb4(b\x18f\xbatEm\x93\xa0\x0f\x9a\xad\x84|&lt;WO\xd0Mo\xb2\xf5\xea.0\x03&amp;\x0c q\xd9\x85\xad,?|?\xcb1\xb9=\xbf\x1e\x08\x8fs\xa5&gt;\x88\xae*dq*E\xd8h-\x07\xbf\xa4%\x8e\xa4\xc1t\xba\x06T\x8fB\xcb\x87\x81b\xbf\xec\x9b\xe3,\x18B\xccy`C\xe5#*\xb3\xbb\xa5\x84_\xad\xdaE\x91\xc8\xf9\xf6\x88\xa3r\x0bm\x17\x82\xd3'</t>
  </si>
  <si>
    <t>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</t>
  </si>
  <si>
    <t>b'X/pD\xa6Y\x9c1K\x91\xaa\xa3P\x95\x01\t'</t>
  </si>
  <si>
    <t>imes
 of incomparable excitement. Keep going through all of it. As Steve Jobs
 famously said, You can only connect the dots backwards. Success is never a
 linear path. Itâ€™s filled with ins and outs, ups and downs, and weird left turns.
 Ultimately, who you become along the way is what is most interesting. When
 you become the kind of person who is responsible, happy, and giving, thatâ€™s
 when you are unstoppable. That is also when you get rich.
 The tagline for Capitalism.com is to â€œCreate Change,â€ because it takes
 just one person to go all in. It not only changes your financial future but can
 also change an industry. It can change your world, if not the world.
 Life will keep giving you the opportunity to learn, to grow, and to
 expand, and these developments will be reflected in your business. As I write
 this, Iâ€™ve been outlining my next business, and Iâ€™m confident it will be more
 successful than all the previous ones combined. Shortly after signing the
 papers, I learned that my second child is on the way.
 I am, once again, all in.
 I am all in for you, too.
 INDEX
 A
 accessories, 137
 acquisition, xxx, 173â€“183
 aftermath of, 181â€“183
 negotiating, 180â€“181
 pitfalls in, 175â€“178
 time frame to, 174â€“175
 timing of, 178â€“180
 add-ons, 137
 advertising
 customer testimonials as, 126, 136
 with email list, 149
 pay-per-click, 170
 platform selection for, 150â€“152
 on podcasts, 62, 150
 via audience, 171
 via influences, 171
 with videos, 170
 Alba, Jessica, 150, 155
 algorithms, 179â€“180
 Ali, Moiz, 36â€“37, 43â€“45
 Alibaba.com, 46, 48
 Alpha Brain, 120
 Amazon
 acquisition of Whole Foods by, 6
 audience-building with, 136
 FBA program of, 2
 funding options on, 70
 internal marketing of, 134
 launch on, 105â€“107
 pay-per-click platform, 126
 for product research, 30â€“31
 search results of, 110
 as starting platform, 37
 Amazon Lending, 70
 analytics, reliance on, 141, 179â€“180
 announcement, of product launch, 91
 Apple, 7, 81
 Argan oil, 73
 Art of Sport, 155
 #AskGaryVee, 186
 Asprey, Dave, 33â€“34, 133, 156
 audience
 advertising via, 171
 engaging with, 83, 87â€“88, 104, 123â€“124
 expectations of, 78
 and funding, 62â€“64, 72
 keeping focus on, 179
 location of, 91
 responsiveness of, 84â€“85
 size of, 84â€“85
 targeting specific, 5â€“6
 audience-building
 after launch, 126â€“127
 as essential to business growth, 164
 with Facebook, 68â€“69, 82, 128
 during The Grind, 168
 with Kickstarter, 67â€“68
 before launching second product, 135â€“136
 for loyal customer base, 8â€“9
 with social media, 84
 as â€œstacking the deck,â€ 86â€“88
 Austin City Limits music festival, 190
 autism, headphones for children with, 144
 B
 The Backroom, xxxi, 139
 bad debt, 69â€“71
 Ballantyne, Craig, xxxvii
 bank loans, 70
 Batiz, Suzy, 23â€“25
 beetroot, 38
 beliefs, about money, 17â€“18
 BestSelf Co., 110â€“112, 138, 142
 Bezoni, Josh, 147â€“148
 Bezos, Jeff, xxxiii
 Bilyeu, Tom, 100, 141
 BioTrust, 147â€“148
 Black Rifle Coffee, 9â€“10, 34
 blogs, 151
 Blue Apron, 62
 blue-blocking glasses, 34â€“35
 brand, 133â€“145
 audience-building, 135â€“136
 building, xxix, 27â€“31
 and competition, 140â€“142
 defining, 28
 developing product two, 136â€“137
 entrepreneur spotlight, 143â€“145
 and momentum, 142
 ownersâ€™ vs. customersâ€™ views of, 116
 product two launch, 134â€“135
 and purpose of company, 137â€“140
 timing of second product launch, 140
 as trust, 87â€“88
 Brooklinen, 62
 Brouwer, Allen, 111â€“112, 138
 Bryant, Kobe, 155
 Builders, xxxvâ€“xxxvi
 Bulletproof 360, 33â€“34, 133, 137, 142, 175
 â€œBumMarketer,â€ 188
 business
 control of, 175â€“176, 180â€“181
 customers as focus of, 25â€“27
 purpose of, 137â€“140
 business partners, xxxvâ€“xxxvi
 business plans, 65â€“66
 C
 Canole, Drew, 62
 capital, raising, 65â€“67
 Capitalism.com, xxvii, xxxi, 130, 191
 Capitalism Conference, xxvii, 5, 10, 25, 64, 70, 77, 100, 147, 186
 Cardone, Grant, 64, 186
 Casamingos, 78â€“79
 Casper Mattress, 62
 celebrities, 155â€“156
 change, 1â€“2, 191
 Cho, Roxelle, 63â€“64, 92â€“93
 Clif Bar, 4
 Clockwork (Michalowicz), 157
 Clooney, George, 78â€“79
 COGS (cost</t>
  </si>
  <si>
    <t>b'Y\x7f\xa3\x1f!\x81\xc6B\x12\xbe\xfbu+\x99v\xd6L?\x9eD\x17 &lt;\xde\x13\x82\xfd\xed\x08\xb2P\xa2r\xb5\x14j:\xc3t{\x95\xc4\x17E\x1av4\xb7{\xa8\xf8\xdf!\xb2\x86\xa6t\xd0\\x\xeb\x87y\xb4-\x08\x10\xfe\xbe\x9f\xa4\xf5\\s\xb1\xfe*jC\x05\xfeb\xda\xa6\xf2\xe3\xcb|D\xfd\\\x85\xc1\xca\xb8\xcb\xe1V\xad\xb5\xb6\x06\x1a\xc6\xa8\x84\x1c\x11\xe3\x02w\x07\xf8;\x15}\xdd|\xfe5 \xc3T-\x85oC\xd5q\xc7\xe6s\xc4\xfa\xbc\xe5\x02\x80;_q\xb3\xff\x07h\xa0T?\x17.S\x07\x82\xcds[\x05\x1c\xd3\xf9k\xbc\xee\x99&lt;}\x05L\xb3I\x89\xb1\xfa\x8c\xec\x83\xca\x1b\xd8Wu\xb0\x04\xcd\x08\xfe9\xdd\x91\xe1\xd9q\x81\xce\xafm\xd1\x07\xdc\xc8\xb7!\xb2[i\xcbMS\x80?\x06\x9a)I\x0cC\xceLA\xc2\xb7\xa3\x90\xc4\xaf`\xe4X,t\xfd\x8f\x14\x9e\x80e,\x13\x1f\xd6\x8f\xc4h\xbc\xc5;\xd5\xee\x84\xcf\xea\xfc*\x0e7\xfb\xcf\x7f\xa2r\xf5\xf3\x9f#\x7fF\xea\xb9\xfb\xc7\xccJl\nk/7E\x17\x99\xf1\n\xbfI\x82:X\xb8G\n\x13R\xceC\xdd\xc6\xc2t\xf1\xb6\x88g\xa1\x93l\x95\\r\x08`[\x93\\(\x10y(\xab\x8fq|\xaeo\xa2[-\x9djX\xeb\x11i\xf0\'\x13\xf0\xe1\x87\x16\xfe\xc8\x06,\xb9M&lt;\r[\x80\xe2\x05\xd1Vy\x94\xae\xde:i\xcdX\xbc\xbcI}\xd6\xb4E\\v\x05\x03\xcb\r\xb2\x05\x8d\xe8\xc1\x85"X\xaf\xc5TrO]\xa2d\xa1\xe1\xce\x03\x98\x01\xec\xec\x0e\xbe\r\xebx^\xf8#\x9c\xe9d,\xe1\')\x1d\x93\xe3\x00`p?\x04\xc3G\x85\x00\x172V\xeb*\xe1]\xc4F\xcb\xb6\x83\xa7\xd0\x8d\xd4g\x85\x1aj\xd8&lt;\xddxP\x93\xe0\xeb\xd8)\x00\x8a\x0b\xabu\xf2\xcb)*A\xf8Q\xb3\xfc\xe8T\xa8\xe8\xadK\xa8\xa7\xa4\xdb\xd5\xa8\x8d\xa0\xd5\x9bN\xb2z\x89\x85\xb2.\xf6\x0f\x8d\x1bk\x83\xa1\xca\xd0\x05&lt;X\x94(I\x95\xfc\xc4\xca!\x1b\xe18\xc7i\x08\xd9B:~\xff\x8ezmnw\xcb\x08\xd5\xf3\x90\xaa#[\xe9*\xe4=k\xdb\x9a\x96\x01\'9\x8f\xdb\xbd0\x9b\x1f~\x05\xbc\xeb\x16\x7f\xdcE\x175\x9c}\xb7\x15\xde\xef\x8a9\x03\xc9^\xd5\x07\xecu\xa2,\xec\x87\xbf)[/\xd0;\x0f\xd7Z\xac&amp;\xb7\x12t/*u\xad]\x07\xfc\xdd\xcftSvv\xc1O\xb8n\x8f\xef|*\xa5\x17\x18`\x12-\x84\xdbz\xec!\xf4\x08Pr\x0b\xffE?$\\!0\xban\xd9|\xf5Ww"K3\r\xa4` \xb2\xd6?@\xe8\xfb&gt;\xf2\x12\xb6\x17fO\xb5y\xd7,\xfb\xdd#Q\xbf&lt;\x96\x80\xb9\xe9\x0e\\^\xd5%l\xb4\xb5\x0e\xc1\x93.\xa9\xa0 o\xed\x8e\xfa -\xe2\x82a\x95,\xeet\x1d\xfe\x9f\xa1\xd4hAc)\x15Mc1;\xb7\x9aI2&gt;4I&lt;\x12\xc9\x97\xb2|\x1a\xff5\t\x8d\x0c:\xc19\xf2\xbb\xcf8\x97\xa0\xfd\x9a/pT\xa58kc&lt;\xb9k\xa6\x19\xedP\x8d\x8b\xe5\xa1\xd7\xc9\x1d\xf3DXR\x84A\xae\xbf&amp;Q\xe7=9\xb3?"\xed\xdc\xf3\x157\xf3\xaf\xbb\xebP\xf7\x1c\xcb\x02!\xea"\xb3\xabS;\xd8\xb0=+\xf3j.\xbf\xa8\xa1&lt;\xa3\xbd\x9f\xe7\x17S\x85\x8a"G\x19\x95\xf2\xf8J\x0eS\x13ia\xee\xc7\x96\xa1\xe3&amp;\x91\xdf\x8e\xbb\xc4\xe0\xc90[\x98r2\x87t\xf5\xae\xfci\x95bQ\xfa\xf00Mn\xfc\xf2\xfe\rP\xfa\x94\xf32\xa2y\x86\xd2\xd7x\x1e\xe7\xf7\x9f\xa9pZj\x0f\x8a6+\xa8\x1aS6W\x80N\x045\x083\x1e\xf8&lt;Q\x80\xd4\xc0\xd5\x19\xd1T\xfb\xcc]\xa3\xe0\xb0\x00(\'\xff5\xa6\x84\xd0\x92\xde-\xfc\x8e\xa9\xd8Xd\x97\x95\x8a\x8f1\xb5hJu\xb76\xe8K\\\x864\xcfd"\x1d&lt;\x82\xd248\xf2Y5\xf7&amp;f"\xf1\x12\x97X^\xbe\x12Vo\xcb\xdd\x06\xde\xe3\x13\xfe-\xeb\xea\x9dQl\xfc\xe8q&lt;\x00\x04k\xfb\xb9\xf36\x9bN\\n@kN\xd2La\xad#\xfc\xcd`\xdf\xa8\xa6\x1f\xddl\xb9\x80%\xc3\x90m\xecD\x8bU\x19]\xa9:\tG/g\xfe\xf4\xf8\x93\x9a\xd3\xcc\xd1\x8a\x96\xd6\xa5\xd9\x0cH\xf5y\x85sU\x9b^~\xb8.c\x8a\xcbc\xe0z\xdehac\xa1\x87\x05.\x0f\xd2\xdf\x96&gt;\xad\'+\xdc\xd5&gt;EZ\xc2\xcf\xe7"Qy\x86P\xaf\x92\x88!\xaa\x7f\x16JJ\x9f\xf4?\xce\xa8q\x05\xb2\xb5\x16\xe3bV\xa2\xae9\x1c\xb5\x05\x12\x88b\xae\xe5\x13\xc1L\t\xdd\\\xfdX\xf0pU\xbb\xa6 \xf7\xabE\xb8\xafA\xba#\xfd\xa8\xb7 \xe6\xa1b\x18\xe1:\xbc\x8b\x9d\x8f\x99\x04Z\x8c\xebK\xee\xc3\xc0`\xd6]?P\xed\xa9\x17\xda$\xd2\xd9]\xee\x17\\\xb0n\xd7\x9cC\x8d\xb7\xf6\xcf_\xbc\x94\x19\xb4\xea\xff\xd3\xbe\x98P\x9b[]\xe4o*\x97\x03\x11\xbf;\x9b\x97\xf4\x89e\xaf\xf4\xc7\x0ew\xd7\xff=b\x92\xe5\xe9%\xb0\xc4\x87\x8cg\x16X\xad\xf6\xbf`\xc3\x91\xaaPs\x8amJ\x02\xf3e6f;=f\xe64\xafiP\x96a$\xcfP\xbc\x8e\x05\x8c\\\x81\xe9L\x01\xe86\n|\xd0\xdc\'\x98\x0f)\xdc\x0br\xbe\x87\xd1&amp;Y7\xd0\x98\x8f\xde\r\xa1\x96\xfe\xdc\x9d\xa4G\x92Q\xf6q\xba\xaa\xe4\xb1g\x05\x9d\xb8(\x07\xbc\xc5\x98\xcf\xea\x01\xb1t\x1a.y\xca\xa5\xd6{n\xd8\xc7\x17\x9e\xbb96?\xb8\xa6M\x18\xfd\xca\xf87[\xe9W\x90\xae\xc0\t\xfa\xc4g\xb3\xd1\xac=\x7f:be\x85\x03\xbc!\xac\xe5\x19\xcb\xf3jR\xfehv-\x01\xd5giSu5G\x9a\xf6\xf1\xcc\xd5\x82\x183V\'\xe0\xad\x98\xa3\xe5!\xbb\xf0?\xca?Pv\xf3\xda\x0c\x8d\x1e\x1c\xaa\x8e\xb5\x8c\x961\x9cB*3\x82\x92S\xb3\xd1\xb8\xd24\xdah\xd7\xa9\xd4\xb4UW9\xd6Q\xaf\x0fjb\x92,M\x14\x89{\x86\xd7Z\xd9sg\xfa\xc6\x1f\xdc\x86\x87\xf40\x1d\xb6\x8fA\xae\xdb%\x8c\x96\xb8\xac\x13\x96\xbe\x05\x8a\xa5y\xe9(\x87\xbe\xed:&amp;\x0e\x19vu\xb59\xb8\xec\x04\xfb\xcfD\x1d\x08\x97\xea\x8cR\xddA\xab\x99\xa2\\a\xa9\x96\xac\xe6\x9bk\x00\rA\x07\xd5\xe4\xc3p\x85f&amp;\x01E}\xb0\xf8\xdd\xd4F\xbc=e87\x7fk\x7f\xdfI\xcaM5\x0fi:\\\n{K00(\\O\xdb\x13\xc06\xce\xae\xc4G\xb1sGJ\x0cH$\xfd\xbf\x1e\x06\xa0::L\x81\xdf\x94E\xd7\xdff\x86\x82\x19\x87\xf7\xe1H\x84\xe8\x86z\x84\x8c\xd6\x0fe\x06\x99X\xde\xefL\x06F\xfcE\x10y\xea\xdb\xab\x14\xda-\x9d\xe5@9\xb7\xff\xc3\xdd2\xb6\x02\x01\xa8\xfb\xbd\xfc"\xce\x7f\x89\x1b)\xea=o\x86\xc0_\x9b\x04\x15\xab\xf2\x886\x7fc\x1a\xd9\xde\x1aL\xe0\xef\xd2|a9a\xa7^4\xfa\xa7\xa4a\xcf\xbdvTR*\x07\x17\\\xe3z\x07\x95rl\xaa\x8b&amp;b\xaeY\x16\xdct\xfd];\x02\x93=o\xb8\x99\x93\x84\x14\x02\x96c\xd3\xe54SS\xfd"=\x15:\xe4\xc5\xbc\x8b\xd1\xda\xdb\x11[\xd6K \x7f\x98\x13$*\xf1\xb6\x1a\x81\xac\xb9\xdd\xa9\xf6\xa3\xd7oC\xcb\x8b\x81\xa4h)c\xe3&lt;\xa3\xdd\x9c}\x80~\xd8\x931{\xa9\xab\xb5\xf3\xebyO\xee\x18\xd5\x8c\x99\xdel\xe0O5\xe6\x06*\xa8\xd6~\xd3\xdcK\x91t\xbd\x04&lt;1\xd2\xe0\x07\x81H\xd5\xfcy\'\x84~7\xf1a\xe1\xf8:\xdf\x97\xbe\x05\xdf\x0e\x08?v\xb4(I\x90\x8bZrb\xdc72\xc4\xa5\xaa\x153(\xfe\xf4\xda\xd4\xab\xaeo\xbf\xe8\xc6*x\x01\x88\xf5\xb7\xa2\\\x96\xab\x8e\xce\x85\xa3\xac\xcb\xbfn\xe4b\xaev\xb7\xf3-d\x80\xa7fw)`\xed4\xa3g\xcb&amp;\xb0\xdf\xba\xaf2\xfa\xfb\xd8\xdd\xd7\x04m\xcb6J\x19@\x12\x9c\x01\x0fG\xbd\xfc\xc5N\xcf\xe0a^u\x1b\xab\x86\xbfz\xfc\xbbQp\'\x83\x13\x86LR\xc7_\xdc"\xa1\xb0?\xf7\x19\x19\xd4\xbf\x15\xe25y\xc3\x87\xf2\xa7\xbb\xc6\xd9\xd6u+u\xfah\x9b\x8eE\xb9uc\xc9\x01\xf3\xd7#4\xd3\xcb\x0eV\x94\x8e*\xb8\x89\x9c\x9b\x85B)\x1e\x17\x86\xec\xed9I\xf6\xf9:\xfdg\xcfZ\x14{\xb8\x0b\xce\n)\x12J\xd61\x1d&gt;\x9d\'\x118\xc4\x8c\x94\xe1Os9%\x1b\xf2\xba?4\x9a\xcf\x99-\x01;jReZn\xe4\xd2\x13bZ\xb4\x06\x99\xb6W\xc9\xb4\x9b\xe6?m\xd2\xe48\x1a\x13\xf8~\x8b\x15\xd1\x9a\xbe\xe6\x0csT\xec]\x04v\xb0\x07\xde\xc9\xa0q^Y\xca\xa0\xber4\xd5\\\xef\xcb&gt;U+\tY\x19\x0cD\xa5p\xc4\xa6\x922Y\x7f\\x\xf4o\xe6\xcc\xb4\xd2\xc7\xab\xc9\xac\x06Y\xb6\x17 4\xb9\x14S\x1f_D\x1dB\x99\t&amp;\x1fd\x93Ch\x7f6\xbf\x01v\x0f\x9d\xd6\xe3\x9f{]\xf7\x13\xb1\xf1\x0c\xd7B@\xdc~\tE\xd7\x16\xd8\x96\xa5tx\\\x12\xcc\xd0\xde\xc7+\xf1j\xd3\x95\x18\x1d\xc9\xd4\x1b\x96\xbe\x9e\xf0\x94\x89\x11\x99\xe6\x00\xdf\xfd\x16br\x87|\xedq&gt;!\x8a=\x198\xb4h|\xdb\xfd\x08\xe2Ma\xf9\xfb,r\x8e\xda\x1e\xc2\x9f\x8d\x89I\x11\x95-[\xd2\x11\xa5\xe1\xfdO)\xb2%\x91\x9c\xbb\xe8!\'\xa4\xe5,\xa3i\xba\xe4\x10E\xf2\x98\xa5\x8d)\xde\xd34)@\xe8[=\x86 \xa6\xd90\xbf\xac\xa6\x8bh\xec\x9f\xac\xb0\x0b\xebR\xd0\x86c\x1d\xc1\xd7\xc2\x80\xa2\x1dp\x11nt\xa7l\x193\xb6s\xda\xb9\x98\\hJ\xfa|,5\xc1h\xae8d\x19a\x18\x91\x83TgJ\x90\x1bPN\x0c\xbb\xfa\xe82\xbc\xa4P\x96\xbdDuh\x1f\xae[w\xc1\x18\xe3\xa9\xdcQD\xd0\x0e\xc5\x16.\xf7\x91\xb7~\n\x7fN;=\x18\x91\x05&amp;\xdf\xfe0\xe1\xddN\x9c\x9f\xca\xe6\xaa3\xa63\x89\xa21^S n\xcf\x84A\xdfg\x90\xdb\xaa\xd7c\xa2\xe6\xbf%|\xc9\x85N\xd1R\xd8@W\x01\x18\xfc \xc94^\xd2O\xa0\xad\xad\x8eC2\x1f\xfdz\xd3\xab\xfe\xd1I\xfaY\xb8\xa5\x04U{\xc2\xbb\xbd\xf3%\xdcH#\xef\xd7\x84:\xd2\xb2\xc4\xd5\x1a\x7f\x1c\xe1w\x1c\\\xa85\xb0CS\x854\xa6&lt;\xdb\x91.-N\xab\xac\x14fO`A\\E\x0cT\xbf\xaeYP\xf5\x98\xd8\\\xf8\xfd\x11\xc2.\x83twt\xf0\x9b\x82c\x83h\xab\xc9%\xae\xd6c\x81\xd7XO\x95;6\x1c\x0ef\x9a\xbf\xb3\xb6W\xeb\xfa\x1d(\x96g\x97\x1f\x82w;\xe6k+\xbf\xdb\x02a\x8a\x18\xd34\xdb\xe8b~\x86\x92K\xbbf\xfbg\xae:\x8b\x9e\x0fo2\xf0\xca\x94\x9fD1\x92(\xb3\n\x0esk\x90\x0c\x108A\xef8W\xe6!\xd1c\x80xR\xdb\xb1\x1bZ\xbd\xbb\xaeXA1\x03\x06\xcd\x9d\xfb\xb4\xf5\xad\xe2\x93\x1e\xa2S\xbf\xb4\xb5\xc5\xe8~\xcd\xce+\xd0e\xacS\xd65\r\x03\x10L:\xb1G\xbb\xbd\xa1\xa7R\x1ei\xa2-\x93N\xd4Z\x06\x84\xf3\x9aBv_\xb4\x0f\x95C\xcd,B\xfe\x97]\x15nZ\xde?\xb6HOM\xe5\x81\x81u\xe7\x03F\xd2v\xae\xa2I\xf7\xb0\xe4z\xb8/\xc5\xf1\x93\x9a\xab\x85\xd9o/\x18gbD?m\x17~!m\xc0\xf8\xbaD\x1f\x1cN\xb9D\x979\x96\x0e\xa1\x1f\xbf\xbb\x162\xf4y\xdb\xa5\x03\xdd{\x8f\x07\xd7\xce\x1e\xc7\xa8\xed\x8ew?%\xfb;\r\x8f\xf9xj\xb9\xb5\xfdrh\xbf\xd7\xcd\xa2Cb\x8f\xe9!\x0f\x1a\xab\xf1\xda\xffOu\xce\x17\xfe\xc4\xe66~\xb7\xe3\xca\x8b\x1d\xc8T\x10X&lt;\xc3]@\x04c.i\x9fs\x06\x14\x85EZj\xb8h\x1c}\x08\xd6a\x1d*xS\x89\x8eP\xee!\xd0:9\xaa\x1b\xf5\x90E_\x11\xc8p\x92\xc0N8\xf0\xe1\xf9\xafC;\xe5\xb4\xc0$\x84\xd3l\x1d|\x00\xe0\x13\xa1\xf7\xae\xdex\xd5&lt;C\xd3b\xbd1:\xf3\xfd\x14\x8dPx\x16\x90ub\x9b\xd24\x07\x1cTR\x02\xdcE\xa7\xe1:;p\x9b;=\x82\xa9\x80\xf8\x1e\x16=v\xe3\xec\x14Y.\xeerb\xfd\xa3\x13\x03\xe88Z\xa9_2#\x10A1\x9e\xd1\x91$\x1c\x94\xe7H\x92\xd0\x8cCz\x0cq\x176\x02q\xcc\xee\xba\x948:\x97G\x7f\x8f\xe6\x94\xfd|\x8e\xf1w\xf7\x03bbrYV9|\r\xeb\xb0u\xdbk\x15u\xd8\x83\xba\x1f\xde{wI\x99\xbaE\x05B\x1a\x10\xfa\x91\xe0\x9fy\xbd\xd7\xdc`\xb4\x96u=h`*sw\xd4\x83\xba\xc8\xfc5a\xe0\x05\xc8\x94\xdf\xff\x93\xe4\xf7\xd0MC\x15\xb1~\xd5\xe2R\xf5\x11m\xb8D3\xce\x8a\xf2\x9bk\x14\xc3\x92\xec\x93ZO\xaae\xa9v\x0cJ\xd0\xac4\xa1FKW\'\xe8)\xfd\x8e^\x8am\x01j\xd8\xe0\x84\x8e&lt;\x98\x19\xb9\xa2\x84\x0e\xb1\xb5\x1a\x19\x00\\w\x0f\x8cj\xef\x80\xdc\xed4\xd8\x14\xfa\xf6\x93\x00{@\x9f1t\xd9/\xd0n\x93n~\xc11\xd1\xb3N\x155\xae\x05\xb7e\xbd\xac&gt;\x8b\xc6\t\xd5"RC\xaf\xba\xf8lc\x99\xb3\x81\xf4\xccT:\xa7\x19\xa7\xe0\xce\xacL\x12\xd7?\xe0\x86\xe2W3\x0e\x1aB\xcf\t\x1f\xe0\xb1T;\xb7\xa27\xb8\xfcA|N\xb9\x92l|\x1epi\xf22\xbf\xdf`\xa63\x87\xe7C\x1d\x16\x84\xe4\t\xfcO\x8fR\xff]\xfa\x0e~\xbfm\x1a\xbf\xbd\xbe\xce\xc4\xe4O\xde\xbc\xbd\x8b\xae\xcf\'\x94\xa1-8\x04\x12\x00\x05\x14\x9d\xccB#TQ\xd2Z\x95\xfd\xfd\xf6\xf6\x8e\xf8w\x05^vG\xbe[\xc9\xf5A\x8cY[\x19X\x1c\n\xb2\xeaM\xfe\x86\xee\xf6\xaf^=\xa1\xf4I\x8b\xbaH\xf0sp\x8b\x8d\x9d\xef\x83t\x16\x13\xa9(\xe4\x88v\xb5o\x84?\xed8\xccI\xeeeo.\x0c\xf2\\\xbc`t\xf2\xe3GKt\x07\xd4\xf4\xaf\x1c]}c\xb7&lt;\xda7\xc7\tB\xb2\xc6\xe7\xe2y\x02\xda\x1a\xf4q\x05\r\xe0\xd5\xb95\x07\xf1\xda\x102\x94\x96g\xee\xd0\x08\xe23\x94\x9amPg7Ax\xfa4\xe89!$_\x85a\xb9\x08\xcbj/!\x07\xa7&amp;)\xd3\x91\x8aZX\x07o\xb4v4jr\xbd\x1d~\x99\xf3-\xf5\x84\x90\x8b\xc7.\xae\x8ddh:\x1eW\x04\xcc\xd8\xeb\n\x04\xb6})\x1d\xe7\xe0C\x9b\xfcB\x83\xa2\xa5x\xe2%\x14\x11\x15\x07&lt;\xcaY}\xcd\xd4\xa6b2\x1d\x90&amp;\x936\xd3\x92\xf5\x89\xf6\x18\x0b\xf5\x1an\x06.\x8f\xb2\xa7\x854\xad\x80;\\a\x91\x9eP\x0e#\x80e\xd0\r_\x1f&lt;q\x19e\xb1\xb9\xd1\xb0\xf3)\x91\xb0$\x18\xa4`\xffE\xcd\xcbtx\xb9\xdc\xd69\xcc\xe9\x11\xe5\x89=\x1d\xe4\x99\x10e\x8d\x1f\x96\xb0x\xf7h\x9a&gt;\x1amh\xabp\x06\xd4T\x1a\xc0\xbb\xc0\x8c\x871F\xba\x1b\xfb\x82\xf2\xcc\x88.\xc2vY\x92\xc4[\x9b}\xbe\x1c\xa5\xac\xa9}W\x81\xd9\xee\xfe\x84\x88\xff\xd5G}c\xf8q\xf7\xbb\x9f\xb4&amp;)\xdd\xf9&lt;\x86`\xcd-\x84C\x03\x19s\x8c\xfd\xd5!\x01\x91+\x1dZ\x95\xb5\x805\xa1\x8a\x87\xc1Y\xa7\xc7\xcc\xcf\x98\xc9\xec*\x03\xed\xe2\x86\xdcz\xd9\xa5\x02;9\x80\xbdR\x86\xec\xae1\xdam\xc0\xef\x94\x07\xd7\xae\xf4\x141j\xaa\x89\xc2\xe9\xe9\xfc\xfe\x03fg\x19\xfa\xd0L\x9e4p\xbcW\xe7q\xd6\x07&lt;\xc0\xee0N=CT-\xeeD0N\xbc\xf9\x0b\x1e\x12\xb2\x95\x14\x84\x06\xf9\\\\\x15\xe3\xb1\xc8\x92\xaf)\xd4\xd8\xd0\xc9\xbc\xf5p}6\xf2j\x1a\x972^\xd1B\xf3\x97P\x8c\xba\x9b\x1a?\xd8\xad\x1d\xeb\x9a5\xe1\xcd\x1ae\\\x07\xa7\xb3\xb6\xa2\x95h\x12`\x0e\xb6\x98\xb4\xa4%HCW\xc8\xaf\xb6\xc0H\xffk\xaa#\xe6\x0e$\t\xd5R\xf7Y\xd5H\xffEK\xd6\xc4tYc\x0f\xba\xab\x8d\x93G\xc9~\xc2\xe0\xe4h4R\x94s3$F\xc4\xc7\xdcs\xce\x020\xa0{\xbb\x92\xd2\xbf0\xf1gg\xb6)\xcd\xb01@\x11A_\xae\xda\x14\xc7\xf6\xa6F&gt;\xacsC\x0e\xb4\x90\xedTiT{O\x95\xb1\xe0M\xbd2E\x98\xce\xba\xe5\xe4:_\xb3a\xd6bE\x86\x0c\xf1\xdd\xd9\x03\xb28\xf8\xc9\xc9R'</t>
  </si>
  <si>
    <t>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</t>
  </si>
  <si>
    <t>b'Y\x7f\xa3\x1f!\x81\xc6B\x12\xbe\xfbu+\x99v\xd6'</t>
  </si>
  <si>
    <t>skullâ€™s upward movements? If someone wants to chisel out a skull that has separated upward, he will totally
denude the dura and abandon his patient to spasm. (Antyllus apud Orib. Coll. 46.28)
Expressing concern for the patientâ€™s comfort, as well as his survival, was present
already in Celsusâ€™ discussion of surgery, and the thought punctuated later surgical
514 Ann Hanson
practice at Rome, for Heliodorus too repeatedly spoke of abandoning the knife when
there was no hope of the patientâ€™s recovery, because this brought only additional
suffering. In common with his Hippocratic predecessors Celsus was also concerned
that the surgeon be youthful and strong, with steady and ambidextrous hands and
sharp vision; at the same time, Celsusâ€™ surgeon was also to be filled with pity, because
his greatest desire was to make the patient well. Nonetheless, he must not be so
moved by the patientâ€™s cries that he rush along and cut less than necessary, ever
reacting to cries of pain without emotion (Med. 7 proem. 4). The emphasis on
concern for the patient found echo in a fragmentary papyrus from the Egyptian
town of Oxyrhynchus, copie</t>
  </si>
  <si>
    <t>b'\t\x8c\x98\x98m\xaal*)\xd2j\x8d\x93\xa29\x7f`\xea\x8b\x8ed\x97^\xe3\x1a(j&amp;\xe7\x94"S[,\xb9\xef/\\g\xbe\xa5\x90\xad\xf6\xd5\xe0\xd1\xb8\xa7\xba\xb0\xe4\xcdi\x04O\x8d\x15\xbe&lt;\x9eQ\x17]\xb5\xc7[\x11\x80\x8b\xa4b\xd2\xe2P\xb8\xf8\xb1\xf3v\x18\xec\x16Nc\x9a\xc8x\x0co\x81\xa4\xfc\xa2\xfa\xf1H\xa8\x9bv\xb3\xfc\xca\xc4\xa8\xc1\xfc\x08\xa1\x83\xb2\x1b\xbca\xc0`\xect\xcb\xdb\x7f\x90\xd8\x1e\xc6ej\x9dz\xd4@\xcc\xa1\x06T~\x15Dn\x87&gt;CZ\xaa\xd5\xdcz\x0b\xb6Ay\xf2\x1a\x8f%\xa1\xcd\xbf\x1d`\xf8\xd7\x1a\xc7.\xff\xc8\x89dIZ\x12\x13\x84H\x1d\x8d\x06\xc3Rsb6\xa2N\x8c\xbdq\xf4\x12\xa65\xcds!L\x99\xc5:\x9f\x10J\xe4;\xb7\xb4$\x02\xaaM\x04\xc2\xddK\x04[\x1a\x81e\x02\xa7\x99\x05W\xde\x17D\x7f\xd5[G\x1a\x9b\x0f\xacDw\xa1U\xa1\x12p\x80\xd8\x0en\xd6\xb59\xf3D\xe9T\x10\xfdR\xc1\x13:\xcd\xf1\xcc\xc6\x92/Z\x01\xbe]\xe4\x00\xd2\x9fM\xcf\x07uq\xd5\x7fe+@T\xa7]Tg\xea\xccE\x8f%\xdeC\xba\xfb\xc2\xf4\x07Xi\x9c\x07\x8faVRE\xffY\xe6:X4z\xe2\xb30\xea\xde\xa7\x9b_\x98\x9f\x80JNz\xccH\x04]\x83\xf5\x1e\xd4\x90\xe73\xc2\xfe\xf3\r\xc7n\x0bu\x95I4\xda\x94\x9a\xc1\x80*-\x94i-\xa6fQ\x95\xa0B\x1f\xa9\xc3\xcc\xa4\xb3\xc7V\xcf\xd8cgw\x8e\x92\xb3N)&amp;\xcf\xebhS\x98\x99\xca\xf5\xbc\xb2\x01\x9c\xea3\xe4\x17\xf0\xcb`{\x80q\xc4\x1a5\x019\xbd\xf5+\xc1\xd8\x94\x1c6s\xd9-\xd9\x1b\xcd\xca\xe3\xd2\xec\xf3\xf4\xa5\xcf\xbb\xa9\x0b\x94f\xea\xef\xbc\xe2\xb7/\xd4\xd5\xd3\xd1c\xee\xa7\xcfGa\xe4\x88\x06\x19\\a\x08\xe9\x96kB\xb6\xf5PD&lt;\n\xe2\x1a\x9eT1ds8\x8d=\x9d\xc8A&gt;\xba\xa8\n\x00\x151^q*\xfcx\xfe\x00t\xd9E\xf3\x817\xc7h\xa1m\xb9\xbc9\xce\x95J\xfc\x90A+\xad~RM9\x98\xaa\x1f\xe6\xb3M\x8d$=\x8d\x06z\xdb\xeeAYE\xf3\xa1*YV\xcdq\n\x87(z*{l\xca\x9a\x17\xa3\xd9\xff\xb4\x04\xb9.\xe7\x8aB\x19qN#\x98\xc2I&amp;\x93\x81\xfb&lt;g\xd9\xf4\xcc\xbb\xeb\x975\xa6f\x0f\x03\xa5/\xe1\x97\x16\xe4\x8b/\xacY,\xde\xf1\xf5\xe1\x97\x8e\xa8\x83\x9b\xa2\x0251u\x84$t\xe5\x13\x94-\x89Y\xca&lt;\xaeu\x08h\xbex\xd0\x0b\xf8Kb%\xf4\x94\x99\xbbV2\tE\xeb\xcd\x9e\xb2\xaa\x82\xe3\xa3\xcc\x10s\xa7\x85\x8e\x06\xa8\xc6b\x83Z\xa4\t\x9bi\xda\xa6z\xdd\xbd\x82Um\x0fV\xf0\xa7\xe2\xc1:\x18\xad\x17\xe9E\x96\xf1\xf4\xe0\xa956\xf7\xf2\xbaZ^\xdf\xe0\xedb&lt;r\xadUd\xfc\x04\xc5T\x1d\x15\x8b\x89k\x10\xe5\xc9l\x96\n\x95\x91\x9b\xca\xc1\xc0\xbam\x15\xdeq\xc7\xba\xb2)/\xc0\xf2)\xd6\xc1{{7\x10\x84\x7fr\x96Y$\x0c\xb630\xa0\xd8]\x9d\x1dt-\x82\n\xc1W\x96\x04\xcc(]\xc7\xd7\n\x11Oj\x8c\xf5\xf2\x90\xc3$\xda\xf2\xfc&amp;c2q\xd74\x8bz\x1fHVGz\\B`\xd7\xbd\x1d|\xef6\xdbM\x13\xbfL1\xe9\xc5B\xf7\xed#s\r\xd4\xb1\xfap\x14\xf2-d\x03+\xa2\xe4k&gt;D\x00\xe6\x840N\xd7\x98;VL\x13\x1d\x836\xc9,\xa3\x04wF\x01\xb8\xe4\x1e\xf78&gt;\xf2YD\xfeU~D\xb7\xb8P\xfa3b\xd3\xe2\x8a\xae\xb9\x0f\xbfv\xb2m\xe9\x8aD9\x87I/\x18\xe1\x05\xc5T\x05\xef\xd0\xed\'p4\xd1&amp;K\xe78O \xcb\x9b&lt;\xae\xf8"{\xd01\xeb\xeaF\x86=r}C\xb6\xd2J\xfa\x8df\x9f7\xfa0\xd7&amp;\xc3r\xc7Dh\xe8lj\xfa\xf7\x97 \x02U$\xe5\x98;\x90=\xe9\xbd\x0e\x98n\xc7\xab\x8f\xed\x83? o\r_h\x1f\x0c2x\xcc$\xab\xb7{&lt;\x9d\xdd\x0e\x8b\xcc3\x9e\xd1\xe4\xb6]\xe6\xf5\x07\xa4\xb9)\xb7\x10\x04\xc7o\xf9+\t\xff\x8eYd\x8d#\xa8\xffB\x9b\x15\\\x98\xe0V\xff\x1c\x93\x9be:tV\xac\x1a\xd0\xf5\xf6Yl\xf9:\xe0\x8d\xa7\x12\x0bkT5\xb2\x1b\x1a\xc9\xd8\xba\xcc\xdc-k\x10-\xdd\xef\xad\xcbj\xcbE\x17\xc4\x05\xde\xda\xbc?\x81a\xa7K\x9b=D\x96wE\xf5\xa8\x8a\xdb\x9d\xf5\xd5\xf98m\xb4\x0f\xb0\xe68\xe3\xaa\x97e\x92\xd8\x05\x86\xe9\xb8P\x14\xfa\xb9\n\x1b\xa0\x8d\x17\xfar\x9cg&lt;\x1f\x19\x1f\xca\x18\x8c\x9a\'F\xf7x\xd4\xea\xd4\x9b\xe9\xa9\xd0\x83\xc1\xb7?\xc7,\xbc\x1d&gt;\x14\xc8Pk\xd0\x8dW\xb6\x8d\xc1\x0c\xcfp'</t>
  </si>
  <si>
    <t>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</t>
  </si>
  <si>
    <t>b'\t\x8c\x98\x98m\xaal*)\xd2j\x8d\x93\xa29\x7f'</t>
  </si>
  <si>
    <t>By calculating the total force on the charge
  (q = ÏƒA), show that the impulse delivered to the sheet is equal to the mo
 mentum originally stored in the fields. [Hint: As the upper plate passes by, the
  magnetic field drops to zero, inducing an electric field that delivers an impulse
  to the lower plate.]
  Problem 8.6 A charged parallel-plate capacitor (with uniform electric field
  E = EË†z) is placed in a uniform magnetic field B = B Ë†x, as shown in Fig. 8.6.
  z
  B
  d
  E
  A
  B
  E
  x
  FIGURE8.6
  y
 370
  Chapter 8 Conservation Laws
  (a) Find the electromagnetic momentum in the space between the plates.
  (b) Now a resistive wire is connected between the plates, along the z axis,sothat
  the capacitor slowly discharges. The current through the wire will experience
  a magnetic force; what is the total impulse delivered to the system, during the
  discharge?7
  Problem 8.7 Consider an infinite parallel-plate capacitor, with the lower plate (at
  z =âˆ’d/2) carrying surface charge density âˆ’Ïƒ, and the upper plate (at z =+d/2)
  ca</t>
  </si>
  <si>
    <t>b'\xa2e[X\x1a\xdcG\xa9z\xe2\r\x0f\xa9\x1e\x8a\xe1\xf9gC\x93\xbd\xc9&lt;\xe7\xb0\x92\x98\xccpO\x1d\xd2'</t>
  </si>
  <si>
    <t>a2655b581adc47a97ae20d0fa91e8ae1f9674393bdc93ce7b09298cc704f1dd2</t>
  </si>
  <si>
    <t>b'\xa2e[X\x1a\xdcG\xa9z\xe2\r\x0f\xa9\x1e\x8a\xe1'</t>
  </si>
  <si>
    <t>to her to destroy
 certain papers, without examining them.â€”She recollected also the
 mysterious and horrible words in those manuscripts, upon which her eye
 had involuntarily glanced; and, though they now, and, indeed, whenever
 she remembered them, revived an excess of painful curiosity, concerning
 their full import, and the motives for her father's command, it was ever
 her chief consolation, that she had strictly obeyed him in this particular.
 Little more was said by the abbess, who appeared too much affected by
 the subject she had lately left, to be willing to converse, and her
 744
 companions had been for some time silent from the same cause, when
 this general reverie was interrupted by the entrance of a stranger,
 Monsieur Bonnac, who had just quitted the chamber of sister Agnes. He
 appeared much disturbed, but Emily fancied, that his countenance had
 more the expression of horror, than of grief. Having drawn the abbess to
 a distant part of the room, he conversed with her for some time, during
 which she seemed to listen with earnest attention, and he to speak with
 caution, and a more than common degree of interest. When he had
 concluded, he bowed silently to the rest of the company, and quitted the
 room. The abbess, soon after, proposed going to the chamber of sister
 Agnes, to which Emily consented, though not without some reluctance,
 and Lady</t>
  </si>
  <si>
    <t>b'eD\x8d\xb7\xb3\xd6\xa5\xa8k\x7f5H\xc7:jV\xd7\x8b\x16T\x92\xce\xd5\x180\n[\x90\xed\x9btd3\xc4\x90\xb8\xb1f\xf8\xef`\xc0\x1a\x7fu\n\xc8;{\xb7f\xe9E.|\xf32\x14\xe6\xcc\x15q\xbd\x86'</t>
  </si>
  <si>
    <t>65448db7b3d6a5a86b7f3548c73a6a56d78b165492ced518300a5b90ed9b746433c490b8b166f8ef60c01a7f750ac83b7bb766e9452e7cf33214e6cc1571bd86</t>
  </si>
  <si>
    <t>b'eD\x8d\xb7\xb3\xd6\xa5\xa8k\x7f5H\xc7:jV'</t>
  </si>
  <si>
    <t>alled the dâ€™Alembertian) occurs in both equations:
  (i)
  (ii)
  â–¡2V =âˆ’1
  0
  Ï,
  â–¡2A =âˆ’Î¼0J.
  (10.16)
  This democratic treatment of V and A is especially nice in the context of special
  relativity, where the dâ€™Alembertian is the natural generalization of the Laplacian,
  and Eqs. 10.16 can be regarded as four-dimensional versions of Poissonâ€™s equa
 tion. In this same spirit, the wave equation â–¡2 f = 0, might be regarded as the
  four-dimensional version of Laplaceâ€™s equation. In the Lorenz gauge, V and A
  satisfy the inhomogeneous wave equation, with a â€œsource</t>
  </si>
  <si>
    <t>b'z\x06\xcb*\xd6\xb8\x07\xc4\xb3l&amp;\xd7=4\xf4\xe6\x81\xa1\xc8\xc3Eu|X\xd8#\xa7~\x17\xdc\xe5s'</t>
  </si>
  <si>
    <t>7a06cb2ad6b807c4b36c26d73d34f4e681a1c8c345757c58d823a77e17dce573</t>
  </si>
  <si>
    <t>b'z\x06\xcb*\xd6\xb8\x07\xc4\xb3l&amp;\xd7=4\xf4\xe6'</t>
  </si>
  <si>
    <t>e the in_x0002_vention of the bipolar transistor. But why did it
 take until the 1960s for the MOS transistor to
 be successfully fabricated? The critical issue was
 the oxide-silicon interface. In initial attempts, this
 interface contained many â€œsurface states,â€ trap_x0002_ping the charge carriers and leading to poor con_x0002_duction. As semiconductor technology advanced
 and â€œclean roomsâ€ were invented for fabrication,
 the oxide could be grown on silicon with almost no
 surface states, yielding a high transconductance.
 Since the MOSFET contains three ter_x0002_minals,3 we may face many combinations of
 terminal voltages and currents. Fortunately,
 with the (low-frequency) gate current being
 zero, the only current of interest is that flow_x0002_ing between the source and the drain. We
 must study the dependence of this current
 upon the gate voltage (e.g., for a constant
 drain voltage) and upon the drain voltage
 (e.g., for a constant gate voltage). These con_x0002_cepts become clearer below.
 Let us first consider the arrangement
 shown in Fig. 6.5(a), where the source and
 drain are grounded and the gate voltage is
 varied. This circuit does not appear partic_x0002_</t>
  </si>
  <si>
    <t>b'\xec\xf2\xaci\xda[\xbbaw\xec\xcd(\x81\xc9!\xea'</t>
  </si>
  <si>
    <t>ecf2ac69da5bbb6177eccd2881c921ea</t>
  </si>
  <si>
    <t>of V0. Derive
 an equation for Vout assuming that Rp is
 large. (A large Rp means the tank has a
 high quality factor, Q).
 **13.51. We wish to determine the startup con_x0002_dition for the crystal oscillator of Fig.
 13.31(b).
 (a) Prove that Zcr is given by the follow_x0002_ing equation at the parallel resonance
 frequency:
 Zcr(jÏ‰2) = L1C1Ï‰2
 2 âˆ’ 1
 RSC1C2Ï‰2
 2
 +
 1
 jC2Ï‰2
 .
 (13.59)
 (b) Now, cancel the real part of Zcr(jÏ‰2)
 by the negative resistance and prove
 Eq. (13.58).
 **13.52. Repeat Problem 13.51 if channel-length
 modulation is not neglected.
 Design Problems
 In the following problems, unless otherwise
 stated, assume Î¼nCox = 2Î¼pCox = 100 Î¼A/V2
 ,
 Î»n = 0.5 Î»p = 0.1 Vâˆ’1, VTHN = 0.3 V, and
 VTHP = âˆ’0.35 V.
 13.53. In Fig. 13.8, RD = 1 k_x0004_. Design the circuit
 for a power budget of 3 mW and a fre_x0002_quency of 1 GHz. Assume VDD = 1.5 V
 and Î» = 0.
 13.54. In the circuit of Fig. 13.9(a), VDD âˆ’ Vb =
 0.6 V.
 (a) Choose W/L of the PMOS devices for
 a bias current of 1 mA.
 (b) Choose W/L of the NMOS de_x0002_vices to meet the startup condition,
 gmN(rON||rOP) = 2.
 13.55. (a) A 10 nH inductor has a series resis_x0002_tance of 10 _x0004_. Determine the equiva_x0002_lent parallel resistance, Rp, at 1 GHz.
 (b) Design a 1 GHz cross-coupled oscilla_x0002_tor using this inductor with a power
 budget of 2 mW and VDD = 1.5 V.
 Choose W/L of the two transistors
 such that 95% of the tail current is
 steered to the left or to the right for
 |VX âˆ’ VY | = 500 mV. For simplicity,
 assume each transistor contributes a
 capacitance of 1.5 Ã— W fF, where W is
 in microns.
 13.56. (a) A 20 nH inductor has a series resis_x0002_tance of 15_x0004_. Compute the equivalent
 p</t>
  </si>
  <si>
    <t>b'\xa9\x11\xba\xe2(\x04[\xf2;L;#\xf1\xde\x89\xd9'</t>
  </si>
  <si>
    <t>a911bae228045bf23b4c3b23f1de89d9</t>
  </si>
  <si>
    <t>as the idea
occurred to her.
â€˜Mercy, no! Donâ€™t ask or tell anyone. Get me my rubbers, and put
these slippers with our things. I canâ€™t dance anymore, but as
soon as supper is over, watch for Hannah and tell me the
minute she comes.â€™
55
â€˜They are going out to supper now. Iâ€™ll stay with you.
Iâ€™d rather.â€™
â€˜No, dear, run along, and bring me some coffee. Iâ€™m so tired I
canâ€™t stir.â€™
So Meg reclined, with rubbers well hidden, and Jo went
blundering away to the dining room, which she found after
going into a china closet, and opening the door of a room
where old Mr. Gardiner was taking a little private refreshment.
Making a dart at the table, she secured the coffee, which she
immediately spilled, thereby making the front of her dress as
bad as the back.
â€˜Oh, dear, what a blunderbuss I am!â€™ exclaimed Jo, finishing
Megâ€™s glove by scrubbing her gown with it.
â€˜Can I help you?â€™ said a friendly voice. And there was Laurie,
with a full cup in one hand and a plate of ice in the other.
â€˜I was trying to get something for Meg, who is very tired, and
someone shook me, and here I am in a nice state,â€™ answered
Jo, glancing dismally from the stained skirt to the coffeecolored glove.
â€˜Too bad! I was looking for someone to give this to.
May I take it to your sister?â€™
56
â€˜Oh, thank you! Iâ€™ll show you where she is. I donâ€™t offer to take it
myself, for I should only get into another scrape if I did.â€™
Jo led the way, and as if used to waiting on ladies, Laurie drew
up a little table, brought a second installment of coffee and ice
for Jo, and was so obliging that even particular Meg
pronounced him a â€˜nice boyâ€™. They had a merry time over the
bonbons and mottoes, and were in the midst of a quiet game of
BUZZ, with two or three other young people who had strayed in,
when Hannah appeared. Meg forgot her foot and rose so
quickly that she was forced to catch hold of Jo, with an
exclamation of pain.
â€˜Hush! Donâ€™t say anything,â€™ she whispered, adding aloud, â€˜Itâ€™s
nothing. I turned my foot a little, thatâ€™s all,â€™ and limped upstairs
to put her things on. Hannah scolded, Meg cried, and Jo was at
her witsâ€™ end, till se decided to take things into her o</t>
  </si>
  <si>
    <t>b'\x96$@\xd6bl\xb0\xe9ZN\xf5\x14RXlz\xa2s\xd9\xe59\x1a\xc5&gt;\xea\xfc\xfbZ\x1a\xda4\xf9\x0e\xff\x9d00\x1d\xcf9\xdfQ[\x10\x0e\xcd\xde\xc9\x9b\x11lOG\xe8\xfe0\xd9s\xdd&gt;\x98:\\OT6\xfa\\\xed$\xe8g6\x02Q\xc5\x06\x85!W\xe0Z\xf9\xf1F\x12\xc0\x1f\x96&lt;J/\xf8\xbf*kRs\xa4\x03r\xc9\xabx\xa6i\xff\xd2\xe2\xa9-\x07\xfe\xe4[M\x1e\xd3\xc7\x03\xbf\xff*\xf1v\x0e\xb4\x0e\x7f\xa1\xff\xbd\xd2\xc0pj\x8aP\x8b\xba\x9d\xf9R_\x0f\xa66\x0f\xd9\xfb\xec\xfb;C\xda\x9em\xd1\xf2\x14\xb3\xce\x1d\xf4!t\x1c\xd6\xae\x9b\xf2\xadP]\x1cw\xfc\xaa\x89\x87\xd5\xe8\x80\xa6/\x1c\x00;\x17\xeb \xa8n\xa8k2\x83x\x0e|\x91B\xb9\xbbl}|\x14R\xef\xfa8\xef\xe7\xf6\xdaT\xecu\x8f\'\x89\xd0mZ\xa9\x1d`!\x07\x818!\xf5\xa7\x1eU\x00{R\x82\xd3\xbd\xa8\x17\xe4\xe9\x9d\x84\xba\xf1\xcb\xe1\x8d\xa3\xa4\xab\x0c\xfd\xcb:-\xac\xb99\xf5K\x90\xbb\xfe/\\\xdb\xb0(rI8\x15\xb2\xb0S\x0b\xe7\x02\xbe\xbc {B]7\x13\x7f\x88\xf2vq\xc5a\x0b\xcaE4\xd0\x03\x00\xfa-\xc7\xe7c\x88q\x84\'t&lt;\x1d\xda\x98\x00\x16\xe7M\xd7k]\xed\xd0\x08\xd5\xfa\xfe\x84\xdd\xd6\xecT\x17\x08\x19\x1bO\x1e\xf9\xaaY\xce\x00\x17\x18\x1fl6a\xc0\xf5\xcf\x90F\x81\x9c\x07\xe2\x15yDlL\xae\x8b\x8a\x1f\x8bS{f\x82\xff\xe83\xd9Z\xeb+\xfc_HsT\xbf\x85\x10z\xa0M\xdcb|\xee\x1b\xabU\'\xe9\xe9\xc8d\xaa\x9b\x97i\x99L\n\xeb\x16\xe8\x84\x88\x17p\xe2\x0e\x978S\x1e\xf2\xa80}\x83\x97KO\'\x80\xac\xed\xcd\xd3\xd4\xcc\xec\x94\xcb\x05\xf1\x96\x0c\xa9@\x9e\xf4\x81\xf6}\xd7\xea\xb9\xc6\xf6D\x13\x86c6\xa3\xc2m\xd4x\xc8\xce\xa4\x88\x86\xf5t\x82\x9d\xfal\xca\xbc\x17`\xd1\x06\x80Q\xd1\xef\rw[\xda_\xbe\xc2H\x1f\xec\xe89\xb5\x12\xa3\xdd\xef\x94\x08OZ\xa6}\xc0T\xbf\xe6LkZ$\x17\x8e@\xe5{\xf0~\xda3QYO\xebg\xd0;\xfc8\xe7\x97\xf3\x05\x8a\x881\xb0&lt;\x10X\xdda^\xc3\xdb_/h\x02\xa2\xb4\xb4\x05\xa1\xd6\xa2\x03\xe0L4\xd5\xef#*\x8a&lt;\xda\x0e 12\x99\x97~\xf1x-c\xff\xff\xd7\xefev\xeafA\x85s7\xf5 \xc0]\x1f4_T\xe7zas\xc2\x924\x96\xfaV\x87o\xaf%\xad\xa7\xbb,\xf7A\x9b\xf5nr\x88\xe2\x7f8\xb8\xa4\xf3\xcf\x05\x0b\xda%m\xce\x9dME\xb8m\xe9\x0bD\xa7\x01Z\xe2x\xd9\xa9\x86\xab\xb1\xef\xe47Y\xba\xd2\x08\x1b\x85\'\xc6\xed\xf8\xfb\xec\x90\x12r#\xcb[O\xccw\xc8\xc6\xd9\x8apc\x9f|\x1c\x85\x8c-\x1c\xa7\n\xe3\xf5,\xfe\x95w\x8a\x14\xce\'\xb0\xe10\xa1z\xcf\x88\x0bG\xad\x01\x7f\xd9\xdf"\xa3-4\x9bs\xad\x0e\x0e]3\xc3{\x05\x1d\x04\x08\xd1\x8fnFu\x9d\xe2\\\xfd\xb1\xc8R\xfe9U\xd0Z\x93\xb0\x85d5\x8d\x03/S\x9b\xcd\xb0$\xee\x8f\xb5\x12\x1b\xf9\xb0\x83!}\xae_\xf8;\xaa\x85\x8e\xe5\xff\x13 \xaaE\xab\xeal\xcc\x02L\xc6\x0e=\x88\x8b&gt;\t\x96+P\x7fY:\xea\n\x9d\x9fZ:\xaa\xcbsH\xfe\xd1Y\'\x80\xa7\x87\xaeFX\xa2\xdc|\xff\x17\xcb\xaci\x9a\xf7^kp\x13\xa6\xac*\x9a\x9f\xd62\xff\xdb\xfex\x84\xe3Q\xc1\xae#1o\xab\x1c\xf94\x03\xadVg\x0e\x7f\xc4\x97\x88(\x9e\xbc\xc7m\xda\x13\x84E\x0c\xf1\xdd\x01+\x19\x9c^\xd5nU;\r@\xca@k\xfc\x9a\xbf\x8aV7\x10V\xfa\xc6\x08\x8f=\x9a\x85\xecOJ`\\9\x95\xe6\xd9\xcerS\xde\xa7\xda\x12d\x89o\xc5\r\xc4\x9b\x1eQt\x1d\xc8sA*7J8\xf3\xa3\xb1Hr\xc4\x88\xe5\xd3f3}&amp;W\xbd\x8eF\xf5\xc5Z\xce6]?\x0f\xe0dg#\x00F\xdf3\xf5P\xd3\xce!\xf4\xe1\x04[\x06\xad\xf6\xea\xc1\xd0\xd6: m\xb4b\xb5\xe9\xe4\xbe\xf9\xb4\xe2n\xbe\xf7\xa7\x9d\xc8D\xcb-*\x13\x1c\xdf\x06\x9a\x95\xc8\xac\xe9\xbcC;\x84,$\xe5\x06\xe4\xe40\xe0\x1c8\xdd\\9p\xe7\xc3\x1d\xe6\x1a\xbdi\x7fx\xea-[c\xe4#f\xb7\xabm!\x8c\x04\x9dno\xbb\x1c\xa6\x16K\x94\x1c\xd3\x8b+":n\xd0w\xd7:\x8d\x99T\x03Ct\\C\x1c\xed\x0e\x9e\x10SfZ\xcd\xa7\n}\x0e\x19\xdf\xcbY\xbf\x8b\xf0\x8f\xa22D5\xb2\xb4\xae`\x91m\xc9\x92=\x7f\x03\xear\xb5`x\x94I\x0c\x80\x156\x81\xa0d\xe3w\x05T\x88\x8a$\xb4\xd29@\x01-\xd3*\x9b3\xd2\xdd\x1d\xe4\xbdPK\x0f^G\xffX\x0c1\xcb\xd6~\xaa`\x82f\xb4c\xcd\xe9\rR\xda:\xf8\xf6\xa9\xc8\x98k\x83T\x84N-\xb4\x84\xde.f\x0e\xbbI\xf9\x8cN\xfe5\xa5q\x96\xe4E\xcd\x1f\xf0\xf4}\x9c\n\xe6\xc2*x\\\xf4\x87\x14\'P\x96&lt;\x81\xfb\x95N\x13\x19\x9b\x06\x83j3a+\x1d,\x17\n\x1d-`\x89\xd7aV\x81\'\xc7\xdcwk\x80\x16\xdf\xb8\xf3c\xe5\xdcP\x11b0qj\xeb\x1cm\xafb\xa8\xf2\xe7RMr\x8f\xe7\x82(8\xf3C/\xe2\xd3d&amp;\x90\xaa\xd81\xa0m\xf1o\x01m/0&lt;\xc6\xa0\xc56Q|D\xa3\xb7\xa8\xd9#1\xd6\xb6P:?/\xac\xd0\x83j56\x05\xb5\xb5x\xa5V\xd3\x8a\x7fBN\x10\xb0w\xcc\xd8\xebWV\'\x15zR\x12\xcb\x14\t\xe1\xa0Q\x14\xeex\xf95\xfd\xd1&lt;`U\xef\x9a\x0f\x0etM\x9e\x06f\x85IX\x92C\xc6\x93hb\x0f\xe4\x98\x8f\xe1\x8bv\x92\x84*&amp;\xf8UF\xc9\xb2\x9e\xfdo\xc6\xa6\xd6\x19\x04\t^A\xd3y\xa9\xbd\x99\x7f\t\xcf7A\xde\xddJ\x18{l\x12\x89O\x02K\xbc\n\xd8\x03\x07\xe1}\xca{lt\x10\xa6j\xefk\xb0\x11\x13\xf7(\xfd\xb8%-CS\xd0\xe0\xf3\xb9\xee\x07\xed\x8e\x131\x9aK\xa5\xbb3RFn\xdd\x19\x04\xc3\xc2\xf2\xf9\x0c\xad\xfey\x08q\xd3.7\n\xfc\x1e\xecr\xc9k\x80\x8c^\x11H\xe8\x7f\xf5\x8c\x85\\\xbb\x94\xd5\x19\xd0\x11\xa2\xd7%\xd7\xc7Fu\xee"\xd9\x03y\x0c\xb0I\xe3wFz@G_Zs\x82b\xdf\xd0\xe7|\x84\x850\x1el\x1f\x96\x15mOl\xe3\xaes\xa3\t\xf2x5X\xc2\x89\x82x\xa3p\xc0\xf5(^7\xf4\xf1.\x8a\xba\xab\xe4\x86}\x95\x9e\xbd\nh[\x03"\x85w9 2?\x92\x84x\x9b0\n\x91\x95\xcd\x9e\xac\x8eb\x17\xca\xa2ty\xe3\xb3\xcd\xfd\xed}B\xb5YW\x94\x91(RG\x99_9w?\x93`\xbb\xcf9\xe0)\xf1z\xc9YK\xc3\x15\x89\xfe\xa7\x91\x1e$\x01"j\xd8\x84\xbe\x98\xdc\xd6\x0b\xc2\x06\x0c\xb9\xb4\xc8\x92\x87\xdc\x0b\x98\xd5]\x1b\x1a\xa3\x1b\xd5G|\x9c\xed\xf7\xba\x11\x92S\x91\xeb\xb0\xd2\x98x\xa7\x87tF\x1d#\x8b\x8b\xd1L\xf4M\xb5~\x86\xc1\x97\xa6\xf7\x85k\x1f\x02\x8f\xce\xb2s-\xa6\xb3\x06\x93\x91\xe6(LX\xe9\xca\x88\xff\xa9\xff\xb5\\\xfc\xd9\x1cg\xa8\r\x18\xe2bDz\x92\xc4x\x99\\y\x99?\x9a\xc8\x13\xff\xfd\xe2\\m(\xb9\x08L\xce\xf9\xd2d}\'\xcet\x04\xab\xd8\xd8\x1cD\x0e\xcf\xd15q\xd8\xfe\xf5\xc9\x98\xeet~ze\xae\x9c\xbd\xc3\xea^\x1ei\xff\xf9\n\xb8\x9e\xbf\x8c\xdf\x9d!\x96\xe7\xda\x07\x06\xdb\xf4\x8a\x12v\xf8\xa9g&amp;bfG\x1f\xdal\xd7\xa9\xa0\x8b\xe6KQPo\x15\xe1I6\xfd\xa7\xe0\x88\xd0\xb9\xab\x1d\x945\x9e\xac\xbeo\x85\xcc0u#s\xd8\x9aM\x04\x8ei\x11~4|\xe5\xd7S]\xd0\x08j\xc8\xadr[--!\xfb[m\x0eh\xf2v!pE\x9a\x95\x8f}\xd8\x11\xe4e-\xdbY\xc00G6F\xc7:\x86\x16=\xeeL\x10\xf4\tr\xbfjieS\xbb\x8e\xcf\xff"A\xe8@\x9308\xe5\xa3\xe2\xbb0\xd0y\xc5&amp;\xacsh\xa5\x04\x83\xc9\xb8\x81\x82B?)\x95c\x97\x00\xb0I:\x94~A\xa9\xc8\x17&gt;ol\xb9T\xee\xb7\xd9_\xd3J\x7f\xd9\xfeZ\x94\xe6\x13\xf2\xc2\xdeE\x15&amp;\xab\x0eH\xf6]rn\xbb\xf2\x8a3\x95\x16M\x01c\xb6VtES\x88\xea\xd6\xe8\xda\x9d\xed\x0e\x08e\x145\xe8\xca\x91\xf7\xd9\xf1w\x85rA\xb7\x0f\xf8\x0bi\xb1)+F\xfc\xcf\x87\xee\xcf\xa6\xf8\x0cT\xaf\x1bb\xad\x15\xcbg\xe7\xe9\x11\xec\x13\x99f\\\x0c&lt;\x97Z\x95+S\x0c\xaf\xf0\x9e)\xa0zO\x12\x87]\xb2\x07U\xcf\xdc+\x00\xa0\xde3\xc2\xe7\xfa\x95~\xd1\x96Ja\x1d\xefZ\x11\xd8\xb7\xa5\xdd\xbciP\xb6\x85t\x92jF\x10\t\r\xce\x1a\x90I/_j\x88!\x8fr\xbcy\x90_\x15\xbc\xd6\xbbt\xc4\x14)s\xa8\x88N\xc9\xae\x8dJ\xe49\x91\xfa|bB&lt;\x9c\xee\x88+'</t>
  </si>
  <si>
    <t>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</t>
  </si>
  <si>
    <t>b'\x96$@\xd6bl\xb0\xe9ZN\xf5\x14RXlz'</t>
  </si>
  <si>
    <t>stupefied. This
 sentence ruined his master. A wager of twenty thousand pounds
 120
 lost, because he, like a precious fool, had gone into that
 abominable pagoda!
 Phileas Fogg, as self-composed as if the judgment did not in the
 least concern him, did not even lift his eyebrows while it was
 being pronounced. Just as the clerk was calling the next case,
 he rose, and said, â€œI offer bail.â€
 â€œYou have that right,â€ returned the judge.
 Fixâ€™s blood ran cold, but he resumed his composure when he
 heard the judge announce that the bail required for each
 prisoner would be one thousand pounds.
 â€œI will pay it at once,â€ said Mr. Fogg, taking a roll of bank-bills
 from the carpet-bag, which Passepartout had by him, and
 placing them on the clerkâ€™s desk.
 â€œThis sum will be restored to you upon your release from
 prison,â€ said the judge. â€œMeanwhile, you are liberated on bail.â€
 â€œCome!â€ said Phileas Fogg to his servant.
 â€œBut let them at least give me back my shoes!â€ cried
 Passepartout, angrily.
 â€œAh, these are pretty dear shoes!â€ he muttered, as they were
 handed to him. â€œMore than a thousand pounds apiece; besides,
 they pinch my feet.â€
 121
 Mr. Fogg, offering his arm to Aouda, then departed, followed by
 the crestfallen Passepartout. Fix still nourished hopes that the
 robber would not, after all, leave the two thousand pounds
 behind him, but would decide to serve out his week in jail, and
 issu</t>
  </si>
  <si>
    <t>b'\xe4\x12\xc62\xe8k\x91\xca\xe4}\xeb!6\xa5\xd8\xb9T\xf4\x8ea\xe3L\x91\xe1\xdf@\x13K\x92\x01\xb5H'</t>
  </si>
  <si>
    <t>e412c632e86b91cae47deb2136a5d8b954f48e61e34c91e1df40134b9201b548</t>
  </si>
  <si>
    <t>b'\xe4\x12\xc62\xe8k\x91\xca\xe4}\xeb!6\xa5\xd8\xb9'</t>
  </si>
  <si>
    <t>n feel like a
missel thrush with a safe-hidden nest.
"Oh, don'tâ€”don'tâ€”don'tâ€”don't do that!" she cried out.
He stared as if he thought she had gone crazy!
"Why?" he exclaimed. "You said you wanted to see it."
"I do," she answered almost with a sob in her throat, "but if you make them
open the door and take you in like that it will never be a secret again."
He leaned still farther forward.
"A secret," he said. "What do you mean? Tell me."
Mary's words almost tumbled over one another.
"You seeâ€”you see," she panted, "if no one knows but ourselvesâ€”if there
was a door, hidden somewhere under the ivyâ€”if there wasâ€”and we could
find it; and if we could slip through it together and shut it behind us, and no
one knew any one was inside and we called it our garden and pretended thatâ€”
that we were missel thrushes and it was our nest, and if we played there almost
every day and dug and planted seeds and made it all come aliveâ€”"
"Is it dead?" he interrupted her.
"It soon will be if no one cares for it," she went on. "The bulbs will live but
the rosesâ€”"
He stopped her again as excited as she was herself.
"What are bulbs?" he put in quickly.
"They are daffodils and lilies and snowdrops. They are working in the
earth nowâ€”pushing up pale green points because the spring is coming."
"Is the spring coming?" he said. "What is it like? You don't see it in rooms
if you are ill."
"It is the sun shining on the rain and the rain falling on the sunshine, and
things pushing up and working under the earth," said Mary. "If the garden was
a secret and we could get into it we could watch the things grow bigger every
day, and see how many roses are alive. Don't you see? Oh, don't you see how
much nicer it would be if it was a secret?"
He dropped back on his pillow and lay there with an odd expression on his
face.
"I never had a secret," he said, "except that one about not living to grow
up. They don't know I know that, so it is a sort of secret. But I like this kind
better."
"If you won't make them take you to the garden," pleaded Mary, "perhaps
â€”I feel almost sure I can find out how to get in sometime. And thenâ€”if the
doctor wants you to go out in your chair, and if you can always do what you
want to do, perhapsâ€”perhaps we might find some boy who would push you,
and we could go alone and it would always be a secret garden."
"I shouldâ€”likeâ€”that," he said very slowly, his eyes looking dreamy. "I
should like that. I</t>
  </si>
  <si>
    <t>b'A\xd1\xae\xcdoH\x03#\xd8&gt;\xd2\xcf\xc6\x19Fi\xc4\x9b\xa9\xdflu\x98\x81\x9c\xbd\xcbH|Q\x11\xd4\xf4\xeb\xf0\xbd\t\x16\tD\x85\xaa?\xb0ox\x7f\x01\xc2f\x05\x02 xQ\x00\xf9\xdf\xa7-\xb9\xdd\x0f|\r\xb9\xbfWIp\xde\xb2\r\xb9\xbfWIp\xde\xb2\x00B \x82X\xc6\x00\xc8\x80\x0e\xcd\x7fi\xd5\x92\xcd\xd8\x92\x1b\xf0q+\xb3x\xe0&lt;FF\r\xee\xf5\xa5\xae\xa0$\xb0O\x02\xf9\xd1\xe9\xa4`cr\x13\xb3\x11\'&lt;j|\x00\xaaR\x9c\xccNYy])\xeb\x98\xcb\xc4\xf4\xfe\xb7\tP|1#\xb3\xf8\xbc\xd06?\x01\xcf\x1b\xf3\x94\x0bI\xb9yr\xcaM\xb9h\x11J\x9cz\xe3g&gt;I\x12~\x9b4\n \x8c4\x87\xaf\x06\x1a\xcd\xa4\x9er\x95\x83\x01A\xb6K\xa7\xf4\x1b\xb0/\xa0\x7f\x08\xb7\xb1\xef\x96\xb2\xdfK?\xd6\xc2\t\xf0\xa3:\xce\xab\xa0B0\xd94X\xd3\x05\xaeo\xae8\x83V\xbe]\xf7\x87\x06)\xd4\x8a\xb5\x90\xd9^\xbf\xa6\xc1_K\xce\xb1\xd6\t\x8a&amp;\xdeW\x13\xc2\xee\xa5\x0c\xd7\xdaE\xb9\x14\x0bO\xbbx\xbb\x17k&amp;\xa0[8|zFsfs1m&lt;\xd2\xee\xae\x01\xf5\x0e\x11\x9e\xcd\x05C\xf0\xce\xe1\x91\xcb\x8c\x19\x8b\xad\x97"\xd3e\x15\x03\xc5\xbe\xe5\x8b,\xf3 \x84\xaesm1~y\xd8\xd1\xc1\xe5\xe7\x07{y\n\xa7\xa1]\x8a&gt;c\xd6\x15c:\'Hn{\xc2\x92?\xe9\xdfI\x95\xcbpx\x9a&amp;\x86\xd6vw\xd4\xa9\x85\xb2\xc3\xff\x83V\x8f|#W^\xd6bA\x1cpQ=ey \xd2\xfa`\x82uQ\xb5\x93\x1d\x95\xa4\xe5-\x10+\xa9\x1fz\x100.\r\\[$8\x87\x18\xe8~\xd8\x87\x95s?s\xebs2\x85\x8e&lt;\xe6\xba\xfa`G\xfbX\x18\x1a,\xe5r7\xe4\x97\x8a\xec\x05C\xbe\x11v\x97\x0e\xaa\xbd\x8c+\xa9\xc3\xaehv~+\xa3\x8f!N}\x17\xd0\xe2\x9e\xd3\xee9\x94\xb19\xc5\xcd\x86\xe2$\x1bI\xacKJ\x9c\xe4So\x04\x0e\xa4\xaa\xdcc\x82c\xd8\xde/\xa9_\x86\x81\xd6\xd0e\x9bH\x7f\x16\rW\xc7p\xb4\x80Z\x02\x0b\'\x0b.SiP\'&lt;r\x8eM\xd9_\\z\xc1\x17\xd9%\xf7\'\x9e\xcc\xe9\x0f~b\xacnI((\xd4\xd8Z\xec ^0\xe8D+C2/^\x05h`\xd8\xbe\x942\xc09\xa1\x89|\xf8\x98r\xf8\xa3\xfc)\xb9[O\xf0\xd4\xe8\x02\xb9\x00\xf7\xf3\x06\xc8O\xc9`S\x93\xa4F\'\x8d{\xcce\x8f\xf6\xe1\x8eS\x90w\xb3\x01+yr\x17;U\xd5\x06\xc6C\xe8_g\x908\x08%\x10\xafa\xbf\x04\x1d\xa6\xf8P\xdc\xac\x00\xbf\x80\x94\xdb\x823*\xdc\x8b1S7\xd0\xdb[G\x00w\xc5x\x9d\xdc\x12\xcf\x95\xd9d\x17p\x17\xda\x1d\x00YTb\xf0\x10\xbb?\xc9\xc5t\xf7\xf47\x96\x971\x9ab\xc3\xd2\xf1\x972%\x1b\xe9\xadQ\xc1\x10b\x0b\xf6;\xbb\xcc\xa48\xc9\'\xf4"\xd3\xef6\xf0\xf0\x05\x13\xec\xdc\xa8\xf6M#7\x06h\xf2m\xfe\xe9/{\xaa=Vx=-\x99\x1dCO\\\xf8\xdfU\xcf\xbd\xe2 +\xa2Fi\xbd\x81\x0e\x11\x81U\xdb\xd2\x16\xe39\x02\xbd\xd9H\xcc\xb4n\xdf\x96\xc1\x891V\x95\xcd\xde\xb2\x0c4\xe8\x8c\x02\x9b\x01\x00\xea\t;D\xba\x82\xf3\x18jn\n\n\t\x82\t\x92_\xb8\x87|\xbc9\xb1n\n\x92\xfa\xc3M&amp;\x9b\xb3X\xae?_\xe1qC\x96PU\x96\xef\x11\xd1V\x14\xb4\xdd\x83\x91\xef\xf8Uu!\xef\x18\xa9\xc2?-\xf7t\x97\xd3\x83\x85c.i\xebKL\xe0\x01v\x8ao\x81\\dC\xdd\x97\x83\xb5)\x10\xa2\xe8\xa5\xc5\xeb\xbd A\xe9M\x88\xcb\x07\x0bT\x82\x88-\xbf\x90&amp;\xc7\xab\xb6\x9d\xb6\x94\xee`!d&lt;]\x07\xe1-\x0f7nO?\xdfS6\x0e\xdf54f\x12=\x81EM9\x07\xa8\x87g\x8f\xca\xd1\xa1u\xab\xfb_\xc4\xda\xdf,\xb9\xf6\xbd\x02\x10\xe6\x1e=\xaa7\xf1:\x0f\xc3\xb6\x9b\xae\xf06\x0f\t\xca\x9a\xd9\x8a\xe7\xf3\x89f%\x7f\xe1\x96\x18U\x12\xdd\xb9\x06\xae?\xf4*\x1ec\x85a\xea~r\x9f\xd8G\x07\x8e\xbaY\x19?\x88\x95\xe7p\xe88R\xe5Ep\x89\xaf\xb8\xe67vOBv\xed7\xc1\xdd\xd0\xaf\xef\xb3I\xe5\xd3\xd1I\xed2R\x90A\xb8\x81f.\x9b\x18\xee\xdd\xfcJ\x91\x93\xb6\x1eC7\xf0\x1e\x13\xe7\xd9\x83\xc7\x0bz\xdd{\xb2\xec\xfa\xe9\xa8Y\xcd\xe7qi\x10sv\x15\x0c\x930G\xed@*9\xcd9\x9d\x8fa\xf3\xb5\x1f\xed\x8b\xcc\xea\x8a\xbf0*\xb0\xb8"k*\xba\xed\xb3c\xd9E(\x00\xb2A\x8fZ\xfb\x9d8\r\xfe&amp;\x06\xbd&lt;\xa7\x9bs3\x05\xf6\xc3\xf1F\xfc}\x97+D\x91\xf9\xc2\xff\xcesg\xa1\x99^\xf3N\xa9\xab\x8b\xb4\x0c\xabx\x8f\x89\xa9s%}`\x1f\x8f^&amp;)N\x95\x1d\xf2Z\xb4\x85\xb6\xe6\xf7k0\x18Q\x92cVa\x82\x19\xa7}]2Y\xaa\xc9\xb6\xc2X\xa2\xfa\xb7\x99]\xf1&amp;\x9d\x9c\x8d\xa3\xd4\x15\xbc\x1e\xc6\\\xbe\xe2\x11\xf6\x1f*\xc9\xaf\xa1x\xf4\xe2\xf5}\xef\x01\xfe\x9e\xa0\x81\xa8s,\\\xc7\x03\xefg\x0c$[\x86D\xc9\xb90\xd3b\xaa\xb2\xb1\xb0\x18?\x99P\xba\xfa&lt;fU\x00\r\xffP;[\xa7\xc6\xe8\x02\x06\xd4\x97\xed\xe6e\x06\x8c\x95\xa4\xe5-\x10+\xa9\x1fz\x100.\r\\[$\xfa\x08\x1f\xf4\xdf\xe6J\x9e\xdcsZ\x1b\xd0\xaf\x16A\ty\xd5n&gt;\xec\xf7\x9b\xd0M\xdc\xe1hq\x1cUbd\x9e\x16\x1b\xbe\xde\xad\xc4Y\x1bQ\xc5+\x0b\x98\x9f\x88\x19\xed\xedaU/\x8d\xa5\xbc5\xbb\xd8\xf3M\xd1\xcc\x905\x1c\x1eB~\x18\xae%\xf8Yj\xc3\xdc\x86\xd6)-D&gt;\xe6O\xc4\xecbe\x17\x02\xfe\xf8\xd7\xcc\xca\na\x17\xffI\x12#\x8f6\xee\x06\xba\x01\xd6\x9b\xeb\xa4\xd3Jp6?`,8n\xa8\xaa&amp;\x83\xb8\xd4\x82n\xc8W\xdc\x88b\xce\x92\x12+\x9f\xae\xd3\x10h\x1a\xdc\xc8+\xb6\xc5\xfb\xca)%y%Q\xc3F\xe0&amp;NE\x9a/\'p;\xff\xc0\x0f{\x8e\x143\xbaN=\xe6\xe5\xda\x1e\x0bk\xde\xed\n\xea\x7f\x10\xb2\xcb\x8e8a\xde(\xab\x12\xf0\xda\t\x86\xcf\xa9\xf5y\xde\\\xa16\xf8X\x00\x14\xec\x06a7l\xb7\x13?\x87\x06iCL~\xd6E\xf8a\xbf\xc0\xc4\xc1G\x8d\xea9\xdb\x10W;\xafl\x06\x12;\x8b\x9c\xdc\r\xd2\xd9\xc0\x18+\x00 x\x02g2eK\xda\x88\x8e\xb2\xe9\x1e\xc7cG\xbc\xbb\xf88\xe8s\x93\xbf\xe7@0\re\xbf\xe5\xe2\xd2\x99&gt;\xde\x99\x89\xd8\x95\x7fWe\x06\xa1\xf9`\x8bP\x82j\x8b\xff\xe3\x99\xd2Q\x10\xa1\x83\xd4\x1c\x0cO\xb0\x9cG`\x932\r\x10h\x16\x07\xf4\xaa\x9aP~\x86j&lt;f\x11\xd5\x89z\x05\xcc\x03\xbb\x9b\xf2\xfb\x82\x00\x07V\x9a7#B\xe4\x81w\xec@R\x04x\xa3\xda\xc9\xcf7\x05\x18\xe8S`xQ\xe3\xbc\xea\xb9\xbb\xa6\xd2\x18\x08T\x9c\\\xe8\x10\x1d\xf5Q\x93\nD\xa1\xc1\xf1\xc2b\\\x9c\xce\xad\xbd\x14_\xcc/\x8d|+d\xf6\xd0\x96q\x83=@P\xbefc6\x9aO\xc0\xa0t\xfbt\x15\xc5[\x142\n-M\\\xff\x87BdwP\xb1\xc9bFP}M\xa4;\x05\x0b\xb0\xb3\xc9\x7f\xb21h-\xa9\\\x16\xab\xfc\xbf1\x02!\xb5\xc2\xd1\xd1\xc4;\xabd\xc1\x17X\xd3\xae\xdb\x8e\xda\x8es\xf6@@Xg\x82uBt\xffW;^\x8f\xfdJU\xb6_\xa1o\xb1Rn\xe5\x9c%\xeb\xf4M\x8c\x9d\x17\xf98f\xe5.\x81\xfe\xd9\xd6!\\D\x92\x89q\xdc;`\x0f\x11\xe4\xf8\xbe~\xca&lt;\xc8\xf9R\x0f\x9a\xa7\t8\x11\x7f\x1f\xa1\x08\xcd\xc2\xbd5\x95\t\x0b\xde"\x18\x86ygl\xcd\x91\x81\xaa\xf6X\x14\xec80\xb5\xb88y\x87\xd7\x95I\xe2\xc8V]O\xbe\xfcb1*v\xfb\x94\x0e\xdb6\xf4H-\x028\xf8\xa4\xf6\xa7|/v#\x89\xe6\x89Nt\x91\x07,\x86\x8a!\xca\x898\x95\xc7\xee\x80)\x92\xbf\x18@j\xd7 2\x1e\xf3\xf9\x96\xd9\xf3\x9d\xcd\xbc\xdb\xaf\xd95\xaaf\xae\x1b&gt;\x93\xe9h\xfb\x1d\xcd*F8\x9a\xdb\xb2\'\xe6E\x9b\x87\xe92\xa1\xd2\xae\x0c\xd0L\xff1\xec)\x82\x1b~\xe1Ev\xf9\x85\x85\xd9\x15\xfenD%\xd8I\x8b\xe1\x89\xca\xd4Sp\x9c\x1ap\x8d\xa4\xacjC\x9b\xa98\x8e@I\xa4!g\xc1Yu\xb2\xcf\xff1z\x8e\xef\x12&amp;\xc1\xd8v\x9e\x90&gt;&lt;Xuq\xfa\xd5\xdf2\x15\xd3\xbf\xe2/\x94]\x12\\\xa1l\xdf2\xb4\xb1{\x13*\x9f\xd8:\xa2\\\xd0\xee\xc7{?\xbd\xbb\x93H\xdc\xf8\x06b\x02\x90\xddI\x11\x8f\x00\xd1&amp;\xb3\xe8\xbe\xcd\xe2\x95G\x88\x10\x80\x05\xe7\xe8\xdb\xe2\xa7\xe5\xeb9P\xfbU\x1e\x91\x91\xf5\x95e\xaa\xb6\x8c\xf9\xa7\x04r\x9cw\xfd\xffao\x90-\x8a\x85\x87\xcb{Q;\x91;C\x8d=\x0c\xd2\xdf\xd7A\xbc\x1e\x05\x15J\xb9{,\xa7\xfc8\x069\xef\x87\xfc\x95\xc8"\xf0vJ~\xf8\xba\x11\x08\x1d\x08\x8b\x98\xf7sm6\x9c\xfd7\x9d\xe5\x88\x9ei\x1e\xd5\xf1q\xd9\x10\xfe\xad\xe4[\x94\xa3\x8c\xeeB\xe8e\xb3\x18\x96\xcb\xd2q\x12\x92G2\xe4\xe5\xc4\x86\xdbp\xc4t,\xf6\xaeK\\\x88,\x1d\t\xab\xa3\xc9\x92\x1c\x1e]\xa9\xc6\x94\x8f\xb8\xa0\x953\x8c\x10\xad\xa7\x83Zcl\xf6k\t\x13k\xfc\xbc\xdcjF\r9F\x82\xc5:\x82K\x1e`\xef\xc7-`\xc5\xac\x9a\xe6:\x81\x13(\xafF\x7f\x8f\xa2\x01S\xd2A\xcdTL\x91\x94\xd3\x96\xa0\xc1\xaf\xa7\x9a\xc2\xdb\x1a\xc2e+\x03\xeeY{I\x99\xc9\x8d\x93\xb0\x81\xc5MK`6,\xd774\x15^\x84\xac\\\x16b\x1b\x14\n\t\x8c\x87\xa3\x1e1\x19\x1b2C5fo)\xbcy\xed\xa3\xee\x1b\xfd-:e\xa6.\xc9\x1e\x8e\xe8'</t>
  </si>
  <si>
    <t>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</t>
  </si>
  <si>
    <t>b'A\xd1\xae\xcdoH\x03#\xd8&gt;\xd2\xcf\xc6\x19Fi'</t>
  </si>
  <si>
    <t>though no one uses the term in this context). Thus the Lorentz force
  law, which we have written
  F =q(E+vÃ—B) (SI),
  (indicating that E/B has the dimensions of velocity), takes the form
  F =q E+v
  cÃ— B (Gaussian).
  (C.5)
  (C.6)
  In effect, the magnetic field is â€œscaled upâ€ by a factor of c. This reveals more
  starkly the parallel structure of electricity and magnetism. For instance, the total
  energy stored in electromagnetic fields is
  U = 1
  8Ï€ (E2+B2)dÏ„ (Gaussian),
  (C.7)
 Appendix C Units
  587
  eliminating the 0 and Î¼0 that spoil the symmetry in the SI formula,
  U = 1
  2 0E2+ 1
  Î¼0 
 B2 dÏ„ (SI).
  (C.8)
  Table C.2 lists some of the basic formulas of electrodynamics in both systems.
  For equations not found here, and for Heaviside-Lorentz units, I refer you to the
  appendix of J. D. Jackson, Classical Electrodynamics, 3rd ed. (New York: John
  Wiley, 1999), where a more complete listing is to be found.1
  1For an interesting â€œprimerâ€ on electrical SI units, see N. M. Zimmerman, Am. J. Phys. 66, 324 (1998);
  the history is discussed in L. Kowalski, Phys. Teach. 24, 97 (1986).
 588 AppendixC Units
  SI Gaussian
  Maxwellâ€™sequations
  Ingeneral:
  âŽ§
  âŽª âŽª âŽª âŽª âŽª âŽª âŽ¨
  âŽª âŽª âŽª âŽª âŽª âŽª âŽ©
  âˆ‡Â·E= 1
  0
  Ï
  âˆ‡Ã—E=âˆ’âˆ‚B/âˆ‚t
  âˆ‡Â·B=0
  âˆ‡Ã—B=Î¼0J+Î¼0 0âˆ‚E/âˆ‚t
  âˆ‡Â·E=4Ï€Ï
  âˆ‡Ã—E=âˆ’1
  c âˆ‚B/âˆ‚t
  âˆ‡Â·B=0
  âˆ‡Ã—B=4Ï€
  c J+1
  c âˆ‚E/âˆ‚t
  Inmatter:
  âŽ§
  âŽª âŽª âŽª âŽª âŽª âŽ¨
  âŽª âŽª âŽª âŽª âŽª âŽ©
  âˆ‡Â·D=Ïf
  âˆ‡Ã—E=âˆ’âˆ‚B/âˆ‚t
  âˆ‡Â·B=0
  âˆ‡Ã—H=Jf+âˆ‚D/âˆ‚t
  âˆ‡Â·D=4Ï€Ïf
  âˆ‡Ã—E=âˆ’1
  c âˆ‚B/âˆ‚t
  âˆ‡Â·B=0
  âˆ‡Ã—H=4Ï€
  c Jf+1
  c âˆ‚D/âˆ‚t
  DandH
  Definitions:
  âŽ§
  âŽ¨
  âŽ©
  D</t>
  </si>
  <si>
    <t>b'H\xdf\x8f\x8a\x94\x9fB\xed\xd8\xf5\xd0\x89\x06\x98\xd9M\xa8\xd7\x056p\xb9\xd3\xb3F#\xff\x01\xcd\xff\xe1\x92'</t>
  </si>
  <si>
    <t>48df8f8a949f42edd8f5d0890698d94da8d7053670b9d3b34623ff01cdffe192</t>
  </si>
  <si>
    <t>b'H\xdf\x8f\x8a\x94\x9fB\xed\xd8\xf5\xd0\x89\x06\x98\xd9M'</t>
  </si>
  <si>
    <t>s by gm_x0004_V,
 allowing Vout to rise by gm_x0004_VRD. We therefore surmise that the small-signal voltage gain
 is equal to
 Av = gmRD. (17.138)
 Interestingly, this expression is identical to the gain of the CS topology. Unlike the CS
 stage, however, this circuit exhibits a positive gain because an increase in Vin leads to an
 increase in Vout.
 Let us confirm the above results with the aid of the small-signal equivalent depicted
 in Fig. 17.50(b), where channel-length modulation is neglected. Beginning with the output
 node, we equate the current flowing through RD to gmv1:
 âˆ’vout
 RD
 = gmv1, (17.139)
 obtaining v1 = âˆ’vout/(gmRD). Considering the input node next, we recognize that
 v1 = âˆ’vin. It follows that
 vout
 vin
 = gmRD. (17.140)
 As with the CS stage, the CG topology suffers from trade-offs among the gain, the
 voltage headroom, and the I/O impedances. The following example illustrates these trade_x0002_offs.
 R
 V
 in
 Vb
 Î”V
 g m Î”V R
 in v
 R
 v out
 (a) (b)
 V
 Vout
 M 1
 D
 DD
 D g m v v 1 1 D
 Figure 17.50 (a) Response of CG stage to small input change, (b) small-signal model.
 8Note that the topologies of Figs. 17.49 and 17.50(a) are identical even though M1 is drawn differently.
 840 Chapter 17 CMOS Amplifiers
 Example
 17.29
 A microphone having a dc level of zero drives a CG stage biased at ID = 0.5 mA. If
 W/L = 50, Î¼nCox = 100 Î¼A/V2, VTH = 0.5 V, and VDD = 1.8 V, determine the maxi_x0002_mum allowable value of RD and hence the maximum voltage gain. Neglect channel_x0002_length modulation.
 Solution With W/L known, the gate-source voltage can be determined from
 ID = 1
 2
 Î¼nCox
 W
 L (VGS âˆ’ VTH)
 2 (17.141)
 as
 VGS = 0.947 V. (17.142)
 For M1 in Fig. 17.50(a) to remain in saturation,
 VDD âˆ’ IDRD &gt; Vb âˆ’ VTH (17.143)
 and hence
 RD &lt; 2.71 k_x0002_. (17.144)
 Also, the above values of W/L and ID yield gm = (447 _x0002_)
 âˆ’1 and
 Av â‰¤ 6.06. (17.145)
 Figure 17.51 summarizes the allowable signal levels in this design. The gate voltage can
 be generated using a resistive divider similar to that in Fig. 17.47(a).
 V
 R
 DD
 D
 Vout
 M 1
 Vb
 Vb â€“VTH
 0 Vin
 = 0.947 V
 = 0.447 V
 Figure 17.51 Signal levels in CG stage.
 Exercise If a gain of 10 is required, what value should be chosen for W/L?
 Let us now compute the I/O impedances of the CG topology so as to understand its
 capabilities in interfacing with preceding and following stages. The rules illustrated in
 Fig. 17.7 prove extremely useful here, obviating the need for small-signal equivalent
 circuits. Shown in Fig. 17.52(a), the simplified ac circuit reveals that Rin is simply the
 impedance seen looking into the source with the gate at ac ground. From the rules in
 Fig. 17.7, we have
 Rin = 1
 gm
 (17.146)
 if Î» = 0. The input impedance of the CG stage is therefore relatively low, e.g., no more
 than a few hundred ohms.
 17.4 Common-Sourc</t>
  </si>
  <si>
    <t>b'XZ\xe0M\xcep1\x01u\xd9\xcb\xf0\x9b\xcf\x04\x07'</t>
  </si>
  <si>
    <t>585ae04dce70310175d9cbf09bcf0407</t>
  </si>
  <si>
    <t>ed matter, 173â€“176
  ring, 87
  specified charge on surface
  of sphere, 147â€“148
  specified electric field, 79,
  262
  specified potential on
  surface of sphere,
  143â€“144
  spherical shell, 82, 86, 149
  surface charge, 85
  uniformly charged object,
  293
  uniformly charged sphere,
  83, 88
  uniformly polarized sphere,
  174â€“175, 178â€“179
  volume charge, 85
  Scalar product, 2, 5, 7, 526â€“528
  Second derivative, 22â€“23
  Second-rank tensor, 11â€“12,
  562â€“563
  Self-force, 492â€“496
  Self-inductance, 324â€“327, 331
  Semiconductor, 297
  Separation of variables, 130â€“150
 Index
  597
  Cartesian coordinates,
  130â€“141
  cylindrical coordinates, 150
  spherical coordinates,
  141â€“150
  Separation vector, xii, 9, 15, 60
  Shears, 364
  Shielding, 190
  SI units, xviii, 585â€“588
  Simultaneity, 509â€“510, 521â€“522
  Sinusoidal waves, 385â€“388
  Skin depth, 413â€“414
  Sky, blueness of, 471
  Snellâ€™s law, 407
  Solenoid, 229, 236â€“237
  Solenoidal fi</t>
  </si>
  <si>
    <t>b'\xb0\xcc-\xcc4\xf1\xe8!h\xed\x04M\x8d\x0f`\xb0\x92*\xc3}%\xc6\xde\x15\x9c\x80\x86\x0f\xeap8['</t>
  </si>
  <si>
    <t>b0cc2dcc34f1e82168ed044d8d0f60b0922ac37d25c6de159c80860fea70385b</t>
  </si>
  <si>
    <t>b'\xb0\xcc-\xcc4\xf1\xe8!h\xed\x04M\x8d\x0f`\xb0'</t>
  </si>
  <si>
    <t>heeks were distended with his first big bite of bread
and bacon, but he managed to smile encouragingly.
"If tha' was a missel thrush an' showed me where thy nest was, does tha'
think I'd tell any one? Not me," he said. "Tha' art as safe as a missel thrush."
And she was quite sure she was.
CHAPTER XII
"MIGHT I HAVE A BIT OF EARTH?"
Mary ran so fast that she was rather out of breath when she reached her
room. Her hair was ruffled on her forehead and her cheeks were bright pink.
Her dinner was waiting on the table, and Martha was waiting near it.
"Tha's a bit late," she said. "Where has tha' been?"
"I've seen Dickon!" said Mary. "I've seen Dickon!"
"I knew he'd come," said Martha exultantly. "How does tha' like him?"
"I thinkâ€”I think he's beautiful!" said Mary in a determined voice.
Martha looked rather taken aback but she looked pleased, too.
"Well," she said, "he's th' best lad as ever was born, but us never thought he
was handsome. His nose turns up too much."
"I like it to turn up," said Mary.
"An' his eyes is so round," said Martha, a trifle doubtful. "Though they're a
nice color." "I like them round," said Mary. "And they are exactly the color of
the sky over the moor."
Martha beamed with satisfaction.
"Mother says he made 'em that color with always lookin' up at th' birds an'
th' clouds. But he has got a big mouth, hasn't he, now?"
"I love his big mouth," said Mary obstinately. "I wish mine were just like
it."
Martha chuckled delightedly.
"It'd look rare an' funny in thy bit of a face," she said. "But I knowed it
would be that way when tha' saw him. How did tha' like th' seeds an' th' garden
tools?"
"How did you know he brought them?" asked Mary.
"Eh! I never thought of him not bringin' 'em. He'd be sure to bring 'em if
they was in Yorkshire. He's such a trusty lad."
Mary was afraid that she might begin to ask difficult questions, but she did
not. She was very much interested in the seeds and gardening tools, and there
was only one moment when Mary was frightened. This was when she began to
ask where the flowers were to be planted.
"Who did tha' ask about it?" she inquired.
"I haven't asked anybody yet," said Mary, hesitating. "Well, I wouldn't ask
th' head gardener. He's too grand, Mr. Roach is."
"I've never seen him," said Mary. "I've only seen undergardeners and Ben
Weatherstaff."
"If I was you, I'd ask Ben Weatherstaff," advised Martha. "He's not half as
bad as he looks, for all he's so crabbed. Mr. Craven lets him do what he likes
because he was here when Mrs. Craven was alive, an' he used to make her
laugh. She liked him. Perhaps he'd find you a corner somewhere out o' the
way."
"If it was out of the way and no one wanted it, no one could mind my
having it, could they?" Mary said anxiously.
"There wouldn't be no reason," answered Martha. "You wouldn't do no
harm."
Mary ate her dinner as quickly as she could and when she rose from the
table she was going to run to her room to put on her hat again, but Martha
stopped her.
"I've got somethin' to tell you," she said. "I thought I'd let you eat your
dinner first. Mr. Craven came back this mornin' and I think he wants to see
you."
Mary turned quite pale.
"Oh!" she said. "Why! Why! He didn't want to see me when I came. I
heard Pitcher say he didn't." "Well," explained Martha, "Mrs. Medlock says it's
because o' mother. She was walkin' to Thwaite village an' she met him. She'd
never spoke to him before, but Mrs. Craven had been to our cottage two or
three times. He'd forgot, but mother hadn't an' she made bold to stop him. I
don't know what she said to him about you but she said somethin' as put him
in th' mind to see you before he goes away again, tomorrow."
"Oh!" cried Mary, "is he going away tomorrow? I am so glad!"
"He's goi</t>
  </si>
  <si>
    <t>b'5\xc3f*\x12g\xe1\xecb]\xd3@\xeb\xd7\xc0\x87\xdd7\x08\xba\xec2\xa2R\n8\x1a\x9f1c|\xfc\xdb\xeal`f\xb92\x11\xdcP\x13U\x19\xc5\xe4M]Ed\xef\x1d\xf9a\xbe\xa7\xcbb\xd7E\xbd`I\xf1i\rh\xd4T25\x96\xc6\xa8\xa5N\xb6Re\x80\xc3\x95A.]"Es\xceRG`\x91TX"ri)\xe9\xb2\x92c\xc9\x85\x8b\x12NTo\xc0\x8e\x10Q6\x81\xa5\xacJ\x8d\x988\xbb\x90\xe6\x9b\x86\xc4\xf2&lt;f\xda\x12w\xe6v|(\xa5\xb1\n\xf2\x8fH\xce\xabv\xa6GO\xfd\xe1\'\x15D\xdfAY\xcc\x08\xf0c\xaa\x02+\xfbH\xbd\x15\xf5\xd5\x9a\xdb\xbb1t\xd9\x9c\x80\xed\xbf\xbd"\x1d\xf5|\x00E\x0f\xbe\xea\x9b\x9e\xb6\x85\xd7\xa8\x00sD\x92\xb1MQ\xdd\x92X\xaewp6\xb7x\x96\xaa\xb6\x8f\x19\x95P6\x88;\x8e\x882Re\xa9V\x86\r\xf8\xcfd\x83\x99\x88\xae\x06w\xe3\xac\x99\x04\t\xe2\x9a)99\xb6*\xf9\x99]\xd1\xf8\xfef\x8e\t\xdc\xe8\xb2jrR\x191[\xc49\x02\xc8\xad\x9bv\xe1\xa7\xfe\xe4\xc2\x9d\xb6\xbcV\xb6\xc0\xcfXxY\x93\x96\x08,\xd8~\\}\x82Y\xc2&gt;,\xb6\x07E\x18\xd7g\xf9k\xd6\x93~0\xdc\xbez\x88\x9b\xce\x00E\xf9\xb6\xdf\x90y\x9a:\xae\x13\x17i\xa1\xde\x1a\xcd\xf6b\xfe\xebw\xf4\x8f\x86(U\xfd1\x13H\xa8wB\x0fu\xc0@\xc6N\xf99\xbf\xc9r\t\xbe\xdd0\'B\xd5\xe3^_2\x1f\x02\xfb\xedV(\xb3Y\xa2\x01~\x06\xb1\x08\xa2\xecY\x0ed\xddL7\x15\xf1\xcf\xb3,\xf8\xa4d\t\n\xb3\xb1}\x83\x9c\xb3\xae\x86\xb08K\x03y\x02\xee(]\x9f\xac\xb9(\x0b\x95\xa2%\x1bE\xf2\x95\x9a\x9b\xd4l\xc0T\xf0\xca\xf9\xd9&gt;\xea\xc4\xb0\x99\xdb\xca\xab\xfb\xd1!\xbef\xb2\x04\xe9\xcb\xb6\x0e\xb6\xe0\x1d]\x12&gt;C\x90\xa9\xd4\xa6\xe0O\xa6r\xb0Pp\x8b\xfa\xccg\xf3\xbe\x16\x0c\xc5&lt;\x1a\xa8\xbaK\xe24\xc3Z4\xec\x90\xd8\x04h\xce;\x11+\xd8\xbf\xaa\xa1\x81\x10\xe7\xf8c\xc8\xde\x8f\xc0\xcf\xe8u\x07o\t\x8b5\x06\x01\xd8\xf7|S\x08\xeaxE\x9b\xdb\xe6@\x16\xe0\x9d\xe5\xe3\x84Zi\x1b&gt;\xc7\x06\x0f%\xech\xcb\xda\xcc\xec\xca\xe5\x16d\xbe9\x9cX=\xc5f\xf94\xf5YcE\xdf\xe1A\xb7\xb0\xc2k\xa7\xceot^t\xd5P\xd4\x06\x06\xc1b\x8fa\x99\xbb:\x96\x01H\xf4\xc2\xdas\x1a\x86\xe2\x86\xeb\nvb\xf7\x99\x80\x99\xe1+VZ#k;\x10\x9aB\x92\xccD&lt;\x87&amp;\x89\x86\xf4\x08\x82\x02G\xa1\x03\xc3\x0c\xb6\xb7\x88\x90Y\xf2\xe6\xb0\x809\x0b\x16\xf5\x89\x8c\x99r\xe4\x1cyd\xb4\x03\xf3\xfda\x1d\xe1\xed\xaf\x1e\x87\xd5+\x86\xf1\xa31\xa6\x03\xdc\x12\x07G\x04\xd0\xc3\xae\x1aj\xf6\xac4\xfb\xc5\xabK9\xa6\xf6\xe0\xb1\xe7M\xca\xb2s\xc8\xc9\xe536\x0e\xe8\x06\x14\x16\xaa\xd1QH\x19\x96g}U\xc9\x8c%Hzz\xa7\x0b\x0bd\xb2h\xe6D9Y\x02\x1b\x9e\xba\x7fc\xc1[\xd5-\xe6\xb2U\x91a\x0eP\xa9{\x03\x174E)\xf8&amp;\xbcb(o\xdf\x90\x83\xe6\xfa\xb2\x8e&amp;\x94\x1bOn+\x96\x9c\xeb\xca(\x07k]\xc2\xfcN\xd3J(\xe7\xad\x81\xbe,\x8c?\xbfy\xf9\xe7\xb9\xa4\xbf(`Em&lt;\x1f\x82!\x08\xc5\xffp\xf3\x9da\x93\x85\x19F\xeaz\x80\xd1\xde\xd5T\x90\xd2\xd2\xf2\xd8f\xbf\xb0\xb6\x15\xbdS\xae\x91F\x8c\x16R?\xa0zRX\xfa\x017Gk\xb2@\xe1\xd9\xe9\x1b7e\xbb\x8a\x07\x01\xa5\r\xe1\x95%\x98\x17n\\\xd3\x04\xb8C\x1d\xe0g\xc9\xdb$\xabY\xb0\xaf\xa6NA\xc3\x01&gt;N\x0fd\x83\x18Ed\x0c\x92\xbb\xc2\xfat^DC\x91\x99L\x9c\xdd&gt;\xa3\xd01ic\xa8\x93\x97P\x9fB\xebh\xe8\xd2\xd5^|\x1d\x97J\xe7\xcf&lt;!N\xcc\x8e\xc4\x07F\x8f\xb5\xdf^\x8d{\nx|\xd9cZ\x1f\x88\xfa[s\t31x|LW\x8d(\x83\x01=\x0f2\rO\xc3\x02\x01\xc3\x8c\x01\x0c\xc9b_J\r(\x19A\xc8\xbc\xc1\xebB2\xbe\xcf\xc2\xf4\x0c\x8e@`\xd0\xa3y\xb7Z\xe9\\\x87Mt@B\xa6\x00$\xaa\xbeybb\xe0\xc3dF*dp\xcdB\xdc\x01\xbf\t\x08\xd9\xdb\xea\x14b\\\x16\xd6\xbf\x0fQ\xc4\x92\x89\xb6\xccw\x80?\xae\x18\xb9\x88\x91(v\xb0\xde\x15P\xa0\xc7xI2ff\xa5\x964\xd8s\x91\xc8\xca\xc2\x96GI\xec5\xab\x00\xf3)\x82\x93\xa0\x8a\xb8\x1f\xd2B\xdd\xbb\xd2\xfd\xf5\x01(\xaf\xc12\x11\x17A\x0f\x04\xd0\xf2\r\xfa\xac\x12\xf9DA\xdc\xc9p\x81\x17@N\xd0\xff\xf7\xd8)h\xac\xfa\xa0\xf9\n\x99b\xd3\x84\xc20\xffr-2\xf9d4e\x8c\x8c\xe7p\xbf\x88RLX\xf9\xa5]\xd8\xdb\xe6t\x8fs\x87\xe9\xa7j\x07\xe9,\x98\xd4\xd6\xe6]\r\x98\x81\x0fG1n\xa5y\xed\x91jQ\xabYa\xa4@\xaa\xbd\x88L\xd5\xcbc\x03\x1d\xf3\xa3\x15\xfe:\x08\xea\x93\xc1zW\xd6\x9fOH\xd0\xa4[\xc9r.W\x8bd\x01|G?\xaaa\x96\x1a\xcf\xb4\x17\xc0 \x1b\xec\xee_UGx+\xaf\xe1g\x12\xa8U\xd2\x1a&lt;\x1dG\xd4-\xb30{\xf0\x1e\n\xc1\xbc\xdf\xcb=.\xf3\xb1\x18\xd0\xcb;(\xbeC\x15\xa0\xc1\xd0\x86\x1cQ\x8eI8Q\xe4\xe5&lt;j\xb2M\xfa,k\x18F\xe0\xec\x97\xaeG/\x1f[\xb2\xd6#\x03"{\x92/\x1b\x84\x00\'\x960%f\xf9\xfd\xa1\xa8\x03V\xb5(\xa7I\x86\xfff\xf7\xdc\xa8\x82\xc8c\x1b\xf7\xf2&gt;y\x83\xb2\xe2Kkj!5\xe7\xd9)\xfe\xe9\xb9\xf2\n\xd1\repL&amp;+\xe9W\xf8\xcd`%\xf9o\x1b+M5&lt;0\x14\xc2\x0f\xd3V9qD\x1c\xf1\x86N\xe1\xff\xa7\xb7\xa5NYs\x9f\x9a\xbbR\xc5m\x824\x89\x1a\xfc\xf7\xb0\x87\xe1&lt;\xda\xb88\xca\xec\x15&gt;\xfb}\x92\xbd\xa7\x13\xba\x83\xe5\xff\x11&lt;\xf0i\xdf5\xabm\xaa\xb1\x10\x88\xd8Y\xaf\xfd\xb0\x90\x7f\x96\xba\'|a\x9d\x18\xfc(\xc6\xd4\xb4\xb2\xbb\xc7MF\xfb\xd0\xe4Z\xdc\xae\x07\x11\x0f\xbd\xe4K:/f&lt;2\x82\xee{\xf4\xeft+\xff\x1d\x84\xdf }\xdb\'LU\xfc\xea|"#A\xda\x8d\xb0\xc6\x13y\xf0[\xbe\xacb\xd4\xb9d\xd0|\xfb\x8b\x1a\x19\xde\x04\xbb\xc8\xbd\x8a\xd4\x0eR+u\x94\xe0w\x1a\x11\xe2\xfb6\xd1\x0f\xb4y\x97R\x8f\xf4\x04\x9a\xabC\x10z\xc9Z\x80\xd8\xa3\xfa\x85\xfe0\x04/\x1cS\xfb\xcfl\xdc\xb1\xfe\xa1q\xc7o\xaff\x91\xd5b\xf8\xd8\xb5m\x0f&gt;\xcd\xf7\xea\xd3\x9d\xecv\x13\xfa@q\xb9\xab\xaf\xab\xfaE\xfc\x07\x7ft\x7f\x1e\xc9\xd6@\xdfN\xe5\xb1fk\xd7\xb1\xba\xb74\x92\xdf\x11Is\xa6\xb2\xfa*8\xaf\xa4"\xb4W=\xac\xca\x0e\x93\x05e\xf2OB\xc9\xa2\x83\xd4\xf6\xc9;fG\x04\xcc\xf8\xbet\xd9\x801\xf1z\xb30M:\x81.\xd7\xd6\xde\x11\x9d\x7f\xe4\x8b\x07B\x1aAl&lt;\xdd\xdc\xb2\xfe\xb4&gt;k\xcc4hV\xc9\xa9\xc2Tx\x04\x94(\xf2\x8e`4;\r\x7f\xa1\x02c\x99\xe5\x08\xcclG\x0f\\\xa5X\x81I\xce\xe6\xd3\x11&gt;\x88,Y\xaeh\x16\xa0\x85\x92\xd1\x8a\xbb\x99\xe0\xf2\xf6\xf0\xcf\x11J\x8b\x7f\xb2\xc6T\xaa\xe71\xfb\x9e\xc9}4:Z\x11\x01m\x8d\xc01\xe1\xc5\xfe\xe7O\x13\xc1\x94\x13\xef\x0f\xe9\x0f&amp;X3\xbe\xd8\xecr9\x9a]B\x8e\r&gt;Fz~\xe5\x1fa\xf3\xb1QsvJ\xbfs\xa7\x84q\x10\x90\xf7Z\xa8!o\xa2\x9a\x0fY\xee\x97xb2\x14O\xb3\x11\x18b!\x93\x0b\xdf\x9c\xaf\xeb\x93{\xb2$\x93\xec\xb9z5E\xd3\xa8\x18)\xa4\xbd\x86\xd9\xbchR*L\xa5zG{\\\xcd\x9b\x91\xda\x8c\xe0\xbb\xb6\xddfE\xd1\xb2\xa0\xfdk\xd4\xaf\xec\xbd\xa3\x91\x08\xb3\x9d\x16\xf30\xcfM\tZ|\xe9F\xe5\xd0\x83\x1c\xdaY9\xdf&gt;\xb9\x16w\xbe2\xe3 \xd9\r\xd0\xf5O\xbf\x87F\x1f&lt;;\xa4hf\xb4j\x07\x10P\xea\xbb\x15J\xce\x14\xa2_\xb7\xacl\xd8\xe2q8\xc3\xda\xa4\x0c\xf5c\xa9{\x07VB\xb4 4-\x1a\xd0f\xa4\xead\xfe.\xed.\x92L0\x10\xe5\xe8\x91\xb6\xc3nIF\xf1\x9a\x03\x935\xe0\x12\x94\xf0\xc5p\xcbf\xca\x19\x980l\x0eO&gt;\x94\x93\x0f"}\xe2\x19&gt;\x99N\x9fQ\x00\x1a\xa7\xd8\'\xc9V\x9e\x80\xd0\xc81\x89\xcdr2&lt;S\xe7[f\x92G\xbb\t\x07`\xca\xe8.\x83M\x00\x1e+\xb9\xd52\xe7\x01\xc0Z\\\xe7D\xe7M\xf21\x1c|\xa1\xb0\x88&lt;K\xcdT\xb91\xa9\x1a*p\x9f\xa8/;\xef\x04"\xcc1\xc9\x83W}|yC\x1e\xcfCF\xb3\x012~\xc3&lt;!\xb9\x90\x85\xbd\x039\xc3{\xa7,9\xee\\\xb1\xde\x02\x0e\xae\\\xbb.s\x8d\xe8\xb6\xf9U)\xa3\xbe\x04}\x1f\xa8l\xee\xbd\xe2\xc3\xe4\x08\x14\x12\xc6\x08H(8\x1a\xb1\xa7\x81\x89\xdc\xad\xbb\xca\xa5\xff\x05\xdf\xaa\xcan\'\xfe\xca\x1e\x85\xb3A\x10h\xa3ua\x13!\x99\x8ag\xd0:k\\$\xf4[4\x0e\xa1\x97#j\xae\xb2v\x14\xd0\x13\x05\x1c\xe2\x037\x03t2\xe4\xb4\xf1\xd8&gt;\x8e)\xb6\x97\xb4\x9e\x07\x92\xf6\xb8r\x1d\x0b\xc8\x96\x11]\xdf\t\xbd&amp;i\x1e\xc5/\x1e\x00q\xa9{\xba?8\x1f+E\xef&gt;\x97k\xd3L(Fw\xeaY\xcb\x9fQD\x96A7\xc7CZ\x89\x11\xdf\xbd\xc0\x9f\xab\x9a\xac\xeb\xee\xba\xf0\xe0\xdcdn\x9ct\x9a\xf6\xff[\x11\xb4\xb7\xc6\xf9$\xbc\xe8:!j^+sth\rQ\xe6j\x85\rya\xd9b\xaf\xd4vl\x87\xb7\x85)\x8c\xce\xab\xb5\x144\xf3\xac\xe7\xa0)\xd3\xd7\xf75\x86\xcdO\xc1\xcd\x9aF\xe9\xb17jY\xd9?\x97/w?\xc7c\xfd\xfe\xb5qJJ\xac\xbb\x81\xb1\xf2T\xad\xd4\xf2\xd8,\xb5,\xcc\x03\x95\xc3\xcaq\x9a\x12\x9b\x9c\xb5I\\\xc2\x0f\x99\x02\xb72g\t\x98\xb8\xdb9\xc1\x90\x8b"\x1dZZh\x9c\xe8f\x8c\xb3\xd5;\x98U\x89N\n\xe2\xa2\xe6Z@\x87\xfd\xbaO\xc2\xb6\x07\xfa\x82\xfe\x897\xff1A\xa9\x9d\xdd\x18u\x8fV"\xc9\xa2\x0f\x02\xfeJg#\x13\xe8\xe28rI\xe3\x04\x85\xf0\x9e0#4b\xa2!^Dh^N\xe8\xbe\xac\x08 &gt;\xf1V\x87\xd1\x16.\x92\xa6\xc0\x8c\xce\xdb\x1fC\x02:\x8f"\x1a\x8bL,JC\x15z\x8c\xb7\r`8p?\xd4\xbbQ\xab4&amp;\xb3\x86D\xb3\x99N&amp;|\x93\xee\xd9U\xa0\xd6\xac\x98\xa4\xee5v\x98\xe2\xefVi$m;\xb2\x95{9\x9b\x1b[\x17,\xb0\xa1x\xec\x13\xaa\x07\x02\x1d\x1f\x91\xae\x96\xd4\xf5v\'\x87\xa1\xa4\r\xbd\xa9\n\xd7n\xce65\x9c \xb7\x93\xf0\xe3\x96\xc7\x86\xd9\xa5N&lt;\x7f=\x00Im\xa6\xdd\x9b\x9a\xc4\xf8#\xe2\xb3\x16\x89\x9d\x02\x01,\xd7G\xb6\x9f(\x95q\x9f\x8b\xd0\xa9\xbd\xc8\x87\xe1C\xeb\xdb\xd6\xa4\xe6\xff\xcc.\x94\xa1\xae\xd1P\xc7\xc9IYR\xc5a\x016p\x0e\xa6\x01\xe4\x9dG+H\xc6\xba\x85\x8b\xe8\x88\xfa\xb4p2\x00\xf0\xd4E\x1e\xa9\x07\x9bE\x03]\x12\x06_G\xab\xf36\xb7O!\xc2fi\x9a\x91\xac\x97\xdb\x13H\x96`\xc0\x96\xcca)"\n"\xb0\x91@\xbf\xd8F\xa5\xca\xbd%sF\x19\x9fvva0C\x94\x17\xfb\x04\xa8\xb4\x8a\n\xe9_\xf6\x87\x8c\xe0u\xbd\x03\xe4\x81\xe5\xfc\xc7\x1b(\xb0/?\x12\x03\x15\xbf\x0f\xfdS\xca\x9c\xfc\xe1C\x95\x1c \x1fvr\xf2\xe2N\x80T\xf1[(\xa8=\x10\xbdl\xb2X\x08\x069\xb3\xee\x1a\x9d\xbcq\xac\xa8\x90V*A\x97R\xb5%e\xb5\x02\x08W\xe6\x16\x944\xc7d\xe0S\x19h\xfeI-\xc1k\xa1]Q\xef\x1fa\x81-\xfb\x9d\xd4\xe9_\xb7\xd2\x063\xa8\x7f5\xd0\xfd\xa7Mz\xceE\xf6\x9d4V\xe3&gt;\xd6\x7f\xf8B;\x01\xae\x87e\x14\x84\x92\x8f\x888\x93c\xd1\xfa|\xcf\x13\x1bh\x1b$\xb0\xec\t\xa8-\x88\xe4k?5\xcd\xe1\x1c\x9e\xa4\xb9\xe0m_\xa8\x8c\xb0\xd9\x96\xb3\x9e\xab(Z\xcfZY\x10\xa5\xe4\x02\xb9&lt;\xa8(\xe1\x06Gc*p\n\x16\xb2\xbfy\x8a\xd5\xf4\xeb\x10\xf4\xdf\xc3\x8da\n\x19\x82\xe2\x80\xff=\x05\xd2\x1c\xc1\xdejl\x06Q\xb0N\xff\xf1\xf92\xce3~\xc9\xce\xbd[\xcf*\xa7\xb8xl\x02@\x93\xc4\xb23tA4\x08XH\xbd\xbb\x18\xdc?\xf5\xa3E\xc9\x08\xbb\xa2c\\\xc0T\xa5\xbeQI\x1c\x117\x95\x048z$\x84a\x05y\xa4\x87 \xe7\xc3\x9fbX\x81\xadZ$lK\xa2\xce\xd82\xaf\x1d\xb0\xbd\xec\x04\x9a:\xcf\xb7"6\tX\xa8F\x84\xa9\x1cu\xd8U:\x9d\xff\xd90j\xb2\xe7\xac\x91l\xcb\xf6\xb5g\x9cB\xfbv\xf1\xfe\x8d,\x12|u\xf9\xcd\xc7\x1a&gt;\x05\xfc\xa6\xe0M\xee2\x12X\xc8u\xee\xfb4\xd6,Y\x13\r\xea\xd4\xcf\xac)\xa0\x18\x98\xb5\x8dFq\x97\xc8\x04\x11\'\x06,\x95\xa9\x07h\x04\xd8B[aB\xe9\x02]\x8f\x96\xa0E\x01\x86+WPS\xf5m\xee\xe8ac\x01Vk\x0b{\xd2\xc3g\xb0\xf9VG\xa7\r\\*s\xd7u\x857\x93}\xcf\xb1\xa5\x8868\xd2\xba9\xb2v\x8f\xe4}\x839\xa0\xcf\xda\x93\xb7j\x08\x99\xad\xad\x8b\x7f\x9d\xcej\xdb*K\xf5X\xbb\xbd\xb2\x15\xec\x13,\xe7!\xfe\xa5\xaa\x7f @\xd9\x87\x15\xbd%\xc3\x11/\x9bO7\xbf^6\xfe\x89\t\xfd[\xea\xdf\x05\x9f\xd79\xff\xb6)\x9e\xd2\x8f&gt;\x93\x01\xffs\xaf\x13\xf3\xa6-\'{M\xa0&amp;\x81\xe0\x85\x1cF\x86w\xed\xb0\x10fm!-\xe4\xafD\xd7\xe2\xedv~\xe6\xb0\x08\xcc\x1df\x9f\x8e"\x80/g\xd4T`{\t\xbeI\x00y\x18\xe1D\x85j\xce\x82b\xb9\x18\xc3\x18\xad\x80\x06~[\x7f5\xa4\x98+\x01&amp;\xbe\x9d\xd4\x91\x06\x18\xca\xa4\xe6}S]bS1\xae9\x0e\xf03\x96\x83 \r\xdb\x05?\x87\x01h\xdb\x02GM\x8f\x11\x82\x83\x96=\xbd\xff"\x00\x02\xd7\'^\xcf\xb0&gt;\x08\xa4\xb8t\xa9\x88\x18\tX\xe0\xba\x01\xfd\xec\xe6\t\xd3W\xc3\xde\t2@\xb6\xa0\xd5\xcb\x87kS\xdf\xb2\xd4\xa7p\xe8(\xf2YU\xfc7;\xc4\xb9T\xd9\xc5r7\x9b\xa4\x8aA#\x87(MPIU\xaeLV\xbf&amp;\xa9\x94/\xa1s.lmIy\xc9At\xda\xb3\x05A[\x85\x8c\x1a\xb3\x1b+\xb0&gt;z2J\xf3\xa2&amp;r\xf7&gt;\x93\xea\x1c\x19\x88F\x17J\xb3\x1d&amp;\xf0\xfb^I\xcaYqK\xbd\xf0\x03\x17}\xf4\xf6\x03\xee\xf6\xa3\xa2\xfar\xf2 \x83\xed\xd8Ep\xc9\xe2\xb6\x01+\xc5k\x17\x13E\xe6\xc6\xc7\xea{Q^\x10\xe1\xa4X4$[\x06\x84*N\xbcm%\xb8\xee\xf9|\xd6bN\xdd\xa7\xa2T\x1a\x84U\xd9\x8ciz\xe1N\xe4\xbc\xba\xbd1\xac\xabj\x93\xa3\xf1\xceTV`\xee\x05&lt;\xaba\xfb\t\x0el%\xe9\xdd\xef\x04\xea_~I\x8e\xf1L\x93\xc0\xaf\xf4\xd3\x15\xf1T\xa9\xb2\xa1}\x95\xd5\n'</t>
  </si>
  <si>
    <t>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</t>
  </si>
  <si>
    <t>b'5\xc3f*\x12g\xe1\xecb]\xd3@\xeb\xd7\xc0\x87'</t>
  </si>
  <si>
    <t>of horses galloping. Almost at the same time a pistol-shot, flash and 
 report, came from the hedge side. And that was plainly the last signa</t>
  </si>
  <si>
    <t>b"5*\x87`\x0b\x9a\xcd\x19\xa4\xc1^FX\x06\xa9G\xdb\x0c\x870\x02ie\x0e\xb0\x9a\xedS=\xeb\xfc\xd4\xd2\xf2\xaf\xf3I;\xc7Jf\xe0'(\xf3\xdd\xd5\xd7\x86\x1eO\xee\xb6\x95}\xef\xa5n:&amp;L\xe8\x87B\xb4\x87\x8fNo\xb3o\x99\xa5\xf9\x11\xea0\xf3\xbf\x05\xd3\xb0\x97T\x9c\xac\xdb\x17\xa1^\xf7\x17a\x11\x96c?y\xa75\x80\xbc\x88s\xac\xfe\xed,\x05$\x19\xd0B\xa0\xfadp\xba\xec\x15P Ze\xfa\xf2\xeb[R\xda\xfb\x88\xd4\x01\xee\xe6\xc3\x10r\x98\x07Z(G\xe2Rf\xf6=\xd7\x89\xe7?\xa3\x8e&lt;\x9d\x95\xc1\xec\x81\xeb/\x96\x8a\xd6\xde=Z\xcb\xc0\xdc\x1a\xa0\xe4\xd3\xc1\xe1s\xb5*\x82\xf4\xa7k9D\\\xc4\xc1|\xc4\xaf\xaey\xe0#D\xb1!j\x1dp\x94\x18\x96\xb70\xdaL\ns\xabHu\x97\xd8\xbdE\xcaO\xc0\x8b\r\xe4\xc3\t\x9e\x19\x13\x88\x94.C\xb0\xc4A\xd7\xe0b\x85\x0b'7Q%\xe2I\xe1gq\x03\x16\x91,p\x10\xd6\x15y\xf0\xad$A\xce\xeb\x90a\xac\xcc\\\xc7~\xa3\x83\x9d\xa2\xe0\xb4\xc7\x14\xc9\x18\x8c\x96\x93F\xc1A&amp;\xb8\xcb=U7FY\x84\x9e~\xa6}\xdb\xa0M:\xca\x1f\xd2\xb3\xfa\x0f\t\xb0\xc0t\xd31:M\x1c\xe4S\x1b`\xec\xec\xd9\x96\xec\xfb\xefF\xad\xe0\xa62\xeb\x9a\x13\x96\xc7\x85\xe2\x9ad\xfe\xca\x10\x89`\x9b(\xd7+\xb4\xb2\xf8\xd0\xbd\x82\x9f\xc0\x19\x03\x8c$\xfc),\xdb\xec\xe6\xe3\x08\x90x\x85\xe6v\x1e\x1dn\x7f\x0f\xf0L~\x83\xd7K\xf7\xc1\xa1\xff\xfd[Y\xfc\xad:Nkb$\xaai\xb3\xf5\xf3\xdaE\xc7\xc2e\x7f\x17\xe1\xfa\xa5\xea\xb7\x17\xcd\x00\xe8\x13\x9c\xd5\xc5\xa3\xf3\x12\xf1\xaf\xbd\xb5\x90\xf9&gt;\xfc\x87\xae$\xb3\xf0\xafo\xf4\xcf\x14\x02\xe3\x0c_\x8b\xdc\x1c\xa6\x99\xcdc\x03}L\x1a\xdb\xa2\xa8\xe8\xb6\\&lt;$\xfcL\xec\xfd\x96&amp;\xd9\xd1\xc2\xd5PX\x9c\xdb\xe6\xa2\x9e\x17\xe0\xb4%\x97\xa6&lt;\xb5W7\xe0\xc5\x98\x1aB\xf4KWFN\xe7"</t>
  </si>
  <si>
    <t>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</t>
  </si>
  <si>
    <t>b'5*\x87`\x0b\x9a\xcd\x19\xa4\xc1^FX\x06\xa9G'</t>
  </si>
  <si>
    <t>ac in pnp form and symbol of DIAC respectively. Two leads are connected to p- regions of silicon separated by an n-region. The structure of diac is very much similar to that of a transistor. However there are some important differences:
 Basic Electronics
101
                 (i) There is no terminal attached to the base layer.
(ii) The three regions are nearly identical in size.
(iii) The doping concentrations are identical to give the device symmetrical properties.
    P
 N
 P
 Figure-11 Figure-12
5.9. Light Activated SCR (LASCR)
Operation of LASCR is similar to SCR one only difference is that it is activated through light. It has window and lens which focuses the light on gate junction area. The LASCR works as a latch. It can be triggered ON by a light input on the gate area but does not turn OFF when light source is removed. It can be turned OFF only by reducing current through it below its holding current. Depending on the size, a LASCR is capable of handling large amount of current th</t>
  </si>
  <si>
    <t>b'\xc7\xca\xe1\xb9\xa9&amp;\x8b\x11\'\x8a7\x95\xd5\xac\x07\xa6\xba\xc3*\x85{b\xc6|HK\xab\xf8\x14\xc1\xd59\xc3\xf6Zni\x94\xdc\xeb\xe8\n|df \xf2\xa2\xde\xb5\x9a0\xefRGCJ\xe6\x12\xd2\xfa\t,\xdf7S\x0b\xd8\xe2\x1f;\x17\xa1C2\xd3I\x10\xdbsH\xac\xf1\xf1\x1f:\x0f\x8dG\xa2\xc5m\xa1\x91\x8a\x92&lt;\xd1\xe6\xf6\xdd|BN\xed\x8a\x17\xa5\xe9i3Y\xeb\xee\x0e\xa2\x9b\xdf\x11\xdf\xc4\r\xd6\xb9L\x14\r\n\x88tR\xfds\x0c\xcf0\xdd\x11;\xb3\x19\xec;O\x9e:\xb9\x8am\x9e\x8e\xd5\x14\x1a\x8d\xce\xf2\x94\xd1\xaeA~\x1a\xb6\x99|cK\xa5xJI\x8eICNv\xff.\x13\x16\xc3\xa9\x93oMtd1\xcbEG\x15\xc3KS\xce\x9e\xc6\xf7\x08$\x9ceL\xd8\x94\x02,\x1d\xc4\xfe\x8cd\xdeI\x14\xbc\xc8\xa7\x1e\xd8\xffI\x0e\n\xce\xe3\xab|(\xbb\xeaD:S3\xa5^R\x0f\x80n\x1a\x01n\xdb\xf1\xd5\x0b\xabV\x86\x92\xb4\xe7\x8a\t\xf3E\xefvb\x9d\xd7\xc4\xcf\xcc%\xc2#\xad\x0b1K\x06\x93\xe1\xd6\xa3U91\x89\xf4~\'\x9d\xc1\x18\xaa\xb3\xf6rl\xdd;\x88N\xbd\x97r\xf3\xa0\x1d\x0c\x8e\xa4q\xa3Gi\xbb\xbe\xd7\x94xFWd\xe5=\x98\xe80\xfc\xfbE\x84\xd7u9\xdb*\xbe\xfbp\'\x8a\x9d|\x81}c\xd6bD\xcb\x17I\x91\xb9\xd4-}qw/\xa99B\xb7\xcf&lt;+S+\xc8\xfb\xb8\x12\x0f\x0f;\xc3\x19\xcdG\x9d\xb5d\x07Q;\xd5p\x1b\xe5\xde\x1d\xa4\xffxs0ND8f\xd9\xa1\x80\xd8-N@\x14\r\xd5O=\xe9\xde#\xa2\x1a\x85C\x8e\xde\xfdiD"SO\xee&lt;\xffGL\xe5Z)5_\x82\x91\x9f\xd1^\xff\xbb\xbe:,;+R\xa4\x9b\x84\x18\x94\xf4YJ|\xa3\x0f\xde\xf4U\x19\xd5\x80Y\xb2\xf8\x8b\x005\xa1mu\x03\x97\xfc\xc1\xd2\xceaG G\x16\xd9\x88\xf8fS\xaa\xd0\xad\xf3:\xa8\xfa)\xa4\xd0\xdb/\xda\x8a|\xd8\xe9K\xdc\xc5\x08\xa5D\xc8\x1e\xa2\xde\x8f"9P\x96A\xafQ\xf4\xa1E\xb7/[i_\xbe\x9a0I=\xc6\xb6L\xed\x13\x96ao\xd4\x11_\x90\xce|\x90\x07\xcb\x15\t\x83\xa0\xbf:!\x08P\x94\x1dY\xd9\x16\x10\x00l}@\xa0\xfe\x85\x89~\x94\x80&amp;\x98\xce\xc1\xd6\xaeP\x8aDYJs\x8d\x1b9\x97x\xf7\xaeh\x1fu\x194\xa9\\\x92\x98\xa0\xc5a\xc1\xc3~O\xa8\x19_O\xf1D\xc9\x17g\x92|\xf7\xe8\xbb\xb6\x96\xaf\x93\xad\xf6\x1f\xf2\xff\x1d{\x08\x19\xed\x05\xc4\xde\xbcb8l\x7f\x1c\x8d\xf8\xce\x8e\x16\xc5\x17l\'\xc8\x0b\x94\xd8\xf8\xdb\xa2\xa5\xdeFJ\xcc\x7f\xd1\xe3fu5\x9c5\x01s\xbcn\x03\x9db\x9cc&lt;\xf8\xef]g\xbe=\x9e\x1a\xa8\xf4\x06)\xcf\x07\x01hw\xbc\xb8\xb5\xb4\xcc/7\x00n\x11R\xdcA\xae\xdc,\xe9\xc1\x18\xccb\x87\x98|].\xbbq`\xcc\x1b\xa5v\x0b\x9b?\xa96@9n\xcew\xb3\x11H\x96B\x1f\xc4\x860j{\'\xdf\x13g\xbe\xe0\xa6RF\xfbK\xb1\xf7o\xf1\x9f\x14\x8cn(4\x1e\xb87O\xdd\xef\x0b\xe2~\xd6\x96Of]E\xa0\xff\xa4\xc7\x8a\x07\xb7\x8aD\xd7\x14\x08/N5\xf5e\x06\xd13\xa4\xb8\xd7\x83(\nW\xbf\xc2\xf1\xeb\xc7h\x9d\xf71g\x1c\xa3\xa53C\xd6\xe0;%~\xe4(\n\x14\x87\x8d\x9f\x02\xbf3Kq\xaa\x89\x12\x10]\x94\xbb\xf1\\\xdc\x13\x97D\xf3\t\x9d\xe9\xcf\x86\xdc\x90\xbf\xe4\x8d\xcfR\x97\x87&gt;l\x0b\xe7\x988QU\x18\xe4\xddf\x82\x83\xfd+\xb4\xd6]\xde\xf5\xb7u\x87\xa5\xd68O\x9d\xaf\x8d\xc7%K\x86ct\x8fP/&amp;\xde\t\\N\xf0\x0bJ\xe7~\xc4\xe5QQ\x0c}\xb5\xaf\xc6\xe6\x80F\xcdW\xcb-\xc79\xac\xd6k\xa6\x14\xc0\xce:n\x88\x8cG\x1f\nu\x96\xce\xa1\x87\x04y\x16\x1d k\xb9\x7f\x94\x9e\xe7\xf3\xc5=\xaeHG\xce\xe3:B\x07&amp;\xca\xcf2\xe1&amp;\x94l$\x91'</t>
  </si>
  <si>
    <t>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</t>
  </si>
  <si>
    <t>b"\xc7\xca\xe1\xb9\xa9&amp;\x8b\x11'\x8a7\x95\xd5\xac\x07\xa6"</t>
  </si>
  <si>
    <t>nsis, ares i restes de bucranis. ButlletÄ±Â´ Arqueolo`gic 23: 249â€“58.
Lopuszanski, G. 1951. La police romaine et les chreÂ´tiens. Lâ€™AntiquiteÂ´ Classique 20: 5â€“46.
Loriot, X. 1975. Les premie`res anneÂ´es de la grande crise de III sie`cle. De lâ€™ave`nement de
Maximin le Thrace (235) a` la mort de Gordien III (244). ANRW 2.2: 657â€“787.
Love, J. R. 1991. Antiquity and capitalism: Max Weber and the sociological foundations of
Roman civilization. London.
Luce, T. 1990. Livy, Augustus and the Forum Augustum. In Raaflaub and Toher: 123â€“38.
Luck, G. 2000. Ancient pathways and hidden pursuits: Religion, morals, and magic in the
ancient world. Ann Arbor.
Luttwak, E. N. 1976. The grand strategy of the Roman Empire. Baltimore.
Lutz, C. E. 1947. Musonius Rufus, â€˜â€˜The Roman Socrates.â€™â€™ YCS 10: 3â€“151.
Ma, J. 2001. Public speech and community in the Euboicus. In Swain 2001: 108â€“24.
MacAdam, H. I. 1983. Epigraphy and village life in southern Syria during the Roman and early
Byzantine periods. Berytus 31: 103â€“15.
MacAlister, S. 1992. Gender as sign and symbolism in Artemidorosâ€™ Oneirokritika: Social
aspirations and anxieties. Helios 19.1â€“2: 140â€“60.
MacCormack, S. 1981. Art and ceremony in late antiquity. Berkeley.
MacCormack, S. 1991. Religion in the Andes: Vision and imagination in early colonial Peru.
Princeton.
MacDonald, W. L. 1982. The architecture of the Roman Empire I: An introductory study. New
Haven.
MacDonald, W. L. 1986. The architecture of the Roman Empire II: An urban appraisal. New
Haven.
MacKinnon, M. 2004. Production and consumption of animals in Roman Italy: Integrating the
zooarchaeological and textual evidence. JRA Suppl. 54. Portsmouth, RI.
Maclean, J. K. and Aitken, E. B. 2001. Flavius Philostratus: Heroikos. Atlanta.
654 Bibliography
MacMullen, R. 1970. Market days in the Roman Empire. Phoenix 24: 233â€“41.
MacMullen, R. 1974. Roman social relations 50 BC to AD 284. New Haven.
MacMullen, R. 1976. Roman governmentâ€™s response to crisis AD 235â€“337. New Haven.
MacMullen, R. 1981. Paganism in the Roman Empire. New Haven.
MacMu</t>
  </si>
  <si>
    <t>b'a\xaa\x8d\x14V\t[\x83\xcf\xdd&gt;PL\x8c]\x8f\xbc\x0f\x88)\xe3\xe4\x1a\xa4\xe8\xeb\xb5\xeel\x1d\x03\xfe\xd3P\xbcAD\xcf\xcf^\xde\x85\xacl\x1d\xbc\xc0\xc3\x98\xc4\x92\x9e\xf5\xe24,\x80K\xba\x84\x9akfOD\xafi!r\xa9\xf0\xc7}\x9c\xd2\xad\xa5N\xd5K\x84\xfce\xf9\x05\xbe\xd2[d\x00B^\xe9\xd2\xc6\xa4\x97&gt;\xf0n\x88:\xce\x0b\xee\xff=\x08\xccxCQ\xd4\xd4Q\x07\x8d&gt;\xfb\x1c\xdfJ\x9fo"E\x08\xe0|\xb1\xc6\x01\xbc\xe2k&amp;-&lt;\x94\xc4Ef\x0e\xa0_5\xcd\x96\r:\xe3\x04#\xc9\xf3"\x0fJ\xe7aGT\x07\xde^\xa4\xe9\xbb\xa4\x08\xd4\xf7j\x86\\\xc2u\xac\x8a\x8f\x06\xa5S\x97\x11\x8f\xba\xac\xa2\x9d\x19\xe4\xa19\xf9\x1f\x94=&gt;`&lt;\x8c\x85\xf2\xd6\x07H3!iJP`D\x8e\xb49\x0b\x12\x93\xa8\x121\xf6\x01\x83X\xb9\x8b\x8cSp\xab\x1c\xffH\xab_\xcb\xd6iu\x86\xc8\xbd\xff\xdb0ns\xd7\xc7\x9c\xeb:\x1a\xf0\xf0/0\xbe\xf3\xd9\x84\r\x12,f_\xf6y\xab\xa1e\x03Gs\x0bC\xcb\xe1\xa36z\x97\x9f=\x13\xae~M\xe4\x1d\x99\x1d\xbd1\xef\x828\xa1\x0f\xec\xb4\x91\x9c\xd5/\x0e \xa0\x1f8QN6\xe1\x8a\xf1\x0f\xba\xe7\x89?}\x93\xf3\xee\x84\xc6\xd5\x98\xbf\x985\xcb\x85J6L\xad\xa2\xe9\xfd\t\x8az\xddE=*T9\xb0\x97\xd7\xe0n\x94W\xeamRi$h\xdc\xa8eE\'\x93&gt;\xb8|k\xc0&gt;h\xc3\x1e\x8c\x89B\x13\x8e\xa8\xe2\xf2I\x85x\xc8.\x8c\x88b\x94\x8c\x93=Y\x9d\x9b\'f\'4\xa2\xa3\xe1$o\xf1\xb2H=\xdb\xe2i\x92|\xd9\xd03\xf0s\x99^&gt;\xef\x00\xe4\xc3\xc1@z\x05\xc3\r^\x84\x10\xa4&gt;\x9e"\xb7\xac\\\xa5\xbb\x07GQ_\x8d\x8c\xfcj!\x1aV\x19\x04\x02\xb7\xf9Q\xa2\xe0\xb5\x89\x88\x93\xf3f\xeb\x00\\\x9d\x03\xd6\xafu\xe3\xbcd\x94q\xa6\xf110\xe6h\xe22\xb9\xea\xd9\x92\x1e\x94\x06\xcc\xb1\xc6:\x15\xc2\xfbMR\xee\xaf\xb82\xf7\xfe\xa9\xf2zF\xb5\x9e+\xa0g\xa2\xf4\x0b\xa8\xc8\xd0\x1d7\xfaItl\'\x90&lt;\x81J\xaf\xa2\xde\x02\x87\xbe\xb0\xbc:2\xb2\xca\x86Q\xcb\xde\xb7\xde1(h\xc0(t\xcf\xb5\xdb@\xddI\xe5\xc4,\xf6\xbc(W\xf9\xbf\xa6\xfe3%\xe2\x1b!\x05\xfdy\xc5\xb4\xb7\xaf\x9d\'c,\xc5VO@\x91\x00\xcfW\xdb\x90g\xb5\x8c\xc6r\x1a\xc8\xea\x04\xd1V\xc2"\xc1\x81\x7f\xa8\xba\xdd\x071.\x8f\x1d\x84+5\xaf(\xf2\x89\x19\x81\x11Y8E\x05\xdc\x99US\xdf\x1aI\xef\x9f\xbb\xdb\xc9YF\xc4\x93\xbf\xfbU\x8e9h\xb2\x89g\t\xbfl\xb6\xc3\x93v\x87\xa5\xf6\xe82\xf7 \x8466\xe73n\xb2\xa8\xe9\x99O\x88\xd9Nn\x95x(.\xf5\xd8o\x88^\xca\xb4\xf4ar\'Q@\x96\xef\x98\x0c\n\xd6\xe5\xae\x07\xda\xed\xac\x8f\xb0\x1b\xe7f\x82L\xa3\xb5\x9dN58\xe3\xb8?\xe5\x0c\xb2\x9e\xbe\x13\xfa\xedi\xaf\rZ\x1d*S\xcf\xa1\x88\x90\x87(\xb3\x89\x16\xed\x86\xba\x97{Fa&lt;\xd2g\xc5]\xe4%\x16wX\xc5*\xe3j\xca\xb7\xf0\x04j\xd2a\xb8p\xbe\x1dyLX\xbd\x95\xec\xea\xd9\xb1\xe0{\xb33A#d\x07V\xc1:\xe1P\xdeB\xf1\xbc\xe7G\x82q\x0eU@!$\xf7\'\x06\xe8\xda\xc7q\xeam\x82nl\xa5\x15~\xad\xec\x1b3\x82\xa7\x1f\x03\x01\xd3\xf5{\xc2\xe6\x9d\x90\x8240\\EU\x9c|\x03\xd4\xb9\x90\x93\xb61\xb2\x91RC\xae\xab7\x01\xb0\xa5+,\xa8\x8d\xb2\xd0\xec\xc4\xc2\xce\xfb\xaf\xdeK \xa96A\x98\xaf\xd3lT\xa3{\xcaw\xa4k!K~\xd9\x00&lt;\xb8\xc2-;\x0c\xfa\x0e\xc2%h\xc0\x9c\xf6\x9av\xa0a\'s\xb0\x90\xdae\xcd[\xdai&gt;\xe5\xf3\xa0E\xd4\x81\xe6\xde\xf7\x1e\x1e9A\xb8\xd6\xb5^\xcex\x07e\xd9t\xbc\x9f\x0f\x08\xc2\xd5\x82i\xf8[\x9e%K\n\xbbG\xb5\x91\x93\xc3\x99 \xeb\x11o\x8b4\xe9\xc3\xc4\xe1f\x01\xca\xb6\x94\xb0\xbc\x1e(\xee\x12\x16&gt;\xf0\xce(\x8a&amp;T\xab\xdb\xcb\x95!\xc0\xe1\xc1M\x93\xff\xa2\xee1\xb9\x0c\x90\xf3F\x1f#\x1bG\x0es\x15!\x8b\x14oGA\xa3\xa5@\xb2\xe5\x19\xc5\xc1N\x17Df\x85h[\xb4(4\xffb\xd4\x9ct\xc8\xb7-\x94\x0ev\xee\x05\x89f\x8e_\xfdXL\x14\x92\xb7\x91\xd5(N\xdd\x91\xbbN\x0f\xbd.\xd5q^[X*\xc8\x8a6\x9eE\xb4W\xf7\xad\xab\x10U\xc5\xdd\xbd\xb4\xfb\x88\x93\xf7D/*7\xa2\xf8\x08\xbcs`\xde\xafu\xff\xc3\x18\xf3Xge\x9b\xc5j\xfe=0^A\xff\xf9\x06\xa9\x14\xe6D\x93\xe1\xfb\x13\xbd\xf5\xa0`9F`\xb9\x17\xac\x86&gt;\x0f7\xa3Q\x02\x85\x05\xc5c\x8dm\x00I7\x10\xe7$\xe8k\xe5!\x010Kx\xd2\xab\xa9\xde\x87\xdb\xd9=\xcaI\x89\xc4f\x8av\x83\x10\xdb\x8a\xf6\xb4\x0b\xfa\xdayq\x04\xfb\xa3\xd4R\xacq\x16=v\x05\xbc\x8f\xfej\x01_\xce\xcee\x89\xc9\x85LFn\xb0]a\tA\xe2\xf5\\\x82\xe9\xc77\x98\xaa\xd8\xcc\xfa\xfb\xd3\x1d\xcf}.\xf3C\x95\xaa c\x02j\xce\xf2\x13w\x04\xd7a\x92\x08WCp\x85\x80)\x84\xe2\xa6\xdfs\xcf\x14\xab\x87\x97\x1e\x88\xacs4x\xee\x98"\x86$\xaaI\xb0\x90\x01\xc1\x85&amp;\xdb\xd3~\xc9!_\xf6\xf7E\xec\x18\x02\x10s\xef\xe5\xbd\xd7\xcd\xcfu\xbe\xb2\xab\xd5\x8f\x17\xfe\xff^zN_s\x8b\x98\xba\xa4\xd7&lt;0\xd8\xf1\x8bQ1\xa5\x19\xf1\x96\xf2\xb1\xfd\x84xu\xc22u\xd9\xb7\xaf\xe9\x8e\xd0Z\x9d21\x1c\xf8\x14{\xc6\r\xd4K\xe5\x98Lw\x81\xfc\xf9i\x84NQ\\\xea\xf1\xd1\xe8\x95\x8b\xb2\x101\x8c\x1a/\x10?\xc3h\x8a\x85\'O\x7f\x12{\x9a\xbdLK=bkPvy\xf7Cq\x9b\xfa\xb5\xc0\xb0\x1eX)\x18\'\xdf\xd5?\x99Md\x97\xc0u`\xec\x86\x08\x07]P\x86\x1d\xe7.\x8e[vL\xa1PXRj\x07\x92\xd7\xb7\xf9\x8a\xfa\x91\xbb\xf6W\x7f\xfa\xe0\xeb\x9fYI\xb7~f\xae\x1ekt\r\x16\xf81\xba\xa8\xfb,FE\x9d\xbf+v[\'\x16hpV\x8f"m\xe7=f\xfdN\x91Lt\x04\xd0\xcbz\xf8P5\xa9\x8e9a\xaeQ\xcf7,8\xbbm\xf0\xd9\x043\xb5\xfa\xffB\xeb\xc1Jx\xbc\xab\xf1\x9c\x96\x11\xc34\xeaP\xb5s\xb5\xfar\x8d\x96\xa3\xed\xd6\xd2`\xce\xe4\xca&gt;*\xacd\xc6\xa6\x03V\x17\xfd\x9f\x9a\xb0W\xac\x96n\xa8\x928\xfe\x949e?\xf6\xec6p\x83Le\xd7\x1f\x07\xa5\x02K\x9dZ\xcc\x9ehH\xb9\x7f9F\xd1L\x88\xd4\xd9\xc7\xc0(\x13\xe6\x1e_\xca\xcd\xf36&amp;\x07\xf4\x82&lt;\xc7J\x84\x90\xcc*1\xe5\xd54\xe8\x9c\xdd\xce@8s\x0b[\xc9K\x9d\xdf\xf3\x0cRI4\x1d\x86r\xc3\xfa\x87\xa8\xf6N\xfe\xae\xfe\x0f\x00Q\x1e\xe3\x004\x9f\xf3|y\xe5\xddz\x13*\x82\xc6f\xaf\xab\xbbl\xd5\xff@\xe74E\xf5\x95\x18 C\x04\xd4em"u\xaaz\xdb\x04\x84\xa7\xbd\x02n~Bp\xa0\xe5c&lt;\xe8\x9ea5%\xe9+:\x9d\xdb\x98\x10\xfb\xf2|\x01F\xfe\x88\xdd\xe9\xdf\n.\x87z\x9f\xd5\xc0\xbe\xf2Y\x8f\x01!\x03\xfc{\xe8I\r\xff\x80~kj(m\xf2\xe3\xa0xr_l\x9d\x07\x0f\xec\x11O\xda\x13\x0c\xcdZ\xfb\xb9V#\x17\xdc=\xe5\xdf\xd5\xb1\xff\xca;&gt;\x9ea\xfcN\xac\\EiY\x01\xd7N\x82\xc7\xb1\x89\xca\xf0\x94\xaf~\xc6\xd5\xe3\x85\xc1\xf73\x07i3;\x13\x1a\xd1;D\xd6\x87\xc6\x07\x96\x94\x9eTk\xf1\xa8\x02\x85:\xd1y\xe9\xdf_\xb9\x97Ax^E?Q\x04$\xb5\x1f\xd1\xb5 x\xc4p\x80\x0b\xf4\x1d\x07_\x11(E\x1c4fMW\xe8\xabW0\xc1!\x0c&lt;\xd4\xcdc\xac\xb8\xfeh&lt;\xe35\x92Y\xadi$\x06\xc0\x8f\xf2Y\xd83b\x9b\x00\xf6\x07o\xa9\tO\xb8\xde\x93=\x82+yB\xb2\x94\x8c\x88\xb7\x1b\xee\xe1\xf3\xfd\xc1\xf2\xa8\xbbU\x0f\x93Lo!x.\xceA\x99\xd7\x17cf\x9dd\xea_\xa3\xd7Tn\x17-\xff.\xcf\xddQ\x9f?OEd\xb8\xd1\x01n\xef\xd9;h`\xb4 \xf0\xc5Ox\x91$j\xf4\x14\x12K\xea\x8f\xcb\xe5\xf3\xac\xe6\x05*\xf8\xf6\x0e\xa9\xb3R-\xabnN#h\xa3\xe0\xf6wJ\xe1\x9bz"\xe5_`\x1bZ\r\x9b)K\xbd\x07\xcc\xee*u;\x99\x855 \x838\x19h'</t>
  </si>
  <si>
    <t>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</t>
  </si>
  <si>
    <t>b'a\xaa\x8d\x14V\t[\x83\xcf\xdd&gt;PL\x8c]\x8f'</t>
  </si>
  <si>
    <t>is the same
 11.2 Point Charges
  487
  whether the particle is accelerating or decelerating; it only depends on the square
  of a, and is concentrated in the forward direction (with respect to the velocity) in
  either case. When a high speed electron hits a metal target it rapidly decelerates,
  giving off what is called bremsstrahlung, or â€œbraking radiation.â€ What I have
  described in this example is essentially the classical theory of bremsstrahlung.
  Problem 11.12 An electron is released from rest and falls under the influence of
  gravity. In the first centimeter, what fraction of the potential energy lost is radiated
  away?
  Problem 11.13 A positive charge q is fired head-on at a distant positive charge
  Q (which is held stationary), with an initial velocity v0. It comes in, decelerates
  to v = 0, and returns out to infinity. What fraction of its initial energy (1
  2
  mv2
  0) is
  radiated away? Assume v0 
 c, and that you can safely ignore the effect of radiative
  losses on the motion of the particle. [Answer: (16/45)(q/Q)(v0/c)3.]
  Problem 11.14 In Bohrâ€™s theory of hydrogen, the electron in its ground state was
  supposed to travel in a circle of radius 5 Ã— 10âˆ’11m, held in orbit by the Coulomb
  attraction of the proton. According to classical electrodynamics, this electron should
  radiate, and hence spiral in to the nucleus. Show that v 
 c for most of the trip
  (so you can use the Larmor formula), and calculate the lifespan of Bohrâ€™s atom.
  (Assume each revolution is essentially circular.)
  âˆš
  Problem 11.15 Find the angle Î¸max at which the maximum radiation is emitted, in
  Ex. 11.3 (Fig. 1</t>
  </si>
  <si>
    <t>b'\xe6&lt;\x0c\x98\xc1r5\xa2\x1bK\xa0\x1b\xe4\x8b\xbf\xc2m+\x05u\x04\xa6q\xdbO\xa4?F\xc8\x86QO'</t>
  </si>
  <si>
    <t>e63c0c98c17235a21b4ba01be48bbfc26d2b057504a671db4fa43f46c886514f</t>
  </si>
  <si>
    <t>b'\xe6&lt;\x0c\x98\xc1r5\xa2\x1bK\xa0\x1b\xe4\x8b\xbf\xc2'</t>
  </si>
  <si>
    <t>istian self-mortifying holy men, who would
easily outdo even Philoâ€™s frugal philosophers, is amazing indeed. In the mid-fourth
century the exiled bishop of Alexandria offered to Christians in Rome his story of the
life of Antony, an illiterate Egyptian peasant who spent decades in the desert fasting
and fighting with â€˜â€˜demons,â€™â€™ who was so edified by his experiences that, upon
returning to human company, he could defeat in arguments the best of Greek
philosophers, and whose life offered a new model for sainthood. Perhaps all the
more for its patently fictional character, this literary genre was a success, and it was
widely imitated. The public could read about holy men who lived for years on
nothing but five dates a day and muddy water; others lived on grass, others again
stood motionless, without support or sustenance, on the top of columns. There were
female ascetics too, according to John Chrysostom:
who even at a tender age go without food, sleep and drink, mortifying their bodies,
crucifying their flesh, sleeping on the ground, wearing sackcloth, locked in narrow cells
sprinkling themselves with ashes and wearing chains. (De studio praesentium 3 Â¼ PG
63.488)
How terrified should the common folk be if all these innocents who left the world
with its temptations still lived in fear. â€˜â€˜If it were possible that one should die of fear,
the whole world would die of terror,â€™â€™ teach the Desert Fathers; â€˜â€˜what a sight, to see
the heavens open and God revealed in anger and wrath . . . We must weep without
ceasing . . . â€™â€™ (Apophth. Patr. 4, 9).
What could have motivated the literature of this dire self-abuse and privation? The
stories of ascetics and desert heroes were most likely created for the wealthy Christians in the cities who read books. To hold up an image of the desert-dwelling solitary
who had no needs, not even for the most basic sustenance, was the new Christian way
to warn against private greed and avarice. Jerome addresses his reader whom he
expects to be a wealthy person:
Let me ask those . . . who clothe their homes with marble, who string on a single thread
the cost of villas, what did this destitute old man ever lack?. . . But paradise awaits that
poor wretch, while hell will seize as its own you golden people. (V.Paul 17)
But the intention was more than just to embarrass the rich, the aim was to instil guilt
and fear of damnation in a Christian flock who, according to John Chrysostom, were
often unwill</t>
  </si>
  <si>
    <t>b'\xc0\xf0\x172\x85{)\x7f\xad\xd5\xf4D\r\xe2C\xca\x92\x19\xfd\xa1I\x1a\xd0\xb1\x81\xcb\x81-\xc0\x11\xfe\xff\x948D\xe3y\\\xbc\xcc\xb3%F?\xc8\xb4y\x1a\xf7&amp;|\xda\x953\xcf\xf4\xc3L\xf2\x9a\xf3k\xf6\xd4\r)\x19N\x16\x16]H\x0eb\xf3B\x07\xa9F\x0f\x12\x97\\4i[\x0f1P\xac\x82}=\xef&lt;+&lt;\xe3\x98\x15\xc9jR`m\xba\x17\x80\xb9\x0e\x82\xd9x=\x08\xb3\xfb\xe2U\xe8T\x03\x82yR\x1c`\xe0\'\x8c\xf1\xae\xb2\x1d\xb3\x96\xa1\xccJ\x84%\x133\x9bw\x10\xe9\x9d\xe1\xd4v\xbbhI\x1a\xf1}\x98\xa4\xca\xb2\xe2\x8e\xba\x9f\xa6\x8f\x8a\xe7m\x03\x00u\xd6\x8e\xb0\x0b \xe0\xc4\xdc\x0fn\xfeS\x8e\x1d]\x85\x01\xf8\x7fv\x98\xe0\x11\xd5S4aB\'\xce%&amp;d\x03+\xa5n\xae\x17\x07\x00\xc2+\xc0\x06l\xe9\xe0\xf1tr\xed\x88j?i\xc1G\x07\xc1Z\xc2\x08\xbe\x06\xe2fBF8\xf5\x95eMd\xd6\x80\x8c|\x9dH\xa8\xb7\xea\xb3\x8d7\x87\xf0\x12TgI\xcfI\xaaG~\xd1\x04\x92\x1ci\x8a_\xee\x8dtM\xac\x95\xda\xe1ug\xb4n\xdagTUh\xc0\xfc\xc0R\x89&amp;\xdb\xa5;\xcc\x1f}K\x18\xa8\x04\xa8v\x93\x9b!\xd5\xc3LI\x8d\xa9BO6\xf0\t\x14X\x9b\x08o@%K[\xb9k(\xb2C\xa0h\xbct\xff\x0cc\xc6\x10\x10m\xdb$\xcc\xa3\xee\xd8\xb5\x9a\x81\x10\x05\xe2D\xe5\xcc#\x1d\xe9\xcf\x9dO\x0f\xdc\xd8\x128\x14Mc\xc9=\x8e\xf4\x92o\xf2T\xfdz\xf2\xb3\xee\xd5\x95[T\x19\xcdD\x87/\xc5\xf7\xf5\xda;\xb2\xe6V\x13qva\xd6%M\x9d\xf5\x19\xf3\x10\x9e\xcd=?\x18\xe9Kv\x9eaY\x95qk]\xdf^K2f8\xc1\xc2\x89\xf4\x0cdU\xcf\x14:\x8f\xc4\xb14\xb5\x9c\xc6\x15+\n\x8b\x03\xefE\xa4\xb3t\x82+F\x8e4\xb7\x86\xa6]\xc3\xd6\xd7\x95\x91\x9e)hBx\x0b\x1d\x7f\x99\x8b\x0f\rB\x13\xdd\x99Q\xc2Hu\xd8F\x11\xee\xec\x1c\xe6$\xec\x85\xae\x8cn\x97\x0e\xb0\x9d\xfd\xa3\xf2l\x87\x89\xa5\xb3\x0c\xe4&lt;\'oc\xa9\\\xdf[\xcd.\x08\x92Z\xefa\xde$dtx\xb5\xc3g\xe4D:\xc6~\xf5Her5\xc4\x9a_6\xe8\x89\xc9\xf3\x99?\xa4\xdb\xfdZI\x95\xa1\xf9&lt;\xbb\xdeU\xfe\xce\xed\x98\x16\xa7bx\xed\xe9\xa9~ M\x1c~v\x91\x15y\xa5\xb1/\x8a=\xf2;\xd0k\xff\xf5uC\xc6:B\xfav~\xba\xd25tZ\xb8\x08\x80\x99\x0f[\xe6\xea\xa1\xb4\xb6\xd5\xcc\xe5\xb4\x80]\xa3\x08\xb1\xedn\x9cMW\xc7\xc3\x8d\xe3\x11\x8fY\xcc\x07\xe7\x16C\x1f\xc1\x95\x9a\x1b\xe3\x1fG}\xfcV\xba\x1dT\x94tf\x9eN\x9f&amp;v\x14\x9f\x1fhm2 ~j\x0b\xe21;\x1aP\xd7!\x81I/@\x83_\x94%\xf7\xb9\x9d\xcc\xe8\xfb\x88e,&lt;2\x8aK?I\xce\xadjv\xc3\t_\xe4\n\x06\x03\x1f\xdd5.mY\xc8\xa6zz\xa2\x82T}\xef&amp;Q\xeawu\xb4\xd8n\x83\xb4/\xd8B[Z\x13J\xd1f=j\xa5\xaf\xf1u\xdf\x0b\x04\xcc\x89\x81\xd1\xffw\x0c?\x17\xf2\n\x13\xee\x0e\xa2l\x1dD6\xb9N0\x8b\xce^Si\xe5A\xcb\x82\x93L\xac\xd3\xec\x9f}\xff\x8bCT@/\x11\x9e\xfas\xf1Y\xc9X\x03147pIpf\x97\xe6\xfe\xf29\xa6\xfc\xa9\xdb\x85\xc9?\xfb\xebKW%Im\xebOx\x7f\xe2=e)\xc0:\xe2\xf8`!g\xa5\x88\xa2\x9b\x9bX/\n\x8c`\xfb\x90\xf8\xd8z\x8fee\xc8\xf4\xec\xfe\xaf=\xdbU?\xdb\nT\xa0\x8bJ\xf4xEo\xd523g\xc1\xe9qx@\x13V\xbe;\xea\xc6\x9d\xd4\xf9\xb1\xff&amp;&lt;\xa1\x8a\x96x\xd9\xcf\xd9n&lt;\xd6\xb0Sb#\xf6\xceM\x16\xcf\xfe\xa5VR3\xba$\xc8.+\x00\xd8\xee\xe3\x94\xc8#\x84\xba\x95u]]g=\x00\xbc\x18EP\xa4\xe7^/\xeb\xd4\x0f\xb4V.\xcbP\x89;\xfe]w\xa5\xe7\x06\xdd\xd3R\xef\xa9\xf0\x02\xff\x0c\xcc\xd7\xf7\xd8\x05S\x84\xf9{\xcd\xac\xd0\xef\xd5\x14\xefk}";J\x80\xeaT\xd4\xd7\xa3g\x12\x9b4U` 7\xe52\xf2\xcb\x01\xb4\xb9\xf7\x1f\xe0\xdeJ\x93\xbe\xdc\xa62T\x8d\x83\xc7\xc8\xe5\x8d\x8c\xa5\xeb\x98\x00\xa1\x9b\xabx\xb4\xf4\x9b"B*R\xff8-dE\x97\xec\xe3\x07\xe7nXL0\x12\xe9\xe9\xd5\xa1\xb3\xba\xa6\xdf\x9eP\\\xe2\xc2wX\xed/\xc36aK\xf2k|s\x81\xe4\x03\x08a \xa8l\xcb*n\x1f\x01\xa3\x85\xf0\x8a\xb7\r\xf8\x9bR\xd2^`[z\xd7Z\xae\xe5\x88\xb7o\xca\x8f\xa7\xbfv\x84\x8a\x184?h\xb3#\xf3\xaa\x8b\xa0\x19\xbc7fw#\x1c\x85\x1e\xfb\x0e$\x160\x91\x865@\xe1\'\xb1?\x0f\x97\x97\xf4\xa7u|J\x9bJ\xd6A?)\xb7Jy\xe0\xb4\x82pv!1F\xee\r\xfau\x94\x98\xb0\xfeG}\xa4\xda\x03INj\x90@K\x88x\xbaP\x18i\xa7\x9b\xa8\x08\x11\xbdf\x9c\x8d!\x1f\rd\x00\xfd\xc5\x99\x92\xda\xfeD\xb6\x06T\xaf\xae\xde^\xf5\xb2\x83\x12\xdd&gt;\x143\x18\x11\x83YA\xc3\xefHMn\xbf\x1d\xbb!\x94\xe9\xccn\x11\xd0_\xb6\xed.\x073V\xae\xef\xc6bE\xc0\x16\x7f\xb79g\xe5PZ\xd6"\xceZ\xfa7\x01q\x08G\xc3_\xf4\xba\xdd\x89\x01\xee\x97\xa9!\xf2\xff\x1c\xf2\x06\xd6\xb1\x19\xe2PXq\xe5\x1e8;\xa8Yu\xa3`\xb0M1\xa2\x94p-`\x03\xbe|\xc05\xbe\xc54\x17\xe5\xe4;\xe41)\xd9\x02\xb5t\xedv`q\xda\x88\x00-\xfb\x8a\x14S1\xe8\xff\xd0{\xf8w\xe8\x11\xe3\xfb\x12\xe3R\\K\xebK\x0c\x1ef\xb5(S0ml\xe1W\xf8&lt;\x01rJ\x97ex\x934cG\xe9R\xbb^`\xcd\xb0Nx\x0c\x0cG6!\r\xdaA\xd3\xed\xb9\xf6\xc6\x82no\xa7\xed\xa9\x80~\xed\x07\xc9\xe0\xf5\x03\'-q6\xb0\xab)\x9c\xed\xb8\xa3[L\xd3\xb9\xedA\xbb\xac\xa5\xa4\x94P\xcbH\xb51\x7f\xa4)\x18\xb3Zl\xbc?1\x1du\xac{\xf8\xc5\xf4L*\x95\xf0\xd4\xf9\x7f\x1ej(\x18U1\xaf\'l}4Xu\xa8\xa1O\x82Y\xa8\xb6]"BT\xc5\x02\xa9N\x85\xa6-\xd5N\xd2{\xd4v]d\xc6l\x9c#\xf8\x0c\xa3\xd5_\xd4\x16\xa2\x8a2j&gt;\xbd\xc3Uj?\x8f\xaf\rQ;\xf0\xeb\t\x97Q2+.\x99\x02\xa65B\xf1\x97\x10v&lt;\x06\xc9SMN\xc3Z\xe5X\xaeE\x82\xe5\xae\xc3qDU,\t\xcb|m\x02+\x80&amp;b\x89\xfef\xa6\xc7\x1f\x8e\xf4\xa7v95\x90\xa4\xe5{\x8b\xce\xfb\x88\xd9"\xa5s\xa4H\x1b\xf5\xb8\xac\xb5\xed\xfe\xb7\x84C\x18\n \xe0Q\xba;!\x13\xe6\x1a$\xf9\n\xe5\x9d+\xe1N\xf7B[P\xa1\x00\xcb;FvS\xc7[\xcbY\xa7\x80\x0b:\x89\xe7\xfbA\x08\xd2\x19\xda`\xd0\xb72\xce\xd4s\x16\x88\x89\xb9[r\x9eGw\x98\xcb\xb6KO\xef\x07o\xb2\xc6\xce\x92\xf8\x9em\xd1J\x0cY\xe9\xe4\xeb\x93\xc3\xf7&lt;\x99\x83\xecJ\xe2\x86\x93\xab\xae7\xca\xaaZ\xe7=F\x0eZ\x9c\x83\xe8\xc8\xd3\xbe\xe1\tD\x89\xed\nC\xb2\x8b2\x82\xde\xa3xt\xd9o\x0e^\xe1\xa8\xd9U]\x05\xbfp\xbc-\xacC\xc1I\xd8\x98\xce\x8fn\x16\x10\xd32\xc0\xbd\xa7aY\xd6O\x8f\xd5\xcd\x13\xa7\x15\xba\xff\xa8\xf5\xd78*U\xf4q\xd7?\xd7&lt;:\x89D\xa3\x93c\xcf\x85\xe4f\xa6\xeb\x17;%\x83\xd9\x90l\xfc\x0fU\xecT\xd6@\x8aRp\xab\xeb\xe6\x95h\x8f\xd2\xdb\x11\xcaa\x17\xc10\xf2\x9bTTua[\xbey6\xdag\xcd\x0c\xd6\xeb\xe1\x83\x03\xd3~\xaefNb,\x05@Pk\xda\xa9\x84\x0b\x94\x1e\x17\xfc\x0e,&gt;O\x06\xcd?\x840\x92\x86\x99S&amp;`\xd6\x92\xca\x01\x1b\xd8yS\t\xbf\xf9`iEh7\xe7M\t\xdf\xf1H\xbfd\x07$\xd4\xabz\xb9\x97\xec\'\xc8\xc3G\xb2\x03\xd3\x11^\x82q\x0f\x89\x82N\xa4\xd7\xc8R\x02\xfa\xe9\x01\x9a\xa36\x0e\x0f\xdc$m\xf2\xf0\xda\x8a\'|\x04\\\xba\x87\x85\x0c[\xa8$\xc1\x88\x81\x15\xa3\xe2\xcd\xa3\x08J\xcb\x9b\xdf\xeb/\x93\x1f%\r2\x87\x82\x9c\xa3\x93\xc6\x13\xd5\x8cn\xb6&amp;\x15H\xa0\x98\xc0\xa8\xf7\xb1\x99V\xb0)\x9d\xbb\xe7W\x948}l\xd5\r\xf4\xe4D\xba7\x90\xc0BG\xb3\xe7\xc2D\x04\xaa\xc3 \xf6\x9e\xd6{\x80\x04\xec\xe3\xdeep\x0b\xe5+\xec\x16\xa0\xbbq ^\xb2Q-\x85\xea\xc2]\'\x87\xa7\x17"\'\xdb\xee\x16\x9bA\xb82zJ;\xfa\xf4G6#G\x89\xfd2\xfaK~D=\x07\x981\xbd;f\x9b\xd1\xe3R\xcb10\xa6\xd0;\r\x82\xa6\xa8`;W\x18\x1a\x1ey\x1a\xb5\x8e\xef\xcc\x96\x10l\x8b~\xbc\xb2\xa1E\xdf\x8b\x9d\x01d\xf8\xaeX\x1c3\x82\x16\x85\xeeY\x97b\x98\x85\xf9\x8d\xbb\xbb\x87\xa6\xeb\x01\x83\x80\xa37\xb2\xc6`\xc6\xf8\xfb+VjG\xae\x05\xd69\x10k$\xb1\xad\xae\xae\x99\xabr\x17\xe8XAx\x9f\xb8N\x87.\x17u\xaf\x00\xd1\xde\xbf\xe0\x9b\xf5\x1c/\xfcX\xc5\xf0}E\nt\xd4\x01m\x19\x9a\xebA\x1d\xbf=\xc3\xed\x13\n\x9a\xa7\x97\x9f+h~\xd30\x1c\xc8N\xa8\x96\xb5i\x0c3\xe9\x1el\x93H\xc7\x9c\xd8/\xd3\xe1\x10}\xa3d\r\x1d\xac\x99\xac\x8c\xdf#\x1c\xf03a&amp;\xb0%\xd2\xf2\xe6#\xeb7\xc5\x1f\xb0\t\xdcs\x83\xf4\xfe\x83\x9a\xcej\xdb\x86D\xe0\xd8li\xac\xdcw&gt;\xb5\x01l\x19\xaa\xb1O\x19d\xf6\xa5\xb4\xe32OpSA\x9b\xb7\xf4\xb2\xa1ag\x02=\xfbN\t\xbc\x9b3\x07:\xe9 \x93\x8f\xe1\x9f\xfd&amp;\xf9\x02#N\x16\x00Z\xea?\\\x9f9\xa3\xad.v\xd1`\xa5/\xa9\x16\x12Z\xfa\x8e\xda\x0c\xd7_z&amp;\xe4\xfd\x8c8\xc5R"k\xea\x08\x88\r;~\xab\x07\xce\xb1\xaa\xbf\xb2\xbdL\x08\xbf\xe0m\xaa&lt;\x14\x96=\xc1]q\n\x8dL\x9f\xbf\xe6\xf0\x02\x90\x84{B\xdf\xb0'</t>
  </si>
  <si>
    <t>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</t>
  </si>
  <si>
    <t>b'\xc0\xf0\x172\x85{)\x7f\xad\xd5\xf4D\r\xe2C\xca'</t>
  </si>
  <si>
    <t>y interesting. I never knew so much
 about a whiting before.â€
 â€œI can tell you more than that, if you like,â€ said the Gryphon. â€œDo you
 know why itâ€™s called a whiting?â€
 â€œI never thought about it,â€ said Alice. â€œWhy?â€
 â€œIt does the boots and shoes,â€ the Gryphon replied very solemnly.
 Alice was thoroughly puzzled. â€œDoes the boots and shoes!â€ she repeated
 in a wondering tone.
 â€œWhy, what are your shoes done with?â€ said the Gryphon. â€œI mean, what
 makes them so shiny?â€
 Alice looked down at them, and considered a little before she gave her
 answer. â€œTheyâ€™re done with blacking, I believe.â€
 â€œBoots and shoes under the sea,â€ the Gryphon went on in a deep voice,
 â€œare done with a whiting. Now you know.â€
 â€œAnd what are they made of?â€ Alice asked in a tone of great curiosity.
 â€œSoles and eels, of course,â€ the Gryphon replied rather impatiently:
 â€œany shrimp could have told you that.â€
 â€œIf Iâ€™d been the whiting,â€ said Alice, whose thoughts were still running
 on the song, â€œIâ€™d have said to the porpoise, â€˜Keep back, please: we donâ€™t
 want you with us!â€™â€
 â€œThey were obliged to have him with them,â€ the Mock Turtle said: â€œno
 wise fish would go anywhere without a porpoise.â€
 â€œWouldnâ€™t it really?â€ said Alice in a tone of great surprise.
 â€œOf course not,â€ said the Mock Turtle: â€œwhy, if a fish came to me, and
 told me he was going a journey, I should say â€˜With what porpoise?â€™â€
 â€œDonâ€™t you mean â€˜purposeâ€™?â€ said Alice.
 â€œI mean what I say,â€ the Mock Turtle replied in an offended tone. And
 the Gryphon added â€œCome, letâ€™s hear some of your adventures.â€
 â€œI could tell you my adventuresâ€”beginning from this morning,â€ said
 Alice a little timidly: â€œbut itâ€™s no use going back to yesterday, because I
 was a different person then.â€
 â€œExplain all that,â€ said the Mock Turtle.
 â€œNo, no! The adventures first,â€ said the Gryphon in an impatient tone:
 â€œexplanations take such a dreadful time.â€
 So Alice began telling them her adventures from the time when she first
 saw the White Rabbit. She was a little nervous about it just at first, the two
 creatures got so close to her, one on each side, and opened their eyes and
 mouths so very wide, but she gained courage as she went on. Her listeners
 were perfectly quiet till she got to the part about her repeating â€œYou are
 old, Father William,â€ to the Caterpillar, and the words all coming
 different, and then the Mock Turtle drew a long breath, and said â€œThatâ€™s
 very curious.â€
 â€œItâ€™s all about as curious as it can be,â€ said the Gryphon.
 â€œIt all came different!â€ the Mock Turtle repeated thoughtfully. â€œI should
 like to hear her try and repeat something now. Tell her to begin.â€ He
 looked at the Gryphon as if he thought it had some kind of au</t>
  </si>
  <si>
    <t>b'\xf5\xf3e\xe45\xfe\x0c\x15\x0f\xe7\xa6\xc6\xc53\xa0\xf0BV,\xa6\xd3\x16^BoI\xe1\x98\x92\xe0xt\'y\x07\x8a\xe7X\x16q\xb0\xa0\x9cl\x96_\x92\xbb\x1c\xab\x94D\x8cw}\xcb\xc43\x9c\xf6\xd4\x1cL:6\x1c#\x145\x12\xa9O\xb6\xc3\xf4\xd0\xcd\x0e\xf6 \xa2E\x8e$\x9d\xdb\x06BFE\x85\xfd\xf9\xd8z\x02\xb7\n$X\x90W\x88\xb7\x9a\x16\xb1\xc7P0\t\xd5\xa5\x03\x9fE/}\x0b/8\x9b\xde\xc9\xe3\x06j\xb1\x8a\xe3\xa6Y[\xa7C\xdagz\xdc\xab3Kk\t!\x0b?\xa59\x91Q\x9c\xa8J\x16I+i\x1d\xd7\x86-\xd3\xa1\x87`\x81\xeb\xcd\xb0X\xcfN\xf8\xb4\x14\xc9E\xec\x9a;\xd2\xe4\xb4p@\xbcM\x9dBa#\xd4G\xa27}\x08\x17\x9a$\x9fs\x97\x1a\x99S\x1c\xceP\xade\x85k2.\x92\xa7R\x08\xe4\xb8Ji\x1d\xe4nZ\x1f\xf8\x1a\xb5\x98E]\x06\x82\xbc\xa3\x12\xab\xe23\x0f\x7fk\xcd\xbb\x88 9\xbc\xd9fp\xba\x8e\xa1hb?\x94E+}\xbc\xd7\x8b\x177\xce\x9fW3\nDL\xc7\xd6b\xc7\xca\x8c\xd7\x07\x98\xa8\x8e\xe5\xc6\x04\xde \xdc\x1a\x87\xb0.\xef\xf9=\x8b\xa8\x86d\xe2\x93\x85Oi\xab\xd4\x91\x87V;i\xa0)\x14nu\xe4\',\x1d\x8b\t\x01\xbd\xdb\x93\x8f\x82\x08~\x98\xe1\xc9\xc3\xf1\xe9\x00\xb9"\xfe4_\xcbMk\teIA\xd6\n\x8ev\xd6R\r\xdaB{\xc8Q\'z\x84\xca:V\x06\xc7&lt;\xa6\x16B\xf3C\xf1\xbb%h\xa0\xf7\x93\r\xe0Y]\x95\x0b\xe8T&lt;\xcf\x98\xd7\x95$Y*\xae\x94\x977Bb\xcf\xb7\xaa\xfc\x85n?\np\x8b*\x94\xe4\xa58F\x12\x9f\x13\xf1k6\xeb\xa4!H \x18cf\x96e\xbaV$)\x02_\x18\xf6\xc4\xb4\xb7w\x04\xafS^A\x01\xbb\xf7]\x106O6Fv\xac\x8c\xba\x93\xb0\xec\x7fT\x85;\x94n\x97o\x08\xb7F\x99\xd5\x8f\x89}=+b=\xfe\xef\xd6Q\xb5\xf4\xef\xecf\xa7\xab\x13\xbd\xa5\xbd\xd5\x7fQ\xeay\xfb&lt;&gt;\x0e\'\xe0\x00\xfe@J\x1b\xb8 \xf1\x81V%R\xe6\x89\x83K\xca\x0bDI\x02F\xa18o\x11\xcc\xeb\x7f\xf8\xd3I\xe4=\xfe\x89TW\xc10o\xeaS\xa7\x89\xe2"\xdb\x89.v@\xb8\xf6\xc5~\'C\xc8\xfd8\xc8\xe0[/\x07\x0b\x1e\xd6\xe1\'~u\x8c\xde\x97\x05\xffS\xde.A[\x95\x18\xef4\xb1\xb88e\x89\xf6L\xbf\x10\x83\xb4\x16[\xb8\xfc\xf2\xe8mv\xfa\x04\x07\xf8FOF\xbb\xba0\xd3\xe8\xe6\x85\x9bO\xa7\xcfT\x08\xb4(t\x8e\x9f\x1e\xbd\xcd\x14g\x1c\x05\xb0\xe6Y\xc8gO\'a\xc1\x81\xbc\xb6\xf7&lt;Oi\x16\xc5\xef"\x90qA\xf3d\x84\xcfGa\xed\x91\xff\xf3N\xa6\xf9\x8aC+\xe8\xb2U@\xcdu\x07\x18\xab\'\x0bs%\xd6\xa1\xc8\x1e\x00\xd1r\xe5*T\xfc\xc5\xf3\xad\x9c\xac\xa7\xe4#&lt;M\x07\x1f\xc0\xe5\xea\xb0\xf3E1[\x07\x15\xce\x82ri&gt;\x0f\x9c\xf8\xcfox\xac\r!\x17\xe72}gY\xc8\x9e\xfd:\x1c\xd0a\xc0\xae\xf3y\xa2&lt;]\xc3\x98\x8eR\xe1G\x03\xd6x-\x92\\id\xdc\x011O\x94\xf3\xf8\xaf\xff\xf2v2\x04\n\x92\xf4\xfe\x7fB\xd9f\xd0n\x90\x08\x0f\xc7\xd0\x81P\xd0\x11==V\xb24!\x9aGp*\x84Q\xc8e\x9aI\xbf\xfb\x08ut}8\x83y\xea\xb0p\xc5P\xba\x92$\x1c\x7f\\k\xa8Mc\x1a\xc4\xb1\x91\xb9c\xab?KHd\x1c&lt;\x7f\xfav0Od\x18\xf7\xc2Ig\x91"p\xbdlo\xd7\x92\xae\xbd*\xb3\xdc\xe6\x98B\xa4\xcaF\x8e\xa6\xca\xe5lj\x08\xbd\xcfGQ\xa5\xd2\xb3\x82j\x85\x94\xc5\x0b\x90\x99\xfe\x8cse\xbcx=\x9d)E\x0fw\xf1\xc2"\xb7\xe3\xc3\x0b\x10\x90\x8ef*VQ;\xa0\xc0\xaf\xeeb\x9d\x9cX\x1c\x19\xed{\x05\x7f]\xc9\xd8O\xae\xfaqW\x8b\xf3\xae\xccV)\r\xe0f"\nI\xc0\xd6\xbf\x90Z\x8c\xab\x13&amp;\xd0\xcdcM\xdf\x04\xd9\x06\xbf\xbf\x9f\x00\r\xcd\x8dI\rs/\xb8\xcc\x00\x1d\x81/\x0c\xfc\x02\xda\xb6\x06\xa3\xb0\xae\xb7n\x9fn\xf1+4\xf6e\xd4v\xfd*\xc6\xa1b\nM\xa8\x05q\x06\x9aM\x19\x07n\x03\xa1\xe9fra9\xe5\x00R\xdb\xcdy\xc0j\xb0\xc6\xdcYIT\x07[\xa0S\n\x1fg\x02\xd7\xa3d\xb56\xca\x0c\xc4YK\xdc\xeaJ\x93*\x0c\xdc\xec(v\xcal\x07\xb2\x12Yq\xef:\x92b\x96\x0f\xb7\x13\xff\x05\xeb\xa7M\xf7OA\x93D\xad\xe0\x9e\x95\\7\xce\xa9H\xadT\xcc\xc5\x03\x80\xf4\xd9Q\xe2b\x8d\x80\xd5\x80\x11\x92x\xa2R\xe6iS\x06&gt;\\\xe6at;\xdc-\xbd$\xf8\xeb\x86?uo\xb9y\xdf\x9e\xee\xb6N\xba\xcc\xf8-\x12\xf1\xed;8\xfes\xa6]\x19\xd1\xa2!YYcX\xbe\xce\x97\x95.TW\x95u)\xe5\x98W\xc5\xfd\xd6`\xcd,\x11\x89\x1c\x80\xdeh\x9fy\x02\xe65\x1fD\xa3\xb9\x18u\xa4\xf3\x8d\x90\x95\x10\x8f\nO\xf4\x88Y\x18\xf0\xb87\xdf\xc5\x9e1\xcc\xe6\xe5e\x1e\xda\x82\xe1\xa1&amp;\xc6{\xedDC\x98\x9a\x00\xd0\x91\xd7)\xdehy\xbe\xe8FA\x18\x8f\xb6NB,\x0cE;N]\xc9\xd6\xc4\xf4-\x7f\xd7N\xfb=c\xe5\xc1~8\x86\xf0\xb7\x8c\x1e\xc2\xc7\xe1\x83m\xaf\x90&lt;\xc0\xcbaz\x16\xf83\xd3\x96\x91@b\xcc\x81\',"\xdb\x82\xdd\x1cF\xf1\x03\x1b\xebBk)\x9ew\x03\xe3\x084\xd2\xe2v\xb6\xe6\xc8\x10\xa5\x0e\xd8\x86\xe8\x9c\'\xf7\xb0\xb2\xc3\xbd\x03\xec\n\x957\xe1S\xfflj+\xdd\x9fs\x95\x0e\xa5\xd4\xc3\x18w\x9e\r\x1d\xcc\x14 M\x12\x0e%\xbc\xa6=n\xdal\xd9j.\x86\x03\x80R\xef\xac&amp;\x0c`i\xb1\x8a#B|el\xee\xac\xe1\xa9%O\xac\xf3\x0c5\x85\xef\xfd\\\x9e\xf3n\xfd\x17|\x85u\x0f\x9ay\xd5\xcf\x10B\xc7\xa6\xe8f\xf7alY\xed\x9e\xf4N"\xae\x03\xcb[\xea\x1f\x86a\xb6\xbea\x19QS\xddTv\x05\xea\xa2LY\xc7\xb8\x10\xd4A\xeb\xe4S\xae!\xc0\xe6&lt;\x93B\x9b!\xf4\x0e#\x9a\xd7\xe9\xddx\x82\x9e\\\xbb\x9e\xaa\xed\xf5#9\xadW\xdd\xf3&lt;P\xd9\xb4`lCg"\xb4\x1fC3\x88x\xfa\xc5\xd0\xc4\x94\xa7\x99N\xb5\x13\x8e;\x8b\x98\xa7\xdb\xeeA\'G\x10l\xeb)\xe0\xca\xba\x95\xd0\xd0\x15\xcaw\xed\x9fn\xa8\x06\x96\xcc\xc4q\xcf\xe2\xc1g1{P\xa8a\xf3\x0e)4\x8e\xf2\x1ddA\xcb\x16lc21C}V\xa74\xd3`\x03\x85Z]f;Zp\xaf\xbb\x17;a\x8d\x9e\xea\xfd(\x99\xa1\xc6}9-\xfa\xfdg\xa1\x83S\x98\xe4\x98\x9ai/\xb6\x9e\x1d\x9d\x1f$\x8d\x06\xcdX\xb8\x95\xb7\n(")\x9e~]#\xea9\xd1\xe4\x85ph\xac\x07\xb0\xe4\xa7\xd2\xa5\xfb\xbf\xd1\xa8+\xce\xa4\xa6\x0eH\xaec\xd3Xo}\xc5\xd0\x9c\xafb\x8f\x958\x85\xcb\xa4_Nf\xf8\x0eL\xb9\x8a\xf1\xa3F\x96\xe7x{\x94c\xdd\xd4\xf8\x8e\x81J\xc8f9\xef\xfc&gt;U\x90\xda?"t\x95b\x9atJ\xaa\r\x14AH#\xbb\x1b\x8c\x1c%:&lt;\xe9\xefQ;4M\\\xd9\x1fvC\x95\xe16\xb6\x06\xde\xcb\x12\x01\x1b\xb9\xcc\x03\\.\xbc\n:\x04\xf6\x8ee\x02\xd4\xa3\x83\xe1\xa50\xa7\xf8;]\x87\x85be\xd3\x0c\x91\x9c\x95\x89\xdd\xc0\x01\x07\x83\xe7U\x13A\xc0\xfe\xbf4\xcf\xb1\x9b\xc1\xce\xd7\xca\xcf5\xaf6T\x88\xe8OT\\\' T\xd8D\x96\x129PP\xf6j\xd5\xc6\xf1\xdc\xd5\x92\xea\xd8~\x8b\x83\x01\x80\x17&lt;,\x01\xc6\xb4\xdb\x10\xf5\x002b#\x80\xb8K\xad\xc5/\t@oU\xa0\xccvT\xcc\x1b\xa9\x83z\x07\x80\xa6\x803R\x10wb\x19Y\xf3\x1cJ\x02\x07\x9f\xf4\xa2\xf8\x8aj\xed\xd4\x03\x15d\xf8\xee\x1e\xdd\x1a\x9d\x1c\xf7\x04\xfdW,\x9a\xdc3A\xe8\xe1\xc3\t\xfdz\xcda\x8b[\x93\x1dQg\xc6\xd7\xf1x\x11Tf,\x97\xda\xa4\xe9\xe9\xfe1PD\xbe\xe8\xb9o+\xceN\xe3\xac\xefReH\xcd\x9c\xbe\x98J\xb2 \xdcK\x06]\xb5\xea.!h\xcc\xfc\xd4\x13\x0e\xb0\x9d\xbb\xa1k#\x82\xc9\x05\x9cT\xcb\x85?\xee|\xa5\x8fjp7\x9cV\x15\xc3\x19xD\xdf\xb6\x88\x17\xecLb\xba\xcd\x11;A\xda*^\r\xda\xaa)\x82\xb7\x1c\x00K\xb5\xa2\xe7;\xee\x82\x8a\xc6}B\xc1\xd3\xe5\xfb\\Z\x0e\xf4\xea1\x9e\xd4;\x04\xd7\xa3b\xfb&gt;\xab.%\\\x05&lt;\nGF\xf8\xe6\xca\x83\xfc\xff\x84\x1eOZ\\F\x8b\x9748\xf4\x89u\xc1\xd4t\xcf^\xda\x16\xa2\xc2\x92\xfd\xce\x91I\xe5\x1fV&gt;\xd7\xf6jI\x8af\x9c8\xd2Fs~\xf5\x00J{\xef\xd1&amp;\x87\x11\x83|\xea7\x8dy\xda,\xf0\xa1\xbet\x82Kx=\x9b=\x18[\x98\x17\xabQ|b\xef\xde\xb6\x9e\x91\xb2\xda;\x1f\xae\xc2\x1f\xda\xbb\x1aw6\xa8\x10\xb20\xffL\x8d\xac\xfa\x87\x9dgCk\xbc5\\a\xcb\x9a1\xef\x9a1S\x84\xe4\xca\x18\xd5\xee\xae\xb1\xe4\x00\xf2\xcdN\xd7V\x82Q\x90\xc9\x1c[\xc2v\xed|\x90\xb6\xecG9Q\x17P\xe1\xee\xf7\x01\xab\xd8\x94\x13\x81\x80;\x0cCr}\x03Jr\xd9oO\x8e\x8dX\xe6\xc2\xed\x9ck\xe4\xb7\x0cQ\xc2\x16\xb0\xa8p\x19\xbc\xe5\xa6\xe3gz\x81\xcc\x00\x8d\xe3\xd7{\xea\xfe\x91"\x03\x9e\xc0\xc1\xff\xf4\xe7\xabb\x16\xc7u\xa1\x9d&amp;\x96\nx\n&gt;:\x82u\xef\xceI)k\xf1\xa7\x10j\x96\xb9R\xbd\x95W1\xcc\xd0\xa6\x84\x01U\x88K\xbd~\xd0\xc7-`6H\xcb\xa9\xd2\x17\xde\xb3\xe5&gt;-\xde\xa4s3\x83\xc7t\xf2\xf7\xd0\xb1\xc9\x08\x86\xee\xe5\xb6\xd9\xa8\xce\xbc\x89 \xa1\x98\r}\xe3\xdf\xe7\x02\x86\xbeeyMNP\xaa\xf2\x95&gt;\xdc4]\xed\xb3\xc68s\xc6\xf9\x86\x88\xfc\x0ew\xb8\x00TZx\xafZ\xbd\x91G\xddw\xa7\x044\x83\n\x91g\x89kh\x91\x9c\x7f\xc4\xe8$\x01e\xfe\x81\xd6\x06\x9e{zS\xb2}B\xcf\n\xb7\xc6\x911\xb8\xcf;\xce\xf4!\xe6\x99\x13\x1f\xc4\x0c\x13\x86#N\x95\xcd\xacl\x895\xacB\xc7A\x84*1\xcf\xd4CV\x1e\xce+@l\xc7\xe8\xb5\xa7\xdd\xc8\xbb\xcfd\xb3\xd2\xce\xcb\xc7\xc5\xfb\xad?\n\n%*S\xf4@R\xb02WW\xfd!y\x16\xf0iK\x99\xf5\xd0\xeb\xb5-~\x81\xc5N\xe8]\xfe\xc2\xcb\xc0\x7f~z\x0b\xd0\xb8\xca=e\xfa\x9b4&gt;\xaf\xc2n\xaa\xdc\xd7\'\x1c\x8fK\xfdm\x8f\x8bn@M\xf2\xbcO\xf4q\xcc\xc5\xe1\xb9\n\xd3g\xc6"\x19\xb1x\xd4\xa3\xa3,\xbf\xfdI\x14E\xbd\x97\x05V%\xc6\x9d\xe4\x9a{\xe03,\xb3\x8evz\x1b+\xd8|\xa7\x00\xaf\xc7\xdck*\x9a\x17\xa6\xa5a1\x02\x9e&amp;\xcc\xa5\x96\xc2pYX\xb0(N\x9d\x12\r\xaaD\x04V\xdd[U%P\x81iD\x05]\xf4\x95D1\xff\xf4\x97\xbd\xc6g:v\x9a\x1a\x0b\xc9*l7\xf3\x99&gt;/\xe8a\xd3]\x85\x92x\x8c\x84fi\xfb\xe0\xea*\x9e_&gt;\xf7\x8f\n\xa1\xb7\xe1.H\x0e\xda\xd5\xd9\xfb(\x04\xc1\x8d\x8a9,\xa3\xab\xacP\x19\xce\x83F\xdf\xa0O\xfc\xaf0\x1f\x90\x01\x8a\xa9`K\xe9\x87{\x9b\xb2\x1a\x02\xb1q\xff\x1b\xce \x9d\xd4Q\x82\x89\x06\x17\xa3\x96\x9a,\xa0'</t>
  </si>
  <si>
    <t>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</t>
  </si>
  <si>
    <t>b'\xf5\xf3e\xe45\xfe\x0c\x15\x0f\xe7\xa6\xc6\xc53\xa0\xf0'</t>
  </si>
  <si>
    <t xml:space="preserve">t time to begin lessons: youâ€™d only have to whisper a hint to
Time, and round goes the clock in a twinkling! Half-past one, time for
dinner!â€
(â€œI only wish it was,â€ the March Hare said to itself in a whisper.)
â€œThat would be grand, certainly,â€ said Alice thoughtfully: â€œbut thenâ€”I
shouldnâ€™t be hungry for it, you know.â€
â€œNot at first, perhaps,â€ said the Hatter: â€œbut you could keep it to halfpast one as long as you liked.â€
â€œIs that the way you manage?â€ Alice asked.
The Hatter shook his head mournfully. â€œNot I!â€ he replied. â€œWe
quarrelled last Marchâ€”just before he went mad, you knowâ€”â€ (pointing
with his tea spoon at the March Hare,) â€œâ€”it was at the great concert given
by the Queen of Hearts, and I had to sing
â€˜Twinkle, twinkle, little bat!
How I wonder what youâ€™re at!â€™
You know the song, perhaps?â€
â€œIâ€™ve heard something like it,â€ said Alice.
â€œIt goes on, you know,â€ the Hatter continued, â€œin this way:â€”
â€˜Up above the world you fly,
Like a tea-tray in the sky.
Twinkle, twinkleâ€”â€™â€
Here the Dormouse shook itself, and began singing in its sleep â€œTwinkle,
twinkle, twinkle, twinkleâ€”â€ and went on so long that they had to pinch it
to make it stop.
â€œWell, Iâ€™d hardly finished the first verse,â€ said the Hatter, â€œwhen the
Queen jumped up and bawled out, â€˜Heâ€™s murdering the time! Off with his
head!â€™â€
â€œHow dreadfully savage!â€ exclaimed Alice.
â€œAnd ever since that,â€ the Hatter went on in a mournful tone, â€œhe wonâ€™t
do a thing I ask! Itâ€™s always six oâ€™clock now.â€
A bright idea came into Aliceâ€™s head. â€œIs that the reason so many teathings are put out here?â€ she asked.
â€œYes, thatâ€™s it,â€ said the Hatter with a sigh: â€œitâ€™s always tea-time, and
weâ€™ve no time to wash the things between whiles.â€
â€œThen you keep moving round, I suppose?â€ said Alice.
â€œExactly so,â€ said the Hatter: â€œas the things get used up.â€
â€œBut what happens when you come to the beginning again?â€ Alice
ventured to ask.
â€œSuppose we change the subject,â€ the March Hare interrupted, yawning.
â€œIâ€™m getting tired of this. I vote the young lady tells us a story.â€
â€œIâ€™m afraid I donâ€™t know one,â€ said Alice, rather alarmed at the
proposal.
â€œThen the Dormouse shall!â€ they both cried. â€œWake up, Dormouse!â€
And they pinched it on both sides at once.
The Dormouse slowly opened his eyes. â€œI wasnâ€™t asleep,â€ he said in a
hoarse, feeble voice: â€œI heard every word you fellows were saying.â€
â€œTell us a story!â€ said the March Hare.
â€œYes, please do!â€ pleaded Alice.
â€œAnd be quick about it,â€ added the Hatter, â€œor youâ€™ll be asleep again
before itâ€™s done.â€
â€œOnce upon a time there were three little sisters,â€ the Dormouse began
in a great hurry; â€œand their names were Elsie, Lacie, and Tillie; and they
lived at the bottom of a wellâ€”â€
â€œWhat did they live on?â€ said Alice, who always took a great interest in
questions of eating and drinking.
â€œThey lived on treacle,â€ said the Dormouse, after thinking a minute or
two.
â€œThey couldnâ€™t have done that, you know,â€ Alice gently remarked;
â€œtheyâ€™d have been ill.â€
â€œSo they were,â€ said the Dormouse; â€œvery ill.â€
Alice tried to fancy to herself </t>
  </si>
  <si>
    <t>b'\xe6\x1fE\xf8\x8a\xc1\x11\x14\xd9\xeaq\x99\x88\xae\xc9\x97a\x1c\xdc\x89\x90a\r\xb7@\x1bq\xf1\xe4\x83\xd4\xde\x13\xb1\xd9\xe1\xbdd^\x98\x02\xb2\xe1$J\xa5,\x05\xe4\xe8\xa2\xb6\xc7\xfd\xfeL\xd4_\xa4\xb7\xa9\xb2\x85\x0c\x0fW\x8b\xe9FJ\x97\x91h\xfd\xaf;=\xf3OSlT\xaf\x91\xbd\xb6KX\xf8\xf1\xfc!\xf7P"\xc2\x06\x0b\xa3t\xdd\x94\xc2#Q\x8e\xb7\x83\xb6\xfbV\xf7\x1e\xb6F8(pE\x0e\x93E\xc7\xac\xa9=\x9c\x9cg\xafO&amp;\xce$\xa4\x8cd\xfb\x06\x91RY\xa2\x1d\x1e\xf4u\xd8\x85\x02u\xa3OD\xf5\xa0\xe9\xafO\xc0\x1cE\xf1g\xe4\x87\xaa\x08\x1a\xa5\\=\x05t\xfa\xa6o\x00U\xfa\'\xdf\x0c,n\xdd\xb9\x82\xa2\xd0\x10QQ2\x81\t\xc6we\x16\xd1d\x07P(\xd0Xb\x98\x98\xb8\xaa\xec\xe5V\xc3*Q\x8a`\x91\n\x188[\xd2\xaf\xba~E\xbc\'\x02P\xc0\xa8\x0c\xdd\x1a@S\'\xae\x03\xc5\xd3\x91\xe6\x9f\xdb.\xbb\x18l7F\'\x81\xa8\x9d\x83\x10\xb1_\x11\xa6f\xceT\xe4\xc2s_\xf7\x15\xbe0:\x0fnFnTh\x1e\x89\xd2\x04\x1a\x94B\x7f\xd4\xac\x1d\xa0X\xa0x\x98\x81\xf5\xa5\xdbW^\x9fvV6\xa2q\xa7\x1e\x1c\xe6\x7fy?\xf3\xad \n*\xdb\x9b\x810\xddj\xcc\xe5\xccg\xb4F}i\x81\xcb\xf3b\xc0 \xb2\x7f\x84\xb8\x8a&gt;K\xd8\xdeP\x9e\\\x05\x85D\x92D/"\x08\xc8\x82\xec^\xd8\xaf\x17\xed&lt;\xe3\xd9\xd5orl\xaf\t\xf3;\xfc\x8fR\x95c\x99\xd8%\xbc~\xe1wb\xea]\xda&amp;\xc3\xea\x1c\x91\x1e\xb4%\xc0\xc13\xed\x92\xbf\x10\xdd\x01M\xbe\xdb\xe5\xf6\xd5\xbb\x04G\x0f!}\x17Ot\xbd\x14\xbaUX\xa7\x1d\x96^+\x9b\t\xce\xb8\xff\x9e\xd0\xc8/`\x9f\xafx\xce\xe8\x92\x91\x0b$w\x84J0oIO\xcc7ow\x16\x7f\x82\x8b\xa6)\xc5t\x03\xf8\xfc\xc6I\xc8\x0f,\xa2A\xe9.x\x90\xad\x08\xff\x9cX\xaf\xc0\xd9\x87\x0c\xf5\x11\xab\x15\t\xaf\x87S\x8f\xb6\xc3\x9f\xfc\x98\xe5\x02\x07Zq\x84\xa4\xa3\xa22\x1a\xeaBr.fQ\xe8N\'\x96\xad\xf7\x01\x10\xd0\x90\x11\xaa\xe6`\xa9\x8fG6\xee\x00S\xcf\x19q\x9e(|\x8c\xfa\xed\xeb\x1f\x1f\xc72\xca\xc0\xd6\x1d\r\x0f*\xe9\xcf\xc4h\x10h\xd6_\xbb\x08\xc7\xb8\xbc+8?~\x1dm\xc8%\x19\x89P\xe9\xf0F\r\x91\xfa$\x84d\xfa\x8cIyq\xb8t\x80\x80\xecZ7\x9b\xe5\x00\xa6\x9a\x9c\x01,{\xdfD\xec\xe13c+\x97&amp;w\xf5\x93\x9b\xc3X\x8f\x9a`\x1b\x16\n\xda=\nC\x0f/\xdbo\x1f\xe7\xed\x8bZ\xb1\xc2\x1b\x95\xcd\x18~\x02\xa6\x8d\x1d\x1d\xc3\x96\x04p\x1e\xdd\xef\xb0\x92\xebP\x05\x1c\x0e|63\t\xe0\xb1R\x08+\xfc:\xe3S\x8c\x02\x17!\x80t\xffn\xb1l\x00"\x1fen\xc9\xdd\xe9\xebt]\x1c\xee\xa0\xf3Yl\x12g\x00\n\xc0\x91N\xc1\x8f \x9c\xeek\xa6\xfb\xe8j\x00\xe3\xb5d\xc4\x96\x80\x85\x0f\xde+g\x06H\xdf\x9c\x81#\xa6`\xec\x08\xfal\xa4\xc4\x0bf-|\xde\xb6\t\xf6\x80Mi\xe9\xf9\xed\x02\xb0\x9b\x12zP\xe8\xb0\t\xf0\xb4\x83\xc9;\x81\xdbi\x1c\n\x00\x10\xdb\xbd&gt;\x8b\xde6h\xafL\x84\xc2\xf7C\x9c\x1aW\x92\xeb\x9eV\xcf\xffH\x19\xe3\xf7\xe2\xee\xec\xd9%6\x0e\x1dE\xdf\xec3\x95\xe3c\xf8\x1f\x1c\x04\x87\xba\xa4@\xe0dM\xd4\xa7\xf5\xe5\\\x12K(\xbf\xfb\x83\xc1\xdf*2-\xf7\xd3\x82\xce\xc4{W(\x9a\xf2\xb1\x80(\xe5\x06,\x92\xeaOG\xb4\xa9\x13g\xa2\x9d\n\xa7$Td\xa0\xadUl e:\xfc\x9f\xf6\xd1,y~G\xf3\xa3f\x00\xe1\xe9xRZ\xffu\xa6\xc0\xf1XVn\xb3\xb8d\n\xdb\xfet\xb8F\x97\xa6}w\xbe\r:\xbc\x99\xc2\x9c]\xaa\xaa\xfe\xc3\x8e\x04E\x19\xb4\xcc\xfa\x91\xd7A+.\xb6\x0e\x8b{\xaa1n\xa7\xa6\x1c_\xb4&gt;\x9d\x94&lt;\x02q\x92s\xfc\xb4\xa8\xadj\xe1\x90F\x80\xe9K\xc0_\x16\xca\xc8\xb6\xba\x08\x18\x8aDC\xd0&gt;/~\xc0\xf4\x86\xebWD\xa9\xd6t\xa1\xa7y\x8b\x81{A@\xf3U\x98\xac\x906}\x06\xc1\xf8=\\\x12T\x83\xe4\x98\xc2}4*\x10\xcf(4\xdb{\x8aG\x98K\x1d^8^\xfe\xf2\x8f\xf3(\x92\xc7RzqM\x80Z#\xa9\xb5\xcfv+\xcbtU\xc1\xce\x8c\xc4\xe6\r\xd7\xfe\xfa\xb3\x08\x17\xb1f\x11@L\x0bFC\xcd\xb6\xb4;\xc3\x0c\xa9|\x7f2B\xae\tY\xa92\xedD\x99\x17\xbaX\xc2\x8c\xf8\xecN\xa3\xef\xd9\x0b\xa9\x1c$C\xe0]\xe5}\xde\x82\x01$\xce\x05\xd7\xad\x06\xd8\xe7vwL\x93\x9b\xc0\x92\xbdn\x11^Lt6\xc6\xc8a\xcb\'}l\xb7\xc5M"j\xb9\x80\x06e8\x96\xd0@\xc1\xd9\xd0\x891\xed\xf7\x1bk[\x02\xf5\x90^\xf8\xd7V+ \xeaoZ6^\xe07l\x8f\x1c"W\xe2\xb9z\x02\x87E\xe0\xfc\xc1\xcbMRb\x9c\x98\x0c\xf9\xaeN~\xa5\x8a&gt;\xe4\xc5\xd4u\xd0!M\x0e8\x7f\xf18\x0f\xab\x8a\x11\xbb\x85\xaetU\x1b\x1f\x98\tH\x7f:\xe71\xde\x1dCC\xd1%\x92\xba\xceK\x05\xe9iG\x90\x1f*&amp;\xa8\xe4\x01hM\xefj\xd2\xdd\xbd\x1dx\xe8\xee\x9f`\x96\xabI\xd8\xd9\xce*\x05\x1f\xb8\xa9+\x97\xca\x13d\x89\xe8]\xa6\x86O\x0e\xbfW\x1cP|%\xbd\xa8+\xa4\xeeE\xa7\xb4\x82\x99\x9e[\xd1G\xb3\xf0\xe6\xd5\x1fOmf\x88(\xc6\xf9\x88~F\x1ec\x11XO&amp;\x8b\xff\x1e\x80\xfeW\x97\x86{\xf35&gt;./\xc8\x00\xe5\xae\xef\x9b\xc8\xad\x10B\x96i\x0c\xe5U\xc7;:\xc9z\x97H\xc8\xa7\x070\xf1\xee\xd9\x0b\xa9\x9d_\xff\xa5\xea\x18\xa9\x8c\x0f\xff\x8b\xba@\x8f\xe6[4\x99\xaab\xc5\x1a\x18\x96W^w/\xddM\xfb1\t\xd4\x1a\xa3b\x9f\x06\x07\xa5\xf7\xff\xb9\xc2\x9c\x9aB\x08\xb2i\xdc6\xc8!\x99\x0bv\x82m\xb9\xa4\xb9_\x8b\xbb\x19\x18\xf7\xf4\xdc\x05\xbe9\r\x91\xb8\xe3\xc8\xa6*\xa6\xf7SN\xafbf\xd2\x17\xfe1\x145Z\x85&lt;\x0c\xad}\x00\xcdoQ\xe5Kh\x97\xbb\xa0=\x98r\xc8\x0f\x9e5\xdfjJ\xb4\xac\xbfe\xe5\xc21\xce\xb2\xa6\xd4M\xfb\xf4LK\x01\xfc\xa9\xe4\x0coE\xb9\x04\xa7Vj\xa3{\xb3|\xbd\xbep\xe7dK\xbf\xb8\x99\xa6t\xd7\r\xccs\xa4\x00\xe0Ay\x81\xff\xe25\xc1mf\xa4/_\xe2\x17\x0b\x96\x88\x1a6i\x03\x9b&amp;\x92\'O}\xa9\x8d\xcaV\x98\xd1D.-\xa1)\x8aJ\xc6\xe1\xea!\x9b\x8b\xb8\xb5\xaa\x85#\x0f\\\xa6\xee\x88TV\xd2\xbf\xa3A\xbf\r\x0b\xf7\x92\xad\xd4N/\x852\xd4\x9a}I\x08\x8d\xdc\x9f\x08V0nb\xa8\xf5Sb=J\x95\xb2\xb2\x886\xf8t\x7f\xe4\xfb\x16\xaa\xe0\xbd@8\x82\x9e\xa58I\xfd\xb2a\x052\x08m\x91t\xe3pR\x95d\xe8&lt;:P\r\x859=\x0b\x95\x0c\xde\x0b\xc9\x9d(\xff1\xd4\x1bG\xbc\xbc\x9d\xacq\xea5\xfas\x94p\x02x\x99\\F\xc4\xf5\xdc\n\xaf"\x86\x1b\x8d\xf6-\x01\xda\x87\xd3\xb8\xd2j\xde\xf4\x8f\xae\xc7\xbei\xf4\x00\x88A\x17\xad\x07\x98\xa1\x85\xa1,\xfa\xb3x\xe6\x97\xa6D\xcd\xc2\x97\xea\n\x0b\xac.\xa7\x92\x86\xcch\xfb\xf9r\xddm3\xb7"\x89C\x18\xf2\'KI\xf1\x8c\x97M\x16\x86\xf7e\xf1\xe1\xcds\xb0\xed+V4\xf1\xba;\xea\xa6j\xb8\xf2 \x18\x99..\x9c6\x15\x00\xb6\x80\x03\xdeB\xde\xaf\xc5\x95\xd8+\xadJ\xd1n\xd54\xdd\xd6\x16\x1eS\xa1d\x8e[;g\xee\xd6\x11\xe2E\t\xfa\'\x8d\xa8\x8d7\x9b\x99Pt\x88\xa3\xb8+\xd4t\xef\xb8\x85\xa0\xc5a\xde\'\x12\t\xd3%\x9c\xacL=\n\xa4ghn\xe6\xf7o\x9fy\xa9\xe2Oq\xf8x\n\x8e\xf5\xd8V\xa26\xdb\xbeD&amp;\x1a\x18\x07P\x069\xad#\x020?E=\xa47\xac\x0c\xe2\x1c\t&amp;\xee\xec\x8b\x93\xbd\xdbt\x9b\xcaO$\x94\xb5\x00{\x10\xa7\x91!x\xcf&lt;\x9f\xd7$\xd2\x8e\xefWy\xec\xfeH\xc6S\x15N\xe3H\xe4.0f\xc7=&lt;s\xa1\xc16\xab\x01\xe3\xad3\x84\n\x14\x8fh&lt;]p\xa3hl\xf1\xaa\xaa\xdf!\xa2\x92\xdc&amp;\xca\xf5\r\x8cE\xe2\x93#@\x7f\x8f\xfeg\x8f\x01Y\xf1\xd59!\x16\xa7\xa5\x1f\xcc3z\x8e\xf9\x8c?K\x9f\xb9\xf7\x86\xbc\x81\xb0i\xe4\xac\x00M+\xefM\x0bcJ\x80T\xc4\xc5d\x87x4\x1d\xff\xddez\xa4\x8a\x120\xfe\xe9\x80!\xfe\xf6\xb4\x89*\x9c\x03/\x9c\x99\xe2\x7f\xdfq\xa0\x81\xa2\x91o\xce\x95)?o\x03\x19\xac9qU\xd9\x00\xeb\xfb\x06}\x9c\x9b.\x17[&lt;3?\xa1\x19\xc1\xdf7QC\xf90\xa8*\xf3\x04\xd2j\xf7}\xec\xf0\xba\xf3\xddK\x00\xa1\x84\xd9(\xb1\xb9\xa9\x02\x9c\x13M\xd5\xd1xb\x1al\xd7N.\x88R\x1a)\xe3\x1b\xb9\x8dPX\xb3\xcd\x8e\x90Z\x18\x03\x07\xe4\x8e\xbd\x17\xab\xe5\x12\xf5I\xa6\xe7\x0cD4\x95\xa5\xa6\x1d\xf3\x81eC\x8e^\x8b\x92D\xa2\x1a\xd8\xf1\xee\xc1\xbf\xaaZK\xca\xae\xbc\x8a\x8eNN\x0f\xb4\xc5P\x11\x142\x8a\xce%X\xf9j\xd9&amp;\x1cD\xef\xdd-\xc6d\xe3\xa5\xfa\x1e\x03\xfa\x8c\x1bGj\xc5B\xdf\xcb\tp\x8f96=\x1a\'2\xd81w\x1dZ\x85\xdf\xc3\x81\xf1\xf2\x19\x7f\xe4&gt;O\xc2\xb1\xbf\xc63\xa5H\x98]\xac\x89\x10\x8aK\x15Y\xe2\xf8\xe2S\x08\xcc\x85\x9d\xd5?\xb7\xd6\x06\xeb\x96\x8e\xfc\x0c\xb9\xed/\xcd\xa1\xa5=w\xb1#\xb0\xa9\xd8\xc0\xadvE\x02oOD\x0b\x84\xcf\x1f\x82\xce\xff\xe4t\xe0y! \xdaw\xc4&amp;RSV\tE\x98\x7f\xf9\xd9\xe75&gt;\t\x84MU\xdck\xd5\x82\xe2|rvE\xeb\xcd\x9e&amp;\xc5Rv\xfb\x92\x1c\xe7X\x12\x8e\xf3\xb7\x8c\x03#`s\x9b\x17\xba\xd0\xf1\x0b\xe2\xd5\xbf\xa9\xdf\xc6\xd9\x7f\xc0\xaa#\x18\xe2vYr\xeddh\xb1\x85\xc3(g\'\xabv\xaf"\xeb\xeb\xb6\xdaa\x9by\x00\xfe\xfb\x9e\x83\x07\x05\xc7\xf0\xe1\xb9\nE\xc5\xb0\xc3\xb6\x97Yd\xe6\x00\x06\xdf\xbf/4\xbc\x08\x04k\xad\x81\x8da\xa7\xb5O\x1d\n\x92i\x0b\x08s;\x1a%\xb3\xa2\xa2X\xb7\xdbK\x13\x043\x95y\x14\nE\x83\x8a\xd9\x00Wd\x8dQ[\x19\xdf\xc6S\x90-\xbd\x18 Fg{\xd02\x01\x92\xbe5\x00\x1c\xb7\x7f\x16\xf9\xad\x0f\r\xcf\xa5\x8e\x8d\x93\x8e\x07\xdd\xa2\x99\xf6\x89\x1bPMqZj\xb1\x90\'\x92l_9\xd3\x92;\x17\x19K\x1e\xf0\xce\xa9\x06$\x135\xbd|\x9b\xb1NJ\x04\xf3\x8d\xd6\xb4\xbdq\xcc\xcf\xa3\xfc\x97\x7f\x0f\xa1\x8c$q\xee\xe1\x84b\xd2C\xb2\xa3\x9f\x96\x07\xa5/\xc9\xd4\x81n\x14I\xa5RdpW3\xa1=\xe9\xd8\xad\xa1\x1c\x91\x89*\xfc\xd4\xf9\xd9\xd1\xeb\xec?\xd2\x1c\xe2\xc7\x99/\xc3\xc9c\xec\x85\xd3\xfc\x1d\x95\x08\xb0\xef\xd3\x0b\xae\x99\x02K5e\x0f\x18?&lt;|\xf3\xe6UWu\x03z\xd50\xd57\xc91!|\xfa\x97\x95k\x90\x90\x97\xeb\xea\xfd%\xa1\x9137\x9f\xa7\xcd\xefrI+\xb2[\x8a\xa4\x98\xbd\xde^D\xac\xd7\xa4\xd1\x18\xe1\x97\x849!";\xcc\x9b\xef\xbe\xfe)q\xb6\x9b]]i\xaf#\xcd\x06u*\xc5\xc0b\x17\x07\x89!\xc4r\xa4\x89^\x0b\xce\x87\x14 ._\x00bT\x91\xa5)\x85H\xd3\xacZu\xac\xa8E\xe5\xa3\xfad\r^V\x18\xac\xa0\xa8P\x7f\xa6|/\xb2 \x150\xecaI\x06\xae\xd0a"\xea"\x86\x8f[{eG\x02\xcd\x9f\xc2x+:\xce\x0b\x88y\x06`\x05F\x90\xb0$\x94\x84\x1a\xbc\xea:\x18\'\x8a\xb85$]\'\x10\xf3\xf7M\xaf\x10\tsm\x8e\x12Ld\xd5H\x89\n\xe1\xf5/N\xc9\xf0f\xdd$=\xe3\xdb\xe2W\xac \x90E\xe0\xf0u~bqb\xae_\x9f`\xaa\xc9\xe1\xa0\x81O\xf0qf\x1b79ke\xd1b\xb1\x0f\xfdrWc\xf8w]\x85\x0f\x88 \x8c=^x\xc4\x84\x8e\xffJ\xa4Q\xec\x13ed\xbe\xc7lD\xf9$\xfe&amp;\xf1\x1ft\x0b\n~\'\xfe\x14\x98\xc2C\x14O*Q3i\x8d\x86y~\x1f\xc85\xb2G9\x8a\xc8\r\x86\xec\xcc y\xe3\xf8\xf2\xf7k\xc8\xc1\x1f\xca\xd6\xc6\xc4\x06,\xd1\xbe\xea\xcd[J\x08\xdeU\x91\xcbp2\xa4\x0b/\xaev\xe3\xcb\xde\x1c`\xa0\xb3\xfd\x1e\x1f\x93\'\xa7\x93\x8d\xc7\x1c\xd2\xd7o{M\xad\xe8\xc0N\xd0W\x04\xfd\xa9\x1d\xf49\x04HI\xd4\xca\xc4\x7f_\xe2\xda\xf7\\\xf5J\x8dLx\xd1,\xcdt\xf9\xf0\xa4\xa6\xbc\x1f5\xfb\x82J\x9a4\xa7\xac,H\x10\xf4\x078\r;\x87\xf4\xb6\xf6X\x10\x81\x9d\xb16#\x03\xdd\xee\x83\x03\xdc&amp;\xb8\x93\xa0\xb4@\x9b\x91\xa1\xd6\xde$\xd7\'xo\xe1\xf4\xfdZV\xd6-\xe0-X\x03\xf2\x11\xf8D\xde4\x99J\xcd[\xb7\x8e\x16\xc5a\xaat\xd5wv\xba\xdc\xbe5e\xe4\xfa47}\xf9=\x0b=\x84\xa3D(q\xee\xe1\xd5^\xe3\x9fot\x00&gt;a\x8b\xd4\xb1\x14\x84\xe1~&lt;F\x1cF\n\xa3v"_,\xae\x8b\xcdv\x96\xf9\xbd\xb3\xb1\xec \x88\x95\xa9\xc6V\xf8\xba'</t>
  </si>
  <si>
    <t>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</t>
  </si>
  <si>
    <t>b'\xe6\x1fE\xf8\x8a\xc1\x11\x14\xd9\xeaq\x99\x88\xae\xc9\x97'</t>
  </si>
  <si>
    <t>look as if they had been given her by someone
 who was quite richâ€”someone who only let her have them because they
 were too shabby to wear. The people at the school always send her out on
 errands on the horridest days and nights there are."
 Sara crossed the square to Miss Minchin's area steps, feeling faint and
 shaky.
 124
 "I wonder who the little girl is," she thoughtâ€”"the little girl he is going to
 look for."
 And she went down the area steps, lugging her basket and finding it very
 heavy indeed, as the father of the Large Family drove quickly on his way
 to the station to take the train which was to carry him to Moscow, where
 he was to make his best efforts to search for the lost little daughter of
 Captain Crewe.
 125
 14. WHAT MELCHISEDEC HEARD AND SAW
 On this very afternoon, while Sara was out, a strange thing happened in
 the attic. Only Melchisedec saw and heard it; and he was so much
 alarmed and mystified that he scuttled back to his hole and hid there,
 and really quaked and trembled as he peeped out furtively and with great
 caution to watch what was going on.
 The attic had been very still all the day after Sara had left it in the early
 morning. The stillness had only been broken by the pattering of the rain
 upon the slates and the skylight. Melchisedec had, in fact, found it ra</t>
  </si>
  <si>
    <t>b'\x11(d\xda\x8a\x16#\xbf'</t>
  </si>
  <si>
    <t>112864da8a1623bf</t>
  </si>
  <si>
    <t>" asked Mr. Trelawney. 
 "One more," said the captain. "There's been too much blabbing already." 
 "Far too much," agreed the doctor. 
 "I'll tell yo</t>
  </si>
  <si>
    <t>b'\x88\xb2\x17?wX\xda\x18\xd3c\x10{\xfbM\xf5*\xfd\x05{\x07\xb6\x92\xd5\xdf\xbc:U{tfV\xfe\x9f\xf8\'\x1f\xac6\xe0\x8bb\x1b,\x89\xc4:\xbdb\xaa$\xaa\xfd[qe"\xe3\xddb\xe9sy\xcc\xc7\xaa\xdc\x83n\x0b\x0e\x0b\x88\x19\xed\xcb\xf7u\x8b\x0fuD\xa1I\x86\xa3\x80\x85\x0cR\x95\xdfN\x08\xa3AF3\x01t\xe0A\x9c8\xb9f\xd7F\xb5\x88\xb2.\xfeQ\x92\xd5#\xe7\xd4\x88\xd2pK\xe5\x05\xf9\x0f\xb8\x84\x00xo\xf4\xa3bZ\xbdq/\xd3\xc8\xfc\xc6K\xdd\x02k|I\x89|\xd7\x1f=P\x07\xa8\x1c\xc0e.\x90\xf4\xca\x7f\xf2O\xa8\x14\xa7\x93 (\x80\xc6\x92\x93\xc7#\xc2\xf5\x87\x9cC\xef\x96\x95\xcd\xe8e\x8e\x8fW\xb1\xe6\xe1d])\x17)\xea\xbe\x91\x04\xee&lt;\xcd\xdbP\xd1g^\xfbr~%\x96\xa8\xdc?\x12\xe1\xee\x94\xc9F\r\xbcS\xe22g\xaf\r\xaak\x07,\xd1\xc8\x86FVu\x0fS\xd9\x9e/\x82\xa96\xab\xd7\xae&gt;'</t>
  </si>
  <si>
    <t>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</t>
  </si>
  <si>
    <t>b'\x88\xb2\x17?wX\xda\x18\xd3c\x10{\xfbM\xf5*'</t>
  </si>
  <si>
    <t>of Mr.
 Foggâ€™s whist partners on the Mongolia, now on his way to join
 his corps at Benares. Sir Francis was a tall, fair man of fifty, who
 had greatly distinguished himself in the last Sepoy revolt. He
 made India his home, only paying brief visits to England at rare
 intervals; and was almost as familiar as a native with the
 customs, history, and character of India and its people. But
 Phileas Fogg, who was not travelling, but only describing a
 circumference, took no pains to inquire into these subjects; he
 was a solid body, traversing an orbit around the terrestrial
 globe, according to the laws of rational mechanics. He was at
 this moment calculating in hi</t>
  </si>
  <si>
    <t>b'Gt\xe2\xa6\\\x8c\x0f\x06J4\xca\xdd\xea\x85^\x16\x18\x1b}\x8a\xa9\xfc\xe0\xefI\xe7N1\x93`z\x0e'</t>
  </si>
  <si>
    <t>4774e2a65c8c0f064a34caddea855e16181b7d8aa9fce0ef49e74e3193607a0e</t>
  </si>
  <si>
    <t>b'Gt\xe2\xa6\\\x8c\x0f\x06J4\xca\xdd\xea\x85^\x16'</t>
  </si>
  <si>
    <t>his 
 shoulder and in the same tone of voice, rather high, so that all the room 
 might hear, but perfectly calm and steady: "If you do n</t>
  </si>
  <si>
    <t>b"q\xd1\xb4\xb7\xd9\xe1Tu\x9eO\x08\x01\xacX\xa73_\xee r\x08b4\xb2g\x1a\x92 \x9a\x1e;,\xe2Z\xe5Oh\xba\xab&gt;-\x08\xe3\t\xfazG\x9a)(\xcfvX\xb6&lt;\x9a\xbaO\x06\x83I\xa1\xc3\x9d9\x8e\xcd%c\x00c\nUj\x10\xd8\xee\x1dJ\xd0ln%\xe43\xe7\x92gj%\xb1\x0e\xd3\x08d\x8c\xc8\xbe\x99_o\x9b:\xad\xdc\x91\x9793I(\xc8-\xa3\xaeM\\$\x80\xa4Fi\x81|9\x16'\t\x84\xd7j\x80\xe6L\x05\x19S\xe7w\xfdyb3F\x7f\x90x\xf97\xae\xfd\x83\xc8N\xdb\xd5\x1bm\xc5\xe7^P\xb7g9\x1c\xeevY\x8b\xb2aC\xe8\xd6\xd7b\xbdY4\xdb\xc8\x8a8sI\xc4\x85\xbc\xad\xadH\xd2\xdda\xe0\x03\xabOd.F\x94\xf9\xb7\xa1\xbe\x05,\xc0\xb5\xe0\xbc\xf1y\x08\xba\xe7\xa6\xb1\xeb\xfc\x1b\xee\xd6u\xd4\xa9\x1el\xe8\x80A0\xee\x04Q\xa9G\xca/\x85\x0f\x86\xb8\xf51I\x99\xe3w\x86)\x91\xaf\xbd"</t>
  </si>
  <si>
    <t>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</t>
  </si>
  <si>
    <t>b'q\xd1\xb4\xb7\xd9\xe1Tu\x9eO\x08\x01\xacX\xa73'</t>
  </si>
  <si>
    <t>A had begun her voyage to the Isle of 
 Treasure. 
 I am not going to relate that voyage in detail. It was fairly prosperous. 
 The ship proved to be</t>
  </si>
  <si>
    <t>b'Gd\xdf\xbbL\xb8\xac\x80\xae|,u\x14\n@\xc2\xe5\xef\x84\x19\xc4\x02\x05\x1fG\xb4\xae\x85V\x8c\xf2\x85\xda:\x14\xc9@\xfd$\x1a^\xa9Jn\x8d3\xb7o\xb0\x0f\xb6\x98\xe1\x8b\xc3\xe6\xee\xaa\x9c\xc2\x87\xb1\x1d$\x94\xee\x19\x93\xe9\xa7\xc7l\xae\xeb\xdb\rFK\t\xad\x01\x8eT\xd6\xdc\xe7\xd9V\x9a]\x90+_\xca\xdcO2(\xd5\x03\xdd{\xd2[\xdc?\x0e\x94\x9e\xae\xdf\x96\x1fJ\x8c\x8eWeA_`\xd2\x0f\xfdq\x97\xee\xf3\x0ea6\xfaf\x02\x1c#7#.&amp;\t\x19\xbd$\xf3\xb8m\xa5V\xcf\xbd\xb0)/\x81\x83{\x9a\xf8 ~c\xa7&gt;\xf6\x80\xe1\xc1\x94\xa4\xfbJ\xe6W\xd3g\xf0\x06I\x8aR\xef%0\x02\x9a[\x1d\x07\x81y\xed\x825\x9d&amp;p\x83\x07\xad5\x07\xd7\x8c\n\xb5\x91\xc4&lt;q4\xa1\xe0p\x81\x8d*\xcdT\xcfZDl\x83a\x05\x1at\xebg\x1fh\x1b\xd7\'\x83m\x80\xa6F\xec\xca\x01\xcf\x01\x14w\xef\xa3\t\xdc\r\x98\xc1Z\xb7\xebsv\xabx\x05\x86W\x02\xe8\x1b\xd5\x9a\x88\xe3\xc7\xf0#9TZ\x0c0\x07\x9a\xa3\x08_\xae&gt;?\x95\x10\xd1^\xa5-\x1ew8\xa0\xc6t^\xf9\xc0L\x0cr\x0b\xbar\x81H5\x9b\x05\xcd\x0b\xb4\x13\n\xdda*FVY\xfc\\EZJU\x98-\x0e\xdb\x03\x17:Kg\x10\xf1\x9b\xd9D\xb0\xa2.z\xd7\xf9\x83\x0e3\x10\xa3\xea]\xfb\x82\xe0\x00\x03\xd9\xc9\xd6L\x82\xf3\xe9\xaa\x11\xda\\\xf0x\xf8f~\xd4ZyO\xe1\xfdB\x9e\x93\xfb\xd9\x1d\x8e\xc9(u\xed\xa2-\xb3\xc0$\x1a\x91 \xa5/P\x88\xee\x8f$\xc9\xb4\xcc\x04\xd6\xbf\x84\xdb\xc3\x00/\xb4\xc4\x81\xe6\xe6s\xca]j\xb1\xf2\xa9=\xaa\xf1\xaa\x83\xdfT\x8f\xf3\x87&amp;V\x87\x14q\x89\tt\x0b\xae\x86\x9eX\x8e\xcc\x96\x17\xc1\r\x86\xf5\xb1\xb6\xdc\xabK\x9eh\xa0\xee\xaf%m\xacf\xdf\x15\xfb\x1f\x04FAG\xa2\xcd"\xd1\xc4\xf8zu\xd7X\xcc\xa5\xc5\xe5\x0f)[\xben{+0\xae\xe9\x07\x04'</t>
  </si>
  <si>
    <t>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</t>
  </si>
  <si>
    <t>b'Gd\xdf\xbbL\xb8\xac\x80\xae|,u\x14\n@\xc2'</t>
  </si>
  <si>
    <t>selthwaite as well as over the moor, and she kept lifting her face and
looking up into it, trying to imagine what it would be like to lie down on one
of the little snow-white clouds and float about. She went into the first kitchengarden and found Ben Weatherstaff working there with two other gardeners.
The change in the weather seemed to have done him good. He spoke to her of
his own accord. "Springtime's comin,'" he said. "Cannot tha' smell it?"
Mary sniffed and thought she could.
"I smell something nice and fresh and damp," she said.
"That's th' good rich earth," he answered, digging away. "It's in a good
humor makin' ready to grow things. It's glad when plantin' time comes. It's
dull in th' winter when it's got nowt to do. In th' flower gardens out there
things will be stirrin' down below in th' dark. Th' sun's warmin' 'em. You'll see
bits o' green spikes stickin' out o' th' black earth after a bit."
"What will they be?" asked Mary.
"Crocuses an' snowdrops an' daffydowndillys. Has</t>
  </si>
  <si>
    <t>b']P\xcc\x10\x02\xd8\x11\x1b\xee\xf8\xb8)\xe8\xf2\nRv2\xc6yyz,Z\xecS\xacS\x9c\\\x18x \x1f&gt;\x11c\x15\xd6\x85\xed\xf5?\xe6\x81u7k2\'\r\xd5\xa2\xadoe\x15\x91o\xbf\xb0\xc2\x9c=\x04\x85\x9d.d\x02_\xdb\x11\xe7\x01\x86\xb9\x86\xe86\xd7\xee\x97\\t\x9ct\xad\xd1\x03\x14\xf9*\x1a\xd1\x82\x97q\x04\x11q\x15\xc3\xb3 U4!\xf0\xdew\xcab.\xe5B=\xe5\xc4y:\xb1\xee\xc5#X(\xcd\xaf\xac7W$\xef,\x91\xb3I|\xa0\xa2NW\xeaLz\xdd\x89\rg\x89\r\xcc4\x8f\x8d\xd4\xf2\xc4\x16\x178\x96\xac\x822\x1b&lt;|\xd2\x1d\xe9\xf57]R\x8c\xd8\xbas\xca\xd6\xbb\xb8\xd3\\\x93\xfc\x83\xc8\xc1uC\xd0Z\x00\xbb\xfb%\xba\xe5\xf6\x18\x0c\xc5\x9a2&amp;A\xf8\x87b,k\x17\xb8\xbd\x86\x88\xce&lt;i\xe8\xed\xb5\x8d\xc3\xffn\xde\x11\x01\xb7\xcd:\x89\t{\xd1 \x8b\xf9\xc0\x17\x00kQ\x8e\xfb93\xa2\xdf\xc0L\x9b}~\xbb\r\x89\xfb\x1e\xa3\xd7d\x1dR!1\n\xca\xa5\xb6\xb9p\xd9\xb1\xc2*\x13|\xc2\x92\xe1\xd1\xc9C\xaf0S\x96\xa1\xb7y=\xbd\xadU\x80\xc4\xdf\xa2\x81\x1c\xd2\xb2\xff\x03\xf2\xb0E\xa6\xb8r\xc7?n\xec\xc6\xc86\x83\x1b\x12[\xc6\xb2M\xc1{\x93z\xe0\r\xa7\nF\xd4\xe7\xcdh8\xe6\xcd\x89\xb1\xdc:+\x1e\xa6\xc4\xec\xa3\x8c\r&amp;yX){\x12\x89\xa4\xf7C\xbc$\xf4U\x89\x81\xa7r\xad\xbf\xb4\xdc\xe8B\x89\xce`\xf1\x1c\xac\\\x9d\xc7\\:.:&gt;\xdb/\x9a\xae\xe3~XmG\x19\x9e\xbc\xdf-\x17\x13\x86\xf2\x9eC\xcd\xc3qWAO\xb3\xbd\xba\xb5\t\x8f\x80\x90\xefd&lt;\x91\x81;\xed\xe2*8q\x9eOR\x8e\x988B\x1d\xea\xed\x9d\x87\xe0\xa5\x89\xed O\x14D|\x86\xd7y#Iy\x9dG\x04\xe6\xd0\x1c\xd7\xad\xd1\xcf3fWm\x14\x1d\xf4\xd2+&amp;O\xb8\xf9O\xe3\xa7\xfdgV\xcc\xc9\x83\xd8\x82~\x93\xef3\xee\xc4\x13\xcclr\x82\x98\x91\x0e\x84Jx\x860\\^[\x05S\xe2:\xb9\xea\x908%i\xe9\'=y\x86\xccYNs\x84VJ\xd7\xb9rl\x07v\x97\xd52\xb1Ra&lt;V\xfeCQ\xff\x04]\x84\x9a\xad9\xd8\xab\x00\xeb\x1f\x90\xdf\xec\x83\xcf\xe64\xd7\x03\xb9\xa3`z\xa3\xcc\x97RL\xa3&amp;]\xdf1\x8e\x96\x1a\xdc=E \xe9\x10\xf20\xf9\x81o\xf7\x01\xbf\xa7\xc4\x19X\x15#NR\xb2\xaa\xfd\xa9p\xaa\xb2\xe5\xcai\x12\xd1;\x90\x03\x92\xee4\x8d\x0cmYl\xbc\xfa~zJ)i\xaa\xe9\xff$\x11`\xb4\x87~\x04\xb3\x0eK\x90\xd2\xf2D\x1e\xb2m\xcf\xfd\x17\xe6\xebK\xe9\x10Qk\xd3\xbc\xc4\'\xaf?YU\xa7\xe3~\x97\x1b\x86\x90@\xfc\x11\xee\xf7\xa9Q\x836\x85c\xec\xe4\xa1\x0by0\xd4\x9e4\xf8pkA\xe0\x91G\x94\xd4\xfb\xc4E\xea\xec\xc6 :\x84\xb7\xd4aK\x8d\xd8=\xe0\xadu\x02\xbb/\x96\xf7\x18\xadg\x87\xb6\x1d\xab\xd6,x\x8a\xcf\x11u\xd55N\x88m\xfb\x15\x83l\x01\x8bd\xb6\xf1t\x00\xcbD&lt;\x0b\xca\xf8+#\xf4\xa14\xb4\xd2?\xbc\xc5\xb4S\x1d\xfa\xc4\'7\xb0\x04\x84@\x7fd0\xfe\xc8\xc8\x15y\xc4\xe6\xbe\xa4L\x7f\x07\xd2v\xcf\xd94\xb1\x7fv#\xfe_0\xb8\x12\x00\xeb\x07\xdfc"l\x8a\xdd\xfc&lt;\xbaT(\xceyZ\xdb\xc0\xff\x9c\xc2\xfa\xcf\x88&lt;`\xa63 &gt;U\x0e5K\xc2\xb3D\x12\x91\xf0\x13B\x8am]\xb0\x10^\xccGQ\x8a\xf1Q\xa1\xf2&gt;\x0607\xa6Y\x1e\xcd\xf0\x9c\x9d\xa4\x1a\xab\xd4\x1d+2\x11\x98I\x1cv\xa2\x07O"\x93K\x12%\x99\xb1;\xb0\xb9a\x94\x1c\x86\x01\x8e\'K&amp;a\xc3\xff?\x1b8\x04\x9fVY\xb78\xeaf\x80\xcc\xb1\x8e\x96J\xb6\x1d\x87\x05\x181\xac\xfd#\x06\xbe\xc7;\x05\xfdU$/Q\xe8\xf4A\x92g\xd8\x9f\xc9\x0e\xc3*\x8b\xa7\xf0s\x82\xcfd\xaa\xff&amp;{'</t>
  </si>
  <si>
    <t>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</t>
  </si>
  <si>
    <t>b']P\xcc\x10\x02\xd8\x11\x1b\xee\xf8\xb8)\xe8\xf2\nR'</t>
  </si>
  <si>
    <t>needn't be cross," she added
impartially, "because so am I queerâ€”and so is Ben Weatherstaff. But I am not
as queer as I was before I began to like people and before I found the garden."
"I don't want to be queer," said Colin. "I am not going to be," and he
frowned again with determination.
He was a very proud boy. He lay thinking for a while and then Mary saw
his beautiful smile begin and gradually change his whole face.
"I shall stop being queer," he said, "if I go every day to the garden. There is
Magic in thereâ€”good Magic, you know, Mary. I am sure there is." "So am I,"
said Mary.
"Even if it isn't real Magic," Colin said, "we can pretend it is. Something is
thereâ€”something!"
"It's Magic," said Mary, "but not black. It's as white as snow."
They always called it Magic and indeed it seemed like it in the months that
followedâ€”the wonderful monthsâ€”the radiant monthsâ€”the amazing ones.
Oh! the things which happened in that garden! If you have never had a garden
you cannot understand, and if you have had a garden you will know that it
would take a whole book to describe all that came to pass there. At first it
seemed that green things would never cease pushing their way through</t>
  </si>
  <si>
    <t>b' \\C\x10\xdb\x1e\x07\xd5\x9e\xe8\xe4f\x11C\xb0\xd8\xad\xe6r\xb3\xb8hPy\x1ff\xb3\x7f]\xae-\xf3K7\x86\xac\xb5\x7f\xbf\xa0\xc5\xebpO\xa5\xae\x00\x08N\xdf\x02\xf8\xe1\xee\xa3&gt;n\xcf\x07B\x12k#\x91\xf03\xfb\x8a\xbbo\xe7\x0e#\x80\xd8E"\\b\xc1\xe0\xb9&amp;\xe3\x88%`\xdd~:\x9b[,\xe5\xf7|=\x81\x98\xd2A\xcc\xb7L\xb6X0\x1bP\x93\xbe\xde\xefY\xbb\xa7\xd5\xa2v;\x05\xd0\xa5\x1a3$z\xab\xd0`\x89A\x08&lt;\x03N\xa2\xb5\x1f:\xb7@\xae\x1c\x01\xddx&gt;|\xad8\xd7x\x8f\xdcP\xb0\x9fR\xe2\xaa^d\x02\xe0\xdf\xd7o\xcbh\xa3\x8e\xce\xcd\'g\x01!\x99\x96\x84\x1eAq\xbca\xb7\x0cE\xdd\xf5s\x8e\x94\xf0R\xaa\xfb==\xa0\x1f\x16\xdfXJ\xcd\xea\xf6ya\xa0LZU.\xbd\xdc\xb3a\x96O]=-\xafFz\x97v\xb6=kG\xd6\x94R\xa0`)\tnb\x91\x0f\xde\xab\xf5j.\x1b\xee\xdc\xb6\xd8\xc7S\xd2}\xba\x89p\x1dX]\x99\xb4;\xb9kD\xa92\xa0"\xdc\xee\xdb\x12p\x1c\xabW+CR-{\xb7l\x15\x1f{Zl\xfb\xde\x07\xce:\xeb\xc4EdP\x92\xd1\xe8\x83s&gt;\xbfD\xb2wVDz\xbew\xc7,\x9a$\xf3\xb7\xaan\x94\xc2\xa5\xf2&lt;\xd7A\x15\x9e\x1b/d\x03r\xbc\xb6.\xbe\xeb\x9ck\xd8\xc7KI3\xf8\x9cS"\x93\x0e\x02P\x9c\xb1f\x04\x81?=\xa7|I\x94\x8c\xc9RD\x94\xbf\xccS(\\\x0c\xa1n?yoi"\xdd\xc4#\xbf\xa9\x87\x1d\x17e\xb9\xfe\xf2\xbe\xea\x02\'\r\xbc\xb7\xc8^\xder\xaa\xc5N\x94\xc6\xb8?\xe5\x1d}\x8c(}v\xb8\xa9.\xbb-i\xa2\x96\xe0\xf7\xb2#4B&amp;\x87"\xcc\xe4\xfc\\\xe3\x19z\x88\xbe/\x84S\xe6[l\xdeo\x00\'EQ\xfa\xf9\xdc\xca,.\x18R&lt;\x01FT\xbe\x0c\xff\x13\x96\xdf,\x95\xd5o\x0bs\x13#\xf7Q\x91)\x99X3Bg\xfe\x8c^\xf0\xa6\xc3\xf8\xea\xf3\xdeC\n\xccc\x8b\x88\xeeh\x92\xf5S~q\x15j\x1a\xfeg|.s\x1cY\xea\x15\x8f\xeb\x8b%^`\xb9n\xd8\x96`\xa1n\x94)e\xca\xc4\xbaS#0R|\x873nC\x18\x1d&amp;\x18\xb1\xdc\\\x8cP\xea\xeaLCK\xe6(\xc2\x04x\x85:\xed\xc2{\xf47\xd1\x8f\xea\x90\xaf\xaa a\x19\xf3\xd8^\xc5\xf8\xbc\x18,n\xeb\x97%MR\xb0&gt;\xad\xb4!L\x18\x0f\x11\xaa\xdes\x0f\xa4\xc6uB\xa7\x9a\xf3\xef\xc5\x1a\xed\xea\xc9\x0e\x0e\x00/$-j\xa9`O|l\x8f5\x05\xaf\xc5L\x0c\x07axD\x86\x1bX\xe1\x9a\x18/\x9aCk\xbcl\xc1\x97D\xff\xaa\x1f\xcf\xdb#\xd8\xdf3\xb9\xaa\xb2d\xae\xa6\x0f+\n~R\xae.\xf2w@\x1eh(\xdf\x96f4\xd9\xf4o\xf3\xce\x10\x18YB\x81\xd0\xda9\x07\xd2\t\xcen\xbdB\xcd\xea\r\x1a\xd3\xe3S{\xe1;\x89 Uj_\xca\xdf%\xf1\xedV\xec\x1a\x93\xea\xf5\xd8\x18\xd9\xcf\xa4b\x85e\xc3n\xa8V#=\x11\xa9\xbcW\xd5/\xf5\xdeC4\x16.\xb6N\x99\x8b\xa9D/I\x85,\x9d\xbf\xb3YO\x07\xdf\xbd\xce\xe2S\x92\x19$\xf3\x97\xa5H\x10\xcd\xac\xfe\xb4@\xc1Ha\xd1\xb2\xca\xacw\xf2\x18p13G\x0b\xcc\xe0\xa3\x8cx\xaf%l\xb3&lt;2\x0f`\xe1\xa2C\x17\xce\x1fA\xd0\xbbS3td\xf1M J\xee\x94]\xfd\x81\xb5\xaaf\x0eB\x84\xc3\xd1\x14\x1f\xd8Z\xb3\xf1\x18C\xb78\\\xb2\xdbLn\x97\x8b~\x85;\xad\xa9D\xee.(\xbb\xbf\xbe\x05\xb1\x83\xc6xt\x8b\xeef\xb3W\x05\x94C\x8bo\xd9!\xe3\xab$\x8aw\xebu\xb6\xc5\xda\xc9I=x\x18\x8a\x0c\xcc)?\xb8y\xb0\x92\xd7\xb4\xb7v~\xfa\xcaC\xda\xd6H\x10\x98\x1c"\xf86\xd7\xa38\xd5\x89\x9a\x9c\x90\xc0\xfd\xa1\x83@\x84\x8a^\xc9\xafy\x08\xa3\x87\xb8\x00U\xdf\xcb\'\xae((\t9\xe0\x80m\x90\xefI\xcc\x81\xba\xe8\xed\x9e\xd9\xc7\xf8L^\x1c;b\xbe\xa4)%?z\x8d\x8c\xd9f\x9d\xd1\x99\xd2I\xa7z\xfa;A:b~\xf4v\xcf\xda\x18\xfc\x12j\x1a\xf4\xca\x19=\xc5J\xf3\xb5\xb7\xb4\x10]\x1c\tV\x07?wJ\xd6G\x8e\xe6\x9c\x9b\xe3)v\x0f1Tz\x82]\x05\xbd\x82\xdfN\xb6z\xec,\xde\xa2\x11\x7f\x10\xfd-&lt;\xd9t\x90\x03\xcc\x04U\xc0\xd6G\xd9\xf7C\xb8\x9c\x85\'\xa6t\xca7\xc0\nd\t\x12w\x1e\x19d3\xd3\xc4\x01\x8b\xecF\xe4z+\xa4\xe0\xc0\xbaF\xae\xcbZ\xae{\x03\xf5\x90\xbfM\xc1\xb5\xb4SI\xaf\xdb\x8e\x02s]H\xb7\xd1f\xd8\xe6\xc5\xe8\xab\x11\x9e\xc3\x86\x0f\x7f\x02\xe4\xd0\x1em\xf4\x80\xdb\xe1z\x15\x9a#N\x955\x9d\xc6\x8b\xbbTP\xba\xe2\x08\x8f\x03\xa2\xce\xcf'</t>
  </si>
  <si>
    <t>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</t>
  </si>
  <si>
    <t>b' \\C\x10\xdb\x1e\x07\xd5\x9e\xe8\xe4f\x11C\xb0\xd8'</t>
  </si>
  <si>
    <t>re,
as he feared a spark might get into his straw and burn him up. So he kept
a good distance away from the flames, and only came near to cover
Dorothy with dry leaves when she lay down to sleep. These kept her very
snug and warm and she slept soundly until morning.
When it was daylight the girl bathed her face in a little rippling brook
and soon after they all started toward the Emerald City.
This was to be an eventful day for the travellers. They had hardly been
walking an hour when they saw before them a great ditch that crossed
the road and divided the forest as far as they could see on either side. It
was a very wide ditch, and when they crept up to the edge and looked
into it they could see it was also very deep, and there were many big,
jagged rocks at the bottom. The sides were so steep that none of them
32
could climb down, and for a moment it seemed that their journey must
end.
"What shall we do?" asked Dorothy, despairingly.
"I haven't the faintest idea," said the Tin Woodman; and the Lion shook
his shaggy mane and looked thoughtful. But the Scarecrow said:
"We cannot fly, that is certain; neither can we climb down into this great
ditch. Therefore, if we cannot jump over it, we must stop where we are."
"I think I could jump over it," said the Cowardly Lion, after measuring
the distance carefully in his mind.
"Then we are all right," answered the Scarecrow, "for you can carry us all
over on your back, one at a time."
"Well, I'll try it," said the Lion. "Who will go first?"
"I will," declared the Scarecrow; "for, if you found that you could not
jump over the gulf, Dorothy would be killed, or the Tin Woodman badly
dented on the rocks below. But if I am on your back it will not matter so
much, for the fall would not hurt me at all."
"I am terribly afraid of falling, myself," said the Cowardly Lion, "but I
suppose there is nothing to do but try it. So get on my back and we will
make the attempt."
The Scarecrow sat upon the Lion's back, and the big beast walked to the
edge of the gulf and crouched down.
"Why don't you run and jump?" asked the Scarecrow.
"Because that isn't the way we Lions do these things," he replied. Then
giving a great spring, he shot through the air and landed safely on the
other side. They were all greatly pleased to see how easily he did it, and
after the Scarecrow had got down from his back the Lion sprang across
the ditch again.
Dorothy thought she would go next; so she took Toto in her arms and
climbed on the Lion's back, holding tightly to his mane with one hand.
The next moment it seemed as if she was flying through the air; and
then, before she had time to think about it, she was safe on the other
33
side. The Lion went back a third time and got the Tin Woodman, and
then they all sat down for a few moments to give the beast a chance to
rest, for his great leaps had made his breath short, and he panted like a
big dog that has been running too long.
They found the forest very thick on this side, and it looked dark and
gloomy. After the Lion had rested they started along the road of yellow
bri</t>
  </si>
  <si>
    <t>b'\xca\xf5\xf4Z\xb2K8\xef+\xc4P\xef\x9a\xad\x19\x91\xd2\x91\xf8\x03\x96hdx\x88\x1d{\x9e\xaaw\xe2\x11\xb9\x88\xa4\xa8\xeb\xe3L\x04\x03\xe2\x97\xc5\x8e\xee0W\x87\xb1R\x84\x10\xb4\xf7&lt;y\x84i\xf6\x06\xe8X%\xf1CO&gt;v\xcc*\x81+\x00w\x05g\x11q\x04\x85\xc1\xbc\xdcu\xd7\xa0\xd9&lt;P\xe7^\x89\xa8\t+\xc1m\xf08\xc9\xd8&lt;\xc3\xd8T\xc0\xf0\x8b.\xb0\xe0\x1e\x06\xe9\xf1u\xf5\x13\x11Z\x89\xdc\xbacz\xdb\xe9\x10l\xcb\xe2(\xaa\x92a\xb4\x1bM\xb5#S\x864-\r\xfd6\xed\x9aG+\xd0\x13\xb0\xf3\xa79$5\x14\x95\x90\xee\xad\xd5p\x0e;\xbfM\x8f\x0b\x03\xaf\xd4\xae\xd72\'\xb8T\xcc\xa2\xf8s\xe5\xde\xdeK\xca}\x1a\xc4\xd6\x91\xeb\x05\xc6\x83#\x19\xadj\xa5\xc9\xc1\x8d/m\x005I\x0c\xd0\xaf\x91\x87\xeeg\xf9K]e\xb5\xca\x9eP$+\xd7\xcd1\xb8\xbd\xb3*\xf1\xf9\xc2\x1e\x8c:v\xd7D`\'\xd3\n\xf9\x12\x860\x02[\x9d\x90\xb7.\xe4{\x15\xfe\xf6T\xc9\xcb\xec)\x87\xeb\nte\xed;\xe5\xec/\xca\xeej\xde\xed\xe0\x94(\x1f\x80\xa9\xd4\x9bu\xcf\xb3\x0e\xcdl\xc1/&lt;\xfc\x08\xbf\xc6\xb7\r\x84|\n\xc2Y\xd7$\x8a\xbd\x86\xdd\xb4\x8f\x80\xec\xb7\xad%\x875i\xfe\xe4^\xc4\xde$!V)\xa8\x8c!aa\x93\x14:\xc7\xed\xd1\xc4\xcc\xaa`\xe9\xea\x92\x7f\xce\xdfI\xc2MH\xd7p:%\xbaj\xd9J\x1c\xb11\x8d\xe7f\xe3.\xde\xaa\xae\x04\xbc\xadV\xfd\x7fN\n\x8b\xa5S\xaff\x8a\xf6z\x1b\x97@0\'\xe1\xe936\xf0\x0f\xff\\i\xa5-p\xf9\x87\x08\xabRvz\x1e\xdc\xb3\xbcxE\xfe\x9d\xe2\xeb\x83\x19\xa6x\xeb"d(\xb4c\xbe\xb2\xc6U\xed6\xf3\x08\xc4X\xed\xd4"\xa2`\xdf\xbd\xcf\x81\xaf\xb9~\xe5Y\xca\xb6\xc9\x05WF\xac\x83\x9ev\xcaD\xbaH}\xaeB\x8e\r\x0ca\xab\xe4l\xce\xe8\xfbw\xae\x86\xf3\xe7\x11\xd3\xae^\xcc\x1e(\xa5~\xa4\xdc#\x9eo_\'l~;&lt;\xd9\xb6B\x9a\t\x16\xf7FI\xf0\x1b\x05D\xc2T\x88Ex\xb3^c\xefYr\x88\xbf\x03F\xaf\x9a:\xca\xb7\xec\x9eB1\xf2\xb3\x1cX \xbe\x8e\t\xc9jv\xe7\x87\x0c\xdbI=\x06\xffE]\xb2D\x8e\xbf\xda\xab!\x015%\n=5\x89W,\xe8\xcf\xb1y[^g\xc7\x13c\xbd\xa0\xb5\xa9\xa46008\xba\x8c\xa8 \x11\x9eC\xf4\xb8\x1e\x93C\xc29\x83k\xa9?\xe4\x9d\x8e\x1c\x07I\xa6\x96\xbc\xdch\x005l\r\xc9q\x17\x82\xd7/\xec,K\xa4"h\x9f\xe6s\x0e\x18\xcc\x03\xf8\xe7\xb8\x82B\xbc|b}\xf4\x82\x02\xf8\x1f\x1f\xb4\xa4\xe0\xb0\xc0f]\x1d\xdf\xa2\xbb\xa5\x92\xccF\xffE+\xb2\xbed]\xf0b\xf3\xfb\x91Y\xae\x1b\x8e\xf2P\xd5)\xee*W-\x94n\\\xdb\xdaks\x83\xf1\xa5&lt;zs\x03\xa3\x8c\xe9f\x99P\xd7\xa6\x08\x1a\xed\x01\xee\xb5\xf3\xa0\xa0Vw\xc9\x9b\xf1\xaal}\x0c\x94\x8e\t\xdf\xe3\xc7\t\x1f(\xb9\xbex\xe9\xb2\xd30^d!\xabQ?"\x07EQ2\x9f\x9aR\xa0\x8du\t\x1e\xed\x02.F\xadX\xd5\xff\xd2U\xc3\x9d\xf0\x92\xd7\xa6\x922\xb5\x0fM\xc4\xee*\x07\x10\xb2\xeb`\xc1\x9b\x94\xe6\xb1i]\xe5\xd5A\x07u\x94y-\xe6\xd0l\x16N\xbb\xa7\x1f\xe9G\xa8\xa5k\xbc\xa5\xbauK&amp;\x1a\xf9r\x94\xef\xf2\xb9\xf8\xa9\xae\xff"\x8e\x11~\xef\xcbu\xaa=\x12t\xf6\xe2D\\\x81,x\xbe\xcbR\xfc\xf0\xfd\'\x13\x10w\x8d\xd3\xbb$\x8ak\xd4"\\\x9b\xdf]-D\xc3`\x93(\xec\xb4z\x9d\x15\x9dF\xcf\r\xe3P\xb38G\xe3|\xb7O\x0eYC\\9\x16^\xff\x84:#\xef;\x1c\x0c\xf3\xb0\xa1\xa4E\x93\xce~\xb4\xacOOq\xe3\xa2\x96\xde\xce.\x04\x1e\xc5\x0f\xff\x01\x93\xdb\xa5P:\xed\xb7\xbe\'C~\xb6\xabW\x8eK\x04\xd77^\xfeXzV\x97?\x17\xa4;\xd1@Ol9\xff\x9f\xd5V\xd8\xd6G\x1e\x02\xcb\xf7\x93\x00\xcba\xb9Q\xcf3\x95\xf3\xd6\xad+\x8a\x0e_\x1eR\xc8W\x80\xcc\xd1\x1cws\xb8\xe4\xa9\x94\x1fCRp%^0\xfa\x01\x8a\xe5\xfd1\xdc\xef\x9b-yemL~\xa55\x1f/&lt;e\x8e\xb0=\xc8\xc2\x86\xdfU\x02\xb7\xd1\x00}p\xd3\x0e1\x15\xc2\x0b\x856ZTt\x01d\x1e\x86\xaa\x93\xd6o\xd6\xc1\xbb&gt;\x1f\xf1\x10\xf6`f\xf4\x08s\x08\xf0\xe1\xfe\x04\x00w\xde%*\xc9\x7f\xb9=J&gt;\x98p{\x90\xb8t\x95,\x07\x83K\x05K\xd8\x92z\xaf\x0f8\xabb\x96O\xc0\xc8\x18I\xd3\xe1\xde/pk\x97$\xc3eP\x1f\xc9\xdc\xfeK\xbc\xaa\x8f\xdf\x0fh\x1f\x00\xa3\xe3\xb2";\r[\xe4\xa7 {\'\xb0\x0e\x96\r\xf0rS\xd1\x9b\xf3\x01\xe9S\x9b \x03&gt;\xa9 \xab\xef&lt;\xa1\x0b6h\xf5\x84\xb4a\x02\xf0SC\xb9r~\x15\x19)\x80`\xd1O\'\'\xc0T\xc0\x7f\xe4\x1b\x9cy\x9d\xae\x804\xb7=\xd8fM\x1f\xbcy\xca5\x85\\q\xea\xc9+\xe3Mq\xc8(\xd9\xcb\xb24\x10S\xcd\xce\xa6\x0c\x10u\x92M\x9az:\xa8\xd4\x0e\xeb\xdfC\xe74\xfb\x12\xc6\xba/\x97\x94^\xb1/\x91\xbbz\x84\xfb\xe0t!\x89\xb3\x87\x8br\x9a\x05\x1faX\xbb\xf0\xbbCg\xa2\x1e\x02\xf4\xd0\t\x83\xcf\x18\xcc\x15\xa3\xb1\xe7\x02\x8c\xdf&lt;`\x03s%\x84\x7fx\x93A\xfc\x84\xae($\xb9\xccaA+\x1b\x05{\xda\x14\x0ehI/\x0f\xdf\x87+\xda\xc2\xbbo\xb0\x18\x95`G"\x9d\xca\xeb`Q\x10i@\xc4\xf4%s\xd5RP\x8a\xb7\x08\xdd\x07\x03|\t\xf4\xc9\xa3\xd2\xe9c0\x98\x18m\x19\x9d\x94\x0cW\x0e\x03\xd6\xac\x95\xa4OCn\xb0\xb8:\xd8\xff\xf5\xf3h\xe6\x0c\xadk\xb0\xc4\x1c\x96\xe46\xce\t\xe9\x8f:\x15jGen\x15 \x8d\x84\r\x8d\xfdf\x00\xd1\xe8_\xb1L\xc9\xe8\x05\x14\xa4\x8ar +\xac\x9a\x0c\xd4#\x01r\xec\xcc\xc4\xed\x82G\x14\x14\x14\x84\xf0\xda:\xaf\x80\xf4\xc4\xa4Mdv\xb8\x05\xf1c\x93\xe7\x07\x14\x0ehI/\x0f\xdf\x87\xbb\x97\xdeRd\xfc\xa2 \xb2E\x19\xc9\xef\x7f{\xf2\xcf\xe9\x12g\xe5\x11a\xe0\xf9\xf9\xf0\xea\x08\xf2\x94\xe2cLQ\xe7\x95,V\x08\xf6\x1e.7\xc2^\xf5\xb2\x12\x81\x98\x80\xd8e"\t\x88e\x03q\xfe\xb8A\xa5-\r\xfd6\xed\x9aG+\xadW\xae\x1fn\xb5B\xe1\x9f\xc5\x00N*d\xcf\xd5{\x8b\x1c\x8c1\xbea\x81\xf7[k\xe3\xc9\xf6\t]\x13\xd8\xe9"?n\x1ef\x7f\xb4\xc4\n\xd8\x1bP\xf0\xc4z8&amp;\x0co\xc9\x00\xa0\x00\x15l\xb9\xa2\xab\xd3y\xe6K\xb0\xe8%\x97\xf8d\x04/\x89\x13\x15\xcb\x18\x81M\xf7\x9c\xb3\xa3\xca\xd5\xdd\xfc\x13\xad_\x98\xb9+2\xe2F\'\xb6\xbe\x1ee0\x14\toD\xa6\xb8\x05\xb6\xb1\x90\x81\xd1?s\xfad2M}Wg\xb5\xf2\x15U\xf2\x15_\xc9\xb0\xf7\xa5\xe6\xf3+\xaa\x1dP\xdb\x9bBo\x102\x91J\xfe\xa1\x0e,&amp;\xf5\xac\x82jl\x95B\x15\x98\x1e\xa7y\t:U\xc8\xeb_\xd5\xbf\xfb\xde+o\xbal\xfeRu\xa9\xa1\xb1wN\xaa2\xe3\x85\x16\xd7\x9f9\xe4=\xea\xbf\xef\xba\xa4\xff\xaa\xd5g\xcef\x8bB\x18\xd7X8\xa7\xd3\xdb\xda\xca\x8f$\xe7\x04\xd3I\x16q\xab\x95\xe3i\x18m\x96vo\x05\x8fz\xb0k\x11\x07\xbc\xa6\xc9\xbaj=\x95\x0b\xe0\xe1\x1c\xcdm\xa3\xacH\x9dW\xdc\xdc\xbd\x94@\xe7zx\xd3\xb2\xf1\xdf\xee\x1a\x08\x8d\xb5\xf3\xb8Qn,\xab.\xf4\xb1/\x0f8&gt;mA\x15\xcc{(\x92;y\xb2\xf2\xdf\xf3j\x90v\x9e\x1fX\xec\xf1#\xd2,\xa9\xd7)\xa5\xe2\x8a\xdd\xed\x14\x0c\xeaK\x1a\x887"\x13Z\xcch\xe4]\x82\xd2z\xbc\xa7l\xdc$\x96\xc4\x96\xa4}\x88\xc1\x9a\x81b\x14O\xbbV,v}\xf5\x8fW$\x82\x0c\xce\x19F[v\x8ej\xb8\xe1\x10\x152e8\x05G\x1d\x9e\x08\x8e\xf2m\xd6w\xfan\'\x1fTeQ\xe2\x1b\xe0\x05\x94iM\x1d\x9c\xc27,p#\x18\xc0\xcf-8\xd2`\xda\x9c,\xa3\xdfR\xcc\x1f&gt;\xb0&lt;\x94$o\xcf~)5\x95j~z\x10[\xe0P\xfd\xcc\xd7\xcb\xfa\xe5\xf5\x82~\xefv\xa7\xc6\xeb3\x89\xacR\xe38\xe2\xed\xb5^\x86\xa4\xea\x04\x0f\xe5\x16K\x11H\xde\x06\xd8\x98\x90\xd1W\xf4\xef\xa2Ia*\xdc\xe6}#\x14PS\x15%\x99\x87S9]N\x81)?\x19\xd3m\xb9kX\xb8\x13M\n\x84=\xfb\xf1\xa8\x02\xf2\x8b\xb1\xc7\xc2\x90\xd7\xfcG\xb9\xcb\xa7{\xea\xddz\xa3\xba\x8a\xe9\xa4\x05;\xe7\xdaR\x7f\xa0-\xb1\xa0\x94R\xa5X\xb7\x17\x00\xfe\x82\xf0\xd9\xa0o\x0f&lt;\xccu*\x01;\'\xda\x14C\xc5\xdd\x8b\x90)e\x04\n\x16\xe8\xc8\xf3#e\x13&amp;\xe4\x08Kj\x87\xe9\x8f5$d6\x9d\xa0\xd5\xcaS4\xb6\x9c\x98\xb5S\xd3\x19\x9fS\xb0\xac\x9eQ\xcd\x13c\xbd\xa0\xb5\xa9\xa46T8\xbd\xa6=\xfc\x7f\xe3\x9a\xb7\x9dom\x04\xab\x07&lt;\xab&lt;\xf3\x18\x08\x96\xfaf~\xe2 m.\xb2\xa1\xddE\xad\x0ckF?\xfd\t\x04|\xe9\x85a5w\xa4My\x9b\x89\x8b!\x1b\r\xf4\x82U?6O\x9e\xf3\xf9\xe9}\x8a\xcd|\xce^\x86\xa4\xea\x04\x0f\xe5\x16\xcb\x03\xc5^\x9e\x10\xca\xa3;\x06&lt;\xceb\x99?|H\x04\x0b5(S\xaeVY\x11\x8btK\x00\x8a\xaeuM\xb6Vc+\xab\xd1\xae\xafrK\xfc^\x17\xba\x0e]`\xb1\xac\x12)"\xa7\xc6\xab\xde\xe9:\xa80V\xdca\x1f\x81\'?H{\xa8\xdf\xb9\t\xb3M\x19p%^0\xfa\x01\x8a\xe5Y\x10\xeb\xd7\x04\xe7)\xa5O\x99\xfe\xe1\x8b\x94\xe7\xaf\xc5U\x8c\xf4~\xacO\x1fQLK\xe7\xc7l\xf9s\x89X\x07\xf6\xd3\xa7\xbdOJ]\x13\x03\xf8\xbe\x80\x9d!\xe0Wk\x80Y\xce\xba\xc0\x82I\x80\xba\x82\x14:\x90~\x15f\x1a9\xf6R\x18s\x08\x12\xd8H\xc3\xd3\xf2\xd5x&lt;\xbel\x08X2z\xee\xfaS!&amp;\x1d\x9f\xdb;@B~\x96c}\xba\xd6@\xd3\'\x8b\xf5\x96\xfa\r\x7fm\xd2rn\xcb\x01x\x174~l\xf3:\xae\\\x8e32\xf9\xa6\xcf\xe6\xa5\x0bt\x9b\x80n2`\xf4I&amp;\x9c*L\xe0\x8a\x93\x98\x93\x1f\x02\xd9\x18\xea\x82\n\x99GN\xaf\xf1\x9c\xb7\xbfq\x9e\x93T\xa9\xd0\x95\'\xbc\x94\xd0\xd0\xef\xbc\x80\xd8\xff\xae5n\x9a(\xf8|$\xb8\xe1\x1c6&amp;7cp\x07\xae\xb9:\xfc\x07\xb82\xe6P\xd9\xdeRX\x93\xb3\xa9;\xe6D\x93NB\x92\x1f\xd4\x10\t\x8e\xcdvz\x94r4q\xfb:\x82\xad\x1a\xc0&gt;\x19Y\xeb\xe9\x91/\xf5K\xd6\xd4\xeb\x82c\xe9\xdcT\x9b\xfa\xb2\'\xc1\x85)\r\xd9d\xc1\x12p\x99\xf9j\xb5q\xe2\xd5\x02\xacgxW\xa2\xf2\x19\x82\x9f\x8c\x9a|\xf0\xe7\xec9\x94\xb4\xba\xb0\xa2\xcc\xc1\x87\xb2AJ\xfe (\xf8\xcc\xca\x03jf|\xa1\xa3\xfe\'S\'\x0b\xa6j\xf2!\xf7\xf3\xe65\x9c/\x87\x9dj\xa9\xdb[e\xa4p\xf7Yj\xf1\xe9\x04\xa3\xa2kl:\xd3\x1b"G#\xd7)\xd5\xa3k\x9f|a)\x02\xd7\x14\xd6\xccw\x9cS\xac\xb6\xb1\x83g\xba\xf9\x9b\xcaI\xa8\xfe\x15\x97\xb9F\xed\r\xaf\xd4\x00\x8e!\x0c\xaf\xc2(\xf5vs\x18\xb6\xa0\x1eCR]\xd2\x96\xf3\xa6\xae\x9f\x91[O8\x82\xad\x84f\\\xff!\xdd\xeaM\x9anU\x99\x9aG\x17\x91\xa8G\xbed\xe8/\xd9\x96L\xf8\xaf@\x1e\x83.h\x16\x02\x1c@\xe3a\xd2\x1b\x02k7/\x11_\xb0c\xbcb\x84h*u\xf9&gt;\xf9\xe2\xf9v\rhj\x15D\x8d\xf8\xc5\xfd\x0f\x1e\xf3s\xf73\xed\xf6\xd94&lt;\xe1\xae\xab\xba\x96\x16@\x0fx\x8e!5y\xb6\xa0\xae)\x0e\x8d4\xd7\xba\x80\xdbu\xb04}\xe53\x91;\xfe}4\x8eK\x8aY6\\rV.\xcb\xb6\x00\xd1\xaf&lt;\xec"9\xd7\x15"\xab\\|_"O\xa7&amp;l\xb11\x05\xb0\xfeT\xe7\xee&lt;\x9b\xd2\xdc/?p\xc6\xb7\xfc\xae|\x91\xf4\xf7\x19\xa46\xdc\x10E\xd3\xae`(\x1eK\x96`\x12\x0f\xf2T\x11"jS\xdc\x87H\xa9\x81\xce\xe5\xd4Da\xaa\x8a\xa4\x18\x81\rz\xf1\xd9\x97\xc8C=SU\xcfo\x98\xf0\xcc\x8f\xb1 8\xef(\xae\x12\xfej\x15I*\\'</t>
  </si>
  <si>
    <t>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</t>
  </si>
  <si>
    <t>b'\xca\xf5\xf4Z\xb2K8\xef+\xc4P\xef\x9a\xad\x19\x91'</t>
  </si>
  <si>
    <t>tray'd,
 A stranger yet to pain!
 I feel the gales, that from ye blow,
 A momentary bliss bestow,
 As waving fresh their gladsome wing,
 My weary soul they seem to sooth.
  GRAY
 On the following morning, Emily left Tholouse at an early hour, and
 reached La Vallee about sun-set. With the melancholy she experienced
 on the review of a place which had been the residence of her parents, and
 the scene of her earliest delight, was mingled, after the first shock had
 subsided, a tender and undescribable pleasure. For time had so far
 blunted the acuteness of her grief, that she now courted every scene, that
 awakened the memory of her friends; in every room, where she had been
 accustomed to see them, they almost seemed to live again; and she felt
 that La Vallee was still her happiest home. One of the first apartments
 she visited, was that, which had been her father's library, and here she
 seated herself in his arm-chair, and, while she contemplated, with
 tempered resignation, the picture of past times, which her memory gave,
 the tears she shed could scarcely be called those o</t>
  </si>
  <si>
    <t>b'r\x9d\x9cE\x18\xef\xe0\xbe9\x82|\xc2\x15\xf8]\xc7\x1e\xb4\xb7\x19\xcb\xad\x13\xe8 \xf4\xcd-\xad5qIi\xb1\xaf\x11\xb6\xbc\x8a\xa9\xa9\xf7\xca\xb5\xc7\xa056\x80\x1d\xe7\xdb\xafM\xde\x98Fj\xc2V\x1f\x8d\xd04'</t>
  </si>
  <si>
    <t>729d9c4518efe0be39827cc215f85dc71eb4b719cbad13e820f4cd2dad35714969b1af11b6bc8aa9a9f7cab5c7a03536801de7dbaf4dde98466ac2561f8dd034</t>
  </si>
  <si>
    <t>b'r\x9d\x9cE\x18\xef\xe0\xbe9\x82|\xc2\x15\xf8]\xc7'</t>
  </si>
  <si>
    <t>eron, 'but you shall judge. Do you observe that young man
 seated near the bottom of the table, who is conversing with
 Mademoiselle D'Emery?' 'Yes, I perceive whom you mean.' 'You observe
 how little he has the air of a person of condition; I was saying just now,
 that I should not have thought him a gentleman, if I had not seen him at
 this table.' 'Well! but the report,' said Madame Clairval, 'let me
 understand the subject of your distress.' 'Ah! the subject of my distress,'
 replied Madame Cheron; 'this person, whom nobody knowsâ€”(I beg
 pardon, madam, I did not consider what I said)â€”this impertinent young
 man, having had the presumption to address my niece, has, I fear, given
 rise to a report, that he had declared himself my admirer. Now only
 consider how very mortifying such a report must be! You, I know, will
 feel for my situation. A woman of my condition!â€”think how degrading
 even the rumour of such an alliance must be.'
 'Degrading indeed, my poor friend!' said Madame Clairval. 'You may rely
 upon it I will contradict the report wherever I go;' as she said which, she
 turned her attention upon another part of the company; and Cavigni,
 who had hitherto appeared a grave spectator of the scene, now fearing he
 should be unable to smother the laugh, that convulsed him, walked
 abruptly away.
 'I perceive you do not know,' said the lady who sat near Madame Cheron,
 'that the gentleman you have been speaking of is Madame Clairval's
 nephew!' 'Impossible!' exclaimed Madame Cheron, who now began to
 perceive, that she had been totally mistaken in her judgment of
 Valancourt, and to praise him aloud with as much servility, as she had
 before censured him with frivolous malignity.
 Emily, who, during the greater part of this conversation, had been so
 absorbed in thought as to be spared the pain of hearing it, was now
 extremely surprised by her aunt's praise of Valancourt, with whose
 relationship to Madame Clairval she was unacquainted; but she was not
 sorry when Madame Cheron, who, though she now tried to appear
 unconcerned, was really much embarrassed, prepared to withdraw
 immediately after supper. Montoni then came to hand Madame Cheron
 to her carriage, and Cavigni, with an arch solemnity of countenance,
 followed with Emily, who, as she wished them good night, and drew up
 158
 the glass, saw Valancourt among the crowd at the gates. Before the
 carriage drove off, he disappeared. Madame Cheron forbore to mention
 him to Emily, and, as soon as they reached the chateau, they separated
 for the night.
 On the following morning, as Emily sat at breakfast with her aunt, a
 letter was brought to her, of which she knew the handwriti</t>
  </si>
  <si>
    <t>b'\x91:\xdf\x82$6\xf4i\x1b\xa8\x08M\x07(\x95\xf0X\n\xea\x8d3\xb4\x01J+\xe0p\x98\x0e\x82\xfcr;(\x83N\xcd6\xfc\xd9a\xc7\x01\x94\x95\xf6\xbf\xe5\x8c\x9d3$\xcdT\x04|\xcb\x03r\x01r\x8b\n:'</t>
  </si>
  <si>
    <t>913adf822436f4691ba8084d072895f0580aea8d33b4014a2be070980e82fc723b28834ecd36fcd961c7019495f6bfe58c9d3324cd54047ccb037201728b0a3a</t>
  </si>
  <si>
    <t>b'\x91:\xdf\x82$6\xf4i\x1b\xa8\x08M\x07(\x95\xf0'</t>
  </si>
  <si>
    <t xml:space="preserve">thy
lives in their forever homes.
A pet doctor is called a veterinarian, or a vet. Your dog should visit a vet at
least once a year, but every six months is even better. The vet will check
them over to make sure they are healthy. Pets won't often let you know if
they are not feeling well, but the vet will be able to tell. They can ensure that
any unwanted behavior is not due to health problems.
We know that you want your dog to stay healthy, so how often do you think
dogs should be checked by their doctor? If they start to hide it may be a
sign they are sick or hurting. If your dog doesn't eat, or drink clean water, or
seems especially quiet or tired, then they should visit their vet right away.
A pet doctor is called
a veterinarian. Itâ€™s
very important for
your </t>
  </si>
  <si>
    <t>b'\x1by\xd9+\xa8\x88nbu#\x94 \xc2\x1be\xe1X\xa3\xe7u\xe6\x9a=\xa1\xddc5m\x1d(\x05,#i\x02\x0c\xe2\xcf\x90\xcf\xda\x9e)\xfc\x14\xc9\xcb\x04\xa5\xcaY)\xc6\x1e\xa6\x8e:\xa8\x91\x81`\x9d\xcd\x9a\xcb\xe4\xe5-\x91*q\xb41\x19\xe9\x87\xc7M\xfe$\xcb\xf5\x1d\x92\xee\x8a\x14\x81\x92\xa0\xeb\xe7l\xfa\x903\x92\xc1\x84\xd1jI\x80\x13\x83\x9a\xa9\x85\x9d:\xdc\xc6\xc0\x97\xae\xd6-*\x9f\xb6\x9b\x97\xfe\xc3\xef\x8e.\xc2\xdbJou_\xa1\xbeO@\xce\xf19\x96U\xf7e\x10=\xc9\x12\x19\xa9x\xa8k\xf0!^\xdf7\xff\xd3\xf3E&amp;\x18\xb8\x1a\xdd\xca\x17c\x82\xfa-\x8b\n\xf5\x10R\xe5\xde\xe1\xafIf\x0e\xe0\xec\xa5{\xaf\x8d*i\x9d\x9b\xc1Y\x0e\xe4\x03\xd2&lt;\x88]\x06\xe8\x1f\xc9\x03b}/\x8e&gt;\x0eY\x08N\xbf\xae\xdcd\xe0d\xdf\x1a\n\xfc\x01\x84b\xb0\xebo\xa8s*\xab\xfc.\x1a9A\xfb\xab\xd7\x9aJ\x8b\x87\x15f\xf9\x0f\xbd\x00\xf7\x98\xa4\xff\x9d\x1c~ D1\xe3\xce\xbcN\xb9\xf96\x99\x90\xe5|\xac3,fq\x8fd\x97\xe0\xc3d\xbc\x9b\x04|i\x9eQp\x92\xe3\xfe(\xcaQ\x84e\x91\xcb&lt;\x8e\xda\xf0\x9d\tq\xc3h\x02\xdf\xe5J3p\x05\xc9\xd1ou\xf6V\x12\xdc\x80\xde;2\x05\xdc\x03\xbc\xbe\x18\xe2\x97o&lt;(\xec\x05i*\nv_\xd35^h\x96\xe0\xe4?~\xd7\xc0\x0e\xd3k\x02\xed\xcf\xb1\x19\x91sfW\xfe\xcd\xff\x8a$\xa5\xccr\xa7\xffjy\x07F\x84\x99\x91\xda\x89\x9cHB\xeb\xf4\xfa\xf2\x03\x10H.\x895\xd09%\xdf\x1f\xb3E\'\x02\xf1\x82C\xc9\xcb\x8bW\x85\x96I5\x83]\xe9#\x85\xef\x9f\xc5\x8c\x95\x9cL:\xa9\x04\xe8-p\xd6{\x13S,\xf5\xd7;k\x06\x08\xf9\xc5/V\xe6\xa9o\xe1Fh\xac\xa3\xd7\xacr\x8e\xb8\xa0\x7f\n\xff.\xc2R\xc4\t\xc7\xaa\xd8n\xd1\xca\x1e\xffa\xc9\xc3\x08\xfb\x18\xaa=HLq\x8e\x93\xa0n\x90\xa7\xb3\xca;\xfa\xf7\xe7t\xe2Vj\xb0\x06M\xa1\xa6\x06\xb7t3\xcc-;\x18m\xa0J\xdd\x16k\xd1\xfay\x99JI4\xe8\x9bK\xa8\xf7\xa8l\xaft\x93\x15o\xbc\xe2\xdc\xfa\x96-\x9a\x88$\x8dHW0c\xaf\xefC\x89\x16\xc3\xdfV\xac\x03k\x94\x98U\xc0r\xea\xaf\x08Am\xf3g\xae\xcd\x90W\x89\xcf\x03\x94\xe0\xc4\x9bi\x98\xa9\xed\xe6*Z]G{\x0eF\xd0\x08l.G\x85\xe6\xef\xbf\x02\xff\xca\xa9m\x98\xb2\n\xe4\xc1j[\x8f\x03tv)\xddG\xeaN\xb6"\xbd\xb8\xfeg\xc5\x84\xde\xe4\xf7G\xfd\xd1-\x02x\x9c\xd3\x0c\x92\x9c\x1cpGlx\x8a\x1d\xe1)\xa6@\x95\xb3}F(e\x8d\xd9\xa3\xcb\xfb\x90il\xaf\x15\xc6\xe1\xfb\xe0\x90b\xf7\xa9gX\x1b\x8d\xf9\xf3G\x8bJ\xe6T\xeb\x86\x08\xc5\xb3Q\x8cw\x11"\x92{\x0c\\\x8a\xd6\xfd6\x19\xe1\xb6\x8df\xa7\xfd\x18&gt;\xc8\x03\xa5&gt;\xe8\x95\x1e\xc2e7OlH\xc4\x07\x93\xb2\xd8\x1f\x9cP\x8b&amp;\xc2%\xed\x9e\x96\xb1\xd5\xdfzP\x123'</t>
  </si>
  <si>
    <t>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</t>
  </si>
  <si>
    <t>b'\x1by\xd9+\xa8\x88nbu#\x94 \xc2\x1be\xe1'</t>
  </si>
  <si>
    <t>me, save me!' cried Nibs, falling on the ground.
 'But what can we do, what can we do?'
 It was a high compliment to Peter that at that dire moment their thoughts
 turned to him.
 'What would Peter do?' they cried simultaneously.
 Almost in the same breath they added, 'Peter would look at them through his
 legs.'
 And then, 'Let us do what Peter would do.'
 It is quite the most successful way of defying wolves, and as one boy they bent
 and looked through their legs. The next moment is the long one; but victory
 came quickly, for as the boys advanced upon them in this terrible attitude, the
 wolves dropped their tails and fled.
 Now Nibs rose from the ground, and the others thought that his staring eyes
 still saw the wolves. But it was not wolves he saw.
 'I have seen a wonderfuller thing,' he cried, as they gathered round him
 eagerly. 'A great white bird. It is flying this way.'
 'What kind of a bird, do you think?'
 'I don't know,' Nibs said, awestruck, 'but it looks so weary, and as it flies it
 moans, "Poor Wendy."'
 'Poor Wendy?'
 'I remember,' said Slightly instantly, 'there are birds called Wendies.'
 'See, it comes,' cried Curly, pointing to Wendy in the heavens.
 Wendy was now almost overhead, and they could hear her plaintive cry. But
 more distinct came the shrill voice of Tinker Bell. The jealous fairy had now
 cast off all disguise of friendship, and was darting at her victim from every
 direction, pinching savagely each time she touched.
 'Hullo, Tink,' cried the wondering boys.
 Tink's reply rang out: 'Peter wants you to shoot the Wendy.'
 It was not in their nature to question when Peter ordered. 'Let us do what Peter
 wishes,' cried the simple boys. 'Quick, bows and arrows.'
 All but Tootles popped down their trees. He had a bow and arrow with him,
 and Tink noted it, and rubbed her little hands.
 'Quick, Tootles, quick,' she screamed. 'Peter will be so pleased.'
 Tootles excitedly fitted the arrow to his bow. 'Out of the way, Tink,' he
 shouted; and then he fired, and Wendy fluttered to the ground with an arrow in
 her breast.
 CHAPTER VI
 THE LITTLE HOUSE
 Foolish Tootles was standing like a conqueror over Wendy's body when the
 other boys sprang, armed, from their trees.
 'You are too late,' he cried proudly, 'I have shot the Wendy. Peter will be so
 pleased with me.'
 Overhead Tinker Bell shouted 'Silly ass!' and darted into hiding. The others
 did not hear her. They had crowded round Wendy, and as they looked a terrible
 silence fell upon the wood. If Wendy's heart had been beating they would all
 have heard it.
 Slightly was the first to speak. 'This is no bird,' he said in a scared voice. 'I
 think it must be a lady.'
 'A lady?' said Tootles, and fell a-trembling.
 'And we have killed her,' Nibs said hoarsely.
 They all whipped off their caps.
 'Now I see,' Curly said; 'Peter was bringing her to us.' He threw himself
 sorrowfully on the ground.
 'A lady to take care of us at last,' said one of the twins, 'and you have killed
 her.'
 They were sorry for him, but sorrier for themselves, and when he took a step
 nearer them they turned from him.
 Tootles' face was very white, but there was a dignity about him now that had
 never been there before.
 'I did it,' he said, reflecting. 'When ladies used to come to me in dreams, I said,
 "Pretty mother, pretty mother." But when at last she really came, I shot her.'
 He moved slowly away.
 'Don't go,' they called in pity.
 'I must,' he answered, shaking; 'I am so afraid of Peter.'
 It was at this tragic moment that they heard a sound which made the heart of
 every one of them rise to his mouth. They heard Peter crow.
 'Peter!' they cried, for it was always thus that he signalled his return.
 'Hide her,' they whispered, and gathered hastily around Wendy. But Tootles
 stood aloof.
 Again came that ringing crow, and Peter dropped in front of them. 'Greeting,
 boys,' he cried, and mechanically they saluted, and then again was silence.
 He frowned.
 'I am</t>
  </si>
  <si>
    <t>b'b^\xf9R\xed\nlc'</t>
  </si>
  <si>
    <t>625ef952ed0a6c63</t>
  </si>
  <si>
    <t>and she was to be given every pleasure she asked for.
 "She is a sensible little thing, and she never wants anything it isn't safe to
 give her," he said.
 8
 Then he went with Sara into her little sitting room and they bade each
 other good-by. Sara sat on his knee and held the lapels of his coat in her
 small hands, and looked long and hard at his face.
 "Are you learning me by heart, little Sara?" he said, stroking her hair.
 "No," she answered. "I know you by heart. You are inside my heart." And
 they put their arms round each other and kissed as if they would never
 let each other go.
 When the cab drove away from the door, Sara was sitting on the floor of
 her sitting room, with her hands under her chin and her eyes following it
 until it had turned the corner of the square. Emily was sitting by her, and
 she looked after it, too. When Miss Minchin sent her sister, Miss Amelia,
 to see what the child was doing, she found she could not open the door.
 "I have locked it," said a queer, polite little voice from inside. "I want to
 be quite by myself, if you please."
 Miss Amelia was fat and dumpy, and stood very much in awe of her
 sister. She was really the better-natured person of the two, but she never
 disobeyed Miss Minchin. She went downstairs again, looking almost
 alarmed.
 "I never saw such a funny, old-fashioned child, sister," she said. "She has
 locked herself in, and she is not making the least particle of noise."
 "It is much better than if she kicked and screamed, as some of them do,"
 Miss Minchin answered. "I expected that a child as much spoiled as she
 is would set the whole house in an uproar. If ever a child was given her
 own way in everything, she is."
 "I've been opening her trunks and putting her things away," said Miss
 Amelia. "I never saw anything like themâ€”sable and ermine on her coats,
 and real Valenciennes lace on her underclothing. You have seen some of
 her clothes. What DO you think of them?"
 "I think they are perfectly ridiculous," replied Miss Minchin, sharply</t>
  </si>
  <si>
    <t>b'\xb8\x9b&gt;\x18[e&lt;\xa1'</t>
  </si>
  <si>
    <t>b89b3e185b653ca1</t>
  </si>
  <si>
    <t>at capital and that momentum to roll out product after product,
 and she used the exposure from the Kickstarter campaign to get more press in
 her local area and online. A few years later, Sophieâ€™s business was nearing
 $10 million in sales. Not bad for an idea that started with a $5,000 goal!
 Good Debt and Bad Debt
 If you donâ€™t like the idea of giving up a piece of your company and
 crowdfunding sounds too labor intensive, taking out a loan to get you over
 the bridge is your other option. People are generally averse to the idea of
 taking out loans, but you canâ€™t consider debt in a vacuum. Thereâ€™s good debt
 and bad debt. The way you calculate if debt is good or bad is how itâ€™s used.
 Good debt produces return on investment (ROI), and bad debt is merely
 money spent.
 Borrowing money to buy a fancy car is a bad use of debt. The car loses
 value as soon as you drive it off the lot, so the ROI is negative. Your money
 is no longer working for you; itâ€™s just gone. But, if youâ€™re using debt to buy
 something with a higher rate of return, thatâ€™s good debt. That debt will
 ultimately make you money. For example, if you take out a loan to buy a
 house, and you rent the house out at a profit, then thatâ€™s a good-use debt.
 Bank loans are your best bet for affordable debt, and the Small Business
 Administration is one of the best sources of low-cost debt in the world. Its
 drawback? Time. Getting approved can take months.
 One potential source of good debt is Kabbage.com, which offers
 crowdfunded loans for businesses. Itâ€™s best used carefully, however, because
 it has really high interest ratesâ€”often, somewhere between 20 to 30 percent.
 Why would you use a service thatâ€™s so expensive? Because itâ€™s still less
 expensive than running out of inventory.
 If youâ€™re going to borrow money at 20 percent because youâ€™re going to
 use that money to buy inventory at $10 and sell it for $50, then youâ€™ve now
 traded a 20 percent interest rate for a 500 percent return. Most of the time
 thatâ€™s a pretty good trade.
 I use strategic debt in my business when I can reliably predict my ROI. If
 I know Iâ€™m going to sell my inventory and get a 200 percent ROI on that
 purchase, then it makes sense to pay 10 percent or more on a loan. That frees
 up a lot of cash to use in other areas of business.
 If you sell on Amazon or use Shopify for your online store, these services
 often release funding options for businesses with at least six to twelve months
 of sales history. Amazonâ€™s program is (predictably) called Amazon Lending,
 and itâ€™s one of the best sources of debt because itâ€™s affordable and fast.
 However, you must be consistently selling on Amazon before this option
 becom</t>
  </si>
  <si>
    <t>b'yJ\xed\xed\xef?\x1dZ\x18\xc8~\x90B\x9d\x1f\xbf\x97H\xcc\xb0\xe0z\x97;0\xa1\xa4\xaa:^gf\xf5\x07G\x11\xbd\x93\xd0Z\x9c\xfe\r\xcdR\xad\xe3\xca\x948u\xb7\x1e\xc2\x9f\x11\xa4\x8f\\\xff\xdd=\xeax\x0c\xb5\x06ib\xd1\xfa\xf1E9\x03B\xcf\x13\xd86\xd0\xc3P\xd9k\xc6\xeb\xa5%JLA@\xb0Xf\x1ejW7\xff\xa1\xb9\x9ar%\xc9)\x95\xb6c\xf2\xfc1\n\xc0$\xbc\xe9l19\xc6\x94dc\xc1\xcf\x04+\xc7\xdcp6\xbeac`z\xe2s\xfe\xa1\xfd\xe6\ns\xed\x8c\x82\xad\xb2eyC*\x98\xea\xb5?\xf7\x02\x80}\xeba\x11\x98\x16\x7fk$\xe0\xc0\xe1N/8\x12\xe3\x8c!A`j\x9d)\xd4\xa4I\x18\xebd:\x8d1*Kx^\xb7\xf6r\x8d\xcd,\x16\tY\x8c\x89\x18\xd6\x0c\xe4R\x91\x12;$\xec\x8bWQ@f\x99\x8a\xa3\xa0\xd6\x97v\x8b\x1c\xf2\x1dyr\x0cT\xbe7\xa6d\x0fyr\x816\xb0\x86\t\x83\xd8\x97\x97\xe7\x8e\x16\xafU\x1e\xbc\x16\xa3\xb4\xba\xb1a\x8a\xc7\xb0\xbb\xb1\xa9\x81j\x88!\xb5\xd4\xcf\r\xa4\xeaD\xb5\x89f?\xd3\x8ao2*\x12\xeb+N\xd0Jp\x81\xc1D\xd1v\x88x\x05z\xb9"\xab7\x9d\x97!\x93\xbas\x15\x0f\x86\xe7\xe5K/\xf6m\x068\xb6tk\xdf\x0fs?\xcb&gt;\x9ce;\xe0T\xca\xe4\x8c\xdaf\xd0Kg\x90\xd0=]\xc2\xc1\x1d\xc2\xca\xd4K\xcc\xd7)J\xfb\x12\xac4\x1d\xd8\xbf\xc2\x9b\xab\xf5\xddO\xd0\x01.p\x88&lt;\x07\x8e\xca2\x03.\x81\x03\x11\x1aY\x96\x1c\xe1\x81\xc3;v\xec\xf4\'\xe1N?\xb3\xfa\xd9\xc7\xd5C\r\x0c\x7f\xec\x97\xdd\x1c\xaeM\xe4J\x95\xe3\xc3}\x1d\xfa\xf0\x82\xa0\x83\xfb01d}D\xae\xab\xac\xfc\xf2\x051\x07;tN\xd14\xe8\x02\x82\xb5H\xe5\xf1@\xdf6\xd4\xf0\x04\x19\xeb\xb4f\x04\xb8jz\xeey\x93r\xaaC\xa2\xd6l\xaf{\xf2\x02\xf1\x11\xd8\x87\xe9\xacv\xdfe\x19\xf8\xa6\xab+O\x12E\xe31^\xa9U\x81it\xca\xb7]j\xd3\xf6\xd6\x9f\xeb\xb4/\xf1+\x94E%C\xdfR[\x15\x93{\xc55&gt;\xad||i#\xc0`Q3\x8b\x14G\x95\xb32\x90?\xff\x10\xd8\xa2*\x96\xcd\xfa\x8f\x1a\x96O\xc4\x82\xc1\xc0X7\xa4\xa7\x03\xafNm2\x80l8\xbf)kK.k\x13\x04\x0b\xd5\xf7\xbd*\xf1g\xfb\x1bX\x0e\xf2\xb5n\xa5p\xa2\xa1d)\xde\xc5\x7f\x83\xa4N\xd9\x8cA\xfc\x84\xfe\xa5._\x90|\xda\x8c\x18\xbe\x01o\xe2B\x9c\xa9\xbc\xdd\x04\x02\x83IX\xef\xf7\xbd\xd13\x84\x82\xc7\xafH\xa3\x1d\t\x00l\xec\xcd\xcd(\xfbbi\xd1#\x06\xe2\x8a#\xdf\xd6\x18\x9e\x042\xa7\x05y4\xb7H$\xab(\xb4v\xb2\x875y\xe5\x10\xbd\xa4\xeb-\xc6s\xe0\xb3\x84Qs\x10\x9b\xf6\xb9G\xce#\x1f\xf0\x16\xa4\x83\x9c\x11\x87\xc6\xf6\xe1\xab\x80\xcd\x1d\x19\x1a\xe8r%\x0e\x99\xa1V\xe3\x0b\x88)\r\x9a9\x0b\xd4\xfc7\xa2\r\xcc=\xf7\xb6\xa7\xb7\xd3\xf1\x8bG\xd7\xa8\xdb\x04\x89\xbc&amp;\x16\x1b\x01.\xf9\xd0\xf7\xa88\xd5\xe1\x92\xcb\x19\xfa\xa3z\xf6\xe9\x15A&lt;\x97\xbf\xf5I\x1dr\nH^\xba\x16*\xa63\xfb\x8d9\x871\x94l\xee\x87\xcf\xeb\x90\xe1\x0c\x00\x874\xfc\xb5\x10\x04\x0b\x84\x8c\xaa\xea\xcd \xb1*\x1e\x8c\n(v\xe6\xfe}\x90\xb06\x99\xf0\xa2\x1dP\xca3\x12p\xdf\x9c\x0b\x94\xe8`9\xad\xf60\x81\x02J\xef\xf2\xa0s\xa9)R\xcd\xc3&amp;\xba\xa3I&amp;\x98\xe9\xf8\x9a\xb5\x89\xbc\xdcJ\xa5\xfb\x91\x9a \x01\x87\xd0\x18\xac\x80\xec\t&lt;\xbdy\xab\xc8\xc3\x9d#\xf7\xa9y.3\xb8\xba\xb7\xe2\xd2}\x07\x97,vV(\n\x12\x83\x18\xcaw\xcaZ\xc9\xde8\xaa8s\xb6\xea\xcc\xdbY`\x8f\xa9\r\xf7\xd9F\xa0\xdeM\x94\xa2\xad\xb9\n\x1d\x9e@\x0e\x1a\xdc&gt;\xaac\r\x0b\xa8\x08\xe6\xaf\xd5,\xc3z\xfe\n"{\x1a\x9d\xee0{hiDu\xa9Q\x90g\xee\x99\x12\xe2\xed\n\xdc\xff&amp;\xed\x0be\xcd\x86\xa49\x16[\xa5\x05\xf5\xc9\x8d\xe0\xd1OUg?\xf2\x90\x89ZA\x1d\n\xe9\x0ftW9\x182\xe8hO\xe2~NRvsZ\n\xd6Y\x04\x1a\t~V\x91\xda6\xea\xfej\xa9\xdd\xdd\xd6\x82\x1d\xcepJ\xb4\xee\x83V\xe3\x98\xe0Q\x19H\xb1\xc2U\xf5\xe2\n\x0e\xbb\xf6\xc3\x8e\x83\x80%la&amp;\xee\t(`"$\x18\xef\xde\xc2\x10B\x17\xaf\xe6\xb3o\x9b4\xec\xdd=\xce,\x1a\x99\x9c\x02\x83Z\xfd$\']\x0b\xa1RjRk\x82\xabY\xd8\x19\x01\xc7\xb0\\\x1b\xb54\xf3r\xc1\xf5\xb1\x12\xb8\xcbX\x12\x86\x97\x17o9]\xcc\xbf!3R\x8f\xb3\xdb\xb8\xba\x83%J/+\x9f*\x99\xfd\xfb4\xf5Tx\xf1\x14\xa0*\xeem)\xb6\xedld\xcb\xe7E\xf6\xbf\xfe\x03\x9e\xa6\xd9\xaf4\xd0NQ\xce\xaa\xb0N\xf5J\xb4\xed\xe6\x00\xd7ruR\x126z\t\x08O\x96^\xf6\xd9L\x07\xf8\x8a\x87\x95rG\xc4\xaf\xc3j\xfe\xc3\xe8\xf0\x90\x14\x92\x11\x9aG+\xe4\'\xc9\xf1\x8b\xcf\xebSx\xdf@\x84\xf2\xd0\xe5\xab5\xa3\xb2B\x1b~#\xef\xd6\x1f\xe9\xb7\xaa*1\xa9\x1d=\x10\xfbu\x07\xda1a\xf8\x96l\xedj\xdbh\xb5\xb8v\xadm\xf0\x80\xdd\xb5\x99\x13\xd0yf3\xa4\xff\x9fP\xf1R&amp;W1t\xf8\xaa+\xa8\xd2F\\\xe6\xfc\xdd\x8d\x8c\xa2\xe3\x17|\x91\xec\xe8\xa2\xd1\x1cf\xf2\xecT\xe3\xde\x9c[\x0b&amp;; \x1d\x07\x93\xaa\xeft\xa6\xbej\x99\xb7x\xde\xf6\xf5\xe2\x1f3\x1dZA\xa6Z\x08\x02\x17X\x11Ew\xea\xb1F\x8a\x0bO\xa2\xd5\xab\x0c\xc7\x97\xed:J|\xac5\x1ef\x810\xc0\x89\xb1\xc8\xcc+\x0b\x90\xac\x0c\xd6C\xb0H\xe4\xd5\xae6\xd0\xcbq\x042\x9e\xf2\xdd\x85\xfav\xc3Z]"`x\x0c\x90Y~\xf3\xb5\xdc\xbf\xb6\x80\xf0\x0c\xc9\xa8\xec1R\x1c\xd8N\x8b\xba\xfdMB\xe3\x94\xdb\x9fx\xccv\x9c:p\x81\x1d\x03\xd3l\x1a\xf9\xc0\x0e7\xf4\xe8\x04\x13\xac\xf7\xf4\x14\xccr\xbdBP\x1d\xe2\x8a\x91}\x94\x8e\xf5\x97H\x1d\xc6f\x88\xc3\xb04%\x87~l\xcd$4S\xb3\x8e\x7f\xe4\xc2&amp;\xb1\xa1\x9f\x86D|\xe9\x17\xec\xa4+\x9493|\xfe=\xab\x89!\xb9\xc3x"/\xf8\xc2\xf0\xfc$\x1a5su\x14\xea\xbd\x8beN=\x1d \xa8\xe0\x1f\x8d\x8c\xc0\x14(\xbd\xed\x08x\x90\xfd\x17&lt;\xc4\x92\x17\xa2\xd6,\xc4\x9f\x0f\xb4\x01\x16\x0c\x8eK\x93\xdc\xf4\xad\x19\xbd\xdc\x99"\x1c~Z\x0e\xc2!\x0f\xd5\xbe\x97\x9e\xb4\xacH\x92Ak\xbeP\xddA\x94\x02\xacO\t\x12\xff\xb9\xd1\x8c\x07\xad[\xc3\xff\xef\xa3*z\xff\x1bN\xe5aa\xb4\xe6\xb2\x9c\xa0\x87\xf1\x92S^-c?pZrQ\xb6}\xf0u_\xfa\x7f \'\xc1\x9b\xa8G\xf1m\x97\xce\r\xb6\x00\x1d@$\xc2\x90|\r\x89\xf4,\xde@u\xbb\xd5\xfa\xad\xc0\xc2v\xb8y&gt;\x95\xc6&lt;\xb1\x8ex\xf7\xe1\xf2=\x01\xd8\xd5\xc7|\xcaZ\xda\xf7\x9ctc8\xa3!\xf4\xfb=d\xf2\xb3\xc0\xa0\xb2\x86\x8a\xc8\xfc\xdelEu\xfe\xb4\xcaq~\x9b\x8b\x81\x92yMp\xfe\xf6\x8c\xfc\xfd\ncB\xf7e\xd5r\xe5\xefVX\x96\x19B\xb9\xa5\xaa\x05u\x9e\xc7\x90s\xb8@\x8fh\x03\x18\x97\xe2Z\xa9DO/\xd3ec\x84L\x8b\xc7\xfc\x88R)\x0b\'Uw`\x0f5\xd3\xb7X\xa8a)\x92\xbb\xfe\xfb\\\xff\\#\xefM(\x0cw\xca\xa3\xb5\x08\x9erZ\xd6\x1c,\x81yTE:\x9c5V\xb8\xad\xe3\x8a\xc3\xf6\xcc\'\x9d\xfe\x14\x9aU\x93\x83\xb9\x157K \n$\xaf\xba\xa3v\x80\n#\xaa\xc0B\xc2\x1fG\x16\x87\xb1\xdd,P-\x12Ct\x9b9cs\x80\xcd\xfb\x1d\xddY\xc5x\x9b\xed}Z&amp;\xef\xca\x9a\xc4\x10\xf0u\xc1g4\x94\x07\xe8\x02\xbf\x8a\xb1\xab-\x89\xa8g4\xfa\xfd\xcf\x01k\xd1\x82z}\xd6\xe5X\x83\x96\x7f\x88\xd2\x9d\xc7p\x81\xc7k\x0ex\x18\xc0\xea\x00G:5\xccp|\x8f\xb1\xdf\x06$\xa4\xc8T\xc1\x01\xddn\x9cE\x1d\x04\x00\x9e\xfd?\xff&gt;\xd4\\1\xef\x83\xaeL\xcdJ\x0e\x16\xee\xec\x0f\n\xa2\x06\xb5\xec\xb7\xc0\xa5\xe0\x9bGE\xff\xb9&lt;\x10\x19\xa1n&lt;J\x01\x8b\xb0\x15\xe7\xc2\xb5\xea\x0f\xe2L\x90)tO{JNV\xa2y\x85\xc1]vT\xec\x1c\x8al\xea\x04*\xf8V\xdd\x0b\xce\x99\x14c\xf4\x8dr\x81\x0f\x94\xdbT*\xa8P[g\x11,1\xc5\x194\xdb\xe0\xa5\xfbn.\xa8T\x03\xde\x00\xa4t\xdb\x8a\x92\xe7\x02W\x91\x87\x003r\xbc\xa3\xed\xa5\x9aM\xe11@\xb7\xb2\xa6\xdf\xb1i\xc4\x89\xd4\x1e\x03\x1f&lt;\x9al\t\xad}\x1c\xba\x93\xcfO\x80\xd9\xca\x90\x8a0\xcf\x86F\x04\xff\xdaT\x03\x1cC\xcd\x89\xf4[\xed\x19U3\xa5\x89^a\xb7\xe0\xf2\xc5\x84x\xd2\xc2#\x11\x82\xe2\x1d`06d\x8b\xfe\xca\x063Yi\xbf\xbc"(A\xa0\t\xbb\xf8L\xec5\xa3\x12\xac[\t\xf7d\xd3\x8d\xfa\x11L\xfa\xf7\x80%H\x0f\'\x0c\xa1M\xde9\\\xcf\xdb\xcf\x7f\xb7\xba\xe0\x1ed\xdcFs\xbee\xa5\x95\x85`I/\x12O\x82\t\xf7\xcd\xcbGM\x1dR\xdbx\x92\xd6\xc3\x88\xe4KoP\xbeNe\t\xd8\x90v\xa4Z\x15\xc8\xe2\x1b9h\x12\xb8\x7f\x03\xa94\xfa{LR*\xb4\xb6CT\x9c\xaa&amp;\x081\xb3\xd6\xd7j\x8b\xf5[\x0c;r\x8f\x1e\x92\x93\xcf\xb5\xcb\xd1r\xd6\x01rM\x7f\x1d\x18t\xca\xb6\xf1\'&amp;\xd7vs\xa6y\xc5$J\x9b_\xb8=\x8dc\xb2\xbdSE\xcb\xbeJ\t;b\x06\xc9\x7f;Hz\xd6\x02\xb7\xc1\xac1C\x1eU\xde\xf5E\xc8\xffO%\xcb\xa8\xa7\xe3\x1aH\x14\x81`\xfa\x1f\xfay\x9a\x87\x070\xc6Uw%\xa2C\xbd!\x07\x95\xd4\xb4\xcb\xfa\xb2e\xe1\xf7\x02F\xb2\xa8\x01\xca\xb7h-\xbe\x06^"}\xbfU\xf7\x1c\xec\xe97I\x8b\xaf\xfb\x8f\xfb\xac\xe9\x85\xde\xbbQ\x1a#Z\x95\xdb{OQ\xd1.t\xe9\\3\xc7\x80\xd6\x82N\x0f~\xb8k\x7fS\xa7\x85\xf0F\\p\xb6b\x17\xade\x19\xcf\x92\xaeG\xae\x8c\xbd\x10\xc5\xa3\xc2\xe6\xebwk\x161\xfb\xb5\x9e\x07\n\x97\xe8\xff\x87G5\xf0\xd2\xeb\xb9\xab\xc1*\x7f\xf40H\xa1\xfd\xbdW\x11\xbf\x02\xfc3\xd3)\xb0\x96I\xc13\x95`3\n\x08\x8aTA\x98]\t\xf4$m3N\x02?\xddf\x9f\xd4\xd6\x14\xcd\x96\xf1\x99R\x11\xef\xe4\x83~=\xd9/4\xe4\xef\xdfwG)C\x9clEyio\x94WwT\x82\xd6\xd2\xdd\x82-\x80\x9f\x13\xb5\x98\x81\x9fY\xa5\xb2 \xaa\n\xdb\xa7\xe8\xe6\xad\x1f\x96@\x92\xfb}\x0f\xb2\xfc\x06|\xe8#\xed\x93f\xdb\xd1\xaa\xd3F\x0e}\x90\xfb\xee\xf4\xea\x1bQbH@'</t>
  </si>
  <si>
    <t>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</t>
  </si>
  <si>
    <t>b'yJ\xed\xed\xef?\x1dZ\x18\xc8~\x90B\x9d\x1f\xbf'</t>
  </si>
  <si>
    <t>follows that
 I0 = IS exp
 V0
 VT
 , (3.59)
 and
 rd = VT
 I0
 . (3.60)
 Thus, the peak current is simply equal to
 Ip = Vp/rd (3.61)
 = I0
 VT
 Vp, (3.62)
 3.4 Large-Signal and Small-Signal Operation 83
 t
 (tV )
 V0
 Vp
 I D
 I
 t
 0
 V0
 VD
 I D
 t
 pI
 (a) (b)
 Figure 3.23 (a) Sinusoidal input along with a dc level, (b) response of a diode to the sinusoid.
 yielding
 ID(t) = I0 + Ip cos Ï‰t (3.63)
 = IS exp
 V0
 VT
 +
 I0
 VT
 Vp cos Ï‰t. (3.64)
 Exercise The diode in the above example produces a peak current of 0.1 mA in response to
 V0 = 800 mV and Vp = 1.5 mV. Calculate IS.
 The above example demonstrates the utility of small-signal analysis. If Vp were large,
 we would need to solve the following equation:
 ID(t) = IS exp
 V0 + Vp cos Ï‰t
 VT
 , (3.65)
 a task much more difficult than the above linear calculations.9
 Example
 3.20
 In the derivation leading to Eq. (3.49), we assumed a small change in VD and obtained
 the resulting change in ID. Beginning with VD = VT ln(ID/Is), investigate the reverse
 case, i.e., ID changes by a small amount and we wish to compute the change in VD.
 9The function exp(a sin bt) can be approximated by a Taylor expansion or Bessel functions.
 84 Chapter 3 Diode Models and Circuits
 Solution Denoting the change in VD by _x0002_VD, we have
 VD1 + _x0002_VD = VT ln ID1 + _x0002_ID
 IS
 (3.66)
 = VT ln_x0005_
 ID1
 IS
 _x0002_
 1 +
 _x0002_ID
 ID1
 _x0003__x0006_ (3.67)
 = VT ln ID1
 IS
 + VT ln_x0002_
 1 +
 _x0002_ID
 ID1
 _x0003_
 . (3.68)
 For small-signal operation, we assume _x0002_ID _x0004_ ID1 and note that ln(1 + _x0005_) â‰ˆ _x0005_ if _x0005_ _x0004_ 1.
 Thus,
 _x0002_VD = VT Â·
 _x0002_ID
 ID1
 , (3.69)
 which is the same as Eq. (3.49). Figure 3.24 illustrates the two cases, distinguishing
 between the cause and the effect.
 D1
 Î”VD
 Î”VD
 r d
 = Î”VD
 I
 VT
 D1
 Î” DI Î”VD
 Î”VD
 = Î” D I
 VT D1 I
 D1 (a) (b)
 Î” DI
 Î” DI = = Î”I D r d
 Figure 3.24 Change in diode current (voltage) due to a change in voltage (current).
 Exercise Repeat the above example by taking the derivative of the diode voltage equation with
 respect to ID.
 With our understanding of small-signal operation, we now revisit Example 3.17.
 Example
 3.21
 Repeat part (b) of Example 3.17 with the aid of a small-signal model for the diodes.
 Solution Since each diode carries ID1 = 6 mA with an adaptor voltage of 3 V and VD1 = 800 mV,
 we can construct the small-signal model shown in Fig. 3.25, where vad = 100 mV and
 rd = (26 mV)/(6 mA) = 4.33 _x0003_. (As mentioned earlier, the voltages shown in this model
 denote small changes.) We can thus write:
 vout = 3rd
 R1 + 3rd
 vad (3.70)
 = 11.5 mV. (3.71)
 3.4 Large-Signal and Small-Signal Operation 85
 R1
 r
 r
 r
 ad v vout
 d
 d
 d
 Figure 3.25 Small-signal model of adaptor.
 That is, a 100-mV change in Vad yields an 11.5-mV change in Vout. In Example 3.17, solu_x0002_tion of nonlinear diode equations predicted an 11-mV change in Vout. The small-signal
 analysis therefore offers reasonable accuracy while requiring much less computational
 effort.
 Exercise Repeat Examples (3.17) and (3.21) if the value of R1 in Fig. 3.19 is changed to
 200 _x0003_.
 Considering the power of todayâ€™s computer software tools, the reader may wonder
 if the small-signal model is really necessary. Indeed, we utilize sophisticated simulation
 tools in the design of integrated circuits today, but the intuition gained by hand analy_x0002_sis of a circuit proves invaluable in understanding fundamental limitations and various
 trade-offs that eventually lead to a compromise in the design. A good circuit designer
 analyzes and understands the circuit before</t>
  </si>
  <si>
    <t>b"\x8bh\x07cO\x8a\x8d\xe413\xe3'u\xf1P?"</t>
  </si>
  <si>
    <t>8b6807634f8a8de43133e32775f1503f</t>
  </si>
  <si>
    <t>nd machines are working overtime. Upward pressure on the price level
 develops as workers demand higher wages and producers raise prices to cover their
 increasing production costs. Chapter 15 showed that while an increase in the money
 supply must eventually cause all money prices to rise in proportion, it has no lasting ef_x0002_fect on output, relative prices, or interest rates. Over time, the inflationary pressure that
 follows a permanent money supply expansion pushes the price level to its new long-run
 value and returns the economy to full employment.
 Figure 17-15 will help you visualize the adjustment back to full employment.
 Whenever output is greater than its full-employment level, , and productive factors are
 working overtime, the price level is rising to keep up with rising production costs.
 Although the DD and AA schedules are drawn for a constant pr</t>
  </si>
  <si>
    <t>b'0E\x02!\x00\xb3\xa9\xda\xcd\x922"@\x1a\xfe\xdd\xab"\xae\xcbn\xe4\xe6\xc5\xdf$SJU0\xad\x077\xe5\x17b\xc3\x02 "&lt;\x1b\x84\xe4\xacn\x13\xec\x1aTdV0\x01f&gt;W\xaf\x0b&gt;\x1d\xf7\x15\xb3\xe2,}\x919\xb9.'</t>
  </si>
  <si>
    <t>3045022100b3a9dacd923222401afeddab22aecb6ee4e6c5df24534a5530ad0737e51762c30220223c1b84e4ac6e13ec1a5464563001663e57af0b3e1df715b3e22c7d9139b92e</t>
  </si>
  <si>
    <t>b'0E\x02!\x00\xb3\xa9\xda\xcd\x922"@\x1a\xfe\xdd'</t>
  </si>
  <si>
    <t>tstoday.com/2-km-fm-transmitter
Web references for Chapter: 3
1. https://www.scribd.com/document/176253818/Engineering-Material-Questions
2. https://www.quora.com/Electronics-What-is-the-full-wave-bridge-rectifier
3. http://analyseameter.com/2016/03/rectifiers-types-efficiency-comparison-basics.html 4. www.circuitstoday.com
Web references for Chapter: 4
1. http://www.circuitstoday.com/jfet-junction-field-effect-transistor
2. http://www.rgcetpdy.ac.in/Notes/ECE/II%20YEAR/EC%20T34-EDC/Unit%202.pdf
3. http://analyseameter.com/2016/02/jfet-mosfet-difference-comparison.html
4. https://www.scribd.com/document/331926881/EC6464-Electro-Micro-Proc-Notes-Typed 5. http://sctevtodisha.nic.in/docs/website/pdf/140296.pdf
6. http://slideplayer.com/slide/10835710/
7. https://www.slideshare.net/KrishnaPrasad126/ece-50416328
8. https://www.coursehero.com/file/11706491/Transistor-Biasing/
9. https://www.scribd.com/doc/146444258/Ece-III-Analog-Electronic-Ckts-10es32-Notes 10. http://www.neduet.edu.pk/electronics/pdf/Lab_Work_Books/EDC.pdf
11. http://circuitglobe.com/common-base-connection-cb-configuration.html
12. https://www.ikbooks.com/home/samplechapter?filename=187_Sample-Chapter.pdf
13. https://www.slideshare.net/shankhaShankhamitras/aec-ppt2-75625241
14. http://slideplayer.com/slide/8551848/
15. http://slideplayer.com/slide/10868731/
16. http://m.kkhsou.in/EBIDYA/BPP/MODIFY_electronics.html
17. http://www.bhojvirtualuniversity.com/slm/mscphy1p4.pdf
18. https://www.scribd.com/doc/51854658/BJT
19. https://www.slideshare.net/AnisurRahmanNayem/transistor-biasing-69604669
20. http://sctevtodisha.nic.in/docs/website/pdf/140292.pdf
 Basic Electronics
107
                 Web references for Chapter: 5
1. http://www.talkingelectronics.com/Download%20eBooks/Principles%20of%20electronics/ CH-21.pdf
2. https://www.slideshare.net/mhmdenab/ch-65
3. http://slideplayer.com/slide/5277224/
4. http://repository.unn.edu.ng:8080/xmlui/bitstream/handle/123456789/1690/Arilesere%20 Opeyemi%20Munirudeen.pdf?sequence=1
5. https://www.scribd.com/document/255258868/CHAPTER-2-Oscillator-pdf
6. http://wikieducator.org/Sinusoidal_Oscillator
7. http://documents.mx/engineering/sinusoidal-and-non-sinusoidal-oscillations.html
8. https://www.slideshare.net/awaisahmad24/electronic-circuit-design-lab-manual
9. https://www.tutorialspoint.com/amplifiers/amplifiers_based_on_configurations.htm
10. https://parthoduet.files.wordpress.com/2013/02/ch-65.pdf
 108
          CENTRAL BOARD OF SECONDARY EDUCATION
Shiksha Kendra, 2, Community Centre, Preet Vihar, Delhi-110092 Tel: 011-22527183, 22421438 â€¢ Fax: 011-22526580 Website: www.cbse.nic.in
  BASIC ELECTRONICS
Student Handbook
Class - XI
CENTRAL BOARD OF SECONDARY EDUCATION
Shiksha Kendra, 2, Community Centre, Preet Vihar, Delhi-110092
                 BASIC ELECTRONICS
Student Handbook
Class - XI
 CENTRAL BOARD OF SECONDARY EDUCATION
Shiksha Kendra, 2, Communi</t>
  </si>
  <si>
    <t>b' \xb4\xe3\xa9\x15\x06\xfd\xb4&amp;lo\xc9&amp;\xc8\x91\r\x92W\xc0\xd5\x02g&lt;*\xcc\xe0\xf5\x1b\xbe&lt;!\\n]uUW\xd3\x0c\xcb\x1e.\xc5\xbb\x88\xe3\xe7\xcd\xc9\x0f6\xe9\x9aB\n\xbe\xf2\xc5\x05\xf3\xfc\xca\xeb\xa5,k\\|\xa2\x8f\xacD\xec\x8d|e-2\x06\x91\x0bw\x80\xdc\x154\xc1f\xf7}\xc6\x07\xa4q\xbb*\xba\r\\!\xef\x8c\x82\xe4(\x87\xfb\xf1P\x9d5OVQ\xd0\x97\xa0j\xd1K\xcdO\xc6I\r\x9e\x0fY\n`\xab\xa4VLv\x97nB7\xdf\x08\xff/6\xde;\xe2#\xea\x03`\x08\xf4\xba\x90\xd8@g2slP\xa8B\xd6\t\x03\x11\xc3\x18\x1bp\xa6I\xebp\xba\xb4\xae)\xcc\x01=T\'_\xa2\xb8\x9f\xe3\xb9I\xfcx\xab\x8e\xc6\xfc\xcd\xaf\xf9W;\xb9CR\x13+s\xe6!\xbfS\xae\x88j\x83\xd1Ft@\xfa\xc8\xfc\xf6\xbcE\xcak\xda\xeb\x81\x10[\xd3\xff_\x8b\xde\xb0R\x8b_\xec\x0bM\xd0\x0e#K\xe5\xd3c\xd2\x89\x96c\xb0\xd5\x18\x91U"\xbe\xfba`&gt;\xffTb\xf6\xeeq\x91\xe8?\xf7\xe5\x02\x00hp2MrL\x1c\xe5rG\xca\xeb\x00\x98!}\xbd\xc9BAxPRL\x92&lt;\xcf\xa3\xce\xf3\xbe\xee\xb1\x9c4\xb6\xc2\r\xab\xa4lX4\xd56\xd7n\xa5\x02\xe1&lt;\xe1\x9f\xffm\xe9\x89Y-~\xf5\xea\x8d\xad\xcb\xc494\xc0&gt;a\xa4J\xa7\xb6\xa0\xc1O\x87\x91\x8bX\x13\xfd\x7fM\xe3\x997il!\x95\xad\x0e\x15G}R@7K\xcaU\xd2\x15\x08[\xf0-\xff\x85s\xbd\\\x03\x1f\x02\x82\x1a\xb0d\x1ao\xda\x81\x1c\xd5N\x87N]\xeb\xb6\x19wy\xe7\x9a\xb0\x99\xd7\x1dn\x11\xa7i\xa8\x1c6\xa5$\x00\xbf\x805d\x98[\xf8\xad\xcaq\rv\x19\x8cC\x1a\xe7-\xc7\x15\\LU\x95\xd6aJ\xde\x1e\x8cPkR\x94s\xf5\xf75\xdb0Ny\x8c;\xfdc\x85c\x103t\x1d&lt;\n(G&lt;s\xe0}\xd7\xd88\xbdd\xcc\xd5\x1a\xea\xfa;\x16\xee\xdc\xdc\xd5U4\xe0\x15\xc2e7\xb9\xd7\xed\xf0F\x1a\x083TsZ\xe2\xf6|x\x9dz\x9e!f\x97\x08\x84\x13\xdd\x03:\xf8}?\x8eM\xd4\x9b\xe4\xba\x84\x1b\xc7\\\xca\xddM\x9a3\xa5+\x86\xa5\xb5\x13\xc0\xe0\xb5u\x9d\xbf\x8cWr#\xe12\xff\xfe,\x08\x11n\x87\x8c\x1c\x9c\xbcsWb\xdf9\xad\x1d\x19\xcb]%m%]]\xec`\x97\xb4\xc4\xdcX\xf1\xfb\x1b\xfc \\\xe5\x81\xcd\xe9\xa5mAC?\xa8\xd2&gt;K\xe8PN)\x0f\xfe&gt;\xccud\xe9\x11d\'x\xf3\x8b\x1a\x1c^\x1e\x95\xaet\xc8.i\xcc\x84\xa2\xf2v4~\xeb\x9fhFf\x08\x00f\x01\x01\xf3\x88\xe7L\x87Z!\xbd\xa2S\xb6\xa59\xe3\xcc\x02A%u\xe3\xb4o|)\rN\xbd\x11\xd2\xac\xd7\xe592S\x86\xe7?6\xa2\xeaxU\xf2\x06\xc6c\x9b\xdc\x95s\x8d\xd9\x89\x04\xde\x07g\xec\xd71\xda\xf3\xcd\x1bh\xda\x1c\xbd\xac?{~}\xd6B\x8b\xa8\x0b\x81@\x1d\xb6\xb2D\x0c\x80\x8bq\x0ba\x8fS\x1c\xc4e\xb1\xc0\xed\xc0y\xb9\x9a\xd6\xfb\xd4\xe9{\t\x90\xd9J\xc8\xe0$\xd0\xecM\x99E\xc0-\x193fX\xc4\x00\xd0p\x95\r_\n\xa7\xf4\xf3\x93\xb7\x8a\xeb\x14vJ\xf4\x1f\xb1\xac\xbfBH\x93=\xe1\xa7\xe23H\xb7c\xe9\xecr\xc5\xea"\x17k\xe7\xc9\x1d\xa6\xf3\x1f@~3\x0e\x15rO\x82\xec\xa3\xed\xfa(\x08^\xd4\x90\xa4N\xac\n*\x16\xb9\xb8u,\xc8\x1f.\xdf\x19p\x94\xe4\xd2\xee|!\x87~\x1d\xe7\xfa\x90\xda\x0c\x80\xca\xa5\xd65u\x9aE\xa8#t\x92\x9f|\xc7\r\x976Y\x81\x1a\x97\n2\xa38M@\x956[\x1f\xcc\x1c\x0b\x0c^\xaa\x02\xd9\xd0e\xad\xcf_u\xa1\x97\xc2M\x13\xe5\x18a#\xa0\'\x88c\xe7?\xdb(\xed\xceQwl\xb6\xf5\\\x00\x89b\x11[\xe0\xda\rH\xfe\xc7\xa9\x98,\xf6\xd4\xa8\x01\xac\x99\x83"\x18 e\xf7b&lt;3\xa3\xe3T\xdb)\xb1\xe3g\x0cip\xd6\xbc\x01d\x8a"\xed\xda\x15\x82\x8bzN\xc7\xf6Gz\xa2"E;D#\xfb\xa30y/A\x04\x18p\xc8\x19$&amp;E4\x13Hr\xdd\x1f\x19n\x813\x8c#O\x98\xef\x88\x04OW!\x9d\n\x84v \xf6}m2\xd6Y\x10F\xb2\xfal\xaf\xe4A\xb7nzI\x03\xc2\x17\xc4h\x1fc/JM\xff\x82\x86&gt;J%b\xd7^#$ge?\x94\xc5\x19\xe4\xbd\x85\xe7Y\xfb\x95\x81\xcf\xd0]\xb5\x92\xe5U\xdb\xe6\x8b\xe6\x91\x05#\xce\xe2\xd3X\xa1\xc0\xcf\r\xa3\xda\xa3\xf3\x82\xd0H\x00C\xfa%\x97\xa6\xd1~\x10\'_\xf4M[8c\xcej\x99\xe6fr\x11W\xf9n\xfa\xfd\xbf;\xb1m\xe4\xb2\xb2\x8c\xd1\x81\xd0p\t\xa6&amp;\x8b\xdfGU\x02\xfc\xd0\x9a\xec\x1a6H]d\xcdR\xa0\x86\xf1\x9c\x1e\x03My\x7f\x00k\x9c\x00\xd3_$\xf8\xa0\xaa\xf8\xcc\x1f\xe9\xeb\xdd\x94(\xf3U\xb8\xb0\xa5A\xd9\xbe\xe6\x83\xe1p\xaa\xd3\xe5E\xbc|\xf7\xc8\xe9\xd9\x91{\x96\xb9L\xa6k&lt;\xfa\x14\x07\xc6\xe1\xc3+\xac\xdb(\xd4ns&amp;\xe5\xe9[6\x8bP.b\x05\x12x\xdc\xf3\x1es\xc5f\xc5$P\xbd8\xd36/&lt;\xe6bHBU\xbdK\x81s\xb6\xb5\xc0\xc8,\x83\x83\xb1\xd55\xf7r\xc3\xb7\xe0\x1ag\xb2\xf5\xf6a0\xc2\xc2}1U\x83u\xca6\x97\xdc\x81H^\xf5\xc3\xd8\xa1\xc0\xae\xa2\xab\x03j\xe4\xd6m}\xf4b\xa2\x82\x15\xc7\xe3\xc5a\xe7|\x98p\x80\x15\x9a6F3\x1e\xee\xab&lt;\xe0&amp;\x9b\xdf\x18ou\x01~\x08n\x9c\xf3\xe4\x96\r:\xee\x1f\x80\r\xbb\xc3\x7f&amp;D\xa9\x9b\x7f\x06\xab\xaav\\\xf5\x8en\x16\x854J\x7f\xc3\xb4\xe6\xc5 {\xdb\xb8\x8ap\x1e\xca\xab"P&amp;\x9c\xf2\x95\xd7A\x02s\xd9\xc1S\x03^\r\xfbk\xbf\xda\x96&lt;\xb7\xc9\xa2\\\xb3\x0e\xe9G(\x1dd&amp;+A\xcd\x0b\x89.\xc22\x9e\x1b\xa58\x0b5e=\xb82\xb8Y\x14W\xfa\xa0\x1f\xeb\xe2\x99\x83\xb6,\x83L\xf8 \x85\xee\xd0\xdd\xf2^\xfbD/}\xa5\x85\x9f\xe0\x03\xe2\x8bd\xc7\x1c\xf3\xae\xed\xc0\xe0\xc2$P\xc4\xaa\x10\x01\xf0\xe7n\x9aF\xe4\x049L!\x1f\x18\x1e\x00o\xfb\x0f\xf3\x9a\xa6Z9\xa0\xdb\x83\x15\x8fJ?+\xa1\r\x1c\xe2\xd4uR\xa7B\xf9\x13$\x02\xe5\xae"yp:\x9e\\&gt;\x11\xcc\x7f\xfe\x91kvHU&gt;\x8e\x12L\x01\x0b\xfc\xbcA\n7\x0fY\x03\x1d{\x1eB\xc1\xb1k\x831\xfcU=\xdcyVJ\xf3\xcd\xee\x9e\x0c\x1c\xaf!"\x91Z\xaf\xfd\xb0\x9d\x11\xdd\x7f\xab\xb2l\xe3a\xbbr\xe11\xda\xa3\x92\xcb\xddw&gt;\x8cpW\x0b\xde$_\xeeZi""\x9bg*\x88\xe2\x90\x16\xe70\xb0\x85P\x16\xfe1\x9f\xbd\xd1\xe7\x84\x19,f@\xc4:\xda\xe7G\xeb\xd3o\xc7\n\x8e`r$n\xcbl\x8bk\xd7\xea,\'\xe8\x03\x91\xb9\x83e\xd5!\rG-(\xcf\xdfA\xecV\n$\x11t\xce\x8d\t\x18\x9cN]\xd7H\x00\tfx1\xe53$A\x18\x83-{8\xd7\xb0Y\x896\xa6\xb0\xb8\xfc"p"\xb1d\xaaU\xc4?_\x8e\xc0R\x15%nkE\xa8T\xafu\x0c\xe1\x8fl\xaf\xb9\x0cS\xb9F;\x8e4\x8bH\xa2\xa7r\xc1\x89p\xcc\x02\xb3\xb6\xda\xed\x84&amp;{@q\xc9R-jO&amp;]bZ\x01\xf6Q\xce\x94\xd8-\xea]\xffW\xffK^\x9df&gt;\xe8\x1fL\x9b B\xb5\xef\xc9\xe2\x02\x8f\x81U\xdf\\\xcd\xe8Ud\xa6\\2\xe2a\x97\xbf\xb6\xc4\x8fPY\xe4%eDj\r1\x9cr\x03\xba\xe2\x8aW\x9e\xa8\xdb\xa0I\xbc\x92\xb8nI\xdf\xea*\xdb\xa0\x11GD\xe1\xf7\xc5\x8d\x8a\x190%\xab\xa3\xeea\xe3a\x8dBvw\x0f\xb3\xf5p\x05\x1b\'\x9aW\x99N\xde7\x82\xa2\x11\xf8\x9fC%\xcaB\xbf\xb7\x16\xed\xee\x12\xe2\xd1!\xe7\x97|\x97\xd3QRm\x97\xd1\xf7\xfe\x1a\xae\x1c\x08\xa8\xb5RG\x1b,&lt;\x81\xb2\xdf\x89,\xf9/\xd8\x19R\xe3\x91\xb43(g\tk1\x1d\xf6\xba\x911K8\xf96\\`\xa3\x1c&amp;\x0c\xb3s0\x01\x92\xda#\x88\xff\xc2\x8bz\x9f\xa6*%\x02\xa9\x9f\x85g\xb5\x98\xbb\x8a]*B!\xee\\2 2\xcb\xe4\xb5\xd6\xf0\xfdd\x0cA!\x86x\xc2\nK\x12c1d`ar\xa6\x94\xbf{\x83\x8e\t\xc5\xbf\xe5TL(\xf0\x1f\x12w\x067SX?\xd9\xf0\xa2\x12\xaa\xed\xe3m\x8an\xba\x9c\xd7\xbd\xe3\x18h\xebQ\x1a\xd9\\\xbb:\x0c:\xdc\xe0x\xa0\xa4\x0eue\x04\xd7?\x16\xf1\xd9\x01Q\xf5MF\xb8[j\xe4b\xb0\x18]4\r\x8e\xf5g\xa7\xd0\x0c\x84\xba\x1d\x0cA\xda\xcc\xc2\xc7[\xc2k\x98J\x1eH\xb1qZ\xfe\xc9\xfa+\xa6\xe8\x95\xf9r^h\x9f&gt;\xf2\xb5\xac\xbbm\xc7\x1a\xbc\xa6\xb7\xfe\x041\xf4\xa8\xad\xfd&lt;bsK\x8d$\xc0\xd3\x10\x1a\x14_\xda\xb7b\xe0o:\x1b\x0f\xc6\x1f\xfb;\xb8#7\xcc\xa9#\x1a\xf7\xf6\'X\xe2\x04\x7f\xa0i\xcbO&lt;\xcd\x1a\xb6S]\x80\x1a\x81x\xe3r;\xbe\xd8p\xaf\x82Yi\xca\x19\xa3J%\xc6(\x7f\x9e\xd6N`\x1e\x9c\x83\xa7\xfe\x9a\x02\xcd\x12nM\x8d\x98\xae\xf9d\x01\xbdO0\x087\xf5M\xdaI%G\x11\x13\x02\xf9\x97\xa7\xe8\x14\xfdK|K\x93\xa2L\xdcB\xeb:m\xdc\xfa\x02\xe5Xhs$\x06w?\x02\xfb&lt;\xd0Y[\x0f\xff\xe9\xb28\xde\xc4\xed\x9d\x16\xba.\x8c{6\x19\xc0D\x8f\xa1\x04\x10\xcca\x95\x85\xba\xcb\xef\xd4N\x13\x11q\xe2\x81P\xfc\x91a\xe0\x8c\x88\xceq,dm\xc8\xa0\x8b\xcd\xca#n\xef\xca\x1c9/\x1dK6\xaa\xdf\x8e\x96O\xe4~}\x11\x90\xca\xb3&amp;\x8d\xd6\xf6\x018A\xb9\xa7\x95\x1e\xcab/\\\xea\xc9\x80\xf9\xa3\xd5\xcdyK7m\x01K\xa9\xcc`\xa7=\xb3\xe4#\x15}\x8f\xbb\xb6UIG0\r\xd0\x15\xd8\x15\xdf\xc0\xff\xefh\x8c\xe9\x89B*\xf8\xfd\x1a)sn\xe7\x95G0\xc3\xa5\x9b\xb0\'\xfc\x9dI\xe3\xcc\x0b\xf0\xbc\xc4\xf8\xa5\xe7\x8fo- \xae0I\x9a\xa4\x01\xd9\x12\x9a^\xdel4\xe4&gt;\xbc\xe1\xf7\xea#n\xa3k\xb3\xb7FxB\xe6\xe1\xc4W\xbb"\x98\x9c\x06\x8aq7K\x9d$6#\x9d\xf7"\xa4\xd2\xc33^\xdc_\x96I\xf7\x0b\xed\xdcnSYay\x10\xf0!U%\x1a\xc4,s\xd1F4i\xdd;x\xc1\x14\xa0\xce\x9as\xd7&gt;\xc2\x99\xdd)\x94\x04DX\xbaD\xd4I\x08\x92\xb3$\xff\x1f\xb5\xc0\xacT\xf8\x18\xe4\x95\xaa\x9ce\x7f%\xe8\x1fj\xefF\xde\xbb\xc5\xce\x12I\x05}\xad\t\xaf\xb4\xa9\x0c\xbf\xec\xe5\xc9\xad\x16\xb8\x9e\xd5\xd5_\x9b$\xba\xf8\xe2w\x0c\x04:\xa6\xb7Ndn)\xa8\x8aq_$\x86\xd5\xe0o\xf3\xd6/\xef\x84\x7f\xe0\x12l\x0c.hP_y;\xbf\xa4\x88\x8f\x03\xac\x8a\x15m\'\xaf\xd1\xa6\xdc~\xc2&lt;\xe4jeM\xb4\xff\xd2;\xad\x03\x11\xd3\x11]v\xa1\x86Y\x83\x1b\x11(\xd0r\t\xbd{\xf9\xe2\x14V\x1b~\xb1\xb3\xba\xe6\x95&gt;D\xfa\xb7x\xa5\x18\x99\x97\xdb\xbaM\xd7\xd1I|\xa6\xb1\xc9x\xff\xd0\xa0L\\6\x18/\xf0\x13\xf2\x1d3\x07s\xc6&amp;\xb0;4\xa3F\xf5\xfcR\xae`\x7f\x9d\x8aU\xf3(\x1fiA\xe5R\x96\xf1c\xa0d\x87\x98\xff\xd9?R\xe3\xaa\x97\xf3\x16\xa9\x8d\xe4x\x8d\x91\x8a\x1c\xea\x9b\xb24\x96\x7f\xb2\x88\xf4\x95\xf0\x13\xb3\x99\xd2\xbd\x93M\x99\xc5\xfe\xc8q\x91\x86\xad\x0f\xf5\x97y\xcf!i\xb1\xae\xedl\xb6\xb3\x1fY\xa5yL\x08\x1e\xca\xbb\xe5j\'a\xae\xf4\x92X'</t>
  </si>
  <si>
    <t>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</t>
  </si>
  <si>
    <t>b' \xb4\xe3\xa9\x15\x06\xfd\xb4&amp;lo\xc9&amp;\xc8\x91\r'</t>
  </si>
  <si>
    <t>If I could find a man trained by your John I should like him better than any
 other;' so, James, lad, think it over, talk to your mother at dinner-time, and then let me
 know what you wish."
 In a few days after this conversation it was fully settled that James should go to Clifford
 Hall, in a month or six weeks, as it suited his master, and in the meantime he was to get
 all the practice in driving that could be given to him. I never knew the carriage to go out
 so often before; when the mistress did not go out the master drove himself in the twowheeled chaise; but now, whether it was master or the young ladies, or only an errand,
 Ginger and I were put in the carriage and James drove us. At the first John rode with him
 on the box, telling him this and that, and after that James drove alone.
 Then it was wonderful what a number of places the master would go to in the city on
 Saturday, and what queer streets we were driven through. He was sure to go to the
 railway station just as the train was coming in, and cabs and carriages, carts and
 omnibuses were all trying to get over the bridge together; that bridge wanted good
 horses and good drivers when the railway bell was ringing, for it was narrow, and there
 was a very sharp turn up to the station, where it would not have been at all difficult for
 people to run into each other, if they did not look sharp and keep their wits about them.
 32
 Chapter 15. The Old Hostler
 After this it was decided by my master and mistress to pay a visit to some friends who
 lived about forty-six miles from our home, and James was to drive them. The first day
 we traveled thirty-two miles. There were some long, heavy hills, but James drove so
 carefully and thoughtfully that we were not at all harassed. He never forgot to put on
 the brake as we went downhill, nor to take it off at the right place. He kept our feet on
 the smoothest part of the road, and if the uphill was very long, he set the carriage
 wheels a little across the road, so as not to run back, and gave us a breathing. All these
 little things help a horse very much, particularly if he gets kind words into the bargain.
 We stopped once or twice on the road, and just as the sun was going down we reached
 the town where we were to spend the night. We stopped at the principal hotel, which
 was in the market-place; it was a very large one; we drove under an archway into a long
 yard, at the further end of which were the stables and coachhouses. Two hostlers came
 to take us out. The head hostler was a pleasant, active little man, with a crooked leg, and
 a yellow striped waistcoat. I never saw a man unbuckle harness so quickly as he did, and
 with a pat and a good word he led me to a long stable, with six or eight stalls in it, and
 two or three horses. The other man brought Ginger; James stood by while we were
 rubbed down and cleaned.
 I never was cleaned so lightly and quickly as by that little old man. When he had done
 James stepped up and felt me over, as if he thought I could not be thoroughly done, but
 he found my coat as clean and smooth as silk.
 "Well," he said, "I thought I was pretty quick, and our John quicker still, but you do beat
 all I ever saw for being quick and thorough at the same time."
 "Practice makes perfect," said the crook</t>
  </si>
  <si>
    <t>b'\x83v(1\x16\x83O\xc8'</t>
  </si>
  <si>
    <t>8376283116834fc8</t>
  </si>
  <si>
    <t>ne it. We kept the glasses gliding around all the time, till our
 arms got so tired we couldn't hold them any more. Two hours--three
 hours--just gazing and gazing, and nothing but sand, sand, SAND, and you
 74
 could see the quivering heat-shimmer playing over it. Dear, dear, a body
 don't know what real misery is till he is thirsty all the way through
 and is certain he ain't ever going to come to any water any more. At
 last I couldn't stand it to look around on them baking plains; I laid
 down on the locker, and give it up.
 But by and by Tom raised a whoop, and there she was! A lake, wide and
 shiny, with pa'm-trees leaning over it asleep, and their shadders in the
 water just as soft and delicate as ever you see. I never see anything
 look so good. It was a long ways off, but that warn't anything to us; we
 just slapped on a hundred-mile gait, and calculated to be there in seven
 minutes; but she stayed the same old distance away, all the time; we
 couldn't seem to gain on her; yes, sir, just as far, and shiny, and like
 a dream; but we couldn't get no nearer; and at last, all of a sudden,
 she was gone!
 Tom's eyes took a spread, and he says:
 "Boys, it was a MYridge!" Said it like he was glad. I didn't see nothing
 to be glad about. I says:
 "Maybe. I don't care nothing about its name, the thing I want to know
 is, what's become of it?"
 Jim was trembling all over, and so scared he couldn't speak, but he
 wanted to ask that question himself if he could 'a' done it. Tom says:
 75
 "What's BECOME of it? Why, you see yourself it's gone."
 "Yes, I know; but where's it gone TO?"
 He looked me over and says:
 "Well, now, Huck Finn, where WOULD it go to! Don't you know what a
 myridge is?"
 "No, I don't. What is it?"
 "It ain't anything but imagination. There ain't anything TO it."
 It warmed me up a little to hear him talk like that, and I says:
 "What's the use you talking that kind of stuff, Tom Sawyer? Didn't I see
 the lake?"
 "Yes--you think you did."
 "I don't think</t>
  </si>
  <si>
    <t>b'&lt;k\xc7\xb9\x8d\xa8\x9b\xd8N\r\x05\x8fI@C\xc4\x04\xabGP?\xb8\x88T\x89\n\x9aj4L\xe7\x94'</t>
  </si>
  <si>
    <t>3c6bc7b98da89bd84e0d058f494043c404ab47503fb88854890a9a6a344ce794</t>
  </si>
  <si>
    <t>b'&lt;k\xc7\xb9\x8d\xa8\x9b\xd8N\r\x05\x8fI@C\xc4'</t>
  </si>
  <si>
    <t>didnâ€™t go to the music festival. Instead, we held each
 other, cryingâ€”sometimes excited and sometimes scared as hellâ€”as we
 mentally wrapped our heads around the fact that we were pregnant.
 My first call was to Matt. â€œDude, Iâ€™m gonna be a dad. We need to figure
 our shit out.â€
 There was no doubt: I was all in. I had no choice but to make our
 business work.
 My second phone call was to Travis. He had become more than a
 business mentor by then. After years of help navigating business challenges,
 Travis had also taught me about life, leadership, and being a man. He calmed
 me down, helped me get my bearings, and picked me up when I was
 crumbling. I was about to go on two adventures: learning how to be an
 entrepreneur, and learning how to be a dad.
 A few months later, after moving into a house with a bunch of baby
 furniture, ready to start my new adventure, my phone rang. It was Matt. Our
 business was starting to show some signs of life, and I thought that he was
 calling me to give me the updated sales numbers. Nope! He called to tell me
 something else entirely.
 â€œRyan,â€ Matt said, â€œis there such thing as a false positive pregnancy
 test?â€ (I dare you to think of a better way to start a phone call.)
 I guess serendipity brought Matt and me together twice; this time, it was
 in the form of two very random pregnancy tests. We were both all in. We had
 the drive. We had the mindset. We had the passion. We had the idea. But this
 kicked us both into gear. Together we built a million-dollar business.
 With this book in your hands, reader, you have everything you need to do
 the same. This method will work. But will you? Or do you need your own
 plus sign (proverbial, of course) to kick you into action?
 For the next twelve months, youâ€™re going to be focused on the steps
 outlined in this book. Youâ€™re going to realize your dream of freedom through
 entrepreneurship. Here at the end of the book I want to make sure you
 understand that twelve months to a million is just the first twelve months on a
 much longer journey. If you are like most entrepreneurs, the business will
 only be half the journey. This adventure will show you who you are, and it
 will force you to become more. It will force you to take more responsibility,
 it will humble you to your knees at times, and it will teach you what is
 important in life. Entrepreneurship is a beautiful portal into self-discovery.
 There will be times that you get frustrated and want to quit. There will be
 many times when you wonder, What is this all for? And there will be t</t>
  </si>
  <si>
    <t>b'f\xc1am\x9e\xaf-\xa9\xa2&lt;\xa10W|\xbe\x8c\xb5\xe8\xc0X\xc0#u$\xf2,yh\xa2A\xd2\xee\xc9\x9fwX\x84#\x01d\xb86\x1e\x0c\x17\x15\xfb\x9fK\x87|\xa37&gt;M\xdc}{\x0e)\xdf\x85\xe5U\xf7\xf5\x8dj\xca$m\xab\xd5\x9a&amp;\x8aw\x10\x96\xf96\xf9\x8b\xaa\xed\xd1@?\xc09V\\i[\x829\x9b\xc5\xe1\x8c~X\xb3\xbay\xaf\x91\xa6\xf7\xa7\xa6\xb7\x0c\xaam\n\xf2\x10}_\xb5\xde\xb2G\xa2\xb4\r\xd0\xb3\xd8\x86\xd4\x1b\xe4\x7f&gt;7\xf8\xd7\xbc\xbf\x89\x8d\x17\xef\n\xea8\xd4\xcc\x9cZp}\xf4y.\xc4\xdd\xc3\x91\x99\xbaU\xfc\xe9\xa4sG\xd0u:\xb2z\xcf\xb50=\xf0\xce\x13\xea\xc0\xdd\x04\t\xff:\xd6\x19@f\xa7\xe7\xc6\xdfj\xab\xff9\r7\xd2\x10\xd7D\xe4\x8f\x17\xe5\x9d\x96\xb94\x17\x88\xd3\xd9&amp;\xb4\xfc\x16B\xcf|\x8a\xa7\xff\x13_\x0f\xcd\x93\xeb?H\x0b\xfac|\x08\r\x85h\xf3\xd9\xa5E_\x02,\xdc~\x98R7\xf2\xc0\x8d\xdf\x85\xcb\x8b-\x98;\x0bG\xb6:-%\x85\x9e}\xcdo\xe2\xd6\x8ep\x91}\xe3\xf6\xa5\x04\xff\x17\xddj9\x8f\x1b\xf9\xaeO\x12\x9b\xc7-\xdcH\x14Q\xa3W\xc2\xabkWS\xd1\xb2*|\xf1\x94\x9e\x088\x1e3\xa6\x88\xb6\xdd\xd2\x9bO`\x84\xeex\xc6\x9c\xad\xf4Y\x89\xfa\xc3?\xeea3\xb18\xa8\xe8kt\xcd~1Y\xb2\x04j\xa7\x16u\x9c\x8c42\xa4 \x0c\xce\xc7\xb7\xc5\xc0$\xbd\xad\xd1\xae\xd9\x9f7\x8a}?\xd6xB\xb1\xb5\t\xbd\x19f\xe6\x1e\xcaR\x9a\r\r\x15\xc9te\x02&amp;\xb6c\xb0U\xdc\x9bz+\x81\xdeJF\x04;\xed\xd6B\x88\x83&amp;\x97V\x05L\xa8\x92q\xa7\xc8zGz\xb5\x9cI\xcf!\xbd\x98 \xb0$\xe0^{\x95L\xe87O\xff\x1f\xd0\x7f\xd6\x90\xd5\x82\x1e\xc5O{o8(+\xe6W\xc8\xb7\x92&gt;\xdf\x91\xac\x12xC\xf39u\xe3F\xb70\x91a\xdb\x12\xe6@\xcd \xd4\xbf\x88\xdc`M\x04\xf7\x0eW\x12\x9e\xf1\xcfG\x12\x9d\x18UIq\x07\x83\xf3\xe9&gt;{=\x06\x8c_\x08(\x85\xd2M8[\x13_\xc2\xff5\xabV"\xbb\xea\r!.\x89T\x84\x04\xce\xb5g\x87\xe2\xa7Mz\xbe\n0y\xb1\xa8o::\x00\x0b\xf9X\xbf2\xd7\xc1\xdf\xc0\xd2\xdd\xd5\x87h=\xa4\xb2\xe3BT:\x8d6\xc8I5\x88ei&lt;\x9a\xc8\\j\x17\xbd\x99M~\x82nz\xe1taT\xf0\x01\x14\x7f\xedXT$\x13n+\xbbl\xbe\x93\x97-#\xed\xa7S\x16\xc8\x06u\x0e\x1d\xc9\xdb}e\x140\x9eX3\xf1\x8d\xec\x1e\xd2\x1e\x92\xd7x\rkR\xa4\x98f\x96?\x08-\xf6\xe1m|\xf50\x8b]\xd1\x8a&lt; \xc5\xc9\xfe.\xf7O\xad\x8d\x06\x1d\x819\xb2\xe0&gt;\x9a-\x89.\xae\xfd\t\xbf\x03d8\xff-\x03I\x8b)\x039^Cs\x89\x07\xde3n+\x0f\xe2zBgt?ZE\x10\xef\xd3LO\x16\xb7\xa2z \x0c&gt; \n~\xab\xa0\xa3\x94wA\xcd@\x18C\x1c\xe5q\xfeM\x91\\ef\xc4\\\x1c3U\xf8\xea?\x00\xa0\xf9G\xe0\x9fv\xeef\x92(\x84\x9f+\xde\x82\xe4\x04\xdc\xef\x17!\x81\xdb\xf5\x82\xf2\x17\xe3\x87Z\xe2\xc9\xb1\x16D\xc2W:ZM\xf1\x17\tw`z\x86b\x02\x9dE\xa6]\x85\xe0?\xc1!\xcd\x88\xb4\x06\xa0\xffE\x01\x9a\x95\x7f\x8d\xc5\\\xfdQ\xd6\xfe\xbb\xe9\x04\xca\xfc\x1a(\x97\xe6\xfa}\x8d\xa2\xd7\x13klwt\x01\x0b\x11C{\xe4?*\x1c\xd3\xfe\xe3\xc5\x9a\xcb"\xc3U\xc9\x87\x96T\xc7\xde\x7f\xee\xbe\x1f\x8f\xa9\x0c\xae\x00\xb9\x920\x07&gt;\xe1\xec\xd3\xd3\xcfp\xbaq\x84}\xd7}E\xfe\xac^\x1b\x8b\xbd\x91(7\xf3UUez\xea\xdc\xfe\xd0\xd5V\x7fV\x9fB\xed\x1a\x84\x1a+7a)W\xa5e+&amp;\x980c\xfe\x03\xb5\xb6\xa5\x98\xf0\xc7\xba(\x8b\xa0\xf8\x84\x8b\x84\xd0!~)\xee?\xa0\xb0\xb8\xb7pq^\x8d%leK\\h\x15\x19yT|,tL\xe1\x8a\xbe\x1bI6D\xee\xe1i\xa2\x18&lt;\xbc\xd7Qn\xb5qH\xd7&gt;\x95x4\x89\x1b\x858\xe6\x86\xf1\xd7\x0e\xe8\x07\xd7\xfaR\xd3?\xb8\xfa=\x96\xd6\xea1\x91F\x01d|;\xa6\xfdW\xf5\x9bA\x0c\xd2\xad\xe5\xefM\x03*\xdb\x1bj2K\xde\x0bQ \x08\xc2\xc2b\x90\x97A\xa0\x15\xc63\xa0\xb6\x86\xf6\x8d\xa0\x0b$\xb2\xfb\xe4\xd9\xd1\xb3\xf8v\xd6D\x99)\x08\xab=\xb7\x95\xd2\x1b\xf7\xf8\x0b\xfdH4y0vi\xe9\x996E\rb\n\xe4\xec\x8c\xa3\x90\xd7\xc3\xa0(\xa3p\xd4t\x0c\xb7Gp\xf1a\x14Wv\t!e\xf7\xa3X\xbd\xa9"\xf5_\xec\xd1\x81h\xe9\xb7\xbb\xef\x07!\x1e&gt;A\x1cd?4\\\x80\xf5\xae\xdb^j}\xdb\x07\xa2\x8aw8t\xedt&lt;G\xae_Kn\xdb{\xda{t\x85R\xd9\'\x03\x1a\xa6C\xb6\xe4\x8ac\xea\x05\xb0D\xb7\xa2\x0e\xee\xd6\xef\xaf\n\x8eu\xab\x02\x80\xd3\xae\xf1:\xc0\xbd\xf7gK\x92-\xfa\xbc#`E\x85\xbbCT"\x15eu\x04(\x1bf;\xf1\xeb\xfa\xadZ\x17f\x12\x1f\xb3\xe8\x95\xc7\x84\x8c=[\x1a#x~U\x83\xf8\xc7%\x80M\x90\x84\x8f\xe6\xe6\x1cUbv\xee\x80\xbc\x02\xcfZ\x8eG\xd6\xd3\xc4A\x82\xb9)G\xa5\xce\xb4&lt;\xbc\x98\xda\xdc\xb6\xc0Ss\xf1,\xc8\xf4\x8fB0 \xe5h~\xdf.\x15\xb9 \x8f9&lt;\xd3}\r\xda\xea\xa5\x18HOBN\xe8\xb4\x88\xa3\xeb\x8d}:\xc3\x0f\x96#\t\xb3\x86\xbb\x91[7\x8f\xb0\xbcm\xb3 \x00\xc9Q\xe6\xfe\x14\x96\xbd\xd9_4\xca\x97\xe0F\xc92CH\xee\xbc\xf4\xde\xcd\xfd\x1fu\x1a\x07\xe2\xee\xd7\xbe\xb5\xb8\x0ed\xd0\xf0\x8b&amp;\xe5"lH2/\xcf\x1b\xe2\xfe\xf7|\x01\xd0l,\r\x1d\x8a\xdd\x9c\x82|\xba\xd5\xcf\x89\xa4\x98\x10s0\xe6\x83]V\x0b\x07\x07RS\x9f\xb1c)}\xcc\x9cm\r\xf7\x82\xfd\xd3i8\x9f\xee(\xdcm\xba\x85\xf3\x89 %\xfd\xa3\x07S\xff\xd8\xffEg\n!Q\n\x8a\x01=\xdc\xf8\x10\x81bg\xea&amp;&amp;?[0\x8f\x84\x9e\xb0\\\xd0\xc7\x80\x94*qK}\xa7\xde\xf3\x8b\x87\xabH\xc6N\xd1\xb1)2G\x9f#\xc0\xa7z\x03\r\x129\xee\xe5\xcd#\xcf\x9d\x8aYw\xed\x8d\xd0\\\x8e9=l\xa9\xae\x87\x1b\x03W\x1f\xf5pX5\xdc[\n ;\x18\x07H\xc5\x19\x044#u\xc5c\xd0\xcd\xf8\xa41\xfcy\xaa\x89h\x9d\x99,\xf3\x80f\x03\x9c\xac\x93)b\xcc\xb3\xb3\xf7v\xc6&gt;m\x1ft\x13\xcd\x08\x1f\xad\x0f5\x1b\x88J\x9f_\x9b\xd3\xe8\x9d\x8b\xcdme\xfa7\x92\xfbR\xc61t[\x8f\x8c\xb8\xda\xa8\xc8\x07s\xde\x97\xbck\xab\x7f\x1aI4\x02e\xce\xdfzg\xf4\xb9A\xc64\xd1\xa9\xa0\x8a\x02\xd0\xbe\x9b\xa3\x86\xdd\xf56\xf7\xee\x94c?\xfc&lt;\xda\xfbF\x9d\xa2\xe7\xe2\xbb\x82F\xdd0\xa6\x15\x92\x101\xab\xd8\xc0lY\xb97\xb9\t\x8f\xc6u\x05\xbe\t\xcd*n\x9c\x07\xd6YQ\xc1\xdf\x88\xbf7\xef\xfcf\xf3\xc2D\xd6\xbc\xd1^\xdb\xb1a\x0exo,N\xf7\xc89!\xcefYV\x13t\t\x1f\xb8\xb4\xab\xfbh\x8b\xb4\x00\xd85\xb1\x02\n\xd2U\x02e\xc5/\xca\xcf\x83\xbe\xe2\xe7-\xbdP\x05*Z\x8e\xf50\x15\x86\xeb6Xj\xd4@YV\xec\x98\xb0\xf0\xcc\x16\xdf25{\xa2YT\x96\xfbUH{\xd2\xfa\x0b\x97\x85&lt;\x98\x8e`i\xf3\xb3\xfb\x82n\x0c\xa1\\\x93\xb3\xe5\xc8\x8d?b\x96]-\x10\x1b\xcc\rRC\xffn\xa4\xe28\x1d\xe6\xe3\xf0h\xa26\xfbl"\xc3&amp;\xc99\x8d\x84n\x95\x8bj\xe6B\xa3\x97\x89O\xe7\xaf\xb6B\xec$uS.*?\\b$ K\xfdh9\x89\xfbH\xa1D@\xe7\x94\xaf\xa3\x86,\xb6\xb9\xc6;w\x07\x06\x91\x8d\xdap\xf5\xc7\x19A\xf2b\x02D,q\xb3(7\xfd\xb6\xb2Q\xd7\x19\xdd,\xd2\xb6\xe7O\x15h5\x81QD\xba\x0b\x1cvP"\xe0\xdd\x9a-\x9f#\x94\xd0?\xa2h\xcb\x80\x81\x0cK/[\x1b\xbb\xe8\xb6\xce\x06kS*z\xf3\xc0D\xd3\xae\t\x1b\x16_!\xa4\x9a\x07\x90f\xa9\xd9OS\xfb\xf1\x95qfwu\x99~r[?=#\x8etq\x8e\x98\x8b\xf3\xe9\xea\xb1\xef\xc0\xc0\x1a0\xc1&lt;\x8b\x8e{\xceL\xb0\x95\xb6\xfd#}\xc6?P\xe0\xa8d\\#\xad0H\'.\xb5\xbd\xc9D\x9a\xc6\x9bJ@\xf1$\x9e\x8e\xda=\xd8\x97c6\x91+\x91$8\r\xb8\xde\xc24G]\xec\xd0\xae\xdf\xfb\'\x92W\xad\xab\x9a\xb9d4\xba\xb4\x90\x93-\x14\x80B~\xe9\\s\x17\x989\x1c\xae\x02\xdfP\xeb\x17vUS\xb7\x1d\xc5\x03\xedf\x99\xb7Fo\x14\xf6\xc5WPV\xfb\x1c\x8dnJ\x85\xba\x1d^\x0fO\xd8]\xea\x81\xae\x96\xf6\xa6\xb5\xee\x0e\x02\x83!\x1e\xb9mI\xc7W\xfb\x0fG\x8f\xb2\xcd\x19;\xe9\xa2\x1e\xa209\xbcBj\xda\x8e\xfc)]\xdf\x9e\x9f\x86\xc6`Q\xb9q\xaf\xe9Xu\xe7p\xc2\r\xec\xf8\xab\xec\xcd\xf4j\xffG\xa4\x1b\x93\x0f{)\x8f \xbbW\xa3D\xf8\xb2S\xa1\x0e\n\xcfr\xbb8\xb5\xa5h\x18\xd3\xab\xdf\x18\xc1\x1f?`(J\x9a9\xf6\xf3\xee\x1c\x8a\xf3D\xd4\x0f\x8bH&gt;\xa4\x11b\xf2\xcd\xf9\x17\x89\x96X\x07s\x81\xaa\xba9*\x08D\xa7\x00\x08v\x81\xf1\x90r^\x80\x9f\x10F\xc1I&amp;\x0c\xadp\x96\xf4\xcdO\xb1\xa1\xa4\xfar/\x00S\x8e\xa9\xeem=\x9d$\xc4Y\xdd\x1f\x8c\x18\xf4on\x9c\x1bU\xaeh\x15S\xca\x17\x01\x08U;^\xd0:\x19\xaa0\xbd,\xb3\x1f\xae\x8fK\xf1\xc7}\x8d\xcf)FQQ\xfb\x19\xb5H\xb0\xa9\x1d\xd5\xd5P\x15\xff\xb4\x99\xedHw,\x8c\x17A\xd2\xf5\xe4\x81`\xc9\x15\xa26\xf0\x95N\xfe\x134OM\xc6+\xd2\xce\xbf\xde\x1crf\xbb\xfe,\xc8\xdf}}\xc7\x98G\x1f\x1d\r|5\x03\x9c\xc9\xec*)\xeax\x81E\x15m9K\x88Jn\xd6\xa3}\xa0\xa9\xa82Q\xa4\xc5(\xbb\x18\xc5\xc3\xb4AR\xf8/\xa76\xd34\xdf\xab\x05\xc8d\xc2\x92\xe0\x92\xcb\x9ed\xe3\xef\xc4\xc7s\x82\xaf\xfeQ\xd9\xef\x7f\x19\xf3\xd3)'</t>
  </si>
  <si>
    <t>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</t>
  </si>
  <si>
    <t>b'f\xc1am\x9e\xaf-\xa9\xa2&lt;\xa10W|\xbe\x8c'</t>
  </si>
  <si>
    <t>ting in
 2006, but retreated back toward zero as a global financial crisis gathered force late in 2008
 (see Chapter 19). That crisis also hit the United States hard, and as Figure 14-2 (page 333)
 suggests, interest rates then plummeted toward zero in the United States as well as in
 Japan. Simultaneously, other central banks throughout the world slashed their own rates
 dramatically. The liquidity trap had gone global.
 The dilemma a central bank faces when the economy is in a liquidity trap slowdown can
 be seen by considering the interest parity condition when the domestic interest rate ,
 Assume for the moment that the expected future exchange rate, , is fixed. Suppose the
 central bank raises the domestic money supply so as to depreciate the currency temporar_x0002_ily (that is, to raise today but return the exchange rate to the level later). The interest
 parity condition shows that cannot rise once because the interest rate would have
 to become negative. Instead, despite the increase in the money supply, the exchange rate
 remains steady at the level
 The currency cannot depreciate further.
 How is this possible? Our usual argument that a temporary increase in the money supply
 reduces the interest rate (and depreciates the currency) rests on the assumption that people
 will add money to their portfolios only if bonds become less attractive to hold. At an interest
 rate of , however, people are indifferent about trades between bonds and moneyâ€”both
 yield a nominal rate of return rate equal to zero. An open-market purchase of bonds for
 money, say, will not disturb the markets: People will be happy to accept the additional money
 in exchange for their bonds with no change in the interest rate from zero and, thus, no change
 in the exchange rate. In contrast to the case we examined earlier in this chapter, an increase in
 the money supply will have no effect on the economy! A central bank that progressively
 reduces the money supply by selling bonds will eventually succeed in pushing the interest rate
 upâ€”the economy cannot function without some moneyâ€”but that possibility is not helpful
 when the economy is in a slump and a fall in interest rates is the medicine that it needs.
 Figure 17-19 shows how the DD-AA diagram can be modified to depict the region of
 potential equilibrium positions involving a liquidity trap. The DD schedule is the same,
 but the AA schedule now has a flat segment at levels of output so low that the money mar_x0002_ket finds its equilibrium at an interest rate equal to zero. The flat segment of AA shows
 that the currency cannot depreciate beyond the level . At the equilibrium
 point 1 in the diagram, output is trapped at a level that is below the full-employment
 level . Yf
 Y1
 Ee
 /(1 - R*)
 R
 R = 0
 E = Ee
 /(1 - R*).
 E R = 0
 Ee E
 Ee
 R = 0 = R* + (Ee - E)/E.
 R = 0
 CHAPTER 17 Output and the Exchange Rate in the Short Run 453
 Exchange 
 rate, E
 Y1 Output, Y
 1
 DD
 AA
 Y f
 Ee
 1 â€“ R *
 Figure 17-19
 A Low-Output Liquidity Trap
 At point 1, output is below its 
 full employment level. Because
 exchange rate expectations 
 are fixed, however, a monetary
 expansion will merely shift AA
 to the right, leaving the initial
 equilibrium point the same. 
 The horizontal stretch of AA
 gives rise to the liquidity trap.
 Ee
 Letâ€™s consider next how an open-market expansion of the money supply works in this
 strange, zero-interest world. Although we do not show it in Figure 17-19, that action
 would shift AA to the right: At an unchanged exchange rate, higher output raises money
 demand, leaving people content to hold the additional money at t</t>
  </si>
  <si>
    <t>b"0E\x02 \x02\xb9\xc0\x87:q\x10\x91\x8f\xc4\x97*S\x0eP\xf8\x0b\xa3\x1c\x04y\x81\xbbU\xb9\xd7z0(*\xe9\x0c\x02!\x00\x94\xba9\x94Qu\x84\x17\xbc\xe7\xe7\x0b\xb3\xdf\x11\xc2^\xf0Tl\xf71\xc9\x80\xc0\xe5s'\xba:\xdaz"</t>
  </si>
  <si>
    <t>3045022002b9c0873a7110918fc4972a530e50f80ba31c047981bb55b9d77a30282ae90c02210094ba399451758417bce7e70bb3df11c25ef0546cf731c980c0e57327ba3ada7a</t>
  </si>
  <si>
    <t>b'0E\x02 \x02\xb9\xc0\x87:q\x10\x91\x8f\xc4\x97*'</t>
  </si>
  <si>
    <t>ly lower the input impedance. He then proposed an analysis that led to the theorem.
 Consider the general circuit shown in Fig. 11.13(a), where the floating impedance, ZF,
 appears between nodes 1 and 2. We wish to transform ZF to two grounded impedances
 as depicted in Fig. 11.13(b), while ensuring all of the currents and voltages in the circuit
 remain unchanged. To determine Z1 and Z2, we make two observations: (1) the current
 drawn by ZF from node 1 in Fig. 11.13(a) must be equal to that drawn by Z1 in Fig.
 11.13(b); and (2) the current injected to node 2 in Fig. 11.13(a) must be equal to that
 injected by Z2 in Fig. 11.13(b). (These requirements guarantee that the circuit does not
 â€œfeelâ€ the transformation.) Thus,
 V1 âˆ’ V2
 ZF
 = V1
 Z1
 (11.19)
 V1 âˆ’ V2
 ZF
 = âˆ’V2
 Z2
 . (11.20)
 Denoting the voltage gain from node 1 to node 2 by Av, we obtain
 Z1 = ZF
 V1
 V1 âˆ’ V2
 (11.21)
 = ZF
 1 âˆ’ Av
 (11.22)
 1 Z F 2
 V1 V2
 Z 1
 1 2
 V1 V2 Z 2
 (a) (b)
 Figure 11.13 (a) General circuit including a floating impedance, (b) equivalent of (a) as obtained
 from Millerâ€™s theorem.
 512 Chapter 11 Frequency Response
 and
 Z2 = ZF
 âˆ’V2
 V1 âˆ’ V2
 (11.23)
 = ZF
 1 âˆ’ 1
 Av
 . (11.24)
 Called Millerâ€™s theorem, the results expressed by Eqs. (11.22) and (11.24) prove</t>
  </si>
  <si>
    <t>b'\xac\xac\xc3IQ\x04\xed\x80\xbd\x83\xe3\xe8\xbe;\xb3D'</t>
  </si>
  <si>
    <t>acacc3495104ed80bd83e3e8be3bb344</t>
  </si>
  <si>
    <t>nd took York
 with them. I and Ginger and some other horses were left at home for use, and the head
 groom was left in charge.
 The Lady Harriet, who remained at the hall, was a great invalid, and never went out in
 the carriage, and the Lady Anne preferred riding on horseback with her brother or
 cousins. She was a perfect horsewoman, and as gay and gentle as she was beautiful. She
 chose me for her horse, and named me "Black Auster". I enjoyed these rides very much
 in the clear cold air, sometimes with Ginger, sometimes with Lizzie. This Lizzie was a
 bright bay mare, almost thoroughbred, and a great favorite with the gentlemen, on
 account of her fine action and lively spirit; but Ginger, who knew more of her than I did,
 told me she was rather nervous.
 There was a gentleman of the name of Blantyre staying at the hall; he always rode
 Lizzie, and praised her so much that one day Lady Anne ordered the side-saddle to be
 put on her, and the other saddle on me. When we came to the door the gentleman
 seemed very uneasy.
 "How is this?" he said. "Ar</t>
  </si>
  <si>
    <t>b'\xf6\x04\xe0,\x10=m='</t>
  </si>
  <si>
    <t>f604e02c103d6d3d</t>
  </si>
  <si>
    <t>lves internal comparison of a mintâ€™s products and their
arrangement by die. These have to be viewed in person or in reproduction not only
in public and private collections, but ideally in the commercial auction literature as
well; this last is often difficult to access and even offensive to some scholars. The
nature of the case may require extension of the study beyond the confines of the mint,
but in any case appreciation of the historical significance often involves immersion in
geography, literature, archaeology, epigraphy, prosopography, even ancient religion.
Figure 2.2 Aureus of Octavian 28 BCE. The obverse shows the head of Augustus with the
legend imp. Caesar Divi f. cos. vi, the reverse shows Augustus seated with scrinium and the
legend leges et iura R.P. restituit (BMC 1995-4-1-1). Photo courtesy of the British Museum
Roman Imperial Numismatics 43
So why does anyone pursue the study of coinage? At the most basic level, each coin
represents a whole object produced by an artist â€“ and how many of these do we
possess in other media? â€“ terse testimony not only to the bureaucratic state of mind
but to contemporary artistic taste and accomplishment, even technical expertise. That
alone might be regarded as sufficient. But there is one paramount consideration that
sets coinage apart from other realia: its â€˜â€˜officialâ€™â€™ character and its unique stature as
primary source material. In the Roman world mainstream coinage was produced on
high authority and by workmen whose output was carefully supervised and controlled; even in the provinces minters were responsible to local officials and ultimately
to Roman magistrates as well. The consistency of the coinage is testimony to the
control exercised over it. No imperial portrait or</t>
  </si>
  <si>
    <t>b'D\xb8\xc8\xa6\x9a\xe3\xa1!\xd3\x0f\x1e|m\xcb&amp;\xe5\xc7W\\XO\xe3\x9d\xb6\xe9m~\x8f\x8a|Q\xff\xdb@\x81\x92_\rb`G\x0bA\x82\xb9\x8a\xec,\x857@\x7f\xd3\xd8\x1cO\x11\x1c8\x9eX\xcbl\xb4\x89\xa1\r\xab\x88\xa4i(\xe0\x9b1I\xdc\xdb\x94h\x9a\\\xd5\x08\x88\x03\xe93\x8c\xa2\xce\t\x85c!-\x89qO~\xcb\x8f\xba\x82\x1f\xf1\xbf\xb4\xd0\x92\xb7\x04\xb6\xc7/Yw\xcdj!zhm\xc9n07O9%\x9e\\\x80}\x18\xc0\xd0\x86\xf7\x8f\xc2@\x14z\x0b\xc2\x8f\xae\xc6\x93\xc4\xe3\x90\xaaghE\xb0\r\xf2\xa3S#\xb5ma\xcd\xd0\x11\xf1\xdeiw\x99O\x86\xb7\xf1\x97\xb0\xb9\xf9+\x16Q!%f\xf1\x80\xd5\xce!P\xdf\xaf\xf9Gp\x0eT\xab\x1dW\\K\x01\x12\xe6R\xb6g`)Md\x94p\xa5&gt;\r:\x9a\x89\x9a\xfd$\xa0a\xf8\x9a^&amp;t\xf7\x0e\r\xe6\xff\xc9\xb8+\x9e\xf0\xad\xbb\t)\xa3\x13m5RG\xe9\xdb@\x99\\\xf8\xfc\xf3\x030\xe5\xba\xd3\xf6cb\x10Fe\xa4\xc3b/d\xc3K\x84\x84\xc7a\xc3\xea\x7f\xf4\x05so\x00*\x17\xc7\\\xdd\xd25\n\x9c\x0fr\xbdn\xc4r\xcb\x90\xaa&amp;Z\xbd$\xf7*\x9e\xa4\x94=\xffP\xf6m\x8a\xb3e\xa4\xf1vH\x8cZ\xf6N\xb1\xcc\xe9Hr\x9bI\xb93\x9a\x0fg\x90\x10\xac?\xe5\xe2\x92\xae\xf2\xe5\x07,\x93a\x18M\xdc\x8f]\xba\x90\xe5$\x99\xf4$\x07\xf75(?\xca\x04?\xa4\'\x0e\xb0\x95K\x82yD-ikR\xa5\xf5*/V,\xaa\x0e\xd4NfP\xd6r\xb35\xca\xb4\xd3\xdcLy\xe0\xe5\x00\x80\xfe\x91T\xc8\xb4\xb5Oi[\xcf\xd8\x8f\x04\xb4\x11T\xe7\xf0\xf9&lt;\n)\x8e\x85\xb9\xd8(\x00\x81ls\xa9\xa6\xbc\x1c\xd1\xd8n\xa7s\xbb\x0b\xff\\\x8b\x06\xdb\xb2\r\xca\xfa\x81)\xe1k}\xdb\xbb\xe4XiQZ\xf2fB\xf8\x83\xb9y\x88\xd7/\xbc+\x07\xd2\xeabM\x19\xa0\xfab\xebb\x8d\xc0k:\xbf\xd3\x80u\xf9@\xfa*\x949\xa5\xb0u]\xac\xef\xb4L\xe4vF\xbe\x00\xabh\x06:t\x06tu\xb4\xedj\x04\x14,\x84`51\xcf;\xf5\x8c\xfc(`\xafu:\'\xe5\xf9\xde\xaa\x95\xdd.\x15\x8eV\xbfg \x83\x12\xe5\xa9\x89\xe1\xed\xbaW\xefs;\x1cU\xd0\xa6H\x96\x81\xc3\xa5_*\xda\xdb\xc9\xbb\x0e\xfc&amp;J\x9e=\xda*\xee\xc8\xf9?e\xe0\xa6\x947\xae\xe4Z\x9b\x14\x86A\xf9\x90+9:I\x91\\\\\x93C@\x976\xac\x04\x91MVt\xc0cIsO\xcb\xf0\r\xa6.4\xa72*F\x1d\xa5\xf9t\x97\x98\x07\xca\x070\x14,U\x94\'\xa2\x0f==\xfbz\x0c\xa25\xef\x87\xa5i\xe8\x87\xf0\xe9\x1ef\xd6&amp;Fo\x83k\x7f&gt;E\x86M\xf7\x94R\xdc\xeeKB\xcf\xd0"s\x88\xe6O@ee\x08\x02{\xcb\xbb\nl#\x0b\x1e\x89\x94U,d\x96\xc6Ha\x1c#SBb*\xd7\x06\x96\xa9\x96bY\x14`;\xaf"^-\xae3y\xb7\x0f\x83\x17v\xc3\x91\x81.\xad\x03\x95\xc5\xa3,\xd9\xd8\xe23\x12|\x9a:H\xbc\xb5Y\xa5\x9e\x96[\xedO7W\x808~X@\x14\xe1x&gt;(\x9e\xf3\xa8Pt\xc6^\xdcE\xa7&gt;\xed\xe1\x1e\xbbfR0?\x88\x11hW\xaa"\xa7\xe6\xa1\x84\x197\xaa\td\x10\x02\xe8N\xa4U\xfa\xd9\x15\xec\xae,#\xb1\xa6\x0c\xc7\xca\xc6\xf0:\xa5_&lt;\xca\xf6\xed{\xb6t?a\xe8\xc0\xb8 \xa8\x9d.\xd3\x88\xd3\xc7\r_KG\x8cv\t\xd58{S}FS\xb9:x8,_H\xa0\xa0V|#\xbb\xb5\xf7\n\xba\t(\x11^:q\x93\x13\xd5\xae\x17\xe7\xc7\x1dS\xc9\xbe\xf6J\x97\x1e\x19R\xb8\xcb\x81y\x19^\r8\xb5\xb5\xd2u\xddD\xf4\xa6\xc9\xb97x\xfa\x00\xf5@\x0f\xdb\xdb\tw\x92\x95.\x1c\xbd\xb2\x94UX\xd7I%\r\xcf\x8a\xf6\x8f\xa4\x8d\x08\xe6\x8fk5\xb8r\x80\xe8\xbb\x02\xa8\xca\xb6\xd0\xa4\xbe\x83\xcc\xeaW\xde\x8fg\xfe\xf2P\xb6\xc5\xc1\xbc\xc7\x8e\x9b\xcb|\xeb\x869Rh;&lt;e\x82\xde\xfa\xf0\x12o\xebS\xaf\xb8\x83\x13r\x85\xea9\xf1\x84*\xdfd\xa2\x0f\xcd\t\xf3\xd3\xb0$\x1b#8e\x8bU\xfeB_!\r\x01=\x1e\x1b0\xf7i=:\xe4\xa6\x012\xc7~I\xdc\xaf\xc6\xa5\x85&gt;\xff\x85P\xd0\x07o\x85\xe1\xaf\xaf\x1c\xaa\x04\x1b;_\xbf\xa7h\xc3\x96\xcb#\x0b\xa4\xf1\xca\x8f|G\x03\x94\xcb\xf8\x01z\xea\xb2\xd71x\xc8M\xe8\x13D\x91\x14\x14\xaa\xefs\x9c\n\x9a\xfb\xbb(\xae\x81\xa9.\xe25UPu\x0c\x04]\xaf~\x1e\xc8\x17\x03\xc4\x9f\x86\x0e34\xd7\xfb\xaed\x7f\xb5\x97\x97`\x1b\x9e$\\3\xf4f\xdb\x11U\x80\xbb\x8b\xa0N&amp;\xc3\xa7&amp;\xe7\xf2\x87\xdb\xb3\x06\xb5Q\xc90\xcd"(\xdf\x1eP\xc9%\x15\xd0\x83\xbe8RL\xf2o\x01\xd8JJ\x0b\xf6+\x94\x07\x12*\xa9\x1b&gt;~\x8e\xf8\x99\xd7\x9c\xa3H\xcd\x0e\xa8\x02M8\x10#\xb4\x08\xa7O\xc4\xb9/7|\xd8\xd0x\xfb\xfb\x84d\x7f\xff\x12c_!fC\x19\xdf\xa5=\x88\xd7\xc6y\x00\xae\xc3\t\xa9\x8f\xe6\xa8c\x83_\xaf\x84\n\xd2\x8b\x97\x1c \xb40\xc7\x91+\x0bM4\xc8\xadZY\x95h\xccOLv\xf0\x1b2\xf5HU\x96/3\x17\xb9\x89\xec\xe5\x1c\xbeu\x1a!\x82O\x16Sf\x7f\xf7\xb8\xdbeK\x99\x1d\xe8\xf8\xf8\x1a\xafjwJ/\xc28\xceC\xa9\xf7f\xf8wF\xa5\x8f\xfe\xc9\xf4\xc4\x99\xe6\xf0\xfa2\x06\x1fC\xa4b\xfe\x1d\x98\x9a/\x8bA\xd5qO\xea\x1ep\xa3\xc6&gt;\xd9\x06\x1d\xbe\xba\x1f\xc4\x0bE4\xcc\xc8\xcc\x00\xba\xad\xfb\xbd\x0bh%\xf86\xcd"\xca3\xad\x94\xda\x9cS\x98\xf6:\xe7\xa5\xd5&lt;\xc5*\x04\xc4-\x03\xbb\x88n\xe2\xe0=\x1bF\x94!+nTm\t&gt;\x03P\xa8fJi\xd1\xb6a\xea\xbbt\xad&amp;\xce\x9a\xc8\xe5X|\xeb\x05J\xedO\xd2P\xfae\x14Ig\xdc\xa7\x94\x9e\x98_\x17\xa1\x0f\xae9\x14+\x17x\xfa\tY\xc7K\xdd%\xabf\x85\xce\x03\xc2\xf2\xad\xbe\xdc\xb0Y+\x87\xdf\xf6\xb2\xe6\x04\x00\x98F\xb8U.\xe33\xb9\xd6\xdfbeA7\xd3\xa3\xa5,}\x96\xc8\xf74\xae\x84\x9d\xe6}\xc7:t\xc1H\x92\xdew\xe2C\xd7#\xdc\xeeH\xc9.\xda\xe2\xf3_\xe9\xceYy\xb7\x99v\xb8|\x00\x9e!p\xd9\xc4\xd8\xec\x13\x17\x8b\xe3Z\xd4\x12\x05\xb8Q&amp;E\xbdX\xf7\x1a@\x95\xa0\xbcD2\xc3\xb7\xaaD3p\xc9\xc8\x0b7\xf0\xc0\x0bh\xb0\x8fl!\xbaPD\x80+6)\xad|I\xd6\x9f12-\xd3\x85\x88eB6i)\xc0UF\xf2@\xd5:\xc4\xae\xe2K\x1a\xf6&lt;\x97\x0b\xf5,\x84xX\xe3\x83\x9a\xc7\xb50J\xc6\xb6\xea\xc8\x88\xf4\x05S\xee\xdf\x1e\xe3\x85@\xb1*\xce\x98R\xd0/\xbbZ\xcfH2a&gt;\x00\x1b\xdd\xfe\xb5GL\xd3\xba\xc8\xe1\xba\x0cx\x05\xb8\x82\x9f4H\xdd\x99\xa2r+]q&amp;\x11\xb1\xa3K\xa2\x91\x88=\x86\x10\xd9vR\x95\x94w\x8fd\xb3F\xf0y\xd1\x04\xf8\x0f!}R&lt;bX \x0e\xc4VI|'</t>
  </si>
  <si>
    <t>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</t>
  </si>
  <si>
    <t>b'D\xb8\xc8\xa6\x9a\xe3\xa1!\xd3\x0f\x1e|m\xcb&amp;\xe5'</t>
  </si>
  <si>
    <t>time."
 Tom he read the piece of paper to us. He had wrote on it:
  "THURSDAY AFTERNOON. Tom Sawyer the Erro-nort
  sends his love to Aunt Polly from Mount Sinai
  where the Ark was, and so does Huck Finn, and she
  will get it to-morrow morning half-past six." *
 142
  [* This misplacing of the Ark is probably Huck's error, not
  Tom's.--M.T.]
 "That'll make her eyes bulge out and the tears come," he says. Then he
 says:
 "Stand by! One--two--three--away you go!"
 And away she DID go! Why, she seemed to whiz out of sight in a second.
 Then we found a most comfortable cave that looked out over the whole big
 plain, and there we camped to wait for the pipe.
 The balloon come hack all right, and brung the pipe; but Aunt Polly had
 catched Jim when he was getting it, and anybody can guess what happened:
 she sent for Tom. So Jim he says:
 "Mars Tom, she's out on de porch wid her eye sot on de sky a-layin' for
 you, en she say she ain't gwyne to budge from dah tell she gits hold of
 you. Dey's gwyne to be trouble, Mars Tom, 'deed dey is."
 So then we shoved for home, and not feeling very gay, neither. heroism begins, between trains and steamboats. Finally, the
 story concludes that what Fogg gains at the end of the journey
 is much more valuable than money.
 If you want to read more about this book you can visit the
 following link
 Around the World in Eighty Days by Jules Verne at
 InfoBooks.org
 If you wish to read this work in other languages, just click
 on the corresponding links:
 â— Spanish InfoLibros.org: La vuelta al mundo en ochenta dÃ­as autor
 Julio Verne
 â— Portuguese InfoLivros.org: A volta ao mundo em oitenta dias autor
 Julio Verne
 â— French InfoLivres.org: Le tour du monde en quatre-vingts jours
 auteur Julio Verne
 If you want to read and download more books by Julio
 Verne in PDF format we invite you to visit this page:
 â— Julio Verne in PDF format at InfoBookss.org
 If you want to access our digital library with more than
 3,500 books to read and download for free, we invite you
 to visit this page:
 â— +3,500 free books in PDF format at InfoBooks.org
 C H A P T E R I
 In which Phileas Fogg and Passepartout accept each other, the
 one as master, the other as man
 OGG lived, in</t>
  </si>
  <si>
    <t>b'I=\x07W\xf0\x17@\r\xba\x08se\xf5\xa3\xb9\x97\xb4\xad(2e\xbb\xea\xbbM&gt;\x80\xb6eb\xb1\x0b'</t>
  </si>
  <si>
    <t>493d0757f017400dba087365f5a3b997b4ad283265bbeabb4d3e80b66562b10b</t>
  </si>
  <si>
    <t>b'I=\x07W\xf0\x17@\r\xba\x08se\xf5\xa3\xb9\x97'</t>
  </si>
  <si>
    <t>say, she may hear.'
 'May she so, lady?' said he. 'You shall know no more, then;' and he was
 going, though slowly, when Emily's anxiety, overcoming the resentment
 and fear, which the man's behaviour had roused, she desired him to stay,
 and bade Annette retire.
 'The Signora is alive,' said he, 'for me. She is my prisoner, though; his
 excellenza has shut her up in the chamber over the great gates of the
 court, and I have the charge of her. I was going to have told you, you
 might see herâ€”but nowâ€”'
 Emily, relieved from an unutterable load of anguish by this speech, had
 now only to ask Barnardine's forgiveness, and to conjure, that he would
 let her visit her aunt.
 He complied with less reluctance, than she expected, and told her, that, if
 she would repair, on the following night, when the Signor was retired to
 rest, to the postern-gate of the castle, she should, perhaps, see Madame
 Montoni.
 Amid all the thankfulness, which Emily felt for this concession, she
 thought she observed a malicious triumph in his manner, when he
 pronounced the last words; but, in the next moment, she dismissed the
 thought, and, having again thanked him, commended her aunt to his
 pity, and assured him, that she would herself reward him, and would be
 punctual to her appointment, she bade him good night, and retired,
 unobserved, to her chamber. It was a considerable time, before the
 tumult of joy, which Barnardine's unexpected intelligence had
 393
 occasioned, allowed Emily to think with clearness, or to be conscious of
 the real dangers, that still surrounded Madame Montoni and herself.
 When this agitation subsided, she perceived, that her aunt was yet the
 prisoner of a man, to whose vengeance, or avarice, she might fall a
 sacrifice; and, when she further considered the savage aspect of the
 person, who was appointed to guard Madame Montoni, her doom
 appeared to be already sealed, for the countenance of Barnardine
 seemed to bear the stamp of a murderer; and, when she had looked upon
 it, she felt inclined to believe, that there was no deed, however black,
 which he might not be prevailed upon to execute. These reflections
 brought to her remembrance the tone of voice, in which he had promised
 to grant her request to see his prisoner; and she mused upon it long in
 uneasiness and doubt. Sometimes, she even hesitated, whether to trust
 herself with him at the lonely hour he had appointed; and once, and only
 once, it struck her, that Madame Montoni might be already murdered,
 and that this ruffian was appointed to decoy herself to some secret place,
 where her life also was to be sacrificed to the avarice of Montoni, who
 then would claim securely the contested estates in Languedoc. The
 consideration of the enormity of such guilt did, at length, relieve her
 from the belief of its probability, but not from all the doubts and fears,
 which a recollection of Barnardine's manner had occasioned. From these
 subjects, her thoughts, at length, passed to others; and, as the evening
 advanced, she remembered, with somewhat more than surprise, the
 music she had heard, on the preceding night, and now awaited its return,
 with more than curiosity.
 She distinguished, till a late hour, the distant carousals of Montoni and
 his companionsâ€”the loud contest, the dissolute laugh and the choral
 song, that made the halls re-echo. At length, she heard the heavy gates of
 the castle shut for the night, and those sounds instantly sunk into a
 silence, which was disturbed only by the whispering steps of persons,
 passing through the galleries to their remote rooms. Emily now judging
 it to be about the time, when she had heard the music, on the preceding
 night, dismissed Annette, and gently</t>
  </si>
  <si>
    <t>b'\x17G\x94\xcb\xee7\n}/\xe4\x85\x9f[\x87\n\x19\x82\x18\x05\x81\xf4\x86\x17\xb5\x8fJ\xca\x80k\xef\x81\x92\xf1YZ\xac\x9b5\xdd\xed|\xf9\xb3\x8e\x91\x14\x1c\x13F\xb2\x9c|i\x83\x11C}\x1e\xf9\xcf\x8ad\x9d\xdc'</t>
  </si>
  <si>
    <t>174794cbee370a7d2fe4859f5b870a1982180581f48617b58f4aca806bef8192f1595aac9b35dded7cf9b38e91141c1346b29c7c698311437d1ef9cf8a649ddc</t>
  </si>
  <si>
    <t>b'\x17G\x94\xcb\xee7\n}/\xe4\x85\x9f[\x87\n\x19'</t>
  </si>
  <si>
    <t>and
 employment in the United States. The U.S. portfolio of foreign assets and liabilities, in fact,
 yields a further cushioning advantage: Because U.S. assets are mostly denominated in for_x0002_eign currencies, the dollar value of those assets rises when the dollar depreciates against
 foreign currencies. At the same time, because U.S. foreign liabilities are predominantly
 (about 95 percent) in dollars, their dollar value rises very little. So a fall in world demand
 for U.S. goods leads to a substantial wealth transfer from foreigners to the United Statesâ€”a
 kind of international insurance payment.
 For poor countries that must borrow in a major foreign currency, a fall in export
 demand has the opposite effect. Because poorer countries tend to be net debtors in the
 major foreign currencies, a</t>
  </si>
  <si>
    <t>b'0E\x02 \x10\xbbh\xfb\xe4\x01\x16W;\x9f\x90S\xa7\x17\x1b\xf99\xa4nN\xff\n\xb6\x1dI\xa1\x958\x02\xcfnk\x02!\x00\xd9\xe9k\xf6\xc6T\x9d\xb1\x84\x95U6y\x0c\xcd\xfa:\x05QhIH\x80]\x92C\xce\xc2\xa0\xf2\xab\x0b'</t>
  </si>
  <si>
    <t>3045022010bb68fbe40116573b9f9053a7171bf939a46e4eff0ab61d49a1953802cf6e6b022100d9e96bf6c6549db184955536790ccdfa3a0551684948805d9243cec2a0f2ab0b</t>
  </si>
  <si>
    <t>b'0E\x02 \x10\xbbh\xfb\xe4\x01\x16W;\x9f\x90S'</t>
  </si>
  <si>
    <t>0Ã—1014 nearinfrared 1.0Ã—10âˆ’6
  TABLE9.1
  Evidently,EandBareinphaseandmutuallyperpendicular; their(real)ampli
 tudesarerelatedby
  B0= k
  Ï‰E0=1
  cE0. (9.47)
  ThefourthofMaxwellâ€™sequations,âˆ‡Ã—B=Î¼0 0(âˆ‚E/âˆ‚t),doesnotyieldanin
 dependentcondition;itsimplyreproducesEq.9.45.
 9.2 Electromagnetic Waves in Vacuum
  397
  Example 9.2. If E points in the x direction, then B points in the y direction
  (Eq. 9.46):
  Ëœ
  E(z,t) = Ëœ E0ei(kzâˆ’Ï‰t)Ë†x, Ëœ B(z,t) = 1
  c 
 Ëœ E0ei(kzâˆ’Ï‰t)Ë†y,
  or (taking the real part)
  E(z,t) = E0cos(kzâˆ’Ï‰t +Î´)Ë† x, B(z,t) = 1
  cE0cos(kzâˆ’Ï‰t +Î´)Ë† y.
  x
  E0
  c
  E
  E0/c
  y
  B
  FIGURE9.10
  (9.48)
  z
  This is the paradigm for a monochromatic plane wave (see Fig. 9.10). The wave
  as a whole is said to be polarized in the x direction (by convention, we use the
  direction of E to specify the polarization of an electromagnetic wave).
  There is nothing special about the z direction, of courseâ€”we can easily gen
 eralize to monochromatic plane waves traveling in an arbitrary direction. The no
 tation is facilitated by the introduction of the propagation (or wave) vector, k,
  pointing in the direction of propagation, whose magnitude is the wave number k.
  The scalar product k Â· r is the appropriate generalization of kz (Fig.9.11),so
  Ëœ
  E(r,t) = Ëœ E0ei(kÂ·râˆ’Ï‰t) Ë†n,
  Ëœ
  B(r,t) = 1
  c 
 Ëœ E0ei(kÂ·râˆ’Ï‰t)(Ë† kÃ—
  where Ë†n is the polarization vector. Because E is transverse,
  Ë†
  n Â· Ë† k = 0.
  (9.49)
  Ë†
  n) = 1
  c 
 Ë† kÃ—
  Ëœ
  E,
  (9.50)
  (The transversality of B follows automatically from Eq. 9.49.) The actual (real)
  electric and magnetic fields in a monochromatic plane wave with propagation
  vector k and polarization Ë†n are
 398
  Chapter 9 Electromagnetic Waves
  c
  k
  r
  k . r
  FIGURE9.11
  E(r,t) = E0cos(kÂ· râˆ’Ï‰t +Î´)Ë† n,
  B(r,t) = 1
  cE0 cos(k Â· r âˆ’Ï‰t +Î´)(Ë† kÃ— Ë†n).
  (9.51)
  (9.52)
  Problem 9.9 Write down the (real) electric and magnetic fields for a monochro
 matic plane wave of amplitude E0, frequency Ï‰, and phase angle zero that is (a)
  traveling in the negative x direction and polarized in the z direction; (b) traveling in
  the direction from the origin to the point (1, 1, 1), with polarization parallel to the
  xzplane. In each case, sketch the wave, and give the explicit Cartesian components
  of k and Ë†n.
  9.2.3 Energy and Momentum i</t>
  </si>
  <si>
    <t>b'\xc3S"\xd2\xf8\x83\xdc\xf4)\x8bL\xfc\xbd3\xe6\tN|5\x05\xf6\x0bw(+bPOj\x91K\xfe'</t>
  </si>
  <si>
    <t>c35322d2f883dcf4298b4cfcbd33e6094e7c3505f60b77282b62504f6a914bfe</t>
  </si>
  <si>
    <t>b'\xc3S"\xd2\xf8\x83\xdc\xf4)\x8bL\xfc\xbd3\xe6\t'</t>
  </si>
  <si>
    <t>so quietly through the rollers. 
 I found each wave, instead of the big, smooth glossy mountain it looks 
 from shore or from a vessel's deck, w</t>
  </si>
  <si>
    <t>b'H]+\xc9\x0fE\xf3uL\xc0\xf21q&lt;\xa3\xd3\xf8\xecu\xb989C\xd7Ev\xae\xda\xb1\x1c\xc04\x12s\x89\xd3\x1de"G\xba;\xac\xa82\xd2M\xc9J\x01\xa1\x91\xb18\xdb?\xc9e\xeb\xb4\xd3\x97Z\x1b\xca,\xe6\x89M\xe9q\x9b\xa978\xc7\x89i\xa0H\x1c\xb1\xbclH`S\xfb\xcb1\x11( \xc5"\x1e"vs\x06WI\x81\xb7\x00\xa9\xc81\xef\xdd\x95\x12Qd\xd0\xe9\x94\xf6\xca{\xb7p\x88\x07\x032\xb0n\x8d\xc7\x8e\xadn\x85I\xf6tH\x1e\xf7\xe3M\xd9@\\\xc1cViKq\r\xc8\xce\xd2A\xd7\xe6\xd2\x00xV!\xee\x114ye\x14\n\x89N\xeal\xb3\xf7\x90i\x13\xa5O\x85\xee\xfdi\x98F\xed\xd7$xv#\x1a+x\xeb\xbco\xd1\xf9\x146\'\x15\xbc\x0f\xb4\x81\xfe09\xbbB\xb4q\x8bv\xbc[\xd7\x8f\xca\x16\xb8\xb5N\x05\xad;\xd4z\xcf.\xec9\xa1\xecX~\x94\xb6\xa8\x80$,=y\x05\x8ed\xb6\x1eb\xb9\xf2'</t>
  </si>
  <si>
    <t>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</t>
  </si>
  <si>
    <t>b'H]+\xc9\x0fE\xf3uL\xc0\xf21q&lt;\xa3\xd3'</t>
  </si>
  <si>
    <t>again set eyes on a
Winged Monkey, which we were glad to do, for we were all afraid of her.
"This was all we ever had to do until the Golden Cap fell into the hands of
the Wicked Witch of the West, who made us enslave the Winkies, and
afterward drive Oz himself out of the Land of the West. Now the Golden
Cap is yours, and three times you have the right to lay your wishes upon
us."
As the Monkey King finished his story Dorothy looked down and saw the
green, shining walls of the Emerald City before them. She wondered at
the rapid flight of the Monkeys, but was glad the journey was over. The
strange creatures set the travellers down carefully before the gate of the
City, the King bowed low to Dorothy, and then flew swiftly away,
followed</t>
  </si>
  <si>
    <t>b'S\xb6=V\xd8gB\xe4&amp;\xb8\x06\xec\'\xd8\xbd\x9f\xaa\x03l\xa3b\x0b\x99\xf0\xb5\x1a,\xbfV\xd8)4e\xde]\x18\xd2{\xf4\xda\x80\x96\xa9\xb8\xb1m\xab\xe9\xcf\x81\xe5x\x01w3\xdf--\x90\xa08\x07\xcb\xf7\x1d\xab\x85\xd6UU\x7f\x84\x81B\xe6\xa6\xf2\x82\xdf\x04Q\xb8\xa7\xb8\\\xd5d\xd0\xa5\x19\x9a\x05\x99\xf4\xc9Uy\\\xb55\xcb\xa9\xaa\xfc\xb85\x9b\xb2}O\xcc\xd4Yx.\xb2\xd5\x10\x8c\x86|tZ\x0e\xa9\'\xeb\x99\xe07\\\xc7\x0e\xc8"\x0f\xe3|W\x08!\x9f\xe2C=\xc8\xcc\xaa\x99p\x80\x0c\x0cXK\x0b\x83\x15q*\xceo\xe6\x084\xc3\x87~n\x01\x81s\xd3\x91#{xR\xfc\xe2\x03\xa6\xfd8\x1a;\xa5x\x82@\x97\xb2\xa3a\x00\xf63EY\x10\x11\x00\xda\xf2\xeb\x06y\xaa\xd7\xa0l@\xe7,\xb2\xb4\x9dK\xe2R\xb3\x9f\xf7\xae\xf1\xe1G\x86b\x9e\xef\x986\xef\x1cMJ0\x04\xed\xc3\xfc\x935\xc2Q\xc0\xa84\xb3\xb0\x97\xfc\xf2D\x1fZ\xaaTk_/$|\xc46\xca\xfb\xa0\xc17\x06\xf1\xed&lt;\x92\x06\xb8`\x9e,\xbb\xe6\x8d\x84\x1b=\x94FF\x95S\x12p\x9dx&lt;\xd5\xb0\xc8\x94\xa0(\xa4V\xcc\xd2vH.VX\x1d\x05_\x04\xf2Dlg\xd64\x98\xb7\\8G\x10\x82\xe0\xfb\xa1\x168\x88\x08\x19\xa5WU\x85/\x88\xe7\xc0S[\x9f\x18b\x19\x1e&lt;\x03\x0fe\xf0\xb7\x91\xac&gt;\x18y\xb2.\xd42\xb5\xa9\xaec\x82-OP\xa7\x95\x1f\x1d0:y\x8b\xb1H\x86\x9f^\xe1\x1e\xb4\xd9\x83\xe9\xa5\x02\x13\x94\xcf\xa5\x13\x100\x84\xd5\x92\xde\xdcF!\x91]eQL\x11Hs\x95\xce\x19\x17\xea\x85;\xbe\x92\x92w\xc8\xda0\xa2\xba\xdb\x84c*\xfb\x9c\xdf\xdd\xc4\xfa)\xaa\\X#\x07W\xe9\xf8Kp\x18||\xe0\x81\xf4s\xf2\xb1c\xfc\x0b1Z\x7f\\D\xa1+\xbd6q\x1ew\xfb\x00{\xcd-6\x05ED?O\xe7\x01%\xfa\xde\x8b\xd8\x9f\xc4\xe4z\xa7\xc6;"}Ys\x8eN1^\xfb\x97\xaa\xab\xef\x00\xc6\xc6]\xd8X\x98(e\x94\xe1\xffs\x92 |~?\xcf\xe6\xb9\xaaU\x08\xdb%\xe5\xf9\x12\xef\xfaG\xe9\x03\xb1\xd1\x00\xb9\xe7\x90\x0f\x86\x91\xd0\xf0xN\x05\x1cX~`\xfaJT4\x01`\x00\xfeT\'\xc4\xb3\x971@0\xa8*\xbc\x1aq\xe0\x97BL"\x8b\x00V\x7f\xa1\xc67}\xb8E\x1f\xd6\x1a\xcd{\x16:\x88\x9b9\x1c?\xeaN1\xc4q\xdd[\xc7B\x05"\xc4\xd4\xedN1\x9e\x1b^\x92\xc2.b\xd7\xee\xa9\r\x1a\xad\xb5:\x02\xc0\x94\xc1\xbeP\x1d\xd2\xc5\xe1\xc3\xca\xa6\xf0\xec\xff)\x8e\x1a\xe4\xfd\x03\x10\x9f\xa2&gt;z\xd7\xb6\x19\x9fr\xbc\xdbm\xc16f8\x9b3L\xf3\x8c\x02{q\x8d\xe9\xfd\x1c\xc1g\xfa\x17\xa2\xe4\xfd\xec\xaaME\x03\xa6\xc5\xb4o\xfeG\xd8mY\xf8d5\xcf\xd9\xc5Fa\xbd]\xdd9K\xc9\xd0\xc8\x0c\x17\x07\x0e\xb2W\x14\xcb\xf7f\xc3/\x1fO\x82\xea'</t>
  </si>
  <si>
    <t>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</t>
  </si>
  <si>
    <t>b"S\xb6=V\xd8gB\xe4&amp;\xb8\x06\xec'\xd8\xbd\x9f"</t>
  </si>
  <si>
    <t>!
"Does she think Mrs. Medlock would let me go?" she asked, quite
anxiously.
"Aye, she thinks she would. She knows what a tidy woman mother is and
how clean she keeps the cottage."
"If I went I should see your mother as well as Dickon," said Mary, thinking
it over and liking the idea very much. "She doesn't seem to be like the mothers
in India."
Her work in the garden and the excitement of the afternoon ended by
making her feel quiet and thoughtful. Martha stayed with her until tea-time,
but they sat in comfortable quiet and talked very little. But just before Martha
went downst</t>
  </si>
  <si>
    <t>b'l\xeb\xeb\x18\x92\xddD\x06I\xd6\xa4\x1fa\xab\x83\xaf\xc2\xec\xc4\xc0?C\xd5\x03\x03\xf1\xbb\xa5M!\x0f\xa1\xb3$\n&lt;\rc\x12M\xdadS\x0f\xc3\xb5\x81j\\N\xd6\xb4\'\x91\xc3)\xe1P//\x8e\xadx\x8b\x7f\\,\x7fC\xd6(\xfa\x876\x1c\x8a\\\x83\xb1\x90\xc4\xc1g\x8cv\x93:v&lt;\xdb\x1b\xa9\xde\xfc*\x18X\x88\'Z\xd5W\xab\xbe\xb2\xafE\xe6G\xf5\x8c\x0e\x82J\xba\x89\xb7\xc8\xa3$\xf6\xa2\xb9\x14\xa9\xf9\xfd8\x90\xd6\x12\xfd\xe9ej\x87$\xc8\xdc\x91\xfc\xed\xd3)u\x88\xca\x1cF\xb6\xbd\xd1\x81S0\x82\xfda\xf0(?\xc8\xbf\xc4\x8d\xaa\xa5\xea?\x14\x10\x94&lt;\xd5\xee\xec\xc2\xedb5\x1f\x01\xdb\xeb\x01\x0c\xb8\xc0\xccH\xd6^\xbd\x9c\xbc\xa8-\x9a&amp;\x11\x90\xdb0\xf0\xfd\xc4\xd1\x8aX\xd3h\x9d\x88\x97\xf6dMIo\xda\xbdx\xd72]\xf0\xac\xa9ENbh\xcf\xcf\xa6\xaf\xf7=\x1c\x07{\xfa\x8e\xa9X\xe1\x93@}\xae\xdc\x1a\x00\x95\xeb\xd3\x13\x7f_\x7f\r\x13\x85J\xc2\xff\xc4&amp;?\xbb\x98\xeb\xb0\x8e\x111P\xda!\x11Zj]\xaf\xdbV\xb1\x07\x1d\xbd\xb3%\xc0\xc5\xe2\x82\x1b\xd9O\xbbW\xf5\x96\xa4\xfd\x1c\x08\xf9\xaez\x95\t=\xb6\x9cy\xfd\x8c\xb6I\xa4}:v\xc88\xc0\xe6\x7fn\xbd&lt;H\x10a\xeaI\x1a\xb1t\xd9\xe4\x92T\\\xaf\x1e^1C\xa6\xce\xd1\x94\x9e\x11\x0f\xac\x14\x17_\xeb\xcfz\x02\xae\xe33\\\xc8eG\xc4\xdc\xdfo\xa2\x11A\x8c+\xe0&gt;\x00\xbd\xf8\xd5j\x15\xbaS\xd9\xf6\x93\n\xc3@\xcc\x92\xc2\x99\xc3\x00\xedw\x00)\xa3\xfb\xbfF\xe4[\x12\xd8\x94\xdc[\xd3\xa9\xde\x8a\xc8}\xea\xa4\xa4;\xd4\xa9O1\x03\x11\'\xd7\xaccGW;\x86z\xc3%WBs\xaa\x00\xcc&amp;/\xe0\xdem{\xb5c\x0f\r\xda\x87P\xeaW\xbfS\x7f\x14\xac\x01\x19\xdd\xa4\x97t\xc6\x9f\xe7}6\xf0Sc\xae\xf1\xfa\xbfx-\xe3\xff\xc1U3\x89\xb5+0\xf2\\\xca\x12\x129L\xe2\x9f\xdd\x91\x81d.\xaa\x17\x18(\xdf\x96\x85\xf3\x88\xbc\x91q}\xd4\xb3\xeeC)GV&lt;\xcc\x81\xb9\n\x1c\xa7\x8e\xb2\xeb\xd0S"V\x1fu\x94\xc4\xed\x9b\x94&amp;u\x9f\xd5V.&gt;\xcc\xd8[\x1c+\x15\xf4\xda\xc4\x1d\xd7s\xa1X\x82x\xb29\xc8"\xdb\x10\xb7L^\xb7\xcd\xdaC?'</t>
  </si>
  <si>
    <t>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</t>
  </si>
  <si>
    <t>b'l\xeb\xeb\x18\x92\xddD\x06I\xd6\xa4\x1fa\xab\x83\xaf'</t>
  </si>
  <si>
    <t>Sometimes"â€”reflectivelyâ€”"I've thought perhaps I
 might do something wickedâ€”I might suddenly fly into a rage and kill
 Miss Minchin, you know, when she was ill-treating meâ€”but I
 COULDN'T be vulgar. Why can't you tell your father _I_ read them?"
 "He wants me to read them," said Ermengarde, a little discouraged by
 this unexpected turn of affairs.
 134
 "He wants you to know what is in them," said Sara. "And if I can tell it to
 you in an easy way and make you remember it, I should think he would
 like that."
 "He'll like it if I learn anything in ANY way," said rueful Ermengarde.
 "You would if you were my father."
 "It's not your fault thatâ€”" began Sara. She pulled herself up and stopped
 rather suddenly. She had been going to say, "It's not your fault that you
 are stupid."
 "That what?" Ermengarde asked.
 "That you</t>
  </si>
  <si>
    <t>b'\x9f\tq\x13W\x94\xd3\xe7'</t>
  </si>
  <si>
    <t>9f0971135794d3e7</t>
  </si>
  <si>
    <t>condition like that; you are liable to be taken up by the police for such driving, and if
 you are you need not look to me for bail, for I have spoken to you till I'm tired; you must
 look out for yourself."
 During this speech the boy had stood by, sullen and dogged, but when his father ceased
 he broke out angrily. It wasn't his fault, and he wouldn't take the blame; he was only
 going by orders all the time.
 "You always say, 'Now be quick; now look sharp!' and when I go to the houses one
 wants a leg of mutton for an early dinner and I must be back with it in a quarter of an
 hour; another cook has forgotten to order the beef; I must go and fetch it and be back in
 no time, or the mistress will scold; and the housekeeper says they have company
 coming unexpectedly and must have some chops sent up directly; and the lady at No. 4,
 in the Crescent, never orders her dinner till the meat comes in for lunch, and it's nothing
 but hurry, hurry, all the time. If the gentry would think of what they want, and order
 their meat the day before, there need not be this blow up!"
 "I wish to goodness they would," said the butcher; "'twould save me a wonderful deal of
 harass, and I could suit my customers much better if I knew beforehandâ€”But there!
 what's the use of talkingâ€”who ever thinks of a butcher's convenience or a butcher's
 horse! Now, then, take him in and look to him well; mind, he does not go out again to98
 day, and if anything else is wanted you must carry it yourself in the basket." With that
 he went in, and the horse was led away.
 But all boys are not cruel. I have seen some as fond of their pony or donkey as if it had
 been a favorite dog, and the little creatures have worked away as cheerfully and
 willingly for their young drivers as I work for Jerry. It may be hard work sometimes, but
 a friend's hand and voice make it easy.
 There was a young coster-boy who came up our street with greens and potatoes; he had
 an old pony, not very handsome, but the cheerfullest and pluckiest little thing I ever
 saw, and to see how fond those two were of each other was a treat. The pony followed
 his master like a dog, and when he got into his cart would trot off without a whip or a
 word, and rattle down the street as merrily as if he had come out of the queen's stables.
 Jerry liked the boy, and called him "Prince Charlie", for he said he would make a king of
 drivers some day.
 There was an old man, too, who used to come up our street with a little coal cart; he
 wore a coal-heaver's hat, and looked rough and black. He and his old horse used to plod
 together along the street, like two good partners who understood each other; the horse
 would stop of his own accord at the doors where they took coal of him; he used to keep
 one ear bent toward his master. The old man's cry could be heard up the street long
 before he came near. I never knew what he said, but the children called him "Old Ba-a-ar
 Hoo", for it sounded like that. Polly took her coal of him, and was very friendly, and Jerry
 said it was a comfort to think how happy an old horse might be in a poor place.
 99
 Chapter 42. The Election
 As we came into the yard one afternoon Polly came out. "Jerry! I've had Mr. Bâ€”â€” here
 asking about you</t>
  </si>
  <si>
    <t>b'6\x9ce\xc8&gt;&lt;\xa5\xfc'</t>
  </si>
  <si>
    <t>369c65c83e3ca5fc</t>
  </si>
  <si>
    <t>âˆ’v2Â±/c2
  ,
  (12.78)
  (12.79)
  and Î»0 is the charge density of the positive line in its own rest system. Thatâ€™s not
  the same as Î», of courseâ€”in S theyâ€™re already moving at speed v,so
  Î» =Î³Î»0,
  where
  Î³ = 1
  1 âˆ’v2/c2
  .
  (12.80)
  (12.81)
 552
  Chapter 12 Electrodynamics and Relativity
  It takes some algebra to put Î³Â± into simple form:
  Î³Â± =
  1
  1 âˆ’ 1
  c2
  (v âˆ“u)2(1 âˆ“vu/c2)âˆ’2
  =
  =
  c2 âˆ“uv
  (c2 âˆ’v2)(c2 âˆ’ u2) 
 = Î³ 1âˆ“uv/c2
  c2 âˆ“uv
  (c2 âˆ“uv)2 âˆ’c2(v âˆ“u)2
  1 âˆ’u2/c2
  .
  The net line charge in Â¯ S, then, is
  Î»tot = Î»+ +Î»âˆ’ = Î»0(Î³+ âˆ’Î³âˆ’) = âˆ’2Î»uv
  c2
  (12.82)
  1 âˆ’u2/c2
  .
  (12.83)
  Conclusion: As a result of unequal Lorentz contraction of the positive and nega
 tive lines, a current-carrying wire that is electrically neutral in one inertial system
  will be charged in another.
  Now, a line charge Î»tot sets up an electric field
  E = Î»tot
  2Ï€ 0s ,
  so there is an electrical force on q in Â¯ S, to wit:
  Â¯
  F =qE=âˆ’ Î»v
  Ï€ 0c2s
  qu
  1 âˆ’u2/c2
  .
  (12.84)
  But if thereâ€™s a force on q in Â¯ S, there must be one in S; in fact, we can calculate
  it by using the transformation rules for forces. Since q is at rest in Â¯ S, and Â¯ F is
  perpendicular to u,theforceinS is given by Eq. 12.67:
  F =
  1 âˆ’u2/c2 Â¯ F =âˆ’ Î»v
  Ï€ 0c2
  qu
  s .
  (12.85)
  The charge is attracted toward the wire by a force that is purely electrical in Â¯ S
  (where the wire is charged, and q is at rest), but distinctly nonelectrical in S
  (where the wire is neutral). Taken together, then, electrostatics and relativity im
 ply the existence of another force. This â€œother forceâ€ is, of course, magnetic. In
  fact, we can cast Eq. 12.85 into more familiar form by using c2 = ( 0Î¼0)âˆ’1 and
  expressing Î»v in terms of the current (Eq. 12.76):
  F =âˆ’qu Î¼0I
  2Ï€s .
  (12.86)
  The term in parentheses is the magnetic field of a long straight wire, and the
  force is precisely what we would have obtained by using the Lorentz force law in
  system S.
 12.3 Relativistic Electrodynamics
  553
  12.3.2 How the Fields Transform
  We have learned, in various special cases, that one observerâ€™s electric field is
  anotherâ€™s magnetic field. It would be nice to know the general transformation
  rules for electromagnetic fields: Given the fields in S, what are the fields in Â¯ S?
  Your first guess might be that E is the spatial part of one 4-vector and B the
  spatial part of another. But your guess would be wrongâ€”itâ€™s more complicated
  than that. Let me begin by making explicit an assumption that was already used
  implicitly in Sect. 12.3.1: Charge is invariant. Like mass, but unlike energy, the
  charge of a particle is a fixed number, independent of how fast it happens to be
  moving. Weshall assume also that the transformation rules are the same no matter
  how the fields were producedâ€”electric fields associated with changing magnetic
  f
  ields transform the same way as those set up by stationary charges. Were this
  not the case weâ€™d have to abandon the field formulation altogether, for it is the
  essence of a field theory that the fields at a given point tell you all there is to know,
  electromagnetically, about that point; you do not have to append extra information
  regarding their source.
  With this in mind, consider the simplest possible electric field: the uni
 form field in the region between the plates of a large parallel-plate capacitor
  (Fig. 12.35a). Say the capacitor is at rest in S0 and carries surface charges Â±Ïƒ0.
  Then
  E0 = Ïƒ0
  0
  y0
  âˆ’Ïƒ0
  w
  +Ïƒ0
  l0
  z0
  (a)
  âˆ’Ïƒ
  +Ïƒ
  v
  v0
  x0
  v0
  (c)
  Ë†
  y.
  z
  FIGURE12.35
  (12.87)
  y
  âˆ’Ïƒ
  w
  +Ïƒ
  l
  v
  v
  (b)
  x
 554
  Chapter 12 Electrodynamics and Relat</t>
  </si>
  <si>
    <t>b'\xd1\xf0.\x17\xbd\x1c~\xc8\x8b\xb4L\xc4r\x88\xe9C\x0c\xc6\xe8\xcf\xfc\xeb\xb4:\x08\\9\x8c\x80BZ\xaf'</t>
  </si>
  <si>
    <t>d1f02e17bd1c7ec88bb44cc47288e9430cc6e8cffcebb43a085c398c80425aaf</t>
  </si>
  <si>
    <t>b'\xd1\xf0.\x17\xbd\x1c~\xc8\x8b\xb4L\xc4r\x88\xe9C'</t>
  </si>
  <si>
    <t>importance of the man too well to
 wonder at this trait; and the possibility, that these projected
 improvements might be deferred, gave him a hope, that they might never
 take place.
 Before they separated for the night, M. Quesnel desired to speak with St.
 Aubert alone, and they retired to another room, where they remained a
 considerable time. The subject of this conversation was not known; but,
 whatever it might be, St. Aubert, when he returned to the supper-room,
 seemed much disturbed, and a shade of sorrow sometimes fell upon his
 features that alarmed Madame St. Aubert. When they were alone she was
 tempted to enquire the occasion of it, but the delicacy of mind, which
 had ever appeared in his conduct, restrained her: she considered that, if
 St. Aubert wished her to be acquainted with the subject of his concern,
 he would not wait on her enquiries.
 On the following day, before M. Quesnel departed, he had a second
 conference with St. Aubert.
 The guests, after dining at the chateau, set out in the cool of the day for
 Epourville, whither they gave him and Madame St. Aubert a pressing
 16
 invitation, prompted rather by the vanity of displaying their splendour,
 than by a wish to make their friends happy.
 Emily returned, with delight, to the liberty which their presence had
 restrained, to her books, her walks, and the rational conversation of M.
 and Madame St. Aubert, who seemed to rejoice, no less, that they were
 delivered from the shackles, which arrogance and frivolity had imposed.
 Madame St. Aubert excused herself from sharing their usual evening
 walk, complaining that she was not quite well, and St. Aubert and Emily
 went out together.
 They chose a walk towards the mountains, intending to visit some old
 pensioners of St. Aubert, which, from his very moderate income, he
 contrived to support, though it is probable M. Quesnel, with his very
 large one, could not have afforded this.
 After distributing to his pensioners their weekly stipends, listening
 patiently to the complaints of some, redressing the grievances of others,
 and softening the discontents of all, by the look of sympathy, and the
 smile of benevolence, St. Aubert returned home through the woods,
  where
 At fall of eve the fairy-people throng,
 In various games and revelry to pass
 The summer night, as village stories tell.*
  *Thomson
 'The evening gloom of woods was always delightful to me,' said St.
 Aubert, whose mind now experienced the sweet calm, which results from
 the consciousness of ha</t>
  </si>
  <si>
    <t>b'\x9a\x07\x99\x7f\x96%\xbb\xb92\xcc;R\xdb(\x86x\xa9\x06\xe6\xc7[^z\xd5\xce\\\xa8\xf4L\x92\xb2\n\x85&amp;\x7f\xc9\xbb\xfd\xfd&amp;\xbf\x05\xc9\x98\x84`.p&amp;\x8d7$[!\x01\xe2A&gt;uh\xad\x8e\x1f\xba'</t>
  </si>
  <si>
    <t>9a07997f9625bbb932cc3b52db288678a906e6c75b5e7ad5ce5ca8f44c92b20a85267fc9bbfdfd26bf05c99884602e70268d37245b2101e2413e7568ad8e1fba</t>
  </si>
  <si>
    <t>b'\x9a\x07\x99\x7f\x96%\xbb\xb92\xcc;R\xdb(\x86x'</t>
  </si>
  <si>
    <t>ducing and charging the price (The license to import one unit of the good
 will therefore yield a rent of .)
 Comparing a Tariff and a Quota
 We now ask how the effects of a tariff and a quota compare. To do this, we compare a tar_x0002_iff and a quota that lead to the same level of imports (Figure 9A-4). The tariff level t leads
 to a level of imports ; we therefore ask what would happen if instead of a tariff, the gov_x0002_ernment simply limited imports to .
 We see from the figure that the results are not the same. The tariff leads to domestic
 production of and a domestic price of The quota leads to a lower level of do_x0002_mestic production, , and a higher price, . When protected by a tariff, the monopolistic
 domestic industry behaves as if it were perfectly competitive; when protected by a quota,
 it clearly does not.
 The reason for this difference is that an import quota creates more monopoly power
 than a tariff. When monopolistic industries are protected by tariffs, domestic firms know
 that if they raise their prices too high, they will still be undercut by imports. An import
 quota, on the other hand, provides absolute protection: No matter how high the domestic
 price, imports cannot exceed the quota level.
 Qq Pq
 Q PW + t. t
 Q
 Q
 Pq - PW
 Pq Q . q
 Dq MRq
 Q
 Dq;
 Q
 Q PW
 Imports = Q
 Price, P
 Quantity, Q
 MRq
 MC
 D
 Pq
 PW
 Dq
 Qq Qq + Q
 Figure 9A-3
 A Monopolist Protected by an
 Import Quota
 The monopolist is now free to
 raise prices, knowing that the 
 domestic price of imports will 
 rise too.
 This comparison seems to say that if governments are concerned about domestic
 monopoly power, they should prefer tariffs to quotas as instruments of trade policy. In fact,
 however, protection has increasingly drifted away from tariffs toward nontariff barriers,
 including import quotas. To explain this, we need to look at considerations other than eco_x0002_nomic efficiency that motivate governments.
 218 PART TWO International Trade Policy
 Price, P
 MC
 Qq
 Imports = Q
 Qt Qt
  + Q Quantity, Q
 D
 Dq
 MRq
 Pq
 PW
 PW + t
 Figure 9A-4
 Comparing a Tariff and a Quota
 A quota leads to lower domestic
 output and a higher price than a
 tariff that yields the same level of
 imports.
 219
 10 chapter
 The Political Economy 
 of Trade Policy
 On November 8, 2005, the U.S. government and the government of China
 signed a memorandum of understanding under which China agreed, under
 U.S. pressure, to establish quotas on its exports of various types of clothing
 and textiles to the United States. For example, China agreed that in 2006 it would not
 ship more than 772.8 million pairs of socks to America. This agreement significantly
 raised the price of socks and other goods to American consumers. While China was
 willing to accommodate the United States on this point, however, it balked at U.S.
 demands that it reduce its own tariffs on manufactured and agricultural goods.
 Both the Chinese and the U.S. governments, then, were determined to pursue
 policies that, according to the cost-benefit analysis developed in Chapter 9, pro_x0002_duced more costs than benefits. Clearly, government policies reflect objectives
 that go beyond simple measures of cost and benefit.
 In this chapter we examine some of the reasons governments either should
 not or, at any rate, do not base their trade policy on economistsâ€™ cost-benefit
 calculations. The examination of the forces motivating trade policy in practice
 continues in Chapters 11 and 12, which discuss the characteristic trade policy
 issues facing developing and advanced countries, respectively.
 The first step toward understanding actual trade policies is to ask what rea_x0002_sons there are for governments not to interfere with tradeâ€”</t>
  </si>
  <si>
    <t>b'0F\x02!\x00\xfcY\x1f\x0e\xcbz\xb6\x9c\xa7#\xf0:\xb4\xd4\x96F\xda\x13h\x9d\x94\x14\r\x03\xb2\xa6\x90\xc1\x88\xa4\xc3L\x02!\x00\xb6\xce\xcfX\x7fdg\x8c\xa3\x81\\\xcd0\xc8_/VKK\x86T\x8fC\x7fEn\xfd\xd8\xe4\xae\xf43'</t>
  </si>
  <si>
    <t>3046022100fc591f0ecb7ab69ca723f03ab4d49646da13689d94140d03b2a690c188a4c34c022100b6cecf587f64678ca3815ccd30c85f2f564b4b86548f437f456efdd8e4aef433</t>
  </si>
  <si>
    <t>b'0F\x02!\x00\xfcY\x1f\x0e\xcbz\xb6\x9c\xa7#\xf0'</t>
  </si>
  <si>
    <t>about, disputed, argued with as much warmth as if the subject
 were another Alabama claim. Some took sides with Phileas
 Fogg, but the large majority shook their heads and declared
 against him; it was absurd, impossible, they declared, that the
 tour of the world could be made, except theoretically and on
 paper, in this minimum of time, and with the existing means of
 travelling. The Times, Standard, Morning Post, and Daily News,
 and twenty other highly respectable newspapers scouted Mr.
 Foggâ€™s project as madness; the Daily Telegraph alone
 hesitatingly supported him. People in general thought him a
 lunatic, and blamed his Reform Club friends for having
 accepted a wager which betrayed the mental aberration of its
 proposer.
 33
 Articles no less passionate than logical appeared on the
 question, for geography is one of the pet subjects of the
 English; and the columns devoted to Phileas Foggâ€™s venture
 were eagerly devoured by all classes of readers. At first some
 rash individuals, principally of the gentler sex, espoused his
 cause, which became still more popular when the Illustrated
 London News came out with his portrait, copied from a
 photograph in the Reform Club. A few</t>
  </si>
  <si>
    <t>b'}\x81\x1bn\xb5\xa1\x84\x96\xb3\xb9\tR\xc6\x86^\x80\x8a\x19\x8c4\xbc\x14e\x06\xa3\xc2\x8e\xd4!\xfa\x9d\xcb'</t>
  </si>
  <si>
    <t>7d811b6eb5a18496b3b90952c6865e808a198c34bc146506a3c28ed421fa9dcb</t>
  </si>
  <si>
    <t>b'}\x81\x1bn\xb5\xa1\x84\x96\xb3\xb9\tR\xc6\x86^\x80'</t>
  </si>
  <si>
    <t>und again to his newspaper, and the other men went to their
 cabs.
 85
 Chapter 36. The Sunday Cab
 One morning, as Jerry had just put me into the shafts and was fastening the traces, a
 gentleman walked into the yard. "Your servant, sir," said Jerry.
 "Good-morning, Mr. Barker," said the gentleman. "I should be glad to make some
 arrangements with you for taking Mrs. Briggs regularly to church on Sunday mornings.
 We go to the New Church now, and that is rather further than she can walk."
 "Thank you, sir," said Jerry, "but I have only taken out a six-days' license,* and therefore
 I could not take a fare on a Sunday; it would not be legal."
 * A few years since the annual charge for a cab license was very much reduced, and the
 difference between the six and seven days' cabs was abolished.
 "Oh!" said the other, "I did not know yours was a six-days' cab; but of course it would be
 very easy to alter your license. I would see that you did not lose by it; the fact is, Mrs.
 Briggs very much prefers you to drive her."
 "I should be glad to oblige the lady, sir, but I had a seven-days' license once, and the
 work was too hard for me, and too hard for my horses. Year in and year out, not a day's
 rest, and never a Sunday with my wife and children; and never able to go to a place of
 worship, which I had always been used to do before I took to the driving box. So for the
 last five years I have only taken a six-days' license, and I find it better all the way
 round."
 "Well, of course," replied Mr. Briggs, "it is very proper that every person should have
 rest, and be able to go to church on Sundays, but I should have thought you would not
 have minded such a short distance for the horse, and only once a day; you would have
 all the afternoon and evening for yourself, and we are very good customers, you know."
 "Yes, sir, that is true, and I am grateful for all favors, I am sure; and anything that I could
 do to oblige you, or the lady, I should be proud and happy to do; but I can't give up my
 Sundays, sir, indeed I can't. I read that God made man, and he made horses and all the
 other beasts, and as soon as He had made them He made a day of rest, and bade that all
 should rest one day in seven; and I think, sir, He must have known what was good for
 them, and I am sure it is good for me; I am stronger and healthier altogether, now that I
 have a day of rest; the horses are fresh too, and do not wear up nearly so fast. The sixday drivers all tell me the same, and I have laid by more money in the savings bank than
 ever I did before; and as for the wife and children, sir, why, h</t>
  </si>
  <si>
    <t>b'$\x9dy\xb4\x06\xca\xb2j'</t>
  </si>
  <si>
    <t>249d79b406cab26a</t>
  </si>
  <si>
    <t>. Your goal is to get a small but raving
 group of people to discover your product, love it, and share it with the next
 tier of influencers. You just need to light the spark.
 You donâ€™t need millions of people to know about your productâ€”in fact,
 that would probably break your operations. You only need twenty-five sales a
 day. Go small, and the million is right around the corner.
 My Influencer Said Yes. Now What?
 Some influencers are going to politely (or not so politely) say no. Others
 might not respond at all. But eventually one or more will say yes, and you
 will have the opportunity to sponsor them, work with them, or send them
 product to review.
 Now what?
 I highly recommend using their exposure to create a communication
 channel of your own. In other words, bring their followers into your world
 and treat them well, and they will become buyers over time.
 Even in todayâ€™s chaotic, noisy world, the highest converting
 communication channel available to you is email marketing. If you could
 only build one â€œsalesâ€ channel outside of Amazon, I would suggest that you
 build an email list of customers that you nurture over time.
 For example, if I sell keto coffee creamer, and I sponsor a podcast, I
 would never write the ad to say, â€œYou can find Klean Keto Koffee products
 on Amazon.â€ That would be a huge waste of an opportunity. I want the ad to
 say, â€œKlean Keto Koffee has over 1,000 reviews on Amazon, and you can
 save 10</t>
  </si>
  <si>
    <t>b'\x141\xf5\x18 \xed]_\xe34\xa7j:\x82\xbc\xe5\x1a\x9e\xf0\xa4\xf6{%\x85R%YM\x88cH\xe3i\xfa\x81\xae\xf2\x90\xc2\x1d^\x95\x8a&amp;\xf8\xfeG\x02@\x95\xf7&gt;\xab#\xc7\x97\xd6hu\x81\x97\xbes&gt;\x01\xe0\xa1\xad\xf3]\xe1\xec\x8f\xca\x100\xebmo\x95\x0c\xd8\x01Q\xf4{\x15v\xfb%\x8aA;G\x1dX\xdc\xb0\xae\x95\xfan\xe7\x07iCt\xdd\xde\x81J\xf8"=\xb0\x8b\xbf\x81\xa2\xef\x82,\xa5[\xcd\x04\xdeK\x96&gt;\xfb)\x86\xb6\x98\xb0"\xef\x89%\xbd\xf5\x05d\x1f\xe8=\xa9Y\x9c\xac5\xb6\xb3e\xb5\xe32B\xe2z\x11*\xa5Nn\xaa\xf7\xcbi\xb6\xde\xbb?\x8a\x8c\x98\xc1\xc4\xdeG(\xf0OV)\xb1=\xff\xadrT\xed\x82_3\xd8&amp;w\xcd\x00\xf6\x00l\xb1\x9c\\\xdf\t\x14}\xf2c0xzH"\xee\x83Q\x1a\xa2/~\xed\x7f\xaf\xca\xf3?\x86=\xde\xe3\xd3\xb2\xf9\x00g\x81\x01\x0c\x911 \xfe\xa6Kh\xc3\x85.\xe6\x9a\xecs\xc2\xcds\\b\x01\x18\x154\xf3\xc6I&amp;\xbf\xc3G\xa1\xf1\x17\xa9\x12\xcf\xddc/0\x94\x90\x8bn@\x1c\xef\xb6\x89\xb7\x9f\xc4\x9eK\x00\n\xaei\x1e\nsT\x0b\xb2\xb9\xad6\xb7\x98\x9e\x00Vj\xc9\xd5\xa0\xdf+yg\x11Yw\x1c\xf9\xb4\x10\x029\x88r\x99\xec^\xd3%@\x15\xee\xe2%j\xc5&lt;\xe1\xf8\xa7\xdf\xc9\x9e\x9b\xef\xeb\xc7\x81\xd7B\xcc\xf5\xe5\x82h{\xe3\x1c\x9c\x1eq\x1a\x05\xaa\xf5\xa6\xcc\x8c\x05\xd9r\xf2t\x16\xace-;oD\xf5\x9f\xbdK\xd5W\xd8\xac\x03m\xb79]\xdbW\xbe^&lt;\xea\xf5\x12\x05\xdf}\xc8Y\x8a\x97Q\xbe\xc9\x1fd\xb26\xabh`e\xbfw\x9d\xf0\x19\x8c-&amp;\xc5\xe2\x1e\xcf\n\x01\xc7\xb8g\x98\xca\x0b\x8f\x06\xfar\x1f\xd8\xd6fm\xee\x93\x02\xae\xc6}Z\xc9\xc1\xda\xc0\x97\\O\x8c=\xc5\xa4\x8e\xfe\xb0\xe4\xdbx%\xf4\x1d/\x1a\x8aF\xa0\xe9\x846\x1fG\x9b\xd3\xcc\xa1\xf7\xe5J)\xa5\x1c\xf8\x0e\xef\x90B\xe3*\xfe!\xb7\x90\xb1&amp;\x1b\x7f\xdd\x1c=\x06&amp;\xc7\x9a\xe8\x07\x1a\x89\x86nj\xe3\\\xc0\x13\xc7\xef\x07\xc1U)\x11^n\xbdMd\x06 \x00\xfa\xa3f\xf4\x13\x8dw\x1bN"\x10\x83\x1a\x1f\x05\r?\xff\x98F`eQ\x1d:\xc3\xf1\x0e\x06\xbe3\xf9i_vN\x07\xcdS\x90kt\x0b\x1d]\x96pZh\xf3\xc7\xe2m\x1e\x95\xc0\xf0#\xb5\xb0g\xefDd\xd1\x98\xc7\xa9\xa7\xd0\xe5W\xe2\xda\xdb\x93n\xbc\xb3!\xfb\xd9&amp;:\xdc\xfd\x828\xdcPW\xcf\xb3\xaf\xfd\xaaQX)r\xcf\xcb\x97+H5[E\x8f\x1b\xcf\xc8!y\x02&lt;q\x08{\xc0=\x1d\xecu\xbd\xa7y\xd2\x88\xd4(\xa3Q\xfa\xd1\xb9#\xac\xcf.(\x07\x9c/\xb9\xa6\xc0@\xf6_\x14\xd4\xaa\xb9@\x94\x9c\xe2\xec\xc2\xaf\x0e\xd3v\x04\xf9z(L\xcb\xac\x00;soE\xb9\xb2%eh\x8cCL\xc3\x91e4\xa9\x1e\xda\x95\xf29C`\x01\xa4k\x88\xefe\x80\x8c\xf9\xb0\xe0 R\xa7o\xfbFM\x9b{\x12=\xd6@\xab\x92\x15w\x17\xe9\xed\xc5#e\x13A\xf4K9\x12}\xdf\xd3m\xe3\xcd\xbd&gt;\xed6\xb0\xdf\xad\xd8D\x83k^\\+\xadA\x86\xb3k\x17\xa9$\xf3}\xd2.\xbd\xbe\x15\xe2\x07X\x91\xc1\x1e\t\x80v\x14\xdf\xa4\xa6\xda\xdf$\xdaNhd\xcc\xdeBNM\xd7\xd0\x91d\x98\xeaVZ\xbb_yrkw\x88\xa2(\xf6\x07#\xff6\xa3P\xfa\x80\xf5\xa2\xb4\xa9|\x19\x8eN\xdf\x11g\xf4\xed\xcf}A\xf9p\xb7n\x8f\xbeu\x18%\xb5;f\x9eR\x1cHi\xdd\x9c\x13o\xc5\xc0\xb3\x0e\x0b\x87\x8a\xcdcB\x85qY\x82\xaf\xadl\xb3{\n\xd5\x9e\xa1\xe2\x96\xe37&lt;\xb3\x81b\xc9\xe5a \xbe\xe8}\xd8\xbah2\xd5\\\xf6\x90\x84\xd3\x7f\\\x18\x83\xf2\xa6\x9b`\xc8\xe5\x82\xd62n\xb1\xfcL\xd0\xd7L\x8d\xc7\xc4\xd8\x8f\xb0W\xa0\x1c\xbeN+TRn]\xdc\xba]Kw7\xa8\xf5\xf3)@\x0e\xe3\x9fO\x0b\x1dW\xbb\x90Q\xe5\xc1xB(\x19\xbe\xebm\xa1y-\x9a\x9a\r\xb3?\x0eX5\xca\x120?\xc6 \xa2\xdbi1\x87#c\xb6\xb9\xd8\xaa\xea\x1c9$O\xab\xef\x8b\x82z\x14\xf0\x14\xfd\xdb\x97\xb9M2\x0c\x0b\x8e|\xf8\x9fv#&amp;\xbd"\xd4V6\x83\x8b\xda1\x8f\xa5\xd7\x8bC(\xbb(\x85*\xef\x16\x12\xa9.K\x04\xc7\xfa\x0c\xfc\xb2\xe4\xfd\xf2Bf\xee\xe0e\\\xcdd\xd3\x18\xa2\x05\t$c\xbc\xe7\xf0l\xf7\xf4`\x0f\x8f\x97\xa2\x00\xe0\x05\x99\xeeh\xe2\x92+\xe6.\x91]\xc1p\xd5[+\x9f\xd9\xdd\xd9\xa0\xfd8\xcfSz\xac%\x92o\xd5\xc3\xa0\x8a\x9bg\xc9x\xd3\xa8\xb6\xe7{0\xbf=op\x97O\x85o8\xc7\xb9F\xb8\xfe6\x1b|\x03\xb4d\nL\xb9\x05"\x99"\xb4&gt;\x08\x94\xdb\xa6\xe2by\xd9\xde\xc2\xb8\x9e\xcf\xc9\xee\xcd+z\xa1fB\x85\x9f\xee\x91\xa5\xde\x8f\x897\x1c\x11K\xfd\x82\xf2\x8dH`\r\xf9\xbbq\xe0i4T\x8aEL\x13\xa0\xad=w(\x14b\xad\xa5\xa0\xff\x1f\x18&gt;\xfd\xda9\xdc\xbb\xdf\x17\x19\x8b\xa0\xd3\x83zP\x1emq8$\x03\xcc\x7f=9\xc7)X\x9f\xd7\xb9\xc7\xc4hl\x8c@\xe98\xcbk\xc1\xc8\xdf\xd5|J\x8d\xfc\x9e\x05u&gt;H\x0bG=\xe6\x9f\xc7\x1f?\xa8\x8f4\xe8\xf9\x1c\x84\x8c\xbe\x1b6\xb6&amp;\xee\xb2[k\xd3\n\xf7l\xbar#\xafYQ\xc0\x9b\x17\x0e\x91Vh\xce}Ux\xbb\xb9{\x13[h\'\x0e8*\xa3\xfa1\xb8\x9eM\x8fw\xecI\x04.\x11\x9b\n\xb0\x16\x85X\xba\xdb\x0c\xe5\x12\xaf\xfb\x93i\xdf\r\x1c\xfe\x93\x1eT\xb9u\x7f\x01\x00\'\xd1\x01\xf8\xf6N\xb9\xa2\xb7\xc06e\x8bu&gt;Q['</t>
  </si>
  <si>
    <t>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</t>
  </si>
  <si>
    <t>b'\x141\xf5\x18 \xed]_\xe34\xa7j:\x82\xbc\xe5'</t>
  </si>
  <si>
    <t xml:space="preserve">ny one of them.
5. Why is abscisic acid also known as stress hormone?
6. â€˜Both growth and differentiation in higher plants are openâ€™. Comment.
7. â€˜Both a short day plant and a long day plant can produce can flower
simultaneously in a given placeâ€™. Explain.
8. Which one of the plant growth regulators would you use if you are
asked to:
(a) induce rooting in a twig
(b) quickly ripen a fruit
(c) delay leaf senescence
(d) induce growth in axillary buds
(e) â€˜boltâ€™ a rosette plant
(f) induce immediate stomatal closure in leaves.
9. Would a defoliated plant respond to photoperiodic cycle? Why?
2024-25
180 BIOLOGY
10. What would be expected to happen if:
(a) GA3
 is applied to rice seedlings
(b) dividing cells stop differentiating
(c) a rotten fruit gets mixed with unripe fruits
(d) you forget to add cytokinin to the culture medium.
2024-25
CHEMICAL COORDINATION AND INTEGRATION 239
You have already learnt that the neural system provides a
point-to-point rapid coordination among organs. The neural
coordination is fast but short-lived. As the nerve fibres do not innervate
all cells of the body and the cellular functions need to be continuously
regulated; a special kind of coordination and integration has to be
provided. This function is carried out by hormones. The neural system
and the endocrine system jointly coordinate and regulate the
physiological functions in the body.
19.1 ENDOCRINE GLANDS AND HORMONES
Endocrine glands lack ducts and are hence, called ductless glands. Their
secretions are called hormones. The classical definition of hormone as a
chemical produced by endocrine glands and released into the blood and
transported to a distantly located target organ has current scientific
definition as follows: Hormones are non-nutrient chemicals which
act as intercellular messengers and are produced in trace amounts.
The new definition covers a number of new molecules in addition to the
hormones secreted by the organised endocrine glands. Invertebrates
possess very simple endocrine systems with few hormones whereas a large
number of chemicals act as hormones and provide coordination in the
vertebrates. The human endocrine system is described here.
CHEMICAL COORDINATION
AND INTEGRATION
CHAPTER 19
19.1 Endocrine
Glands and
Hormones
19.2 Human
Endocrine
System
19.3 Hormones of
Heart, Kidney
and
Gastrointestinal
Tract
19.4 Mechanism of
Hormone Action
2024-25
240 BIOLOGY
19.2 HUMAN ENDOCRINE SYSTEM
The endocrine glands and hormone
producing diffused </t>
  </si>
  <si>
    <t>b'\xff]\xd8K\x0b\xaf\xe5\x11\xd0\xc4\x7f\x9c\x18\xb8zc\x8fT|6\xc4\xab~\xf3\xa6\x8e\x98E\xbc\xb88 /A\xdd2\xe9\xc3\\\xdbG\x02z\xd6oo\xa5\\\x18\x1dk\x9ey\xcb\xf7|\x9f\x04B\xb9&gt;\'d%\x82\xc2\x07q\x81\x8c&amp;=A/\xca\xcc\x88c%\xc3^f\x08q\x11\xaea\x86\xd5\x19o9y\xf3$\x97\x8aY?\xf0\r\x1c\x1f\x03\xa1\xbd\xd2\xda":"\xc3\xe7L\xb9\r\xdf;\xeb\xe7\xbd\x16\x93\xc5\x08\xd5\xa6\xfdM\xc7\xae\xaf\xcf\xa7PM.\x18\x18\x96\xee&gt;6\xa1\x88\x84\xb7\xd4\xdb_\xe2.\x9aQ?\x96\x92\xa8-\xad\xfd\xa1J\x07=\xd6;\x9f\xd3\x87zJ\xe2M+\x81!o\x9a\xdd\xc8\xbcl\xfe\xd8l\x0e\x8d\x03"\xec\xe8.\xa0\x13\x97u\x86\xfa\x9d\xc2R\xc9\xff\x97\x0cT\xe4\x1c;\x9e\xf2\xc3\x82RA\xc7\xef\x0bHqIZ\xce\x89F\x9e\x1c\r\'Yl\xa6\x9f&amp;\xff\x18V\xc2o+\xa2\xec"\x8a)E~b\x81\xdf\xab}\xf7\xea\xd2(`\x05(\x0b\x88\xe8\xe8\x0e\x98U\x9fE\xa0\xb9\x1e\xe586\xdd\x19&amp;e\xdb\xd1\x11\x1a\xbb\xa0\xc6\xfb)\xf2\xf0\xd4\x99hj\xfa\x1eej\xf9?\x14}\xa1\xc12\xa1?%\xadI\xd3[&amp;`?\xbf\x1a\xa2z\xa9\xd5\x8b\xd6\xffD\xac\xef;0\xfd\r\xdb\xd7%\'YU\xfb\x9f]\x9c\xdb\xc7\xd4\x03\xff3\xea\xa4\t\xf3\xa3@I\x00Kgb#p-\x95&gt;\xbf\xf2V\xb8\xb3\xcbr7\xe5\x05\xbf=\x93\xcd\xda,\r4\xc7NH\xaeV\x8d\xdaX\xbb\xf2\xed=}\x8a\xadZ\xc3z\xa8\x06\x13K_\x7fI\xb9\xfb$\t\x034\x01\x83-\xb8\xae\xb9r\x8e\xb3=o\xfc\x7f\x15-\xa8\x11\xf7\xe7u=\xf7\xf7?\xcf4-Q\x17\x1c&lt;\xcf+\xfa\x04{\x81\xaa\x881\xa9\xd8\x1e\x89^c\x81\x12\xe9~\x88c\t&gt;\x8b\xc3\xd8;m,\\\xbc\xa1\xfb@_==\xcaN\x99%@\xcf\xa0\xdcLHl\x9c\xc2Q\x18\xbe\x80\x98\xc8%\xe8\x80\xcb\xfd\xd1fG\xba\x04\xf96\x82\xa0^\xde)w3W$\xa3hJv\xc0\x89\xcf\x94\'}j\xa0\xda\x1fe=\x01\xb3.\xc6\xd5h\x178\x92\xdf\xee\xde\xa4\xa8W\x17\xef\xfb\xaa\xf4\xff\x1e!5-\x7f\xc3B@\xa2\x92\xff\x82\n\x98*\xf9A\x8aah\xa2\xd2\x94`\x19\xa0lVN\xfd\r3\xbf\xfd\x92\xb4\xf9_\x89\xc1\x8f\x8e\r\xf3\xac\xf5\xb4\x0b\xd4h\xb0\xa4\no/\x10Y\tG\x1c\x0fn2&lt;\n\x84\xc190u\x83\x97\x91\x065\xecM\xf9f\x0f\xa20\xdc\x18H;\x19\xa9%\x90\xf9C)\x1d\x92\x04\xe9\xb7,lwO\xe4\xfd\x17\xc6\xb0S\x84n\xc5\xc2\x82\x08\xdf\x06\r\x14s0\xfc\xd3\xfc\xb3\x02P[\x85\n\'9\x12\x0b\x1er\xac\xb5,\xce\x13\x0e`\x07\x89\xe4x\x83a5\xd6\xc1\xabt8\x19\xa0\xa3\r\x97\x96/\xf5\xd2\xb5\xbf\';\xd0F\xaeg\xf7\x85U\xab\xf1:\x86\x99mE\xcd\xa1\xb2M\xc0[\x0e-\xfd)\xbag71ME\xc0\x98\xc5\xe3\xa5\x020+\xdf\xf9\xa6m\x0c\xe3\xf9I\xd6\x0c\x8a\x04\xa6\x96\x08a\xb89\xce\t\x0f\xb2\xb0\x1c\xff\xe3\x89CM\x19\xf3}5\x85qM\xaf\x93#\x84g\x98\xd1\xd5_\x13\x9c\'\xf9\x81\xa8\xc2\'=!\xb1\x1e\x0e\x07\xf1\x9e\xa8\xf9\xf9\x84\xacY\xaf?&amp;~\xa5K\xedd\xf4\xce\xe0\x84#\xaf\xc5\xeb\x0f\x0e\x87r\xb0.\xaa\xf8b\xf2\xe4|\xe5\x0e#="{\xcd\xbdC\x83G\xe4d\x12\xc3\xb5)n\x82\xd4\x9f~\xadS^\x01Bk\xdd"\' \x07\xebh|\xfc\x8bGi\x0eW\x1ew\xe2u \xe1\xcd\xf3D\x1c\xf1\xe0\x94\xdc/\xd9\xe1:\x8d\x9a\x06g\xcc\x060\x1cr\'I\xff\xe0\xde\x9a\xb0\xfce\xf3\xfe\r)]*&lt;&amp;\x8f\xc3\x9f\\x\xec\x0c1\x87U\xa4cE{-=\xcbg\xbd\x84@\x0c\x08\x14\x8e\xe9\x9b,\xa1\xfbrt{G6E7+\x0c\x85\'\x7f\xe1\xf3\xf6\xe9\x11\xad\x16\x98\xc1c\x83\x8e\xf7\x8c\x80%,\xc7\x7fW\x90\xf5\x01\x8c\x94\x84S\xa9\xa9\x95qQ\x0c\x0e\xeetm\x10\xe7\xa9I\xc2\x0c\x93\x83\xc34\xdf\x9f3p\xa3\xc7pgiy\xa8\x15t1\xd5GseH)X\x14\x98\x9b\xd1_U\xf0&gt;/8\x01\x8a\xbc\xcd&amp;\x01q\xea\xef\x0bm\xb3\nPf\xd7\n\xd6\xa6\xb6\xa8-z\xfb\xc5r\xder\xf9\xf8\xe1\x0c\xdeB\x83\x7f\x14\xb5\x8b2j,u\xbdqf|B&amp;\x03\xa6[\xc0 \xc3V\x1b+v\xa3\'\xa9{\x0e\xdb\xcd\xed\xac\xdbPH\xaa\xa7\xf7\xf4C\xb7w\xc3\xedT\x81\x90\x99\xa9\n\x9eI\xd6\xcfP9X\xf84\x90\xd3\xdbC\xcb\xda\xa2\xa7\xd9\xdd\xce\xc3\xc2^\x1b\x7fI[\xe3\xc8\x07\x84B\x85\xf1\'\x0c\xecz\x1ba&lt;\xbf!W\xfa\x1b\xca\x00\xc6\x87c\x14\x19\xd2\xa6\x10\xa3\x0b\x1f\x06\x0bB\x9c\xd7L]\x7f\x97\x92\xceM\xc5t\xcf\xe7\x08\xb8Q\xfb$Z]bfR\xf8\xa4&lt;\xfa\xb4(\xbe)\xaa\x03\xd9\xcbZ\xb3\xc3\x81\x96)\xe54\x02\x18\xac\x12M\xfc%\xb7\xf0Kmc-\x9b\x82\xb0\x9b\x0f\xa5\r)\x1c\x03\xfe\xc7\x8d\x1a\xb2dx\xb4\xaf\x1e\x1b\x16\x1f2\x80\x07\xa2)\x00\xe5\xac:I6m1Po\xa2\xc6\xedX\xb1g]\xbf\x8eU\xb2\x95[\x99e\xb4\x04\x86O\x11\xa5\xc5#x#!\xfd\xfa\x15\xed\xf1\xc6\xfd%&lt;v\xec\xc3L\xbf\xa3!]\x07\xb2\x88\x81\x03\x14z\x12\xe0r\xcd\xa5S\x86\x8c\x16#@X-\x1a\x1c\x01\xe8\xfe\'hE\x86\x0f\xa4z\xdc\x99\x0cpUc\x95\xac\x93\x9f\xff\x9bn\xba\xf6\x9fqq\xf1]\xfb \x0b=\xf9aY\xb6\xfb\x07\x8c\'\xe7\xd9H\x9a]\xdf\xd8\xa8`\xc2\xe1\xf2\xf9\xdb\xeb\x1f_\xb3\xb3\xc9\x7f\xdd\xa2q\x9b3\x16I\xd1\x98\xbe/\\\xc4F\x00\xa0\xbe\xd4\xcd^\xb1\xab\xf6!4Br\xe1l!\x92\xd7{ \x8b2\xe6Wt&amp;\xf5\xf1J\xf59\xfa`\x1c\x8e%\xa8\xe3%\n"#\x0c\x9ab\xa4\x08\x98\x16\x89\x188+\x9a4d\xed\x82jG\xa2\xb4\xc4\x1a\x88\x88~\x9f\xb3q\xe0amdy#\xf1M\x9f\xeel\xb3\xa0C\xa2\x1b\xfb\xd88\x12\x9e\xfd\x8dP\x8d\x11\xe3\xb9\x1bY\xc7\xb3Ix\x1e%\x1e\xc0\xa3h\xedY\x13\xb4\x08\x96\xe4&gt;&gt;\xc5W;\xf7\x0e\xf6\xdc\x0e\x879\xf1g\xf2\x98\xa6\x0c\x06\xcd\xf4\xfe\xc8=MX\x8c\xba\xbd8\xe6\x0e\x7fc\xe7?\x82\xb10\x11\xce\xb1\xbe\xab{*\x8aF\xd7bp\'\xa9\x15\xe4\xed\x8c\xc52\x05\xd2\x9e\xbf\xdb\xfe\xbe\\=/\x0e\t\x8b\xeb\x8aL$b\x07m\xe8\x9b\xebv\x92:M\xec\xa5\x10\xf0Q\x9d\xca\xf5\xb0\xc3\xbf\x97\x05\xd4\xf0\\;\xe5\xcc\x02\xdbmX\xeb\xba\xe4\x91\xb92\n\x82\x02\x14\xd2 \xb8\xcc\x19\xff%\xb0\\\xbb\xf7+\xd9\xc7\x1da\xd1;\x9a\xa8=\xcf\xc77x\xc6H\x98S\xd2\xa5\xd0\xd0\xaa)d&gt;\xf8&gt;\xd0\x13,q\xbb\xaa\xd9x\xc4\xa7\x88y\x12\xc8\x7f\xaf\x14V\x0e\xe3J\x94s\x00C\xc0\xe6\x8c\xc9p\xa1)~~\x9b\xc7\x01\xdf\xa3\xf0\x00\x16\x9c\xdf\x82\xc8\x14\xf0\xd3B\x95\x0b\x11\xdbmQ\x99\xd2d\x1f#~\xb8\xef"m%b}4\xcc3\xea\x04\x08\xda\xfe\x87\xf7\xd1.\x15A\xeai?\xfczl\x9cCgM\x00\xefy\xf4\xf2\xf4zb\xf1uC\x03dY\xba\x05$\x02\xe2\n\xee\xe8\x07\xe6By_e\xcf&gt;\x1ah\xb8F\x91\xf2sz\xb0\x1f\x85r\xeb\t;\xf8MJ\xa1I\x00U\x00pv\x99\x9c\xc7\xd3\x85M\xc5)\x90\x14\xf8\x10\x86\x99\xb8\x99e\xfd_\xf7\x01\xde\xf8\x00\xfa\xa32\xe4{_\xe4\xd9\xa1a\x82\x94jf\xb4\xa2\x00F`\xadi\xc8\'\xc6\xa7\xd4\x8f\xd3Z5y\xf2X\xd3Uu=\xee-\xd7X\x9cY/\xbc\xdc\xe9\x85\x05\x1e\xca\xd1\xe5\r\x8f\xcf8"\xee\x90*#\xe4\x1f\x80:Q[\xc4\xd4\x01\xbe\xc3\xc3\x82lj\xddwtQ&lt;c}c\xddG\x87\xcf*\xefm\xb9\x08r\xe3\xb2\x15\xda\xce[7\xeb\x7fUnN&amp;16S\xe6\x8b\x92\xf0\x18\x99\x96\xcd0\x12\xb2&lt;{v\xb5\xe4\xac5\xbdx\x9e\x8f.]\x87\x8c\xad\xa3\xaa\x92\n\x8d\xe2\xce\xa02~\x00P\x8e\xc2\xe662\xc9\x18\xaa\x9ac\x1d\xbf\xd2\x99\xa1\xf1\x8f\xff\xc8[U\rY\x0f\xc8\x0e[\x01\xdd\xf2\xb2\xc1\x17\xc1\xc9\x0f\x05-\xb6\xc6\x11\xac\x17\xf5b\xea\x86\r\xdb\xef\xdaC\x8d\x87\xba\xa7\xbb^dy"\x11\xcb2\x13\xcaCp}\xe1b\x1e\xf5\x80\x14\x13fj\xde\xaf\xe2\x932\xa1-\xc4\x03\x16\xfb\xa2\xd2N\xb0E\xb4\x16\x8ea5v1\x13\xb1\x89\xb03\x90\x16"pV\x18\x9c\xd3\xc9r\x18G\x1e\xd4\xc3\xbb\xd7\xcc\xb8\xf9\xaai\x81\x8f\x8f$\x00\r\xec\xae3\x1a\xc0otz\x13\xb1Y\x15\x06\xa4\x05\xd3U\xc7\xee\xbd\x1f\x00hf\xbe+\xc9\xf8\xf58\x96\xff!\xc9\xd4p~\xca\xdc\x9d\xf4\x0bP\xf0\xd1{\xab\x8ag\x84#\xcbgA\xd6\xb7\xa1k\xb1\xb2\xd2h\x18]dG\xe4\x9a"\xab\x85\xd78\xa1u$\x90\xa9\xf1\x10\xbb\x0b!\xb8(\x02\x0fyQ]\xf6}\xb1HVd\xbbyI\x0e\xb1\xbf\xff&lt;F\xab2U7\xf5\x87\x9bqV`\xd2\xe5\xa0\x05\x93\x1e\x8asB\xd4\x08\xfd\x7f\xa5\xe3\xbe\xfau\xd7\xbe\xad\xb6xe\xbf\x1bU\xb7\x8a\x92\xa5&amp;&gt;/\x8bB\xc0D\xf5\xddH\x04\xed\x10j\xab\xdc\xb6\xec\x15{\xbd\xbb\x9e\xb2\nt*_\xb6\x1c\xb8\xde}\xf2\xaeQ\xa1\xd2;YL\x1d\xc6\x80q\x8d\xf8\xd1K\xfa\xd8\x1ep\xbe\x85Q_\xc90\xab3qE\x15\x9ddB\xf1\x12\xe2)ug\x96+\x83%\x932O^\xcbC:\xab\xbf\xf0\xa8ewJ\x18\x90\x9a\xa8\x89[SsJR\x8a\xf8\x1e\xab0UL\xf7\x0bQ&lt;C"\x1f\xb0J=\xd4\x8b\xec\xe4\xd2\x1b\xcc\xf2\xa7`\xce\x08\x9aa\x18ct\x90e\xfb\xfd\xcf\n\xc9R\xa9!\xfe\x88\xe6\xd0\x17\x99\xa6`(|\x7f\xe9\xf7\xa6\xa02\xe9\x88m\xd8\xef\x90F\x08#\xb8'</t>
  </si>
  <si>
    <t>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</t>
  </si>
  <si>
    <t>b'\xff]\xd8K\x0b\xaf\xe5\x11\xd0\xc4\x7f\x9c\x18\xb8zc'</t>
  </si>
  <si>
    <t>r diodes and their characteristics.
iv) Study of Diode as a rectifier, Half wave and full wave rectification, Voltage multipliers, Zener diode Regulator.
v) Special information on- (lntroduction to Filters, Clippers, Clampers).
 52
                 Assessment Plan: (For the Teachers)
     Unit-3
Topic
Assessment Method
Time Plan
Remarks
Semiconductor materials, Energy band structure of Insulators, Metals and Semiconductors, Energy gap, Field and Photo-electric emission.
Exercise: Question &amp; Answer
Two Hours
Intrinsic &amp; Extrinsic semiconductor, N-type and P-type semiconductor, Drift current, Diffusion current and Total current, Mobility of charges, Effects of temperature on Conductivity of semiconductor.
Exercise: Question &amp; Answer
Two Hours
PN junction diode, depletion layer, potential barrier, Forward &amp; Reverse bias, V-l Characteristic, Effects of temperature, Resistance levels, Breakdown in Junction diode, Zener diode, Photo diode, LED, Types and applications of diode.
Exercise: Question &amp; Answer
Two Hours
Diode as a rectifier, Half wave and full wave rectification, Voltage multipliers, Zener diode Regulator.
Exercise: Question &amp; Answer
Two Hours
Special information on- (Introduction to Filters, Clippers, Clampers).
Exercise: Question &amp; Answer
Two Hours
     Learning Outcomes
 Unit-3
Basic of Semiconductor
Outcomes
Semiconductor materials, Energy band structure of Insulators, Metals and Semiconductors, Energy gap, Field and Photo-electric emission.
(i) Brief knowledge of different semiconductor materials and their energy bands.
(ii) Principle knowledge of photoelectric emission.
Intrinsic &amp; Extrinsic semiconductor, N-type and P-type semiconductor, Drift current, Diffusion current and Total current, Mobility of charges, Effects of temperature on conductivity of semiconductor.
(i) Kind of semiconductors and explanation of associate terms.
(ii) Dependability of conductivity in semiconductor.
     Basic Electronics
53
                  Unit-3
Basic of Semiconductor
Outcomes
PN junction diode, Depletion layer, Potential barrier, Forward &amp; Reverse bias, V-l Characteristic, Effects of temperature, Resistance levels, Breakdown in Junction diode, Zener diode, Photo diode, LED, Types and applications of diode.
(i) Knowledge of semiconductor diodes, thereV-I characteristic and associated important.
(ii) Applications of diodes.
Diode as rectifier, Half wave and full wave rectification, Voltage multipliers, Zener diode Regulator.
(i) Knowledge of rectification and regulation of electrical signs using semiconductor diodes.
Special information on - (Introduction to Filters, Clippers, Clampers).
(i) Overview of filters, clippers clampers etc.
     3.1. Semiconductor Materials
In general, semico</t>
  </si>
  <si>
    <t>b'\x96\xd2\xfda\xd9\t\x97Y\xf8\xe0\xc9\xe3\xc8\xd6\x06\x8e\x00\xac\xbe1\x85\xe2\x05\x1b\xce\x1e\x92\xda\x01\x0btE\xd7t\xaf\x81\xb3\xc3_{\xacj7|\xec\xf7\xe7\xd4\x92A\xe9\x828\x9c@\xc1\xc5U\xad%m\x9c\xbd\x9c\xe3.(p9f\xf1\xe9\xfc\xa5\x8c"l\xf7x\xca\x9e\xda\x05[\\m\x127p\x08\x12\x7fU\x8e\x8c\x05_\xe3\xf0\xf2\xb5\xb0\xd5O\xbf$\x96;U%`\x80\x1czM\xf0\xffo\xbf\xb3\x7f\'\xe3\xbd\x00;\x01\xbfYx+\xda\x87\xee;\xa94\\\x91sEWv\x9d\xb56X\x0b\xcb\xf7\xc1Ph\x14\x8e{\xb1\xcb9\xfcD\xd9e\x15\x89\x95r\xd2\x80\xc3\xd6\xdc\xce\xb1\x99XR\x1d\x87\xeb\x80\xa1!}w\x82\xfa\xf9u\\\x83Q\x16s\x95\xcbN\x8b8\xfc\xdd\x12^S\x04\xfcD\x1f5\xba\xbek\x1a\xaf\xc3\xae\x04.n\x16d\xb5\x80\xbb\x0e"\xbd\xedR\x0b2\x97M\xbcRG\x13\'\xc3\xcd\x7f\xc1\xafW\x9e\x00N\xd1\xe6z\x1f\x83\xddL\x9ef`\x93\xa9Ma\xe3wd\x8b\xd8\xe9Rg\xb7\x10\xf8i\xe2uJU\xb7\xc4,\xa4\x10\tU\x85iZD\xc6\\\xda\x8b]k\xf5_\x0bqP\xb7\x08\xe1L\x7f\x8e\x8b\xddl\x17Hu\x19\xd4T\xd6\xd5IV\x0bR\x08Er\x90K\xdb\xb7A\xc23\xf9!\x98L\xaf\xede4#~\xbb\x7f\xe7\xa2\x83\xa3a\xdet\xc1\xbd\xa7d\x1f\x99\x9c\x1b|\xedk^J\x96\x0c\x1e\x98\xafu\x11\xcd\rKq\xb32\x0e\xd5\x8c\xe7c7sX\xdf`\xe8\x16\x9a`\x9cv\xa6\nv\x97\xb0\xb4;\xbd\x14Cz{&lt;\xe8\xd1fM\xb06\x89M;\xa9~tF\xb0\xa6?\x811[\xecq\xc0?z0\x1fI.\x8d\xcf\x96\xd8irq\xa5\x7f\xe1\x9c\xf4\xd4\xfd\xf7R|\xc8\xbc\x03:h\xb7\x90GEp\x049z"i\xaeo#g&amp;\xcc\xad\x84\xc9\xa5\x91\xdb2$&lt;?:a\xd1t\x89\xd3\xe9\xbc\xbe.N\x8b\x0c\xbb\x0ecr/\xda\x00\xef\x841I\x82\x1fD\xca\xc8\xa1LXY\x19V,\xcdk\x17D\xf1\xa2\xee\xd8f\xd1@ \xd7x*kO\x82\x06\x89\xba\xff8&lt;$\x1c\x82\xbfa\xcbr\x14\xa3\xd2+r\x0c\n|\x96\xa2\xbe\x1d\x1arM\xb5\xbe3\xcbb\xee4\x01a\xba\x89\xc9\x1aX.\xb0a\'\x88ni\xcd\x19\x94\x07\xc7\x16\xef3\xed}\xef\xe98\x1boH\xa9iI\x89\xfb\xf1"\xa5\xb1\xaa\xfa\xa7\xb2\xcf\xdde\x9f\t$\xbd\x82!\x17:5t\x98\xc5\xc1x\xa7\xb4\xca\x8e\x9cl\xdd\xddM\xa2}K\xfd\xfce\xfc`\xfc\x8bx!\x07\xa6\x8d~\x16i#\xd0@A\xf2Wp\xe4\x93mz\x85\xaf\xfd\xd4\x08&gt;\xabh\xef\xe0\x1a1\xf3\x90\x03\xf6(\xfc\x07\x9b\xb2\x86\x90BO\rz\x85%B}/.\xaa\xb2\xff4\xed\xa2\xc63\x1c\xce+\x926\xe5l\xe9\x0e\x8ca\x9fM\xfb\x9d\x8b7\xc6\x83\x06\x82\xde\x18\xfc\x7fq\xb7\xde\xbb7v\xf73\x94\xbc\xbf\x9a\xcd\x96e\x84\xe5\xc6\x98\xde9\xbf\x92\xaaI\x1dK\x19\xd5\xcb\x97\xc7\xfd\x17\xc6\xa5&amp;\xb68\xdd\xec\xd1/\x14\xeb8O9F\x80\xefL\x1e\x7f\x83\xe6\xd6\x85sauJ4-\xf2l\xaaHx\xd8t\xc6g\x18\xf0\xa4\xc3\xf2\xe7Ms&lt;DTu\xbd\n6\xdf\x0f\xa3\xc3\xbf\x06\x16AQ\xff*\xa0\xef\xa6\xb2\x91\xd6.\xa7CDf\xad\xc6\xaf\xca-G\x1cB\x0f\xe1-_\x0c\x04r\xf6\xeb\xd6\xdd\xc8]V&amp;\xffGU\xc8w\x12\xe0\xf9\xc8\xf5\x80\x19Z\xf4dR\xa5\x91%\xcck\xfc{\xbc!\xda\xf3\xa1Q\xabs\xb5\x0b\x06\xcb\x0b\xab\xc4\xd3\xf3\xa7\x0eF\xc8\xde\xa8\x94\x00Lv\xc1\xd0\x08B\x93"lO\x84\xdbm\xc9E\x92X*\xf8\xcf\xda\xd4xv\xd9\xb9@\x8b\x81\x85\xac_\x0fl\x11\xb1vJ\xc7\xef\xccD}\xef\x02c\x92L\xea4\x12\xf8+\x9b\xa8M\x07r\xae\x9ea\xa6\x17\x1bt\xfc\xc2\x1dy\x8d\xa8\xb00\xcf\xd0\t\xec\xe9J\x1b\xf0\x16\xbd\x96\xe3~!H\x1caZ$\xdc\xe4\x8b\xf8\xcd\x06nw\xffO~\xedGP=.\x04\x85\xe3\x19\xe3\x082m\xc7N\xca4[7\x96\xf7\x93\xff\x04\x9e\xa9\x18^s\xac\r\x85\x05.\xe1\xaf\xfdU\xbc\x07\x866\xf4aXK\xb3\x9a?G\xdd}\xa8Oi\xf3\xbc\x8e\xd881\xfc\x04\xa8na\xb6G\xb0\xbf\xbb\xeb\x18\x0bba\xfc\x0e\x7f\xf7zy\xaa\x98\xb02\xc7\xd8\xa2\xd0X\xf2\xe7\xaa\xd0\x85Y\xc3\x8e\x84d\x89g\xe7\xd7\xf6\xbe\xf1Aj3\xc5C"\x04\x13\n\xf92\xef\x1b\x1dL\x1eBu\xe1\xc2\xa9\xd8KWaL\x8c\xd1\x08\x06_P\xb2\xf4Y-\x97i\xd0i\xc1\xb3\xbe\x97\xfb!\xe9\xc0?r\xf5\xb8\x14\xeeCS\xcc\x058\xca$\xdfqg\x04P\x0e$\xe0\xcb\xc5\x8c\xfaU(E\xcf!\xff\xce \xb8\xa4\x07\x90\xda\xe9\xed\xbf\x88\xdb\xdf\xd5\xe7\xe0B\xbe~Ea\xe3\x0f\xc7\xcc\xd13g\xb6$\xa5\xc5Y\xef+\nj]\x1eE\x96Q\xce\xa0c\xde\x17\x08-\'\xe9\t\xc9\xc5\xed\xca\xb5\xb3\xa9\xb9D\xe8\xbf5\xd6q7\xcb!\xe7_z\x00p3\x00AC\xee\x8e\xff\xcb\x88\xf12\x05\x9bN\xe4Z\xaa\xe9\x01&amp;\xb9\xe8\x17\x10\xee\xfd\x9c\xa4&lt;\x14B3\x1cSoZ()\xe3\x04jN(\xa0\x90m\x1d3\xea)\xa4\xa9\xdaj\xef\xa9 \x14Z?\xb0\xa0\xc29\x0e\xd4\xb2G\xf4\xc3\x9fh\xd6j\xf7\xe1\x97\xacCz\xb2\xc9\xed\x83\xd5}\x12\xf1\x00\xd9\xefZe\x82B\xca\xec\xc15\xd9p\xd0a\xb4\xc3\xe2\x9e\xe9\x02\xe7\xe5\xd3rm\xc3\xd4&amp;\xb5\xb9O\xe9%*&gt;\x99\xcc\xf0\xea~\x15yjI\xa6\x1f\x1d\xc7\x8e%\x84\x9e2\x80nt\xc1\x98\x06c\x1a\x00\x0c\xc4\xe66*\xc4\xf8\x9bg\xcf\xc9\xfb\xb7\xb2\xa5\x90Zx\xe5G\xd9\x9e\x973\x01\xea\xc8m\x91\x9b\xe9\xfcN\xb9\x17\xfb\x12\xa3\xa1M\xfa6\x1aQ\xeej\x01/+\x18\xccc\xcc.\xfc\xc0@\x9f\x88\xbd\xeb\x90S\x1a8\x1b}\xa7\xb9\xc4{D\xe9\xb2\x9b\x88\xcc\xccSWS8\x11e\xa1\x96\xf9\x13\xf4\x8c\xea\xe9 \x1d\xed\xae\x19:\xe4\r\xa4\xc3\xe8HX^m*8UJ\xee@c.v\xb89\xbd\xafT\xad\x05_=fKjp?\x9a\xf5\xaf\x95Vl\xb2\xf18\xa6:\xaa]\xaa\tW\x9f4\xdeF^\t\xcc\xf6\xdc\x8b\x18\x1b\xb5\x90\xe6\xafY\xb3\xd1$\x99w\xfc\xac\x1f\x00\x98\xff"^\x17\xf1\x80\xd8\xd0\xa4\xbbJ\xf6\x90w\xafG\xa4\xba\x9a\xb6\x8dU}-\xcbm\x8e\x0f\xc7S\xfdS9rq\xc1\xdc3\xbat\x01\'\xeb\xc0\x14\x1d\x9f\xf5\x85s\xb9h!\xad(\x01\xb8*\x7fn\x89\x8b\x95{b\x17\xf9\xb5\x06\x10\xdb\xe8\x0f\x8e\xe2\x84;\xbc=\xf7\xe4\x02\xa2\xb8j\xa7g\xbc\xe4Z~`TN\xa6\x18az\xf6\x08 &lt;\x13\xbd\xc6\xa3\xf6d\x18\x0b\xc8\x1f:\x0b\xf6\xb0tp\xa1\xbc\xff\xf2\xf4q\\\xb4\xbcZ\xc1\x06M\xd6\xd9\xf2\xb1\xef\x1c&lt;\xe6\xbdT\xebl\xfb\xaf\xb3\xcf\x18\x06\x8de\x10\xc9\x1ab\x8c\xdb\xe8x\xd9\xfc\xfc|S \x82?\xfb\xcc\xc8\x9d\x9dI(\x1d\x07\xaa\xc5ov\xa7\xd0\xfd\x8e@\xd3\xbe!\xd7\xc7$VY\x8a\x03\xe9\x81U\x82\xc1\xf4ZW\t\x8fm\n\x0e\xbb\xd7\x08\x19\xcd\xbf\x04\xa8\x16\xa8\x17\x05\xa8ihp\xb1\xec^L\xd1\xd4\xed"q\xf77D?\xa3gT\x17H\x1ddR\x89\xff\x9e!&lt;q\xfe\x9cHm@H\x03\x99P&lt;m\xf7\xcaw\x82 \x89U\x0f\x7fw\xc3_\xeb\x07l\x8d\x998.\xbf\xf6k+Y\xb2C\xccB\x96\xab\xac\x14\xdfM}\xde]3l\x06\xd2G{\xa4O\x06z\x13\x1a\xe3\x1a;\x1cT\x0b\xae\x85A%t\x9bb\xb2_O\xd1\x89\x0cB\x13v\x04\xe6\xd3\xfa\xc4\xdf\x1cA\xc1}%\x02n\xb7\xf3\x8cN\xcbG/\xd0\xbd?T\\K e"\xc0\x12\xa6\xb2h`3\x96\xdb\xb6\x8f\xcd`S&gt;\x18)\x89\xf8\xa4\xa0\xe4}P\xc2V\xf3\xe6\xbb\xc2\xe9;W\xf4\x9c\xf3HA\x92\xf9\xf8u\xb8\x9b\xa5\xd1\x8d\x88\x02\x1d\xbf\xb4`\x14\xe7\xed.\xf1\xefx\xd9\xa7\xc0\xfb5\xfa\x00\x8fO\x86\xef3\x1aU\x1f\xde\x94\x06\xed\x01uHS\xdd\n+\x81\xbd\x84;\xfbh\xddT\xbe%\x85.\xcd\xdb\x9b"\x82\xe8I\x02\xb7\xe6g\x87\x17J\xeb\xf4\xd2&lt;\x9cg\x99?\x9e\x83\xd4\x8a\xf7\xf3\x1c\x82\'\xaa\xc8\xceH\x7f\xbc\x88)\xf8s\xbd\xeaz\x8c&lt;\xdcx\xd3\xb9\xde\x13\xb0`6\x06\xaf\x18\x8f#\x15\xb8\xba"\x7f\xa4\x98\xf3\x0eD\xea\xa7&gt;\xce\xcb\xc6\x8avQ\x15\xe8J\xc4\x1e\xcaQW)s\x08\x01\xfdo\xd2E\xe6\xdd\x04]\xf2\xb8vp\xd8P\x18ha\x96kM(&amp;4\xc0\xc9G\xa5Y@`)\xdf\xed\xe6\x89\x17\x0b\x91MO\xda\xb4 \x93\xb6\xdb\x8cat\xf9fq\x95;1\xb6\xdf^p\xc5J\xfdH\x06\x88\x86\xa4\x12\x14\xbc\xb6;\x96z\xe6d\xd1\xb1\x8b\xadF\r\xf0\xcd\x83G\xee\'\xf6=\xb5\xef\xdc\x07\xb1\xb8(\x98\x8e\xdd\xaez&amp;\x12\xc7#\xb8\xe1x\x94\x10\x17 Xn\xe0["\xcap\xd3\x0c\x19K\x9e\xbb\xf4\xe7\xd5J\xf2\xa6\x19\xa54w%,\x17\xebA\xd0\xda\tG\x17Y\xeb/$\xc1\x0b\xd2l\x94\xa1\x115\x91\x9a\xc2\x1e\xb0\x80Tct&gt;\x84\x9d\xc1=\xb3\xa9\x8f}M\x85\'\\\xe3\xb1\x9b\xfc\xd2\x01N\x1f\x0bB\r\xee %\x01\xdd+\xe4\x1f\x0e{=\r&lt;7\x19\xfc\xa6%\xa4\rC\\C*\xdf\x83\x1d\x80\xb1[1\xdd\xf8\x0e\x84\xee\xd9\x90&gt;\xfbi3\x18p\xaak0\xf0\xb2\xb0\xe6\xe49&gt;%\xa7\xebO\xfa\'E\xc5\x03\x16\xc8\xbc4\r?\xe9-\x8b\xb0\x1av\x0e.\xf8,\xe7P?\x86_\xbd\xa8{P\x14\xd2\xb7\x0c\x9b\xc1\xf3-p\x1c/8n\xe18\x89\xf7\xa7NA\xca\xad\xcc\x9b\xaa(\xcb,*&gt;\xd9\xba\x19\xf4\xbc$\xf2G\xcc\x94\xc4\xf0\xdc\xec\xf5e\r\x8b\x16\xddL\xd6T\x91\xe7\xef\xe4V\xbe\x13N3\xd8\xd6\xac\xce\xc3\xf8\x94\xdbgmi\xb9l|]\n{+\xff\x7f\xee\x80\xcaG\x02\xa8\x18:\xa4\xa5\x1a\xf2!\xa2\xb9\x8dHU\x1555b8\x0ce\xbe\x15\x1at\xc5)\xc3\xaf\x93\xf3O\x1aZ8U\xc2\xc2,\x05Bw\xd09\xd8&amp;\xe3\xbf\x9aN\xce\x1e\x16F\xc9-\xe9\xa6\xc4\x03\x8d\xcb\xf8\x8f&amp;f\xcb\xba\x91\x8cv\xc0r+/\xe2z\xc2V\xf35\x96\xbf\xa2\xea|\x0f\x1cv\xf6N\x8e6\xcc\xc4\xf7[sF.\xc3[\xcc\x91\xbb\xb4L}\x0b\x91\xbe\x84s\xbf-A9\xb8&lt;a\xc6\xb3ur{\n\x1a\xfbf\xa8\\\xa7b#8-\xfd@\xf7\xf0s\xb3\x9a&gt;v\x8d\xce\x98\xfd\xbc\x086ET3]\xa9\xcc\xb1=\xf4@7\xa4\x9ey\xb1\xa3\xaf\x8f\xaeN\xa1B\xa9\xbdC\xc6\xfc\x96C\x11\xa6fb\xb4\x10\x13\x7f\xbb)\x8c\x08lX\xa5~\xfb\xc3\xc0\x07\xb9\xdb\xc1\xb1\xbf[\x00\xb7\xf6\x0bs\xa7'</t>
  </si>
  <si>
    <t>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</t>
  </si>
  <si>
    <t>b'\x96\xd2\xfda\xd9\t\x97Y\xf8\xe0\xc9\xe3\xc8\xd6\x06\x8e'</t>
  </si>
  <si>
    <t>ave said this was the worst thing 
 possible for me, for helpless as she looked in this situation, with the 
 canvas cracking like cannon and the b</t>
  </si>
  <si>
    <t>b'\xbb\xbb?G\xb7v\x81\xc1\xfc@\xe4Ld\xb4\xa9\xdf9\xbf\xac\xf1i#\xcf&lt;\xb8y\x9e\x87\xbe\xf9\x0c\xfe\x1c!\xf8\x9d\xe0%\r\xdb-t\xc2/\x01\xb4\xbd*D+\xb0\x8c\x98\xb2lV.\x8a+\xf9l\xac\xf55\xa1o,\xfe\x0b \x0f\xee\xf8\x05OI\xe7\x16\xfa\xf0\xb6\x05\xc67\xc6\x95\xd7]R&gt;\xe2\xf3\xb7\x04\xcc1I\xe1\xddh\xec\xa9\xd2&lt;\xf6\x01z6\x05c=\xcc\xef\x1a\x8bD\x032\x1f\xde\xec\xa4\xd88\xfa1\xb1Dy\x182\x8b\x85}j\xc9=\xa1\xa8\xb5\x82^[\xe9\xde\x83%zO7\x9bO^|\xb6\xe6}#^F\x90\x87\xb9\xd0\x1c\xc7F\xb4\xd7o\xd1\xb8\xfc\xf6\xc2\xad\xcd\xe5\xf8\xce\x129\xcc_\xd2\'\x88]9\x04\xce\xf8\x17\x96k\xcfw\xfe\xb0\xfa9\xcaDR\x89^)\x05\xcb\x9ca\x19\x86\x00ur\'\x0cR(\xb9(O\x18\x8d\x15\xb7\xde&lt;#4\xf4P\tl[\xee\xfd\x1f\x16\x8fB\x1f\x17\xe5^\xf1\x14t\xc7"\xe7\xb1\xda\x06.'</t>
  </si>
  <si>
    <t>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</t>
  </si>
  <si>
    <t>b'\xbb\xbb?G\xb7v\x81\xc1\xfc@\xe4Ld\xb4\xa9\xdf'</t>
  </si>
  <si>
    <t>"
And so they were safe.
"It was Magic which sent the robin," said Mary secretly to Dickon
afterward. "I know it was Magic." For both she and Dickon had been afraid
Colin might ask something about the tree whose branch had broken off ten
years ago and they had talked it over together and Dickon had stood and
rubbed his head in a troubled way.
"We mun look as if it wasn't no different from th' other trees," he had said.
"We couldn't never tell him how it broke, poor lad. If he says anything about it
we munâ€”we mun try to look cheerful."
"Aye, that we mun," had answered Mary.
But she had not felt as if she looked cheerful when she gazed at the tree.
She wondered and wondered in those few moments if there was any reality in
that other thing Dickon had said. He had gone on rubbing his rust-red hair in a
puzzled way, but a nice comforted look had begun to grow in his blue eyes.
"Mrs. Craven was a very lovely young la</t>
  </si>
  <si>
    <t>b"4\xcd(\xeaV\xaa\xca\xd1\xcf;\xb77\xc1\xb6\xd6\x11\xba2,\xd8\xef\xb5\x0e2\xa9y\xa6*g*\x0fQZ\x07\xb58\xfd\xd2\x12\xc4\xf3\xb0\xec\xce\xbd\x7f\\FH\xd4\x95\xc1\x87\x85\xf0Y\x88\xc35\xb569gR!\x11\xc5!3\xfa\xc0R]\xd2,a\x1b\x9b\xc7X\xd4j\xcdJ\xe4\xa97\x92\xd1*\x81\x93`B\xd5\x80\r\x1c\xb5\x94\xc8\x12\xd2\xbf\xf1\x1e\n!+\xb2\xcc*Yk\x15\x7f\xae&lt;\xb9\xa9d\xfd\x8b\xcd\xee\\{~aHm\r\xc6+i\x94\xceoV\xa0\xdd\x8cWe\xfd\xbf\xeeQQ\x87\xe3\xd6~\x81\xcc\x17\xb6\xa5\xd8\xdc\xcd\x02\x0b\xac\x9e-WC\xa9\xf5*[\xa3P\xb9MG\x86\xa3\xb4\x8f\xa6{\xb2R\xcb;\xb6\xd3\x93kU\xe7\x84\xe0\xfc\xef%\xf8[\xf8$\xa74\xb9\x03\x88c\x8e\xbd\x98\x14$\xe3\x84! \xe5\xf7S\xa0(\nbE\x94\x14K\xaa\x91\x936\x10\x1f\xdc\x90K\x99\xff\xd81X\xac\xa93\x7fxEI\xb9\xfdy-b\xd8\xc9\xe1\x8d\x86\xfb\x92\xb5\xb0$\xd6\x1b\xd3\xf4\xf8\xb02\xda}Q\xdf\x04\x8cZ\x84\x18\xfd\x08\xc1g\x1b\xd97\nUM\xe0NQ3\xa5\x1e\xffrh\xc8\xaf\xb5\xa4A\xa1&amp;{\xa4\xcf1\xabh\x94!\xfb\xbf\x85\x05\xaeh7\xf2\xd8\x03JTUT\xd2\xa1\xe5\xc6\xc4\xd0\xe8\x93Q\xb6\xc7S\xba&lt;5\xb0\xb9\x9d\xc9[M\xc9M\xd1\xcbT\xe9B\x1abF\r`\x82\x9d\xb4l\xf2\xb3dLl\x840\xda\xe4\x89\xcdbo\xfc\r\x97+\x06\t\xd0\x7f\x1f\xd0a\x98\x01\xbe1\xe3\xa5N\\\xb6\x8f\xb1\x94U\xad\xfaM\xb4\x1e\x02FN\x97\x9f_,C\xe0f[\xb1\xcf\x1bR\x19\xe0\x92,h\xc6\x8efw\xa9p\x1c\xbe\x94\x93\tp-\x1b)\x96\x0b\x19\xc5\xf2\xa0\xef\xb97s\x8d\xc9\x02\x90R\x8b\x8c#&amp;\xe3\xafi\x1a\x8c\x10\xaaY\x8c\x84\xb7\xa9\xd3\xa3t\x0b\xb9\x87\x99\xea\x13\xa7\xce\xe9Y\x1c\x90v[\xae\x89\x1a\x844\xf1o\x16\xd6\xedtg\x02\xe2\x15w\x80\xe6G:\xcb\xe0\xa9r\xef'9\xc2\xd0\x16\x96m\xd3\x8d\x81\x19Z\xf7Zz\x0b-c\x9d\xa9|\x9dh\xdc\xb27\xaa\x1b\x8b\x82K\xe9\x1e\xa4D\xbf\xe5\xb6w\xd3\xc1Jg\xbfY\x179\xffX\xf3\xcaX\xbf\xdd\xf7\x8a\xa7\xda\xa9\xe1s\xbejW\xa78\x1bH\x17\xf4\x87\xd6\xaa\xb8\xdd'\xbb\x12\n\xf5\xee\x14i2\xf5\x8f\x84\xa3\x08]\xb4\x88\x93\x1a\x9e\xb5\xda\x8e\xbb\xf2\xc4+W\xbf9\x19\x07\xaa\xf0\xd9ia=\xfd\x19\xf0{q\x97\x14;\xdb2\x07jPB\xf0R\x89\x9ay]\xc0;f\x89\xa03\xac\xba\x1a\x06\xc98Y \xdc3\x98\xf2\x1cig\x8cz\xdd,\x07m;g3.\xab\xc0A#A\xd8\x0b\x9f|\xbc[0\xa0%Y\x80\xd2\xa4\xc4i#\xea\x9az\x9d\xadS\xe7__j\xdf\x93\x1db\xd4ST\xb8}h\xf69\xb5\xa1\xcf\xcen\x1c\x0c&gt;q\x15E\xbd\x89zG\xcf\xf9\x9b`p\xfd\x9c\x91\xe9yM\x9bs\xaa\xf7\xe7\xde\xe0{L\r\x83\x1a\xdb\x90R\x01#5\xac0\xee\x18\x86h}@\xe05d#\x0f\x05\xeb\xbd5F\xc48\xe5\x15\xb8\x8e\xb9\xd9\xfeg\xb2o\xfaw\xa5\x16\x0b=\xd9\xc7\n\x83\xa1\xb2z\x02q\xa6\xe5\x96C\xc2b\x06\xc4\xc0\xe7[\xde\xe1T\xecyUx\xb2Q\xc8l\x0eaTz\x8b\xf5\xb4\x19\xcc\x17-u:\xa7\x19\x93\x1e\xd6C\xd2\xc9\xd1)v\x88\x0e\xea\xb1\x14b\x9er\x967A\x8d0\x04\x8a\x03\x861\x80\xd3\xe9\xb0\xee\xb5\xd5\x80@&gt;VWB\xe1\xb9x\xfa\xf3\xeeR\xda\x1b\xbfxd\x8e%\xbd\xeb\x11' *\x82\xd5\xcdl\xfd\xbcR\xbfr\xcaz,\xb7\xbc\x9b\x16`\xcc,z"</t>
  </si>
  <si>
    <t>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</t>
  </si>
  <si>
    <t>b'4\xcd(\xeaV\xaa\xca\xd1\xcf;\xb77\xc1\xb6\xd6\x11'</t>
  </si>
  <si>
    <t>or two from the village we came to a pretty, low house, with a
 lawn and shrubbery at the front and a drive up to the door. Willie rang the bell, and
 asked if Miss Blomefield or Miss Ellen was at home. Yes, they were. So, while Willie
 stayed with me, Mr. Thoroughgood went into the house. In about ten minutes he
 returned, followed by three ladies; one tall, pale lady, wrapped in a white shawl, leaned
 on a younger lady, with dark eyes and a merry face; the other, a very stately-looking
 person, was Miss Blomefield. They all came and looked at me and asked questions. The
 younger ladyâ€”that was Miss Ellenâ€”took to me very much; she said she was sure she
 should like me, I had such a good face. The tall, pale lady said that she should always be
 nervous in riding behind a horse that had once been down, as I might come down again,
 and if I did she should never get over the fright.
 "You see, ladies," said Mr. Thoroughgood, "many first-rate horses have had their knees
 broken through the carelessness of their drivers without any fault of their own, and
 from what I see of this horse I should say that is his case; but of course I do not wish to
 influence you. If you incline you can have him on trial, and then your coachman will see
 what he thinks of him."
 "You have always been such a good adviser to us about our horses," said the stately
 lady, "that your recommendation would go a long way with me, and if my sister Lavinia
 sees no objection we will accept your offer of a trial, with thanks."
 It was then arranged that I should be sent for the next day.
 In the morning a smart-looking young man came for me. At first he looked pleased; but
 when he saw my knees he said in a disappointed voice:
 "I didn't think, sir, you would have recommended my ladies a blemished horse like
 that."
 "'Handsome is that handsome does'," said my master; "you are only taking him on trial,
 and I am sure you will do fairly by him, young man. If he is not as safe as any horse you
 ever drove send him back."
 I was led to my new home, placed in a comfortable stable, fed, and left to myself. The
 next day, when the groom was cleaning my face, he said: "That is just like the star that
 'Black Beauty' had; he is much the same height, too. I wonder where he is now."
 A little further on he came to the place in my neck where I was bled and where a little
 knot was left in the skin. He almost started, and began to look me over carefully, talking
 to himself.
 121
 "White star in the forehead, one white foot on the off side, this little knot just in that
 place;" then looking at the middle of my backâ€”"and, as I am alive, there is that little
 patch of white hair that John used to call 'Beauty's three-penny bit'. It must be 'Black
 Beauty'! Why, Beauty! Beauty! do you know me?â€”little Joe Green, that almost killed
 you?" And he began patting a</t>
  </si>
  <si>
    <t>b'g\\\x80\xc5F\xd7;\x85'</t>
  </si>
  <si>
    <t>675c80c546d73b85</t>
  </si>
  <si>
    <t>e carbon
 impact, paper specifications and procurement, ethical conduct within our business and among
 our vendors, and community and charitable support. For more information, please visit our
 website: www.wiley.com/go/citizenship.
 Copyright _x0002_c 2014 John Wiley &amp; Sons, Inc. All rights reserved. No part of this publication may be
 reproduced, stored in a retrieval system or transmitted in any form or by any means, electronic,
 mechanical, photocopying, recording, scanning or otherwise, except as permitted under Sections
 107 or 108 of the 1976 United States Copyright Act, without either the prior written permission of
 the Publisher, or authorization through payment of the appropriate per-copy fee to the Copyright
 Clearance Center, Inc. 222 Rosewood Drive, Danvers, MA 01923, website www.copyright.com.
 Requests to the Publisher for permission should be addressed to the Permissions Department,
 John Wiley &amp; Sons, Inc., 111 River Street, Hoboken, NJ 07030-5774, (201)748-6011, fax
 (201)748-6008, website http://www.wiley.com/go/permissions.
 Evaluation copies are provided to qualified academics and professionals for review purposes
 only, for use in their courses during the next academic year. These copies are licensed and may
 not be sold or transferred to a third party. Upon completion of the review period, please return
 the evaluation copy to Wiley. Return instructions and a free of charge return mailing label are
 available at www.wiley.com/go/returnlabel. If you have chosen to adopt this textbook for use in
 your course, please accept this book as your complimentary desk copy. Outside of the United
 States, please contact your local sales representative.
 Printed in the United States of America
 10 9 8 7 6 5 4 3 2 1
 To Angelina and Jahan,
 for their love and patience
 About the Author
 Behzad Razavi received the BSEE degree from Sharif University of Technology in 1985
 and the MSEE and PhDEE degrees from Stanford University in 1988 and 1992, respec_x0002_tively. He was with AT&amp;T Bell Laboratories and Hewlett-Packard Laboratories until 1996.
 Since 1996, he has been Associate Professor and subsequently Professor of electrical en_x0002_gineering at University of California, Los Angeles. His current research includes wireless
 transceivers, frequency synthesizers, phase-locking and clock recovery for high-speed data
 communications, and data converters.
 Professor Razavi was an Adjunct Professor at Princeton University from 1992 to 1994,
 and at Stanford University in 1995. He served on the Technical Program Committees of
 the International Solid-State Circuits Conference (ISSCC) from 1993 to 2002 and VLSI
 Ci</t>
  </si>
  <si>
    <t>b'R\xbf\x92m/\xc4\xe7^\xf9\xd9\x03LI\xbb\x89;'</t>
  </si>
  <si>
    <t>52bf926d2fc4e75ef9d9034c49bb893b</t>
  </si>
  <si>
    <t>argue that
 the economies would have been quite healthy had it not been for the speculative attacksâ€”
 they involved issues such as the strength of the banking system that might have remained
 dormant in the absence of sharp currency depreciations.
 The second reason for rethinking international finance was the apparent strength of
 contagion throughout the international capital markets. The speed and force with which
 market disturbances could be spread between distant economies suggested that preventive
 measures taken by individual economies might not suffice. Just as a concern about eco_x0002_nomic interdependence had inspired the Bretton Woods blueprint for the world economy
 in 1944, world policy makers again put the reform of the international system on their
 agendas after the Asian crisis.
 Developing countries generally recovered quickly from the financial crisis of
 2007â€“2009â€”this time, unlike after 1982, the rich countries were the ones that suffered
 648 PART FOUR International Macroeconomic Policy
 protracted recessions (Chapter 19). But it was unclear whether developing-country
 resilience was due to reforms adopted after the Asian crisis, higher holdings of interna_x0002_tional reserves, strong commodity prices, greater flexibility of exchange rates, or the his_x0002_torically low interest rates enforced by industrial-country central banks. In view of the
 breathtaking contagion again displayed as the 2007â€“2009 crisis spread across the globe,
 sentiment that international finance needs an overhaul has remained strong. Here we look
 at some of the main issues involved.
 Capital Mobility and the Trilemma of the Exchange Rate Regime
 One effect of the Asian crisis was to dispel any illusions we may have had about the availabil_x0002_ity of easy answers to the problems of international macroeconomics and finance. The crisis
 and its spread made it all too clear that some well-known policy trade-offs for open
 economies remain as stark as everâ€”and perhaps have become even more difficult to manage.
 Chapter 19 spelled out the basic macroeconomic policy trilemma for open economies.
 Of the three goals that most countries shareâ€”independence in monetary policy, stability
 in the exchange rate, and the free movement of capitalâ€”only two can be reached simulta_x0002_neously. Exchange rate stability is more important for the typical developing country than
 for the typical developed country. Developing countries have less ability to influence their
 terms of trade than do developed countries, and exchange rate stability can be more impor_x0002_tant for keeping inflation in check and avoiding financial stress in developing countries. In
 particular, the widespread developing-country practice of borrowing in dollars or other
 major currencies (both externally and internally) means that currency depreciations can
 sharply increase the real burden of debts.
 The conundrum facing would-be reformers of the worldâ€™s financial architecture can
 then be summarized as follows: Because of the threat of the kind of currency crises that hit
 Mexico in 1994â€“1995 and Asia in 1997, it seems hard if not impossible to achieve all
 three objectives at the same time. That is, to achieve one of them, a country must give up
 one of the other two objectives. Until the late 1970s, most developing countries main_x0002_tained exchange controls and limited private capital movements in particular, as we have
 seen. (Some major developing countries, notably China and India, still retain such
 controls.) While there was considerable evasion of the controls, they did</t>
  </si>
  <si>
    <t>b'0E\x02 #g\x94h[E99t\xb11\xab\xca\x9a\xbf*av\xb6hy\xef\xbd\xb1\xf2\x1e\xa9\x03\x85\xa2\x90l\x02!\x00\xa7\xb0\x94\xb9\xd2@\x18\x95u\xb2w\xda\r\x08yi\xe4\xdd\x94\x11\x8a\xd7\xe6D\x13\xfa\xf9\xf3\xa2\x9e\xc6O'</t>
  </si>
  <si>
    <t>30450220236794685b45393974b131abca9abf2a6176b66879efbdb1f21ea90385a2906c022100a7b094b9d240189575b277da0d087969e4dd94118ad7e64413faf9f3a29ec64f</t>
  </si>
  <si>
    <t>b'0E\x02 #g\x94h[E99t\xb11\xab'</t>
  </si>
  <si>
    <t>exper
 iment. It means that there is no ether. (Some authors consider Einsteinâ€™s second
  postulate redundantâ€”no more than a special case of the first. They maintain that
  the very existence of ether would violate the principle of relativity, in the sense
  that it would define a unique stationary reference frame. I think this is nonsense.
  The existence of air as a medium for sound does not invalidate the theory of
  relativity. Ether is no more an absolute rest system than the water in a goldfish
  bowlâ€”which is a special system, if you happen to be the goldfish, but scarcely
  â€œabsolute.â€)5
  Unlike the principle of relativity, which had roots going back several cen
 turies, the universal speed of light was radically newâ€”and, on the face of it,
  4Actually, Einstein appears to have been only dimly aware of the Michelson-Morley experiment at the
  time. For him, the theoretical argument was decisive.
  5
  I put it this way in an effort to dispel some misunderstanding as to what constitutes an absolute rest
  frame. In 1977, it became possible to measure the speed of the earth through the 3 K background
  radiation left over from the â€œbig bang.â€ Does this mean we have found an absolute rest system, and
  relativity is out the window? Of course not.
 12.1 The Special Theory of Relativity
  507
  preposterous. For if I walk 5 mi/h down the corridor of a train going 60 mi/h,
  mynet speed relative to the ground is â€œobviouslyâ€ 65 mi/hâ€”the speed of A (me)
  with respect to C (ground) is e</t>
  </si>
  <si>
    <t>b'q\xa47&amp;\xdds%\x0c\x92\x879\xa6m\x13\xd8q\x80b\x8a\xe6\\uWi`\x91j\xa6\x13\xdad_'</t>
  </si>
  <si>
    <t>71a43726dd73250c928739a66d13d87180628ae65c75576960916aa613da645f</t>
  </si>
  <si>
    <t>b'q\xa47&amp;\xdds%\x0c\x92\x879\xa6m\x13\xd8q'</t>
  </si>
  <si>
    <t>handkerchief from her face, and raised her eyes full of tears towards
 heaven; soon after she dried them, and, in a calm, but tremulous voice,
 began to enquire concerning some of her late father's pensioners.
 'Alas-a-day!' said Theresa, as she poured out the coffee, and handed it to
 her mistress, 'all that could come, have been here every day to enquire
 after you and my master.' She then proceeded to tell, that some were
 dead whom they had left well; and others, who were ill, had recovered.
 'And see, ma'amselle,' added Theresa, 'there is old Mary coming up the
 garden now; she has looked every day these three years as if she would
 die, yet she is alive still. She has seen the chaise at the door, and knows
 you are come home.'
 The sight of this poor old woman would have been too much for Emily,
 and she begged Theresa would go and tell her, that she was too ill to see
 any person that night. 'To-morrow I shall be better, perhaps; but give her
 this token of my remembrance.'
 Emily sat for some time, given up to sorrow. Not an object, on which her
 eye glanced, but awakened some remembrance, that led immediately to
 the subject of her grief. Her favourite plants, which St. Aubert had taught
 her to nurse; the little drawings, that adorned the room, which his taste
 had instructed her to execute; the books, that he had selected for her use,
 and which they had read together; her musical instruments, whose
 sounds he loved so well, and which he sometimes awakened himselfâ€”
 every object gave new force to sorrow. At length, she roused herself from
 this melancholy indulgence, and, summoning all her resolution, stepped
 forward to go into those forlorn rooms, which, though she dreaded to
 enter, she knew would yet more powerfully affect her, if she delayed to
 visit them.
 H</t>
  </si>
  <si>
    <t>b"k5\x9e/\x13\xd4']\xee+\x93;\x12\x16\xd45\x9a\xb2s\xbc\xd4\x9a\xd1\x93Le\xc1\xd9\x91\xfeLN\x8c\x8f\xe1$\xd5\x8e[\xbe\xf4&amp;\xce\x05\x13_C\xa2\x80\xc6@\x85\x90\x11\xfe-#\x1c\xb58\x98\xe6pV"</t>
  </si>
  <si>
    <t>6b359e2f13d4275dee2b933b1216d4359ab273bcd49ad1934c65c1d991fe4c4e8c8fe124d58e5bbef426ce05135f43a280c640859011fe2d231cb53898e67056</t>
  </si>
  <si>
    <t>b"k5\x9e/\x13\xd4']\xee+\x93;\x12\x16\xd45"</t>
  </si>
  <si>
    <t xml:space="preserve"> depth: P = P0 + Ïgh
   - Pascal's Principle: Pressure applied to an enclosed fluid is transmitted equally in all directions
2. Buoyancy:
   - Archimedes' Principle: The upward buoyant force exerted on a body immersed in a fluid is equal to the weight of the fluid displaced by the body
3. Hydrostatic Equilibrium:
   - Condition where pressure gradients balance gravitational forces in a fluid
Applications of fluid statics include:
- Designing dams and hydraulic systems
- Understanding atmospheric pressure
- Explaining the flotation of ships
### 3.3 Fluid Dynamics
Fluid dynamics focuses on fluids in motion and the forces acting on them.
Key concepts include:
1. Flow Classification:
   - Steady vs. Unsteady flow
   - Laminar vs. Turbulent flow
   - Compressible vs. Incompressible flow
2. Continuity Equation:
   - Expresses conservation of mass in fluid flow
   - For incompressible flow: A1v1 = A2v2
3. Bernoulli's Equation:
   - Relates pressure, velocity, and elevation in an ideal fluid
   - P + (1/2)Ïv^2 + Ïgh = constant
4. Viscous Flow:
   - No-slip condition at boundaries
   - Poiseuille's Law for laminar flow in pipes
5. Drag and Lift:
   - Forces experienced by objects moving through fluids
   - Depend on object shape, fluid properties, and relative velocity
Applications of fluid dynamics include:
- Aerodynamics in vehicle design
- Weather prediction
- Blood flow in the circulatory system
- Design of pipelines and water distribution systems
### 3.4 Dimensional Analysis and Similarity
Dimensional analysis is a powerful tool in fluid mechanics for:
- Reducing the number of variables in complex problems
- Scaling laboratory experiments to full-size applications
Key dimension</t>
  </si>
  <si>
    <t>b'\xe9]\x07n)\xb4U\xbb%G\xe5#\xa7f\xc7\xa0\x8d\xf4W"o\xa3?\xf1\x95\x9b\xea\x95\xf0\x11\xc8\xcc\xeb\xd3\x91(b\x08\xea@\n\x17\xdd\x19\xfc\xb1\xd1\x07K=\xf8*\xa1\x98g1x+\xa3\x1e(\x14\x99\xc2\x16\xf2\xfa\x00\xfd\xfc\xd0\xe1\x04\x16\xbb\xab\xbb&gt;^\x05{\xef\xbc\x83\x03\xa2\xec\x95\xcbh\xe7{\xdd\xbb\xadA\xf0j\x8c\xef\xce\xff\xa7\x18\x1f\x9ep\xa2H\xf3k=\xc8+\xc4\x88\xbde\xde:\xbe\xaf:t\x12\xb2pQ\xc2\x7f\xa3\xd5#\xb8\xa6\xd7\xbd\x17\xc2\xccS\x04BIS\x99\xfb\xb9\x1f\xc3l#\xc6$2\xbfA)\xdb\xe7\xfdtmC;\xbcE+\xc0\xc4\xc6[\x9b4V\xfd\xabw\x06;~\x7f\x1c%\xdc4\xd9"\xa3\xbd\xeer\xf7L\x94(TKJ\x14i\x99\xae\x861\xce\xf6~P\xc1!\x9f\xaf\xa6\x10\xde\x02Y\x93\x85&gt;\x87\xec\x12?E\xa5\t\x93\x9a\xf8&lt;i\xd6d\xd6)\xb7\xcfJ\xda\x90\x87\x94k\xae&lt;\x98\xb4fDgM\xf7\xdc\x0b\xdf\xc9t\x9c\xed\x12W)\xbd\xdc\x93#\xcfZRo\xd8#\'\xfa,\xaei\x8a\xccm\xd6\xbcw\x8bB\xf6\x03\x8b\xbb\xcd\xfc\xe2\x7f\x9a\x99\xbf\x80\xf0w&lt;\t\xe7K&gt;J\x07\xc8\x0c\x1b\xb1\x9aF*\x9c\xc9\xc4\x81\xd6\xac-\xdd\x1e\xaf\xb4\xdf\xa8\x96\xad\xaa\x8fG\xa2\xcf\x9d\xa3\xfa\xec\x15\x9eN\xb4b\xd1\x1b\xfd\x00xT\x83*\x10BmV\xbe\x1cS\'\xe5\xb6\xb2\x19\xdfi\x80\xff\xc3\xb5T\xf2\x10gqq\xa06F\x10\x84\x0c_\xcaRTX0\xb4\x1e\xe8}\xa2\xee\xbd"t#&lt;\x11]\x7f\xaf.\xc7\xe2\xad34aG\x1b5\x93~\x93\xe7\x05\x07\xa2Y\xea\xcf5\xcb\xb8V\xf8%\xd5\xca\xfc\x89C\x84\xed\x07)\xfb\xb8\x9eq\x06uQ{\xfa@\xe5~\xd9\x9a\x952\x1b\xcc\r\x12b!\xef \xaa}\xe3\x827\x10iGi\x10:vo\x0c8\xb5#\xc3:1%Y\xa0\xe1EG\x95\xdd\r.\x1ex~#\x06U0EK\x86n\xb8b\nZM\x926bq\xdaH0b+mg\x0e\xbb\xf3L\xb6\x11iQ\xea\xe9\x93\r\xc5Xt\xb7x\xeb\xff=\x01\x8a^\xcb\x00F\x9b~\xbda;\x041\xeaV?\\^\xcd\xc3\x8c\xe6\x8c`{F_":s8\xf7\xb8\xff\x99f\xd1~\xaa\xe8\x82\xb4\x88\x1e\xdc@\x07Up\xb0\x1dX\xf6TjN\xdcM\xd0v\x9d\x03\x9c\xd9\xd4\x8eY\n\x94\xee\xae#\xca\xec*\xf8c\xb9\x00/\xa9J\xc0\x9a\xeb\x1e\x08m$\x83\x939^J\x9b\x8c\x81\x91!\xc6\xcb\x9b\x0e\x8f\xd0\x0bNY\x94\x1e\x1b\xdd\xc3\xc69\xf0T\xeb\x83-\xd5k\xd0oA_\xb2\x9bc\x7fx\xaf\xa6\xc9\xb45\xccE\xd3K\x90\xc8\x04\x89l!\x04\xf0\x17c\xaa\x8e\xdeR\x14\xd3\xe8~Br\x02\xb5\xb3\xc6\x01\xc737Fg\xa2\x9aI\xa7\x0e*\xfd%|IM(p\xe8,\xbe\xd9r\xaf$l\n\xe9h\xa9\xd5\xa5E\x90\xd5q-N\x10\x1a\x04kH\x1c\xce\xb75O\x9f\xe6\xc2(\x80vd\x96\xfeH\xe9\x13\x88z\xd4\x8b\xec}\x89\x9c\xb6\xecCU1c\x14\x8ck|\xcf\xd9\xabD\xa3\xa1\xd0=#D\x9b4\xe3\x12\xa3V\x9e3\xe4)B\xac~}U!\x13\xa2\x9c\x982\x8c\r\xe1\xdc)R\x07[\x1aZ\x06\xab:u\xbd\x0f}\xcc\xa6\'\xd9\x838P\xd7\xbf\x1c\xef\x98y\xc9#\xc8H\xd9\x83\x89\x0f}va\xcb\x85R\xda\xb2X9-\xad\x13$\r\xd6D?\x7f\xd3\xe0\xa36\xf2pX6\x1bmG\xc2\xbe\x83\x16\xacb\x05\x02]\xa0V\xd6\xfeu\x9a\xf0\xb3H\xa4\x82\x8f\xb0\x0c\xf0\x95\xdc\xae\xf6Z\x80o0Y+\xbe&gt;M`\xae\xa5L\xc0\xd5\x9d{:s\xc8\xf4)\x90\xf8\x16\xc3\x8b\x9a\xbe\x03\xf3\x0e\x8d\xdewR\x98\xc0\x98dV\xbf7\xe28q\xa5y\xff"ba\xdd\xc6\x88&amp;\xc1\xb2X\xbb\xb7_\x90;\x98\xf5"\xfd\xf4I\xe5dE\x8dd\x10G\xc3\x9d\xcc\'\xcd\xb5\xda\xcb6(X\x13\xc4\xae\xb3D\xee\x1d\x112z(E\xa8&lt;\xcfL^L|`f\xed3e\xbf=\xf7\xc1r\xc3\x11~\x1eC\xb5U=\x03\xaa\x9f\xe2g\xbe\x16T\xc8\xa2\x9bi\xa9\x02I^X\x03\x03\x08&amp;Mt\xf8_2\xd4\xdeD\x8e\x1cZ\x7f\x8c\xe8\x1ej\x94~Z-\x0f\x9a\xb7\xec_\xb4\xca\x9czm\xa3\xe5\x9d\xf7\xcb\xcb\xb7*o9?\\\xce;\x17Y\xb2\xe3g\xfb\x0e\x99\x06\xa3\xf2\xf5\x0b(\xd3E\xe1\xd4\xce\xc1\xd0\xcb?\xb8N\x009\xd3&amp;\x1d\xfb\x1dqeA\xae\xee\xb83\x99\xe17\x1fF\x9e\xf01\x9d\x16\x94\x14qD\xd6&amp;\x93\xe5\xf9\x0fk\xce\xe3wRY\xe1\x97\xb1=\xd3\xa6\x0f\\2\xa3\x8e\x07\xc7\xda\x10x\x95%\xae\x17\x0f\x04Q\x01\xbe\r\xc5\xa0(\x98\xd0\xb0\x1c\x96!\x0f\x84\x91\x8f\xe1\xde\xc1\xfe\xfe\x7f\xf3\xe0\xcd#\xbc\xc0g\x83`)G\xdc\x1b\xdf\x14\xec\x9aq\x16\xef\xc6\xb6\xcf`M\xc8\xd7\xed^\xe42\x94E\x8a\x7f\xf9\x96A\x1f\x0f\nR\xc7\x14\x00\x10\xee\xcdY\xfa\xfd\x92\x080\xe2\xac\x0b\xb2E\xc2\x92\xf5\xef\xd1)\x0e@gW\x9c\xb8\xcd\xe3\x0c\x91\xdc\x08\xcf\xf4\nr\x1c\xd6!\x85\xd9qQ\x0bO\xc7ezQ\x84\x16\xb9r8\x1f\x81*\x86[\xeeVUdxbn\xef\xb1\'\x86\xf2t\x93Z\xd1\x7fW\xc1\x16G\xb6\xf9\x9b\x10\r\xafqq\xc02v{\xd8p\x8e\xaa)\x94\xf1\xd9\xe0\xed:\x82\x8b[\xb4isD\xac\x83\x02W\xcb\x07-\xea\x0f-\xe3\x84Q\x0bL\xf3\xc0u{\xbdg\xaa\xf7\x07\xc9\xbe]\xfcP\xe0\xf3\x82\x9b\x08\x89\xa1\xa1\x16\xc9-9\xbc\xa98\xd7\x93\x8dX\xb7\x12\xb4s\x0e\x92\xee|\xfa\rB\xd5\x93\x1d\x03nP:\xdf\x93\x90T\xf9\x83\xf0\xa2\xa9\x7f\x89~\x0c*.\x03a"u\x0cH\xa6eM\x12\xb8\x08kb\xd3\x0b#\x86\x12\xcbp\xbdC\x0cP\x16\x1b\x12\xb0\x1c\xc8\x15\x1aU\xffC\x1e\xcf\xaa\x178\x11\xde$$\t\xe6\xcb\x85\xd0\x0c4\xd5\x05\x97a\x1e\xde\x0b]"\xa9\xf9\x11\xcf\xcc\xd6\xfe\x89\xd9\t\xe45\xbd\x89QgE@~\xc5^~\xebY?\xdc$\x0e\xb9\xe0t5o\x19\xa0\xf6|\xd2\xfb\xd7\x16\xfb\xd0\x13\xc7\xc0\xb4\n\xb4qb\xc1jAH*\x18\x92\x0e]\xbcj\x1b`\x8d0\x168\x1b\x99\xf8\x9e_y\x94rr_\xcez\xfe0FS\x149\xe5\xbf\x12X\xd1\xd1\x85\xecwh2\xd8\x9f&lt;\xe3\x15\xfb-kZ\xe18\n=\x9d&gt;~\xeev/\xa1\x93\xc8\x9e\xe2"\xad\xed\xda9\xb1\x02[m\xea\xf8N\xbf!\xa5\x90}j\xd3\x9e\xf7\xa3\xe5e\xdf\x86\x1d\x1f\xb9\xafK\xf3P\x00\x10\x1c\xfa\x92|R\xc1\xcch\xfaO\x80\xc4\x93\x0b\x03sFu)\xa6\xf3+\xaf_\xba\xf5\x075\x1eBQ\xbc\x12\xbda0\x991\x15\xfe\x04\xd7\x17PP\x97&amp;\xdd\xf9\x88\x1fO}\x0f6\x06\x97C'</t>
  </si>
  <si>
    <t>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</t>
  </si>
  <si>
    <t>b'\xe9]\x07n)\xb4U\xbb%G\xe5#\xa7f\xc7\xa0'</t>
  </si>
  <si>
    <t>when the
 hand was finished, said eagerly: â€œYou have a strange
 way, Ralph, of proving that the world has grown smaller. So,
 because you can go round it in three monthsâ€”â€
 â€œIn eighty days,â€ interrupted Phileas Fogg.
 â€œThat is true, gentlemen,â€ added John Sullivan. â€œOnly eighty
 days, now that the section between Rothal and Allahabad, on
 the Great Indian Peninsular Railway, has been opened. Here is
 the estimate made by the Daily Telegraph:â€”
 From London to Suez via Mont Cenis and
 Brindisi, by rail and steamboats 7 days
 From Suez to Bombay, by steamer 13 â€
 From Bombay to Calcutta, by rail 3 â€
 21
 From Calcutta to Hong Kong, by steamer 13 â€
 From Hong Kong to Yokohama (Japan), by
 steamer 6 â€
 From Yokohama to San Francisco, by
 steamer 22 â€
 From San Francisco to New York, by rail 7 â€
 From New York to London, by steamer and
 rail 9 â€
 Total 80 days.
 â€œYes, in eighty days!â€ exclaimed Stuart, who in his excitement
 made a false deal. â€œBut that doesnâ€™t take into account bad
 weather, contrary winds, shipwrecks, railway accidents, and so
 on.â€
 â€œAll included,â€ returned Phileas Fogg, continuing to play despite
 the discussion.
 â€œBut suppose the Hindoos or Indians pull up the rails,â€ replied
 Stuart; â€œsuppose they stop the trains, pillage the luggage-vans,
 and scalp the passengers!â€
 22
 â€œAll included,â€ calmly retorted Fogg; adding, as he threw down
 the cards, â€œTwo trumps.â€
 Stuart, whose turn it was to deal, gathered them up, and went
 on: â€œYou are right, theoretically, Mr. Fogg, but practicallyâ€”â€
 â€œPractically also, Mr. Stuart.â€
 â€œIâ€™d like to see you do it in eighty days.â€ â€œIt depends on you.
 Shall we go?â€
 â€œHeaven preserve me! But I would wager four thousand pounds
 that such a journey, made under these conditions, is
 impossible.â€
 â€œQuite po</t>
  </si>
  <si>
    <t>b'\x9d&gt;\xc7%\x99\xf3\x97{\x8f\xe2\xbe\xb3\x11\xa1\x8a\x91$\t+r\xe5\xf5\x7f~\xbd\xaa\xc4\xad\x8c\xe9\xd0\x15'</t>
  </si>
  <si>
    <t>9d3ec72599f3977b8fe2beb311a18a9124092b72e5f57f7ebdaac4ad8ce9d015</t>
  </si>
  <si>
    <t>b'\x9d&gt;\xc7%\x99\xf3\x97{\x8f\xe2\xbe\xb3\x11\xa1\x8a\x91'</t>
  </si>
  <si>
    <t>schooner must be nicely handled to be 
 got in. I think I was a good, prompt subaltern, and I am very sure that 
 Hands was an excellent pilot, f</t>
  </si>
  <si>
    <t>b" \x1a\x95\xab\x18Y\xb6\xb7zd\xa8\x7f\xa8\xa1\x10\xb6\xd1t2\x06\xa6\x12\x18Y\xcdI\x80\xf8-\x80\x15\xce&amp;\xc9QsYg\xe9\xfa0r||\x89Z\xc3-B\xe5\xc1\x7f\xe3w]n\x98T\xc6\xc1\x1ba[f@\x93j\xfb\xf7X\xf1\x03\x85R\x1dH\x93\xb3u\xaf\xc2\x8cJ\xa7T\xaf\x02A\x88\x18\x1bi\xe0}\xd4S.\x19g\xcew&gt;\xa9SI\x13\x04r\\\xda'\xa8\xb0\xf2\xf7\xd9\xd3\xda\x83\xddD\x8aMT\xe3\xee8N\xfeN\x12\x94\xdd\xb5\x0e\xbf\x07\xf9\x05\x93U\xadDS\xa5n\xccF\xd0x\xae\xd0n\x17\xed\x993U\x8d\xed\xdfS\x92\xe7Hj\xc3\x84\xd3\x95\xf9\x02\xb0\x02\xb8)\xbc\xe3\x91P*\xa5m4\x10C\x93\\\x87\xf8\x9an\xf4\x8e\xff\x1d\xb4\x98b\xb1\x01\xdf\x10\xf7S\xe3\xd0_\xcfw\xa0\xf6\x15\xd40V\x82\x7f\\\xf8\\\x1f\xa5\xdfB\xe4\x07\xf8\xe3a\x9d1$\xd1Yr\x9e\xae\xa3{!@\xdbj$\xf3\x95RTMA#\xdf\xc5\x81\x94"</t>
  </si>
  <si>
    <t>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</t>
  </si>
  <si>
    <t>b' \x1a\x95\xab\x18Y\xb6\xb7zd\xa8\x7f\xa8\xa1\x10\xb6'</t>
  </si>
  <si>
    <t>_x0003_ 1,
 Rout â‰ˆ (1 + gm1rO1)(rO2||rÏ€1) (9.6)
 â‰ˆ gm1rO1(rO2||rÏ€1). (9.7)
 Note, however, that rO cannot generally be assumed much greater than rÏ€ .
 Example
 9.1
 IfQ1 andQ2 in Fig. 9.2(a) are biased at a collector current of 1 mA, determine the output
 resistance. Assume Î² = 100 and VA = 5 V for both transistors.
 Solution Since Q1 and Q2 are identical and biased at the same current level, Eq. (9.7) can be
 simplified by noting that gm = IC /VT, rO = VA/IC , and rÏ€ = Î²VT/IC :
 Rout â‰ˆ IC1
 VT
 Â·
 VA1
 IC1
 Â·
 VA2
 IC2
 Â·
 Î²VT
 IC1
 VA2
 IC2
 + Î²VT
 IC1
 (9.8)
 â‰ˆ 1
 IC1
 Â·
 VA
 VT
 Â· Î²VAVT
 VA + Î²VT
 , (9.9)
 where IC = IC1 = IC2 and VA = VA1 = VA2. At room temperature, VT â‰ˆ 26 mV and
 hence
 Rout â‰ˆ 328.9 k_x0004_. (9.10)
 By comparison, the output resistance of Q1 with no degeneration would be equal to
 rO1 = 5 k_x0004_; i.e., â€œcascodingâ€ has boosted Rout by a factor of 66 here. Note that rO2 and
 rÏ€1 are comparable in this example.
 Exercise What Early voltage is required for an output resistance of 500 k_x0004_?
 It is interesting to note that ifrO2 becomes much greater thanrÏ€1, then Rout1 approaches
 Rout,max â‰ˆ gm1rO1rÏ€1 (9.11)
 â‰ˆ Î²1rO1. (9.12)
 This is the maximum output impedance provided by a bipolar cascode. After all, even with
 rO2 = âˆž (Fig. 9.3) [or RE = âˆž in Eq. (9.1)], rÏ€1 still appears from the emitter of Q1 to ac
 ground, thereby limiting Rout to Î²1rO1.
 Example
 9.2
 Suppose in Example 9.1, the Early voltage ofQ2 is equal to 50 V.3 Compare the resulting
 output impedance of the cascode with the upper bound given by Eq. (9.12).
 3In integrated circuits, all bipolar transistors fabricated on the same wafer exhibit the same Early
 voltage. This example applies to discrete implementations.
 398 Chapter 9 Cascode Stages and Current Mirrors
 R
 Q1
 out
 Ideal
 r Ï€1
 Figure 9.3 Cascode topology using an ideal current source.
 Solution Since gm1 = (26 _x0004_)
 âˆ’1
 , rÏ€1 = 2.6 k_x0004_, rO1 = 5 k_x0004_, and rO2 = 50 k_x0004_, we have
 Rout â‰ˆ gm1rO1(rO2||rÏ€1) (9.13)
 â‰ˆ 475 k_x0004_. (9.14)
 The upper bound is equal to 500 k_x0004_, about 5% higher.
 Exercise Repeat the above example if the Early voltage of Q1 is 10 V.
 Example
 9.3
 We wish to increase the output resistance of the bipolar cascode of Fig. 9.2(a) by a factor
 of two through the use of resistive degeneration in the emitter of Q2. Determine the
 required value of the degeneration resistor if Q1 and Q2 are ident</t>
  </si>
  <si>
    <t>b'\x13\xaaU\xc7\xbf\x07\x86\xbc4\x95\xab\t\xaa\xcf\x8cf'</t>
  </si>
  <si>
    <t>13aa55c7bf0786bc3495ab09aacf8c66</t>
  </si>
  <si>
    <t>ding evening. The grandeur
 of the broad ramparts, and the changing scenery they overlooked,
 excited her high admiration; for the extent of the terraces allowed the
 features of the country to be seen in such various points of view, that
 they appeared to form new landscapes. She often paused to examine the
 gothic magnificence of Udolpho, its proud irregularity, its lofty towers
 and battlements, its high-arched casements, and its slender watchtowers, perched upon the corners of turrets. Then she would lean on the
 wall of the terrace, and, shuddering, measure with her eye the precipice
 below, till the dark summits of the woods arrested it. Wherever she
 turned, appeared mountain-tops, forests of pine and narrow glens,
 opening among the Apennines and retiring from the sight into
 inaccessible regions.
 While she thus leaned, Montoni, followed by two men, appeared,
 ascending a winding path, cut in the rock below. He stopped upon a cliff,
 and, pointing to the ramparts, turned to his followers, and talked with
 much eagerness of gesticulation.â€”Emily perceived, that one of these
 men was Carlo; the other was in the dress of a peasant, and he alone
 seemed to be receiving the directions of Montoni.
 She withdrew from the walls, and pursued her walk, till she heard at a
 distance the sound of carriage wheels, and then the loud bell of the
 portal, when it instantly occurred to her, that Count Morano was arrived.
 As she hastily passed the folding doors from the terrace, towards her
 own apartment, several persons entered the hall by an opposite door.
 She saw them at the extremities of the arcades, and immediately
 retreated; but the agitation of her spirits, and the extent and duskiness of
 the hall, had prevented her from distinguishing the persons of the
 strangers. Her fears, however, had but one object, and they had called up
 that object to her fancy:â€”she believed that she had seen Count Morano.
 When she thought that they had passed the hall, she ventured again to
 the door, and proceeded, unobserved, to her room, where she remained,
 agitated with apprehensions, and listening to every distant sound. At
 length, hearing voices on the rampart, she hastened to her window, and
 285
 observed Montoni, with Signor Cavigni, walking below, conversing
 earnestly, and often stopping and turning towards each other, at which
 time their discourse seemed to be uncommonly interesting.
 Of the several persons who had appeared in the hall, here was Cavigni
 alone: but Emily's alarm was soon after heightened by the steps of some
 one in the corridor, who, she apprehended, brought a message from the
 Count. In the next moment, Annette appeared.
 'Ah! ma'amselle,' said she, 'here is the Signor Cavigni arrived! I am sure I
 rejoiced to see a christian person in this place; and then he is so good
 natured too, he always takes so much notice of me!â€”And here is also
 Signor Verezzi, and who do you think besides, ma'amselle?'
 'I cannot guess, Annette; tell me quickly.'
 'Nay, ma'am, do guess once.'
 'Well, then,' said Emily, with assumed composure, 'it isâ€”Count Morano,
 I suppose.'
 'Holy Virgin!' cried Annette, 'are you ill, ma'amselle? you are going to
 faint! let me get some water.'
 Emily sunk into a chair. 'Stay, Annette,' said she, feebly, 'do not leave
 meâ€”I shall soon be better; open the casement.â€”The Count, you sayâ€”he
 is come, then?'
 'Who, I!â€”the Count! No, ma'amselle, I did not say so.' 'He is NOT come
 then?' said Emily eagerly. 'No, ma'amselle.'
 'You are sure of it?'
 'Lord bless me!' said Annette, 'you recover very suddenly, ma'am! why, I
 thought you was dying, just now.'
 'But the Countâ€”you are sure, is not come?'
 'O yes, quite sure of that, ma'amselle. Why, I was looking out throug</t>
  </si>
  <si>
    <t>b'6\x13l\x06Tp(J\x13\xdd\xb6C\xca\xac\xb5\xc1p6w.\xfb\x04\x01\xb8\xc2\x81\x0c9\x84Q\x87F\xa3(76\x95dU&gt;.\xf8\x9b\xd0S\xe8T\xf0\xcb\x01)\xf8\x8aO\x99#G\xf6\xa4\x07\x99\xe6\xa1l'</t>
  </si>
  <si>
    <t>36136c065470284a13ddb643caacb5c17036772efb0401b8c2810c3984518746a32837369564553e2ef89bd053e854f0cb0129f88a4f992347f6a40799e6a16c</t>
  </si>
  <si>
    <t>b'6\x13l\x06Tp(J\x13\xdd\xb6C\xca\xac\xb5\xc1'</t>
  </si>
  <si>
    <t>Mrs. Darling's lap. Then her head nodded, oh, so
 gracefully. She was asleep. Look at the four of them, Wendy and Michael over
 there, John here, and Mrs. Darling by the fire. There should have been a fourth
 night-light.
 While she slept she had a dream. She dreamt that the Neverland had come too
 near and that a strange boy had broken through from it. He did not alarm her,
 for she thought she had seen him before in the faces of many women who
 have no children. Perhaps he is to be found in the faces of some mothers also.
 But in her dream he had rent the film that obscures the Neverland, and she saw
 Wendy and John and Michael peeping through the gap.
 The dream by itself would have been a trifle, but while she was dreaming the
 window of the nursery blew open, and a boy did drop on the floor. He was
 accompanied by a strange light, no bigger than your fist, which d</t>
  </si>
  <si>
    <t>b's\xd7U\xce\xde\x18\xa9]'</t>
  </si>
  <si>
    <t>73d755cede18a95d</t>
  </si>
  <si>
    <t>from?â€
 â€œYou can draw water out of a water-well,â€ said the Hatter; â€œso I should
 think you could draw treacle out of a treacle-wellâ€”eh, stupid?â€
 â€œBut they were in the well,â€ Alice said to the Dormouse, not choosing to
 notice this last remark.
 â€œOf course they were,â€ said the Dormouse; â€œâ€”well in.â€
 This answer so confused poor Alice, that she let the Dormouse go on for
 some time without interrupting it.
 â€œThey were learning to draw,â€ the Dormouse went on, yawning and
 rubbing its eyes, for it was getting very sleepy; â€œand they drew all manner
 of thingsâ€”everything that begins with an Mâ€”â€
 â€œWhy with an M?â€ said Alice.
 â€œWhy not?â€ said the March Hare.
 Alice was silent.
 The Dormouse had closed its eyes by this time, and was going off into a
 doze; but, on being pinched by the Hatter, it woke up again with a little
 shriek, and went on: â€œâ€”that begins with an M, such as mouse-traps, and
 the moon, and memory, and muchnessâ€”you know you say things are
 â€œmuch of a muchnessâ€â€”did you ever see such a thing as a drawing of a
 muchness?â€
 â€œReally, now you ask me,â€ said Alice, very much confused, â€œI donâ€™t
 thinkâ€”â€
 â€œThen you shouldnâ€™t talk,â€ said the Hatter.
 This piece of rudeness was more than Alice could bear: she got up in
 great disgust, and walked off; the Dormouse fell asleep instantly, and
 neither of the others took the least notice of her going, though she looked
 back once or twice, half hoping that they would call after her: the last time
 she saw them, they were trying to put the Dormouse into the teapot.
 â€œAt any rate Iâ€™ll never go there again!â€ said Alice as she picked her way
 through the wood. â€œItâ€™s the stupidest tea-party I ever was at in all my life!â€
 Just as she said this, she noticed that one of the trees had a door leading
 right into it. â€œThatâ€™s very curious!â€ she thought. â€œBut everythingâ€™s curious
 today. I think I may as well go in at once.â€ And in she went.
 Once more she found herself in the long hall, and close to the little glass
 table. â€œNow, Iâ€™ll manage better this time,â€ she said to herself, and began
 by taking the little golden key, and unlocking the door that led into the
 garden. Then she went to work nibbling at the mushroom (she had kept a
 piece of it in her pocket) till she was about a foot high: then she walked
 down the little passage: and thenâ€”she found herself at last in the beautiful
 garden, among the bright flower-beds and the cool fountains.
 CHAPTER VIII.
 The Queenâ€™s Croquet-Ground
 A large rose-tree stood near the entrance of the garden: the roses
 growing on it were white, but there were three gardeners at it, busily
 painting them red. Alice thought this a very curious thing, and she went
 nearer to watch them, and just as she came up to them she heard one of
 them say, â€œLook out now, Five! Donâ€™t go splashing paint over me like
 that!â€
 â€œI couldnâ€™t help it,â€ said Five, in a sulky tone; â€œSeven jogged my
 elbow.â€
 On which Seven looked up and said, â€œThatâ€™s right, Five! Always lay the
 blame on others!â€
 â€œYouâ€™d better not talk!â€ said Five. â€œI heard</t>
  </si>
  <si>
    <t>b'\xe4\x8c\xeb\x0bF\xb7\x84\xa2\x9e\xce\x11\xe1"\xb0V\xba\x8c\xb8\xa6\x8c\x1f\xbd\xc7\x81e\x17\x9a\x02#3Ps\xc8sO\x81\xcc\xa5&lt;\xad$0\xda\xf1\x15$\xd0\x9f\xe2)\xda\xe8\x16b&gt;0\xcd\x12\xc8C\x88\x82a\xf0\xee\xe1S\xa1\x05\x8d7c\x82\xaemM\xf3\n\xed1+G\xe7\x8e\xb2^Db\xea\xe4\x9d\xa9\xaeal&gt;\x8ebd\x85\xed\x00sC\xee\xc0\x80$\xa7L\xb9\xebP\xc9|_\xd2\x15\x80\x97\xb4\x9f\x90w\xbe\x8a\xbb\x85@\r\x0e\xfd\x8e!\xfa\xa6\xd6\x0b\x0e\x99/\xe6\x0f\xe23\xecPOC/=\x8eoy\xb0S\n\xd4/m@\x8c\x87\xbbC \x80\x8d\xcf\xc3\xde?\x03\x85\xd4E\x15\xd5@QM\xa6M\xc5\xb47\xf8d\x88\xc9\x0b\xb5\x90\xa8\t9\x05\x972\x1dz@\x04\xfd\x00 \t\xd1\xa0\xf9.\xd0j\x8c\\\xd5F\xc1\x1d@\xae;\xda\x99Q\xf6\xd6\x99\x9f\xfa[!&amp;\xe1\x8f\xa2\x98\x99\xe6$\x1c%\xbe\xce\x1d\x15=\xaf\xc1\xe9\x1b\x9d\xa3\x0b\x10\xd2\x91\xf4\xd0\xc2Dt\xb0\x97`\xcc\xd6K\xa1\x07\xf2H\xab\xa8\x10i\\\xc4\xc8\xa7\x84\x93\x98\x93\xad}97\xd0w\xd5H\xc5\xce\x93Vq~\xcdU\xc2h,\x91rCl\xd5\xe8\x98#\xf9kC\t\xf9?\xb0\xbb\xe1q?!A&lt;\xa9\x15xp\xea\xe1"\x04\xd55\xcd\x15L\xbd\xb5\xe4\x1e(\xba"-=\xca\xaf\xd1IkK\x00%\xb7\xf5S\x14\x05V3A\xae\x0e\xb6\x93\x87\x9bs\x8be/\x89\xedB\x07&gt;\xc2\xa5\xf4\x96\xb5\xdf\x83\x92\xe2\xd6\xef\x9a\xb7*\x93\x12\x96\xe5:\xa0\xa5X\x83.\xff$\x0cw\xca\x9d\xcf\xa8Z\xfe\x8bL\x0f#&lt;l\xd6\x86\x0f\x94\xa3\x0cR\xc8\xf9\x1a\xdb\x05YH\xea\xb0\x89\xf9\x86F\xe0s\x84\x1dK\xadu\x95\x16\x9eC\x8e(\x86\xec\x18\x8f\xd4\xcd\xdd\xe9\xb6\x88\x9f\\f\x8f\xbe\x04\xd5\x1c\xa2\xefa\xa3\xdd\xb4\xaa4&lt;K&amp;RY\xc2~\xc6\xad\x93\x17*L\xf6\xe5*\x15\xe9\xfal\xef\xb0&gt;h\xeco*\x8a\xcf\xfa?\xbf\xe8&lt;\x1c\xfd\xe6\x17\x18\xe0z\r\xbc\xbcJ\x87\xf8\x1a\xa1\xfc\x16&amp;\xae\xael)]\xccH\xc1\x9d\xa7\xe1N{\xf2\xa5\xcb\xc8\x96}!\xa4\x03\xe9{\xd5\x1f\xd4}\x179\x06t\xbc8\x14\xbacJ\xa6\xd7\xbeo\x8fk\x8fs\x1c]\t\xd9\x13\xb3=\xbf\xa4X1\xef\x87u\x7f\x1bz\xe2O\xb4e\xda\xdf\xdd\x13xH\xc6k\xcd`\xa1)"\xca\x7f\x1b\xe4$\xec\x10\x83\x9b*\xfa\x99j\x99\x96&gt;\xd0\x9b\x05p\xd3\xec=\xa2N\xa7M\t\x05\xf9\xfb\x15y5\xf3i\xa1\xa8\x93\r{\xffs\xe651O\x92\x94\x16yS)&amp;\x99\x85\x15\xf3\xd5\xc0&amp;\xd2?n\xbaY\x00\xde)\xdd\x12W\x19\xc0\xdb\xf1B\x007}U\x00\x82D\x82\x9f{\xf3\xfb\xc5\xa1\x03\xff,\x00o\xf5\x89N:NG+\x10\xb8\xc6\x15o\x9cQ,\xb6[\x92\x0c\xf3&lt;=\xc3O\'D\x06\xcdF|\xae+\x17w\x98\xaaG\x17\x18\xa3\xcerI-^&amp;\xb130Z#kpT\x19\x12\xafM\xcd\xa9\x97xv\x9e\xd5\xa8\x8dI\xa7\x1b|\x01-\xa8\xdd\'c\x03\xcb\xae\x99\x8f\xb6&lt;N\x8f,\x84L$1\x11v,\x89#\xd7\x9d\x13\x81\xdbVd(\x8dN\xe8\xb3V\x89\x9f\xbf%\t\x92+\x17\x0f@95$\xdePWkg\xdeZ\xe6*\\\x05S\x82G\xa5\x18\x83\x9emg2Y\x8e\x158\xb9\x0c\xf1Q\x01\xf9\x91\x9b\xaa\x00\t`lZ\xe9lN\x9f\x91\x16 \x13\xc6E \xd6\r4]dI\xccx%\xc4\x1a\x8e:\xd3GT^\x15&amp;X\xa1^\xb6\xf4\x9a\xe7A\x11l\xb5\xbe\xf3\xba\xe4\xfb\xd3\x8e\x07\xc6u[\x16*F\x04*\xc5\x08\\\x84\xbe@b\x01\x08\x18\xde\xafLA\x16\xbag\x80R\x11\x8cV\xc7\x83\x92\x9dsbip#\xa8p%\xd6\x89\xac\x8a\xe7\xb3\xed\xd4N\xd9\xb5\x9f\xf1\x01\xe6\xf4\xfah\x93\x04\xb1\xb2\x8av\x00\xaf\x1e\xc9T\x1d\x87\xd4\xc5\x1e/\x02\xe9\xd4\xb6\x0fP\xc9\xd99\x03\x7f&amp;\xda5\xb3,\xa7V\xde\x19\xbf\xda\xbb\xbb\xb9t\x12\xf4\xe3\xe6\xef7/\x81\xbc8Q\xc3!\x0cw)+\xeccK\xaf\xe7\xe2M\xe4\xe0\xe4P3\x82 \x8f\xa2\x15q\xf3\x7f\xbd-\xd8\x04\xdb\xf5\xe7\xf4:q\xac8\x80\x0c\xcdx(?\xa5\r\x16e\xb1\x08\xf29\x8e\x04\xb8Wv\xddC\x81/\xe3!1-\xba\x8a\x84-zWP\xf3\xf9\xe8\x99\x9a\x08\x93\xc03\x05t\xf6\x83\xf7\x87_\xbd\r\xee+\x04\xd9L\xa6\xbc{\x90]\xf0\xc5\xf2R\\\xffXn\xac@\x8b\x1f\x03p\xbe\x0cc\x05\xa8\x7fH|\x8a\xc89j\x85\xc1\xc0v\xc6Qk(\xc2\xf2tpD\x1c\xef\x191yT\xddP)\x12O\tQ\xad\xdd\x90\xa8\xdf\xc7\xa9u\xbd@q\xcb\xb3\x83\xca\x15\xe3\r\xc1IO4cx\x9eI\x07\xc1\xc2\x9a\xcfj\xf4]j\x1c\xf5\xb0\xfen\x0e&amp;&gt;\x13\t\xf0F\xa7T\xee\x14\xa4\x04\x8a\xc5i\x03\xe4Ah\xe0\x8e\xbb\xee\x02\xc8@\xb2\xdb\xf3F[\xaa\x9bb\x1f\xbf\xde\xbaN\x94\xb9Eg\x97i1*\xb3\x1f\xce\x98\xc9K\xd5\xbf\xf7(\xc5\x06t\xf8\x90LE9\x1b\xdc%\xe8\x15\x9e\x1e\xc1hQ\xcc]R \xaf\x83\xc9\xdb\x91\xc3\xc2\xcb\x95\xce\xcbh\x16AP\xf0q\xdb\x97\nh\xe9\xe97\xf64\x8a@\xf5\xbb\xce\xcb\xd9\xd7\xb0\xd70\t\xf5\x11\xde3u\x1cFMZ\xa7t6\xf7\x10\x1f\x1d\x92\x8f\xcf\x8d\xcf\x99\xdd@~&lt;H\xa0\xc5\x00&gt;\xd9\x89cW\xabje2dW\x84\xfb"\x89Y\xa3\xec\xb7\x99\xb7\x10-\xef\x80|oD`\xb4\xfd\x8e\x07`\xa4\x9f\xd0n\xec\'M\x12\r\xa9\xa2\xd5\x04\xca\x12L/z\xa9\xa6\xc3pQ\x8b\xc3\x9e\xf55aK\x81U\xad\x1c\xf9n\xca\x96\x1a\xd8\x87u\x94[\x08\xad\x91;?\xbb\xbc\x8c\x9c\xff\x7fFt\xfa\x82\xa2\x17l\xa9\xed\x1b\xfd\xc9\xec\xf3t\xe5\x85\xac\xf3c\xcc`l1\xa3\xdb\xb3\xf4\xe8{\x00\xb2\xa5\xdeN\xcd_\xb5\xde\xcd=iD\xae\'\x9e\xd28\xe3\xca.\xc2"\x86\xf1a\xc2}\x14\xb5UL\xff\xa1N\xe1\xbc.\x15\x95\x86y\x9d\xce7\x08\xcb\x9e\x9e\xdd\xfb\xe3\xcdQP\xa4\x02\xd9\xb9mv\x10Z6\x11/F\xf3j\xaa\xe5\xc1\xbc7t\xd6\xef8^\x93\x81\xd2Z@s\xda\x16\x13E\x1f\xfd\xd3U\x91S\x0e\xff3/\xd6&amp;8\x00i\xf1\xa5\xe6\x8ef\xb5\xabHV\x8c2\x96\xce\x01\xbc\x93L\xa9\xa5\xbd\xc1\xfd\x8c\x12\xa1\x8b\x1cKM\x08\x02\xbb\xac\xb7}\x7fRD_\x12\xf1\xe2\xa3[\x8f\xf5\xff\x86o\xb1\xb1v\x13\xa7R:#\x9d\xb3\x9c\xc6_\n\x05\x0e\xc2xUU\x928\xee\xd2`=\x80%!_\xfa\tm\xcc\xa9\xd1\x95\xd8\xbe5,\x8a\xe18\x0e\x04V\x8b&amp;@\xb8f\x892\xff\xf1\xaf\xfc\xc2\x0c[\xa4\xe6\x93z\xda^A\xe9\x9f\x06x\xf3\ttU\xf3~\xf2\xc6\xf4u\xc0\x1a\x90K\xec\xae`\xf0\xf7d=$\xfc\x10\x05\xc4y$K\xdb\xdc\xef}\xf6f\x8d\xe7qIV\xa5\x1c\'\x8f\xdek\xfb\x15\xd3\xad\x9b\x11\x17\xa2\xa2z\xeav5D\xc3\xbd\x82\x83O\xe6\x106S\xa5\x0b\xc1b\x02\x12\xc9C*+\x0f\xfb\x0e\x10\x10T\x19SU3\xdd\xf1\xa6\x92\x81\xc8\xa80\x11\xc7\xc9\xc6\x02\x97nO\x0bJ\xb0\xe8\xc6\xc4\xe7\xf0Y\xa8\xc8h9\xfd\xd8qB\xe2\x0e\x82#\xa1#\xd7\x14"\x86\x05\x1ak\xbbA\x9e\x99\xd4&lt;\x08\xa1,\xd8\x92h\xf7\x8bpc\x0e\x11z\x18^\xe2,\x80&lt;\r|@H\x1c\x05(%\x7f\xa3\xa6\xfd\xb30\xab\xb7\xbc\xc2\xa5\xb9\xb9Kz\xd7\x19\x9d\xe2\xcfgW\xd0\xc6\xaf\xb5\x02\xa41\xc2&lt;#\x99"\xa0)\xd4\x91|\xe3\r\x12\x06\xef\xa1\x83\\\xf2\xf2]5\xb5k@P\x07\x17\xc0\xe6\x01m\xcbI\xb4\x9e\xb3\xcc\xdd\xa9\xe7\x8f\xb7\x17\xd5\x13Wi\x96\xac\xbax?]\xd1\xc5\xc3)\x98w\x19\xf4e\x80\x8b\xd1\xac9\xb8\xe3h\xbe\xcb\xe8\x83\xbb\xe3]H\xfc\xaaz\xf7\x98\x0e\xb0\xd4\xa3\xe1\xc0/\xa6\xf2\xf7\xfd\xc2\'l\xdd\xbfVb"H\xb7.]\xe7\xef\x9d\xaeb\xb1\x90\xe4\r\x02\xda\xc5\xe0B{P\x91\xb0+.\xe6dZ\xceV&lt;cv7V\x91\xdai\xa6\xc8\x8e\xebe\xc5\x08\xe4\xa5\xd9\xd8Mt0\xa4?\xa9\xcd\xe7L\xa2B\xdf\xde\xd2D\xe97z\xb3\xdc\xd6@\x92&lt;9C\x98t\x85\x12zK\xeb+\x11\x11d\xcad\x15\x19\n&lt;\xcf&amp;\x8f\x10Lp\x91&lt;R\x10U\xacF)\x08\x1c\x1e%Cx\x9c\x9a\xd1\xd2\x90\x89e.\x12&amp;\xf1\n~7\xd0b\xe1\xc0\x19\x15\x87\x9fp\xbc\x9c\x86\xe6\x82\xcd\xad\xfa\x19)x\xbf|\xd7\x89L-Vz^Y\xe45\xba\xef1"{G\xb3D\xc2\x1e\xaain_\x11\xd2\xf7\x0cd\xf3F\xe3V-\xe9\\\xcb\xaf\xae\xe5\xa3&amp;-\xd2\xd2\x0c\x9a\xa3~\xa5\xc1\xe5\xd1Q\xfd\x0f\\H Z\x1e\xe2\x13\x1c\x89\xd8\xdbu\xfb\xee\xa8(\xbd\x1d\xb1\xf1J\xbb\xf7\xff\xc3\xc1\xb7\xbf\x86\xcco\xb9\x89\xc7\xd8\x9bO\x85{"\x84\xa2\x1a\xd7\xe1o\x86B\x1e\xa3\xc6\xf3\x1e!\xfaI}\xe8\x1eP\x1b\xefN+\xc4Y\x82vi-\xfd\\\xbf\xe1\x17\xab\x17\xa7\x9d\x1afA\x99c+\xcd\xc4\xd8~\x04\xbf\xb8\xb6$S\x7f\xa6\x0b&gt;\xbek\xfa,\x0eV\n\x14\xbb\xe7.\x13&gt;\x07A\xd5\xd7,\xb8\x85\xd6\xf7\xab\x94N\xed\x8f`[H\xb7\xfb\xc5\x00\xbeU\x0f5\xa6D\x1b\x8b\xe6\n\xaau\x82q\xb6_q`\x1e\xddA\xc7\xe5\xadwX\r\xc8\x81f=\x1a\xd1\x175\xba\xdf\x8e:\xfaE\xc5\xf2\xed\xd4)4\xff\xbbx^\xe6\xcf\x7f\xd9\xc83\x9c?8p\x81\t\xadR&lt;\x1eC\x9a5:4O\xbeB\r?&amp;{\xddlke,\xad\xe4T\xe2\xf0\xc4\xcbH\x12\x9d&gt;`\xff\x03\x1cU;s\n2\xe8O\xa5\xd9\x80\xffH\xbf\x17bZo\x9ex\x19\xe5\xb9\xa2+\xfa]\xd3\xbeS\x99\x83*\x19\xbe\x93\xd9\x1d}?\xa1@\xf0v\xa9@|\xe6;4\x1f\xd9@\x8d\x90X\xe7\xedz\xfeXV\x10\xdc\xf7\xbb\xa0O\xdb\xd0\xcb&lt;\xff+\xdf\xf6\x06\xec\xfd\x19G\xc5\x7f\xb89\xd0X\xaa\x9ay\t)\x0b;\xeb\xef?\x9cq\x02%\xc3(\xe5\x08k\xf0vg\x82\xb6.\xdd\xf2\x13$\xca%\xcb\xe3\x04\xeb\xaf\x88h=;^\xb0\x83\x01\xd6\x1c,S\xfc_\xe7\xb8u\xc5\xfe3\x8fr\xd5\xc5\x1b\xe4\x9f!\xf0\xcb\x10\x8f\x14\xe2\xc0s\xcev46\xab\x8e\x9f\xbec{\x87\x0cSH1f\xb1\xb1\xb8\x90X\x9145tw~hc\x11C\xc9\x0f\xac\xb6\x9c\xed\xa4v\x03\xc0\xa5\xba?$\xc0\x1e\x97\x83\x936AlO+\xfd,Cm0\xe1\x8c\xf8\xa6\x0c\x0c\x17?*-ft\x071|\xa6\xa3\x0f\xf8\xa9\xd0\x80\xa6f|\x00\xab\ni\xcf\xc0\xce\t\xc5\x7f\xe8\x0e\x13\x03O\xa52\xf9\xa7\xabR\x16atZ\x12\x8e\xa5\xab\xf3Wb#\xe9\xf4\xdb\xed8Qz\xe2\xe1\xd9x\x11Q\xc2&lt;\x9e\x00q\x08]\x86V\xd9\x0b\xadhu%\x9f\x9e\xcckAyj\x94\xe0.\x1dx]\xaa\x11(\x13Zr\xd0m\xb0\xdb\xfc\xe7_\xf5\x9c1\xc0\xdfj\x18\xd4r8Y\xa4\xce\xd2\xd6$\x91\x85%\x90n\xc5T\x97\xfe|\x89"\xcdt\x81\xc5\xb51\xbb\xe5R\xa8BIq\x13\x1a\xc8\xd4\x9c7-\xb8\xd2\x8e\xa2\x89\xba\xfa\xfbo\xfa\xbe\x84\xae\xea\x8dw4r\xe3\x07t\xebp\x06\x0b\t\xfd\xeb\xcd\xa7\xeb\x9e\xc7\xa27\xd7{\xf5\x87\xc1\x84\xf2:\x81\x19\xaa\xc6\x14*0T/?%\x96\x8e\xe3\xc2w\xc9\x03\x07\xc7 \xcb\x7f\x81\xaa4E\xcaI6\xe3\x94&gt;B^\xd8\x8dJ\x86\x10\xde\xab(\x0c\xaa\x12\x11Hy\x01\xae\n\xa2\xb3\xff\xb6_\x1b\xe6\x18;\x15\x1f\x06\x9c\xadP^\x0cvmJ\x10\x93\xcb\xe8\xaf\x93\xf2&lt;g\x9bVw\xa2\xbd?\xb0#\xc6\xd6c\x1d\xff\xca\x10\x99\x1d\x18(\xba\x80_Q\x84\x08\x14@\xc5V4\xdc\x8anw\xa8\x01E\x97\x92]\x88\xb9&gt;;b\x90\xb3N\xd6t|\xb40\xc4\x14\x0e\t\x89\xeck\x9e\xe8\x97h\xbeoE\xd5]g\r*!\x81\x00s\xd3j\xab\xc5h\xe0\xe1\x9e\x83\xbd&amp;\x96\x96\xe6\x9fe@\x9f\xce`\x84\xa3V9]B\xef\xe2T\xe2\xf9\x0f\x0f\x95\xc6n\x06\xa1\x082:\xa0d\x90\xb0\xd9\xafW\x85\x92\xdcf\x05\xd5\xad&gt;k\xdc\n^\xc6\r\x8e\xdb\xc4\xa9|\x0c\xd0\xca\xa79N|C\xfdB\xb4\x9ew\xd3$\rPn\xb9\x0b\xbdfJ\xa9\xb63%V\x94;\xb5s~\x9b\x0b\xe5\xf7\xfdF\xc3\xa5'</t>
  </si>
  <si>
    <t>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</t>
  </si>
  <si>
    <t>b'\xe4\x8c\xeb\x0bF\xb7\x84\xa2\x9e\xce\x11\xe1"\xb0V\xba'</t>
  </si>
  <si>
    <t>stern-port, 
 and we made for shore again as fast as oars could take us. 
 This second trip fairly aroused the watchers along shore.</t>
  </si>
  <si>
    <t>b'\x1b\xe3,B\xd36\x14\xde\xf0W\x87\xa5\xef$\xa9\x05\xe0\x1bJoO)\xc0\xb0\xb3\x19\xa8a\x0b&lt;\x03)_]\xbeS\x0cZ\n~\xb2\x1e\x85\xf6\x9c\x14\xed"ZUKn\xb1\x86C\xca\xa9\x1e\xa0\x93\xe464!\xdf\xcb\xf5\xe2\x08nVE\x8cu\x15&amp;\xa5\\\xb1\x95\x00i8\xb8\x13\xd3v\xce\xc9\xfa:\xfb\xb15n\xd2Z\x16\x0c\x89h\xf5%\x9f|\xb1;\xa0\xa6\xf6UN\x91"\xe3`+\xbf\x07\x9f\x97;\xca\x08\xd0\x1c\xb8?&amp;X\xae\x87\xb6\xccf\x95\xe7\x98O\x1c7&gt;\xdcf\xd8\xca/\xbf\xbdC1Vftl\x06d\xc5Y\xae\xb1r(\x92\xd9\xa0+\x9f\xb8\x93\xc7\xf3\xdc\x1a\x12\xed\xb1&lt;Q\xd0e7\xa4\x9e\xaeX{\xd2\xac^\xf2&amp;\x16\xad\xe7\xea\x80\xe9t\x93\xf9^b(\xaf\x06\x0c\xea{z\xb2g\x88\xad\x87\x1d\xbc\x05\\\x06\xc4A\xe5\xc3\x89_9\xf4V\xabO\x1br\xd3\xbe\x049\xbf+P\x1f,U\x19\x9b|"s#\xfa\xc90\x852ke'</t>
  </si>
  <si>
    <t>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</t>
  </si>
  <si>
    <t>b'\x1b\xe3,B\xd36\x14\xde\xf0W\x87\xa5\xef$\xa9\x05'</t>
  </si>
  <si>
    <t>must be based on an expected rate of
 return. To calculate an expected rate of return over some time period, you make your best
 forecast of the assetâ€™s total value at the periodâ€™s end. The percentage difference between
 that expected future value and the price you pay for the asset today equals the assetâ€™s
 expected rate of return over the time period.
 When we measure an assetâ€™s rate of return, we compare how an investment in the asset
 changes in total value between two dates. In the previous example, we compared how the
 value of an investment in Financial Soothsayers stock changed between 2012 and
 2013 to conclude that the rate of return on the stock was 10 percent per year. We
 call this a dollar rate of return because the two values we compare are expressed in terms
 of dollars. It is also possible, however, to compute different rates of return by expressing
 the two values in terms of a foreign currency or a commodity such as gold.
 The Real Rate of Return The expected rate of return that savers consider in deciding
 which assets to hold is the expected real rate of return, that is, the rate of return
 computed by measuring asset values in terms of some broad representative basket of
 products that savers regularly purchase. It is the expected real return that matters because
 the ultimate goal of saving is future consumption, and only the real return measures the
 goods and services a saver can buy in the future in return for giving up some consumption
 (that is, saving) today.
 To continue our example, suppose that the dollar value of an investment in Financial
 Soothsayers stock increases by 10 percent between 2012 and 2013 but that the dollar
 prices of all goods and services also increase by 10 percent. Then in terms of outputâ€”that
 is, in real termsâ€”the investment would be worth no more in 2012 than in 2013. With a
 real rate of return of zero, Financial Soothsayers stock would not be a very desirable asset.
 ($110)
 ($100)
 $100 $90
 $1 $89
 $1 $109
 $100 $110
 $100 $109
 $100
 330 PART THREE Exchange Rates and Open-Economy Macroeconomics
 In a standard forward exchange contract, two parties
 agree to exc</t>
  </si>
  <si>
    <t>b"0E\x02 !.y\x98\xdc\xdfR\xb5tcX\xf2+'\x16\x80\xdf\x89\xe3s\xba\x97\xbc \x01\xf9\xb0u\xbf\x9b\xf9=\x02!\x00\xb6a\x8f\xe2\xccS\xf3V\xab|\x1d\x16\xfa9+L\x94\xa5ay\xcd,\xf1r^\xc4=\xb1\xf1\xbaS\xe0"</t>
  </si>
  <si>
    <t>30450220212e7998dcdf52b5746358f22b271680df89e373ba97bc2001f9b075bf9bf93d022100b6618fe2cc53f356ab7c1d16fa392b4c94a56179cd2cf1725ec43db1f1ba53e0</t>
  </si>
  <si>
    <t>b'0E\x02 !.y\x98\xdc\xdfR\xb5tcX\xf2'</t>
  </si>
  <si>
    <t>first question, he shouted, â€œStop! I
 already know what youâ€™re going to ask!â€ But he was wrong. It was the easiest no-hire
 decision Iâ€™ve ever made.
 Secrets about people are relatively underappreciated. Maybe thatâ€™s because you
 donâ€™t need a dozen years of higher education to ask the questions that uncover them:
 What are people not allowed to talk about? What is forbidden or taboo?
 Sometimes looking for natural secrets and looking for human secrets lead to the
 same truth. Consider the monopoly secret again: competition and capitalism are
 opposites. If you didnâ€™t already know it, you could discover it the natural, empirical
 way: do a quantitative study of corporate profits and youâ€™ll see theyâ€™re eliminated by
 competition. But you could also take the human approach and ask: what are people
 running companies not allowed to say? You would notice that monopolists downplay
 their monopoly status to avoid scrutiny, while competitive firms strategically
 exaggerate their uniqueness. The differences between firms only seem small on the
 surface; in fact, they are enormous.
 The best place to look for secrets is where no one else is looking. Most people
 think only in terms of what theyâ€™ve been taught; schooling itself aims to impart
 conventional wisdom. So you might ask: are there any fields that matter but havenâ€™t
 been standardized and institutionalized? Physics, for example, is a real major at all
 major universities, and itâ€™s set in its ways. The opposite of physics might be astrology,
 but astrology doesnâ€™t matter. What about something like nutrition? Nutrition
 matters for everybody, but you canâ€™t major in it at Harvard. Most top scientists go
 into other fields. Most of the big studies were done 30 or 40 years ago, and most are
 seriously flawed. The food pyramid that told us to eat low fat and enormous amounts
 of grains was probably more a product of lobbying by Big Food than real science; its
 chief impact has been to aggravate our obesity epidemic. Thereâ€™s plenty more to
 learn: we know more about the physics of faraway stars than we know about human
 nutrition. It wonâ€™t be easy, but itâ€™s not obviously impossible: exactly the kind of field
 that could yield secrets.
 WHAT TO DO WITH SECRETS
 If you find a secret, you face a choice: Do you tell anyone? Or do you keep it to
 yourself?
 It depends on the secret: some are more dangerous than others. As Faust tells
 Wagner:
 The few who knew what might be learned,
 Foolish enough to put their whole heart on show, And reveal their feelings to the crowd
 below, Mankind has always crucified and burned.
 Unless you have perfectly conventional beliefs, itâ€™s rarely a good idea to tell
 everybody everything that you know.
 So who do you tell? Whoever you need to, and no more. In practice, thereâ€™s always
 a golden mean between telling nobo</t>
  </si>
  <si>
    <t>b'\xc6\xf6\xd7a$W\x15\x98\xbc6\x94\xa4\'Z\x8f\xc6\x90"g\x96\x84\x86E\xbe\x03\xd5\x00\xd4\x94&lt;\xdc\x0f\xd6\xa8\x97\x85\x88\xbc\xff\xc7"J\xeb\x81\\\xf9\x9d\xba\xb1\xf5)\x05\x0e\x1b\x99\x12\x87\xc2Q\xcb\x9b`,Z\xef-\xcf2-\xa9\x1e:\x93\xaf7\xa8\xc6H\'\x9bJ\xbf\xd38p\x08\n0\x0b:\x16\xc5\xda\x9f\x9d\xd5\rAx`\x96\xd8\x93=\xbd\x80bm\x16\x8f\x9fy\xe4K\xb8k\x1c\xcesl7\x1bVk\r\xc6\x93@\xcdu\xf6\xd6\xdf-&lt;\xd2\xcf\x05\x04fq\xbfL\xd5f\x11\x8f}Z\x84+:j@g\x1a\x19\xfee\xaaD=\xce\xc1\xbf\x8a\x1a\xecU\x95\xe7P\xe8\x96M\xa2\x14QW\xe6#x`n\xff\xd7M d\x80\x08np&amp;\x8e\xd5\xea\x9cy\xbc\xff9\x9a\xec\xe7\x05\xa0\x03-[\xbe\x0f\x96\xc6jk\xae\xc7\x08\xcb\x90\xa88"_$\x03\x94\x8er\xcb\xad\xd5\xeeI\x7f\x9d\xb1q\xd4[\rYUp\xe6\x9dQ?\x97\x8a\xce\xa61\x08\xffs+\x8bJ\xe0\xda\xf7\x83\xfdk\x15!(\nd\xc2\x8a\x9a\x96t\xa8[z\xd6`LC\xe1\x08\x93\xe5w}\xd7\x88M\x8ad\xfd\xdfU\x1d\x9b\xa8\xa6\x1c\xc6d\xf3\xdc\xc6W\x1d\xe1+Qw\x95\xde\xee\xf3k\x9dI9\xa0\x03?\x0c\x9ah\xc5\xd6\xcb6\xfb\xb4u\x04\xd1\x1d\x13\x01\x152y&amp;\xa9}\xb2\xee\x85\xb8\xd6\xed\xaedQ\xe73\x07\x03^\x8a\xf9\x0c\x1e\x8c&lt;\x81\xb3-d\xa3L\x820w"_Y\x00by\x0c\xcb\xef\xa4W\x1e\xd5\xcaP\xeeU\xe5\xea\x969\x97\xf9\xechE\x8a\xa7\r\xd1\x8f\x95\xbcP\x148\xb3\'\xda1,\xce\xcf\xa4\x1e\xa7\xe2\x82\xa4\x97E\xdd\xa7&lt;#\x89\x8d?\xe0G`\x0b~\xef\xa4\xde\x940&amp;\x98\xa1.\x7f\xb1N\x1d\x9f\xc0\x8e\xb4Y\xa1\x11!\xbc#\xb9\x0b\xef\x8fI\xc9)\xb0[\xe9\x0e\x99\xafg\x7f_\x87\x8f[\x12\x9f\x11*\x93\xa0\xfb\x9b\xbf\xf3\xcbz\x18\xb9\x9a1\xeb(.\xe5\xc1#\xf0\x0e[\xf3\xd7\xd0\xfc\xeb\n\x8d\xd8\x1f\x94\xa5i\xee\x0er\xb7\x1f^\xcb\xc6S\xd1\xa0\x9a2\xebh\x80\x18\xd1\t\xa0\xb9-1\xc6\xf6-\xe6\xf9`\xf1\x85\xe1\x83d\xcd\xa8\xba\x14\xdf\xebk\x9a\xf0\xce\\\xed\xcc\xea\xd1\xee\x16Y\xe6@\x95\xe8&gt;\xc0Tv\xd8P\xc3\x8c}k;-$0Y=\xa8\x8f\x1b\x84\t\x86v(\xed|\x99\xb5*\xd2\xd4\xa5\xc2\xe0R\x8d/q\x1e9\xbah/"\xa3\xb3?\x88w\x12\x07:\xde)\xa1\xf0BK\x0f\xa2\xd0\x9c\xbe\x1e]\xab\xa9W\x93\x13\x11\xd2\xb3\xf6\xcbU\x06\xc2\xfa~\x10\xd5&lt;\xf4z\xdb\x1b\x9d,F\xfd\x9a.\x12#\xf5\xb3p\xd5ia\x9f\xcd\xb9\xd3\x8d\xcf\xde\xebUb\xe0o\xaa3\xab|\x8a\x1d\x92:\xf9\x9b@\xe0\x88\x83$\xe9#\xc4X\t\xfa\xbb|t\xdf\xa7\x04\xbcI\xb4\x81%X\xfaAl\x17\xfc\xe9\xe3Tm\x8d!?\x04\x99\x14\xce\x87\xbe4\xa0\xaa\x88\x93iKZA\xa5\xd3m\x1e\r\x8b\x17#\x92\x97\xe1\xd4\xa3z\t"\x7fn\\2\x9c\xb6\x89;\xa6C\x9f\xd0\xf5\x1a\xf4KD-\xb1z\xaa=o\x11\xdb\xb7$&gt;a\x91\x197~`\xc9\x94CR\xd1&lt;\xd2\x1b*(\xa1\xe8ELN\x89\xc6\xde\xbd\xf2\xd8\x19\x1b\x114Y\xee^\x95\xc2\xc4PR\xd0\xd5h\x0b\xcb\xb7&amp;L\xda\xe0\'\x9c\x97V\xda\x8d:{\x06l\xec\xef\x8cK\x07,\xea\x08\xfe\xfaq\x1e\xed\xa86A\xc0\xbeC\xca&lt;me.\x1e\xcd\x1a\x89\xb1_\xa2\xec&gt;\xb1\xbaN\x13j\x865vdbpvF\xeb\xd6NEz\x90f`$\xa2x~\xd8\x81;+\x07\x0cRx99\xbel\xa2\xecZ\xe6\xeffo\xe8$*\xa0=\x8a\xefk\x8a\x85\x00\x11=\xa16[\xa5\x9d\xec\x0c`\xd8@2\xb07\xe6\xaa\x19S\x0c\xac\x9f\x0b\xe4\xe3\xa0\xf9\xb7q\xc2\x84\xdb\x18\xa3\x0c\x1a\xf8L\x13\xa7~\x06\xe3\x83\x86\xc0\xee\x8b\x11\x08\xa1|\x8aY\xf3\xbe\x03\x8e\x96a\xd5\x17z\x81;Hl2\xf2q\x18\xc1\x00\x9e$z\xf7?,\x07|\xaf\x1d\x8fd\x10OA\xf4\xa4\xed\xd0\xb0\x92^C\xa2H\xfb&lt;\x8d\x0b"\xe4\\4\xd7\x1a\x06\xebm\xb4\x19F\xc0-:?\x03\x9dKY\x84\x0f/D\xbd\x9c.\xd2\x1e\x0cXM\x89C\x96\xaf\xb9\x84n\xf2[5\x1f\xff\x92Q\x1a\n\x03[\xf9j\xf2\xfd\xf5\xceX\x12\xeen \xf5\xc8\x98\xc0`\x0c9v\xa3\xa5\t\x85\xa7\x91\n\xc4\tO\xa8\xc3\xec\x89\xf6~zJ62R\xa3\xf8l\xaa\xa1\xae\xf4\x18\xcfd\xf5(\x96\x85\xefp\x13W\x87C\x16\x90\xee\xe7\xb6\x13\'3\x96\x8fD\xbf\xc3~`\x1b\x1f\xe4\x01\xdez,\xa5!\x99\xb6;\x8d\xe8\xe3|\xbf\xfb\xd7\x0f|\xfbe=\xb9~9\x901\xaa\x8b\x82\xcdeg\xfa\xfaTS\x18\xe3\xc4\x12\xfb\x15\xd7u)\xc9\xc1q{\xa7\x17\xec\xf3[\x04\xa3;\x9b\x0f5h\xc8=VG\xca\xb8\x94\xd1\x9b\x1b\xee\x01\x7f\x1c\x07\xe3\xfc\x8d\x81\xd9u$\x0f\x97l\xff\xeb[\x8dpW\x04}8\xeb\x93\x02\x85\xfa\x94ikL\xeb\\62\x86\x99;\xb5!\xf8{\x89gLc\xfb\xc2\xecfF\xab\xfawL\x0eL\xfb\x07\xb0\xc7\x92w=~\x13\ng\xcf\xcf\x01\x99\x87\x8a\x81\x1f\xee\x8avs\\\xab\xc0H\xdc\xd2f\xf6r\x18\xd4\x08\x06b\xe3\xfbw:\xc7\x95\xf5\x1f\xdb\xacj\x17_`\xef\x01t\xc7=\xc2D){\xbarY\xec\x1d\xc5\x11\xb2\xf42\x1f\xf7N\'\xf8k\xbaR\xc31\xde\x90\xe5Z\x10\x92dt\x90\xc6,\xe3k\x9c\x98\x9c|\xa7r\x9dnt\xec\xe2\xbc\xb0\x9a\xf7\xd3\x9f\xc0\x7fi\x93\x9ehT\x0c\xce\xca2\x0eIX\x92\xaa\x0bz\xc4\xfb\x1c\x99\xaaw\x90\x01\xe9\x8b&amp;\x9e[:\x96\xd6&gt;\x01\x8bm\td\x84N\xc4\x08\x9c6i\xed\xe3\x86\x81@\x82\x12\x945|\x89\xf1?\xb9\x9a\xdf~Y\xe3s\x13&amp;\x01\xc8\x11N\x7f\xe8\x0c\x13\xfbG\xa7h)\xa3JOx\x80r\xaf.\x85e\x9c\xd5\xe3&lt;\xe1\xe9\x0e4\x96\xc7&lt;@w\x03\x1e&amp;v\x08v\xa1UL5\xe4\x84M\xd1\xa7\teA\x1e.\xa1\n\xdeR\xd0\xe5\xfb\xc1C\xfc\xe7\xb1!\xe9\xebjUX\xde\x9e\x0f\xb3\xd2\xd9\x9a\x0c{_@Fn\xa7\xa2O\x87\xe9*\xd9&gt;\x10\xa9&gt;e\xde\x88\x15\xfc8.\xc9\xaf\x00\xb1\x1a:&lt;\x12\x9cMBL\xfaGK\xbe\xf8\xc6\x1f&amp;\xec\xad\xef&lt;q\xfcV^\r=f9z#\xb4\xd1y\x9aQ \x1c\xe2\xf7\x92\xe3+\x1d?\xc4\xc8\x91\'7\xbb\x0eM}\xe6&lt;\xaf\\B\xd0l\x0cm\x9f\xca"\xe7\x91a\xc1\xc7\xb59COj\xcd)fu\xc3bj\x1e~\t\n~\x85\x06\xf8O^\xce\x8c\xdc\xa9\xa6\xd6{\xcfQk,\xf2s\xf8J\x1aE6[g0\x00U\xd5\xfdF\x1e9\xe9\xe6\x02WE\x13\xb0\xb8\xbc\xd7\x0b\x9af\xc8\xe0u`\xa4Bb\xa13\x10\xc8\t\xe9\xa3-\xe1\x80\x83V\xdfP\xfe\xe1\xe6\xa3i\xb0_Hm\xb0\xafm\x1a\xf4\xdf\xb4\xbaFD\xe4\x85\n)W\xa6\xfa\xe5\xcff\xc3\xf4\xad\x17\x16\xa1\x01&amp;\xb9\x1b\x8ds]m\xa2\x11\x92\xca\x19\xa4\xac\xc0-\xb9OU=l\xc5\x1f#&lt;r\x9e\xd1\x8c9O\xec\x1c\x01\xd0\x0buz\xc3+\xff\xa4ZZ\x8cu\x94\x9d%\xef\x9b\x12)(`\\\xe8g\x9f/H\xbaUCG \xeb`\x84r\xbe\xcfH\x18\xe2\xfe\xfe\xc3\xb8YC\xad\xfb.`\xb1\x03\x8a\xab\xebW4\xb6\xb3\xaa\x14j\x8fH\xb9H\xcb|\xc16P\x01\x8f-&lt;\xde\xc0\xdaG6\xa1u_|\xbe-i\xc5CfZ\t\xbcf\x95\xcf\xe2V\xe9xE\x9c|X\xe2\xd4\x86\xb2\x94\x14\xec\xdc\xe9V\xd3Z\xf0N23\xc6\x0f\x0f\xb1\xbc\x8f\xf8&amp;N\xf0lV\xf7\x02\x81{\x9d~Ia\xd4\xb9f\xb2\xfd\x07\xaf\xd0\x04eo\xa2\xedG\x9d\t\xdf\xf9q\x1d\x14\xa1\xbf_A\x0b\x9dd\x07\xe5@\x1eYX\x11\x9c\x8b\xc3(\xc3+(\xe9X\x83\xc2u\x18\xf0\xec\x96\x9a\x86B\xa1\t\xddK\xf0[1\xba6\xb4{\xcf.\\\xcd\xd4\x91\x9c\x17\x8a1\xbc\xac\xa0\xfe\xee\x99!\xd3\xe7\xe0\xf0\xea\xdf\xd4\xf4\xeb}\xbb\xe1\x86{\xb3}\x9d\x81\xbf\x92\xadV5\xee\xcaYPm\xfb\xd4\x12\x08\x82\xd6T\x92pE\rER\xef\xc1B\xb85X\x1de\xcc\xab\x1cx\xac\xb9\xed\xceO\xbd\xcb\x02\xa85\x8a`\x9e\xe7\x19\'\x12z\x86\x95\x17P\xc9\xccO6z\x17\x9b\xa8\x90\xdd)\xc0ba\xc0\x01\x8b\xc0zW\xb50"L\xccq\xb5\x07\xc0\xf9H\xe0j\xc43\xa7\x1e\xdd|5\xe20&gt;a\xf7\x01\x9c1!\xd8\xe8F\xb2% Id\xc1\xc1\xf4Y\x82Z]"\x84\xf9E??\xc4\xc1\xa7p\xc6\x8a#\xe9\x85:7\xec\xf8\xfcX\xc9\xf7\xec/`\xe8`\xcaj\x89Q^Z\xf8D\x07&amp;\xe9\x7fy\xa2\x03\x0fi\x05\x8e\xc7y\x0f\x8d\xc3\x9eh_\x96\xd2\xf50\x16\xa1\xbc\xae\xfd\xdaK\xa6\xf4\x17@\xf6\xf2\x9a\x8aH\xf4\x81\x1d\xc1jb\x0e\xe5\xbd\xa1Y\xdf\xd6\xda\x18\xfb\x81\xfe\xd8Z\x9f\xb2.\xa7\x87\xf7X\xb5E\x88\xaa\xfd6E\x05\xbb\x03d\x82\xf3\xb9X\x90\xb6g\xf2\x0f\x0c!\x0b\xa7\xdbV2$);:z=\x1d\xbf\xd2\xcb\xa1\xcc\x84\x03\rC\xaf\x96\x8b\xc8\xcd\xbe!Ro\xcf2\xe8\xf4\x9e\x97\x02\x82"M\xd5l\xdd\xa0\xe4~\xb0d\xd1\x95\t\x8d\xb6X\xc30u\xe0VO\x0b\xbd\x8am\x8b\xc7QN\x1f\xa8\xb9\xbfm\xcc%rI/\xf1A\xd1\x01\xc8\x9b\x13\x95\x80\xeb\xd2sK\x19\x07r\xdb\xb0\xd7-\xb3\xdc:\xbd\xe5\xe4\xf1\t4\xa4\xe8e\\\xc0\xde\x14\xc0v\x93\xae\x83u&lt;\xaeO\x7fI"D\x87l4_V\xe9GG\xbe=\x88\x94\x17\x93Y\xd7+]W\xaa\x8c%\xc31W]*\t\xe3,\xfe~\xad\xbe\xd9\x01\x9f\x922\xa3\xcf\xab\xa3i\xc2\xb7\xae{\xd7\xb9\x1f\xbd\x99]\xaf\xe7&amp;\xe5&lt;\x0b\xb7T\x0f@\xdb&amp;\xc5\xab\xfd/\xdb\xf6\x891\x8d-x!\xe6\x17c\x11B\xc6A\x1dw\xb8\xb8\x00\xab\x94\xdd\x9c\x02\xb0`W$\x95\xa1-\xc2\'\x90\x83\xff\xdb\xae\xed\xf85\xd7n\x9f\x8b\xe3\x07\x8e\x99\xe4\x12m\x9e\x8c\xe5\xa2\x81_\x95\xda\xf2\x96\xca\xe3\xff\xee\xfcV\xd6@\xfa\x04K&lt;I\xc8\x98\x8c"C\x0b\xca&gt;\x85+\xe2;\x89H\xc0\xc9\x19 E\x06\x1a\xb3#\xa0\xee\x1d\xc2\xcd\x9c\x11"I\xb4\xaf8\xcb\x1b_&lt;\xcd\x99\x1bn\xa08\x93Q\x92\xd5D\x8cM\x95+^&lt;(\xde\x94G]\x1d\xa0\x924\xc8z\xfd\xed\xe9]\xba\xa1\x91j\\%&gt;\x1f\xe6oC\xf4F\xadV\xbcK\x15+\xd7B\x9b\x9bwk\x17_\xd14\xd4\x08\xb7\xddf\xf3In\x82\xba\xf9\xd3|t\xa6\xdd?\x0f\x00WX\x02\xfd\xe6\x98\x04T\x05\t\xa6\xbd\xf1\xd1!\tv;\xdbGw$\xce\xc4\x0f\xd8\'\xf1\xac\x9d\x03\x8df\xae\xb18Yg5I\xaf\x9e\xa7Ch\xc7J\xe1mpCj-\xd6\x8c\x82RL%W\xb01X\xf3M?/\xfcj\xc4\xb7\xf72\\\xe3R\xbd\xa6t\x10\xe4\x11{\xc2W\xe4\x01\x01U\x8a\xb3E\x0c\xd4Q\x07\xc4m\x9a\xda\x1b\x11cf\xb0xY\xdc~\x1dZ\x9d&amp;\xc4\x16\x99DT\x951\x04\xcd#\x95\xad\xfa~(\x1e\x9bl\xd4a\xcc\xaf(Dx\x9d\n\x11\x11.F\x8bB\x15\x95i\xeew'</t>
  </si>
  <si>
    <t>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</t>
  </si>
  <si>
    <t>b"\xc6\xf6\xd7a$W\x15\x98\xbc6\x94\xa4'Z\x8f\xc6"</t>
  </si>
  <si>
    <t>supported her
 in his arms! For some moments their emotion would not suffer either to
 speak. 'Emily,' said Valancourt at length, as he pressed her hand in his.
 'Emily!' and he was again silent, but the accent, in which he had
 pronounced her name, expressed all his tenderness and sorrow.
 'O my Emily!' he resumed, after a long pause, 'I do then see you once
 again, and hear again the sound of that voice! I have haunted this placeâ€”
 these gardens, for manyâ€”many nights, with a faint, very faint hope of
 seeing you. This was the only chance that remained to me, and thank
 heaven! it has at length succeededâ€”I am not condemned to absolute
 despair!'
 Emily said something, she scarcely knew what, expressive of her
 unalterable affection, and endeavoured to calm the agitation of his mind;
 but Valancourt could for some time only utter incoherent expressions of
 his emotions; and, when he was somewhat more composed, he said, 'I
 came hither, soon after sun-set, and have been watching in the gardens,
 and in this pavilion ever since; for, though I had now given up all hope of
 seeing you, I could not resolve to tear myself from a place so near to you,
 and should probably have lingered about the chateau till morning
 dawned. O how heavily the moments have passed, yet with what various
 emotion have they been marked, as I sometimes thought I heard
 footsteps, and fancied you were approaching, and then againâ€”perceived
 only a dead and dreary silence! But, when you opened the door of the
 pavilion, and the darkness prevented my distinguishing with certainty,
 whether it was my loveâ€”my heart beat so strongly with hopes and fears,
 that I could not speak. The instant I heard the plaintive accents of your
 voice, my doubts vanished, but not my fears, till you spoke of me; then,
 l</t>
  </si>
  <si>
    <t>b'=\xab\x0e&lt;\xef\x00\x0e\x03\x85\xac\x9bg\x1b?\xde\x86\xf1s\x10p\x88\xf2\x1f\xbc\xd4\xbf\x1em\x03\xc0\xab\x96\xfeI\xa9\xd44\x85\xbe\xbc|\x19\xd1\xf9\xfe\x1c\xd4*\x8ed\xa1\xe3\t\xb3\x8b#\x91ZO6be\x9aX'</t>
  </si>
  <si>
    <t>3dab0e3cef000e0385ac9b671b3fde86f173107088f21fbcd4bf1e6d03c0ab96fe49a9d43485bebc7c19d1f9fe1cd42a8e64a1e309b38b23915a4f3662659a58</t>
  </si>
  <si>
    <t>b'=\xab\x0e&lt;\xef\x00\x0e\x03\x85\xac\x9bg\x1b?\xde\x86'</t>
  </si>
  <si>
    <t>launch, only to see them come to a screeching halt once you squeeze every
 drop of juice out of your launch lemon. To keep that initial momentum going,
 you need reviews, testimonials, and good old-fashioned advertising; youâ€™re
 going to have to stoke the fire again and again for the next few monthsâ€”and
 then strategically launch your follow-up products.
 Getting to twenty-five sales a day is not super difficult; the prep to get
 there is. The good news is youâ€™ll have completed most of that by this point.
 From here, every inch forward creates a compounding return because you
 begin to experience repeat customers, you have a list and a process, and the
 whole operation starts to become a machine. Without this prep, however, you
 can get stuck on how far you are from the magic number and lose hope.
 Thereâ€™s no algorithm for going from five to twenty-five sales a day. Itâ€™s
 about building relationships with people, building trust with your customers,
 and building awareness in the marketplace. Thatâ€™s a brand.
 When Matt and I were doing our own customer support with Sheer
 Strength, grinding it out and doing whatever we needed to do to get a review,
 we were totally lost. Calling customers is putting oneself out there in a big
 way, and it was scary. But thatâ€™s also part of being an entrepreneur. We were
 just willing to outwork everyone who tried to get in the game at the same
 time as us.
 One of my employees once reflected on those early times. She said about
 me, â€œWhen I started working with him, I thought he was this entrepreneur
 who had all the answers to everything. Then, about a year ago, I realized that
 Ryan has no idea what heâ€™s doing.â€
 Okay, thatâ€™s a little harsh.
 Itâ€™s also basically true.
 We are all winging it in life, and in business, to some extent.
 We all think everybody else has it all figured outâ€”and, believe me, no
 one does. At best, weâ€™re all competent at a few things and guessing our way
 through everything else.
 You donâ€™t know whatâ€™s going to happen when you release a product to
 the marketplace. You donâ€™t know whatâ€™s going to happen when you call a
 customer. You do know that, at some point, youâ€™re going to get hateful
 comments on Facebook, and youâ€™re just going to have to get over it. You can
 ignore it, or you can play with it. Consider having fun with it; after all, itâ€™s a
 sign of success.
 You will get a negative review, and it will hurt. It will make you want to
 quit. It will also hurt your sales. Itâ€™s all part of the process. Look at it as data
 gathering. If youâ€™re too afraid of a few haters to build up a Facebook group,
 youâ€™re really going to suffer when it comes to growing the business past five
 or ten sales a day.
 When I was in college,</t>
  </si>
  <si>
    <t>b'\xc4\xfc\xf0\xfb\x10\xd1\xa3\xf6m\xb9\x93q\x13\xbdc"\x9a~B\x1b\nou\x02\xff\xc4\xd5\xf3\xdc\x90_\xfa\xba\xf0\xf5\xcb^\xc2\xcb\xefVn\x88\x8b\xed\'\xdc\xb1\xfac\x9a\x9a\x0fN\x9f\xf6\xb9\x82\x81\x9f\xad\x83X\xbd\x12\xd2\xde*d\x8c\xc9!o,-\x11\xb3\x16em\x99\x13\x0f-\x98\xf4d?\xec\xa3\xdevp\x1a\xea\xf7\x99\xa8\x99\xd58\x1a\xda\xa6\xd7{\x1f\n\x92U\x8c\xb1\xb7\x99\xaaL\x1aH\t\xa9(\x15\xa5$\x17U\\\xf3\xac\xf4Y\\Q\x9e\x92] \x8f\x04?J\xd2\xefiR\x1d\xba\xde[\xc30\x97T\x04r\x88\x0ei\xe7\x8e\x91\xa4\xd4\xed\xccga\xa8\xbfSK\xa7\x88;\xa8\xb1|\xea\x1e\x12\xe4Sa4\xc4S\x1e\xab\xc0mg\xdc\xe5\x199\xa7x\x02ca\xbfq\x15(\x99`\x89C\xb1\x81A\xf9Flm\xf3\xc9=\x1dny\x065\xbc\xf1\xa8\t\xb8\xae\xa6\xe3~\xda\xb7\x06\xb3\xe2\xb3\xed\xcb\xf9\xb6|\x12\xad\xe4L\x99c\xec\xb0\xb8@B\xfdb\t\xbd\x82\x100\x8ail\xed\xb0=\x93\x9fA)v9\x8b\x94\xb2\xa6\t\x11S(UGX\xa4\x89\x86\xc2=\xcd$\xf7\x16\xba\xb1?\xa1K\x87\xb4Z\x04\xa2\xc6e"e\x96\x1fk3g\x14T\xeeH\xdcf\xc2K\xde@\xc8Q\x9a\x91:2\xa4^34NFJ-\xcbZA-C|\xc2E\x98\x98\xe5\x8dS\x1c\xbb\x14\xae\x12\x058\xd4\xe7\x9a\x10\xc2\xab\xf0\xc8\xb7\xc2\t\xaf\x8e\xe0\xc7\x8f\x84\xf4i\xed\t\xe6O&lt;\x17\xa8 \xf8\xc2[\xe4\xf2q?\xb2\x95\xa3\xc3\x85U\x92\x17\xd5Z\x04\xa3_"c\xd1Z\xc6t\xbc\x03\xfc\x8adl\xd6\xddc\\#G\xcd\x19\xd4\x98\xf9o;\xce_\x12\x88\x85~\xf0\x86G\xe7\xbb-;\x94\xad\x802X(9\xc2\xce\x92\x87\xbe}\xca\xb1\xd5N\xb4\x9b\xce\xd3mi\xba\xb5\x12\xe7"\x95\x00EK\xd31\x8eJ\x12\xfa\xa6\xe9\n\xba\xc7\xd7\x8b\xee&amp;\x8c\xb5\xb9\xce_q;\x81\xb2\x1a %?\xf9\xc7\xbb~\x1c1\xd9\xf8(\xc1\xc3\xbd\xd7\xa4\x96{\xf8\xcek\xb5\xf0\xe6\x04n\xedE\'\xb9v\xc9\x93B"\xf4\xe5\xa4\xa4F\x03]\xc3\xe0eu\x174l.\x08\x194b\r\x86\xe3^\teS\x0bi\x04Jk.\xf4\xb2F\xf2\x9b\x13\xfe\xa7\x8b\x96\xff\xf6\x05\rOh\x1c?b\x12\xf8\x84)\xe2\xa4\xec^\xa3m\xc17\xeb\xaeD3\x02\x8c\x0eB\x88\xe5\x00\x08\xaa\x8b\x82\xd8\x855\xa1\x1e/\x85b\x0b\xeb=\xf6\x8ag3\x10\xf2\x9b3\xfcAMF2oP\xa7e\x0e4\xf0\x92\xc7+\xe2\xc8\x85\x81\xa6\x9d\xfb\x08\xfa\xbc\xc2\tM\xbe\x8d\xab\xe6\x13\x04\xb4\x80w\xab\xd0\xe5P\xb9\xac\'\xbf\xab\x7f\x80y2\xf8\x1fE\x08W\xc25\xfb\x12\xb0\xfc.\x85aJ\xb0\x92\xba\xbe\xd2\xb4bo\xdb`\t\xb8\r\x04\x0e\xe4Tn\xd1\xd0\x0f"\xe8|W@\x8e\x98\x89$\xb4\xf6\x88N\xf8\xed(&amp;2Ub\xb7\tJ\xdb\x8ec\xf0\x80\x80^\xa8\xdem"\x97\xc3\xb85\x04\x9f\x06\xb8\x1dko@F\xf3\x16\xed,\xe0\xaf\'k\xf4\xd4\xf0\xbb\xc3\xfc\xa53\x87\x98\xce\x89E\xa6\xc7V\x08\x9b\x9a\xf9\xf4\xaf\xd74B&lt;\xea\xcdw(5\xa7\x9d\xcf\x91\\\xdfE\xb3\xf2N\xc0\xd4R\xb6\x1c\x07\xc3i\r\xb7Q\x9f\xf1\x98\xb7\x89\x84&lt;\x95\x13w\xf7\x7f\xa9\xdc\xa5\xc0\xb9\xc7D?E.\x0c\x7f\x82BJ\x1f\xd3\x1f\xe7*\xd6\xda\x96\xa9y\xbb\xbd\xf4_\xa6\x03\xd7*\xc3\xe3\x05UC\x052\x7fT\xab"\x98\x89\xd1z\xe6\xf9\xda\xcf\xe9\x08\x11\xb9\xf3E&gt;\xc4\x85\xe0\xf5\x19/O\xc8\xb6H|\xc8\x17t\x16\xb6\x1f\x1a\x87\x17\xb5)\x92\xddgz\xc4?q\xde\xb6\xdc\xca\xde%\xfb\xce\xc8l_\xc1\xf6fD]\xa6[\x95|\xa5\xbf\x049~ND&gt;\xed\xfa\xc8\xfdi\x98\x83\x04\x9dl\xbf\x8eVz\xf2\x00\xe1\x00\x8c\x96\xf3\x16\xeb\xe3aRrCd\x91W^57\x1cR\x98\xfe\xbc\xb7\xacg\x9d\xc3\xd7\x0c\x1a\x8b%\xb4\xce\xba\xb19}*2cS\x9a\xe8\xf5\xd7\xf8\x01\xea\x00)\x83:j\'\xd8A\x04\n\x1eP\x14\xb3\xeb$we]w\xe1\xd7\xde[\xb1\xd4\x80\xfa\x15\xf4\x1a~c\xbf\xb6\xd4\x8d\x06%xME+\xc39\xe8\xfde5\x8a?\x7f\x80\xc7\x19\xe2}\\\x91\x91_O\xb4s\xe23\x93h\x98\x1f\xec&gt;\xf53\xec~z+\xa3\xcey\xfbC\x84\x1baBs\t\xd2\xb3|\xd9\x87;!v0\xeb\x86v\x13{=;\x1c\x1d9n\x069\t\xd3\xe8\xfa\x80&lt;\x16\xbd\xc3$\'\x1a.k\xa8an\xa8.\xc1\xa8XLW\x98\x0f\xea\xf7\xf9\t-\x92\x94\xed\xac\xa4#Q\ty\xc8#\x15\xc3\xe1\xb2\x80\xb9t^\xcdr\x8c$]U\x17DP\xb6\xaf$\xa1\xa5\x04#\x06\xf0v\xa2\x90;R \x12\x87\xefE\xf2\xe0^\x9f\x97v\x80S\xadXQ\x02\xca\xc7\xeaN\xbf\x9b[\xd0\xce\x110\x1an\xd8\\\xf7&gt;\xdc4\xd2\x1bs\xc9\x8b\xc7\xaf\xb7\xdcA\x98P\xb8\xcd\xac\xf56\x84\x91\x80;x\x99\xc0\xf6Bq\xc5\x06\xea]\x04\x15\x9a\x92\xb8\xfb\xb41)L\xf2\xea\x93\r\xfe0\x93\xe8\xce\x89@\xccon\x03\x91\x84\x8a\xf6\xb3\xea\x83\xde\xd9\xbfP\x87\xf6\xd0\xf5\xe9\x93}\xd8b\xcf4\xf6%\x06.\x00Ec\x13\xf9|\x8c\x17\x81\xdd\xfc\xfc\x86\x93E\x01\x83\x17X\x1e\x13\xc2\x98p\x8eI\x82\xe9\x04B\x84\xef\x04B \xadT\xe4g&gt;\x840\xf3\x13\xb1\x97Q\xedr\x06\x9a\xdck\xa6\xd9\xbf\x98\xdbd9\xa2RF_Y.\x83X\x0f\xb6e\xc0\xe3\xac+I\\\x9a\x8e\xb7!\x19L\xb9Fyz2|\xd6\x8ePl\xe1\xf2\xb6\xdc\x91\xe1\x0b\xddF\x83ZO\x9c\x97%\rA\xb8f+]\xeb\xe4,v\x00\xa4t\t\xd7\x93\x10\x82\xba\xd9B\x86\x1e\xa3\x8eO\xaeY\xdf\x11/x\xd5\x17{j\x85T\xa1\x84O\xee\xb2B\x9eX\x0f\xc4\\{7Y9\x91\x90\x85\xb7O\x7f4P\x13\x880V\x81=\xc3(VQ\xbdZ\x08\x9a\xd7\x02\xf6|\x9f\xcfr\x9e\x82z\xf2\xddn\\\x1a\xf6\xda\xdf\x97\x83Z\xfc\xc8\xdeiL&amp;\x13$]\xce`*\x00\xeb\x05\x87\x12\xc1a c~\x80\xf5OA\xceGQ\x9fh\x8c\x19]\x17\xdd\xf5\x1d\xc4\x9c\xd5\xb5\xc0\xdf\x1b\xf2\x91?\x07?)Tc\xdf\x999\xd0Mq\x87\xa4\xa4!\x8e*\xc5x\x9c\xd0{-D\x0c\xd1}*\xa6\xce4x\x13\x0c\xe6\x06\x9c\x98\xb0\xeaztn{\xd0\xd8i\x81\xb7mE\xe2\xb4\x17\xc5\x10\xc2a\xee:\xdbju\x0f\\]\x8c\x1f\x88`W\xe6\x1d\x99E\x91\xa4)\xc7\xc1G\xcb\x1a\xf9I\x8bf/\xc0\x10C\xa4\'\x89\x93\xe6)\x0f\xbe\x070\x9a\xd2\xeb\xe8\xdeR\xed\xbd\x14\x902`NO\xef\x0c\x05\x11Vx0}\xd0\xafdD\xfb\xfbt\xd1\x85n,:\xd6+\xeb\x0ch\'\xd2U\xf6)v}P\xebw\xc0\xd98g\xdfk0\xa2\xfeA\xb5F\xdag\x88\x90\xf2\x16V\xf9\xb7\x01"=\x8b&amp;\x99\xf9,-\xb6\xe0\xe1(\x0e\t\x90)E\xb0\x1c-n\x99O\xb0\xa7\x12\x9e\xb730\xb6Y\xd9dg\xef\x95[U\xdc+ozu6\x95\xc0K1\xaeEVR4xD.\xe75\xa2\x88\x19\x013\xc6\xe1E\xd7\x19#r\xa6\x01R\x00\xbc\x05m:\xb3\r\x03\x95+\x8by?q\xaaJN\xab\xb2KW\x1bS\x14\xe7_\'\xad\x08\x85\xd4U=,\xc4\x0b[\xd2\x17~$\x8ckt\xf4\x9cw\xba\xb0\x18\xe1\xc9\x1fZ\x0f\xaa";{4\xea\xcf\xe8\x1de\xe8\x0b\xf9b\xfb\x02\x87\xe6\xe0\xf5d\xa8|g\xfa\xd4[\x9a\xbb\xa0\xcd\x0b\xc8\xf9A\'7\x14\x91#\xba\xfb\x93\x03\xb0,\x98\xec\xdc\xc5\x85S@T\xc5\x03\x18\xafLb\x9bn\x8d\xab\x01\x95\xb5\xff\xdf\x83\xd4\n0X\x8c\x19\xa7\xac\n\xb0n\xea/~K#\xdfC)\x00\xb0%\x10\xbb\x08\x81\xd4\xf2\x12_\x08\t\xe88\x10\xe3-\x0f5t\x18\xe8\x16\x14W\x06\xe8i\xa6\xa8`+y\xb1\xd4H\x06\x02`58\xcc[\x91\xa30h\xedV\x8d%24\xec\xd5\x8c9\xde\xa7\xe2\xe1\x1c\xfe\x15\x07R\xe7c\xa7\x87P8\xc2\x9e\xcf\x06&lt;\x15\xd6@i2\x0f\\\x1bt\x07c\x06yMcq\xfc\xdb\xb3*\xee\xeb\x16\xc4\xc5\x10G\x11\x03\xf6~ZO\xa2\x00=\n\xcf\x9bQ\x99\xdbq\xe8\x8b\xe3\x0c\x98\xfb)X\x18[\x9aO\xc6\x14\x89,\x1br\xf3R==\xfd\xe2-\x16\xfd\xad\xe1\xd3\x16Ik\x0e\xae\xb5Ql\x0e}E\xea\xa1&gt;\xf7|\xa0=6\xa5?\x9e&amp;|0\xcd\x03t\xce\xe5\x9fn\xc5\x12\xa8\xd0\xf7)\xd92p\xa2\x9d\x82\xa7\x9b\xa5Z\xca\xc0\x84\x8b\xb745\xf0\x93\xb4pnL\x88[N\xbe\xf4\xcb\xe4W\x17\xf0;&gt;\xfb7\x07k\x81b\xd2\xbf\x90\xdcC\x1a\xf5\xc6\x96\xcd\xe9\x90=I]\x0fp\xf3d\x04\x82\x16\xdfn\x90\xfbG\xd5\x11\xc4\xd1\xe2G\xdb\xea\xd5\x0e\x91\xbe&gt;\x8cl\xf1[0]\xd3cDF}\xb0h\xad\xd8r\x97]\xfe\xefQ\xb6zl\x96n&gt;2FS\xa1\x0f\xe7\xbb\x03\xff\xf0\x1cL\xf6l\x12w\x9ec&gt;\xf6\xd4t\xcb\xd06\xed\xad\x11\xd6S8\xbd\xb5\x90\x0b\x10\x98\x05\x8b8*\xdb\x19\xae\xf9A4q5\xe5\x92\xa2\xbd\xb3l\x8b\xc8\x00\x16\x00\x10\x0f\xa4\xb4\xe0\xaf0;+o\xee\xdbv7\x86\x81\x10\xc5M\xb0G2*\x0b\r+B\x9f(\x00\xc5\xef\x8b\xba\x8e\x9cG\xfb\x0c\xc6_\xe9\xf8\xce/\xa1D\xdf\xce\xff\xa0\x81;\xd5\x00I\xa9\xbd\xb6\'\xac\x10Sij\xeaK{ ;\xec\xa2\xd0\xe5a\xbeg\xbd\r&amp;\xb8\x97\xf9\xabw_\xff\x88\xbd\x00\xa7~\x83\x98\xd0\x9c4\xf4_6\xb1\x1d\x9e\xd5\xea\x12\xb9\x81\xbb\xa6\xa4N\xba\x18\xb4\xdae\x16\xb2i\xec\x9d\x9b[\xdb\xeff\xe5#\x7fx:\xa1\xc7W[\xe8&lt;l\xe6\xa0\x05\xed5\\#\xf1\xb1\xad\x17\xf6\xcb\x90\xd5\xc1 \xf2\x9fJ\xbe\xff\x1e\xd6\x90f\x1e!\x1f\xb6K\x7f\x18v\x84\x8a\xa4;W8\xa1\xd7\x80\n\x19\x83\xf5\n\x9b@\xf1jB\xe1\xc3\x0fk\xed\x13\x8a/\x98E\xfe\xff\x83.$\nb9k\xed\x00\x8a\x96\xd7\xad\xbc\x90d^\x1a\x1cd\t\xc3z.\xdc+JF\xabY\x93\xcfKM\xe6Q\xf61"\x93{\xd5&amp;\xb9\x19\xeb\x8f\xf5-\xb2\xcb\xb6m\x97;|\xe8\x8fCcC~\x13S\x1b\xfe\xdb,me\xfe&amp;\x9a\xc3\xc5f\\\xf7[X\xa6\x9e\xd1\x91\xe3$\xc8c\xc7\x8732\xe9\xce&amp;\xad]\x8dK\xb3\xebiy \xa1\xb9\r[\xef\xd5\x93{\x0ej\xf5\x95\\ \x9f.\x18^\xa4\x1b\t\x9e@\x1f\x87\\\x8e&lt;\xee\xd6\xa8\x0f(\xfe1\xec\x80s\xaa\xe3N~t/\x93\x85l]K\xa4\xfe3\xdcR\x16\x88FL\xd8\xcf\x92\x1f"4\x1a\x91\x01^0s\xf27\xdeC\xe5\xd2K\xd4\x07U\xdc\xb8A\xc1\xca\xb5\xc9\xe9\xe9\x0e\t\x14T.u\xcdu9\x90\xc0\xed;\xf2&amp;@Prh'</t>
  </si>
  <si>
    <t>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</t>
  </si>
  <si>
    <t>b'\xc4\xfc\xf0\xfb\x10\xd1\xa3\xf6m\xb9\x93q\x13\xbdc"'</t>
  </si>
  <si>
    <t>d, "that's it! Take me in straight or I'll break your arm." 
 And he gave it, as he spoke, a wrench that made me cry out. 
 "Sir," said I, "it is fo</t>
  </si>
  <si>
    <t>b'\x11\x84\xb0\xe8\xb7\xa4\xf9Hz\x1fX\xa4\x8ca\xa8\xd9:\xb8\xc6\xdf\x89t\xd2\xb5_\x91^\xa1\xad1&amp;\xf3\x1czR\xc1r\x83\x97t0\xbad\x88\xe9\x87om\xfe\xc4\xd3\xc6\x0c\xe0d=\xa0\x84\x84\xcf\'"\xd5\x14\xdb&gt;R\x06\x08r\x9fP\xfdEH\'\xf6\x98\xa8z9\xaap\x98l8\x15\xf4,\x13E\x93D\xaf\x95\x93_\xd8\x9a\xbb4\xecR\xc7\xc0\x16K\xcc\xfd*o\xb0\xd9\x9f\x10m~\xf7rfm\xd3_\xca:\x9bI\xf7m\xd8\x90\xc3z\xd5\xdf%\xbb!\xd4\xd0F;\x11\x85T\x9b\xbc\x1eON\x0fw\xea\xf2@t\xdc\x14^\x1f\xaeE7\x8f\xae0\xa1\xfd\'\x04\xdf\xd8=\x85*\xba4\x9c$~,\xfd\x17\xf2 X\xa2\xde\xb5\xef\xb8?\xd7u\xdd\x90\xa5\xdb\xb6&gt;\x82 \x81:\x1fBm\x81\xff\xa5\xe9;\x8f\xc3\xbcS\x14\xee\xa8\x8f\xec\xb8\xd8\x0c\x00D\xe1\xce\xb4AN\x16\xc2eg_a\xba\xe1\xf1\xdb\xe6u,\x9e{\x86\x0b\xa4\xec=u\x12)@\x1a\xd70w:`_h\xf4\xd3\x08R\xb1S0\xf4\xc5\x13yQ\xe6\x1c\xdf\x16\xd4!\xedn\x94\nL\xe8MM]\xcf\xfer\xbd\xbd\xde\xa3\xbaW&amp;\xd6\x99o\xa4\xaeT\xae\x0f\x1e\'\x88\x05\x99-]i}(\xf5\x16\x97\x9b\xadS\x99p\xcby\xe1EK"\x81\x0c\x8e\xe6\xa8\x89\x00\xe3\xa1\xfdb\x0e\xd9q\x8cj\xac\x15\xb1\x9f\x0c\x9dX\xf6h\x83\x89\xa4\xf0F\xaf\xc8\xe3\xfe\x9d\xd0\x1d?\xbc\xcf\xc5\\P&gt;\xbb^V\xf0\x7f\xfc\xc5$6`\x1a\x12\x87\x89Rj7\xea\xffJL\x81\xa1\xb7\x10\xfch&amp;S\xe6\x1c\t6\xe6\xd9\x1f\xfa\xa9\x1ddv\x06\x9f\x03%\x1e{E\xcd\x0fB\t?\x11\xab\x0c(u\xff3M\xd0\xf7:\x8c9\xc22c\x870,\x85^O\x1f\xadL\x8c\xaf`\r\x8f\x8e\xfa\x96\x0eX\x95\x10\x08d\x92\xce"\xe5\x89\x1a\x14\xa2&gt;\xaf\xc9\x87\x86\x1c\xdb\xe7\'R\xc7/\xb3\xb8\x9c\x8e\x89R\xf2\xf8a\x82\xae\x00\xeb\xeb"F{[\xc0#\xf6u\xd1\x8f'</t>
  </si>
  <si>
    <t>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</t>
  </si>
  <si>
    <t>b'\x11\x84\xb0\xe8\xb7\xa4\xf9Hz\x1fX\xa4\x8ca\xa8\xd9'</t>
  </si>
  <si>
    <t>I see things going, as 
 I think, not quite right. And I ask you to take certain precautions or let 
 me resign my berth. And that's all." 
 "Captain Smollett,"</t>
  </si>
  <si>
    <t>b'\x91\xb1\xb3\x1c\xedRkT\xcc\xedY\xc0\x12\xafVAN\xb9\x11\xdf\x84Z\xf1\xe7\xa9&amp;A\x189db\x9d\x87\x06_]\xb9\xe1\xd3q&lt;\x12\xe0\xf9f\xd7O\x98\xf4g\xa7\xa6;\xb7e\xbf\x81\xb1\xf0\x0bO)\xc4\xa3\xc0\xbf0\xd3\x1f\x0c\xe3\xbd\xc2M\xaa.?\xc7\x03b\xe0aT\xfa\xf1\xce\xc5\xbf\x14\xea t\x92f%e\xa8\xf1\x980\xdc\x0f\x0b\xd9\xd0\xc6\xf3{\xf5\xbcV\x83\xfa\xc6\xc6\x7f\xc6\x83\xcd|_\xcb\xad\xa3\xfeqa4\x9b\x1b\xd5\xda%\xf0%\xed\xcd\xab\xa7K\xb4\xea&gt;\xe4\x0e\x90l\x03\xb7\xdc6s\x8c\x1d\n\xa7\xd7\xa6q\xefY\x83\xc3\xe7h"\x0c\x96\xdem\xffQ=\xa5\x13\x8a\xc5\xb8\x03\xd6\x85C\xac\xcc\x96\x93g\xb0\x0b\xbbH\xc3\xcb\x99\x85\xacy\xb5n%\x82Jx8NF\r\xe0\x06\xf3\xf1\xef\x90\x18&amp;\x08A\xda\x82\x86\x06\x92\x92\x87\x9a"s^,\x8e\xa3`7 \x10EN\xde9\xb9\x94_\x8f\xdf\x87m\x1c\x9e\xdb\xfbx)\xe3\x10qS'</t>
  </si>
  <si>
    <t>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</t>
  </si>
  <si>
    <t>b'\x91\xb1\xb3\x1c\xedRkT\xcc\xedY\xc0\x12\xafVA'</t>
  </si>
  <si>
    <t>o repair to the great court, where the mules,
 with her guides, were in waiting. Emily here tried in vain to sooth the
 weeping Annette, who persisted in saying, that she should never see her
 dear young lady again; a fear, which her mistress secretly thought too
 well justified, but which she endeavoured to restrain, while, with
 apparent composure, she bade this affectionate servant farewell.
 Annette, however, followed to the courts, which were now thronged with
 people, busy in preparation for the enemy; and, having seen her mount
 her mule and depart, with her attendants, through the portal, turned into
 the castle and wept again.
 Emily, meanwhile, as she looked back upon the gloomy courts of the
 castle, no longer silent as when she had first entered them, but
 resounding with the noise of preparation for their defence, as well as
 crowded with soldiers and workmen, hurrying to and fro; and, when she
 passed once more under the huge portcullis, which had formerly struck
 her with terror and dismay, and, looking round, saw no walls to confine
 her stepsâ€”felt, in spite of anticipation, the sudden joy of a prisoner, who
 unexpectedly finds himself at liberty. This emotion would not suffer her
 now to look impartially on the dangers that awaited her without; on
 mountains infested by hostile parties, who seized every opportunity for
 plunder; and on a journey commended under the guidance of men,
 whose countenances certainly did not speak favourably of their
 dispositions. In the present moments, she could only rejoice, that she
 was liberated from those walls, which she had entered with such dismal
 forebodings; and, remembering the superstitious presentiment, which
 had then seized her, she could now smile at the impression it had made
 upon her mind.
 463
 As she gazed, with these emotions, upon the turrets of the castle, rising
 high over the woods, amon</t>
  </si>
  <si>
    <t>b"\xeb}\x8c\r\x87\x90\x1e\xff\xc4I\xe4\x1d\xe9&lt;+(\x0b6\r\x00Cy\xda\xb7c}\xe5\xfe\xe1uS\x83\xf4e\x85T4_\xab\xb2'\xaf\x03\xa1k\xc9\xbbD\xa2\x9e\xe5Y`\xacK\x94e\xf3J\x98\xee\x14\x05."</t>
  </si>
  <si>
    <t>eb7d8c0d87901effc449e41de93c2b280b360d004379dab7637de5fee1755383f4658554345fabb227af03a16bc9bb44a29ee55960ac4b9465f34a98ee14052e</t>
  </si>
  <si>
    <t>b'\xeb}\x8c\r\x87\x90\x1e\xff\xc4I\xe4\x1d\xe9&lt;+('</t>
  </si>
  <si>
    <t>my moved into general depression after 1929, the restored gold standard fell
 apart, and international economic integration weakened. In the turbulent economic con_x0002_ditions of the period, governments made internal balance their main concern and tried to
 avoid the external balance problem by partially shutting their economies off from the rest
 of the world. The result was a world economy in which all countriesâ€™ situations could
 have been bettered through international cooperation.
 5. The architects of the International Monetary Fund (IMF) hoped to design a fixed
 exchange rate system that would encourage growth in international trade while mak_x0002_ing the requirements of external balance sufficiently flexible that they could be met
 without sacrificing internal balance. To this end, the IMF charter provided financing
 facilities for deficit countries and allowed exchange rate adjustments under conditions
 of â€œfundamental disequilibrium.â€ All countries pegged their currencies to the dollar.
 The United States pegged to gold and agreed to exchange gold for dollars with for_x0002_eign central banks at a price of an ounce.
 6. After currency convertibility was restored in Europe in 1958, countriesâ€™ financial markets
 became more closely integrated, monetary policy became less effective (except for the
 United States), and movements in international reserves became more volatile. These
 changes revealed a key weakness in the system. To reach internal and external balance at
 the same time, expenditure-switching as well as expenditure-changing policies were
 needed. But the possibility of expenditure-switching policies (exchange rate changes)
 could give rise to speculative financial flows that would undermine fixed exchange rates.
 As the main reserve currency country, the United States faced a unique external balance
 problem: the confidence problem, which would arise as foreign official dollar holdings
 inevitably grew to exceed U.S. gold holdings. A series of international crises led in stages
 to the abandonment in March 1973 of both the dollarâ€™s link to gold and fixed dollar
 exchange rates for the industrialized countries.
 7. Before 1973, the weaknesses of the Bretton Woods system led many economists to
 advocate floating exchange rates. They made four main arguments in favor of floating.
 First, they argued that floating rates would give national macroeconomic policy makers
 greater autonomy in managing their economies. Second, they predicted that floating
 rates would remove the asymmetries of the Bretton Woods arrangements. Third, they
 pointed out that floating exchange rates would quickly eliminate the â€œfundamental
 disequilibriumsâ€ that had led to parity changes and speculative attacks under fixed rates.
 Fourth, they claimed that these same exchange rate movements would prevent large,
 persistent departures from external balance.
 8. In the early years of floating, floating rates seemed, on the whole, to function well. In
 particular, it is unlikely that the industrial countries could have maintained fixed
 exchange rates in the face of the stagflation caused by two oil shocks. The dollar suffered
 a sharp depreciation after 1976, however, as the United States adopted macroeconomic
 policies more expansionary</t>
  </si>
  <si>
    <t>b'0E\x02!\x00\x8c\xc3\xd9T=\xb4}\x03\xc6#oL\xd5F\xac\xbbfM|`\xff\x91\x05\xd5\\\xc2\xb6!@\x1f\xbey\x02 fi\xa9\x07\xfbw\x10\xe4\xfar\xbb|f\x02_Y\x9e\xb8\rO\x8b\x98\x0e%m\x80L\xa0dO\xe2\xa5'</t>
  </si>
  <si>
    <t>30450221008cc3d9543db47d03c6236f4cd546acbb664d7c60ff9105d55cc2b621401fbe7902206669a907fb7710e4fa72bb7c66025f599eb80d4f8b980e256d804ca0644fe2a5</t>
  </si>
  <si>
    <t>b'0E\x02!\x00\x8c\xc3\xd9T=\xb4}\x03\xc6#o'</t>
  </si>
  <si>
    <t>gs or talked to Soot or Captain or the brothers and sisters he had
taught to help him.
"We'd never get on as comfortable as we do," Mrs. Sowerby said, "if it
wasn't for Dickon's garden. Anything'll grow for him. His 'taters and cabbages
is twice th' size of any one else's an' they've got a flavor with 'em as nobody's
has."
When she found a moment to spare she liked to go out and talk to him.
After supper there was still a long clear twilight to work in and that was her
quiet time. She could sit upon the low rough wall and look on and hear stories
of the day. She loved this time. There were not only vegetables in this garden.
Dickon had bought penny packages of flower seeds now and then and sown
bright sweet-scented things among gooseberry bushes and even cabbages and
he grew borders of mignonette and pinks and pansies and things whose seeds
he could save year after year or whose roots would bloom each spring and
spread in time into fine clumps. The low wall was one of the prettiest things in
Yorkshire because he had tucked moorland foxglove and ferns and rock-cress
and hedgerow flowers into every crevice until only here and there glimpses of
the stones were to be seen.
"All a chap's got to do to make 'em thrive, mother," he would say, "is to be
friends with 'em for sure. They're just like th' 'creatures.' If they're thirsty give
'em drink and if they're hungry give 'em a bit o' food. They want to live same
as we do. If they died I should feel as if I'd been a bad lad and somehow
treated them heartless."
It was in these twilight hours that Mrs. Sowerby heard of all that happened
at Misselthwaite Manor. At first she was only told that "Mester Colin" had
taken a fancy to going out into the grounds with Miss Mary and that it was
doing him good. But it was not long before it was agreed between the two
children that Dickon's mother might "come into the secret." Somehow it was
not doubted that she was "safe for sure."
So one beautiful still evening Dickon told the whole story, with all the
thrilling details of the buried key and the robin and the gray haze which had
seemed like deadness and the secret Mistress Mary had planned never to
reveal. The coming of Dickon and how it had been told to him, the doubt of
Mester Colin and the final drama of his introduction to the hidden domain,
combined with the incident of Ben Weatherstaff's angry face peering over the
wall and Mester Colin's sudden indignant strength, made Mrs. Sowerby's nicelooking face quite change color several times.
"My word!" she said. "It was a good thing that little lass came to th' Manor.
It's been th' makin' o' her an' th' savin, o' him. Standin' on his feet! An' us all
thinkin' he was a poor half-witted lad with not a straight bone in him."
She asked a great many questions and her blue eyes were full of deep
thinking.
"What do they make of it at th' Manorâ€”him being so well an' cheerful an'
never complainin'?" she inquired. "They don't know what to make of it,"
answered Dickon. "Every day as comes round his face looks different. It's
fillin' out and doesn't look so sharp an' th' waxy color is goin'. But he has to do
his bit o' complainin'," with a highly entertained grin.
"What for, i' Mercy's name?" asked Mrs. Sowerby.
Dickon chuckled.
"He does it to keep them from guessin' what's happened. If the doctor
knew he'd found out he could stand on his feet he'd likely w</t>
  </si>
  <si>
    <t>b'\xce\x91\xce\xa2\x9f\x89\xe3|,v\xc0m\x9eB&lt;j\x10\x97\x13\xc2 h\xcerzE\xdb\xa4\xdf\xceRl\x99C\xff\xa9LV\x82\xfa\xc1UU\x18\xb9}\x8f\xfd#\xfa\xbb\xf8\xb9.\x9aW(\xf8\x95\xb1\x8a\xcfHc\xf2\xb85\x97\x88&amp;f\x05\xfa\xe4G/\x9b\xae\xd1\xec\xca\xfe\xb8PB]\xa3M\x13e\xde\n\xe3\xc3@\x82\xf2\xcf\xf4\x01\x0eZK`&gt;\xa9^Xo\xb2\x94\xce-1\xa6)\x12E\xa8\xb3\xbe\xb1\xed\xfaP&lt;\xc0\x87\x89\x8b\x9a~\x96\xd5\xcb\xd9\xda\x8e[\xb6\xd6\x0e\x15\x93\xaf\x00K\xdbI\xdf\xc6X\n\x02yS\xc0m\xe5\xb1\xd2q\xdf\xa4\xe3\xfa1"\x88dh\xe1^\t\xc5\x96\xf0&amp;8\xa6\xf1t]\x10\x9a\x9d\x98\xec\xb7\x12\x8d\xcf&lt;\x98\xd4R\xb8\x91\x19\x8bQ\xc5\xdbi\xf0J\x0e\xa1W\xa4\x92\x03\xedu]c\xb6\x17,\xce\xeb,At\x90\xd3,A3\xfc(\xffyd\x1a\xddv\xdde\x8f\\Q\xe4\xd6\x8bM\x19}\x05\xe0\xd6\xa2\xb3\xf3\xcd\x00R\xe7(\xa0\xdd\x02\x8d\x84\x93Ta\xd2\x07\xfd\x91\x7f\xacK`\xb9\x13}\x9c\x03-\xa2\xe0\x9cG\xc7\x9e@.\xb3W\xa2\xe5\x10C\xbb\xecn\xf9pbP\xa5\xcf\xde#`\xed\xac7\x0c\xf8(\x87\xf0o\xa0\xc6\xa8\xd3&amp;\xd8\x17\xf8o4R\x1c\xbf\x14\xec\xfe\xf0WE%\xb2W\x84a\xb2m\x144\xc2\xd5\xa37\xe0:\x90QV\xa5\xf9WB\xb8;\xed#\xfeKL\x83\x8b\xe9\xdd\xee:`\r\xeb\x97\x83w}\x05,\xa0\xebz\xe9Yw\xf9Qd\xec\xa4\xbb\xa4\xd2,\xeb]:Dq\xde\xeb\xc0=\xe54\xfd\xb9\xf6\x85\x8b\xfe\x98\x0c:\xca\x1e\x1c\x9fQ+N\x92\xe1^\xdc\xcf\xa8\xd9\xaf1\xad\x12\\\xf4\xb8\xbbPP\x12=\x07a\r}\x1d\x10\x02ur\\\xe0\xc9y$\xd5:)+\xa4@\x01\t\x9fa\xb6Ya\x14C\x87\xa9\xb4t\xcf\xbd\xa0\xc7#\xc2p\x8c\x89;&gt;\x8c\x19\xde=\x1bH`s\rl\r\xb6\x1f\x0c\xd7\x10|\x15@Uz{N\x1aF_+S\xb5\xf4B6\xf9\xc4\xf7I\xa9$\xcco{]B\xfc\xc2\xe9\xfe\xdf\x10\xfeZk\xbe\x07y\t\xe2\x08\x14Vy&gt;\x18q\x8d}\'\xa3\x19\xe0\x81R\x94\x81]\xe650\xc5\x83b\xe2\x0f\xa2j\x8fy]lP\x8a\' \xdf\x945\xc84T\xd9@[*\xd7\x1fB\xfb\xb7\xc3\xe6\'\xdc\xac\x9b+\xf1\xd4\xec\xaa\'\xf1\xfb5c\x81R}\xad\x97\xcd\x81:\xc48\xa5\x1d\xb8O=\xf6\xf7\x9e\x91\xd0\xce)%n|\x9b%\r\xb1\xcc\xe0\xbfx(n\xbe\x95\xd9+\xfbG\xa5_\xdf\x17\x98\xa5,\xf1\x12\xe0\x0f\xbf\x86\nr\x14\xcd\xd3sB\xa3\xe95\xf1\xb3\x17\xd5\x08J6\x17\x0c0gj-\xde\xe5\x96\x8at4\xbd\xd3\xac\xc6\xd2||[qt\x83\xbc\x87\x90\xa0\x8bH\x1f\x96\xd5\xbb*\x7f\x91\xe1\xb5\xd9\xc2\x15k\xf2\xb5\x80\xca\xf0\x84\xc7f\tzn\x11]w\xac\xdb\xd9\xf0\xcb\xe8RqE\xa0s\xab\xae\x13\xf1\xf8\x15z\xc0\x87\xce\xa1%\x88\xdf\xf7\\=/\x98\xbc\x023J!\xc8\x17\x10(*\xc4Z\xaa\xb5U\xce\xcb\xb4\x02\x7f[\xb0\xa8\xf7]\xd2\xce\x89\xb7\xda{\xd9\x96\xb98\xf5r0\xa1\xd9h\xe9\xe7\x86\x86U\x99\x96oM\xf5\xe9\xb4X:\xfcA\x83\xab\xe9\xf1\xfd\xac\xf1\xce}\x10,QM\xd58\xcc@i\xd4\x96\xd6\xf5Ru\xa7-8\x01\xd6\xf2\x02\\p+\x95\x90:\x04 \xcf\xd3\xa6\xb2\t~r\x89\xbfi\xbd\x0c\xae\x1a\x13\xba\x93\xc6\xfd\x90-u~_\xa2I\x85M\xecP]G\xc6\xcb\xcf\xa2b\xd8pF\xed\r\xd7\xbb-\xf4c\xdb`\xbeC\xd2\x90#@\x0b\x97\x9b\xd3,\x99\xc8\x17&gt;\x11\xd6\x80U\xa3z\x9byZ\xff\xc0\x8e\x83(\xd5\xf2[6\x9a\xc4s\xc1\xe9l\x0302h\x98[2B$\x17&lt;b\xa9$(\x8c\xd4e\xd8=\xba"\xf9`{x]:\xee\xed?\xfa\xb3yi\x0e\x91\xcd0\xa0\xed\x03S\x11&lt;\xebOr$\x92\x82R\x1a)\xfeh,Q1~@$\xf4\xac\x90\xf73R\x84\x0eCr\xbbt)\xd6\xb3\xac\x8e"\xc7K\xa2\xfeY\x01\xa2\xe9\xf6P_\x89[\xa9a\tj\xcd;\x05\x8e\x15?Z4\x19d\xab\xd0\x83\xf6\x7f\x8c\xca6\x87\xfc8=D\xa5\xb2\xcf\x93\x90\xbb\xa8\x147\x08\xdc\x0bB\xb7+\xb46\x9f\x99\xf2\x07\xad\xf0i\xa1G\x1e\x18\xa8wY\xc9\xd1\x1d\xb7}\x8c(@S~\xa0\xb6V\xd1\xf2\xbc\xcc\xa7HA\x89\x01\x04T\xfe+\x13\x19\x91\x91+\xa0\x95\xab\x92\xf3pa\x7f\tA\x1f\x14\xdd\xa5\xecx\xc6\xd3\x85\xe5\xc4\x8fsY\n\x84\x06\x117\xa0\x87\xc1\x87\x8cqo8\\\x0e\xc3\x8a[W\x8b\x10/\xab\x82\xb1\x97f50\x96ZV\xb0\xd5\x9eH\x1f`|\x9e\x102\xc5OUr#\xb3\x8b\xb7a\xd0W\x8cAa\x8c\xc4\x116@\xf0E*=\x7f\xbd&lt;4\x14?s7\xff\xa4\r\xa0\x19\xcd33$\xe4\xb9\xe4#\x81.\xb2\xc2\x15mc\'\xf0X\x8f\xdd\x9b\x03\xb5\x04\xd2\x05i$\xec\xa4!\xbd\xf1\xf5\xe4\xb8\x1e\xac\x8b\x89\x05\xe04\xebz\xf9\x9c\x0c\x81tt\x85\xb1\xcc\xe6\xa0\x1d\x03\xdc"\xacj\x19\xbf8\x03\xe2\xf9B\x83\xa6\xc7C\x02!\xd2\x87\x81\xb7r\xa3I\x89\xa24\xa5\xf4\x8b\xe5\xc0\xc7\x9c\xbbn\xe0\x06I\xd8\x9e\xdf\xc0]z9-\x92/J\xc0\xa3\xd8\x15uS\x15\xbb\xf3,^hb \xa709\x01\x03&gt;\xdf\xfc\xdcS\x94Rc\x1a\x85\x83\xcbZ\x97\x02_\x0c\xf4\xfc\x9c\x9eo\xc8\xb2\x8d\xd8\xf5Rk\xb4\xb4\x82a\x83\xe8f\x18\xb8\xe5\x13\xd2\\\xd9\xc7\x81 \xc359V\x8c8g\xe3\xf8\xac\x9c\xab\xf6\xe1\rt&gt;y\x0e\x11\xd8\xf6\xbd\xddta\xc6\x8c\xa1\xce\xd7\xfcB[\xc9\x03\x9d&amp;\xd0\xd5\xd0\x1e\xbc\x87\x0fPQ\xad\x82\xc07\xc8\xe1\x83\x16\x8bO\xd1\xe6;0\xaa\x1a\x06+q\xb1\xb1\xe5\xe4w\x99\x0c\'\xde;\xe3I\xb1\xa5\xe5Q\xd7D\x94cClj:\x92{ao\x07\x9c\x16\x0b\x175l$\x1en\x01\xd7-yw\x85\xeb\x83DL\xd8\xdc\xc7\xa6\xed\xb3&lt;o,\neT\x8e\x17\xd7\t\xa5!:B\xd3=\xabZ\xaa)\xab\xe7S5j\xea\xf8\xa9\xe9(%Q\xa7\xd3\x12\xcc\xc2\xd3\x16\x8f/\x97-\xdf\xabq\xcb\xcb(\xaa\x08\x81AF\x14\x91\xefQ\x96]\x88\x07\x92b\x04b\x1c\xd1\x8d\xcd\x0b\x16\xca\x7f\xdc\x96\x81\xe4\xc4\x84\xd1\xd2\xcc\xd1m\x9a\x03\xae\xd3\xdafj\x06h\x9e\xff\xe1L\xa8\xde\x0b\x93\xe7\x90a5Y\xff\x85\x02\xfc\xbd~\x99\x17Bp\'\x08\xbag=\xc9\x0b\xd6\xfe\xbd\xa2B=\x1ez\x98#\xc2\x04\x91h\x90N\xec\x08p\xf4\xa3e\xfc\xac\x83L\xf5j(\xdc\x14Wi`L\x8dv\xa8u\xa0\x1f\xac\xdc\xbd\x9f#z~\xc5\xaeNL\xbco%`\xb8\x19\n\x9c?j\x91\x02\xc9\x17@t[\x95\xe8\xac|4\x83a3`kG\x1a}\x13of!Y)\xad&amp;\xc5\x91YJb\xad\xa4\xa8H\xe6|^*\x1aq\xb7\x80*Z\xe5c\x195\x93gk\xd7\xeai\xae\xd4D\x87y\xdf\x952\xe7^Q\x15\xa4\x87\xc4\xa93\xbd\x08\xf0\x19}\x14\xa5\xa5A\xd2\xd5}0\x89?\xf4\x87Zn\xe7Y(!\x80A(\x82Q^\xeb\xbf\xb7_\x1c&gt;\x0c\xccqB\xd9\xa6\xb1\x0f%\xb9\x01\x18\xbfl\xad\xaf\x03\x99\xd9\xbf\x13*\x80\x93q\xc4&lt;\x17\x00\xfa\xfd+\xc5\xaeY\xbc\xbe\xfd\x14\xca\x00Q\xf9\x1cx\xf4\xb4\xfdq\x8d\xdc\x87\x03!{\x86\n\xc6\xae\x0e\xe0\xd9\x05XZQ\x0c\x19bw{\xae\xb0}\xec\xe9\xd8\xe2\x14AHTF\xbe\x17(\x83\xe5\x8d\xfb\xc2?G\xba\xd6&gt;\x8e\xde\xfe\xc4\x0e\xf6\xa8\xb7\xf3q\xaa\xbf\xda\x16\x81`\xae\x82\x17\x9bU~_\xecO\r\xaaQ\xdd \xd7\x19\xec\xa5\x84\xe9\xce@\x9f\x81K\xb4\xfb\x1b\xfe\xc9;0@\xf7`\x000@\x11\xa5\x1e\xfeh;I\xcd\xaaD\x08U\xee\xc05\xf2\xee\x1f\x9c\xcc\xa1;\xd7\xbc\x7f\xa5p4\xfbd,\x0cH\xdd\x03hg\xe0\xfc\xca\xd6VH\x1e\xa1\xeb\xac\xa1\xa0\xe0\xd5\x0b\x1c\x0e^w\xa5H\xaezX\xcf\x0b\xb6\xe2V\xd7\xa4\xe0\xdcZ5\xbf})M\x1c\xb8\x83\x88\x81\x08H\xe0\xb1\n\xc8U\xba\xa66\x91\xec5e\x87\xc5j\x0e8\x06\x90\xf4\xda\xa5\xd7m\xe2[To\x05\xc0\x96\xdd\x9b\xf7\x92\xc3\x94\xb4+\x82X\xbe\x06|\xd1|]\xf3\xad\x13G\x1c\xb5\xf2\x0c\x02\x08Yc~\xc4p\xaap\xf8\x7fWP\xb3\x93~Y*\xde\xff1=;Oq\xfa\x8c\x8eM\x18_!\x10l\x86F\xecN\xb6\xba\xacl\xa7owO\x9bY\xd8\xbd\xfc\x1e6\x97\x9cQ@\xbd\xc9+\xb5\xc0hBH\xf9ev($\x90\x04I"\x87\xfa\x04U\x8d\xad^L\x7f\xaa\x10\x8e\xe9):\x07\x01\xb0\x18Y\x05\r\xe2\x86~\xd7j\xc9\xb4E\x80\xa1\xc0rl_=\xfb\xf2\xfa\xf9t\x0e\xc23\x9a\xb8o\x03\xaf&gt;~H\x9c)M\x9c\xa2`\xe7O\xff\xaa\xc8\x9f\x04\xcf\x8aX\x80R5\x19\x195\xd2L\x84\x9e#\xee\xdeM\xc1&lt;\x14\xa1\x10(&amp;\xe3L\x08IP\x9b^\x15\xbb\xb8\x8a\x11W\x9b\xbe\xf9h*\x1ch\xa0\x99{\xac\x1d\xd5\x85\xa3^\xe6\xa6\x8e\xf8h\xbc\xfagL3x\xe7K\xb6M(\\\xdc\x06\x97l\xaa\xc5n?\x03\xf5\x1d\x11`R2u\x9c\xc3-h7"\xc9/O\x8d\x18\xb3\x8a\x01R^\xeb\xe7hc\xc5\x133\x86]&amp;\xc67\xd0\x1c*a\x00#\xf8T\x89\x11\xdc\xae\xceo\x8aP\xc4^\xc59\x8e\x0e\xf0ij+Bb\x17\x08w\xbcR*\xf2c\xf7\xa4\x07\x16\xc4P\x18s\xe0\x19\xf5\x9b\\\xd9.\x0cN\x00\xc3\xd7\xa9&gt;\x19\xd4~\x08\xfc\xc6L!\x9b\xda\x05\x94\xb0H\x1d\x96\x13\xdf\xc1\xdep\x86~\xaf\xcf\x96L\xf4Q\xfc\xf8\r\x0e"yt\xc3\xca\xfc\x8az\xed\t\xe6\x03\x0e\x95\x13\xb2\x15\xa0\xc0\x89\xa4\xdd}\x83\x90\xe4H!9\x8a\xdf\xfa\xe1S\x9d*\xf0\xfc\xf5K\xcf\x90C&lt;\xa5\xd0\xabdx6\xf8k5[\xd0c\x81\xb9\xd0E\xad\x14\xeaU\x1e_o\\\x8a\x1cd\x1c\x9fG\xb0.z\xd5\x80\x14\xf3=m\x9f8\x1e\x1a\xfd1\xd2\xc9\x9fe`H&gt;\xce^k\xe1\x8c\xb5]\x89x\x8e\xde\x18\x8fN;\t\xb5\x00\xc4\xbe,utd\x08\x13\x1c\xd6\xc5\xbaV\xfa(\xa3{\xb1\xb5f\xa1gO\xdd\x96\x94\x7f*\x0fNH\xec(\xf1\xb8\x8f\xb3\x19/\xf0\xb6aP\xa3(\xf0E*\xbdR~\xc0\xe4\xc1#\xdbm}]\xbbsF\x16,`\x01\xff]\x1b\x80z&lt;\xf7[P\x17\xdf\xb6N\x17\x92\xa7\x96\x05\x83b\x03x-\xc1\xc6&amp;\'\xba\xfb\x15\x18\xb0s\xeb\xb7\xf8\xb6\x13\x8dQ[9[\xa5\x87\xf2,\xf1\x9e\xe7\xa0\x9d\x8a+mdW\'FZ\x1b\xce\t\xc8\xf3h\xab\xe4\x05,\xc5\xca@\xd7[X\xa5\xebV\xe7\xac\xda\xb0\xb1\x0bG\x12\x1a1\x80L"\xa5J\xfaW\x1b\xec\xa1aD\x97\xe7:H1\x8c\xe1\xb5\x92\x90dKd\xe4O\xfdrA9]\x83\xaa\x97PG\x9b\t\xc3p\x19\xdb&lt;\x8d\x10G\xd8\x97\xd0\xa8\xdfD\xb6:\xd7\xc6gt\xa3\x84\x92r\x0b\xbc\xe2}\xa1\x19\xe3Tx\x11\xfa|P\x85\x89!nX\x04z\xa0\xa0[\xe3\xad\xa9\x91\xa4\n\xbbo\xaf\xf9J\x84\x93\xd4\x7fl\xf8.x\rkC\xf0=\x96ACj\x02\x02/G\x9a\xbc7&amp;b=&gt;\xb2(\xaa\x02\xd0TC\xe9\xa8\x0cM\x01nM\x7fE\xa7[\xe9\n\xd04\x13w\x7f\xa8\xe7\xe9\x05\x98\xb0\x9c$\xacEG|^Nk^\xb3\xb5\xd6w\xbb\x86\xfa\xed\xcb\x12\x9d{\x83X\x85\x05@\xf2x\xb0\x8ac\x9d\xba\xd9hRaGk\x98\xccR\xa7\xdf\xed\xe7\xfb\x08\x13yp\xa1l\xd8w\x8f r\xd2;\xcd\xf7\xbf~$\xfb\x1dX%\x80\x9c1dV\x1d\x1b[\xcb~.n\xe9\xb4Vgm\xa4\x1f\x01v\x08C9Kz{b\x16\n\xc8\x17\xbav\xf66\xf8\xcc\xad\xe5\xa1\x04D\xaf\xd7\xae\xb5K\xa8\xb4\x04\xb5\x15\x9a\xd2^}\x19\xa3\xc3Z\xa2\xe7\xa8\xa9d\x1e&gt;\x86\xfa\xf8\x160\x12N\x9e\x0e@k\xee\x9aYZ\xd3)\xe5\x81\xe4tU\xe5\xcd\xc7(G\xe6\x17\xea\xa7\x01\xe8\xc8\xe5P\x00\xb6\x0em\x7f\x103}A\x0cR4\x16\xff\xfe\x18\xc6oa\xc6+c\xff\xcc\x91\xda\x99eW\xcd\r\xabFX\xf8\x97\xdd\xf2\xc4\xa6\xde\xa177\xf1\xe5H\x88\x17).\xbd4\x89`\xb4\x03\xf6\x90\\\xe9\xc4E\x94T\xd6\xc0\x13\x93-z\xf7\x05\xe3{\xd1A.\\\xbfS\xda\xb5\xf2\xf6\xfc\xde9\xbfC\xa0\xf8$\x9e\x99(6=Q\xec\xb1\xec\xe9\x18\xe3\x16B*\t4\nT&gt;\xd0\x18\x9a3\x05\xce&amp;\x93E\x80(&amp;\x0f\xd8Y\x7f\xd0&amp;\x80z\xa70k."\x15\x83$?\x8a\xbb\xd5\xc1\xdde\x12\xa3\x9e]L\xe4&lt;4\xc0R\x0eU\xa6&amp;\xee\x9c\xb8Uum\x8b\x8e\xb4#z\xeb\xb8\xfa9\xf5\xfb\x05\x17\xbflKs\x99j\x15g:L&amp;\xca\xd5P\xc9\xd8i\xcc.lz\xa6\x03*^s\xc2L\x98KO6\x0c1\xdd\x16[\xa4\x10\x8c\x1a\xf4\x85p\xe6\x00\xd8\x88\xc4\xb8\xa3\x96\n\xb2\x10P8`\xf3\xc6\xa0\xbe\xbf\xab&amp;\x89\xee\xd5\xe7(;\xcc\xf0\xdb\xb4\xf5\x86\x82\x0c\xb17\x87]\xad\x82\xc5\xdaSa\x88\xe5\xb4\xf4\x16\x18~\x82\xbc\x82\x14\xd1\x11\x88_\xd6\xe8\xa0\xd6\x1bQ^\x82\x14C\xea\xd5\x87E\x9a\xa5\x9f`\xea\x10 \\\x1c\x9a\x8e\xc3\xd0\xa03^\xce\x98~\xcd]\x0cfTM\xb0+\xae\\C\xdb\xa8\xe1\xbc]\xb2\xbd\xf5\x1cF'</t>
  </si>
  <si>
    <t>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</t>
  </si>
  <si>
    <t>b'\xce\x91\xce\xa2\x9f\x89\xe3|,v\xc0m\x9eB&lt;j'</t>
  </si>
  <si>
    <t>obtained by the fractional
distillation of petroleum found under the earthâ€™s crust.
Coal gas is obtained by the destructive distillation of coal.
Natural gas is found in upper strata during drilling of oil
wells. The gas after compression is known as compressed
natural gas. LPG is used as a domestic fuel with the least
pollution. Kerosene oil is also used as a domestic fuel but
it causes some pollution. Automobiles need fuels like petrol,
diesel and CNG. Petrol and CNG operated automobiles
cause less pollution. All these fuels contain mixture of
hydrocarbons, which are sources of energy. Hydrocarbons
are also used for the manufacture of polymers like
polythene, polypropene, polystyrene etc. Higher
hydrocarbons are used as solvents for paints. They are also
used as the starting materials for manufacture of many
dyes and drugs. Thus, you can well understand the
importance of hydrocarbons in your daily life. In this unit,
you will learn more about hydrocarbons.
13.1 CLASSIFICATION
Hydrocarbons are of different types. Depending upon the
types of carbon-carbon bonds present, they can be
classified into three main categories â€“ (i) saturated
Hydrocarbons are the important sources of energy.
2022-23
374 CHEMISTRY
(ii) unsaturated and (iii) aromatic
hydrocarbons. Saturated hydrocarbons
contain carbon-carbon and carbon-hydrogen
single bonds. If different carbon atoms are
joined together to form open chain of carbon
atoms with single bonds, they are termed as
alkanes as you have already studied in
Unit 12. On the other hand, if carbon atoms
form a closed chain or a ring, they are termed
as cycloalkanes. Unsaturated hydrocarbons
contain carbon-carbon multiple bonds â€“
double bonds, triple bonds or both. Aromatic
hydrocarbons are a special type of cyclic
compounds. You can construct a large number
of models of such molecules of both types
(open chain and close chain) keeping in mind
that carbon i</t>
  </si>
  <si>
    <t>b'\xc8q\xdfZ\xf7\xe1\x92\xfd\x87\xd1\xf9\xee\x8a\xe3\xa3B\x8b\x95}h=\x90\xc3\xfa"\xd1\x8b)\xa9\x9arv\x8c\xaa\xf8A3\x13\xd7\x1b\x8f.\r\xa1\xa5\x93\x1c~\xfe\xebz^\x83%\xf0\xd1\xcc\x8b\xf7\xb4\xda\x1e\xa6\x1e\x1b\'\x954\xf6\xa1\xa8\x94O?\xa5d\xb5\x1e\x1dx\xe34\xe1|@\xf4\xa5DuQ\xedu\xc1]x\xf9\xa4\xbf\xa2Ts\x19\x85\t\x9d\xae#p\xe2t\xac\xdcg\x86\x82\x1eo\xc8\xe0\x98\xe8\xfc\x030R\x1b1\xdb\xcb\x9d\'6(\xcf\xfa"\x96\x01\x12\xe3\xdc~\xd9\t\xffB?\xee-\xf0 m\xe9u\xe5\xcf\xbd\x00\xcf\x9a\xb2\xd02\x82\xde2\xf2\xdd\xb6\xf7\xbbxhtz2#\x12E\xa8?\xcf|h\xd1\xae=\xeb=;Q\xdc&lt;\ng\x86\x11\x08`\xc5\xf3etKzB\xa8lj\xbf\xb2\x1b\xc4\x04\x1eU\xef&gt;(\xf9*\xdbt\xdd\x93\x08\xe6~\x84\xc2\x84\xa5\xb3\xf2U\x9f\xd8\x1b-k\xf9\xcb\x13\x14\x9a\t\xf7|mB\xcf\xb9\xe9\'\xddq\xba\xe2\x8bB{\x8a}9)\xffmz*\xf8\x15\x16\x8b\xd3\xc8\xa7Q\xfe\xf4\x83]E\rV7\xcd\xb9R\x9c\x83(K\x0eJ\xe7dr\x0f\xf9M\xd1\xaa\xf1\x02G@z\xec\xe89\x02\xa8g\x82\x13\xde\xa5\x7f\xb0\xc6W\x1f\xe7!\xfaU\xc4%#\x0c\xaf\x90#\x1f-@\xf3\xfe\xd6\xf4\xac\x10\x1f\xbdZ\x0e-\xae\xa1\xfc\x0f\xb2\xe4\xf3\x02\xf4x\xd2\xe4\xa6\x07\x98r\xceN"\x97\xdc\xdb\xd3\xfa\x1f\xf2\x97\x9a\xc3\x842w\x94\xa7\x1e~\x9c"&lt;-\xfbo\xe8\xd3\xa3\xd0y\xc4\xfe\x82`\xdd\x85fm\xdb\xea\x02\x10\xb1\xc0u;\x1f\x9b\x19\xa1\xddHJ\xe6\xec\x17Ry\xa5\xef\xd9z7H\xd3X\xc2\xaa\xdb\xb8*\x89\xbdZ\xa8N\xc5`\x06\x07\xc4\x8bR\xa5\xff\x9b\x1f\xa7\xad\x0e\xef2\x82\x81\xba\x8b\xc6\x14\x8d\x07HxF9+\xbd\x84\xc8\x96x&amp;T\xaa\xde\x06\xc4\xce\xfb\xa3j\x867\x8e\x08\x11|g\xeb,\xdb\xa2\x16SgX\x0b\xcf\xea _\x06Ye\xf6\xf0\x9f\x84k\x0ct\x80:\xc8\xb7\x1e\xf0f\xa8=/B\x10Z\xf7\xe1\xd1\xe9P\xe2\x04\xbbpRF1z|@\x924t\x9c\xb7+\x07\xec\xd6\xa6E\x8ag\xe7/\xdc$\xd2\x9d\x1a!\x0c3:\xbe\xc31Z\x0c\xac\x12A\xd6f\xd9\x8a\xdb?Jc\x05\xc0\xc4\xcfD\x1c\xe1\xca\xcb\x1c\x11\x89g\x95\xc8\xa6\x1eC:\xff\xa7\x121i\xc1\x0b\\\x00\xa1\x80L\xe0\xbf\x82\xbcN\x1c\xec5\xb8\x10\x0c\xb4bu\x86\rAI]\xde\x9f\xfe\xe3r7/\\\xbdc\xa2\xe2h\x7fqzY%n\x91\x83\xa8H\xa3L\xfb\xcfN\x7f\xff($sY\x9a3\xf0\x00\xb7|\x0e\xe5\xd098HS\xaf\x07jZ\x90\x93~ku\xd7e\xd4\xc4"\x9a\x02k\xd0\x8b\x96X\xba#\x14M\x943B\x86B\x92\xd9\x80\xe9\x80r\xca\xbf\x83\\T5-\x92\xbc\xf3\xe92\xc4\xa7\xd7=\xbeH\x89H\xc6\xa4i\xd9\x94\x19h\x1d\x864\xdae#\x1e\xec\x1c7i\x97\xbf\n\x9ad\n\x02rz?\xc7M\x84\x19$\xdc}\xd4\xc7$\x7f;Bv\xb5\xc2\xb6\xb9n\xb6{K\xce*\x06\xf1\xfa\x82\x1b\xb0\xa0\xa3\x9fC?~\xc1Z s;\x16ydS[\xcb\xf1!%\xbc\xf1U9\x02\xc5]\x1a\x11\x83\xa4"ZC\n\xd0$\x8e\x01IV\xf7\xf9-\x96@\xcb 50\tE4n&gt;+\xa6\x82\x0be\x1f\xdc8\x00D\x97kEr\\.W\xc16~\x8b\x14t\x02\t\xa4J\x9d\xfe\xf0n\xa3\xb8\'1\x95\niI\xac:\xc7\xc7G[#"w\xec\xdf\xb7\xd4\xb2\x9f\xfa~\xbe\x83\xd2\x0b)\x1b\xa5\xa5\xdb\xee\xf0\xd0\xfaul\r\x8bX\xd7O\xd5\xb9HP\xd4db~F\x84\x8b\xbf\xa9P\xa7F\xa6\xc0\xa8GV\x9d\xeeO\xc2\x1e\xd1Ft\xd5\x86\xfc\x96\xea&amp;\x9d^*\xa5\xc5\x87\x04\xda^\xd8\x9e\xe0\xbfe\x9b\xd23\xd7\xb9$\x88\xa1\x83F\x9b\x0b\xb9\xd0O\xcf\xaf\xaa\xb4\xc9\xc3\x01\x04P\xc0&gt;\x9f%\x96H\'\xb9\xea\xect"a\xce\x01\x0b\x98fr\xd1\xc1\x94\x02\x9fK\xc5\xa2\xf8\x12e\x00\xaf\xc39-\xe9\x13\xce8JN\x1c xw\x1d\xb4\xfb\xf2\xa5\x1cM]\xd2\xd0\x07\xc2\xd8\xb4\x889D\xcer\\\x1c&lt;\xf3Ts\x9c\x1b\x91\xc2\xe0^\xfc\xa3\x03U\x1c\x01z6.\x08(\n\xe2\x91\xe8)\x15]\xbe\xfb\xe2\xe2\x88o\xd2E\x1e\xb4\x9c\x87$\xa3\x81-\xb4\x17 \xdc\x8c\xde\x7f\x18?\xf4\xd6i\xf6\xcd\xb6\xce\x1f\xce\xa4z\xb7{\xf46\xea\x97\xaf\x1a\xc0\x14/\x82xJ\xdb\x14\xf0\x02\x00\xb5\x174\xdc&lt;\xceR\x0c\xd5l\x9d\xb7\x9e\x8b\xa6\x1c\xd4\xd05&lt;\xb5\xb0\xbb\x93\x87&gt;\x9b\xd5\xbc\xd22\xb9\x06\xbe\x08\x8f\x82\xe8Wmc\xc5\xf6y\xe3\x9d\x94;\x15Hu\xe3\xdb\x11\x08\xed\xa7\x14\x06\x17\xc3z\xd1\xc1\xf6c\xb3y(\xd0\x14\x87\'\x1a\xda\xe3\xefN%Z"SA\x9d&amp;\xa1V\xbd\x05O1\x1c\xb0)\x8ch\xc8\xe2\x0f\x10\xf5\xec}z\xef\xa4\x9a\xcfu\xc5p\x93Sr\xb1\xfb=b\xab\xd7\xcc\x85_\xac\x8c\xf2P$\x02T\xf2\xbf\xed\xe99\xf1\xbf\x13\xd5u\xebF\x1d\xce\x8d\xe1\x9a3\xae\x83$\xd3\xb6|r\xc6\xf6\xd1\x02\x16\xcb3\x90\x9a\x10T4M\x92G\x0c@\xe7\xe8\xd3[_\xfb\x12fK\xe6h\xf7\xa1\xbc\xff\xee\xe4\x1d W\x86\xb7"/\xd5\n.~\xab\x0f\xae\xa4\xaa\x93\xb0\xd7\xc2_#\x15\xb2\x9d\x13\xa9\xadg\xf6\xe3\xf6\x91\x9a9n1\xe0-Ff\xb76b-\xc9i6K\xb9\xd4\x9d\x12\xee\x03\x9d\t\xea\xba\xc8\xd8H\x97\xab[\xda\n\x00g\x1f\x03\x97\xc3h\xef\xa5e\xbf\x1e\xd8`\xd69\x97\x08\x94Y\xbfh\xf5\x83f"\x84)\xcf\xdd\xc5u&lt;\x94q\x8a\x87\xa6\xeb\x7f\xa0Ox\x8b\xd3\xce\x97At\x81H\xf0\xfb/b3\xbb\t\xfb\x16wg\x7f")7n\xd4\xe0\xc7-\xc9\xf74$\x90\xaeyYfB\xc4\x08\xfb\x0b\xac5\x0b\x9eZ*}\x07\x8f\x14\xce\xe6\x027\x9c\x039E^%\xed\x02\xf4\x84\xe5\xbcz*\xc4x\xeb\x8f|f\x8b\x82Z\xb9\x04\x82\xfc\xcf\x98\x8f^~F\xaa\x82\xaaQ\' \x8f\x05t:)\xd6\xcc,\t\xb3\xb8y\xbc\x93\x1a\x04Ap\xbf\xa3FH\x87b\xf3X\xa6\xee\xcf\xee&gt;\xeab\x80\x92t`!@\x16,\xf7\xad\x08b\xcc\x872O\xc73\x97\xbe\xb6\x8fM\xef2T\xf9\x9e\x01\x1a\xecBY\x99\xe6\t\x08\xc7\x04\xa5b\x94\x95\x15\xd8\r&lt;A&gt;\xd7\xa3zD\xcd\xfah\xadI^\xfa\xc5\x12h\x86\xac\x15gr\x1cs\xd09\x8c\x8b\xbdL\xbdi\xbb\xe4$\xb9m5\xa8\xc6\x9f\xed\xa2\xcb\xb5^\xd1[\xcef\xc5\x06\xda\xd4wdk\x9fCBr\x12\\\x19\x8b*\xfep}\x8d\xcfccL*\xcf8\xcd\x7f\xdc\x1b\xe9\x037\xe5$\x02f\xda\xb5\xa4g\xf8\xd0\xef\xe5\x1f\x84aC\x80\x1fh\x0b\xa2W&gt;\xa8\x8a\x1fjuY\xf0+\x19\xefw\x82\xf3_\x12\xc4\xfa\xe1\xf1\x8d\xd4L\x9d\';z\x1a}\x0c\xcc\xfa\xab;,\x1e\x8b\\\xfeG\x19\xbf\xf8LM?_\xf3\x7f\xff|\xf0\x8f\xe4\'!\x8a\xd8\xda\x0fRH\xbah0\x96e\xdc\xde4\xfb\xf6\xb6d\xcf\xeb\x11\x17\xf9&lt;\x93\xce\xb6\xde\xa1\x8d\x10\xdd\xab&amp;\x02hW\xf9&lt;!,\x01S\xbcP\xff*\x84\xdc,AKa\xc2\x14L\xad\x19\'\xa0R\xe0D\xaf\x06h\xaa\xf5\xdcsG\x1c\x9c\x85.\xda\xb9/\xc2\xa7(l\x1f\xa7\xa4%[wqY\xefb\xd3-\x8b@\xcb\x991\x98?s:}\x08\xeb\xf7\xdd\xa6+\xe1J\x9f\x0c\x90\x9f{\x90\xef\xbf\xd6\xac]q\xc7\x16\x03\x05\xe5\xb5JY\xab!\x87\xff%\xec\xf8Z'</t>
  </si>
  <si>
    <t>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</t>
  </si>
  <si>
    <t>b'\xc8q\xdfZ\xf7\xe1\x92\xfd\x87\xd1\xf9\xee\x8a\xe3\xa3B'</t>
  </si>
  <si>
    <t>o light is known as photo diode.
Basic Electronics
65
 Reverse current (mA)
  Reverse current
â€“+
I
      Reverse
current in
microamps
                 3.19. LED (Light Emitting Diode)
(a)
(c)
(b)
 Figure-14
When a diode is forward biased the potential barrier is lowered. The conduction band free electrons from n- region cross the barrier and enter the p-region, as these electrons enter the p- region they fall into the holes lying in the valence band. Hence they fall from a higher energy level to a lower energy level in the process they radiate energy.
The LED are different. These are made of gallium arsenide phosphide (GaAsP) and gallium phosphide (GaP). In LED the energy is radiated in the form of light and hence they glow.
A manufacturer can produce LED that radiate red, green, yellow, blue, orange light.
Application
Instrument display, panel indicators, digital watches, calculator etc.
3.20. Diode as a Rectifier
The electrical power is generated transmitted and distributed as d.c. for economical reasons. As an alternating voltage is available at the mains. But most of the electronic circuit need d.c. voltage for their operation. Therefore the rectifier is the heart of power supply. The rectifier can be of two types:
(i) Half Wave Rectifier
(ii) Full Wave Rectifier
(i) Half Wave Rectifier
In half wave rectifier when a.c. supply is applied at the input only positive half cycle appears across the load, whereas the negative half cycle is suppressed.
Rectified Output Voltage/Current Waveform
(c)
 Input Voltage Waveform
(a)
(b)
Half-Wave Rectifier
Figure-15
 66
                 Circuit
For half wave rectification only one crystal diode is used. It is connected in the circuit as shown in fig. 15 the a.c. supply to be rectified is generally given through a transformer. The transformer is used to step down or step up as per requirement. It also isolates the rectifier circuit from power lines and thus reduce the risk of electric shock.
Operation
when an a.c. supply is switched on, the alternating voltage (Vin) as shown fig.-15(a). Appears across the terminal AB at secondary winding. During positive half cycle. The terminal A is positive w.r.t. B and the crystal diode is forward biased. Therefore it conducts and current (i) flows through the load resistor RL. This current varies in magnitude as shown fig.-15(c). Thus a positive half cycle oftheoutputvoltage appears,acrosstheloadresistorasshown.
During the negative half cycle the terminal A is negative w.r.t. B and the crystal diode is reverse biased. Under this condition the diode does not conduct and no current flows through the circuit.
(ii) Full Wave Rectifier
Fig. 16 shows the circuit of a full wave bridge rectifier. In this case aan ordinary transformer is used in place of a centre taped transformer. The circuit contains four diodes D1, D2, D3 and D4 connected to form a bridge. The a.c. supply to be rectified is applied to the diagonally opposite ends of the bridge. Whereas the load resistor RL is connected across the remaining two diagonally opposite ends of the bridge.
 Operation
(a)
(b)
Figure-16
When an a.c. supply is switched on, the alternating voltage Vin appears across the terminal AB of secondary winding of transformer which needs rectification.
During positive half cycle of secondary voltage the end A becomes positive and end B negative. This makes diode D1 and D3 forward biased and diodes D2 and D4 reverse</t>
  </si>
  <si>
    <t>b'\xbb\xc3\xa6\xe5!\x80`-\x045\xd8\xb5=\x19\xcd"I\r\x1eFr51\xb8\xa8Lq\xfb\x1d\xaeS\x8f\x84\xc4\xe7\x9d\xe8@/\x02d\xa5\x17\xb1\xec\xfc\xb4\xb7ue&gt;\xd0g\x10\xf8\x91\xae=\x84\xc2\xb7\x8cl*\xb5]\xf0\x86`\x82\xe8\xed\x9d\xd9\x8d\x13\xc2\x86\t-\x13P=ln\x14Ke\xd6]\xec-R\x01\xeda]R9\x89\x88\x96\xde""\xcea\xa4U\xce.;!\xab\xcaK5\x18\xe3\xd8\x06\x03\xf0\rCb"1t\xc6\xf5\xefE\x15v\xd2\xcaz\x7f\x07\xfe\xcc\xb1\x16\x0b\xce\xe2\xfc\xa4\xfd\x11\xb0\xb9\xa8\xf2\xd9\x94\x9bv\x94\xbf\x0b\nQm\xc3\xbf\x0c&amp;\xf1\x8d\x8d\x98L:\xd31\xca\xe2q\xe9gW\xca\xa2Ba\x83\x8a\x1b\x85\xbfm\xe2\xf8!\x892\xcc\xf2\x05\xad\x03k\x8c/=\xc7\xe8\xa6\xc8\xbfC\xceE\xa7K\xb1\xb6\xd1}\xfe\x1e$\xde\xc4|\xf9\x01\x1a\x04\x19\xc7\xf3\xd5\xf5&amp;\x03\xb5p\x9d\xd54G\xcd\xb6X\xf3zf\x1e^$w\xd5\x10\xda\n\x81\xec\x0b\xc1\xb3G\xe5!R\xd8t\xbe\xe0%\x9e(\xe9p\xa6\xf5g\xc6\x9d\xdb\x8d0S\xa3\xf0\x99X#\x16\xa7\x9b.\xd2\x0c\x08\xbe\xb2K\xde\x9d\xc9r\'\x14\xe4\x1fC\xd1YT\xee\x12Y\x0e\xac\x1di\xc1B\xbd|:m\xfd\x8av\xfdt|D/\xbf\xc2\xd7\x8f{\x91\'\xe7\x10n\x8e\xbf\x82\xccY\x9biJ\x07\x88`L[\xc3\xeciN\xf5\x91\xef\xb16\n\xdd\xb1\x97\x0cg\xb3\x0b\x99|/\xd4\x03\xad\xf7:\xb4\x8d\xaa\xd4\xc7\xfc\xd8\xa4)\xc6\xaf_9\xf9\xe6\xa2N\xaaG\xee\xd4y\x1dt\xe5\xffvNu\xc7\x01\x99\x0b\x1a:\xec\xad\xbfH\xdcL\xadm3\xd8\xe9\x9cv\xc2\x9e.~\x11\xd5=\x93\x92\x83\xa8\x07\xeb\xa9\xd6\xb0\xeb\xd2;\x97U\x94\t\x90\xe6#\xee-\xe2\x05(\xff\x86\x0e\x1e\xbd\xc0\x88y\x14\xc6\xf6\xd2a\x0c\xe6`#\x9d\xce\xec\x02W\x94P\xea\x05g\xddD\xf1\xcc\xc7\xf3e{7\x99@v\xdf\xf9z\xb5u\xb0&lt;H\xd0\'\xa4L5\xe4\xab\xe5\xc2G\xc3\xbc\x99\x11U&lt;m\x163c\x9c\x93\xd4\x88Xk\x7fO\xeb+\x88\xb5\x14\xd3Q0\xf9\xbd\xad)\x8d\x9e\xf9"\xe0^\xbfx\xcc\xd6\x0e\x98\t\xb0\x12a\x1a\x8c&amp;\x18[-\xb5\xe4\xfcl`&lt;b\\h\xbeJ\xeaN\xac=/\xb1\xc5p@\\VCZ&lt; \xc2R\xc6\xd6\xc8\xefC\xb2\xc4#\xa85\xaal\x8b\x8a\xbd&amp;\xb4\xea\xa4\xc9n\xa9\xdd\xeb\x88\x87\xe4\x05\t\xe9\xdc\xa4\xcb\re\xac\xf1$\xc3\xf3\xb2e_@g\xbc\xd9\x9f\x14\xea\xd1\x1c\xc4\x83H\x04&lt;\x0e\x8eH\x07\xa6\x12\x1f\xfd_\xff\x88P\xba\x89\xc9\x91\x19P\xa3\xff]yy\x8e\x98\xf6/\nM}R\x18e\x91\xa1\x89\xcdrd\xd7iG\xd7&amp;%i\xa4O6\xe4\xfb\x80t2\xd2\x14D\x94Z\x82F7ta\x7f\x9dN\x9c\xbbu3\xb5\x84\xe7_0\x1a\x1f\xbd\nL\xf6Z\xd6\x0e}\xbd\x8d\x0c\x8f\x0e\x15\x9b\xbc\xb3\xb3\x7f\xd0\n\x19\x17\x0b\xbd\xe3\\F\xb7\x8c\x85\xe2`\x9cwN\xeb\x1b \xbcR%\xa5\xc5\xa8\xa9\xa8Q\xd4\xaa&lt;\x17\xf3\xa6Hf\x8e\x98\x17\xc4\x88\xe1gl\xd3\xe2\x95\x88$w\xf2\xd7Z\x83\x1d\x95f\'%\xc0p.I\x16k\x87\xbaRI\x92{=\xfcc\xe7\xb1\xff\xb3\xf5\xa1\x19a\x87\xa8\xc4U@\xa6\xbb/E/1\xd0\rp\xe7\xab\x94|A\xbd|\x91\r&amp;WB\xba\xbfx\xf5"\xa9\xb5Xz\xb2\x01\x1c\xb1H\xa8\x0eR\x141\xdbB4\xea}\xa8\xba\xc1\x0b\x90\xcfmf\xa3y\xc6\xfe\x01QR\xc3\xf8\xfdH\x97\x1f\x9fA\xd0\x00\x1c\xdb\xe3xOu\xe5)\x96`\xf5\x00\x8ap\xa4\xfbi"\x19]&lt;a\xf8\x853\xfd\xb4v\xae\xc7?-\x0e\x9a\x1d\xe1\xfc\x92\x08:-]\x9dK89M\xc7\xced\nmY\xe5l\x12\xd2\xdc|\\\xc3\xd6qr*\x14/\n\x8d\xc9/\xf7\xb7\xcdc\x85\x01\x80\x15=\x81e*\xbb\xa0\xb8\xd4"NGb\x82A\xae\x97\x11`\x8e\xfbVq\x85rH6\xcb`nU\xff_h\x87\xfcO-\x8f\xc9$\xc7\xd7t\xffl\x0f\x17\x9bVlF\xce*\xa7\x85\x01\xcc/UG.\xa1\xa2\xf6\xd2\x99\xfd\xa0\xc8h\xc4\x06,Ee\\\x14\x98\xaf\x1f\xda\x1f\xe6\xa1\n&lt;\x85\xdf\x10L\xf8\x94\xcdK\xd7\x91q\xed\x9a\n\x00\x7f\x10\xa0\xdc\x05\x93\xd72t\x87\x95\x83\xedk\xe6\xd7:\x1cI\xb1\xa7\xcf\xf7\xddj[\xd8J\xbeRV_\xe2/\x00\x14\x80\xedoi\x8f\xf0\xd2 T%\xf8\x1b\xc8\xed\xa4\xce\x89\x95\xe6\xc7\xa6;~\x0eo\xb1B\x93\xfe\xb7|\x14F\xe4bC\xeb\xb0\xbc\xd4U\x87\xd8\x99\xd4\xbeE\x97\xef\xd3}\x0ew\x9bD\xf0\xb2&lt;\x93\xfe&gt;\xc1\xd7\'2\xa4\xe3\x8a\xe0f\'\xf0t9\xd4$\xc4:\xc9\xd4\xbfI\xc2\xd6\xffl\x02\xcb\x15C~\x17*&lt;\xf3\xa9\xa3Mz"\xe3\xf3u\xae\xc0\x08ZL\xf9p\x1c^\x86\x12ar\x84\xd6\x8bc9\xe3\x8b\x08\xde\xb3\x12w\x84()\x19?\x94#(e\x83\xd6\x8f\xb3\x12!\xf3Q\xf0\xab\x89B\xd9\xc7\xde\x04\xed7A\xeb\x1f\xf3:p\x8c\x90\xe9\x1ch\xf4\x1d\x17C_\xa6\xbc\xbc\x99\x99t\xf3\x12\x0b%\x8d\x939q\xd9#\xe5I\xa2\xc3\x1e\x15\xaf\x1f\x9e\x9fZG\x9d)\x17\xd9-:L,\\w\xbc\x1b\x91\x0cy\xb4\xb0\xcd\x175S\xf9\xbaN\xcb\x16x\x84y+t\xf4\x9a,\x97\x0e\x14\xf2\x1dk6\xf4W\xedj\x0b\xacYa\x1f\xa3\xa9\x95\x0fV\xf6\xad\x00/\x9c\xdf\xe5\x9c\xb2\x97/\xde\xf3\xf23\x12jS\x8c\x8eV\xc4\x8eX\xec\x8d \x93_)\xd1\xccLPK\xed\xc4\xb7\xcb\xd8\xaa\xfeU\xa7t\x8c\x99\x94N_\xbad\xff\xca\xb6!\xaf\xcat\x15\xdbe\x13\xa8\xe0\t\xfa\xcf\x94\xb9\xd9\xa1\xe4o\xac\xad\xf9#%@79\xed#p\xc6\xb1\x19\xa5\x02\x95H\x89\x1c%&gt;\xe3\xa0\xb2\xd9\x8b\x99JO\xdd6\x8e\x89\xca\xb3\x1a\x87\xf5\xf3=\x88\xd6\x14-\xb3\xfb\x8d\xb6\xceI\xea\xbe\x1e\xeeN\xe4`\x16~\x8b\x1c|Q\x80\xc2[@\x04\xa8\xf2C\xf2\x0e\xa5\xbf\xc0cb`g\xe2;\xdf\x04\x88\xe7\xa5\x8d\'\xa5I\xfa0\xc9\x8c2\xbc\xaa3\xf0:\x05\x02\x1e\x02\xc7#\x02\xc8\xab\xfe\x87\x9b\x9a\x03\xf2M\x89;\xe1\xd8[a\xcfj\xeey\xa1\x8eo\xfbcN`(.\x8b#\x9b,\xca\xfbN\xfe3J\xff\x81\xcd\x99hv\x0c\x83Lp\xc2\xc3\xef(\xec\xb4v\x1f\xae|\x88%Y\x1f,O\xdb3\x95\xebF\xd2\xc3p\x82\x0c\x16/52\x1a\xe4\x9d\xfe\xab\xd6WL\xcd\xce\x01\xbcY,\xa0\x18~;ZY\xf5\xb1b\x0b\xd3\x8f+&amp;\x01\xb8g?\xbc\x13\x8f\xf6v\xa8Y[wC\xf2\xfaI\xa4\xc9\xe61j\xb7\xf6r(\xeb\x87\xf0X\xda\x864\x9b\x17\xda\x14]j\xfbp\x1b^\xfc\xcc\xba\xb5\x8a\xa0\xf7I\x00WI{\x0f\xc4\xf1\x17\xa9\xad\xe7\xaf\xdb\x97\x9e{u\xb2\xa1\xebj\xa6\xb2\x1d\xfbj\xa8K%\xb8\xe6\x88\xa1\x01\x9e\xceT\xa2k_\xcb\x95_\xfc(Z\xf6/+C\xc1\x01\xd2\xea\x97\xe1{\xdb{\x99\x05\t=\xd1\x02\xdb\x8a\x12\x95\xf2`\xa3.\x8e\xa6U]R\x96\xe9/nK\x04]\xb4^\xca\xea\xe3&gt;R\xd2-\x87#\xe5\x1f\xdb\x8fu[\xd5\xe2\xf2\xc0o\xb67\x06Wu\xa0\x94i&gt;i\xcf\xfd\x7f\xee0b\xa4`r\xab6Gw\xc2\xaf\x9f\x92R\x99L4\x81\xf4\\\xb9\xe8 \xaf\x8fO\xbe\xc1\x1bm\xf5Pb\x8d:\'YC\x05)\xcb0\xbeV\xa6\x9e\xd2\x01\xa4\xd4\'\xcdn\x8b\xc6%n\x02\x9b\xdd\xb9\x83\xe6\xaf\xe5\xd6\x1f\xe0t \xa6\xab\xc7b\x8d\x91\x05R\x9f\xe0\xa6\x01o\xe3\x1f\x85v\x02B~\x829\x19\x99mx\xc6z\xa5\xb2O\n4\xf8\xd4in\xfd\xf5\r\x9ff\xe6\xeb@\xed\xed\xc4\x03\xe2\n\xf0E@\xba\xf2\x7f\xe0\xb8{\xa2j\x0e\xc9\x9eH\x8b\x02]\xd2\xa1\x0f\x18\xfa\xd6G\x97i\xef%\x89\xeb\xb8\xd4\x1c,t\\C\xe2Rd.\xa5\x07\xd85/J\x83}g9\xf5\xff[\xaa \x17\x887 \xbd\x9d9ff?\x00\xd0\\\xacF \xa5\xd8\xdb\xe1\xf9\x85\xfe\x9f\x13\xc5\x1c\xc8o\xea\x04\xc5BZ]\xb4\x91\xd9R\xbd\xf0\x03U\xec\x16S[U_Mdf\xdc\xbc\x9f,&lt;{\xa8\x16\x84\xbfD\xa0\xfc\x9a(\'\x9e\xa71(\xb9\x08\xb3V\xa0oY\xee\x8d\xcdW\xfby&lt;c\xa2\xd3\x89\xadja\xc0\x85\x91i$\x87:q/\xb7\x8a\x18\xdao}\x8b\xbfqo\x83\x8cg~\xb7~~$\n\x9b\x02\x95\xecu+\xc0\xe5\xdf\xbe\x9e\xe0\xd7\xfe\x01\xbc\xb6"F_\xd5\x11{\xda\xb20k\xceU\xfaG\xcf\x98\x0e\x931\x8e\xe0\xb9\x1f*/\x04u\xc8\x1d\x83\xcf\xe7:\x19\xaa\x03s\xb3F\xe5\xce.\xe2\xd9\xd4\x81\n\x8e\xaa`6o,\xa0\xec\x92&amp;\xa7\xd3Tc\xd2\xda@\xffqi\x0f\xe8\xc4\xc0\x18_\xe3:\xb4K\xed\xf0\x84\xddc\xb4\xd50\nKxd\xdd\xde?\x00\xc0ZN\xc8\x1d\xfa5\x03\xc7\x05\xb6]\xaf\x8a`*\x08\xd8\xd76\xa0\xe1\xc7G\x18\x965\xa1\x18\x11\xba\x84\x15_\x91\x17f\x14H\x93\nk\xff\xddR\xbf7ner\xa0\xe6B\xf6\x0b\xbe\x8fqo\x7fx\xa9rpB\x93\x9d\xa3oh\x8cjF\x93\x87\x7f\x94\xc6\xf2\xcej\x9f\x07\xc7\xef\x00\x07\xd6\x8a]\x81\x13\xf8l\xd1\xa2#\x9e\xa0\xe7\xba\x9c/\xd5\xc7]\x94\x9dq&lt;\xd6B\xc1\x07\xabO:IH\xe3H+\xffF\xf8"\x16L\xd1\xbb\x89=_\xa8\xd5\x11!\xe5!c\xe3E\xbf\xfd4\xac\xaf\xb0*\xfe\xc3\\\x1b\xc6*\x98d\xd4\x16\x84\x1aX@\xfe\xd6\x17\x96\x13\xc6\xb1\x124\xf0\xae\xb2\xb5&lt;\x9a\xf6?"d\xe9&amp;\xd5D\xbe\xa3\xf27Nz~ u\xaeJJ\xe7\xcbz\xaet\xb3\x85\x88]@\xcd\x10r]O\xae\xbba)A\xf0\x9aWB\xdb\xeb\xc5\xebI\xa7\x94\xda.\xe2\xf2\x1b\xa2\xb2\x94u\x8a\xbd8\xc2\xecEebq\x02\xad\xd8Y\xdf\xd6h"3J\xdet\n\xab\t\xef\xe5N\xa8\xe4o\xf9\xd7\xfa17.\x81\x87\xf0K\xdaM\xdaN&lt;&amp;\xf4\x8e\xfd#\x91I\xe3\x16\xb6Bc\x94\xdb7O\xd0\xad\xd6\xe7\xa2,{p\xf7\xcb\xc1}\x84q\xf2\x0b\xd3h\xaa\xf7/\xaf\x1c3\xae\x93\xe3\xd6\x14\x97l\x95\x99&amp;\xadu@\xd8E\xc9H\xa7\x98\xde\x1c6\xb5]x&gt;\xf7cn\x84|\x0c\xc5UU&gt;s%)\x1ez\x99F\xc3\xc6\x861\x1eXm\xd1L_L\xd2\xa3\x1e\xe0| NCQ:}\xe3j\xe3y\xa2&amp;e\xb2\xb9Hx\x13\x8f+\x8ei\xd8N\x7f\x81Q\xc3\x9dOM\xfeV\xcd\x0f\xef\xaf\x8f`\xe7p*i +\xd7\x05F\xf5)V\xaf/C\x05Zcia\x16&gt;\xad2\x87\xc0\xeaM\xe5\x1b\x03MEt\x98\xb7\x0c\x00\xfd\xfbK\xb1\xbc\xe9U\xd3\xa3"[\x8cdB\x14\xc9\xffC\x81bg)G\x14SO\xb9\xf8\x14\x9a%($\xad *\x10U6h\xd0XdG\xd7\xac\xc5bc\x1dz\xb0\xb7#\x1c\xd0X\xf4\x83~\xa5NF\x98^\xf6\xac\xe1\xfa\x02\x1a;a\x17\x82X~\x9cde\xbf\xd7\x16\xec0\xa9\xd9[\xcd\x1a\xe0\xee\xb7\x16\x12?\xa8\xee\xc1_\x88W\xd5XtzG\xfc?fF\x1c6\x92kY\x06\t\xca\xa1b\x08\xf1a\x13\xaa\x1b\x94\xdc\xd9\xfer3\xc2\xf5\x7fv9zk\xfbo\xaa\xb0\xdfQ\x1b\x95\xc6\xef\xae7\xf8U"\x98\no,|G\x89&gt;\xae\x10\xb3\xb1\xae\xa7\x16\xb5zUt\xc5^f\x96\xcb\x85a[\nm\xdd\xd1g~\x83\xe1S\xda,^\x95\xd3qS\x05@kC0\xdb\xbb\x92\xd1\xf1\x19OQ\x1f\x963\x1d\x98\xdb\xea\x10\xc7\x1b\xcf\xa5\xce\x07\xd4\xe7\xd4\x99\\\xc9\xb5t\x12\xcf:W\xdf&gt;0\xb0~\x8b\x0e8\x00\xfc\xe7\x9f\xd6\xc8\xea\x90P/;\xed\x83{\xf2\xff\x18\x19\x8c\xe9$\xd6\tB\xf0\x00\x9b\xb4\xe4\xaf\xf8\x1c\xef\xed\xa2H\x7f\xa5\x93rj\xf1\xf6\xff\xcdn7:\xef:\xed\x01\x83\x99xT\xae\x05q\x18t\x97\xa7\xef\x01w\xcd\x8a\x99u\x16\xf3\xced\xc3\xc8\x82\xbb\xf9\xdeF|\xd2G\xb6\x9b\x9f\x98\xa1\x9e%\x82\xd8M\t\xe4rpy\x9c1\xcb\x93\x104\xe1G\x8a\x93\xb0YH\xd2;\xaa\xc5\x97\xbfu\x0f!J\xfd\x8c\xeb\x1fv\xc9\xa2*\xa1\xe0\xaeb\xeds\xe2\x1d^\x92\x7f?\xb5H+\xdb\x95\xd5/\xf9\xa0i\xdbe\xe1\\\xb8\x8el\xc0\xc1\x8f\x01\xe9\xc1\x82M\x8d\xa2&gt;+\xe1\x99!E\xfb\x0b\xf0+\xad\xb7 \xdf\xff\x1a\x063\xce\xe7M\xb4Zx\xb7\xee%\x84w\xd8\xc5\xde= \xafS8dDA-R\x93j\x15\xd6\xa19\x95\xc0C\xbc\x94K\xd8E\xd4[CR\xcf\x93\x1d\xde\x82k\x9b;\xe8t{+q\x16Qz@\xd6\xa3\xcfs\xee\xda\xe0"Q\x86G\xc17\xceBv\x8cF\xd6\xbcZ"\xbcvX\x99\xf9\xe7\xb9\xe0\x1fK \x98\xe6\xe2u\xc0\xc4)3\x9c\xef\xb6~\x1d\xd4\xd4\x1bb\xac G\xba\xaaG\xbezO\x04\x02\x86_`\xce"*e\xe5,\xd2B\x18lE\x8f\xab\xbfAi\x11\xe8\xa1\xafe\x1bT\xf3n)\x17\x1ct\x87\x1d\xe8\xc7L\xbc\xff\xd34G"|\\\x98\xd8\xe2\xd9\xd0\xce\x80f\xae&gt;\xa2\x1f\x82\x07\xd15\xed`\x87\xdb\xd6\xb1\xed\x02\x84\xadC\x18c\xcf\xd7\x00\xac\xae\x85\\\x93"\x12/\x94\xc3\t\x063(BD[\x87\x03\xff\xb4\xaaZ\xe9\xc1\x85Z\x96H\xb2\xd5\x04%\xa5\xb7\xad D\xee\x9fNf\xed\xf5\xeb%\xec\x1eYl\x00\x8bp\x98\\!{G\xed\xc7ul^s\xd7\xff\xe9a\x7f~\xd8\xb3\xfa\xa0g&gt;\x13:W*!\x8f\x81 \xc7$-\xcc\xf0\xf8\x89\x8f\x0c'</t>
  </si>
  <si>
    <t>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</t>
  </si>
  <si>
    <t>b'\xbb\xc3\xa6\xe5!\x80`-\x045\xd8\xb5=\x19\xcd"'</t>
  </si>
  <si>
    <t>lue of 9.1 x 10â€“31Kg.
Equation 1.1 shows that the mass of electron increases with the velocity v and approaches infinity
as vÂ®c, the radius of electron is very small and is considered as point mass. 1.6 Field Intensity
The electric field intensity is the force on a unit positive charge placed at that point in the field. In a uniform field the electric field intensity is constant (the same at any point in the field) while in a radial field the electric field intensity decreases as the distance from the central charge increases.
The electric field E at a given point is defined as the vectorial force F that would be exerted on a stationary test particle of unit charge by electromagnetic forces (i.e. the Lorentz force). A particle of charge q would be subject to a force.
F = qE (1.9) Its SI units are Newton per coulomb (N.C â€“1) or, equivalently, volts per metre (Vmâ€“1 ), which in
terms of SI base units are kg.m.sâ€“3 Aâ€“1. 1.7 Potential Energy
When an electrostatic force acts between two or more charged particles within a system of particles, we assign an electric potential energy U to the system. If the system changes its configuration from initial state i to different final state f , then the electrostatic force foes work W on particles.
Ã„U = Uf â€“ Ui = â€“W (1.10) The potential energy of charged particle in an electric field depends on the charge magnitude.
However, potential energy per unit charge has a unique value at any point in an electric field. For example, suppose we place a test particle of positive charge 1.6Ã—10â€“19 C at a point in an electric field where particle has an electric potential energy of 2.4Ã—10â€“17 J. Then, the potential energy per
unit charge is 2.4  Ì10 â€“ 17 = 150 J/C 1.6  Ì10 â€“ 19
Next, suppose we replace that test particle with one having twice as much positive charge, 3.20 Ã—10-19 C. we would find that second particle has an electric potential energy of 4.8Ã—10-17 J,
twice that of first particle. However, the potential energy per unit charge would be the same, still 150J/C. Thus, potential energy per unit charge, which can be symbolized as U/q, is independent of charge q of particle.
  Basic Electronics
7
                 The potential difference Ã„V between any two points i and f in an electric field is equal to the difference in potential energy per unit charge between two points.
Uf Ui âˆ†U âˆ†V = Vf â€“ Vi = q â€“ q = q
(1.11)
One electron-volt (eV) is the energy equal to the work required to move a singl</t>
  </si>
  <si>
    <t>b'y\xc8\x05\xcd\xbb\x1a\x8d\xd6n4&lt;\xea\xf8\x9f\'\x9d5\xa7{\xf4\xe3D\xb1\x0cJ\x8c\x83\xfeW\xba\xcd\xd9;\x05\xb0Y\x0ct\xa8\xbc\x8d\xfb\xe6c\xdf\xf8\x19Z\x14%\x85t\xf1\x1e\xadw\x1e\x1e\xb6\xb1\xd8\xcb\xff\x04O\x94\x8d\xd0\xd2B\x98\xcb)\x86\x0b\x11\x95h\xf9\xcc\xeek\xa5R6/0a\xa67\x83,\xe6\xc87\x85U\xbb\xcc/\n\xfb\xe2\xeb\x92o\x9a\xb2\xeb\xd5\x0cvj4\x83\xf7\xfe,\x1e\xfa\xa2\x97N\xc5@\x10\xf0\x8b\xcc\xc1}\x00t\xfb\x89\xc7\x90\x07\x02\xdd\x03\x17\x89@\xbfBhO\x0fw\xdc%p\xf6Ul:\n+\xc5\xd1\xe3T\x15\xbeU^\xf41\'x\xd6j\xb2\x83\xf3\x0c\xa3\xce\x8d\xb3J""\\\xde\x1b\x9c\xfd\xf2\xa0=\x86Z\x81\xdev3\xdc\nf8!\xd5DG\xff\niaB\xb7\xa1}\xc8eI"\x91\x8f\r\xc1\xb5\x0cL3\xcc\xb3U\xd2\x0800y\xb3\xb3o:\xf3V\xe4c\x1c.1@)\xf6w\xc1\\\xe7\xa6W\xed\xb6\xd3fs\xa5\x85Kg\xb6\x8d\x0cmK\xf1f\x15_\xf2\xb7\xfcX$}\x17\x8b\xe0\xe5/\xc1\x1e\x98\xe0\x9400\xe7\x9e\xb3\x01\xab\xa3c\x83\xe7\xba\x10B\x03Km\x19\xf66\x06x\xd6\xc2U\x17\xec\xc5\xd5G\xe6Jf\xc3N\xe2j\x82\xdc\x82\xa7\x94&lt;AM\xbf\x90+-\xa2e$\x86\x03$\xbdbw\x07\xcd\x04\x9ff\xfc\x073\x97W\x029\x8a\x0b\x88\xb8H\xacKm\xca\x89\x97\xd3O[\xaa\x8c\xbf\xbd\x8b\xc0 \xa4Q2\xc0%\xb9\x08\xe3s\xc4o\x8e\x92m,P*\x00 [\xf0S\x8dI\xf2\x86\xac\x8e\xc8\xc6\x19\xef\x8d\xc4\xa63\x91\xe4\x03\x0b(0\x91\xe0\xb3q\xfd\xa4v\xdd\xc5U\x98\xb60h-\xc1\x9eC,\x8cf\x08\xb8\x80p\x0b\xf7\xccj\xc7\xf9/\x9f\x08\xe9y\xcc\xb7k\xa2E\x82\x8e\xbb}"\x01\x88hR\xa4^\xa9\xc9\xde\xc9[q\xc2u)\xd3\x86v\x93\xd4\x10\xfef\xbb\xa0\x0bD\xb7\xa5\x8e\xff\xae\x17\x07)I\x90\xc0\xc9\x0f\x1b2\xe5\x1e\x18\xfe1\x89\xb8[\xb8\x11\x82U\xa7\x06\xcf?V2\x1c\x881\xb9\x1c\xbd\xf8\x8e\xc2\xc3|\xff=\xcd\x8dJ\xa42#\x89\xbd&gt;"5\xffZ\x16Q\xe7|4g\x90\xb3\xfa\xf0\xb9k\xb6\xf8kEp\x12\xe9\x9a\x96\r\xbf\x04dm\x96%?\x06\xe6\x8d\xc0\xb8=k\x1f\xa8ITS\x0b\xe6\x93?\xa2\x1b\x86\xa4V;Q\xe8\xae&amp;\xb9\xdft\xa6\xe9TC\xc7_\x08uaj\xf0N\xc4C\x1c/\xe9\x0bs\x16\xa6C{\xddq\x875\xadl\x86\x8ds\xfb\xd3\xae\xba\x1b\xda\xfd\xa2 #A\xd8\xbc=\xf9\xa8A=B\x95%$\x07\'`\xfa\xe3\xa2\xb2\xe7$\xd7\x8d\x9fF\xeds\xdf\xdc^\x07x\\\x9bF\xff\xff\xcfH\x1e\x94\xe4\xb8\xe1}\x1c\x97\xb57\xfbR\xe5\xb2\xcf\xe1\x7f\xb7\x03\xcb#U=6w\xc4T\xdb\x0f\xccF\xb5nd\x9b\xf7O\xa0\xa8\x9e\xcb\xa8\xa1T/8\xd3\x98\x02$\xca^D\x99\xdf(n7\x17\xa1\xa3\xac)W\xdaY2Q\xe4\xaelT\xf4~\x85\xc0\xbbm\xb5v\xfd\xc7+\\\x84\xa5\ry\x98\xb2\xee\x94\xda\x0c\xfc\xf4\xb9w*\xe7c\xf5n\n\x1e\x0cH\xa1\xf9\xcb\t\xc2\xa74\xcd\xde\x80I\xb7b\xf5\x01\xfc/_\xf8}\xde\xc4\xac\x93\xe5\x04]i\x1a*\xd8\xbe\xc8\xc9\xb5"\x1fy\xab\x0cs\xf4\x85\xa7\x91\xa0\xee\x08$gih\x07\xaf,1c\xd2A\xea\xba\x0ba\x9aX\xe5d&gt;]\xa0N\xf3\x00\xa7\x1a\xadI\x04\x0fP\xf6\x02\xb4."\x1d\x835g\xa6\xfc\xdb\xd9l$\xe0\xdfV\xb2\xdd\xe8p!\x91\x13H\x10+\x80\xd9\x08\x10\xc2\xd2\xc00\xb4]/X]i\xf0\xd5\xee\xce\x97\x7f\x95\x89B\xd8\x17-5\xbd\x02\xce1\t\'\xfft\xf3)-\xc6\xbf\xce\xces1\x14d\xa28\xd9\xc7\xa4\x9a\xd6\xb1\x02\x9c8O\xbd\x97\xdab\xb0\x04\x0e\xdc]\x05\x16\x15U?\x02\\\'xo\x05\xf7%(\xd9\x03*dP\x0f\\M\xd3=\n6\xc3\x12\xd3\x9c\x17\xb0\t\xbc\xc8#\xf5U\xd1\xe0\xfb8Gp:Iw\x15\xc7\x9fZ\xff3YJ\xbc\xc9O\xd4\x98\xb9ECC\x1fd\xc87\xbe\xd40i\xb5\xa8\x86l[\xbd\xf9\xe1\xaf\x97FY\xbdA\xbc\x11o\x86\x83c\xf3\x93X\x83\x9cX\xd4\x1d\xe4\x02\x86e}\xa3\x90\x0f4\xaax\xa2P\xdf\x15\xcd\x1c\xa9\xd9\xed\xace\xe5\xe6\xed\xcc\xe9D\xa4\xb3\xe4\xa4\xb2\xdb\xd2\xe9\xc7W\xa2\x1bB\xee\xda\xf7*g\xd3\x14\xb2\x19)\x9eC\x94\x87c\x84\x92Lzz!\x1d\xca\x8a\xb6\xfes\xe5{kb\x1e\xd2\xc4\xb5]\x98\xbde\x136\n2\xea\xaf\xfd\xbd\xe0\xb4"\xf7(o\xeb\x99\x8b\x82c\xd0=\x12d!\xb6\x01\xf8\xdb&amp;&lt;2_uCB$\x12\x12\xe4\x80.n[\xe5#&lt;#g\xa1=G\xba?f\x7f\x0cD\xc3G\\9\x8f\xaa%\x9fm\xa98K\xbe\xce\xcd\xbd\x00w\xe4I-Ok\x05.7eQ&lt;\xa1u\xc4Y.]\xc6\xdc-,\x85\xe6\x0c\xd12\xe2\xab\x98\x11\xacs\x80\x97H\x93i\xe1\xc3\x80o\xf7\xab\xac\xd9\xd2~\x0f\xfc\x9e|F\n\xf3\x8b&lt;\x86\xcc\xd8[\xc5\xb8L\xda\x10\x94x\x866&gt;\xc5[%\'\x84\x18\xd8 3\x8a}\xae\'\xcc\xd4\xedyC7O\xe9\x85[`@\x99S\xd2\x1e\xe4%&amp;\x9f5\xc6b_\xef\xca\xa2k\x8c\xab\xfd\x88\xccZ^\x88Xk\x7f9\x8a\xbagdx\xe8M\xbb\x9c\xf6\x00\xf9|Y\xf9i\xab\xbb-R\xbd\xb7\xad\xbe$B\xa8\xb0^_\xcfn\xaed\xf4\',\xedy\xfcc\xd1+\xff\xfc/Vy\x88\x87|y&lt;$"]\xfac\xab1\xc4\xbc\xe7-\x8a\xc0\xcd8\xa3\xa1\xe3\xca\x9f\xd7\xba5\x9ar\x8c+\xef0x\x88\x03\xe6\xe9n\xc7\xd22;\x85\xbao\xf2\'\xcb\xa4\x93F\xf0\xcc\xa7Xp\xc9\xf3E\xe4v\xa7&amp;\xe9\xa6\xad\xfe\xc5\x17\xa9]A.\xcc\x8b\xc9\xa5\x92\xe3\x9f\x04\xe5\xd7\xaeg\x18\xbd\x89\xb1\x8f\xe1\xf7G\xa25p\xf7\x9e\xfe\xd5\xed\xd4\xa4\xc4\xddrkzYw\x96\xd9x\x88\xd3\x0b\xa1\x85L[\x89\x83\xcf\xd2W\xe2\xf02\xfb\xb5q\x0e\xa9f\xc3\xff\xa6\x97\xe1.\'lq\x89\x1e7\xc6_\xb1\x8c\xfd\xaa\x98\xbc`\x1e\xe6\x8ee\xefrv\xdf\xb4\xf6\xcbnk\x9b.Z7@\xf4\xf0\xdd\x11\xd3\xa8\xa7I\\k\xe2[b\xec\xca\x02%\xf2\x99\x12\xd8F\xcb \x0f\x91\x19|\xd4\xbd\xe7{\xc5\x08L\x87\x1cU\xe6\xca\x9fs\xa7\x1f\xab\\\xd5xy\x04#`H\xd2n\xb3\x17\xf7\xc3\x10\xba\xc4\xbc#\xb34M\x81S&lt;\x8a^\x829\x98\xeb\xdeb\x9a(2\xec{\xf2\x17\x1dR\xfb\x99\x02\xe0\xff\'\x18|\x1bc\x05Rx\x9b\xf4\xc0yV\xf2/#m\xa8\xf9k\x11\x02\x85\xbfj\x12\n1\xe3-\x15\x8f\xa4\xa7\xe0\x14\x9a3\xc0a\xb06\xf6\xa1~\xa7\xb4{\xdc!k\x8d\xf9\xd1\xf2Mmi\x05\x8c\xde\t&amp;\x86&amp;\x13\xb9\xc9e&lt;\xbcy\xdc\xbch\x971\xa6\xaf\xce\xa0\xd4\xd7\xd6\xbfbN\xc6\x12\xce9\xbf\xfc1\xaaa%etz\xb7\xc7\xec\xd1b\xed\x05&lt;\x96L\x07\xde\x7f\x16\x81\x1c\x03\x13\'zB/\x87\xb0\xc3\x91G\x8e\x87\xec\xe7%\x98\x8a\xfa\xd2\xee\xad\xa6V\xe3\x05)\x0f\xe1\xec\x1b\xb0\xfb6\x9ahp\xbd\x80\x0c\xf6v\'=!\x89z\x94\x0bu\xc7_%\xe8H!Y\x03\x89A-\t+\xd3\xd5U0/Y\xef\x9e\x89\xd0\xcan\x9f:\xed\x0b\xf6X\xaaY\xd4\xbfB\xa9q\xc6\xd1\xc6\xc8\xa2\xdf\x11\x92\xf0Y\xad\xb9\x07P\xf9\xda\xdb\xb5\x1e\xeb`\x82e)\xff\xd4\xbc_\x000\x1b\xfa\x0e[\x87j\x92\xc0\xd5\xee\x93\x0e\xa1\xcd5\x87\xb7F\x9f\x01\xc9\xd5\xa114\xbb\x9d\x0e]\xaa\xf9D\x9d\xc4\x9e\x96D\xf4\x86w\xee\xf93 \x92\xe6\x03\xe5\xb9\xf9\xe4\x0bK%\xfd\xc4\xddl\xb6\xd1\xba\x12\x1dU\x93A\x12]\xf5\xc76\xa44[\x07gbinq\x8frs{\xacb&gt;\x88\x90\x94\x81\xf2\xbf\x8d\xdfU|\x9f\xc5F\xd9&amp;\x11\xecn\xd5W\xfd*\x19\xbc\xba&amp;\xfe\x19\x90nC?\x19X\xb8NC\xa53\xb2\x82\xef&amp;\xb26\x9a\x82\x98\x0c\xafRh\x94W&amp;\xa2l\xcf\x01\x98\xdc\x01z\xa8\xba\xe7\x13:\xab\xa6\xd8\xa8\xa3\r\x9e7\xda\xc5\xa9`\x88\xa5K\x0e\xebCc\xc1A\xac}-k\xc4!\tmx3\x9a\xb3\x11\xd7\x12I\xaa\x96]\x93\x92FE5\r `\xae/&gt;\xcb\xcd \xf2\xf9\xf5\x82rJ\x9e\nS\xa5\xe1}\x82W+\x86%\xc8P\x10\xbf\xa9  \x16\xe8\'@\xe1|\x83\xe8\x00\xce\xeb\x1d\xcd\x1b\xf2.\xce\xc3\x95+"\xfb\xd7\x82\x9b\xb7\x8f\xef\xf5\x1e4=\x07y\xb3,\x85z\xa3\x96\xdd\x0e\xd46\xbe\x19\xf9\x15\x16\xe0\r\x8c4\x03\xb9u\xe9\xcb \xeb\x94\xf0\x97E\xf3\x05\xc3\xdf\xcf`k\xe4\xc7\xe8\x91A%\xc1\xab.\x91\xb0\x84\x12T\x12\xb5\xb4bx\xa6\x81\xbe\xc1\x99\x9b\xf9\xa7!\x1c6vV\x86\xd3\xb3\xb0\x9f\xac\x17\x01\x88\xef\xf03\x1aFn\xa7\xd0\xd79\xdb\x8b\x1e\xd7^\x03\x07Ro\xe1#u\xd7\xf7\xc0L\xee\xe2\x9c\xb1\xee\x8d\x9d6\x07\xe2\x9d\xa0\xf0\xa1o\xdfU\xffl\xb4n\xb4\xa1:\x91\xd9\xc1ah\x92\x80\x8a\xea\xe1\xbb\x04\xacol(\x7fu\xad\x87\xc0\x89\x1e\x7fn\x7f\x85\xeb5\x8c\xc0U\x0f\xc5s^h\x899uV\xad*\x82\xbf\x97\xb89\xbb\xc2\xcf\xadl\x8aI\x9a\'VB\xb3&amp;\xa9\xf1(*\x18RD\xc3\x88)U\x13\x87\x12\xa8^\xb3e\xaf\xdf\xf4\xc7r\x0bT\xe3.\xb9FG\xa7;\xa9\xd0\xd7\xc8\x82\xb6f\x117\xa7b\x1a\\\xf9\xca\xdc\x1f\x13\xd5\xd2\x99\xf2}\xb5e\xa9G\xd6ZI\x8c\x82+z\xe4\xb1\x88O&amp;\xf6\x85kf\xad\x82\x82\x1c\xb1\xb7\x92\xdd\x7f\xfc\xfc\xae\xb0sR\xe2/\x8a\x07K\xfe\x182IB(\xb9A\x07\xb7U\x96\xf1O\xa9\xcbx\xa4\xc0[\x92\x88EY\xeb\x0c+\xe8\xfcl\xa6\nA9\x82\x8e\xe84\xa1h\x8d\xd0,\xbc\x10\xdb'</t>
  </si>
  <si>
    <t>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</t>
  </si>
  <si>
    <t>b"y\xc8\x05\xcd\xbb\x1a\x8d\xd6n4&lt;\xea\xf8\x9f'\x9d"</t>
  </si>
  <si>
    <t>given
 out.â€
 â€œBurn my vessel!â€ cried Captain Speedy, who could
 scarcely pronounce the words. â€œA vessel worth fifty thousand
 dollars!â€
 â€œHere are sixty thousand,â€ replied Phileas Fogg, handing the
 captain a roll of bank-bills. This had a prodigious effect on
 Andrew Speedy. An American can scarcely remain unmoved at
 the sight of sixty thousand dollars. The captain forgot in an
 instant his anger, his imprisonment, and all his grudges against
 his passenger. The Henrietta was twenty years old; it was a
 292
 great bargain. The bomb would not go off after all. Mr. Fogg
 had taken away the match.
 â€œAnd I shall still have the iron hull,â€ said the captain in a softer
 tone.
 â€œThe iron hull and the engine. Is it agreed?â€ â€œAgreed.â€
 And Andrew Speedy, seizing the bank-notes, counted them and
 consigned them to his pocket.
 During this colloquy, Passepartout was as white as a sheet, and
 Fix seemed on the point of having an apoplectic fit. Nearly
 twenty thousand pounds had been expended, and Fogg left the
 hull and engine to the captain, that is, near the whole value of
 the craft! It is true, however, that fifty-five thousand pounds
 had been stolen from the bank.
 When Andrew Speedy had pocketed the money, Mr. Fogg said
 to him, â€œDonâ€™t let this astonish you, sir. You must know that I
 shall lose twenty thousand pounds, unless I arrive in London by
 a quarter before nine on the evening of the 21st of December. I
 missed the steamer at New York, and as you refused to take
 me to Liverpoolâ€”â€
 â€œAnd I did well!â€ cried Andrew Speedy; â€œfor I have gained at
 least forty thousand dollars by it!â€ He added, more sedately,
 â€œDo you know one thing, Captainâ€”â€
 293
 â€œFogg.â€
 â€œCaptain Fogg, youâ€™ve got something of the Yankee about you.â€
 And, having paid his passenger what he considered a high
 compliment, he was going away, when Mr. Fogg said, â€œThe
 vessel now belongs to me?â€
 â€œCertainly, from the keel to the truck of the masts,â€”all the
 wood, that is.â€
 â€œVery well. Have the interior seats, bunks, and frames pulled
 down, and burn them.â€
 It was necessary to have dry wood to keep the steam up to the
 adequate pressure, and on that day the poop, cabins, bunks,
 and the spare deck were sacrificed. On the next day, the 19th of
 December, the masts, rafts, and spars were burned; the crew
 worked lustily, keeping up the fires. Passepartout hewed, cut,
 and sawed away with all his might. There was a perfect rage for
 demolition.
 The railings, fittings, the greater part of the deck, and top sides
 disappeared on the 20th, and the Henrietta was now
 only a flat hulk. But on this day they sighted the Irish coast and
 Fastnet Light. By ten in the evening they were passing
 Queenstown. Phileas Fogg had only twenty-four hours more in
 which to get to London; that length of time was necessary to
 294
 reach Liverpool, with all steam on. And the steam was about to
 give out altogether!
 â€œSir,â€ said Captain Speedy, who was now deeply interested in
 Mr. Foggâ€™s project, â€œI really commiserate you. Everything is
 against you. We are only opposite Queenstown.â€ â€œAh,â€ said Mr.
 Fogg, â€œis that place where we see the
 lights Queenstown?â€ â€œYes.â€
 â€œCan we enter the harbour?â€
 â€œNot under three hours. Only at high tide.â€
 â€œStay,â€ replied Mr. Fogg calmly, without betraying in his
 features that by a supreme inspiration he was about to attempt
 once more to conquer ill-fortune.
 Queenstown is the Irish port at which the transatlantic steamers
 stop to put off the mails. These mails are carried to Dublin by
 express trains always held in readiness to start; from Dublin
 they are sent on to Liverpool by the most rapid boats, and thus
 gain twelve hours on the Atlantic steamers.
 Phileas Fogg counted on gaining twelve hours in the same way.
 Instead of arriving at Liverpool the next evening by the
 Henrietta, he would be there by noon, and would therefore have
 time to reach London before a quar</t>
  </si>
  <si>
    <t>b"\xa0\xe2\x03b\xa0\x0cI\x8d\xb4\x1f'wK\xa0\xddS\x8d\xb8\xfer8ON\xa8x\xf6\xf9\xc0\x11g\x8a\xa8"</t>
  </si>
  <si>
    <t>a0e20362a00c498db41f27774ba0dd538db8fe72384f4ea878f6f9c011678aa8</t>
  </si>
  <si>
    <t>b"\xa0\xe2\x03b\xa0\x0cI\x8d\xb4\x1f'wK\xa0\xddS"</t>
  </si>
  <si>
    <t>Q1), we have
 IC1 = IS,Q1
 IS,D1
 |IC3|. (14.16)
 To establish a well-defined value for IS,Q1/IS,D1, diode D1 is typically realized as a diode_x0002_connected bipolar transistor [Fig. 14.16(b)] in integrated circuits. Note that a similar anal_x0002_ysis can be applied to the bottom half of the circuit, namely, Q4, D2, and Q2.
 3If the dc level of Vin is close to VCC , then Vin is applied to the base of Q3 instead.
 14.4 Improved Push-Pull Stage 685
 Q1
 VCC
 D1
 Q3 Vb1
 (b)
 Q1
 VCC
 Q3 Vb1
 D1
 (a)
 Figure 14.16 (a) Simplified diagram of a push-pull stage, (b) illustration of current
 mirror action.
 The second question can be answered with the aid of the simplified circuit shown in
 Fig. 14.17(a), where VA = âˆž and 2rD represents the total small-signal resistance of D1 and
 D2. Let us assume for simplicity that 2rD is relatively small and v1 â‰ˆ v2, further reducing
 the circuit to that illustrated in Fig. 14.17(b),4 where
 vout
 vin
 = vN
 vin
 Â·
 vout
 vN
 . (14.17)
 Now, Q1 and Q2 operate as two emitter followers in parallel, i.e., as a single transistor
 having an rÏ€ equal to rÏ€1||rÏ€2 and a gm equal to gm1 + gm2 [Fig. 14.17(c)]. For this circuit,
 we have vÏ€1 = vpi2 = vN âˆ’ vout and
 vout
 RL
 = vN âˆ’ vout
 rÏ€1||rÏ€2
 + (gm1 + gm2)(vN âˆ’ vout). (14.18)
 It follows that
 vout
 vN
 = 1 + (gm1 + gm2)(rÏ€1||rÏ€2)
 rÏ€1||rÏ€2
 RL
 + 1 + (gm1 + gm2)(rÏ€1||rÏ€2)
 . (14.19)
 Q1
 Q
 RL
 2
 out
 in Q4
 (a) (b)
 v
 r v 2 D
 1
 2
 Q1
 Q
 RL
 2
 in Q4 v
 N
 gm v Ï€ r Ï€ v 1 Ï€ 1 1 r Ï€ v 2 Ï€ 2 1 g Ï€v
 RL
 v out
 v N
 (c)
 m2
 v out
 2
 Figure 14.17 (a) Simplified circuit to calculate gain, (b) circuit with resistance of diodes neglected,
 (c) small-signal model.
 4It is important to note that this representation is valid for signals but not for biasing.
 686 Chapter 14 Output Stages and Power Amplifiers
 Multiplying the numerator and denominator by RL, dividing both by 1 + (gm1 +gm2)Ã—
 (rÏ€1||rÏ€2), and assuming (gm1 + gm2)(rÏ€1||rÏ€2) _x0005_ 1, we obtain
 vout
 vN
 = RL
 RL +
 1
 gm1 + gm2
 , (14.20)
 a result expected of a follower transistor having a transconductance of gm1 + gm2.
 To compute vN/vin, we must first derive the impedance seen at node N, RN. From the
 circuit of Fig. 14.17(c), the reader can show that
 RN = (gm1 + gm2)(rÏ€1||rÏ€2)RL + rÏ€1||rÏ€2. (14.21)
 (Note that for IC1 = IC2 and Î²1 = Î²2, this expression reduces to the input impedance of a
 simple emitter follower.) Consequent</t>
  </si>
  <si>
    <t>b'jV\xdb\xf008\xd6b\xffa\x80\xaa\xf1]\xbf\xde'</t>
  </si>
  <si>
    <t>6a56dbf03038d662ff6180aaf15dbfde</t>
  </si>
  <si>
    <t>ur way," he said, "and unless we find it again in
time to reach the Emerald City I shall never get my brains."
"Nor I my heart," declared the Tin Woodman. "It seems to me I can
scarcely wait till I get to Oz, and you must admit this is a very long
journey."
"You see," said the Cowardly Lion, with a whimper, "I haven't the
courage to keep tramping forever, without getting anywhere at all."
Then Dorothy lost heart. She sat down on the grass and looked at her
companions, and they sat down and looked at her, and Toto found that
for the first time in his life he was too tired to chase a butterfly that flew
past his head; so he put out his tongue and panted and looked at Dorothy
as if to ask what they should do next.
78
"Suppose we call the Field Mice," she suggested. "They could probably
tell us the way to the Emerald City."
"To be sure they could," cried the Scarecrow; "why didn't we think of that
before?"
Dorothy blew the little whistle she had always carried about her neck
since the Queen of the Mice had given it to her. In a few minutes they
heard the pattering of tiny feet, and many of the small grey mice came
running up to her. Among them was the Queen herself, who asked, in her
squeaky little voice,
"What can I do for my friends?"
"We have lost our way," said Dorothy. "Can you tell us where the
Emerald City is?"
"Certainly," answered the Queen; "but it is a great way off, for you have
had it at your backs all this time." Then she noticed Dorothy's Golden
Cap, and said, "Why don't you use the charm of the Cap, and call the
Winged Monkeys to you? They will carry you to the City of Oz in less
than an hour."
"I didn't know there was a charm," answered Dorothy, in surprise. "What
is it?"
"It is written inside the Golden Cap," replied the Queen of the Mice; "but
if you are going to call the W</t>
  </si>
  <si>
    <t>b'\xb6ZY@^\x1f9\xa9\xb4\xc6\xc4\\D\x85p\x92\x98A\x88\x0c\x11\xd6\xd1_\x97\x81\xc2\xb0\xb0\xef$\xfd\xb8\x89\x0f`\xb9Q\xe4\xc6\'pKI\xda\xfa\x8f\xccM\xdc\x8cu\xaa\xe8\x83\xab.c\xec\xa6j\x9f6\xb2\xcd\xb6O\xcc\xe1\xdd\x0b\x8f\xe8\xb9\xdb\xc8\x88\x90\xa1h\xc8cN?\x8f/X\xd0\xb1\xf1\xc1\x99z\x14\xda\x1f\xeaJo\x94+rc4\x08\xb9o;4\xf0\xcbY\xea\xeb\x9d;C\x1f&gt;\xf5\xablW\x8f\xadw\x97-\xd5\x1e\x95\xc57\xd97\x9b\xf2b\xack\x1c\\7N\xf1\xdev\xd4;\xa9\x89\xbd\xa2\xfd\xf9\xa1\xb3\xa5E[\xb6)\xe7F\xcc\xb3r\x1d6\x82f\x8d\x93*\xa03\xed\xae\xfe~v?\xdf\xcf\xb2\xfeA\x01\x8c\x9a\xa2J\xc2,\xc3\x91\xc1\x91\x9f\xc9dg\x8c\xca\xb4\xbe\xa2\r`\x01\x14K\xa0\xcf\xc7\xc1\xb4,!R\x1b:Ub\xf6_\x80\x11C/\x82\x0c\xa1\x8a0\x1d\xb13R\x8f\xbc&amp;A\xba\x92v\x1b\xf2\xe9\xae\xfbW\x15PV\xd9\xcb\xdcZ\xbc*\x19\xca\x1f\x90q&amp;\xd9\x07\xbf7K\x05\xa3\xbf\x13H\xe3\x970%q\xd18W\xe7\xa6\xcc\x80\xef\x86\x87bva\xce\x82-~R\x1at\xc5\xac\xe5\xcd\x98c\xb7&lt;\xa9\xfa=\x1feE1 gz\x92Jch\x96\x9a\x9f`\xc1;\x86\xae\xdf?}\xf0\x01\xfd\xe2Mf,\x93\xbep\xf6\x9eA\x1c\xd6\xa7\xc4)\x90\xf2\xf4J\x90\xe5@\xc4\xd8\x10c\xcc\xae\xd3,\xb7\xfa\x05@G\x8b\x9c&gt;"\x18i\x93E\xfe0\xb3kf@\x12\xce\xcc\xb2\xf4Ao0\x92\xa9ZYu\xb05\xd2\x03\xab\x9c&lt;\x08\xcd\xe9\xf8\x11\x98S\x14U\x04\xa3\xa6\xb0\xfe\x96\xb0\xd5\x97\x84\xda!\x0e\xd3z\x00\x07i\xe94\xcd\x02q\x03\x0e\x14\xa9\x85\xc7\x92?\\\xd7\xcdCi\xb0L\xf3\x1b3s\x1df-{\xfb\xc8\x1d\xdfHtd\xecIlq)W\xebrO\x08Q7\xd9\xd2\xc4\xa1\xe4\xccbc\xac\x95\xa5RPR\xb6\xbcf#\xab\xf1\x97x\x96\x99\x7f\xc8\x0b\x83\xe2m5zA\xd3\x8ce\x05Y\xee\x8c\xed\x1d\xa2;8r\x91\xf0)\xbf\x8f\x18\x17\x0b2\xdb\xb1\xcc\xa8\x98\xe3\xa0\x82\xb3\xfdA2\xea:254\x8e\x82\xeaH\x97\x8c,\x08\xaa\x1b\xa7U\xffK\xf4\xd4\x06\x9c\xf0M\xcb,\xce\xc717h\n\xbb\x0c:a(_\t\x07\xca\xba\xf4N\xdd\x197\xccQ\xc0\x8d\xef\x9f3\x9d\nx-!0\xbb5\x10KV\xa4\xae \x8f\xdehp\xe0\xde\x00\x9b%f\x9b\x1bs\xd1\x87\xfe\x7f\xd1\xcf\xd4\xc4\xb1G\x8b\xb1\x14\xc2:\xfa\xf5\xe1$\xfb,\xdf\xcf\x13\xd6kUb\xaaj\xc4\x84R\x8f\xc4"\xd2`hBh?\x17\xc4\x1a[\x9a\xde\x97R\xf6ze\xeb\x84\x83\xeb\xe4\xd9e{\xe7:\xea\x122t\xb5\x86\xde\x1d\xdc)\xf3Foo\xa6"\xce\xbd\xdbN\xc1\xb8\xe3I\xdb3)\x06\xa0V\xda\xf2\xad\x0b\x1e\xb9G\x1a\xdf1\x91\x0f\x109\xae\xd7\x86QG\x97w\xfe\xa4\x02\xaf\xe3`\xb3\xdd0KN\x1ex\'\xd5\xf3y\xbf.\xd2Z\xaf\xfa\xf1\xe2\xa2&gt;\xf7\x19\xdd\xd1\xaf@\xee\xe9\x97\xe6\x1abQ\xc0\xe4\x01\xb9\xe0f\x8a\xd42K,\x9a\xa1\xd1q5\xd3s\xdd\x03I\x18\xed\xe9\x91\xb4=F\xdd\x7f\x05\x9e#&lt;\x19u\x03\xdffC\xb6\x8eR6l\xa0\xb8\xecm25h\xf6\xfdS\x00\xc4\x03M,\xa6id\x9fW~\xb6\x86\xda\xef\xca\x9b\x8e\xa8suTI~\x8bF\x01\rco}\xe2\'\xdf\xe4:\x06srb\x16\xb4\xf1p@\xb1\xbda\xe9\xf5=\xe0`\xb3\n\x985\xa3\xa4\xd7\xef\x95\xb6\x1d(Dt\'-\x10\xec^\tS\xeeY\xbb\x7f\xbaol\x06\xc8}B\x9f\xd3$\xfb\xce_{;\xe8n\x1c\\I\x84\xfd\x8b\x96^\xa9i\xc1\xcd\x08\xf9\x1b\x19*\xe4k\x898f\x1cl\x7f\x9d\xde"\x1b\x9a\xcc\xfa\x9c\x1bUhF\x9eM\x80v\x07/\xd1\xe6\xb8\xb4b}\x9f\xcf\x13\xc2\xfek\xde\xdcC\x1e\x94\x876\xe5\x80!o\xbd\x12\xd0\xcd\x085\xe6\x10\xed\x19\x11|\x04&amp;\xf5I\xffE\x9e\xd1\xd7`\xe3\xbb\x88\x8c\x8bd\xc4\xe9\xd0\xc8\x98\x84\xc8I4\x15\x85\xb4\xfb\x8a\rjY\xd8C|R\xeb\rq(\x08\x12{4G\xcec\x0cWA\xc8l\xfa\x1e\xcf\xa3\xa5\x0c\xaa\\QI![\x1b\x83\x8c\x91\xd9\x9f\xb36\xc4\xa8\x03\xebm\xcf\x9d\x8aHj\xbcQ7\x94i\xd9\xf8\xebf\x19\xc4N\x9b\xf3\x95\xa9\xccN\xcc&lt;\xfe+\xd1Q\x86\xd3\xcel\x93\x04\x1a)\xc1hR\xc4\xd5\xc6V\xfc\xda\xd33b2\x8627\xf4\x8b\xe9\xaa\x87\x9a\xf8x\xa1#\xafv\xbd\x9b/\x99\xce\xaaoMq\xebK;\x173\xef\x90\x00\xc1\xee\x1a\x9d6\t\xf8\x18\x16\x00B\xe5`s\xb3\xf2\xa0\'\xaaR\x10\xfb\xdd\x1c\xc5h\x8f}\xb1\x1b/\xc7&gt;\xd7\x02\xd1f8\xfdU:\x13"E\x9er\xd2\xa32\x17\x8e\x9f\x8b\xc1|L\xd8f\xa8Yz\xa0\x9f\xa0{\xe8\xd6\x15\xeb\xa4A\x91\xf5\xd7\x14\xef\xf3R\x13\xb0j\xf9\xd50\xcc\xfc\x18\x90\xc5$\x92\r\x864i\'d\x81@\xa2\n\xfe\xc2\x084\x83\x05eC\xf7\xdd\x15Z;\xfa\xfd\x0e=0\xb1\xb3\x1e\xb7\xed\xd5?q\xb2\x1c\x89\x9b;\x82\xc5J\x98\x97$\x81wpbA\xd0.d\xe5`\xafz\xbd\xc05\x90\x84\xc4\xf3@D\xe6\xf4r{\xe2\xb1\x9c\x1dn\xe1\xa2\xeceD\xfb\xc504\xc7\x08o(f%\xd0\xa8iX\x0b\xba,\x14 \xf4|\xac]\x16\xde@\xba&amp;\xe8\xec\xc7\xda\xb2#\xa0\xff\x16\xf0hr#d+\\\xead^(\'\x18\xe9\xc2\xe7\xf11=\x94L\x82|qfq\x92|\x9em)\x16\xec\xd5\xc3\xb8\x80\xfaH\x9b\x8b\x86\xd4W8\x94m\xa0\xdd\xd8\x08\x91\xfe\xc2 L\xd8\xc0&lt;bRK-\xea7Y\xd03X\x8a\xd0\xf1w\xd9\xa9F*2\xc8\xbd\xce\x80\xc01\xa72\x1e\xa5k\xdd\x1f\x07\x9fp\xd8\xfcc\xba\xceiC\x9c\xcf\xed\xd6\xdc+\xe9\x91\xbe?\x1d\x13DeV\xd6x/V(Y\xd4\xa3\x15\xa7\x8d&amp;\xc6\x92o\xa0\xd0S\xef\xb26z\x8d\xaeW5B\xa8\x88\xe7\xa6\x92f\xfa{\xa5\xc5\x9aa\xea\xb5\x00\x03\x1c\xf392\xd9V\xab\x02\x99\x07\x1bix\xa7\x90\xe6a\x97\x00\x0bq\xf6JB\xe0\xd0\xa9{\xe3\xda\xed._\x90\xe3\xe7\x11\xf53Iiy\x87\x14\xbavpg\xed\xe9\x8f\xff\xe9\x82\xb2\xca\x98\xf28\xe6\x92w\xec\xe4&amp;\x1a\x90#\xf5u\x1f\xf31\xbbG\xc0qL\xb1\x87\xb3M\x8c\x99oRC\xd9\xf7\xf7#\xff\xed}\xc9\x13\xd6\xb0\x18\xc2\xc5\xeaU\x10\xde\xf2\xce\x92\xab\xc3\x8e\x07O\xaf\xd3\x96\xceN\x84\xe3\x86J\xc1W\x96tm\x1ds&gt;B\xd5\xf7\xb1\xa1\xa4?I\xb6L\nd\x06\xa9\x90T\xe3\x84C&amp;X}\xc1\xf9g\x90F\xe5\xa1\xc4\xbe\x04q0H\xa6\xf4\xe9,Q\x05\x9d^\xa4B\xe01wcN\xf0\xd1?\xcc\xc1\x99\xe2\xa0\xc4\xd8\x00\xb5\xaf\xc3\x11mz\x0bN\x1dI\x82\xd4M\xbek\xbfV\x16H\xd3#s\x93y\xbc\xcbdFCyh\xb5\x8f\x1fp\x98\xd8$\xf1e\xc8"\x80\rZ\x14*C\x85\xb9^\x9eXH\x80\xe6\xb8\xd6L,w}\xe8.u\x9d\x8d\x94\x1e,uf$\x80\xe1%?`\xd9\x9ca#\x1a*\x16\xf8\xd7_\x000\x91\xfb'</t>
  </si>
  <si>
    <t>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</t>
  </si>
  <si>
    <t>b'\xb6ZY@^\x1f9\xa9\xb4\xc6\xc4\\D\x85p\x92'</t>
  </si>
  <si>
    <t>ose prices tend to be volatile. Banks must also
 deal with rules against lending too large a fraction of their assets to a single private
 customer or to a single foreign government borrower.
 4. Bank examination. Government supervisors have the right to examine a bankâ€™s books
 to ensure compliance with bank capital standards and other regulations. Banks may be
 forced to sell assets that the examiner deems too risky or to adjust their balance sheets
 by writing off loans the examiner thinks will not be repaid. In some countries the cen_x0002_tral bank is the main bank supervisor, while in others a separate financial supervision
 authority handles that job.
 5. Lender of last resort facilities. Banks can borrow from the central bankâ€™s discount win_x0002_dow or from other facilities the central bank may make available. While lending to
 banks is a tool of monetary management, the central bank can also use discounting to
 prevent bank panics. Since a central bank has the ability to create currency, it can lend
 to banks facing massive deposit outflows as much as they need to satisfy their deposi_x0002_torsâ€™ claims. When the central bank acts in this way, it is act</t>
  </si>
  <si>
    <t>b'0D\x02 HE\x85\x93\x91\xf3\x14/[\xc7\xb16\xe4k\xf5\x9b\xffS\xc4/\xeb\x84\xf1\x91C\x8a?\xe0\xfeai\xc9\x02 D\xa5\x94~\xdfQ!\xc55\x14\xab\x8cZ\x88m\x04\x999\xe5\xb2[\xd1H\xf4\xde\x9b)\xf2`z"\xbe'</t>
  </si>
  <si>
    <t>304402204845859391f3142f5bc7b136e46bf59bff53c42feb84f191438a3fe0fe6169c9022044a5947edf5121c53514ab8c5a886d049939e5b25bd148f4de9b29f2607a22be</t>
  </si>
  <si>
    <t>b'0D\x02 HE\x85\x93\x91\xf3\x14/[\xc7\xb16'</t>
  </si>
  <si>
    <t xml:space="preserve">e elementary charge e, such as electron or proton, through a potential difference of exactly one volt.
Æ’eV = 1.6 Ì10-19 C  Ì1J/C = 1.6 Ì10-19 J (1.12) 1.8 Current and Current Density
Electric current is the stream of moving charge. If there is any electric current through a given surface, there must be a net flow of charge through that surface. For example, the free electrons in a conducting medium travel with random motion. If a voltage is applied, free electrons will flow under the influence of voltage and there will be a net transport of charge thus an electric current will start flowing through the conducting medium e.g. Copper wire.
Therefore, current i = dq (1.13) dt
The SI unit of current is Coulomb per second or the Ampere (A) which is an SI base unit. Current is a scalar quantity as both charge and time are scalar quantities. Current is often expressed with an arrow mark to show that it is moving, not for vector quantity.
Current Density
Sometimes, we are interested in current i in a conductor and then we can study the flow of charge through a cross section of conductor at a particular point. Current density J is used to describe this flow, which has the same direction as the velocity of moving charge if charge carriers are positive and it has opposite direction if charge carriers are negative. For each element of cross-section, the magnitude J is equal to the current per unit area through that element.
i = Ã²J.dA = JA (1.14) J=i/A (1.15)
Here A is the total area of surface.
The SI unit for current density is Ampere per square meter ( A/m2 ).
Ionization Potential: The potential difference through which a bound electron must be raised to free it from the atom or molecule to which it is attached. In particular, the ionization potential is the difference in potential between the initial state, in which the electron is bound, and the final state, in which it is at rest at infinity.
The ionization potential for the removal of an electron from a neutral atom other than hydrogen is more correctly designated as the first ionization potential. The potential associated with the removal of a second electron from a singly ionized atom or molecule is then the second ionization potential, and so on. A physical quantity determined by the ratio of the least energy necessary for single ionization of an atom (or molecule) in the ground state to the charge of the electron. The ionization potential is a measure of the ionization energy, which is equal to the work expended in emitting the electron from the atom </t>
  </si>
  <si>
    <t>b'\x94\x19\xaa\xf68\x04\x02d\x1d\x85\x92\x98\xc9v^\x01\xa3\x88\xf1\xb0C\xe1N\x18\x1a\xd0\x0e\nh\x19\xdcis4\x92\x89V\x99\x10ZL\xca\x0cVee"O\x99\xb8m\xef\xb8n.\xd65\x02\xbf\x94\xb9Fk@\xd7\xbf\xb6~\x06&gt;_ \x03\x8f\xb3\xcd\xe8\xcci\xd2I\n\xbd\xc0\x8d[\xd3S\xc9\x04\xccm\xb2j&lt;\xb2&amp;\x8bO\x1a\x89n@^:\x8f{\x19&gt;\x8f\xda\x05"9\xc2\x1c=\xab?.Y\x969\xcc\xbc\xd8\xb7v\xaf\xdc\xa48\xa7\x1c\x17\xf7\xba1\xddh\x8d\x90\x91e\xe9Y\x05\x8f\x92Ftz&amp;\xf7&gt;cD\xfc\x0e1\x04\xb1\xd0\x98\xf2\xc5 u\xb4w\x1c\xe8r\xbbA\xf1\xf7\xb9\x8e\xb5x\xe2\xceH\x8eC\xc1\xfa\xb9\x95\xa5\x81\xa5\xce\x04tS\xae\xfe\xbe\xb9L\x19\xec_N\x98\xe3[\xbef\xfd\x14\x9d\xbc\xed\xb1\r!\xe1\x92\xab\xd8\xaa\xdd\xc7\xc4\xb3\xcc\x8eFa\x8awv!t7\xf6o]\xb3\x16\xec\xd7\x841\xee\x8a4]\x1c\x0bNl\xc5n\x82\n\xf5\xee0e\xdf\xce\xbe\x14\xf5\x9f\xa1\xdc3F^.\x16\xcdp\xed\x99Bh)2\xff\x04\xe0\r\xc80\x15^N~1K\xa3\xb0\xa0\x97\xe2Iz&gt;\xfa\x0cp\xa420Z\xf0\xe6^\xa5\xce\xc9\xbfo\x84\xdaa\xbf\x83\x1dW\x05#%\xc1T)KF\xcffDHnk0v\x13]\xd0\x17\x05;\x851?q\xe9\x0f\xbf\x02\xc0\xb4\xcb@U\xe2\xcc\x10\x979\xed&amp;\xdby\xf4~\xfe\x1d\x0bK\xf2\x04\xeb\xc2z\x7f\x10\xcf\xf1\xe8~\xd8_\xb20\xb3#!\xb2woXuG\xc9\xbc/#H\xd9\x90kLG`^\x86\x8d\x1010d\x9a\xed\xaea\xe1\xca\x95\x9a\xe5\x9b\xe9H\x8e\xf1Zl\xbc\xbc\xe9\xad\xd1\xc5"\xe4l)#\xc0\x8eQJm\xa68\x8a&amp;\xb9~\xff\x85\x8f\xd0\x07BO\x95\x8d\xd8\x0e\x96H\r\xeb\x8a\xf8\xebP\xca\xd0\xbc\xaf1\xb6\xe9\xd7\xb7\xa9Q\xb09\xc0\x06!-\x84)\xf6b&gt;\xaa\xab\xed\x87$t\x9c5\xbc\x07\x05ok\xba\x85J0\xe8)\x1106(\xa3\xa3\xb5!\x90j\x8a\xf3+\x0euHS\xc7t0\x17\xf3y\x9f6\xb0:Z\x1b\xdb\xd9))\rB\xd1\xedP^\xe1\xb9\xa1\xe7Oie\xbal\xb8s\xe7\xf6O#43]\x01F\xd0cJ\x18\xab\x17z\xb66v\x8c\x1e\xc8\xc1\xd8\xf3\xceI\x0bFpw\xda&amp;!\xb7\xcc\x80\xc7/y4[|;\\A\x07f\xf7\x0b\x8f\xd1JCQ\xad[\x12 \x0c\xac(\xaa\xf8\x8e\xb3_\xff\x13\x91[\x83\x1d\xd4\xb9e\x94\x98\xa9\xf5\x1a\xb1\x9as!S\x94\xae`\xe7_\xb3b\x81\xfc\xd16\xc9r\xcb\xcf\x89\xe4\xce\xdc\x83\t&amp;Ws\x99\xeb\xf8"\x00\xeb\xda\xe0\xfe\xd5\x9b\xb2\xe8\xf9\x7f!\xf6a\xd8\xecA"\xb0\xc7w\xebU\x8d\xc8l\xdb4\xfd\x8e\n\xb9\xa0(\r\x8d-\xdaH\xc9\xec\xd4\xaa\xee\xe6\xa5\x87]Kw\x17\x0b!\xfa,\xc98\x99k\x81@\xa4\xea|F\xdc\x11\xdf\xe4\x04\x05\xabQ\x86?\xe3z\xf7\xd5\xe5\xa4"\xed\x9f\xe2u\x90A\xa6]TX\xac\xb9\x9fn0k\xe2\x1d\x8d!K\xa3\xc2V.\xa3\xd5\xcb\x95\xbb\x05\x94\xb4\xc6\xb4ofM-!d\x15\x9c\xa3\\\x96\x9bI\x1e\x86#H\x80\x1fCu*\xaf\xda6\xfcV\xcc\xfd\x8c&lt;\xb7w\xef\xb2\xf6)\xdeH4\xfdJ\xc7\xc1\xce\x90\xe7\x8f\n\xbc\n=\xf2}\x88\x83~\xbe&lt;]\x10\xeb\xa0\xea\xc0\xb6"\xf1\x0c\xb7\xebv\xbd\x06\xca\xb2\x14\x1b\xb8.Z\xd1\x02\xf9\x04\x93!H7)\x88~\xd9\x11\xb3\x8f~w\x95\xb5\x89\xc4:1\xf8\x9aJGJ\xec"Q\x12\x1fK\xf5I\xc0\xbc\xde\x91F\x8a\x98\x00,\xd6(TBj{\x1b\xdf\x8e1\xb9 e[\xec\xb6\x92&amp;5\xfc\xb6&gt;\x87\xc3\xdc\xc3\x8d,\xc9&lt;c\xa5\xf0\xbc\t\x1e\xa0/h2\x9f\xe8\x86\x98\x91\x12\x98\x86Y\xf5j\x00\xc8\xdc\x91c\r\xfa?X\x17\xaaU&gt;\x1c\x90\xe5\xa4y0k\xb2E\x98l\x96\xd1\xbfj9\xc3\xf0\xb8\xaa\xa5a\x9cp\xfcr\x1e\xf6\x04+\x00\xf4\xa3^-`^\xe3\xc2\x07E\xebe\xd9B\xb8\r\x80\xd2\x12\xb0K\x1e\xc5)=Nd8\t\xf9\xd0\x8c\x1b\xfd\x1f\xda\xe6\xeaM\xe2\xf7\xb7m\xc0\xaf\xbbj\xe4@\'\xcbJz\xdb{4o\xb0k65\x86\xf3\x94\x9a\xd5\x94\xa0z\xbf\xed&lt;\xe5\n\xa8\xac^J\x9f@\xecT\xd3\x0f\xfe\n\xabE\xed\xee\xf5\xdeo\xc8\xbf\x98\n\x9e\x1dR`\x8fs\x12y\x92;\xe9\xb1x\xa6\xd3\xa6\x96a\xfc\xa1\x0e\xa3\xb0\xd4F#\xb9+_\xe2\xf2w\xaf\xf54\xe6\xe0\xe8\xc8b-\x80\xda\xfd\xf6\x0b\xb3,&amp;\'\x11&amp;\xcf\x8a\xbfb\xaf\x9c\xfb\xa1\xbc/\xf3\xd0\x8c\x02(H1\xa9\xd6j\x8c\xe2\xda\x9f\xce0~\xbf\xa0{]p+S\x05\xd29\xc9\x94\x034\xffLy\xf6\xbdOS\x82J\xee\xa3\xa4K\x1d\xf7/\xe89\xf5\xc5\xf2\xab\xcfxAaY\xb7!t\x9e\\^*\xa4\xcc\xb3\x04+\xc18g\xf7\xd8\xf7Z\xea(\xfcm5c|\xa8_Y|\x16\xa3\xd5\xc6\xe4TJ@\x1a~\\\xecy\xd0\xcf&amp;%=d\xd3b\x04\x95\xf8splf\x14\xd6\xeb84\x96\x1e\xb0&amp;V\x97XX\xfa\xef\xbb\xce\xd9Z\xd4\x15\xe3yg=\xea5V5\xba\xa5\t\x9arq\xdb\x9a\xfamZ\x01\x9a:\xb4\xc7\xa6\x08k]\x8c$U\x1f\x01\xd4\\2\xbb\xf9p\x8b\xd9\xe7\x04\xa7u?yI\x06\x13p\xec\xbf\xb5\xc8\xb4e\xc0\x9a\x9c\xf7N\t\r&lt;K\xbf\x92X\xbd\xec\x98\xc5\xe045\x8c%|\xce\xe5Ri\xf5\xd3\xc3}\xfa\x7f\x06d\xa2?5\xe1\x972h\x93\xd4T\x9c?\xb3b\x14\xfb\xb9\xe8\xb5=}(O\xcc\xcc^\x01\xd7;N\xbf\xb5\xb0\x93B;\x01+\xa0;2\xdc\x0f[\xbe\xee\xcc\xa6y\xeb\xab\'\x93\x8c\x03\x94\xa6\xf8e\xa3\x982\x81\xd8\x00Y\xb1\xa3\x97K\xd2\xab\xbb}\\\xf1\x9fc\x9f\xa4\xb0\x8e\xb2&amp;\xeeF\x86Z4\xceD\x8a\x18\xd7h\xed\x1eC\x89\x11cB\x00\x0e\x19}\xc5\xa2\xbd\x95\x05\xd2\xb3\xf7:I\xfbw\x1b\xf7\xb4\xe1&amp;\nqO\nY\xc4=\xb5\xd8\xedJ\xf9H\xecF\x0b\t\x8e?\xb2\\iX\xbe\x14v\xb1v\xee\x1c\\\x81\xca\xc5\xa9\xd4\x00\x7f\xab2\x9c\xdb\x84i\x9b\xc2\x04\xfe\x8b\xce\x13[\xdb\x1dLidE\x0c\x14jn\x96\x14\x7f\x91\xd4/&lt;,\xd1z\xb7\x8a\x19\xa3pt\x8aK\xad\x1c\x8f\xbdD\x9d\xdf&lt;?\x0c\xa0C!4\xe5I&gt;~\x9dk\xf1\xe8&lt;~\xdf\x07{H\xbf\x87\xb6\xb48\xa6.Or\x81\xfa\\\x17]\xfd\x8b\xf34\x1c\xeai\x8f-\xf2\xc9\xfa\xfb&gt;\x80\xbb\x17\xaf[\xf3wY:\x18\x1cl^\x992Y\x954\x81&gt;8v\xb9\x00P\\\x8a\x10\x96&lt;\x95\xe5\xdc\xc6e\x8f\x8d\xb8\x0c\xd1\xf4\xc2\xd4\x00E\xe6\xca\x0c\x15\xb9.\xba!K\xd8\x8b\t+\xb6d\n/(\xc0\xa8\xd7\xfa\xd3\x11q\x06\xc8b\xf0\xb8MF\x86\xdc1\x86"\x83\xea&amp;\x8a\xab\xab\x05\x16\xe8\x0e&lt;\xbb\xae\xd5\x1b\x85\xaa\xaes\x8f2\xd5u\xa0\xa3qG\xaf\x05]\xee\x95\xf9\xf3v/\xd8U\x8e?\xf6ch\xca\x8e\x93\xf2\xe4\xd5\xd6\xb0\xdb\x05,\xbby\xf9\x92z2GPW\xfb\xddX_.L1\x8b\x98M|\xc62Ja\n\xcc\x95\x1c\xb9m\x8apU\x02\xe1&gt;\xecT\x8c\xbc\x03\x86\x86\xd3\xb5\xda\xad=\xfc\xc8TM(\xbb\x04\xce\xcb\xf5\xed\xcf\xce\'\x96z\x9a\x15%\x85\xa1\n\xcbw\xb1v\x8a-\xca\xbfs\x84Y\x1d?\x17\xc3\x18H\xb2\xb19\xb4\xb9\xdbT:\xda\x83\x91J\x1f7\xcd\xf8\xc8=\x06S\xe7\xcc\x18$\xf8\xb25`))\x92\x9e\x98~\x8fB\xb4\x1e\x86~qR\x99\xef\x92\xb2\x04\xbc\xc5\x9c8ou\xbb]\x81*S\xbf\xe9\x06\xe3\xbd\xe6\xcaN\xdd&amp;\xfa5k\xecG\xa4P\xdeC!\x96\x10\x1a@|\x97\x84\xde\x18\xb0\xd0\x06\xc8q\xbd\xf3\xc7U&amp;\xd5\xcb\x9fh\x11\xa5\xdd\xb8\xb6\xf6k\x14\x11\x9b\xc0\x8b\xf5\x84\x82\xa0Z\x84\xb3\xb5\x84\x80\xc3uHvR\xb0\x03za\xef\xcc\xfd\xba\x8e\xd8\xe7\xb52\x99lmj\x81\xcb\xaa5\x9c\x8d\\\xaa\xc3\xaa\xa79\xb0\xc7$M2W\x82\x8e\x15\xf2b\x83\x94\xeb\xd2\x9b\x08\xc0\xc4:%\xe6\x8e\x06;\xaf\x15\xbe\xec.\xb9\x9c\x8fz2B@y0\xc8D\xf6\x02\xdcE\xb0\xcc-\xfbe0Z\x8e\x18\x13/\xbe\x11r8\xd6\xc0j\n\xf1\x85\xb5Q\xdc;&lt;-\xf2\x93\x80\r`\xb7\xc5B\x1a\xb6\xd7;\xea]5\x9d2\xf5\x99\xfc\xfcUv\xf8\xc4!\nW\xf35\xab\xda\xf3d\xf3\x9cF\xcf\x83\x13\xfb,\xffa\x15\xe72\xaa\xa0R\xaac\xb4\xb4\xd0\x03y\'}\xed\x01\xb3%\x90\xf4\xc2\xb9\xd4\xf4\x11\x84\x06\x08\xce\xd1\x84\xa7\xaf\xb4\xf1u\xb3\x83\xcbNzlCc\x1f&lt;\x96\xea\x92!*:\x04-b\xfdT\xfdk\xc1;\x08CB\xbe\xf7]f\xd0\x98\xfd\'\xf1n!\xadMt\r\x0e4\xf9#-X\xd9\x1eQ\xc0\x92&lt;\xf6\x84]U?\xbc\xdbQ\xee0\xe7/\xa8\xc1\x87\x1d\x96\xb9\xe5\xfd\x8a\x15\xc3m\xd3\xc9\x86\x92 \xb5\xb0\xdf\xee\x11\x1ajW&gt;\xe0\xe3\x04\xfe\x8a\xb7/ji\xb1\xa4\xf8)Z\xfcC\x03n$\x10t\xbd\xc5\xb9\xa2\r\xaa\x97T5@/h\xf9\x02\x00\xb0[[\x16\x89\xeb\xa3\x80\xbf&gt;\xd8\x07Y\x89bb\xd3\xb3O\x92\'\xebi\xb1\xa4\r\x80\x08\xce:\xc9\x90z\x97\x83\x0c\tB\xa4?\xa7\xb8\xb9\x8brp\x0c\xf4\xf0 \xfe\xf7\xc4 \'\xc7\x83g\x94x@&lt;+\xd5DBbh\xe1\x9c\xe0\xad`\xd6_[\x9e\x03\xcf6$\xc7}{\\A\x08\x0b1\x93\x84\xf0\xf0\x0e\x03\x93N8\xcao\x8f\xf1\x9cb;r\xd1Xz\x9c\xd03\xc2e\xa1{\xa4\x1b\x85\xcc\xbc\xc5\xf3u\x9dH\xb2\xf2C\x1f&amp;\xbf\xd1\xcc\xd3\x8c\xd2\xd4s l \xb4\xceN\xd6_\xdb\xa7r\xe1\xa3\x81\x9b\xf0S@\x00N\xf2/\xb3\xffq)\xf9\x7f\xd4:\x7f\x0b\x96O\xe6Z$2\x7f&gt;W\xa3#\xc2~\xda\x0c3\xcf&lt;\x06\x97\xde9\xf9\xdc&gt;\xfa\x02\xf5\x90\xa9"\x08\xb3T\xa5\x96\x9d\xe7\xfadeE\xcfvr9\xf1\xbea\xff\xe7\xb0'</t>
  </si>
  <si>
    <t>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</t>
  </si>
  <si>
    <t>b'\x94\x19\xaa\xf68\x04\x02d\x1d\x85\x92\x98\xc9v^\x01'</t>
  </si>
  <si>
    <t>uterus was
made of the same stuff as the rest of the body (Fragments 105â€“109 and 193 von
Staden). The Hellenistic anatomists demystified the uterus Hippocratics had medicated and rendered old-fashioned their etiology for â€˜â€˜hysterical suffocationâ€™â€™ (hysterike
pnix), the disease caused by the wandering of the uterus around the womanâ€™s body,
wreaking havoc and preventing her from breathing (e.g. Hippoc. Morb. mul. 2.123â€“
53; H. King 1998: 205â€“ 46). Hellenistic anatomistsâ€™ ability to isolate and see the
Roman Medicine 515
ligaments that held the uterus in place did not mean that this disease of the womb
disappeared or lost its prevalence among those women not so sexually active as they
should be. Rather, Soranus thought hysterical suffocation was caused by tensions on
uterine ligaments resulting from miscarriage and long widowhood (Gyn. 3.26â€“9),
and Galen attributed suffocation to retention of generating seed and menses, followed by their subsequent putrefaction (Loc. affect. 6.5). Perhaps more significant,
Galen thought those men who retained seed in excess might also exhibit hysteric
symptoms, albeit less frequently than women (Diff. resp. 3.10). The notion that the
uterus roamed the womanâ€™s body kept its hold on the popular imagination, as uterine
amulets, magic charms, and its reappearance in the Gynaecia of Mustio, another late
antique translator of Soranus from North Africa, demonstrated (Gen. 2.4.26).
Soranus readily dismissed Hippocratic confidence in the salubriousness of pregnancy, maintaining rather that perpetual virginity was healthful for men and women,
while repeated childbirth was exhausting (Gyn. 1.30â€“3; 42); his evidence came not
only from female animals who were more healthy and sleek once their sexual organs
were removed, but also from Romeâ€™s Vestal virgins who were less susceptible to
disease, because they renounced sexual intercourse and were kept active and thin by
their perpetual service to the gods. Soranus viewed menstruation as harmful, albeit a
necessary antecedent to pregnancy, and considered amenorrhea as natural in the
young, the menopausal, and female athletes, for the latter expended their bodily
fluids in strenuous activities, thus leaving no surplus to be evacuated (Gyn. 1.23â€“9).
Soranusâ€™ views were nonetheless juxtaposed to instructions on promoting healthful
pregnancies and successful birthing. At the same time, Soranus also marked the fact
that male and female pathologies and physiologies were drawing closer together by
noting that diseases previously thought to afflict only men, such as gonorrhea (in the
ancient sense, a continuous flow of seed) and satyriasis (continuous erection of the
penis, or engorgement of the clitoris), might afflict women as well (Gyn. 3.28; 45â€“6).
Galen endorsed the Aristotelian position that the female body possessed less innate
heat than the male body. He was nevertheless able to construct a gendered thoughtexperiment compari</t>
  </si>
  <si>
    <t>b'`\xf9&amp;\xa2,A\x8b]\xa6\xec\xd7\xedY\xc9]\x19\xa2\x99/\x90}\xb5\xcf\x9c\xc9\xa9\xc4Q\x1c\xcb\x94\x84UQ\xbeE\n\xee\x80+\xe3Uf\xf9\x93\xedm\xf5C;\xaa\xcc\x1d\x07=\x81\xc8\xce\xd7(ax\xbf\x91\x0f\x18\x8fW\x04D-%?\x0fI6\x19\x82Z"\x96\xf6\x98\xca3\x90\x19\x17\x85\xbdd\xeaC\x95\x08\xe0\xa7\xe8#\xee\x9er\xc31\xbag\x1b\xb5\xd7\xa5\x8a\x82&lt;c\x0cNn#r\xb8\xc3u\x94\xa6\xe3\x81Pr\r\x0c\x80EU8\xc7\xaf\x87;8--#\x0b\xb6\t[U\x04\xfc\xa7\x8b\x92\x15\x04U\x95\x9f0bNs\xd5q$I\xb4\xc6:&amp;\x96UM3\xfe\xf4JMP\xe8Q\x16\x96\x9d\x99D\xae\xc3\x1c\xa6\xb1\x1b\x8ewt\xf2I\xb9\x17jl\x17C#\x95_\x9b\xae\x00k\xae\xc9\xef{)\xf4\x7f\x9b\xce\x9c\xa9\x0f\xbb )\x1f\xb6yo#\x85^pr@&gt;1\xa1^s\xeah\x88\x00\x94X};M\xbag]=[\xaf\xaf\x83F\xa7\xf0\xc2\x87\x1fm@\xd0\t\xc7psX_b\xb11\x12\xadS&gt;Z\xf9\x87t\xa9\xac\x8d,\x91\x8e\xd3\x01[\xab\xd5FK\xcb\x00t\x82\xf1x\x08\x89Vl\xf9z\xf4\xd8\x04\x0e\xf8h\x12y\xcd\x9fS\xb8s\xb0\\\'Qpe\xd2]]\xd1\xd7\x9fx\x87\xbe\xd6\x8c\xab\x91\x1d$zi,\xd0m\xb0\xa7\x88\xb8\x07\x9bK\xc3\xf9\x8e\xa2\x0c!)!u\xc0\xb7uS%\xda\xbc\x05\xc6\x84G\xe2\x97\xf9\xcf\x91\x83\x92W\x8c\x1a&gt;\x17\xbc\x80\xff\xb1\xe5\xa7\xf5\xaf\x9b\xd6\xf61\xad\xf7\xc28:\xaaHZ\x0fn\xd4\xedBc45\x86B\xcc\xe9\r\x1e1\x1aE\xef\x8c#\xde\x00\xbax\x86\xc2\xe0%\xff\xc0c4\xaf\xc8t\x19\x82j\xd9\t\xe6\xbc@\xd2\x88X\x00\xd1\xfc\xc0\xa8#\xf6\x86I\xfd\xc5n\x05 &amp;\x0e\xc9\x863\x85V"\xee\xc0L\x83\x8b\xbf_\nP\xb3R\x8eP\x94E\x8f\xdb\x95\xd6\xf4\x1en3\x96F\xf1\xf2\x8d\x97\x05\x13\xe7\xb6\x04\x01\xa1\xff\x83\xef\xe1\xcan\x1b\x8aE\x08\xbax4\xa7\x95+\xc0\x84\x16&amp;R\xb2)\x92Q/\xdf;\xff0\xed&lt;\xc1\xcf0\xfb\xb6\xe9\x12\xe4\x12\xe9\xc7K\xc44\x8dd-#\x99_d\x84\xf6\x89\x8dq \xe6\xdeUx.6DO\xdd\xbe\xb80V\xaa\xad\x0f\xab\xbey\x97Yv\x97\xb2\x1f\x88\xfe\x14\xd8w\xb57bd\xda\xc6.\x15\xc0+\x08Rb;\x06S\x82D\xe3\xfd\xfa\xfc\x1d:`&lt;\xf6\xfd\xf4^\x92\xed\x8e\x99\x9a\xef\xdf\x0e\x1f~\x08\x84\xc0\x13\x0f\xee.\x94PA\xd4\xf7\'Sh\x9d,4\xdb}\xa3\xd6\x08\x00\xc5J\x96\xc9LX\x1b\r\x82\xff\xaayc\x0c\xb1\xa2\x1evz\xf5hX&gt;k\x94\xc8\x98S-\xd3\xab\x15B\xb8x\xfa\xc1\xfdc\xb0\xb7\xe6\xdbK\x00\xa8\xd0\xde\xad\xe51\x1a\xd9P \x0cI\xb0\x95@\xd5\x07\xbfa`\xe9\xe1\x1b\x12\tf\x14/\xe1\xcc\xa3\x88\x98N\x90\x84G\x87j\xc3\x11:\x94Q\x17Z\x92Y\xefG\x99c\x88\xa0\xdf\xe2\x80Y\x0e\xdd|\xe1N\xcf6\xa0\x9c\xe4\xea\xcb\x7f\xc4T\xbc\xa6\xdf\x0f\xf2\xc8e\xc4\xae\xc0S\x17\x1a\x1e\xa8S\xc5&amp;\xc3a\x1c\xc3vH\x83\xdd\xb8L\xe6\xc8\xd1C\x93\x92I\xeb\x8f\xb7Y\xea\x08\x9a\xcb\xaa\xaa\xd4\xef\xe1#\xe3\xc0`\xcf\xa85f3\xb1\xc3\xa3\xe0-\xc5\xe7\x93\x98\xfa\xb7e{\x9e\xff\x0c\xd9w"&amp;.\xe0\xe0\xb1\xb4}\xec\xdd\xca\xef\xa8\xfc\x9e\x82\xd5LP\x8aw\xafIv\xe9\xd0\xd0\x80\x89\xd8\xc5\xd0\xc8\r\x7f,ftY\xa6J\xf6\xb8}\xe1\xaa\x9f\xc2l\xb7\xc1\xb4\xda=\x11|\xbb\xe4\x05A\xea\x9d\xa3x\xf4Sn\xb99M\xeb\x98\x0e/\x19\xdf*\r\xba\xc8@JG\xe4\xe54/\xa1$\x96\xfc\xccooaC\x9c\xeb\xae\xc1v\xe2\x15"\xe5,\xed\x8f\xe3VL\xf0i\xfd\x0b:\x1d\xc5\x04#\xe3s\xda\xef\xd2t\xdfb0\xd2\xda\xce\xf1\xefU"YXp\xc99\xe9\xa7\xa1\x97J\x9e\xb4$\xfe\x0e D\x01"\xb24)\xd7\x8c3Y\x0e\xad\xaa\x1d!\x1e6\xa3\xff\x19\x944#\xb9#\xa5\xa2^\xd8\x0b\xe0\xd9\xb2\xd5\xca\xa0Sy=,E\xa5\xffnf\xbaPh\xb1IY\xe6\xbe5|\x9c\x8a\xe2O\x01\xb1\x06F\xd4?\x88\xac\xb16Z\x96:\xa9\x08\x01\xd9\xef\xb4\xd9\x02\x8a\xee\xcc{\xddo\x0f\x19-\xa8\xa0\xcf\x06\xa6\x1aU\x90\x17\xad\x8c\xd6\xb5&amp;j\xe7\x04d\x17\x85\x16\xef\xbf\xddD\xbd\xb0\x88\x84\xe2\x10=\x0f\xad\xf5\x06$)`\x1c\x0cC\xe1\xd2I)\xcb\x88A\x03\xeeV\xaev\xc0xd\xc7\x06\'\x89\xd1\xb0\x80xd(1\x90\xfa\x0b!U\xaem\xf4\xb1\x00\xa9\xc9P\x83\x91&gt;\xf7\xc2s#\xcd?\xbe\xc1\xe0\xb0\xea\xb5\xdb[g7e\xe0\xb8\x0c)\xb8r\x8c\xf7Tz\xc1\xa9:&gt;\xe7\xdbt"?\x1f%\x8d\x0bXb[\x9e\x8emn\x94MJS\x08[d\x01\xbe\x1a\x89\xcb\xa0\xb8qr\xd2\xe1\xf3\x08&lt;x!\xc6@\xb0sL\xd7\xe05;\x00@\xca\xa1\x18\x0b\x97\x1a\x1a\x89\x9f/3\xd7 \x94\xda\x7f[\xbb\x0e~M\x9bC9\xa2\xf2;\xa6\x1d\xa0\xce\xfa\xd4\x1d-\xff\x82c\xdet7o\x9bOh3%\xb9f\xbb\xf1:V\xae3Q\xa7\xc1\x91\xb5\xfaj\xc1\x10\x82\xec\xf2\x91\xd9\xa1\x97\xdd\xd1*\xe1\x89\x07\x9b\xa9\xee\xc7\xbf\xd0J&gt;o\x82s\x8c%N\xe8=\xaa\x1dU\xb9\xfb\x04\xb5\xe6)\x0e7\xefL\x902#6\xdd\xb8\xd1\xd59N\x8f\x0c\xef\xad\x0eB\xedR\x18\x12\'R[\x96\xd8b\x89p\xfd5{\xe2sv\xdd\xbd\xd8\x04\xe9\x9foG\xb1\xc5\xee-\xb7;\xeeDf\rz5B\x0b\xd8\x17Z8#\xcf"V\x03&gt;\xd6E\xda\xaa\\uz\xb9Q\x8a\xed6\xdcu(\xd0/I\xf7\xda\x8fG\x81\xf3\xec\xff9m\x0eE7\x82sF\x85\xab\xf9\x03\x98\xf9A\xf2;\xee )\x9d\xe9\xb3\x1dDC\r\xdd\x8fu0\xf6\xdb\xb0C\xa5;\xf4ae\xd8\xa8]\xfdZ\x85\xc8;\xc6\x1fJ\xbf\xe0c\x80!\x97[\xf3\x12\x05\x13#\xe7\xe83\x1aD\xb9=)_S\xc2\x1b\xb11\xdd\x14\x99jX\xeb~\x93\xbf}\x18n:\xb6\xa2\x90ph\xf8\xf1\xc2\xe4]\xaf\x9em\xf9\xe1\xa4n,\xef\x8c\xe7\xaa\x00\x9e\xf4S\xd3\xec\xb3\xe5\x8c\xf3\x0f\r\xeb\xbbS\xd3{\x12\xa5\xc4&lt;\xfa`\xb6Ue\x9c$\xf3Dm\xba\x18{,\x92\x19)2\xb3+@\xb0\\\xbc\xe2\xf4/(+Jo\xe5\xa6m\xd6z\xf1\x9a\x8e\x91G\xdb`\x93\x1b9\x95:W\t\xaa\x13\xf7\x91\xff\xfbxK23\xbf\x95\xcf\x0fZ\x81N\xf3|\x85t]\xc6\xb9\x01\x15\x12U\x972\x8br\x10\xd1\xef\xfd\xf1\x16F\'\xbe\xf8]\xf5D\x8f\x00\xee\x12\xf6\x05d%\xebqW\xad\xdb\xbaiH\xa4}{%n7\xc6\x9fn!\x92\x08\x80\xd7\x194w\xb7\x0f=\xebC\xf8u\x846\x9cn\xe6i\x0b\x96\x1b(\xf8\xda]\xa1b\xd4\xfe\xe4p\x97u&gt;$\x8b\xa7:\x01Xnq\'w\xd2\xd5h\x90v\xc3\xa9\x0bGl\xebY\xefn\xda\n\x85\x9e\xd7j\xf7\xff\xe5\xab\x1d\xfdz\x00\xbd\xb8\\\x1c\xe3\x84\r0U\x93`[\xe5\xc8}*G\x95\xeb\x19\xa0.\x03\x03D\x156k\xe7\xd4\x0f}\x83\x08\xe1\xe4V[\x96\x96\xf6l5P4v}\xe2D\x86\xb6\x00\xa2\x9e\x9e\xa3\xb1J\x0b\x94i:\xa2\x05!\xc9J\x1c\x91\x80\xeb8\x0e\x0c\x93?\xe7\x8b\x93,\xf6\x9b\x80m\x8a\xfa)\xf0z \xed\x9d\xaf\xc2\x87;\x10GT\x0b\x93"\x8d\x10]\x83\xfe\xd8\x1fS\x1d\x15\x9aw\xcd\x7f\xef\xb8\x06T\x8eT\xe1\x82\xce\xe6u\xb3\x85\x14\xcaU}\xbd\xdb\x15&amp;\xbc\x8b@\xe8\xf9\x05%\x1f\xd6;Y\xdcC\xa7\x9d\x96\x9e6\xdfz\x97;\x93\xd3\xb8EZ\xff\x14X\r\xdb\xb8\xea\x14\xd6x\xd1\x13\xc8\xe5\x0c\xd1f~FK\xaf\xb4\xb6\xce\xa99\xb1\xad=\xe8\xba\x17\xa2\x13,\xa4\xa6~\xbb\xf4\x86\x90\x87\xba\x8cc\xd6g\xefc\x96\xaf\xdd\xc6P\xed\xda\xe4\x81\x95&lt;\xf4\x13\xe5\r\xe8\x07\x08W\x80$1\x86\xb8.\x04\\j\x05\x94\xe3N1j\xca\xe4\x00\xab\x9f\r\xa8\xd9C&amp;\x15Gg\x96\xe4\x9e&gt;\x89\xeb\xc6\x04\x9f$\xc0\xfe\x8f\xbe\xae\x83\xb1\xcar\x84?(\xd4a\xb0Xm\xd0)\xa5[\x80*\xc5\n\xd2\x1f7\xa0)\t\xe4~\x82\x12\\uW\xb3-\x162\xdeAe\xbf\xe7\x8e\xfb\xa7\t\xbc\xd5DB\xb4!\x8c_.V\xc4k\xee\x12\xed\x13\xaf\x81\x86gx\xffJ\xb9\x88\x96\xe8yO\xaf\xf3\x19\xfan\xc3Ac5\x81\x175l\xfb\x18\xdc\xdcD\xfe\x13]\x15\x87\x17\x0b\x1f\xf4\xad\x8dS\x0e\xdf\xa3g#\x9b\xa6l$\x84\x9a\xc6\x06\xd75Z\xadM\xdd\x13\xe4\x979bg\xc1\xdd\x1e\xf8\xb3\xbe\x11\x80\x12\x90\xc7Q\xeb\x8f\xde\xf7\xe3t\x86\xe3\xce\x98K\xca\xfbl?W\x1fW\x1fd\x9d\xf7\x1d\xd2\x97\xd8r\xea\x0c\xb6\x0f\xbb+\x1dB.\xed\x90\xcab\xdb\x87\xfe\xba\xf3Xs#B\xe9\xeb\x90\xc3\x1fY\x19\xea\xc2\xdde\xb3\xac?\x0fY\xaf\xe2\xf5\x84\xfdZ\x03N^+X\xf3\xea\xfe\xce\xe6,\xd2m\xb5#xGo+\x9egQ\x15\xb8_5\x1c\xf3zby\t\xbb\xfd\x01\xa0\xab\\F \xc5\x81\xc5&amp;\x8fg\xcd\x056\x03\xd1\xa9\xeb\xdf\xc4\x1f\xcf`\x86\x94\xae\xd4=\xe7\xe6%\xce\xed\xbd\xdd\xa8H\xa3\x9e\xc8\xb2FV".\xbe\x86_\xa5\xb2\xfc\xd0\xe1\xcdd\\\xc9\xeb\r\xaa\\\x82W\xc1\xecrB\xda\xe4\xa0;miJE\xd1\xc9\xac(\x1b\xec:\xa4tB\xaf\xcfuq8\x11\xf0\xf7M\x13\xb05\xa4\xd7\x00d\x01\xf0%\x86\x07\xf4\xbd\xfa7\x0eU2\xbd\xdcpk\x13&amp;\xa8\x1fy\x91}i6\xe1:e\x1d\xe3\xbc\xeak\x95`B\xc4v\n\xf4eLK\xc3\x97\xa8\xf9\xac8\xbdy\xdd{\x8c\x89a\xb9\xd6\xad\xe7~\x8d\x0e\x91\xef\xd7\x84\xc6\x9c\xf8\x81g\xcf\x07\x1e\x1c\x0c3\x81L\xbb\x1dA\n\xbc*\xa0&amp;\x9fO~\xbd=\xe1\xaf\x8e\xaeP&lt;\xe1\xeb\xb6\xc8\xdcR\xa2\x81Q\x1fL\xe9\xab46\\\x07\n1\xc6;&lt;\x1e%\xc2\x06:\xe6\x06+\xe7\xf2\xf4H\x02\x9f\xfe\x15\x1cN\x9a*\x82\xde\n\xb4\xa7\xd2?\x83\x92a \xb0F\xab\xd8E\xc67%\xd2\xcb\xde\xb1\x86\xab\x95!?+S\x9b|.|\x8d\x01~\xff(m\x8f\xcc\xe0\xa4Y-H\x0er\xb7\x90k\n4\xd2/\xc3G\xb1\xb4\xf4\x08\xb2\x94~\xa6-BL\xd0\xf9\xe9U\x00lM\x8e~\x95)c\xb0"}\xe5=u\x1e\x17\xb9{\xbd\x84\xdbd\xf0\xe1v\x11\x19\x1a\x83\xf4\x99RZ~\x95D\x82\xff\x12s\xa3\xfd\xcc\xdfP@\xa4q\xae\x1e\xe2\xfeMZ\x88r\xf2\x03p\x9d\xb5\x90\xcc\xb3\xc4\xb3\x94\x93\x89\xcf\xf6\xbcny\\\xf1\x05\xb5\xd9y\x1f\x19\xc1\xa9~\xa9\\fK\xcb\x96\xa0\xd6\xab\xf3(\xdd&lt;Z\x13\x84\xf0\xce?\x8a\xe8H6\xa2j\x82\xb9v\x97\xa0\xe9\x14?\x80\xb9zq\xd14\xb6\xd3\xc3\xd5&lt;&amp;\xca\t\x8c\x87\xbd\xa2\xad\xb7\xba\x03~\xdf\xfb\xc3\xfa\xd4\xb9S\x1f\xc0N%\x88{\x08\x9f\x978o\xfd\xaa }\xc0\x8f\xd8M`\xf7\xe8\x0f\xce6x\x83\x9f*\xc2\x9c\xb3\xb9\x10\xc9\xe4\xd7\x9974\xe6s\x00\x18l}\x82\x0e0\x03\x97)d\x9b\xbfw\x10V\x04\xf1\xa4\xda\xc7U\xb8\x88\xbbS\xdf\xd3G\xd2\xe5\x86P\xd5\xf6\x03\xe4\xcd8\xc2tjK\xeeA/\xc7:lH\xc43A\xe7\x1dY\xeff\\"\xa1\x19\x86\xcd\xe1\x1ah\xd5\xcd\xccV\xdc\x17\xfa\n9\x10+)\xe8Lg%\xf0\xdf\x92\xe5\x01*wc&amp;d}\x0c1\x97N\xbf\xee\x06\xac\xdbh\xe9\x0eI\xd85\x89_\xf5\x10\xaeW\xe4\xf0ew]@\x8e\xc2\xa9\x0f\xe8\xd7\x1eK\x99\xd1x\x00\xca\xd6)\xb4RmO\xf3m\xf27Q\xd14\x9c^\xa4\xbc\r\x05F\x9e\xda\xf3b\xde\xac|a\xc3%\x04\x82"\xaaL@\'\x88\xda\x16\\S\xb6\x8e\xc1\xc2~.\xf6\xf3\xe6{\xc4-'</t>
  </si>
  <si>
    <t>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</t>
  </si>
  <si>
    <t>b'`\xf9&amp;\xa2,A\x8b]\xa6\xec\xd7\xedY\xc9]\x19'</t>
  </si>
  <si>
    <t>a'll learn how to talk to th' robin
same as I do. Eh! we'll have a lot o' fun."
He began to walk about, looking up in the trees and at the walls and bushes
with a thoughtful expression.
"I wouldn't want to make it look like a gardener's garden, all clipped an'
spick an' span, would you?" he said. "It's nicer like this with things runnin'
wild, an' swingin' an' catchin' hold of each other."
"Don't let us make it tidy," said Mary anxiously. "It wouldn't seem like a
secret garden if it was tidy."
Dickon stood rubbing his rusty-red head with a rather puzzled look. "It's a
secret garden sure enough," he said, "but seems like some one besides th' robin
must have been in it since it was shut up ten year' ago."
"But the door was locked and the key was buried," said Mary. "No one
could get in."
"That's true," he answered. "It's a queer place. Seems to me as if there'd
been a bit o' prunin' done here an' there, later than ten year' ago."
"But how could it have been done?" said Mary.
He was examining a branch of a standard rose and he shook his head.
"Aye! how could it!" he murmured. "With th' door locked an' th' key
buried."
Mistress Mary always felt that however many years she lived she should
never forget that first morning when her garden began to grow. Of course, it
did seem to begin to grow for her that morning. When Dickon began to clear
places to plant seeds, she remembered what Basil had sung at her when he
wanted to tease her.
"Are there any flowers that look like bells?" she inquired.
"Lilies o' th' valley does," he answered, digging away with the trowel, "an'
there's Canterbury bells, an' campanulas."
"Let's plant some," said Mary. "There's lilies o' th, valley here already; I
saw 'em. They'll have growed too close an' we'll have to separate 'em, but
there's plenty. Th' other ones takes two years to bloom from seed, but I can
bring you some bits o' plants from our cottage garden. Why does tha' want
'em?"
Then Mary told him about Basil and his brothers and sisters in India and of
how she had hated them and of their calling her "Mistress Mary Quite
Contrary."
"They used to dance round and sing at me. They sangâ€”
'Mistress Mary, quite contrary,
How does your garden grow?
With silver bells, and cockle shells,
And mari</t>
  </si>
  <si>
    <t>b'\x00\x9f\x89\xaf|\xa8\x14"`\xfb\xf4\x03=\\\xa5\x14\xd9\xf7\xef\x80\xd9\x97\xf6\xc7G\xb4\xe3\x92Qc\xd4w\xb0\xd4n\xe6\x1e\xa2\x91\x8d\xd4W\x1bM\xc3D@\xc5(7\x93E9\xc6\xc0.\x90Y\x9d\xe9Ju\x9fr&amp;\xcb\xe3e\xef\x9a\xb3"\x93\xb2\xb0\xfc\xb3p4\xde\x81P|e\xe5\x15\xa8\x8e\xbd\x8a\xa6\xa5\xfa[|X\xd1C\x88?[\xb08\x83A&lt;^\xd4\xfdB\xc7T\x02:C\xd1,\xcfM\xdb\xf1\xb9\xf4\xe4\xd6{\xadSVO\xa9\xf0\x7f&lt;\x8dL\xc0\x0f\x1f\x19\xad.b\x17\xba\xb4TE\xc1\x1c\xb5Bd\xb6"\xa3\xa6\xbe\xc0\xfbj\xed\xc5%z\xf3\xa7\x8cz\xa7j\xac\x04\x9f\xe4\xfdul\xb0}\x95@o\x98\x080\xa7\xa2\xe2\xca"\x90=\x0b\x1c\xdf\xdf\x84\xafZ\xd63E\xe4\xb6o\xb3EA\xd0x\x97\xd3\x82\xa9zu\xcb\xac\x99\xef\xf5\xda\xa7\xc8\x14I8\xdc\xf3\x93\x82\xf9z\xb5\xd0\x12\xa6"\xc8\x7f}]&gt;\'\xe6v\xc8\xaf\xcd\xa5\xbb\x80\xd8\xc9i\xd6\xd0\t\xab\x1c\x0b4&lt;\x95{\xea\x96\x88+\xdfc\x84\x7f}\xae\x07\xb1\n\x99XH\xe6\xfcC\xb9;MZMxso\x88\x8cz\xee\t\x17\x08v\x01\x97\xaba\xca\x08L\xcb\xcf\x19\xce\x86n\x8a\x1c\xa9:\xcf\xdb9\xca\x7fy\xb2\xa2\\\xbb-\xc6\x89=*W\xb9\xfas^+&lt;\xd4\xc2\xa4de\x9a\xbb\xec\x87\r\xefw\x89V\xf7\x87M\xa04k\xda3\xe8\xd5\x86\xaf\xf8C\x83\xa9&gt;\xd8\xcd(\xcd\x11G\xe0\x9f\xe8y&gt;\x00\xdczc\x80\xb0\xad\xa4\x9f\xddHy\\\xac\x8d\x81\xf2\x95~\x14\x06\xe6m1\xb7-X\xd0\xe0"XJ3\x00Z\x1c\xc3\x05\xf1"T\xd4\xa1(\xb1$\xff\xb2l\x90_\xbc\xe3\xf4{*k\x86\xaa&lt;\ry\xecO\x18\xbf\xb7\xda~0go\x8aw\xde.\x87Lg\xe9QM;\x87\x89"\xcd\x976\xd1\xe6\xb4\xf9&amp;_"\xc7WG;\xba\xb7\xfa\xc1k\x16\xbf\x14\xe9g\xa2\xce\xc9"\x18\xf4[\x8e2-\x9c\xe0\x92\xd0\xd8\x94\x87e\x89\xb6D\x19\xb6\xee)D\x9b\x1b\x19\xd5\xf3\x01)h\x0c\xa7\xf9\t\xeff\x84\x0eGF\xa7/\xc3H\xa8\xf0\xc9P\x1b\xa8\xf6\xdcI\xd7\xf2[\xf7\xfe\x90\x08\xe2e\xac\x8f\x8c\xe0\x07m\x15b\xc9\x80\x86\xc2f6\xb4\x83\x08\xc4\x08\x18\xb7S\xd3\xf0\xa5\r\x1a\xd5\x99\x82\xfdh\x0e\x1b\x80LKn\xa8~\xb8Z\xef\x8d\xf8\xd0w\xbe\xae\t)\x03\x17g\x9c\x7f]\x07~\xe0C\xa9"\xedG\xec\xf3\xaa\xbc\x13P\xcb\xa4e\xb4\x9b\xb8\xa1M\xb0w\xbd\xc8\xfcdL\x1f\xa5h\xd5D\x96\xec\xd4\xac}\xef\xfdY!t\x9c\xdeZ\xbf\x058k\xfd(\xde\xb3\x11\x99\xe3\x9f\x95\xde\xd0\xeb\xa1fAJ\x07\n\x981\x93\xb1\x8a u\nbj?Yt\xa1\x15\x01W,\xd9,\xe3\n\xea\xb9\x05t&lt;\x8d\xed\xe4f\x83!\xe4\x85&amp;\xe2s\xf1l\x128;\xaf\xf6\xeeL\xb3\x86\xe2f\x17W\x12\xb7#^\x16\x80C_Bko\xdax/\xffE\xee\xdf\x16\n%m\x11\xb1\xc9\xfd\xac\xc0\'R\xf4\x00W5\x92U\xc0w3\xe3?.\xaa\x81\xd4\xde\xac\x91\x1a+\xecC\xf8\x1b\xab\x1a\x81_\xd6\xf1\xc2\xcf-!M\xbb}\x15R\xf2@6\xee\x8b\xa9\xc4\xb6\x04\x04\xb0\xf8\x99\xf1\xec\xa8\xc7\xe0\x7f\x1f\x00a\x1d\xc8B&amp;@\x1c\xa1\x0b\x1e\x90\r\x00\x1bN^x\xc0\xae\xb4;"\xda-\xae\xc9\x872\x8d\'\xf93\xc8,\xa2_\xe2\xf8\xfa&gt;\xb9\x84gT=\x1f\xdb\xa9yl\x99^](\xcd+\xda\xd2:,\xba\x1b\xc6\xa2#\xc8\x9d\x891\x1d\xdfT}\x9a_\xf4\xb2X\xb7_\x91\xb3\xde1\x02\xcf\xe4O\x1a\xab\x92@\xf1_Tq\xa1\x19Q\x14(\xf6\x15$\xab\xac\xc7/\x8f\xe98g;\xd5\x0f\xb6:q\x12\x16p\x04\x15WQ\xfa\xd8\xca^\xe1\x01\x08\xf3Jm\xb6L|\xf2\x8byK4\xc1{q\xee\xde\xe0q\x0fS\xc3\r\xe4S\xbd&lt;\xe8\x84\xbej&amp;\xa9\x17\x08\xe5*\x8cxW/\xcc\xc4\xf7)\x1dP\x9c\xb1\x16\x02\xc6\xb7\xa9q\xe8\xe4\xc9\xa4\xa2k\x12v\x08\xddw]\xbb\x0f\xb9\x07c\x8d(\xd5&lt;T\x017\xddE\x16uK\x14\x9e\xd9M`\xfe\x86\xc4E\x95p\xabN\x80Y]I0\xcfJ\xb8\xbf\x02\xea\x10\x9e\xad\xa6\xb6\x95e-\x1e\xa4J\'\xa6\x906\x14\r]j&lt;\x9dfi\xf3N\x15~\x80\xd39EY\xcfU\xe0U\xff\xc7?U%\xb8_\x1d\x97\x8f\x0b\xfe\xb68\xa5O\xa4\xd6\x18rc+vi\xe1\xc7\xd1d\'^\x85\xc5\xc2\t\xe3\x87\xe0+\x8c\x0b&gt;\xee\x96\xea)\xc8\xf7\x86\t\x99g\xc5\xbf\x82\xedS\x88\\\xfc\x81J\xad}\xa9,\xbac\x1c\'\xcbp\xb10\xf7\xae\xe3\xd2foc\xa1\xfcI%w\xd0\x02\x13]2\x1e\xa2\xcd\x87E\x88\x97I\x1c\xa0[\xb0[bt\x1b-qd\x8c\xeaU\xd6\xb5\xf1@~\xd5ia\x85\xd8\x0c\xcd\x15c6\xf4\x9b\x04\xa7\xa0\x9e}\xb1Vc\xcc5\xc7\xf2\x97\x10\xd8p\xcc\xd5\x8a\x8e\x84u\xe7m;\x82\x9b\x8b\x82\xf0\xb3\x80\x96\x96\xba\x0fq\x97u{\x8a|5_c\xed\xe5_\x8d\xd5\x82\xb0\x8c\xb2I\x01\xeaVX\xfb\xbb"\xb0\xf6\xb8\xe5\xbd.T4\xd4\xc0\x8cu\x8eh\xb3\xc9n\xa8\xb2\x89\x154\xe4\xaf\xa4n(\xe6\xb0\xe2\x91 }\xdc\xcc;\xa5;\xe5I;\xad\xb1\xf3\xd5e\x1c\xd1\x9e\xf8\xd4\xe4Im\xff/}\xa1\xe1\x15\x82# \xf7\xd85/N1\xc26\xa2\x17b\xee\xf4=;)m\xc6\xaf.\xe44\x92\x0c^\xa7\xf4\xd0\xf2\xe5&amp;\xce\xb4kB\x0ce\xbcI\xc2c\x8e\x91\xcd\x12\xd6j\xc5\xbb\xb9\x12h\x11X\xb3c\x1e\x9a\xca\x02\x1dhR\xf8G\xd2sr\xef\xb4\t\xd3\xec\x97\xfdG\xbf\xd9\xf7\x81\xc8#y&lt;S\xa1\x93\x9d\xa7\xa9\x85j\x8ch\xd8\x08s&lt;I\xa4\xff^\xa8\xb1\xb3\xef\x00\xc4v\xa3\xeew\xdf\x82R\xbe\xc8\x11\xd36BCju\xcb\xac\x99\xef\xf5\xda\xa7\xa5\x86\x07w\xb7\x10\xb0\xa7e\xc1\xdckb\xf7\xcdX\xa1\xd4\xe5\xf8V\xc8\xcb\xe83\x0f\xf4\xc2\x00\xdbZ\xce.{F\xdb\x9dk{\xe8\r\xb9\x17A\xbe\x9c\x10\x9e\x91\xe3!S\x0c\\\xf4\x0e\x84\x0cX=K\x1a{\xbf44|,\xc5_\xf9\xdf0\xff\xc4\x05T\x92\xae\xa9m\x050\x8f\x03\x96\x8c\x96!]\x7fE\xbeq\x80&gt;\xfe\xa7\xc8&gt;\xa3\xefR\nMX\xedL\xf1\x81\xdd\xa1\xb7\x00\xfc\xce{\t\xee\xe8/\xfa \n\x00\xd7\xb1p\xbc}\xf4FVM9X\xb7\xc4\xe4\xfa\x8e\xad\xde\x7f\x92\xdf\x8f\x18\xd9Nw\xbe\x88{\x0cR`\x8a\x14\x0e\xfb{q\xaf\x13\x08\x91\xc3\x9c\xe6\x8fO\xc6\x8e\xc3\xe4h&lt;\x12\xa4\xb0\x12\x17[b\x9b\xab\xf7\xef=\x8a\xa9\xa1]\xd1\xdd/\xdd::\xaf4E\x89\x04q\xec\x1f\xc4\x84\xdcQ\x0b\xa2\x18C\xbe\xd6Js\xd5!P\xa4"P\xf0\xfe5\xf9\xd8\xc7\x90Y\x9d\xe9Ju\x9fr\xb8\x06w3\x97\xc7\xa7\xc5\x1c?\x07\xdf\xcf]e\xf5S\x88,\x08\x14\x8ckc\x90Y\x9d\xe9Ju\x9fr\x98\xb6\xdcx\x0c\xeb|\x84u\xad\x1b\xda\xf7.\xe1\xbb\xc2*\x1cN\x92F\xdc, \xd38\xae\x9d\xfe\xfb6\xaa\xff\xb4\x01\xa2R\xcc-W\xda\xa8k\x02\xf7\xf3\xbeh%z\x1e\x1c$\x16!8p\xc9ti\x0c\x17\x86~\xeb%\xb5\xd3I\xcb\xe8N\x16\x19?\xffL\xadl`)\x86\xcd5\x9b:\xfa\xfc\x11\xe0f\xe6\xdd\x06\xe5\xfd"{\xfe\x1f\xa3\xe2\xe7\xda\x19U\x9dR\x8f(${\x8f\xb9\x81N\xd8\x9e\x9a9\xf4iY\'\xce\xad8\xea\'\x1e3\x8b\x01\xca\x07\xcfr&lt;\xc2\x82\x1ckM\x895\xeb2\xe4t\x0bz\xd7\xdbA\x95}`&amp;Za\xd3\xcd\x8fIX\x83d\xde1\xea\xe5\xa4\xc9\xc0y\xfeu\x99\xa5(Xt\xf0\xd7\\\xae\xc9\xb0\xb7\xc4=\r\xfd\xeb\x81D\x9d\x9b\xe1=\x05\xff\xed\xd3\xbd\'J\xf5\xec\xc9\x02\xc42w&lt;R{\x86\xd6H\xe3\xad\x0eo\xe70V\x81w\xd5\x81\xf8\xc5\xed(\xdc\xe4\xb7\xbd\xf0\xb1,\xcb \xb1\xd9P\x0ek\xd7\x89\'3\xdb\xb7BPp\x9fwH1\xe4m\xf6\xafn\xaeO\xff\x1c\xa6\x8e&amp;.\xf7\xaa\x03\xa8{x\xcdnI^xE\'\xbd\xae\xcb|:)`s\x93\xad\n\xf9\xa1\xb3\x8dz\xb9\x06\xf3;HUp\xbf!\x80$\x885\xe7\x8e&amp;\x04\xe3\xe9J\xf3`E\x9fK\xbc\xb1\xc1/\xdc\xa1\xdc\x1b1@B\xf0\xfc\x06\x1f\x1a\x89Shd\x8c\xddJ\xc6\xd8\xa6C\xd63A|\xda\xac\x15\x05c\xf3\xf05|\xb2\x95\xfc6\xfc\x15h\x82cEa-\xd5\x9fX$`\xaa\n%\x0f\x8a*\xbd_\xb9X.\xe6(\xb0\xc7.\xee\xb8\xc6\xde\xfe\x81\xd2\x9fPB({\xbd#\x88w\xb8A\xde$\xc7\x8a\xbax\x97\xb4\xdb\xf2\x8c\xcd\xf0\xb5\x8e\xdd:z\xd6\x9a\xdd\xda!\xbbY\xae\xc9}c\xd97+\x98\xdev\xf5\xd3F\x0b\xa9x\x90\x9d\xdc\xd7!}"\x9aj\xe4b3\xbe\x14\xd4\xcb\xab\xa5\xca\xa9v\n\x02:]uv\xd1"\xe5\xb2;\xa2$'</t>
  </si>
  <si>
    <t>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</t>
  </si>
  <si>
    <t>b'\x00\x9f\x89\xaf|\xa8\x14"`\xfb\xf4\x03=\\\xa5\x14'</t>
  </si>
  <si>
    <t>u2
 LL2
 LL1
 u1
 1
 LL
 Gains and losses
 for the joining country
 Degree of economic integration between the
 joining country and the exchange rate area
 GG
 Losses exceed
 gains
 Gains exceed
 losses
 1 Î¸
 Figure 20-5
 Deciding When to Peg the
 Exchange Rate
 The intersection of GG and LL at
 point 1 determines a critical level
 of economic integration, ,
 between a fixed exchange rate
 area and a country considering
 whether to join. At any level of
 integration above , the
 decision to join yields positive
 net economic benefits to the
 joining country.
 u1
 u1
 572 PART FOUR International Macroeconomic Policy
 LL2
 Gains and losses
 for the joining country
 Degree of economic integration between the
 joining country and the exchange rate area
 GG
 LL1
 Î¸ 1
 1
 2
 Î¸ 2
 Figure 20-6
 An Increase in Output Market
 Variability
 A rise in the size and frequency of
 country-specific disturbances to
 the joining countryâ€™s product mar_x0002_kets shifts the LL schedule upward
 from LL1 to LL2 because for a given
 level of economic integration with
 the fixed exchange rate area, the
 countryâ€™s economic stability loss
 from pegging its exchange rate
 rises. The shift in LL raises the
 critical level of economic integra_x0002_tion at which the exchange rate
 area is joined to . u2
 less willing to enter fixed exchange rate areasâ€”a prediction that helps explain why the oil
 price shocks after 1973 made countries unwilling to revive the Bretton Woods system of
 fixed exchange rates (Chapter 19).
 What Is an Optimum Currency Area?
 The GG-LL model we have developed suggests a</t>
  </si>
  <si>
    <t>b"0F\x02!\x00\xc3\xe9\x0e`\n^}\x81\xc4lX\x05Y\x9a\x03z\xa6\xc7\xd0\xf6\xa1\xc3\xa6#\xc9\xe4%\xbeK\xc7\x9b\x11\x02!\x00\xc5\xbaR])\xdc\xeeE\x08w\xc5\xae\xcew'ds\xd1\x1d\xb1R\x10X\xec\xc2\xb2\x91!\x92c-\xe7"</t>
  </si>
  <si>
    <t>3046022100c3e90e600a5e7d81c46c5805599a037aa6c7d0f6a1c3a623c9e425be4bc79b11022100c5ba525d29dcee450877c5aece77276473d11db1521058ecc2b2912192632de7</t>
  </si>
  <si>
    <t>b'0F\x02!\x00\xc3\xe9\x0e`\n^}\x81\xc4lX'</t>
  </si>
  <si>
    <t>Emily then enquired the occasion of this hasty journey; but
 her aunt appeared to be as ignorant as herself, and to undertake the
 journey with more reluctance.
 The family at length embarked, but neither Count Morano, nor Cavigni,
 was of the party. Somewhat revived by observing this, Emily, when the
 gondolieri dashed their oars in the water, and put off from the steps of
 the portico, felt like a criminal, who receives a short reprieve. Her heart
 beat yet lighter, when they emerged from the canal into the ocean, and
 lighter still, when they skimmed past the walls of St. Mark, without
 having stopped to take up Count Morano.
 260
 The dawn now began to tint the horizon, and to break upon the shores of
 the Adriatic. Emily did not venture to ask any questions of Montoni, who
 sat, for some time, in gloomy silence, and then rolled himself up in his
 cloak, as if to sleep, while Madame Montoni did the same; but Emily,
 who could not sleep, undrew one of the little curtains of the gondola, and
 looked out upon the sea. The rising dawn now enlightened the
 mountain-tops of Friuli, but their lower sides, and the distant waves, that
 rolled at their feet, were still in deep shadow. Emily, sunk in tranquil
 melancholy, watched the strengthening light spreading upon the ocean,
 shewing successively Venice and her islets, and the shores of Italy, along
 which boats, with their pointed latin sails, began to move.
 The gondolieri were frequently hailed, at this early hour, by the marketpeople, as they glided by towards Venice, and the lagune soon displayed
 a gay scene of innumerable little barks, passing from terra-firma with
 prov</t>
  </si>
  <si>
    <t>b'o\xb5Re~Or\xde\x00\x89\xe3&amp;\xed\xc5O\xe4\x83\x0b\xaa\xb4~\x07\xef\xe5|(\xac\xcd\x10\\e\xb6|\x14\xc6\xe0!S\x15K\x7f\xc2\x07ZtRT\n\xcc\xae\xee\x8bTq\xbfr\x946\xc1\x12\xc2\x11{\xfc'</t>
  </si>
  <si>
    <t>6fb552657e4f72de0089e326edc54fe4830baab47e07efe57c28accd105c65b67c14c6e02153154b7fc2075a7452540accaeee8b5471bf729436c112c2117bfc</t>
  </si>
  <si>
    <t>b'o\xb5Re~Or\xde\x00\x89\xe3&amp;\xed\xc5O\xe4'</t>
  </si>
  <si>
    <t>had only torn and displaced some muscles in the calf. 
 He was sure to recover, the doctor said, but in the meantime, and for 
 weeks to come, he must not walk</t>
  </si>
  <si>
    <t>b'\xa4\xd8\xfd\x1c\xd1\x16+\x9e\x03\xb8\xef\xce\xcdA\xb0o\xc2\xd6\xf1\xca\x81\xd2\'\x1e5(b\xe0\x15\xf9\xcc\xdbh\x15\xb8\xcf\xb9\xbfW\x8b3\xe0\xc3Ri\x9cne\xee\xcc\x94\x06\xcb\xdb\x9d\x18\xac\x11\x94m\x83p\x7f2/6FJ\xe1^J\x98\xac\xc6\xe1\x19\x83\x81\x9d"\xca\x11\xb6\x81\x1fI0\xc8/\xa9T\xcc\xd4\n\x19\xb4\x02\xc5L\xbbw8G\x0e/2\x93g\xae\xffo\xfa:\x07E\xeb\x9c\x11h\x1fD\x1b\x84\xceB\xc8\x8f6\xbf\xda\xea\xa3\x99\tT\xd2\xac=\xae\xfb"\xfe\x1c\xe8\xa0\x91\xf8\xfe\x1aW\xcaqD\xc6S\\B\x13\x96Q\x16\xf3\xfb\xf0\x9f\x00\xcc\x88\x02\xfd\x94\x9c\xcd\xd8\xe88\x9bCY:\x9a\xed6\x99&amp;\xa8f@\t&lt;\xba8\xaemU\x9c\xcd\x1a\xb2\xcd\xf1rY\xeb6\xca\xe3C\xb5Y\xff~\xf7)\x06\xb4&lt;L\x8aDd\x87p:]\xf6NtJhvp6U\xfcj\x91j\xf5\xa6\xdf)\xe9\x82 (91\xbf\xc5}\x1f\x93\x87\x93\x884W\xe8\xf4x\xa3\xa76\x15Y\x983\xd3\xdde\xb45\x04 \x1d\xc1\x9e\xd1x\x04\xbd\xd9a\x17\xc6\xbf1\xe6\x048\x98\xc2\xb3\xdaFOo8\x9e\xa78\x8a]b[c\xbc\xe3\x1c\xf9\xeb&amp;M\xaf|N\xc1L&amp;\xfa\x8e\x8e\xd7\x0f\x06L\x9b\xf0\xd2d\xa2\x87V\xc0\xce2\xcf\x9d|L\x8b\xcdw\x92\xbe\xd3wD@^\xc5\xf8\x82+\xea\xd0\xd9y\x985\x8d@\xa6\n1Q\x0f\xe2\xa78\xd7\x13\xe0U#rm\xc0\x04)\x90\x13\x11?\xf7\xac\x14mG\x80\xcd\xa6R\x8bO\x83\xd7`:p\x19\x88\xc0u\xd0\xcd\xb2yF\xb8\xb5/X]x\xc2\xec\x99p\x994\x8d\xe6\x0e!#\xc2\xfd9\xc7oS]\xa6[\xa0\xfd\xfc&gt;\x00_\x8a\x17c5\xa8\x00\xfa\xe1u\r\x84\xc0\x8a\x1a@2u\xe3B\xd1K\xa98\xca\x9f\x01\x02QB"mk\x0eI\x98\xf8\xce\xb0V\xa4\xee\xa8}\xa7\xaaQ\xb2n Z\xe4\x01mf\xe0\x06\x8f\xcb\xc1\xe9G\x89y\xc6\x94\xe2\x91!\xe4-'</t>
  </si>
  <si>
    <t>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</t>
  </si>
  <si>
    <t>b'\xa4\xd8\xfd\x1c\xd1\x16+\x9e\x03\xb8\xef\xce\xcdA\xb0o'</t>
  </si>
  <si>
    <t>hey were nibbling at his feet; and to pass the time
 until they made their final gulp, he watched the only thing moving on the
 lagoon. He thought it was a piece of floating paper, perhaps part of the kite,
 and wondered idly how long it would take to drift ashore.
 Presently he noticed as an odd thing that it was undoubtedly out upon the
 lagoon with some definite purpose, for it was fighting the tide, and sometimes
 winning; and when it won, Peter, always sympathetic to the weaker side, could
 not help clapping; it was such a gallant piece of paper.
 It was not really a piece of paper; it was the Never bird, making desperate
 efforts to reach Peter on her nest. By working her wings, in a way she had
 learned since the nest fell into the water, she was able to some extent to guide
 her strange craft, but by the time Peter recognised her she was very exhausted.
 She had come to save him, to give him her nest, though there were eggs in it. I
 rather wonder at the bird, for though he had been nice to her, he had also
 sometimes tormented her. I can suppose only that, like Mrs. Darling and the
 rest of them, she was melted because he had all his first teeth.
 She called out to him what she had come for, and he called out to her what
 was she doing there; but of course neither of them understood the other's
 language. In fanciful stories people can talk to the birds freely, and I wish for
 the moment I could pretend that this was such a story, and say that Peter
 replied intelligently to the Never bird; but truth is best, and I want to tell only
 what really happened. Well, not only could they not understand each other, but
 they forgot their manners.
 'Iâ€”wantâ€”youâ€”toâ€”getâ€”intoâ€”theâ€”nest,' the bird called, speaking as
 slowly and distinctly as possible, 'andâ€”thenâ€”youâ€”canâ€”driftâ€”ashore, but
 â€”Iâ€”amâ€”tooâ€”tiredâ€”toâ€”bringâ€”itâ€”anyâ€”nearerâ€”soâ€”youâ€”mustâ€”tryâ€”
 toâ€”swimâ€”toâ€”it.'
 'What are you quacking about?' Peter answered. 'Why don't you let the nest
 drift as usual?'
 'Iâ€”wantâ€”youâ€”' the bird said, and repeated it all over.
 Then Peter tried slow and distinct.
 'Whatâ€”areâ€”youâ€”quackingâ€”about?' and so on.
 The Never bird became irritated; they have very short tempers.
 'You dunderheaded little jay,' she screamed, 'why don't you do as I t</t>
  </si>
  <si>
    <t>b'AAt\xb9&gt;\xc43}'</t>
  </si>
  <si>
    <t>414174b93ec4337d</t>
  </si>
  <si>
    <t>nce round
 the chamber, and then held up the lamp to assist his observation; but,
 not perceiving any thing to confirm his alarm, he took up the book again
 and pursued the story.]
 'The Baron paced his apartment, for some time, in silence, impressed by
 the last words of the stranger, whose extraordinary request he feared to
 grant, and feared, also, to refuse. At length, he said, "Sir knight, you are
 utterly unknown to me; tell me yourself,â€”is it reasonable, that I should
 trust myself alone with a stranger, at this hour, in a solitary forest? Tell
 me, at least, who you are, and who assisted to secrete you in this
 chamber."
 'The knight frowned at these latter words, and was a moment silent;
 then, with a countenance somewhat stern, he said,
 '"I am an English knight; I am called Sir Bevys of Lancaster,â€”and my
 deeds are not unknown at the Holy City, whence I was returning to my
 native land, when I was benighted in the neighbouring forest."
 '"Your name is not unknown to fame," said the Baron, "I have heard of
 it." (The Knight looked haughtily.) "But why, since my castle is known to
 entertain all true knights, did not your herald announce you? Why did
 you not appear at the banquet, where your presence would have been
 welcomed, instead of hiding yourself in my castle, and stealing to my
 chamber, at midnight?"
 'The stranger frowned, and turned away in silence; but the Baron
 repeated the questions.
 '"I come not," said the Knight, "to answer enquiries, but to reveal facts. If
 you would know more, follow me, and again I pledge the honour of a
 Knight, that you shall return in safety.â€”Be quick in your determinationâ€”
 I must be gone."
 641
 'After some further hesitation, the Baron determined to follow the
 stranger, and to see the result of his extraordinary request; he, therefore,
 again drew forth his sword, and, taking up a lamp, bade the Knight lead
 on. The latter obeyed, and, opening the door of the chamber, they passed
 into the anti-room, where the Baron, surprised to find all his pages
 asleep, stopped, and, with hasty violence, was going to reprimand them
 for their carelessness, when the Knight waved his hand, and looked so
 expressively upon the Baron, that the latter restrained his resentment,
 and passed on.
 'The Knight, having descended a stair-case, opened a secret door, which
 the Baron had believed was known only to himself, and, proceeding
 through several narrow and winding passages, came, at length, to a small
 gate, that opened beyond the walls of the castle. Meanwhile, the Baron
 followed in silence and amazement, on perceiving that these secret
 passages were so well known to a stranger, and felt inclined to return
 from an adventure, that appeared to partake of treachery, as well as
 danger. Then, considering that he was armed, and observing the
 courteous and noble air of his conductor, his courage returned, he
 blushed, that it had failed him for a moment, and he resolved to trace the
 mystery to its source.
 'He now found himself on the heathy platform, before the great gates of
 his castle, where, on looking up, he perceived lights glimmering in the
 different casements of the guests, who were retiring to sleep; and, while
 he shivered in the</t>
  </si>
  <si>
    <t>b'\x9e\x98\x19}\xa2\x18C\x97cj%\xf8!\xe6\xec\x89\xb9\xc7P\nuj\xe5z\x84\xb3\xf3\xf4\xa6D\x8b\xcf\x83&lt;$\xbd\xca\xce\xe4|l\n\x1c\xe8\x00\x0cn\xe9a\xa9\x1a\xdc\xd3\x80\xa8\xa6\xbd\xec~u|\xe4\xdd\x85'</t>
  </si>
  <si>
    <t>9e98197da2184397636a25f821e6ec89b9c7500a756ae57a84b3f3f4a6448bcf833c24bdcacee47c6c0a1ce8000c6ee961a91adcd380a8a6bdec7e757ce4dd85</t>
  </si>
  <si>
    <t>b'\x9e\x98\x19}\xa2\x18C\x97cj%\xf8!\xe6\xec\x89'</t>
  </si>
  <si>
    <t>ned half the power of their
charm, and Dorothy could not use it against her, even had she known
how to do so.
The little girl, seeing she had lost one of her pretty shoes, grew angry,
and said to the Witch,
"Give me back my shoe!"
"I will not," retorted the Witch, "for it is now my shoe, and not yours."
"You are a wicked creature!" cried Dorothy. "You have no right to take
my shoe from me."
"I shall keep it, just the same," said the Witch, laughing at her, "and
some day I shall get the other one from you, too."
This made Doroth</t>
  </si>
  <si>
    <t>b'\xf9q\x7fG\xceL\xbeM&amp;\xc3\xcdty\x92GY\x9f\xa2Z83\x01\xc9\xdf\x16\x1di\xba\xe7+\xc0\xbb\xa8\x11\x15\x12d\xbc\xc5\xb0\x1fk*\xcc\x07\xea\x07\x1d\x9a\xcb\xbe\x9e\x86\xf3\x91L\xc7k\xc6LvV\xd3\xe4\xc3/\x83\xcf\x8cj\x7f\xda\xed\x00\x11\xa9i\xf9\xf3\xab\x80\xfa\x14\x82\x9f|\x04P\x00\x01\xc1\xe3[\xfa\xc7\x0e\xce-\xf5\xf6\x99;i\xcb\xf8\x98u\x07\xa3\xda`\xb5"\xd8\xac\xa3-X\xf0;4/U\xc7s\x91\xc8\x828B\xf9\x88{\xa8giz\xbe\xf8\xca\x01\x92|K\xfb\xa4"\xe9\x94`8\xf39Q \x16\xd1\xe8\xca\t^\xaf\xea\xf85\xdb\x97\xcd\xe0v\xbf6{\x19\xdc\xde2\t\x01\xca+Y\xdbv0\xf5\x1d\xcfe\xaa&amp;\xce\xb3"&gt;d\x01\xca\xfe:\x19@-\xe3x\x84;\t\xc6\xb9!\x16\x0f&gt;\xa6..VM?7O%\x8c\x0c\x8e\xc3\x9b\xff\xc9\xccuC\x1d\x17\xff\xc8&amp;\xf6\xbc?\xc8\x90\xd1p\x80\x01\xbd\xc4/\x97\x88\x8d\xf6\xbf\x97\xfe2\x06f-\x7fNIZ\x1a\xe3\xdf\x0c\x90\xe4u\xea\x8a\x17\xbf.\x9a\x1b\xad\x16`D\xb4\xbe\xd3\xe6\xd1#9\xc8\xb7\xac\xc0\xf3$Ot\xf2\x06\x83\x87\xee\x96\x96.\x0f\x1e,\x9e\xc9\xf8\xfc\xf04\xbf1B[q\x02\xc4\x94\xbcQ\xc1q\xf4\xaaI\x9e\xf7G\xa3\xcf\xd4\x15\tq\x10\xa57\x0e\xb6\xe6YW0\xa0j\xacb,\n\x93M\x1b\x1c\x08\xaf\xe8\xc5 \x85\xecN2\x9b\x7f\xa2e\xf3\xb4\x82\xf6\xf9\xfeF\x97\x88&lt;\xc2\xc8f\xfdP\x9c\x895\xb63\x1cM\xab3\x07h\xe5s\x9b\x88\xfc\x18G\xef\x04 \xfaR2\xe1\xcb\xdcL\x0f\x13;\x8c\xd7V\xec\xbd\x84\x93[\xc4\xfe\x9e4\xc2\xb4\x06\xedd\xc9\xacC/\x9b;\x18\x0f\xab9\xc7C\x0b\xa0\x82\xa8}\xe6?r\xed\xc3\xc9:Q\xfd\xc2\x98\x883\x99\xe1\x99%\xb9\xe2\xb7\xd1\xb9\xc3\x1c\x9f\x05\xb6\xf5\xa8qa\xa2\r\x0f\x17D|\xe2\x9d\'\xf2\xde\x7f\xe3\xc0c\x1d\xbe\xcb\x88\x04\xd7\x9d:\xfe\xefZg\xbd\xf2p\xafG\xff3\r\x17\xf0\xd7h*2\x11\xea\x181\xe9\xd1(\x9d\x0b5\xf6\x1c\t'</t>
  </si>
  <si>
    <t>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</t>
  </si>
  <si>
    <t>b'\xf9q\x7fG\xceL\xbeM&amp;\xc3\xcdty\x92GY'</t>
  </si>
  <si>
    <t>of source follower.
 It is instructive to compute the output impedance of the source follower.2 As illus_x0002_trated in Fig. 7.31, Rout consists of the resistance seen looking up into the source in par_x0002_allel with that seen looking down into RL. With Î» _x0006_= 0, the former is equal to (1/gm)||rO,
 yielding
 Rout = 1
 gm
 ||rO||RL (7.136)
 â‰ˆ 1
 gm
 ||RL. (7.137)
 In summary, the source follower exhibits a very high input impedance and a relatively
 low output impedance, thereby providing buffering capability.
 M 1
 VDD
 R
 Vin
 C1 G
 RS
 C2
 Vout
 Figure 7.32 Source follower with input and output coupling capacitors.
 7.4.2 Source Follower With Biasing
 The biasing of source followers is similar to that of emitter followers (Chapter 5).
 Figure 7.32 depicts an example where RG establishes a dc voltage equal to VDD at the
 gate of M1 (why?) and RS sets the drain bias current. Note that M1 operates in saturation
 because the gate and drain voltages are equal. Also, the input impedance of the circuit has
 dropped from infinity to RG.
 Let us compute the bias current of the circuit. With a zero voltage drop across RG,
 we have
 VGS + IDRS = VDD. (7.138)
 2The input impedance is infinite at low frequencies.
 7.4 Source Follower 335
 Neglecting channel-length modulation, we write
 ID = 1
 2
 Î¼nCox
 W
 L (VGS âˆ’ VTH)
 2 (7.139)
 = 1
 2
 Î¼nCox
 W
 L (VDD âˆ’ IDRS âˆ’ VTH)
 2
 . (7.140)
 The resulting quadratic equation can be solved to obtain ID.
 Example
 7.18
 Design the source follower of Fig. 7.32 for a drain current of 1 mA and a voltage gain of
 0.8. Assume Î¼nCox = 100 Î¼A/V2, VTH = 0.5 V, Î» = 0, VDD = 1.8 V, and RG = 50 k_x0003_.
 Solution The unknowns in this problem are VGS, W/L, and RS. The following three equations can
 be formed:
 ID = 1
 2
 Î¼nCox
 W
 L (VGS âˆ’ VTH)
 2 (7.141)
 IDRS + VGS = VDD (7.142)
 Av = RS
 1
 gm
 + RS
 . (7.143)
 If gm is written as 2ID/(VGS âˆ’ VTH), then Eqs. (7.142) and (7.143) do not contain
 W/L and can be solved to determine VGS and RS. With the aid of Eq. (7.142), we write
 Eq. (7.143) as
 Av = RS
 VGS âˆ’ VTH
 2ID
 + RS
 (7.144)
 = 2IDRS
 VGS âˆ’ VTH + 2IDRS
 (7.145)
 = 2IDRS
 VDD âˆ’ VTH + IDRS
 . (7.146)
 Thus,
 RS = VDD âˆ’ VTH
 ID
 Av
 2 âˆ’ Av
 (7.147)
 = 867 _x0003_. (7.148)
 and
 VGS = VDD âˆ’ IDRS (7.149)
 = VDD âˆ’ (VDD âˆ’ VTH) Av
 2 âˆ’ Av
 (7.150)
 = 0.933 V. (7.151)
 336 Chapter 7 CMOS Amplifiers
 It follows from Eq. (7.141) that
 W
 L = 107. (7.152)
 Exercise What voltage gain can be achieved if W/L cannot exceed 50?
 Equation (7.140) reveals that the bias current of the source follower varies with the
 supply voltage. To avoid this effect, integrated circuits bias the follower by means of a
 current source (Fig. 7.33).
 M 1
 VDD
 R
 Vin
 C1 G
 C2
 Vout
 M 1
 VDD
 R
 Vin
 C1 G
 C2
 Vout
 M 2 Vb
 Figure 7.33 Source follower with biasing.
 7.5 SUMMARY AND ADDITIONAL EXAMPLES
 In this chapter, we have studied three basic CMOS building blocks, namely, the common_x0002_source stage, the common-gate stage, and the source follower. As observed throughout the
 chapter, the small-signal behavior of these circuits is quite similar to that of their bipolar
 counterparts, with the exception of the high impedance seen at the gate terminal. We have
 noted that the biasing schemes are also similar, with the quadratic ID-VGS relationship
 supplanting the exponential IC -VBE characteristic.
 In this section, we consider a</t>
  </si>
  <si>
    <t>b'\xfd\x9c\xe5\xc3\xb1\x0c\x8e\xa2\xde\xca\t\x12\x00\xa5\xdc\x84'</t>
  </si>
  <si>
    <t>fd9ce5c3b10c8ea2deca091200a5dc84</t>
  </si>
  <si>
    <t>me by the tail was
 gitting knowledge that was always going to be useful to him, and warn't
 ever going to grow dim or doubtful. But I can tell you, Jim, Uncle Abner
 was down on them people that's all the time trying to dig a lesson out
 of everything that happens, no matter whether--"
 But Jim was asleep. Tom looked kind of ashamed, because you know a
 100
 person always feels bad when he is talking uncommon fine and thinks the
 other person is admiring, and that other person goes to sleep that way.
 Of course he oughtn't to go to sleep, because it's shabby; but the finer
 a person talks the certainer it is to make you sleep, and so when you
 come to look at it it ain't nobody's fault in particular; both of them's
 to blame.
 Jim begun to snore--soft and blubbery at first, then a long rasp, then
 a stronger one, then a half a dozen horrible ones like the last water
 sucking down the plug-hole of a bath-tub, then the same with more power
 to it, and some big coughs and snorts flung in, the way a cow does that
 is choking to death; and when the person has got to that point he is at
 his level best, and can wake up a man that is in the next block with
 a dipperful of loddanum in him, but can't wake himself up although all
 that awful noise of his'n ain't but three inches from his own ears. And
 that is the curiosest thing in the world, seems to me. But you rake a
 match to light the candle, and that little bit of a noise will fetch
 him. I wish I knowed what was the reason of that, but there don't seem
 to be no way to find out. Now there was Jim alarming the whole Desert,
 and yanking the animals out, for miles and miles around, to see what in
 the nation was going on up there; there warn't nobody nor nothing that
 was as close to the noise as HE was, and yet he was the only cretur that
 wasn't disturbed by it. We yelled at him and whooped at him, it never
 done no good; but the first time there come a little wee noise that
 wasn't of a usual kind it woke him up. No, sir, I've thought it all
 over, and so has Tom, and there ain't no way to find out why a snorer
 101
 can't hear himself snore.
 Jim said he hadn't been asleep; he just shut his eyes so he could listen
 better.
 Tom said nobody warn't accusing him.
 That made him look like he wished he hadn't said anything. And he wanted
 to git away from the subject, I reckon, because he begun to abuse the
 camel-driver, just the way a person does when he has got catched in
 something and wants to take it out of somebody else. He let into the
 camel-driver the hardest he knowed how, and I had to agree with him; and
 he praised up the dervish the highest he could, and I had to agree with
 him there, too. But Tom says:
 "I ain't so sure. You call that dervish so dreadful liberal and good
 and unselfish, but I don't quite see it. He didn't hunt up another poor
 dervish, did he? No, he didn't. If he was so unselfish, why didn't he
 go in there himself and take a pocketful of jewels and go along and
 be satisfied? No, sir, the person he was hunting for was a man with a
 hundred camels. He wanted to get away with all the treasure he could."
 "Why, Mars Tom, he was willin' to divide, fair and square; he only
 struck for fifty camels."
 "Because he knowed how he was going to get all of them by and by."
 102
 "Mars Tom, he TOLE de man de truck would make him bline."
 "Yes, because he knowed the man's character. It was just the kind of a
 man he was hunting for--a man that never believes in anybody's word or
 anybody's honorableness, because he ain't got none of his own. I reckon
 there's lots of people like that dervish. They swindle, right and left,
 but they always make the other person SEEM to swindle himself. They keep
 inside of the letter of the law all the time, and there ain't no way
 to git hold of them. THEY don't put the salve on--oh, no, that would
 be sin; but they know how to fool YOU into putting it on, then it's you
 that blinds yoursel</t>
  </si>
  <si>
    <t>b'\x86\x97!\xe7\xea\xd72\x10p\x02oW\xf4\xccB\xd5\xc3\xf3\xa4\xb3H\x0b\x9cY\x90\xf4_\x12\xc4w\xc2\x11'</t>
  </si>
  <si>
    <t>869721e7ead7321070026f57f4cc42d5c3f3a4b3480b9c5990f45f12c477c211</t>
  </si>
  <si>
    <t>b'\x86\x97!\xe7\xea\xd72\x10p\x02oW\xf4\xccB\xd5'</t>
  </si>
  <si>
    <t>xchange rate changes like
 these help to maintain equilibrium in the foreign exchange market.
 How Changes in the Current Exchange Rate 
 Affect Expected Returns
 As a first step in understanding how the foreign exchange market finds its equilibrium, we
 examine how changes in todayâ€™s exchange rate affect the expected return on a foreign cur_x0002_rency deposit when interest rates and expectations about the future exchange rate do not
 change. Our analysis will show that, other things equal, depreciation of a countryâ€™s cur_x0002_rency today lowers the expected domestic currency return on foreign currency deposits.
 Conversely, appreciation of the domestic currency today, all else equal, raises the domes_x0002_tic currency return expected of foreign currency deposits.
 It is easiest to see why these relationships hold by looking at an example: How does
 a change in todayâ€™s dollar/euro exchange rate, all else held constant, change the
 expected return, measured in terms of dollars, on euro deposits? Suppose that todayâ€™s
 dollar/euro rate is per euro and that the exchange rate you expect for this day
 next year is per euro. Then the expected rate of dollar depreciation against the
 euro is or 5 percent per year. This means that when you
 buy a euro deposit, you not only earn the interest but also get a 5 percent â€œbonusâ€
 in terms of dollars. Now suppose that todayâ€™s exchange rate suddenly jumps up to
 per euro (a depreciation of the dollar and an appreciation of the euro) but that
 the expected future rate is still per euro. What happens to the â€œbonusâ€ you ex_x0002_pected to get from the euroâ€™s increase in value in terms of dollars? The expected rate of
 dollar depreciation is now only or 1.9 percent instead of
 5 percent. Since has not changed, the dollar return on euro deposits, which is the
 sum of and the expected rate of dollar depreciation, has fallen by 3.1 percentage
 points per year (5 percent â€“ 1.9 percent).
 In Table 14-4 we work out the dollar return on euro deposits for various levels of todayâ€™s
 dollar/euro exchange rate always assuming that the expected future exchange rate
 remains fixed at per euro and the euro interest rate is 5 percent per year. As you can
 see, a rise in todayâ€™s dollar/euro exchange rate (a depreciation of the dollar against the euro)
 always lowers the expected dollar return on euro deposits (as in our example), while a fall
 in todayâ€™s dollar/euro exchange rate (an appreciation of the dollar against the euro) always
 raises this return.
 $1.05
 E$/â‚¬,
 Râ‚¬
 Râ‚¬
 (1.05 - 1.03)/1.03 = 0.019,
 $1.05
 $1.03
 Râ‚¬
 (1.05 - 1.00)/1.00 = 0.05,
 $1.05
 $1.00
 R$ = Râ‚¬ + (E$/â‚¬ e - E$/â‚¬)/E$/â‚¬.
 CHAPTER 14 Exchange Rates and the Foreign Exchange Market: An Asset Approach 339
 It may run counter to your intuition that a depreciation of the dollar against the euro
 makes euro deposits less attractive relative to dollar deposits (by lowering the expected
 dollar return on euro depo</t>
  </si>
  <si>
    <t>b'0F\x02!\x00\x82\xcch1D\r\xa6\xdc\xc7h\x17\x85^\x13{\x04J\xea`:m\x07\xb6\xcb\xce\xc6\x99}\xa8z\xcf`\x02!\x00\x96\x0fA\x06\xe2u\xe8.\x94\x92\xff7\x88\xce\xfb\xe0\xe8!\xdd\x0176\x99#\x81\x92\x98\xa8m\x8f9\xe3'</t>
  </si>
  <si>
    <t>304602210082cc6831440da6dcc76817855e137b044aea603a6d07b6cbcec6997da87acf60022100960f4106e275e82e9492ff3788cefbe0e821dd0137369923819298a86d8f39e3</t>
  </si>
  <si>
    <t>b'0F\x02!\x00\x82\xcch1D\r\xa6\xdc\xc7h\x17'</t>
  </si>
  <si>
    <t>m and it grew deeper and deeper until he fell
asleep.
He did not know when he fell asleep and when he began to dream; his
dream was so real that he did not feel as if he were dreaming. He remembered
afterward how intensely wide awake and alert he had thought he was. He
thought that as he sat and breathed in the scent of the late roses and listened to
the lapping of the water at his feet he heard a voice calling. It was sweet and
clear and happy and far away. It seemed very far, but he heard it as distinctly
as if it had been at his very side.
"Archie! Archie! Archie!" it said, and then again, sweeter and clearer than
before, "Archie! Archie!"
He thought he sprang to his feet not even startled. It was such a real voice
and it seemed so natural that he should hear it.
"Lilias! Lilias!" he answered. "Lilias! where are you?"
"In the garden," it came back like a sound from a golden flute. "In the
garden!"
And then the dream ended. But he did not awaken. He slept soundly and
sweetly all through the lovely night. When he did awake at last it was brilliant
morning and a servant was standing staring at him. He was an Italian servant
and was accustomed, as all the servants of the villa were, to accepting without
question any strange thing his foreign master might do. No one ever knew
when he would go out or come in or where he would choose to sleep or if he
would roam about the garden or lie in the boat on the lake all night. The man
held a salver with some letters on it and he waited quietly until Mr. Craven
took them. When he had gone away Mr. Craven sat a few moments holding
them in</t>
  </si>
  <si>
    <t>b'K\x9b\xaf\xc8l\x8c2\x8f\xeb\x99\x82%\x83\x19\xed}\x1b\xdd\rx,\xcb\xc6\x95\xb8\x08\x80n\xdd\n\x078\xa4\xd1\x85\xb1\xd7\xb7q\xf3\xdb\xb5\xfbQ\xdfj?\xd3)\x92\r\xeb4\xf8\x1cC\xbd\x11\xa8t\x1a\xe2{\x8d\xaf\x99{s\xe7\xb0\x80\xe7^ X\x07\x19\x04a\xed\x1b\xcf\xb8N\xf4\xf2\xa4\x7f\xbb"\xe0\x98\xc1G\xb3\xe2\x0b\x99c\xa6M\xd7\xe6\x8b\xba\xc6\x94&gt;\xfb\xf8\xee\x19\x12\xf3\x87C\x91\xf3\xeb\xab!A\x1c,{\xf9\x7f\xad\x84\xbda\xa2O\x02\x82?8\xb84E\x8c\xf2c\x87h\xd7\xd6W\xf7\\=\x9b\xbcV\xc8J\x95E-\xb8dSO\xb1\xcf%Q\x1dLe9\x8d\xdf\n\xca"I\xd1\xe6u*Y\x13\x00y\xfeb\xacS\xe6\xd3\xe2i\xca\xdb\x05?\xbe\x18a\xe4\xc30\x15\xfa\xa3\xb5\x0e\x1b\x88\x1f\x00\x0c\xd4v\x8elFJ\x1dj\xae\x86j3q-\x7fn\x16E; ! \x19\x8dT\x04\xec\xd7\xd7\x9b\x8c\x08\x80{\xe6\x86t\x14\xdf[\x81\xbc\x9e\x04\x1b6\n\xbd2\x85\x00\x87\x0eL\x18\x9b@\x19\xd4\xe1&lt;O_\x19{_3\xbf\x89\x16\xfb\x17\xaf\xc8\x8a\xd7%\x92\xdf\xa4}\x15\x1b\x1aS\x0bp\x812\xbd\xdd\x87\xa9\xe7\x97\xdb+\x08\xae\x1e\xc6\x9d!y@\xa6\x1dS\xd5\xd2]\x80\xd2\xf9\xbf\xb6\xd0\xbcb^\x1a\x84\xe3S\xe8\x04y\xa9\xf9\xc4\x18}\xda\xeb\x0c\xceT\x8e\x96c9n:w\x17c$\xa0S\xc9-/P\xa2\xee\xcb\xe6\x9d\x16*\x18e\x95,SLn\x1e\x81V\x15P\xfb\x89\xfeW\'\xba5\x18C\xed\x04-\xe2RC\xf5\x0eW\x96B+\xb0\x12\t,W\xf7\x07\r\x19\xf10\x90\x81e\x01\xff\x90\x7f\xd3\xe0\x95U\xe2V.-\xd7Wf\xdb\x89\x13\x80;\xad \xc3\xe05\x00\xc6s\xbb\x7ftO\x87\xf6\xda\x1ek\xe4)^D\xaeCH\xb6\xf2\xf5\x9a\xa7\xde\xf3\xb9\x99\xea\xcb\xe7\x12g\xbb\xb9\x1d\x8c|\x87%\x8fN\x14\xa3\xcf\x8c\xc4SmPYY\xc6l)\xd0C[[l\x1e\x96\xa7h)\x19\rq\xa9\x17n\x0b\xe99\x86\xbd\x13a\xf2D\xd8\xc6\xd0\x84\x0e\x7f\xa1\xb6\xc4\xcf\x10\xd5\x96:\'\x9a\x16\x9c\x84\t\xb2\xf4n\xe1f\x92q\xcc#J%pQD\xd6\x96\x86\x8fg\xe6)\x94\xa7^\x19&lt;\xea\xfb{\x91\x19Jp$\xffNo\x1fC)}1UfOQ\xf5\x8f\xaa\xb9\xc0`\xb6\x81\x83|\x88W\x14u\xc1\xc7g\'\xabz\xe5\xab\x8d\x9a\xe2\xcf\x98R\xc4\xac\xf1\x8e\x89\xf4\xad\x8fZ2y&lt;!\'\xa4j\xd2Gf=N\xc7,b\x1e\x8e3}\x97\x9d\xf7W\x94\x95uB[\xb5\xd6\xf9!\xf5\xfaTr\xb4\xd4\xd3\x97\xed\xe1\xb9c\x18\x85\n\xf1\x01\x85\x91 \x9c\xd8$\x0b\xb9\x05N\xe2P6\x99o\xc9`.\xf5uRi9\x89\x1b\xc7r\x9f\x9f\x17\xe3\xf9w\xf0\x88\x05h\x0c\x86\xc9\xc6[\x1fE\xe6\xfd\x8f\x1cM0\xce\x818r\x88\x8b\x18bs\xc3\xd3\xebB\xdb\xd8\xab\xbd\xb9\xe8\rg\x83\x07\xd6\x16\xec\xfe\x10\xb3o\x89\xbc\xc2\xb5\xf9\x0c\xe8\xbe\x93(\xd0\xe0\x8ca\xd0\x17\x7f\xef\x97\x14\xd8\xc0\x93\xcc\xf6\x82\xdc\xe86\xdaX.\x11\xea,%\x00;S7\x14Y\xdc9&lt;\x80\xc2x&lt;A\x9a=\xa8\xa6,\xf7\xae\xcc\x81\xda\xe4&amp;W~\xc9\x93L\x1a"\xf0V\x96`\xfe\xcd\x92\xb8\xc8\xb5\xd8YI\x8a\xac\xfeihY\x13\x1aAD[\xc7\x04-\x04"q\xc0\xff\xc92g\xf7\xf0\x95\xc9\xc7\x9c\xc3\xbf\xa5)\xcb\xae\xaf\x14\xa2\xe8\x9b\x02\xb8%\x86\xd7[*\x84\xb1\x8c\xf0U_\xed\xc5\xfa9\xd4\x85D_\x89\xedb\xe8\xefR\x94\xa8\x159[\x9b\x13/\xdaF\xbc\x9b\x0b\x98\xd4\x89i1a\xc6\x06\x01\xe0\x91+4X\x8a\x1dh\x0f\xfep\xac3\xc5Q\xfe\x18\x89\xac4t\xd4\x99\xc3%\x9a\x1b\x15\x8fl\xb7\xde+S~\xe9\xc67[f]\xf4-\x8a\x1c\x1a\x03n~\xb9~\x9f\xb9_\x1d\xfb$a\xe7?\x16\xf2aE\xb9@\xd7\xf7\xa9\xedv\x87\xf2\x98\xf2\xc2\x99\xe9:\x073\xb0\xe2\x8e\x1a\xaa\xa8YC\x88L\xc2A\xcc\x1f\x01s\xacG\x1c\x84\x8a\x86\x0b&amp;\xb78\x85\xef\xf9\x88\x8a\xc9c-\xb6N\x11*#\xaf}I\x82e\xc7(\x9b\xd4\xc95\xdd\xe2x\x1b\\\xce4\xf6\xa6h\xa5(Yt)\xb3\x15\x8e\xcb$G\xecIQN\x0f\x1a\xe9a\xfet\xdce\x9b\x9et\xc3_\xb6]\x92Q\xd9\x1e\xc3\xca\xa5\xc7FF\x92\xfc\x840\x86b\xc0a\xf8b\x1a\xcdB\xc8\x9b\xffo\x1e9\x1c\xd8\x02\xe7\x17\xc7\xb4\x17\xa4\x8b\x85\xda2\xf6F9\xbb\xc4\x83\xec{\x9a\xd4\x038;V1\xf5o\xdaf\xcc\xa8\xf2`1\xe4\x9c\xdb\xddIa\x84\xb3\xd4\xb5J\xb1s\x92\x91\xb78n\x90\xa4U\x9ee\\0~\xcd+\xe33\xbeM\xcd75\x11p|\xeeHj\x11\xd5r\xa15TJv&amp;\xb4qD\xcc\xf7!\x0b\xa6\xe0[\n\xcb@{\x11\xd6\x0ff\x9bQ\x88\xa0\x01\xd5A\x95Lv\xd8\x1f\xe0\xb95\x06d\x92\xd8\xaf\xe6\x1a\x8c&lt;h\x98\xe4\x80\x0c\x81\tn\xda\xa03\xd0 \n\xf3\xfa\xd3i\xa8\x92\x93\xd3N\xd2o_\xf8#4\xc7\xd6-Qi\xc5$lC\xabX+o\x9e\x99\xd7i!he\xe4\xcd\xdb\x87\xceZ\x9d5e\xdbr\x91\xf8\x11\x12\t\\\xb5\xc6Y\xd8\xda]\xba=\x8e\x1b\xb6\xe6\xa4 \x1e\xa7B\xab\xd7\x01\x1e\xf1O\x11A\xef\xac4$4Td\xaa\x97\x83\x81\xb0\xe7\xf3\xb6\x15\xb2\xb4\xcd)\xea_\x06\xa9\x9dJ\xcf]\xb8\x90O\xc7%6\xceMi\xc0\xf6\x17\x99\rb\x9dK\xbe\xed9\xbfgJ\x1c\x17\x18\xa3\x89\xd75\xef)~\xfe\xf0;Wo\xcf\xe2G66\xa3\x98V\xbaQ\xc2rw\xc1\xc5o\x8b\xb2\xc1\x89\x8b\xb1z\xcd\xad%\\\rRJ\n\xd4\x85\xf2c\xe5/44\xddk\xbeN\x87\x15\x92\x96\xf9-\xdf\xcc\xecS\xff\xacG&lt;\xdd\xd8\n&amp;\x19/\x8e4\x1b\xc0EX\xb2\xa9\xc7\xb6q\'\xbb\xe9\'\x9aM&amp;\xb2O!mb\x82XW\xca\x0c\x9fe\'\xa1T\xdaF\xbax\xfc\x1f\xa7\xe4I\x15\xa8\xbd\x89\x7f\xbc\x137\xf5\xa8\xe5\x9e\xd3\x9b\x0b/\x84cg\xe4\x0f\x1b\x11A\xef\xf2\xb3\xdf`\x8b\xfcB\x19fd\x12\x88\x86\x0f\xf0T\xb5]\xd7\'nO/\xb7\xe4\xa1\x9fd\x04*\x19\x1a\x7fl\xb9\x8c\x90\xc5a\xe2R\xf02$\x82\xfc\xa9\xa4x3\x82AhW\xd5b\xa4\xe1W#\r\t\xf3\xab\xa5'</t>
  </si>
  <si>
    <t>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</t>
  </si>
  <si>
    <t>b'K\x9b\xaf\xc8l\x8c2\x8f\xeb\x99\x82%\x83\x19\xed}'</t>
  </si>
  <si>
    <t xml:space="preserve">The gastrointestinal tract
secretes gastrin, secretin, cholecystokinin and gastric inhibitory peptide. These
hormones regulate the secretion of digestive juices and help in digestion.
2024-25
CHEMICAL COORDINATION AND INTEGRATION 251
EXERCISES
1. Define the following:
(a) Exocrine gland
(b) Endocrine gland
(c) Hormone
2. Diagrammatically indicate the location of the various endocrine glands in our
body.
3. List the hormones secreted by the following:
(a) Hypothalamus (b) Pituitary (c) Thyroid (d) Parathyroid
(e) Adrenal (f) Pancreas (g) Testis (h) Ovary
(i) Thymus (j) Atrium (k) Kidney (l) G-I Tract
4. Fill in the blanks:
Hormones Target gland
(a) Hypothalamic hormones __________________
(b) Thyrotrophin (TSH) __________________
(c) Corticotrophin (ACTH) __________________
(d) Gonadotrophins (LH, FSH) __________________
(e) Melanotrophin (MSH) __________________
5. Write short notes on the functions of the following hormones:
(a) Parathyroid hormone (PTH) (b) Thyroid hormones
(c) Thymosins (d) Androgens
(e) Estrogens (f) Insulin and Glucagon
6. Give example(s) of:
(a) Hyperglycemic hormone and hypoglycemic hormone
(b) Hypercalcemic hormone
(c) Gonadotrophic hormones
(d) Progestational hormone
(e) Blood pressure lowering hormone
(f) Androgens and estrogens
7. Which hormonal deficiency is responsible for the following:
(a) Diabetes mellitus (b) Goitre (c) Cretinism
8. Briefly mention the mechanism of action of FSH.
9. Match the following:
Column I Column II
(a) T4 (i) Hypothalamus
(b) PTH (ii) Thyroid
(c) GnRH (iii) Pituitary
(d) LH (iv) Parathyroid
2024-25
NOTE
2024-25
CHEMICAL COORDINATION AND INTEGRATION 239
You have already learnt that the neural system provides a
point-to-point rapid coordination among organs. The neural
coordination is fast but short-lived. As the nerve fibres do not innervate
all cells of the body and the cellular functions need to be continuously
regulated; a special kind of coordination and integration has to be
provided. This function is carried out by hormones. The neural system
and the endocrine system jointly coordinate and regulate the
physiological functions in the body.
19.1 ENDOCRINE GLANDS AND HORMONES
Endocrine glands lack ducts and are hence, called ductless glands. Their
secretions are called hormones. The classical definition of hormone as a
chemical produced by endocrine glands and released into the blood and
transported to a distantly located target organ has current scientific
definition as follows: Hormones are non-nutrient chemicals which
act as intercellular messengers and are produced in trace amounts.
The new definition covers a number of new molecules in addition to the
hormones secreted by the organised endocrine glands. Invertebrates
possess very simple endocrine </t>
  </si>
  <si>
    <t>b'W\xe0\xddNu\x9b\x8eM\xba\x0b\xfe\x16y\x02\x84/\x00\xaf\xdaf\xc3\x1a\xba#^\xd1\t\x1e\xfb\x97m\xaf\xeb\x1f\xd1\xce\xc5Z}\x0f\xe4\x1b_\xf6X\xe2\xabd\xc9\xd8\xb5xv\xcbX\xc2D\x83\'\xbf,*\xff\xc5\x82-\xe0/}F\xfa\x9f\xcd\x06\xe7\xff\xf1\x11\xab|3\x07]\x10\xa78\xce-_\tc9&amp;o\xa4\xd2\x0bUh[\xda\x81\x80~i\x87\xe0\xec]\xbcdsG\x06?\x0b\xfe\xcd\xf1\xe6&gt;\xb0\xc4O\xb0\x80\xba\x0cI\xda\xd5\xef\x9a\xb7\xf0\x0b&lt;V\xfe3y\xaf\xe9\xc8=%\xb5\xab\xb6mm^\xbf\xe5\x19\xe3\xba\xe2IG\x1a\xfa\xe2!CzE_\xbcJ\xe2\xe09\xd6\xe3S\x1e\x97\x02\x8d\xae\xa3\xefU+\xa3b\xean=\x92\xe4\x1ah{\rN\xed\x0b\x86\x06\x8e]\x92\xbe\x80.\x075\xd0\xd2\xc7\xfd?\xa5-\r_\x85\xc3\x98\x10\xc6=\x94\rQ*\xe0S\xb4\n\x90?%^\xce\x91\x96\xf8P*\xdf\xb0\xd0~\x13I\xad\x98\x1fF\x95\x8f,\xd4\xf9\x19\x9e\x84V\x98^C\xd5\x8c\x80o\xd0\xc4kI\x0f\x13J\xe2\x8av\xa8%\x0f6\xc4\r\xba\n\x11\x08bWt\x94\xed\xcb\tn\xd0\x00+G\xbby\xed\x04\xef*\xd0R\x89p\xe1U3\x05f\x13\xe0\xfe\n\xd2?)L\xa2\x1c\x86z\x9e\xf7\xc7\xd1\xa7\xb4\xd1\xe4\xb2\xd5\xf54#,\n\xb4]\x8f\x03\xb4+9\xe4\xdd\xd5\xe8\x93f\xa2\xe25\x0b\xfc\x07\xa5\xdeK:\xc1\x11r\x08\x1b\xd5\xdf \x86\xfd\xcf^\xcb\xe5\xc2\xc2\x9e\x18j!\x02aU"\x1cb\xcd\x1c\xedk$\xe7\xd0p\xbb3\xc4\x92\xd3\xf3\xad|\x9aj\x8e\xffb\x95H5&amp;\xc6\x9a\xf5\x13\xa2\xc2\tv\xb3\xe9,\xdc\xd4\x9f_\x81cw+\xbe-\x19\x1d\x90\x05ge6\x1e&gt;\x02\x80\x96\xe6\x7f\xbf\x084\xd0"\xaf\x16u$\xdf\n6\xfd@\xfd\xa5UV\x97\xb2\xcbQ\xca{\x9e\xbcJ\xf1\xbb\x9d\x01~6\x836+\xac4\xddF\x88\x0bi\x1d\xc4\xb6\xa5\x13\x98l\xfd{F\x15\xb1\xc5\x12\xc0\x1b\xbf\xee\xa5\xb3\xf6m\xe6*\xbc\xbe-\xfdW"T"pB\xaeN\xe2*\xe7`\xdc\x16;\r\x1c\xb1\xc5S\xe4p\xfdTd~_p\x02k\xae\x9d \xf7\x1b\xe6\x85A\xf3X\xef\xaeX\x95\x01Ye@3|\tK\x9cZ5\xad\xf0\x18\xf5%lD\xb8\xfc\x95t%\xa6\xc4\xfa\'\xca\xa9\xb0V\x8b\xf3\xb3j\x1e4_\x8e\xc5\xa5\xa3)\x9di\xcb\xb2\x86\x0b\xbe\x83CK\x80\xff\x05\xef\xb0\xfa\\\x05\xc0\x0fF\x1a\xacN\xa1\x80\xc9?\xf9\x9bF\x7f.\xc1L\xfd`\xec|8c\x93J\xa5)\x9c+\xdb\xfcw\xb4q=\xed\x90\xdf\x06\xc6\xe3u|\xcca\x82\xe7I\xd5\x15\xe7&lt;b5\xd8\x08\x12\xf4\x1e4\x9f\x1d?\x8a\x16-n\x07\x14W\x81[6\x808v\x18\xf6\x93\xb0a.O&lt;\xf3\xc8\xea\xaapd@?\x81\xa6\xae\xd5\x82xD\x05=\xf1\xdd\xbc\xd3t\xeex\n\x82\xb0\xd9\t%\xa8\x10\x01d=bkei7\xb2K\xcd)7\x8c&lt;\'\xc2&lt;N\xcc\xaf\x15\xccyV#\xbf\x0b\x1d\x07\xe0\n\x85\xff\xaf\x04\xff\xc9\'\x0ee\'\xc5I ;\xc0\xd4M)\x94\x93M\x17\x1c\\\x03\x06s\xbd\xacB\xb1\x9b\xbeB\'\xe6\x0e\xff\x08^\xe6m\xe9=\xb5\x88E*\xd08\xb9\x16\xfd\xc0\xdb\xber?\xf7\x05\xc1+\xcb\xdb9\xf13?\xd8\xac\xbfi\xac\x98:\x94\xeas\xe7%d\x10\xd0oPe\xba\xf9\xb6p\xab\xea\xd5C\x9c\xa6\xdb\xb1\xf2\x02I\x93\xc5\xcd\x18Y*e[\xa9C\x99\x12\xc8\xd8n\x84\xff\x7fp.\xf7Y\xfa\xf0J\x11\xc6\xb0\xd9\xa9\x8aC!I\xd8!\xe5\x04\x1c\xb7\xe1\x8e\xebA\xdfe\x00\x954P\x86\xee\xc1\xc9\xa0\xe8\xe9\x80Y)\xf5\xca\xa3\xce\x8e\x0f\xd4w-\xaa\xf6U\xf9Igj|R\x9c\xb4\x9d2\xfae\xf9L\x05V\xd5l\x14l\x924\xb9\xe00|&gt;\x0b\x95w\x93{\x1cQ-\xfc|\xb2\x98\xae\xf6\xa9\x1ffs\x81\xb0j\x0bq-\xa21*\xb8;l\xd5\xd9}\xeb\x85\xa8\x928\xf4\xbeE\x90*(\xf5\xb9,0f\x19\xb2\x99A\xe1O\xc5o%\xb2\xdf\x15\xed\xfaZ5"\xc7Y6\x86\x81\rAc\xedF\x0cv3\x94m\x82\x95\x08b0\x01\x00\x06[\x00\x13\x0c\xa3i\xdf\xc3\x0b\x81~\n\xa1\x8c=\x1b\xe0\\\xfb\x0eUSS0\x91\xec\xab\xb9\xb1\xe6\x07\xe7\x86w\x14K\x1c\xb5\xd6-t \xc9\x95\xac\x86T\x99\x1c\xfe\xd5\xc19\x0b\x13`/\xe5\xa3\x93PE*\x84\xd3O\x16E\x14\xa1\xa3sx&lt;\r\x8d\x9f\xfa\r\xcb\xea\x17\xb8\xbb\xe5O\xc0\xd7\x9c\xb1KUK\xc5E\xf6B\xd2Ac\xc986\x9fM\xe1~J\x81\xfcWt\x85\xdb\xc1\x8d\'0\x05\xdbH\xcc\xbd\xee\xce\xdf\xa9\\\xee\xbe\xba\xf8E\x0b\xcf\x87\x9f\nb\xe3\xfe\xe6c\x1e\x865_ \x99_^:\xee!\xc9aC\xf4\xc2#\x02I\x06\xcc\xb9\x0b\x8f&amp;\xabb.P\xbc\xf0\xd9\xb6\x86\x86\xecq\xa6\x9a +\xad\xaeU+`\x8b\xea6\xd8\xd4\x14\xe1\xde\xb1\xc2\xcd( 0\xbd\x98vht\xad}\xe1G\xda^"\x8a\x1cS\x82\xe3`\x1a9\xe0a\x1c\xd3\xc1\xd4\x95T\xc3WP\x96 k\x87\xcb\xa9e\xaa\x08\xdb\t\xd8\x9e\x1fs\x84\xee&amp;\xca\x1f\x9cb\x90\n\x19\x02\xfe\xf7\x9eah\x02\x10}I\r\x07\xff\xe7\xff\x92B7\x11\x00\xc2"wb\xc7c\x81\xc6\xb5\xa3\xc6o2_\x9f\t\x87\x90&gt;h\x16[Rm\xd3\x06\x10\xd5^\xec\x87:\x0f\xaf\x15&lt;i}\xc2"\xd2\x9e\xc3\x7f\xc7\x9bKR\x0516\xd3\xce\xa7\xbd\xc2V0X\xbc\xfe\xf9\xd2\x95B\xc3\x95q\xa6\xea\x11\xc6\r\xd11\xebK0\xbeJ\xaciM\x93\xf7%\x0b@i&lt;6\xdf\x18\xa4\xdbF\x15\r\xb9\xc4\x03\xb74\x8b\xc0\xb12Xz&gt;\xaa\x9d\x02.jZ?\xf8\x0c\x98j6{,\xed%e\x9a\x13\xfd\xcc\x01\x18\xe2uw\r\n\xc7\xae\r\x0b\xaak\xcf\xa3\xfa\xb1\xfe\xc8\xb2/m\xdc\x82\xea`\xa7\x92\x87\xb0=4\xa4\xbb}\x12\xee\x9c\xfa\xb3\x8f4\x7f\xbc1\xc6\x1c&gt;\xe7[i\xddP\xf7\x11G*$\xe8&gt;\xce\xe1\xdd\x12\x84\xe0y\x8cxs\xa31^\x04 \xe4\x08YZ\x06\xf9s\xbf\xb4\x15\rD\xec5\x9d\xc1u\xa4\xee\x19{N=C\x1b\xd5l2\x02N\xb28l\xc1a\x93\xf3\x8f\xa2\xd5\xd1\x89+w\x86\xeel,\xfb%}U\x95_\xea]\xaf!\xe9\xa2\x80\xfa@\xf0\xab\xd6\x80\xb3\xc8\xbe\x1f\x8b\xab|\\p\x841\xf2\x84j\xa4\xec$*#@\xa0\x8b\x86\xe3hO\x19Q\x11y\xd1\xe6\xe5\xf4\'\x1cUM^\\L{\xfb\xf5\xc3 \xf7\xf0g\x7fII\x83\x81\xd8NKY\x10\xde\xe9\xba"x)\xad\xbe\n&lt;\x83\xa5)}N\xa5\xb3tl\xf4]\x17,\xa6\xadX\xd4\x8aMcUDA*P\xc0\xd9 \x97\xa3\xce\xf5\xa1L3\xad\x10Tg\x7f\xe0\\\'\x9fQ(\xe4\x0b\x9e\n\xd8\xcd\x8d\xebu\x7fE\xaa\xe4\x03\x9cud\x19\x1cX\xb2\x90\x12\xc1\x0e\x07\xb7{7lvkwT\x0c\xaa\xa4\xfd\x1f\xa5\xc4\xf3\xe6d\xe6\xce\x06Z1w\xffa\xb5\x96\x85K\xad\x13\xf1\x9aP\xdc\xe9\xf91\x1c5e\x1b\xf4\t\x16#\x90\xc6hf\xba I\xdbE/\xd8\xd4\x1d\xe97\xbe&gt;\xeeQh]w{\xc4\x14!&amp;`\x8a4\xe5\x9f;\xe6\xa4l\xd7g\xe05\x18VT\xca\xe0^j{5\xa1\x93_\xcb\xbbr\xc3B\xa6\xf0\xfb\x89:\xf5\xad\x13\n\x9bx\xed\x85\xfa\x8f3\xdabB&amp;\xd8\x19\xe2\xe0\xf1\x07Mf\xfb&gt;\xfdI\xe5\x18\x10\x13\xf1\xd2\xbe\x95\xac98M\xf4\x13V\xdd1\xe5%\xd9\x94\xe6\x07d\xea\xc49V@\xf87\xb4\xb2\xf7U\x14\x0fK\xd5\xa4\x9bq7s\x18\x10\x01\xdan\xad\xaf\xd2\xabV\xe7\x14^\xb39CQ\x03\x91H\x1c\xcc\x18\xe6\x9b\x18\xc7\xcc\xbd0\x86\xd9\xad"\x82\x7fp\xf2T\x88j\xe7i\xe2#\x0f\xf1!$\xa0\xc8D\xd1\xc0g\x89\r=\x95h\xd3b\xa3\xffR\x98\xadA_9`\x8f\xa3\t\x7f&lt;s\x8d\xcbW6-G\x85#.\x8fU\x15\xec\xe5d\x85$\xcf2\xa4zO\xfd34\'\xbd\x17\t\xe3\x8b\xf9\xf0_\x8e\xfc\xca?\xd1\xc9\x1b/\x0e\xfd\x0b\x89dv\xfat\xdf$\xcc\x82\xc0Mk\xde\x11\xa7\xc2\xf8\'\xcb0\xc1\xfd[k;\x84gP\xfdM\xc29\x1d l/vo\xc3\x8e\x80J\x14?\xa6\xbe\x174V\xc0~tT\xf0O\xd8Q\x12\x01\xfb3\\\xc9H\xe8\x10\'\xc7P\x7f\x1b~!\x00\xbbvzG\xb6\xd0q\x88\x9ak\xccN&lt;\xf8\xf7\xc3\x9as\xeb\x17\x11\x1ay\xf2\x9e\xca\x12\xfd\x8a\xfcue\xefY\x98:x\x17\xfd\x90\x02e\xd0\x05\xeb.\xb0\x9b\x9f\xf9z\x92\xec\x9fHT1\xfe\xa7\x87\xb9\xeb_\xcf\x11@\x18\xbf \xbd\xd6\xbd\xcb\xc1\x02\x9f\x02\x1eI\xfb\xda\xdd\x1aqj\x10\xc7\xb3\xad\x8fKX\xec\x92\xa7K\xad\x05\x91\xbfH\xb9\x88\x0b\xcd\x17=P\x9e\x8e\x01Q\xb4\xac_}ED\x04\r=\xd33\x85\xe1S\x9e/\x9d\x01Y\xc3N\xbf\x9au\x97\xf4\x83\x9d\'\x8d\x9a\x15\x85\xb8v\xf5R\xcf0\xcb#\xb3\xd5+\xc9\x1b\xf6$\x19\xda \xb9\x86\xc9\xdbe\xfd\x8d\xbd;\xffX\x0b\xc3\xe6\x12V\x88\xac\xd0\xf7s*y]6\x8f1\x13\x80\xe1\xac\xfb\xba4\x80\xc5\xe8\xe8\xaa\xb0\x89\x08\xc0\xb7\xa9\xfay\x8c\xed\xd3\xcb\xe5\xd5\xf1\x97k\x81\x1cO/\xa8\x90\x1a\x91\xd2\xd1\x7f*\xff\xf5\x88L\x17/``H\xfc\xefA\xb5Z\xd8\xaff\x99\x93\xffu\xe6\xf4\x13\x1d[\xd1\x85\xfc{\x04K6\xb2\xd82\x8d\xef\xda\x08w\xf0K\xaf\nH\x13A\x16\xa2.5\x05Tp|Y)\\\xda\xebF\xd9\x03\x8d\x94\xb7\x158G\xc0\xdc{*\xda\xf6-\x92&amp;\r\xfb\xb1\xaec\x83\xfal\xab$\xf5\r\xdd\xfb\'\x9bB\x7f\xda?\x16R\xfa\xc9\r\xe92\xa0\xc8t\xf7`\xa0%h\xb4\x8e,F0\xb2Nl\xf2j\xbez\x1c\xa4\x8c\xa1\x80\xa5s\xcd\xe3az\x90\xce\x8d\xa7#x\xa0\x15\x07\x10\xe6\x98\x06\xf8\xae\xfd\xcf\xf9w\xcd\xfd39\xd5\xc0\r\xc5#\xc6\xad\x8d\xa9)\x1b\x0ek\xde/\x0fq\xd8\xc3\xd9\xb9p\xd5\x97\x14\x81(kn\x81\xf8%M\xe46\x11\x1e]\xc6\xa8\x99\x15\x10\xef\xc8_\x98\x8a\xc4\x8b\x91\xac6\xbb k\xcf\x8d\xe05\x1fH\xd0;\xc17\xd5\x83;\xa16\xa8H\xac\x94\xa2\x12\x0b\x81\x04\x88\xe4\xebe\xe9\x82A\xa8\xfd\\\'0\n}O\x0e4\xe0p\x16\xa57\xc9\xd4DS\xd5\xd7\xf5\x02\x08\\\x9dg\xa8\xa0\x8eb\x0f\x17\xab(\x16{k\x08\xf3\xb5\x1a\xb8\xdd\xec\xda\x8b\x84\xf8\x1d\x84\x90\xde\xcc\x88T`n\x1c\xd4\xc1\x82\xd2j\xfc\x03\x8e\x00\x8c\x16K&lt;G\x1c\xb7^\x88\xfb\xe3o5\x1d\xcd\x90Bm\t\xe4\xf0?*\xac[\'\xd7 Z\xa0\xc3\xb7R\xf4\xb9\xe1S\xd4do\xa3\xc2\x8e\xbdl\xa4\xd5\x8e\xb5f|\r\x82.\xfc7\x12\x9c:\xd9\x1d@\x15\xae\xc1O?yK^m\xf0\n&gt;%\xd16\x86\xac\xdc\xeb\xc5\xb3'</t>
  </si>
  <si>
    <t>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</t>
  </si>
  <si>
    <t>b'W\xe0\xddNu\x9b\x8eM\xba\x0b\xfe\x16y\x02\x84/'</t>
  </si>
  <si>
    <t>gure 5.32 (a) Input and (b) output impedance calculation of CE stage.
 Let us now calculate the I/O impedances of the CE stage. Using the equivalent circuit
 depicted in Fig. 5.32(a), we write
 Rin = vX
 iX
 (5.127)
 = rÏ€ . (5.128)
 Thus, the input impedance is simply equal to Î²/gm = Î²VT/IC and decreases as the collector
 bias increases.
 The output impedance is obtained from Fig. 5.32(b), where the input voltage source
 is set to zero (replaced with a short). Since vÏ€ = 0, the dependent current source also
 vanishes, leaving RC as the only component seen by vX. In other words,
 Rout = vX
 iX
 (5.129)
 = RC . (5.130)
 The output impedance therefore trades with the voltage gain, âˆ’gmRC .
 Figure 5.33 summarizes the trade-offs in the performance of the CE topology along
 with the parameters that create such trade-offs. For example, for a given value of output
 impedance, RC is fixed and the voltage gain can be increased by increasing IC , thereby
 lowering both the voltage headroom and the input impedance.
 Voltage
 Gain
 Voltage
 Headroom
 (Swings)
 Output
 Impedance Impedance
 Input
 gm RC
 g m
  Î² RC
 Figure 5.33 CE stage trade-offs.
 200 Chapter 5 Bipolar Amplifiers
 Example
 5.20
 A CE stage must achieve an input impedance of Rin and an output impedance of Rout.
 What is the voltage gain of the circuit?
 Solution Since Rin = rÏ€ = Î²</t>
  </si>
  <si>
    <t>b'\x1b\x9a\x97\x08\x8d\t\xcc4\xbf\xe2f5\xce\xc1\x13\xa4'</t>
  </si>
  <si>
    <t>1b9a97088d09cc34bfe26635cec113a4</t>
  </si>
  <si>
    <t>ed at seven in the morning, and the packet
 left for Hong Kong at noon; so that Phileas Fogg had five hours
 before him.
 According to his journal, he was due at Calcutta on the 25th of
 October, and that was the exact date of his actual arrival. He
 was therefore neither behindhand nor ahead of time. The two
 days gained between London and Bombay had been lost, as
 has been seen, in the journey across India. But it is not to be
 supposed that Phileas Fogg regretted them.
 112
 C H A P T E R XV
 In which the bag of bank-notes disgorges some thousands of
 pounds more
 HE train entered the station, and Passepartout, jumping out
 first, was followed by Mr. Fogg, who assisted his fair companion
 to descend. Phileas Fogg intended to
 proceed at once to the Hong Kong steamer, in order to get
 Aouda comfortably settled for the voyage. He was unwilling to
 leave her while they were still on dangerous ground.
 Just as he was leaving the station a policeman came up to him,
 and said, â€œMr. Phileas Fogg?â€
 â€œI am he.â€
 â€œIs this man your servant?â€ added the policeman, pointing to
 Passepartout.
 â€œYes.â€
 â€œBe so good, both of you, as to follow me.â€
 Mr. Fogg betrayed no surprise whatever. The policeman was a
 representative of the law, and law is sacred to an Eng</t>
  </si>
  <si>
    <t>b'\xe8\x89e\xbf\x0f\x0b3\xbc\xbdd\x18\xf2\x92\xa3\xa7\xd1\xf5*4\xa1\x9b\xcd\x00\x81\x92\xd5\x0b11"\x0e\x00'</t>
  </si>
  <si>
    <t>e88965bf0f0b33bcbd6418f292a3a7d1f52a34a19bcd008192d50b3131220e00</t>
  </si>
  <si>
    <t>b'\xe8\x89e\xbf\x0f\x0b3\xbc\xbdd\x18\xf2\x92\xa3\xa7\xd1'</t>
  </si>
  <si>
    <t>y so very angry that she picked up the bucket of water
that stood near and dashed it over the Witch, wetting her from head to
foot.
Instantly the wicked woman gave a loud cry of fear; and then, as Dorothy
looked at her in wonder, the Witch began to shrink and fall away.
"See what you have done!" she screamed. "In a minute I shall melt
away."
"I'm very sorry, indeed," said Dorothy, who was truly frightened to see
the Witch actually melting away like brown sugar before her very eyes.
"Didn't you know water would be the end of me?" asked the Witch, in a
wailing, despairing voice.
72
"Of course not," answered Dorothy; "how should I?"
"Well, in a few minutes I shall be all melted, and you will have the castle
to yourself. I have been wicked in my day, but I never thought a little girl
like you would ever be able to melt me and end my wicked deeds. Look
outâ€”here I go!"
With these words the Witch fell down in a brown, melted, shapeless
mass and began to spread over the clean boards of the kitchen floor.
Seeing that she had really melted away to nothing, Dorothy drew another
bucket of water and threw it over the mess. She then swept it all out the
door. After picking out the silver shoe, which was all that was left of the
old woman, she cleaned and dried it with a cloth, and put it on her foot
again. Then, being at last free to do as she chose, she ran out to the
courtâ€“yard to tell the Lion that the Wicked Witch of the West had come
to an end, and that they were no longer prisoners in a strange land.
73
CHAPTER 13. THE RESCUE
The Cowardly Lion was much pleased to hear that the Wicked Witch had
been melted by a bucket of water, and Dorothy at once unlocked the gate
of his prison and set him free. They went in together to the castle, where
Dorothy's first act was to call all the Winkies together and tell them that
they were no longer slaves.
There was great rejoicing among the yellow Winkies, for they had been
made to work hard during many years for the Wicked Witch, who had
always treated them with great cruelty. They kept this day as a holiday,
then and ever after, and spent the time in feasting and dancing.
"If our friends, the Scarecrow and the Tin Woodman, were only with us,"
said the Lion, "I should be quite happy."
"Don't you suppose we could rescue them?" asked the girl, anxiously.
"We can try," answered the Lion.
So they called the yellow Winkies and asked them if they would help to
rescue their friends, and the Winkies said that they would be delighted to
do all in their power for Dorothy, who h</t>
  </si>
  <si>
    <t>b'\x1c\xcb\xf1\x88p\xa4\xdch3\xa2\xbc\x9d$\x98\xf1n8\xee\x18ni/S\xbf\xc4\xcdL\xa1V\x90\x8e\x8eP\xb6\xdc\xdeT\t\\\x988\xeb_\xdaI\xc7\x8f\xc8\xe2,\x910H\x1c\xad\x88P-z\xcd\xeb\x84V\xe9u\xb03\xef[_V\xb9\xd4T\xe1\tK\xba\\a\xc0\xe3\t\x89\xcd\xfbP%Z1+\xc07\xa1^\xf6\x1a\x80\xe0\x19\xb5\x02\xc3\x1d\x12}\xc5\nh\xec$\x8d\xe66$V_k5\x8a\xdcF?\x7f-\xc4\xfad\x1a\xe4\x8a\x04\xae\xf8&gt;\xd8\xad\x007\xbd\xa6\xd0\xff\xb3\xf0\x91\xf7\x96\tr\xe0\xc8y\xdc\x12\x88\x05\xb6\xaej\xef\x83\x16\x8c\xf9\t\xfd\xff(\x17\xae\xc2\xe5\xaa\xadAj\xd5\xc6\xc2hC\x9dU\x80\xb4\xc6\x81(\xee\xac\x89\xb20\xe3\xfc\xc8\x96\xb1\x02\n\x17\xab\xc9\xdeT\xae4\xab\x85,\xd1\xdb\x19&gt;R\xae\xf8\xa9F-p\xa0\xa8\x13\xae\xd3\xa8\xafj\x82\x91r\r\xde\xfdQ\xec\x9c\xf1\x06\x7f \x84I\xe6z~\xe8;k\xac\x03\xbe\x13u\x14l\x97\xc3\xd6\x1cc\xfc\xa4\xc8v&lt;b\x8e3\x93\xbe\xe3\xa7\x7f\xa5\xa1[\xf6c\xe8\x00\xc2\xe9\xa8\xe6\x03\xb6\x85\x9a\xe0\xf9\xdf\\\xf6\xa3\x95\'\x15K\xfc\xd6\xa9r*\xdb\x85\xc7\xcfH?\x8a"\xe7\x85kN\xe7&gt;\n6|\xa2\x936\xab\n\xec\xfb\x85@\xab\xaf\xe2\xe2\x9f\xa9?H;#\xb8~\xfe\xf7u\xa7\x89\xa5\xb3\xf6*\x7f\x1c0\xfe\xe0dw\xf8&amp;5\x04\xed;\xc1\xc1W\x8c\xb7\xd18\x8c3\xa9\xa9\xd0*\x9dP\x15\xee\xc8\xa8B\x0cZB\xe9F\x83\xc7\x07\xe7r&gt;K\x98AF\x9c\xc8\x88#\xda7\xc5\xd1\xb2\xf6\x96\xaf\xb9h\x85mM\x82;\xdd(\x940n\xe4v\x10 \x93\xf8\xc1^:\xf1\xe7\x8b9\xa36\x80&lt;\xa3~\x18\xf4\xda\xa4\xe5b@\xdb\x9d\xef\xd7\xccL\xf0\xb8\xaf\x9c|\xe1%\x96\x05YB\x1b`L\xccw\xe4\xa1e\xd8\xd2\xbf\x00\nW~\xfd\xefa\x85\x10\x86\xa8\xce\xd0\x04\x0f\xe8I\xda\'FU\xfc(.\xd1I5\xffWLm\xfdU\xf4\xd6\t\xa7\x82\xbapO\xa8\x81D\x85\xba\x02\x94\xac\x80fSu\x8c\xa2\xf2Q\xdf\xdc\xef\xf8\x13\xf5\n\x80d\r\xf8,\xda\xa4v/m\x95\r\xcf\x8a\xcf8\x1cc\x95#\xef$\xcb\x89\xe69|{\x9c\xa4\xeb\xb2k\x11\x80\xe7\x83\xd1I\xf0t\xf3&gt;`\x1c\xbb0_8=\xe9\x9f\x0fx\xfc,\x08S|\xb68\x9a\xa9m\xd3\xdf\xf5\xe5\xb9\x14\xab\xd0\xa6\xe7\xd4\xbe\xe7&lt;9?y\x81B\xbd[3\xd8\xd9\x99#_\xec\x1e\x1c\x8e\x9d:T\t?\x8eo\xfa\x80\x18X\xc4\xd4`\xaa fj+!\x89;\x1c\xbc9{\x0b\xae/\xbe\x89\xde$-+Hd\xfe\x96s\x8ee#8\x96\x8f/&lt;\xec\xdb\xad\xfd\x98O2\x80"\xa5\xa0Z\x9e\xa4^\xa9\xf5\xa0\x05\xf4\xcbe\xebXj\xbdl\xb0\xfc\xaa\x11\x9b`:+9\x03\x03|\xee\xd9\xf8\x1a\xad\x15\x03\x9d\x82\xdfk-\x1ft\x0cce\x89\xdcD$\xe9P\x18\xf3\x00\xf6\xd7\xc8\x08}\xfa""[\x10\xd96\xa3\xde\xa0\xb6\xee\xc2\xe49\x15\xb1D\xae@\x01\x89\x00\xcd\xa7*\xebr\x85\xe0\xac\xa7J\x85K)\xe0\\\x10\xe0Ma\xd9\xe2hU,\xd9z)_\xb4\xdb\xee\xae\xa2\xc3\xad\xd3\x8a\xe9\xca\'\x11l\xc8\x91\x11\xaa\x91\xe3\x91Z\x10r\xb0\xee}@\xec\xb04e\x81Z\xbb\x9c\xec\xb5n\xf8\xd9\x00\xabi\xb3\xb8\xc2\xb9\xc8\x00\'\x1d\x8d\x11\xc0\xce9\xe4\xd7\xb4r\x18\x00\xec\xb1\xf3\xb0\xb9\xd6R\xee\xb9\x13\xa4{|1\xbc\xac)\x8fV\xe3\x10\x88\xaf\xf5\x17oE\xe3Y{\xdarYe\xc4p\x80~\xaf\xb5\xd8Sdh\xa1\xf8\x00\xa8*\xe5P\x1f\xe6\xc3\xd5|a\xec\x1d\xde\x0e\xf1\x04\x8b\x16 \x9e\x08\xb7\n\xae\xf7\x93\xa4F\xf1nn\xfb`L\xdc\xbe\x01\x80\x95\xd8\xd9lr\xbb\x95\xc8\xe0\xcbMD*?r\xae\xb4\xe9\xb1,=\x99\x9b\x83\xa9dw9N\x87\x12|\x1dP\xf8\x83Z6\xeb\xc7\xb9VW\xc6\xde{\\\x96\x18\'GG\xb8\xbd\x17\x01\xe2\xe9\xb05Fw\xc5\x04\xca\x0e\xa7\r\x0e&lt;{G\xed\x1f\xb2v\xcc\x18/\xce7\xca\xc6_\x04=\xba-\xc6\xfd\xbe\xec\x8e6\xcc\x9aTa\x92\x99&lt;\x06\xba\x05\n\xc3\xdc\x97\x94\x99\x9aw\xae}\xf6f\xb7\xb0\x827Cf\xb8\x93\xbc\x93vb\x0c\xfb\x03\'\xed\x11v\xa3+\x1enx\xafuX\xa2\xce\x18u\x08\xaa&lt;\x80\x1e\xff\xcf!jf\xfa\xe4;\x9d\xb8\xb1\x07\xa49\xc3Y\xcb]\xba0W\x82\xd0]\xd0\xa0&lt;\xb4\xf5\x98\n\r\xdb\xf8\x11\xf0[@\xcfJ\xcfPI\x7f\xaf\x99\xd3\xa8\xda\t\x9e\xa4\x7fG\xa6\xc2po\xe5\x10n6N[\xe0\xf2\xdc\xa7\xa3$\x10\xdf3.\xf0\xdc\xaf%H\xb5\xc0s\x92\xadJ\xdb\xfd\xef^8\x07\xc1\x83\x19fh\xe8\x1ee\xb60\x0e\xed2\xf6\n21|\xce@\xe7\xde\x9c&lt;`\xa6\x8f\xe8\xc0\xab\xe1\x0c\n\xd6J\xeai\x18$\x18\x95N\xda\x18L\x0c\xdds\xa53X \x98\xff\xac\xe1\xf0\xe1\x0f?\x85\'\xba\x04\xb4\xdf\xfc\xca\x0cD\xdfR.\xec\r\xb8H\x07 \xd2\xe5\xc0\xa7\x0enq\xb0\x81\xeap\xf8ij\x99?\x8e\xf5\xbf\xa9\xf3\x90N\xbf\xa7g\x13\x1b\xab=s\x05i\xf8K\'a\xc1\x1d\xdd\xacb\x18\x1f\xf7W\x11z\x04\xccH\xbe\x1ag\x16\xb2-\xef\xbai1}M,8\xde\x93Yb`\xec\xbf\xe4\xe7\xd2\x85&gt;\xbe\xbc\xb2@\xc2`\xed\xef\xb0\x11\x1b\xa0\xcb\x11\x05\x8b\xa5\xed\'\x94\x8f\xdeT:\x0e\x9f\x91\x9f\xba\xe4\xd7:+\xfc\xac]&lt;v\xc70\xdc\xb9S\x901\x9f\xea\xaaH\x17\xab\x03\xf4\xfa1\xba$\xc5\x9e\xd5iH!`\xecMs\x80\xc2\x1f\x1f\xa6\xdb\x1b\x93Z\xc2\x11\t4!@&lt;?\xc5\x1eP!1i\xfb\x84R\x9a\x06\xd6o_Y\xd4\xae\x11\xc9\xfc\x06\x90y\xeb5g\xde6\x8a\x92#\xcc6\x06\x11\x8a\xa57\xb6&amp;t\xa6\x0c\xc4\n\xd0)\xe8q=\x1e\xe8U~+w\n\xea\x91\xed\xd4\xa4\xb9\x06\xba\x9e\xa2\x9dHs\x0cK\xde\xd1)\xc5\x0c5\x86\x04\xad\x1d\xed\xb4\xe5\n\x07\xc2\xa5\xdd$*\xbfMin\xc4\x07H\x95\xf1\xc8]q\x1c\xa6\x1e\xbe\xf1\xc5$\xd6{\x8a\xb1\x9de\x14$\x85\x834\xbd\xb1\xc0\xaf\xdb:7&lt;\xb5"\xca\xab\xf8;z\x93;k\xd1Y\x13\xb1\xd2B\x82\tB\xaa@\r\\\xc2\x92 \xe5m\x8agv\x93\x03K\x88\xa7iz"\xffv\x97\x9e\xfb\xf2\x0e!V\xba\x1f\x04\xb1.\xec\x88\'#&gt;CZ\xfcLc\x07k)\x0e\xb4\xe7\xacX\xf9\xf2\x94\x0ew(\x84\xaenP\x87\xc4\xd9\x03\x83*\xd4\xd0\xc6\x87\xfd\xc3~\xf5\x87z\x82\x91\x01bC\xfct$\xe4\xdb\xcd{\x8cU\xd8w4\xc0\x92\x95\x1b\x89\xa5\x1b\xb3~46u4\xdb\x0f\x82\xdcm(\xb6\x8a\xc2\x10\x13\x18\xa2\x92}|\xf4\xbd\xe0\xdd\x94\xfd\x958L\xef\xcf\xc1V\xa7\xfc\x97Ps\xdaaeg\x87\x8aP\xfa\xe1\x89\xa5\xc4:z\xeds\\\xff\x8au\x10\xb4\xd9\xbd\xd5\x8f\xf8\x18\x02f\xdf\xefh\xb3\xd1:\xdb\x9b\xe2\xba\xbdJ-\x11\xa7\x08\xf3n\xa7\xafv\xd2a\xef[B\x00\x9f\xc1!\xd6p\xa5\xe1@l)\xbd\x9e\xf2\xefh\x80\xdaw\xc39G\xc2=?V\xfa\xcd\xa1\tR\xad\xf0\x108\xe7\xc8\xf6\xd0*\xc3\x8d\xa3\xad\xd7\x7f\x91#,\x89\x87&amp;05]2\x08V\xe9q\xe5\x92\xf5or\xa5\x1dp\xdfc\xde\x99\x16Q1z-]\xc4\xad;\xaa\xdai\xf5\xed\x19\xa9\xa3x\xeaq\t\xc0\x9b]\x9f\xfb\xe1\x8dif\xce\x14\x13\\\n&amp;\x85VF\x97\x01\xa5\x1cM\x0b\xff\xccP\x06\x89S\xf0\xaak\x88U\xc7/.\x8f\xd6\xa7=$\x9e&lt;\xa1\x17\xc9\xfd\xe7\xffhF\xd7\xbd*\xf5\x92\xe6\xd5\\,vW\xe2\xdb\xa5\x8fs\xd6\xf3r\xde\x08\x0c\xfa\'\xc1B\x9d\xe8\x1a\x98\x9c\x7ft\xf07\xc3\xa6E\xfbx\xb5=\x01\xb7\xe2G\xb7&amp;\x99\xb2\xb1\xb1\'\xe1\x00XAA\x11\xee\xe6\xa4=\xd1$\xdft\xb2\xac\x03\xc9z\xea\xbb3\xe2\x87"\xca\xea\xf5c\xb8\x10R\xb0\x19*V\x10\x05 c\xab;\xa4CY(* \xc3{V\xc6\xab\xb7\xec&gt;j\x10\xa5s\xce\xeb\x82\xde,\x93c\xa8\xfdVK\x8c\x7f]A\xd8\xae\x83\x10\xe2\x94\x84\xcc\xce\xe5\xdd\xbf?\xfd$h\xe6 \xfb\x1d\x8a\xe9\xc6\xfe\xe7^\xaaS\xaa\xbe\x93\x9f\xcb\xa7R\x121\xcb\xda\xd8~\xb3A\x8d?U\xb6H\xc2\xf4g\x17\x15\x9c\xeaMf\xc7~\xb7\x17\xdeS\x10\xd7N\xf7\x87G/\x7f-\x95\r\xb1\x10\n\xa8\x9dG}h\\\x9e\xdf\xfe0\n\xb8\x97\x1d\xe1\x9f"\xa3\x02w\x8eQ\x83\x18\xf0-%\xabN\xdd\xe2T\nj\xa7\xa3S\xcb\xeb\x1e\xbb\x8d\xe7\xc2\x12V`UP\xb7\xc2\x8f\xbf!\x1b&lt;u`\x12Z\x05\xaf\xd3\x87\xa0\xef\xfdP\x1f[\x80\xef\x03\xdc\x9a\x9fGc\xed\x97d\xdbF\x1a\x19\x7fK\x85\xab\xd9\xddD\xca7\xe6n\xc4T7\xd5\xd2+\xd7\x81r\x83\x8fvt{\xd2&gt;\xdcy\xe0\x17\xa8\xac\x0f\x92\xdaY\xf7\x92\xdd\x94n\x95\x9c\xc9\x88{(tyD\xcfw\xae\xe7\xd5\x89\xf6\xd6Ng\xd5\xe8\x11\x14\xb8\x02M~\xc7\x02\xafpUv\x7fR\x90\x91o\x94\x9a\xcf\x96~{\x83\xcfWaP\x91A({z\xceX\xae\xb7U\x10wVIV\xa9,\x16"\xc6\xa8\xe5\xa5\xbb\xfb\x99\x15*0\xc7\xf7E\x17\xfa\xff,\xdf\x83\n\xb2&lt;\xe3\xddU\xfd)J\x10\xd9qTL&lt;M\x14\x07{_\xa6\x11\xaf\x0ex\xba,|M\xa5\x0ec\xcf\x81\xe2^g\x0c,\x15\xed\xb0\xd6T9\x85\xe8k\x00i5\x92\xaa\x12\x96\x15\x81\xb1\x1f\x96T\xaa\x1c\xad\x16\x9c$\xdc/\x18\xc9f\x18\x01O\x1ayl-\x03\x17jf\xbd\x88vi4\x90\x02\x0eC\xcb\xad\x9c&gt;\'\x19\x81\xf9\xd9,\xbf\xdb\xd2\n\xf9S\xbdK\xf9+\x97\x0f\xa9I\xbc\xed\x14Y\xbe\x9b;\x14s,\x08\xab\x02\x15\'\x1c\td\xd6F\xbaj\xfa\xacRG|B\xe3uJ^\xcdq\xab\x1f;\xf9K\xc4"Pg\xfc\xc1\x0e`Q(\x93I\xe8\xdf\xe0D\x95\x02\xe9\xfb\xdaz\x94 *\x9b\xbdi\x95\x8f{B\x94\xc4:\xde\xady\x01\x8e\x04\x85\x8e\xc0:\xb5|'</t>
  </si>
  <si>
    <t>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</t>
  </si>
  <si>
    <t>b'\x1c\xcb\xf1\x88p\xa4\xdch3\xa2\xbc\x9d$\x98\xf1n'</t>
  </si>
  <si>
    <t>to hers, but I could say nothing to
 comfort her. I think she was pleased to see me, for she said, "You are the only friend I
 ever had."
 Just then her driver came up, and with a tug at her mouth backed her out of the line and
 drove off, leaving me very sad indeed.
 A short time after this a cart with a dead horse in it passed our cab-stand. The head
 hung out of the cart-tail, the lifeless tongue was slowly dropping with blood; and the
 sunken eyes! but I can't speak of them, the sight was too dreadful. It was a chestnut
 96
 horse with a long, thin neck. I saw a white streak down the forehead. I believe it was
 Ginger; I hoped it was, for then her troubles would be over. Oh! if men were more
 merciful they would shoot us before we came to such misery.
 97
 Chapter 41. The Butcher
 I saw a great deal of trouble among the horses in London, and much of it might have
 been prevented by a little common sense. We horses do not mind hard work if we are
 treated reasonably, and I am sure there are many driven by quite poor men who have a
 happier life than I had when I used to go in the Countess of Wâ€”â€”'s carriage, with my
 silver-mounted harness and high feeding.
 It often went to my heart to see how the little ponies were used, straining along with
 heavy loads or staggering under heavy blows from some low, cruel boy. Once I saw a
 little gray pony with a thick mane and a pretty head, and so much like Merrylegs that if I
 had not been in harness I should have neighed to him. He was doing his best to pull a
 heavy cart, while a strong rough boy was cutting him under the belly with his whip and
 chucking cruelly at his little mouth. Could it be Merrylegs? It was just like him; but then
 Mr. Blomefield was never to sell him, and I think he would not do it; but this might have
 been quite as good a little fellow, and had as happy a place when he was young.
 I often noticed the great speed at which butchers' horses were made to go, though I did
 not know why it was so till one day when we had to wait some time in St. John's Wood.
 There was a butcher's shop next door, and as we were standing a butcher's cart came
 dashing up at a great pace. The horse was hot and much exhausted; he hung his head
 down, while his heaving sides and trembling legs showed how hard he had been driven.
 The lad jumped out of the cart and was getting the basket when the master came out of
 the shop much displeased. After looking at the horse he turned angrily to the lad.
 "How many times shall I tell you not to drive in this way? You ruined the last horse and
 broke his wind, and you are going to ruin this in the same way. If you were not my own
 son I would dismiss you on the spot; it is a disgrace to have a horse brought to the shop
 in a</t>
  </si>
  <si>
    <t>b'X\x1c\x80r\xbb\xcb)M'</t>
  </si>
  <si>
    <t>581c8072bbcb294d</t>
  </si>
  <si>
    <t>sunk below
 the top of the mountains she was descending, whose long shadow
 stretched athwart the valley, but his sloping rays, shooting through an
 opening of the cliffs, touched with a yellow gleam the summits of the
 forest, that hung upon the opposite steeps, and streamed in full
 splendour upon the towers and battlements of a castle, that spread its
 extensive ramparts along the brow of a precipice above. The splendour of
 these illumined objects was heightened by the contrasted shade, which
 involved the valley below.
 'There,' said Montoni, speaking for the first time in several hours, 'is
 Udolpho.'
 Emily gazed with melancholy awe upon the castle, which she understood
 to be Montoni's; for, though it was now lighted up by the setting sun, the
 gothic greatness of its features, and its mouldering walls of dark grey
 stone, rendered it a gloomy and sublime object. As she gazed, the light
 died away on its walls, leaving a melancholy purple tint, which spread
 deeper and deeper, as the thin vapour crept up the mountain, while the
 battlements above were still tipped with splendour. From those, too, the
 rays soon faded, and the whole edifice was invested with the solemn
 duskiness of evening. Silent, lonely, and sublime, it seemed to stand the
 sovereign of the scene, and to frown defiance on all, who dared to invade
 its solitary reign. As the twilight deepened, its features became more
 awful in obscurity, and Emily continued to gaze, till its clustering towers
 were alone seen, rising over the tops of the woods, beneath whose thick
 shade the carriages soon after began to ascend.
 The extent and darkness of these tall woods awakened terrific images in
 her mind, and she almost expected to see banditti start up from under
 the trees. At length, the carriages emerged u</t>
  </si>
  <si>
    <t>b'p\x03\x85\xb0\x0e-\x96\xf6\xf8)}dq\xcd\xea\xceP\xbf\r\xa7\xc3\xae\xea\x92e\xeb\xd3\xbd"SO\x99Q\xda\xb0\xf9\x0bG\x1c\t\xe9\xdfTD\x1a\xc49D.;\xe3HR\rw%0\xcay\rj\x0e\x9e3'</t>
  </si>
  <si>
    <t>700385b00e2d96f6f8297d6471cdeace50bf0da7c3aeea9265ebd3bd22534f9951dab0f90b471c09e9df54441ac439442e3be348520d772530ca790d6a0e9e33</t>
  </si>
  <si>
    <t>b'p\x03\x85\xb0\x0e-\x96\xf6\xf8)}dq\xcd\xea\xce'</t>
  </si>
  <si>
    <t>estra; here we tripped in
 many a sprightly mazeâ€”the walls echoing to the dance! Now, they
 resound only one feeble voiceâ€”and even that will, ere long, be heard no
 more! My son, remember, that I was once as young as yourself, and that
 you must pass away like those, who have preceded youâ€”like those, who,
 as they sung and danced in this once gay apartment, forgot, that years
 are made up of moments, and that every step they took carried them
 nearer to their graves. But such reflections are useless, I had almost said
 criminal, unless they teach us to prepare for eternity, since, otherwise,
 they cloud our present happiness, without guiding us to a future one. But
 enough of this; let us go on.'
 633
 Ludovico now opened the door of the bed-room, and the Count, as he
 entered, was struck with the funereal appearance, which the dark arras
 gave to it. He approached the bed, with an emotion of solemnity, and,
 perceiving it to be covered with the pall of black velvet, paused; 'What
 can this mean?' said he, as he gazed upon it.
 'I have heard, my Lord,' said Ludovico, as he stood at the feet, looking
 within the canopied curtains, 'that the Lady Marchioness de Villeroi died
 in this chamber, and remained here till she was removed to be buried;
 and this, perhaps, Signor, may account for the pall.'
 The Count made no reply, but stood for a few moments engaged in
 thought, and evidently much affected. Then, turning to Ludovico, he
 asked him with a serious air, whether he thought his courage would
 support him through the night? 'If you doubt this,' added the Count, 'do
 not be ashamed to own it; I will release you from your engagement,
 without exposing you to the triumphs of your fellow-servants.'
 Ludovico paused; pride, and something very like fear, seemed struggling
 in his breast; pride, however, was victorious;â€”he blushed, and his
 hesitation ceased.
 'No, my Lord,' said he, 'I will go through with what I have begun; and I
 am grateful for your consideration. On that hearth I will make a fire, and,
 with the good cheer in this basket, I doubt not I shall do well.'
 'Be it so,' said the Count; 'but how will you beguile the tediousness of the
 night, if you do not sleep?'
 'When I am weary, my Lord,' replied Ludovico, 'I shall not fear to sleep;
 in the meanwhile, I have a book, that will entertain me.'
 'Well,' said the Count, 'I hope nothing will disturb you; but if you should
 be seriously alarmed in the night, come to my apartment. I have too
 much confidence in your good sense and courage, to believe you will be
 alarmed on slight grounds; or suffer the gloom of this chamber, or its
 remote situation, to overcome you with ideal terrors. To-morrow, I shall
 have to thank you for an important service; these rooms shall then be
 thrown open, and my people will be convinced of their error. Good night,
 Ludovico; let me see you early in the morning, and remember what I
 lately said to you.'
 634
 'I will, my Lord; good night to your excellenza; let me attend you with the
 light.'
 He lighted the Count and Henri through the chambers to the outer door;
 on the landing-place stood a lamp, which one of the affrighted servants
 had left, and Henri, as he took it up, again bade Ludovico good night,
 who, having respectfully returned the wish, closed the door upon them,
 and fastened it. Then, as he retired to the bed-chamber, he examined the
 rooms, through which he passed, with more minutenes</t>
  </si>
  <si>
    <t>b"{R\x16\xed\xc6@\x0b*\xed\x1d\xa9c\xd4\xc5=\xe0\x05Y&gt;'\x03\xc9\x83\xb00&lt;\xfahR\xdcd\x9a\xa4B\xe1(\x91F\x93\xd0xh\x8e\x07\x98\x99\xb5\xa6\x18\x03\xbeQ \x12j\x1bs9?H\t\xed\xbc\xbc"</t>
  </si>
  <si>
    <t>7b5216edc6400b2aed1da963d4c53de005593e2703c983b0303cfa6852dc649aa442e128914693d078688e079899b5a61803be5120126a1b73393f4809edbcbc</t>
  </si>
  <si>
    <t>b'{R\x16\xed\xc6@\x0b*\xed\x1d\xa9c\xd4\xc5=\xe0'</t>
  </si>
  <si>
    <t>als of the diode are swapped.
 The above example leads to two important points. First, the series combination
 of D1 and R1 acts as an open for negative voltages and as a resistor of value R1 for
 positive voltages. Second, in the analysis of circuits, we can assume an arbitrary state
 (on or off) for each diode and proceed with the computation of voltages and cur_x0002_rents; if the assumptions are incorrect, the final result contradicts the original assump_x0002_tions. Of course, it is helpful to first examine the circuit carefully and make an intuitive
 guess.
 Example
 3.5
 Why are we interested in I/V characteristics rather than V/I characteristics?
 Solution In the analysis of circuits, we often prefer to consider the voltage to be the â€œcauseâ€
 and the current, the â€œeffect.â€ This is because in typical circuits, voltage polarities can
 be predicted more readily and intuitively than current polarities. Also, devices such as
 transistors fundamentally produce current in response to voltage.
 Exercise Plot the V/I characteristic of an ideal diode.
 Example
 3.6
 In the circuit of Fig. 3.8, each input can assume a value of either zero or +3 V. Determine
 the response observed at the output.
 Solution If VA = +3 V, and VB = 0, then we surmise that D1 is forward-biased and D2, reverse_x0002_biased. Thus, Vout = VA = +3 V. If uncertain, we can assume both D1 and D2 are
 3.1 Ideal Diode 65
 forward-biased, immediately facing a conflict: D1 enforces a voltage of+3 V at the output
 whereas D2 shorts Vout to VB = 0. This assumption is therefore incorrect.
 D1
 D2
 V
 RL
 Vout
 VA
 B
 Figure 3.8 OR gate realized by diodes.
 The symmetry of the circuit with respect to VA and VB suggests that
 Vout = VB = +3 V if VA = 0 and VB = +3 V. The circuit operates as a logical OR gate
 and was in fact used in early digital computers.
 Exercise Construct a three-input OR gate.
 Example
 3.7
 Is an ideal diode on or off if VD = 0?
 Solution An i</t>
  </si>
  <si>
    <t>b'\x8f\xe2\xecE\xe2\x9c4\xc0\xd9{8\xf5\xff;%\xda'</t>
  </si>
  <si>
    <t>8fe2ec45e29c34c0d97b38f5ff3b25da</t>
  </si>
  <si>
    <t>unusual about them? More important, which personal traits
 actually matter in a founder? This chapter is about why itâ€™s more powerful but at the
 same time more dangerous for a company to be led by a distinctive individual
 instead of an interchangeable manager.
 THE DIFFERENCE ENGINE
 Some people are strong, some are weak, some are geniuses, some are dullardsâ€”but
 most people are in the middle. Plot where everyone falls and youâ€™ll see a bell curve:
 Since so many founders seem to have extreme traits, you might guess that a plot
 showing only foundersâ€™ traits would have fatter tails with more people at either end.
 But that doesnâ€™t capture the strangest thing about founders. Normally we expect
 opposite traits to be mutually exclusive: a normal person canâ€™t be both rich and poor
 at the same time, for instance. But it happens all the time to founders: startup CEOs
 can be cash poor but millionaires on paper. They may oscillate between sullen
 jerkiness an</t>
  </si>
  <si>
    <t>b'n(Qh\x98\xa1\xcd\xa4\xea\xa9\xac\xe3f\x0f\x01\x9f&lt;\x01\xec\xd7U]\x8de\t,\x87\xec\xe4\x80\xe6\x040\xc0\xf9A\x8a\x9bs:\x8a\xb4\x9b\x13\x8b\xd1\x82\xa7\xb9\xb0=\x82\t_\x07\x7f))tB\xca\xce\x90\xdf$\xf1C\x9b\xe3*9\xad\xfaEu\xa7\x87\x92\xbe\x88\xc5\xb0(\x91\x8d\xa9\xa10_U\xf8\x7f\xcd\x95\x8d\x05\x0c\x14\x9f\x0e\xf6$}\x98\x98\xef\xb8\xec\xde\x8b\xfe.\xec4\xf4\xb6\x8cg]Q\n\xfd\x8e\xca\xb5\x85\xc4\xad\x8e(\x00\xcb4\x8bm3exc\x10^\xee\x02\x88\xda\x1ew\xe9\xf24\\Bo\xb9l\x7f\xc3\x8d\xc199q\x00\xc8\xceh\x96\xe9I\xd7&amp;ZJ\x93W\xc8\x972BD7\xfeem\x868\xf1,\x19x\xe3\xc7\x9f+\xe6\xcd\xde\x87\xa1h\xd4w\xdb\x0b\xb5\x7f\x81q\x1b\xdc*P\xa9z\t\xbf\xdc(_vv\xda\x9b\xa7\xae7\xee\x9b\xd2dat\xfe\xadT\xd0[\x8f\xcc\'\x7f\xf3\x18\x06|\xc0\xee\x1a\xd1?\x04\x1al\xf9\xc45p\xff5\xaa\x18\xa4\xc6\x84)y\xc8\xee\x01x\x1c{f\xf2\xbf\xde\xad\xdb\xaa\xe6\xca \xfd\xa5m\xa5N\xb7E!\x01-%\xb8C~\xce\x97\x96\xfc\xfd\x92\x82B\x9d\xdd\x9dy(\xa8V\x16l\x96_\x0f\x9c\x86\xb1P\xb3\x8a\xaf\xd4\x0c\x8d?\xb21\xf9\x10\xc0\x8c\x1b\xa6\xde\xc3\xa3\x7f\xe6\xbbe\xc9\xec\xa6fGx\x97BG\xf0\x9b\x88XL\x92%T\xdcB6\x92\xa4&amp;\x03\x06\xf1\x1e4\x9bq\xe3\x18\x83H\xd5\xa5\x05Z=\x83\xf4\x9bN\x12\x145\xcb\x00\xfd\xb7b\x03\x1d\x9d\xc8RF\xd0\x19\xee\xf1\x02\xf73\xde\xfb6R\xceO\xe6\xa0X\xb8\x817\xd1\xeb\x05{\xfc\xbaI\xd8\x1b\x99u\xb4\xcai\xb2\xa1\x8d\xec&lt;:d\x9a\xb3\xdb4\xf9[\xde/Q\x9c\x98[\x81\xc1w\x15\x02\xefc\xa7\x94\xac\xf9tG\x0b}\xe0\x06D\xf4\xc9h\\\xf7#*\xc5a\x8bF\x14C\xce\xb1\xa2\x88\x1d\xa7\x08\xab\xeb\xc2\xda\xbaE\xe0\x1c)\xe6\x9a\xbae\xbeT\x91\xe4\xc5+Cm\x8aO\xe7Z\x13\xf2\xf0\x06\xee\xb3\x043P\x87\x035\x1fV\xf6E\xc2fa3\xacCQ5\xbb\xd8[\xd6uT\x9f\xfa\xc4!D\x97\xf1\xec\x8e&lt;\x9dB\x8b\xc9\x16q\xe9e~\xfe[\xab!\xb1\xe7\xb6\xbe\xe8\x9a7\xf3\xa2q\x93\xe7\x18qu\xd0\xce\xae\xcb\xda\xe2+\x9fytg_\x83;\xb9\'\x93Eve\r\xf4\xfb\x07\x8435\xaa+8m\xf1\x9d\xb3)hk\xc4\xfb\xc7\x94\x85_T\xf7\xaf\xee\xf4WS\xc2\xcb1\xd9\x9eL\x81h\xd91\xf2"\xa8\xcc@\xaa0\xd7\x1fX+\x1a\xc7x\xa2a\xd3:,\xf4\x11\x98V\xce\xfe/\xb8\x9cb\xc0O\xf8/\x14\x11mP\x04\x8a \xe8\x98\xf9\xce\x0fA}\xdfH\x06\x96&amp;\x89xJ\xd3s\x87d~$\xbe:\xe3.c\xa5&lt;*\n|\x06\x8a$\xcfj@\x19\x82/\xec\xb44aRBPy|\xbe\xceeW\xcb3\x8b\x0c\xde\xec\xca\xbd\x95\xcf.\x88\xf2\xb2\x81\xc3IkK\x04\x1dB\x92\xbdj\xfc\x00\xde.\x18jAS\xe9\x013\x98`r\xac\x14\xb1\x8015\xa6\xe5\x15\xac\xd1\x8f;\xff\x13\xa8Zy2_\xf9\xf8g\xea\xafn\xf1\xffpw@\x1e&gt;Y`O[\xd4:\xc1R9\xc2\x97pTk\xed\x0cG7u\xaaV\xf5\xe9\x1ew(e\xeb\xfeQ1&gt;\xc2\x18\xe0\x97Nz\xbf\xec\x14\x0f\x86i\x84\x12\xb9a\xa7\x87[$\xe9\x8b\xfa3bfi\xd9\xd4s\x0c;\xeb\xce\xcf\xd62.\xe6K\xf4\x13\x8c\x89\x83\xf0\xacp\xe2\xa5\xd0\x86IZ\x08\xb6&gt;\xfd\xd0\xd2\xb4\xc8\x1b\x01\xb8\xb7K\xed\xecN\x08Zx\xea\x06\xa5\x08M \x82\xac\x08\xf7Y\x19\xdc\x1a\xd8\x00\x89\xf1\xa7\xea`\t\xd5X\xd7\x11L\xe3\xc8\x13\xd8\xa8\x1a5\\\x89\x98\xa0\x88\xc1\x96G\xff\x9d\x18\xa6v\x89\xf0\x91\xd4\xc4\xeaE\t\x08\x82'</t>
  </si>
  <si>
    <t>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</t>
  </si>
  <si>
    <t>b'n(Qh\x98\xa1\xcd\xa4\xea\xa9\xac\xe3f\x0f\x01\x9f'</t>
  </si>
  <si>
    <t>to be his duty, and, as the chapel was built on
 consecrated ground, had not objected to commit to it the remains of the
 late unhappy Madame Montoni.
 Several days passed with Emily in total seclusion, and in a state of mind
 partaking both of terror for herself, and grief for the departed. She, at
 length, determined to make other efforts to persuade Montoni to permit
 her return to France. Why he should wish to detain her, she could
 scarcely dare to conjecture; but it was too certain that he did so, and the
 absolute refusal he had formerly given to her departure allowed her little
 hope, that he would now consent to it. But the horror, which his
 presence inspired, made her defer, from day to day, the mention of this
 subject; and at last she was awakened from her inactivity only by a
 message from him, desiring her attendance at a certain hour. She began
 to hope he meant to resign, now that her aunt was no more, the authority
 he had usurped over her; till she recollected, that the estates, which had
 occasioned so much contention, were now hers, and she then feared
 Montoni was about to employ some stratagem for obtaining them, and
 that he would detain her his prisoner, till he succeeded. This thought,
 instead of overcoming her with despondency, roused all the latent
 powers of her fortitude into action; and the property, which she would
 willingly have resigned to secure the peace of her aunt, she resolved, that
 no common sufferings of her own should ever compel her to give to
 Montoni. For Valancourt's sake also she determined to preserve these
 estates, since they would afford that competency, by which she hoped to
 secure the comfort of their future lives. As she thought of this, she
 indulged the tenderness of tears, and anticipated the delight of that
 439
 moment, when, with affectionate generosity, she might tell him they
 were his own. She saw the smile, that lighted up his featuresâ€”the
 affectionate regard, which spoke at once his joy and thanks; and, at this
 instant, she believed she could brave any suffering, which the evil spirit
 of Montoni might be preparing for her. Remembering then, for the first
 time since her aunt's death, the papers relative to the estates in question,
 she determined to search for them, as soon as her interview with
 Montoni was over.
 With these resolutions she met him at the appointed time, and waited to
 hear his intention before she renewed her request. With him were Orsino
 and another officer, and both were standing near a table, covered with
 pape</t>
  </si>
  <si>
    <t>b'\xc0\x02)\xac\x1b\x99^Y\xfe\xf2\x1cZ\xa0\xa8{\x0b$|I\xaf\xf8kD\xce\x19\xda\x0f\xbb1\xd8\xd3r\x98\xf0\x95tX\xa6\xe5\x1f\x81)U\xfd\x9ah4\x07\xb9\x16/\x13\x16\xcd\x82{\xe7\xfa\xa5\xabX\xd8\xff\xf7'</t>
  </si>
  <si>
    <t>c00229ac1b995e59fef21c5aa0a87b0b247c49aff86b44ce19da0fbb31d8d37298f0957458a6e51f812955fd9a683407b9162f1316cd827be7faa5ab58d8fff7</t>
  </si>
  <si>
    <t>b'\xc0\x02)\xac\x1b\x99^Y\xfe\xf2\x1cZ\xa0\xa8{\x0b'</t>
  </si>
  <si>
    <t>ght pucker about his mouth and he kept his eye fixed on his
plate. Amy, who was fond of delicate fare, took a heaping
spoonful, choked, hid her face in her napkin, and left the table
precipitately.
â€˜Oh, what is it?â€™ exclaimed Jo, trembling.
â€˜Salt instead of sugar, and the cream is sour,â€™ replied Meg with a
tragic gesture.
Jo uttered a groan and fell back in her chair, remembering that
she had given a last hasty powdering to the berries out of one
of the two boxes on the kitchen table, and had neglected to put
the milk in the refrigerator. She turned scarlet and was on the
verge of crying, when she met Laurieâ€™s eyes, which would look
merry in spite of his heroic efforts. The comical side of the affair
suddenly struck her, and she laughed till the tears ran down her
202
cheeks. So did everyone else, even â€˜Croakerâ€™ as the girls called
the old lady, and the unfortunate dinner ended gaily, with bread
and butter, olives and fun.
â€˜I havenâ€™t strength of mind enough to clear up now, so we will
sober ourselves with a funeral,â€™ said Jo, as they rose, and Miss
Crocker made ready to go, being eager to tell the new story at
another friendâ€™s dinner table.
They did sober themselves for Bethâ€™s sake. Laurie dug a grave
under the ferns in the grove, little Pip was laid in, with many
tears by his tender-hearted mistress, and covered with moss,
while a wreath of violets and chickweed was hung on the stone
which bore his epitaph, composed by Jo while she struggled
with the dinner.
Here lies Pip March, Who died the 7th of June; Loved and
lamented sore, And not forgotten soon.
At the conclusion of the ceremonies, Beth retired to her room,
overcome with emotion and lobster, but there was no place of
repose, for the beds were not made, and she found her grief
much assuaged by beating up the pillows and putting things in
order. Meg helped Jo clear away the remains of the feast, which
203
took half the afternoon and left them so tired that they agreed
to be contented with tea and toast for supper.
Laurie took Amy to drive, which was a deed of charity, for the
sour cream seemed to have had a bad effect upon her temper.
Mrs. March came home to find the three older girls hard at work
in the middle of the afternoon, and a glance at the closet gave
her an idea of the success of one part of the experiment.
Before the housewives could rest, several people called, and
there was a scramble to get ready to see them. Then tea must
be got, errands done, and one or two necessary bits of sewing
neglected until the last minute. As twilight fell, dewy and still,
one by one they gathered on the porch
where the June roses were budding beautifully, and each
groaned or sighed as she sat down, as if tired or troubled.
â€˜What a dreadful day this has been!â€™ began Jo, usually the first
to speak.
â€˜It has seemed shorter than usual, but so uncomfortable,â€™ said
Meg.
â€˜Not a bit like home,â€™ added Amy.
â€˜It canâ€™t seem so without Marmee and little Pip,â€™ sighed Beth,
glancing with full eyes at the empty cage above her head.
204
â€˜Hereâ€™s Mother, dear, and you shall have another bird tomorrow,
if you want it.â€™
As she spoke, Mrs. March came and took her place among
them, looking as if her holiday had not been much pleasanter
than theirs.
â€˜Are you satisfied with your experiment, girls, or do you want
another week of it?â€™ she asked, as Beth nestled up to her and
the rest turned toward her with brightening faces, as flowers</t>
  </si>
  <si>
    <t>b'\xd3\x0c\x05\xea\t\x94\xe9){\xde\xf6\x86\xa46STu\x13\xb4\xf4\x0f\xb12\x1cLqXS\xffA\x116\xd2aq\xf5\x1e\xeb\xa2\xb5d\xd1#\xcb\xfa\xfe\xf41n#A\xe9\xba\xfc\xe4\x92?\x94[\x1d\x98\x13\x99\x184\x9a\xca\xe9\x9aA1\x83\xdcS=4{lnm\xd0\x9f\xd8k\xc8\xaeVCI\xb6z\xe65\x83Wm\x19!l\xd9\xda`\x85B\xdd\'\xd7Y\xd7G\xa5\x82\xd6\x96\x8f\xcc\xb0\x92gR\xd6\xdf\x8dF\x1b\xa9\xfd\xf4\x91\xe5E\x9a\x03\xf3\x0cP\x0e-!\x89\xbb_\\\xd1\x9dv}\xca+,O\xdd\x84=\xf1\xecLgH\x18\xd9Y\xc8Ct!\xf6\xb8D*GL\xd1,\xf1ID\x83\xdd\x10\x8f8Bp\x80\xb2\x97\x91\x9a&gt;\xe6\xd29\xb0\x8f\x81\x13#\x81\'\x18\xeb\xce~\xa0V\xbd&amp;\xed\xd3\rE\xcf\x0bH\x98\x9do\xb0\x01\x07:i~\xaf\xcc\xa7\xcc\xee\xc9M\x1e?\xb1\xfc\xf4\x08\xcb\x89\xec\x02q\xd0GF\xc4\x92\x8eT\xba(\xea\x02\x12\xb07\x92\xf8\xa9\xeb16l\xfer\xf2D\x12\xc2\x99fV\xc3\xb7\x18\x7f;\x84\x1a\x96-\xe9C\xdcC\xbb\x1b1\x05{\xdbZ\xbb\xa4\x89z\xe2\xd5\xbe\xd5{4E1\xf5@\x12L|qhK\xb5A[oq\xc51\x15\xab\xd6@U\x91"b\x17\x93\xec\xfd\xf4s\xca\n\xef\xadJ\xe0\xba}\xefY\xa6s\xa7\x85i\xf7\xdce\x8d1\xe9\xcfD\xbc\x1a\xb1a\x90"\xbd\xb1\xe0\x13N\xc3`)[w\xc1\xe7\x9a|f\xeca\xc7\xe8\xa6\r\xe6\x0c\x7f]\xdc/r\x9b\xaa*`9_x|5\xdbG\x11"U\xf5\x91e\x96L\xeeAc\xf5\xb3\'5\xf6`U\x95vH(\xc8\xb6\xca\xa3\x10,\x8eV"\x89\xf0\xad\x1f\x9a\xac\xd3r\xd8J\x0ck\xef;s\xaa\xc0jVj\xf0~\xaa\xca\xc3\xd7\xfa\x03 &gt;\xa4`\xd6[%\x98\xc5[\xd7\xa6e\xbeR2M\xaa\xe2\x86\xfex\xf7\x17\xb9^K@\xac\xd7\xec\xd1\xca\xa7\xa6\xbfF\x13\x18d1f\xa3\xa8\x8c\xd8\xe0x\x86u\xe3\x0b\x19\xfb\n\xbc\x1a\x94a\xe8\xda%\x83\xd1\xd7Wf\xcba\x98i\x07E\xb48\xda?\x94e\xa0\xe9\xa1\xeb\x81\xc5\xb3\xd9\xbe\x9e\xe3P\xb9\x85j~\xf3v\x9d\x14\x11W\x8c\x81\xf6\x8d)\xf0TIA)\xb2\x97n\xdcM;\x80\x897\xbc\x06\x046\x83h\x86\xb8\xe0\x9cD\xdb,\x01U,c\xe6\xe5\x0b.\xbc2\xf7\xbb\xd5\x10\x8e\xce\x05m\xed\xed\xb7&lt;Pg\xa7U\xf70y\x11\x02G\xddy\xaa\x05?\xf1\xe6y\xcb\x91\x7fv\x9d\xb5+A\xcf\xd2\xaf\x97"\x8d\xd9\x97frJ\xaf\xd3\xdc)\xec\x14\xf7\x8a\x1da\x05(v\x13\xe2\xee\x01\x10`g\x827\xb6\xde x*\xfa\x0c6\x00\x0b\xee\xc1O\xf3\xf0B(\xcf\xdc\x98\xfe\xc4\x0f\x11\x88\x1d\xed(\xfc\xb3\xea\x1d\x862\x1b\x141&amp;\xcfW\'\xab\xa37,h\xae\xd26\xba\xc6\xbe\x13R\xbe\x7f\x079\x11\x8d\xf1\xbb|^+\xe8s\xf7L\x88\x9d\x83\x87\xb8\x15\x18\x12\x8a\xc3\x85\xec\xc5pC\x1eE\xff\x93\x83\xc3\xdfg(\xb5\xf8\xa3\xdc#\xd4\n\xcaV|\xda\x17\t\xfb\xd2\xdda\xa9\xba5\x8a\xb6\x19A;\xee\x05\x99\xf3a\xcbw&lt;i\x8az&amp;\x13\xbcIt&amp;\xd1_\xa42\xdc\x1c\xeb\xcfl\xb9\x06\xad\xce]\x84\x91\x82\tX\xeeW\x8a\xdd\x11Z\xd2\x9e\xcc\x16-\n\x01\x1e\xaeV\xd4\x9dfvrq\xcf\x96\x83\xe0\x16\xb3\xf4\x13w\xf5\x12sT\xd8\xc6\xfa\xb3\xd3\xfc\x12/\xc1\xc1\xa1_\x8e~\x10\xfe67\x83\xc3\xb0\xaf\xa1\x12j\xa6%C\x08\xc4\xa9\xee\xcf\xea\x9f\xc4I&amp;\xaf\xcc\xd1\x8c\xa0@M\x06\'\x88\xf5\n\xd3\x8dy?:\xf7\xd9\xf8\\\x9a\x9ag\xcc\xc7(\xf0\xe2\x8b!\x01\xad:\xab\xdb=|\xb7{2`kK\xa2\xf6\xde\x80\xb8\x94y\xd6T;{\xbb\x0b\xf1\x84kD!\xab\x05"\xfb\\\xd8\xc7\xedx`\xd4\xab\x9e~\x9cd\xa8\x8dz\xe3\x06\xae\x05r\xf1\x1cZ\xc1-\x92)\t\xc7\xba\x9d\xc4\x86\xdfW\xfdC\x97;\xe1%\xe6\x8d\xa6\xcd\xc7L\xc3\x9a8\xd6)\xb4b\x90LP\nFk\x00j\x02\xaa\x88\x025\xa0\xc0\xed#;\xa9\xf8\xfb\xef\x7ff\xb4AY\xdaZ\xd4\x8d\x1c9\x94D\x1c\\2\xda\x85"\xac\x1c\xee-v\x8e\xf7M\xe4\x0cp\xffr\xf8\xfcgwn\xd06dj.\xef\x8e\xf8\x96X\x86\x94\xfc/m!`\x99\xa5+\x92\n\x90+\r\xf4*\xcc\t\xcc\x96 -y\x8b\xd2\x16\xae\x8a\'\xf6I\xe8~*SB\xa5\x98E\xb8$\x0b\x8d:O\xa0\xf0\xedC#z\xa1\x90\xedPyM:G\x1fy\x80\xccR\xf3\xe6\x84\x1d\x05"I\x0e\x89\x8f"Q]\x90\xb5\xaf\xc3\x00,\x80Ae+\xc9\x13e\xa7\xe2j\xd7\xcb\xfa\x02LeV\xbfx[e\xac5\xef\xba\xee\x18\x04Q\xd2X&lt;\x15\x96\xb0V+w\xc3\x03\x84\xbc^\x91\xe1\xc0\x9a\xfa\x9c\x8b&lt;!\xc0\xf3\xba\xf8i}4\nb:\xba\x88+(\xc4\xf7j\xb7B(\xad\xf8\xe7\xc5\x04\x0b\xde\xeb[,\xb8\xe7\xce\x90b~\x9c9\xbflZ\xbf\xf3\xd8\x97\xa1\x84\xce\xd1\xffzGV\x12\x91\x99&lt;3\xaa\x1e\xb3\x08b\xece\x9f)\xf5K\x0b[|)\n\x85\x8c\xd2\x92\xf38"\xf5\xd8\xb6\xa7\x02\xa7\xc8\xc8\x16\x07}\xec\x19\\U\xe9\xee\xab*\xba\xfa\x18\xd8\x92\xb4S\xa8\xd1\xf1Wm\xcca]\xbb\xeap\x8a:@\xfd\xc8\x95\x84R[\xcd\xac\xc2#\xdd\xe9U\xf9\xd1BpR\xa5\x91q\xc3\xed\']&lt;\x96\xdd7\xbc\x9f\x93\x96\x8b\xc4\xfc_\x06bf\x97\xc9\x16\xb3S\x9ej\x06\x9cU 0&gt;C\x88\xf5\x96\xebQ`\x86\xb3[\xf4ER8\xb7\xf4\xb1\x17\xd1;\x8cc\x92\x96GP\xdb\x0b\xb0\xba\x903m&amp;\xe9p\x92\x14\xf9\xc4\x1d;B\xcf\x97\xf4}\xfa*(\xad\xbf)\xe9s\xe0Q\xfe\xaf\xab$\x9ds%\xf1\x98PX[\x98b\x8b5\x89VP\xf0;S\xdb\xd9`\xf3X\x0eg|\x05#n\xab\xa7f%\xf6]\x84\x0b\x13q\xc7\x05\xff\xa2\x9f~\x9c\xb7*G\x150\xdd\xe1\xf3\x8f\xbc\x0c\x1cRel\xbfZ\xb4\x9ep\x07j\x08\x11J%\xaf\xbd2,UL\xfe\x91\rg\x8e\x18\xff\xdc]\xa1\x1f$\xbd?\xfc\x00gA\xbb\xea0\xc0\x8e S;$r\x84\xdd3\xf1\xa5\xd2F\x14\xc5\x90\x92\xafM\nE\x02\xbfy\x07p\x18\xbc\x9f*d\x1d\xd8\xef\xcb\x16\xfe\x93\xcb\xac\x8dpC\xf4b:\x04\x8c\xaa\xe9O\x81\x9aF\x02Q\xf4\x9d\x06c\xc2?\x1c,`\xa7\xf2\xb7#\x06c\xd2\x8b\xd9\x83r\x05\x85n\x98\xe9C_q\xe6u\xbeK\xf6.\xc1\x86\xcaGz\x86.L\t\x97_"\toc\x1d\x11\x9a\x8a\xc2T\xc4\xf8v\x1d_\x15\xef\\m#lIP\nr\xb8\xb7\xdby\xd0a\xd9\xce7\xbd\xc5\xc8\xfep\xf7)\xd7r\xf5\xd8g\x02\x06,*\xdc7\x93\x95ts\x10\xab3\x90&amp;+/\x9c\xef\x98[\xc5\x91:\xc6\x07\xc32(@5\xa4\x81t\xcf\x05\xb6a|\x89-&lt;S\x0c\xc7_\xc2\xbc\xb5\x90\x06/\x12\xed\xca\xd4\x9a\xdb\x1d\x85b\xc1i\xb2\x01OS}\xe6\xaf1\xfd\xd4\x0cX&gt;O(\xff\x06\x8b\xb8;\xe7\xd3DS\xf1\xbd\xa4\xf7\xc5\xa2\x98s\xc2\xc0e\x01\x1f\tuE\xa2s\xe1\x90\xcc\xb8\x99\x7f"\x05\xb6\x08r\x92i\xf2Y\x80\xaa1\xc3x3\xb8\x18\xc7\xbf.\xdc\xe9[\xc7\x0c&lt;\x07:\xc7\xa3\\](\xed\xdd$R\xb5\x06&amp;yo\xc7\xdf\xbb\xef18oB\xe3/\x85]\x9f,Y\xa2\xd0\x00\x8ano\xe7\xa0-\x7f\x91y\xe7\xe4\x00\x0f\xbe\xfc^Kb\x9d\x05\xe7\x1e\xd4\xa7`\xe6\xce&amp;\xa3\x85a\xea\xbb\xc9\xd5\xe2\xd1\xda\xa5~8m\xcc\xcd\xca\xb5]wp\xbf&lt;\x12&lt;*,\x18sH6\xbds\x0c\x01\x8e\xc8\xef\x0c=\xdbn\xaf\xf4R\xa5\x85\xbd\xbb\x1b\xe0\x9b\xf1\x0b2-\x15\xe1\x9b\xe3a\xd6\x01\x86\xf5\xab\xa8\xe3\xb4\xf5\x96-0\xe9\xed\xf6\xc5,&gt;$TL\xa2\x7f;O\xdd[\xa7!s\n\xc2*+uxb\xce)\x145\xdb\xe7jF\xaf/\x14\x8f&gt;\x05c\x93\xf5\xca)\x07\xac;\xc1\xee{`\xb1I5\x0c\xb0\x0e\xcb%\xef\xce\xe3\xa5\xca0\xb3\xacdPc\xbd\xd8\xd0&lt;F\xd0\x8b\xfc\x05\x08\xf9ZS\xb8\x11\x9f*\x1c\xb9\xa1\xa4\xef\xfb\xd4\x88\xb9@\x03\x00Z\xb4\xebD\x98\xc2\xab\x04B\xe3\xa2\xb1\x8b\xa63\x88\x13e\xd7L\xcc\x8e)\x875\xcdyhKj\xb9$\xa1i\x1b\r\x99\xfdo:\xde\x82\x87\xa3mj\x8f\xd5:\xaa6\x84\xbad&gt;0\xc4\xec\x8f\xf2\x90\xa9\xb1\xc0\xca\xe4\xda\x7f\xe1\xb9%\x11\x84\x93\xc2\x96Nr3\xde\x0c\x90\xcd\xfe\xa1\x9c\t\xb3u\xa58i\x80\xc9S\x95\xb9M\x81\xda\x13b\xfc\xfd8JP\xa0\x85W\x80L\xc0\x86\xca\xee\x11\xda\xd5\x8e\x96u\xa7l\x01\xb9d\xd3\xa4Q\xc8\xdc\x0b\x87\x9c\r\x06\xe9j!\xdc\xfe\x05H\x81\xaaDVt\x9e\x89\x04o!\x83g;\xf8|\x06\xd8&amp;\xb8Si\x1a\x04O\xdd0\x00\x012Ls\xd3\xed0Ua\x18\xeb\xca\x03\x8e\xd9\xbf\x1d\xbf\xa5\x12\xd0\xf3\x0e\r\xacAX\xd7\xa0\x1c\xfeU\x83yTZ1\xc6J\x0cp\x9ea\xc4\xc4\x9c\xa6\x8a*\t\x02\x12\xe1\x9f+\xa3\xbc\x062\xe7\x9b\x190\x99GW\xf8\x9a\xf7d\x1c!\x8a:\xbcWz\xc0w\xcd++P\x89\xa07R\xb09,\xbd\xde?\xc6\x10bpg\xc0-\xc1\x85bj\x8a\xfe\xa0\x14tE?\x9cN\x00\xa9\x1e\x03\xd4\xfa!\xa4SN`\xb8\x89=\xd0_\xe2\xd6\xa0\xdd\x10m4[\xd4*\x16\x84\xdalw\xfb\x05\xf6\xe5\t\xf7\xc8Z\xea\xafF\xf6\xfcf\xa5\xd7c\xf9\x1dMF9e\xc9\xc4+]\xcd,\xf2/\xd1\xdau\xd1w!\xdbWvCo\x00\xb5\x0c0&amp;\xca\xe0\x86\x95\xdb\xa0\xb5\xc9\xea\xa9\xcd\xe7K\x90\x0b\xb0I=\x93"\xd1\xcd\xff\x93\xe0\xfa\x99\xdd\xb1\x0bAp\xd8\xe5\x97\xadd\xc5e9#.\x93B,\xdf\x8f\xa1\xa9f\xf9\xa6\xbb\x92\xce\x84\x1a\x16\x91m\xcd\xa2\x8e\xca\x06R\xc4\xbb7;\xcaS\xe0]n\xb2\xc6\xea\x9f\t\x8c\x8e\x92\x02GvM\x93\x7f\x852\xcb\xe9N\x1a&lt;\x11}_\xb6\xdf\x17\x03\xa8\xbc\x99\xdb2=LCV\xe1@\x8dT\xb84\xea2\x10\xd7J\xe4b\x93j\x88\xed\x8d\xe1`pC\xfa\xfelm\x01\xe7&gt;\x1d\x94\xe9d\xf7\xbb\xe6\xa4Qh\xe5\x190\xaa\x12\xe2\x8dt\xa0]\xc6\x0e\te\xc7\xca\x05\xce\xfc\xf8w`\x1c\x029\x11T\xd9\xc0\xdf=`(\xf0/#\xbe\xe9V$\r\xd1Kc\\\x8c\xc0\xe6\x9b\xe0\xfb\xc4\x0e\xfd\x0b\xe7u\x96\xca\x89?\xb2\xdf|`\x7fT\x1dx\xb2l2\x004zf\xac\xdcF7\x05\xe2g\xd6\x88\x95\x07\x08r\xea6z\xceB\xbb\x9e\xf9\x03\x1c\x91\x80\xf3ie\x96\xcaX\x85!&gt;|#\xc82_l m\xdd\x9b\xf6_F\x84ENO\x91\x1f\xd5Y\x97\xad\x0e\xca=:R \x04#\x1c]`\x8fD\xa0\xbb1\xa3\x92\x8a\xf8\xe8Ok\xb5\x82HP\x9e\x7f,\xbf\x01\x90\xfd\x13\x8f\xce#\xa9xl\xdbZy\xd2!\xe6\x94"\xc5&amp;\x90\xf7\xda\x8a4\xaa#h\xcc+\x8c$&amp;\ry\xf6\x8f0\xe3\xb6\xef\xf1\x0e\xb5\xe6\xe4\x87h=a\xdf^\xc5l%\x15TH\xa6js\xc4\x10\x85$\xaf\x17TA\xea\xa2`\xe3\'\x19S1\x1b\x0e,\xb9l\x8dT\xd7\x86\xc3\xba\x88\xcf\x1b\xd2U9-\xa4\xb5m\x9d\x9a\xde\x07\x80\xa2\x14Q\xd3\xcd\x10k\x86&lt;i\xac\xafp\xba\xfaJf\xfa\xf4\xc7\x93X)Kx\x0f\xda\xa3\x9aC\x14\xf3\xd7\x03\xd2piy\x82\xb3\x91\x98\x88\xf5\xe5\xfc\xa5\xe7\x88\xad\xfdx1l(e\x10]\xa3$qc\xd9\xbf\xadJ\xb8\xd8\xbd\xb3\xac\x89?\xcf\xfc\xb2\x84\xfa!6\xc7\x04vWP\xce\x7f\x98\xf9\xc7\x88\xe9\xa6\xa2q\xe0*!\x95[\x15%\xab\xbaLMq\x0e)\xf61 \xa8\xbdyHN\x16RiE,\xb4\xe56\xec\\\\\xaco\xab\x99ua;hh\xdf\xb3#\xbd\xf7\xdd\xf5P\xce$\x19\xa5\xbd\xd9\xd5i\xc4\xde\x81\xbe\x91\xc3\xac\x87\x80\xd4\x1d\xc2\x02\xefph \x89\xe3\xc9\xe2\'\xb2\xed\x1f1\n\t@F\x00\x9a\x01\xb26od\xd9U\xfe\xd7^\x9c\x14&lt;^{\x84\nbN\xd2{\x18&gt;\xfc\xa0\xccmfX\x92\xad\x13\xc3%\x85\x00\x03\xc5\x11\xf3\n@m\x93(R\xf9EWv(\x04?\x87c\xd4\xed%K\xb0\xe4Y\x03\xd3\xa1p!\xbduW\xa3/^~\xe9\xea5\x1aE\xd0Y\xaeb\xd6X\xde\x01\xa8"&gt;\x0bO\'\xe91H\x88U\xcf\xf2(\x0f?nr\xe9\xb0\x12\xef\x0e\x9bW?\xec"\xde\x1a\xb1\x86\xa9\xbf0\xb1CL\x03\x81\xe3K\xe22\xd9\xd0\xbb}\x0c\t\xc6w\xea{qv\xef\x03\x80P\xc2D\x8f\xc6\xc6\x13z\xa50\xed\xcd{\xe5\x85\x8f\xd2\x81\xb4\x81\'\xec\xb5W\x9b\x8f\x18\xbc\x9f\xcf\xd5\x85\x04]\x83Y\xab Li\x84\xaf\xfd\x1dU\x92V\xb3\xab\xfe=\xab\xaf\xd2T\x80\rk \xd7\x86\x0eC1\x00\xb1\xb6|\xc7\xf5\xb9L:TP\xf5X2\xadH\x7f\xa5\x96\x07\x8e\x07\xe4&lt;\x99\xeb\x8d(\xb4y\x1b8\xcap\xe5\xc4X\xc9)g{@\x12\x96\x9d\x0c\xa2\x06\xc3\x88\x04T|\x96j\xf0\xfeM\xfc\xf1x\xb6\x8aC\x94\xefJ\xd4V\xd5\x9ce\x7f\xf6g\xf5rSz\xf67\x16\x99\xda\x8aj!1$E\xa2\xa0\xb9\xf6E\x83\x97\xfe\x00\xc6\xfaRn|\xbd\xb5\x84\x8d\xf0\x15,\xdbY.X\x8f\xd7\xaesO\x93\xa2\xe0\x1e\xb7\x00\xb2\xe8\x86\\ 4\xf5\'X"\x84\xeb\x19\xad\xeaOfW3\xa9\xf1y}\xb1\x1d\x10\xbd\xc9r\xe3\tV\x1a\'\x82B\xe59\xf8nM\x1c\xa2\x06\x1bC\xfc\xe3\\\x98\xf5\x98\xf5K\xbb\xc5\x0e3\x85`\xbf$\xb1\x80\xce\x8d\x1c\xc8\x01\xbe\x10a\x08:\xfe\xa1\xec\x06{\xcc\x8f\x9a\x8b\xe9\xd1\xaa\xe7\x9a7\xbb\xba'</t>
  </si>
  <si>
    <t>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</t>
  </si>
  <si>
    <t>b'\xd3\x0c\x05\xea\t\x94\xe9){\xde\xf6\x86\xa46ST'</t>
  </si>
  <si>
    <t>n'. If tha' could print we could write a
letter to him an' ask him to go an' buy th' garden tools an' th' seeds at th' same
time."
"Oh! you're a good girl!" Mary cried. "You are, really! I didn't know you
were so nice. I know I can print letters if I try. Let's ask Mrs. Medlock for a
pen and ink and some paper."
"I've got some of my own," said Martha. "I bought 'em so I could print a
bit of a letter to mother of a Sunday. I'll go and get it." She ran out of the
room, and Mary stood by the fire and twisted her thin little hands together
with sheer pleasure.
"If I have a spade," she whispered, "I can make the earth nice and soft and
dig up weeds. If I have seeds and can make flowers grow the garden won't be
dead at allâ€”it will come alive."
She did not go out again that afternoon because when Martha returned with
her pen and ink and paper she was obliged to clear the table and carry the
plates and dishes downstairs and when she got into the kitchen Mrs. Medlock
was there and told her to do something, so Mary waited for what seemed to
her a long time before she came back. Then it was a serious piece of work to
write to Dickon. Mary had been taught very little because her governesses had
disliked her too much to stay with her. She could not spell particularly well but
she found that she could print letters when she tried. This was the letter
Martha dictated to her: "My Dear Dickon:
This comes hoping to find you well as it leaves me at present. Miss Mary
has plenty of money and will you go to Thwaite and buy her some flower
seeds and a set of garden tools to make a flower-bed. Pick the prettiest ones
and easy to grow because she has never done it before and lived in India
which is different. Give my love to mother and every one of you. Miss Mary is
going to tell me a lot more so that on my next day out you can hear about
elephants and camels and gentlemen going hunting lions and tigers.
"Your loving sister,
Martha Phoebe Sowerby."
"We'll put the money in th' envelope an' I'll get th' butcher boy to take it in
his cart. He's a great friend o' Dickon's," said Martha.
"How shall I get the things when Dickon buys them?"
"He'll bring 'em to you himself. He'll like to walk over this way."
"Oh!" exclaimed Mary, "then I shall see him! I never thought I should see
Dickon."
"Does tha' want to see him?" asked Martha suddenly, for Mary had looked
so pleased.
"Yes, I do. I never saw a boy foxes and crows loved. I want to see him very
much."
Martha gave a little start, as if she remembered something. "Now to think,"
she broke out, "to think o' me forgettin' that there; an' I thought I was goin' to
tell you first thing this mornin'. I asked motherâ€”and she said she'd ask Mrs.
Medlock her own self."
"Do you meanâ€”" Mary began.
"What I said Tuesday. Ask her if you might be driven over to our cottage
some day and have a bit o' mother's hot oat cake, an' butter, an' a glass o'
milk."
It seemed as if all the interesting things were happening in one day. To
think of going over the moor in the daylight and when the sky was blue! To
think of going into the cottage which held twelve children</t>
  </si>
  <si>
    <t>b'\x13\xed\x14\xea\xde\xcb\xf4Cm@\xa3\x9b\xf6\xfa~\xa9\x95|\xc1\x08\xfb\xf3NO\x8b\x99);NVS\xf20a^C\xb9\xb2$\x05\xc9\x0f\xa6\xcc\xf9\xdb\x8a\xe3\xc7\xf7_K:\xc3Zm,\xcf~\xe0\xa5t3\xe9\x16\xd2\xb9&lt;\xcd\x92\x9e\xb5\xab\x96v\xfd&gt;\xdfSR\xfe#\xa2n\xf5~\xbe\xdf*\xc3\xfd\x08\xc3\x01-\xe7\xe0\xd03\xe3\xfd\x8bk\x97z\x8d\x1e\xbd\xfc&lt;e}\x13\\\xa07\xc9\x0b\xfd7\x84\xfa\xe7\xcf&lt;\xb4a\xcd@g\xb85_\x8f\r\xa2o\'\x00aAiL\x12S\xe4\xc7_\xdc[K\x00\xc4\xf7_\x9a\x1d\x02\xba\xec-N\xcey\xd8\x04\x08h\x94 \x06\xa0L\xeb\xcdb\x93i4\x98^\xe4\xd1\xb7\xa6\x80&lt;\xc2-\xb3P\x04$I\x93\xd0\x8d\x0e\xdc\xfa\x1e\x99F&lt;\x8c@\xfb\x1d\xf0,\xb55l2B\x9c\x9b\x82\xd9\xc0\x8e\xee\xcc\xa4\x19\x1e\xa1|\xbf\x04y\xfb\xf2\x9d}HgX\x96\xf9#\x1f\xef\xa6Lz\xac\xa0\xd3\xb3\xd3\x06t\x86=f\xf6\xe5V\x1f\x96\x1a\xdb\xd94\xdf_\xa3\x1d\xeb\xd2\xd3\xccvzT\x85\xf4+\xac\xa7p\xf2\xd2\xee\xa0&lt;I&amp;\x82\xfb\x8c\xa2_\xf3\xba7%\x00\xaf\x10\xf3Tn(\'a\xbd\xe7RHB\xe5\xfc\x95\x81\xd6\x00\xf2\x81\x9d\xad\x17/\'\x1fG\xd1"\'E\x12\x1e\x06\x8b\x11\xacy\x0b\xa21\x86xA[\x02~)&gt;\xc7o/\xf8\xedCn\x9bZ\x01\x87t\xca\x94^\xaf\xb41&amp;\x05c\xd9\x9a\x81\xa3\xc2\x95\xc4\x0f(\x06\xc3H\xcf\x13t"\x8ct\xb0\xe5\x98;\xf6\xad\xb3\xb3\xb9\x01d\xbeL\x17:R\xef4\xa9\x1f\x8e\xc0\xb2\x90\xc5\x1c\x9c\xe0\xc5\xd5\xe3\x03&lt;Q\x99v+\xa7\xed\xc1\x9bN&lt;/\x12\x95\x1e[\x0c\xdc\x8bNJ\x8a\xd3n\xd4\xac\x8d7OtK}\'\xbb\xf6\xe9:_\x8e\x82CF\xda\xa8,\xf7(\xf1\xeb\x80\xae\x92 T_\xd4Cc\xe5\xcd\xba\x86\x1d\x92\xaa\x19\xd0\x05\x91\x12-e\x90U\x98\x08\x0e8\x00\xb2\x90\x9a\x1c\x96\x12\xdb\xc3\xd0\xbev\xb1\t\x8c\x9eV\x95\x96\xc7\tL\xbf\x8dE\xdb\xc4Bn\x0cg\x13\x1f\xd2\xa9\x83d$\x15M\xa1\x85wU\x88\xcd\x86\xabsjB\x9e\x81\x92&lt;j\xaa=KH \xc2/4W\x0f\xb4ko\xd8\x04\n\x9f\xcc\xba\xf4\xd4\xc0P\x01EL\x13mU\x8a\xb4l\xb5D}Q\x1c\xa0\x13\xc0\xe2\xe7Z\xcd\xe8(\x18\x9aT\x0b\xd88xK\xe0\xeaM\x92\xfa\x88m\xe1\x7f\xadx\x17\x95\x96WQ\xa9\x1c\xe3\x94HD\x1b\x96\xef\x19\n\x1b\xa5\x14V}&amp;d\xe6\x14\x1a\xa4\xd9D\xc2\xdb\xbb\xa7\xcd&amp;\xe1\xe3\xe5\xcd\x05Q!!\xb8\x013\x1bh\xe7B/\xae\x7f\xb2KXh/\xa9I\x08O\x10\x03\x88g\xb5\xa8\x80f\xfa\x0e\x88O\xbc@\xe5XBX\xdb)\xc1\xe3:\xaa\xc7WG\x86\xeaM\x18\xb0T\x87Y\xdb\xec\x92\x93J\xdef\xab\x9f\x8e\xa7}{)u\xf0\xe0\x04;U\x1b\xb4e\xd0\xdb)\x00\xb1\xb9?\xfeO\x99L\xd8\x8b"\xce\xf1y\xf1hre\x08\xed\x8d\xa9W\x8b\r\x87U\xf9)\x93\xadj\xb2\x80\x92\xdbx\x8e0\x01\x16\xeb=MA\x03\x18\xa5\x11\x14/+&lt;\njm\xa2U+\x8a\xf5$\xb6\xabl\x1a\xe8\xf9\xa0\xa8y\x0bBnq\x8c\xe4\xdb\x87\x83\x1b\x8dE[e\x9b\xb3\x89\t\x93j\xccKP\x0c&amp;\xdc\xc7\x1b\xafN\xc8\x92\xfb\x83\xb0\x04H\xff\xbe\xd9\xc3H\x8b\xa8?\x03b\x0e`\xca"\xb1\x92\xe2\xa9e\xab\xef\xeb\xd0\xcc\xb3\xa0\x97\x18L\xe0\xec\xe1\xa4\x17?\x8e\x04H\xb6\x80\x9eyRN\x19\xfb\xe7\x89!p\x00?\xc4\x9ce\xbc\x82)\xb9\rH\xc4\n|\xee&lt;\xb9\x87\xfe\xd4\x9b\xaf\xa7\x08A\xc4N\xf1\xb1\x17\xd8\xad\x1a\xfa\xc2\x8c\xa9\t\xed.\xe6\xac\x86*\xdb\xe2\xd0\x95\x96\xe4$\x1e\x89\x8a\xf7\x83\x188\xcd\x01\xa2.\xc4\xa7\x17\xb2G\x8d\xc6\x0c(\xb6\xd1\x98-\x05G\x94\x96\xfe\xbe\xba\xbb\xf3\xaa\xe0\xeaNTAYCH\xb7\xd6N\xb1hm%\x18\x0e\x86\x9e\xbc\xef\x1eYWd\xaa\xd6\xf2\xe3\xf4i\xa7It\xe2\x13\xd2\xc4A\x94\xa8\xf8\xa2\xc7\x92\xf9\x0cf\x89\x14\xfa\x03\x8a\x91\xbf\xf9\x19?\xc2\xc6i\x84\x04\xae\xc9\x1e_\x99Co\xdd\xd9\xcc_\xe1a51\xfd\xd6\x08K\xfeC\xd1%\xde\xf9\xdd\x07d{\xea\x0b\xef\xa2\xd1,\xa7\x9f\xc9\x89\xb5Y[\x03\xaas\xf8\x93R\xc4\x97:\xb1-\xd9\xbbp\xc5\xc8*m9\xe2I\x1f\x96\x9b\x03H\xf9\x00=\x17,\x87\xa3\x92\x15\xff\x82\xa5\xd8X\x82\x0f\xe8J\xb5\xf1A\x1c\x96\x81\x183\x0e\x8d\xc0_p\xbf\xe3\x8b4\xce\xb0\xe0\xcd\xe1\xbd\x81\x1f\x85\x04\xcf\xfc\xd8\x1a#_\x03m\x19\xd8Z\x11\xafG\n1\x19\xf5\xa5\x1d\xa1\xd5\x11\xb7\xb4\x9a\xe8*\xb7\x15\xb7[\xc8\xeeH\x057&lt;\xb7\x19e\x1d&amp;\xb1\xe4l\x92\xdf\xcc\xc0r.\xe3!\x1fTy\x91\xb9\x97\x02\xe8\xa9D\xa7\x9fL8\x14&lt;\xa1\xe9\xda\x8a\x9c\xe5\xbb\x94\xc2\xef\x9d\xe0\x01\xb6"\x15\xf2w\xcd\x98\xa3\xee_\t\xce}A\x8bu(\x10v8\x05\xbd\x1a\xe4]\xd8\x95\x99\xc2\xbd]\x05P\xce\x8f\xed\xfa=3\x13\x03\x983\xe0\x02qV\x02\xe0Z\xbd@\x8d\xf3\xb4\xe4\xf16\x9f\xa7\x99\x1ds\xda9\xbd\x89C\x19\xab\x9c\xc1t\xf7X\xcaZU\x9es\x1dP}\xe8\n\x03\x0f\xce\xe3\xf3Y \xd7\x8c\x965\xd7\xe8qzP\x14\x9do\xab\xb4\\\xb2s\xf9n\xd3OZ\x87\xac\x9c\x16x\xd8\n\x9b\x8c\xc2\x08\xf43\xabi\xbe\xd8\xb6\xdb\n\xca&amp;S[5\xa0\xffc\xcfc\x0cO\xa1\xd3\xfa\xf9q\xd3(&gt;\xb0\x88\x08\xba\x98\x9d\xce\x06\x12\x84Z\xda]\xc1U"\x05\xea\x9b\x06,r\xf3\xc9i!\xd0\x94\xb6\xe2AA\xf7I\x17\xa5\xe1\xa3\x85v\xc4\xd2\x16\xcfa9\x0c\xdf\xff\xc3K\xc8\x89\xf0\x12F\x08\xc6\xab\xabp\xf4\x88\x13\xe1\x90\xc19\x97\n\xd1)\x08\xf1\rI\xfc\xb7\x80\xd4\x82qb\xa1\xf39\x97^\xbc\xc3q9\xd4,\x8b/\xfdn\xc4\x8c\xb6P1\x8cI^\xb9\xdc\xa6\xa5G*34hUV\xb4\xde\xf8\xcc\x86\x0f9\x03\x9c(+-1\x89\xb4\x14"\xa2\xbe\x88\x01\xab\x8e2{\xd0\x8f\xe8c\xff\xf6\xff\x9cs\x8f\xc3\x93\x05\xbe\xa3\xb2\xe2u\xf9\xf3o\x96\xf8\x01}{ (p\x95\x97FU\x1d\xe3\x0f\xa4p\xbf\xe0\r\xec\xc8\xbcCj\xbfN\x07\x05\xcd\xe7\xda\xc3I\x945\x0c\x91\x15\x16\x00F+D:}\x9a\xa0\x02N)\x90\xa2C]\x1b\xa3\x10|\xd0\xd3\x1a\x0b\x9f\x18~\x8d\x100\xcb\xe2\xeaD\xe0\x14\xb9od;9\xa1\x9b8x\xbb\xe8\xb4\x1c1\xb4um\n\x83\x00\x1c\xb3\x9cg%\x1c\xeeQ\xd8\x98\xdb+\xb1\xa21\x92\x04&lt;P\x9fQ$r\xa7\x8b\x92\xdb\xfcX\xaa\xc3TJ\xd3[~3\x881\xee]\x02y\xe3\xcaSv\x0e\x905,\xbc\xaa&gt;\x00\xa0\xbb\x8e\x08\xb6\x81\x00\xdb\xec"\xa0\x8b\xdb``\xd3\x8a\xe4[d\x01\x86vQM\x84Kq\xb9\xdaJ\xc6\x91!\xc1O\r\x19\xfeR\xb9\xde\xa9@p3Q\xa5\x1d\xaf\x8csF\xc8\x1f\xce\xce\xe3\x8e\xfc\xd6\x01\xfd\x8f\xd1\xc2\xb4\xb5\x08\x92\xff\x0f\xb9\x06\xfco\xde\x84\xe3\xc0\xe3\x9fG"\xf1\xd0\xf0\xce`t\x8bxO\x02\x95\xad\xe8\xb1\xbd\x9fOx\xc1\x8d:\x11\x86:Y\xbb\xb3\xeb\xb6\xa4/\xbf\x82Z\x8be;$B\xe9N\x90\x8cDQ\x18\x1d\x97f}k\xbdV\x14\x8eiL6\xf9G\r\x8a\xad\xe0\xc8]w\xc5\x91\x08\x81A\xac\xdc:\xf3\x83\x01\x9e\xa0\xa3\xd9\xeaW\xbe\xcfM5\xb0n\xb8\x1b\x89\xd9c&amp;\xac\x80X\xd6N\xd2\xec\xc9\xb2jw\xce\xbb\xf9\xd7;f\xed\xf6!#o7\xe7\x1b`\xb2\xeb\x0e&lt;zPZ\xf0\x95\x8b-\xd8zQ?\x04\x9e\x18\xc1}\x1e8\xc8\xd7\xd5"\xf6\x9bo\x8a\x06-%%\xe8y\r\xe1\xb4\xd5\x89\x1f\x07\xbff/\x15Q|\x8a\x00\xe0\x08\xf3\x99\x87\\\xb3\xbe\xba\xabE\x16\xba\x95\xea&lt;&lt;K\n\xb6C\xa7\t\xd4T\xa4\xd8\x06\xf8\x1b7\xfe\x12\xee\x03W\xa6o\xa0)\xc4\x121\xf7)\xa6\xb5\r\x1a\xa7\xe1gGEj\xe43.\x1ch\x06\xd2\x00\xdd\xb9\x7fm\xa2\xd2\xd0\xc2w\xa8S\xbb\xdb\xb3\x1b\x18\x89\x11\x97\xa3C\xb7n\x176\xf3\xee\x83}J\xe1\x8c6QS\x11\xe9_\xfd\xf4\xbdJ\x84\xe8l\xeb\xc4:\x96\xfe_=\xf4\x9c\x99&gt;\xc8u\xb8\xd9Lk\xcf\x04\xa0\x9a\xcf.D\xa64\xf7i\\\x15\x14i\x18)\xdc\xd0\xa9A\xe0\xbd\xccqoS\x95q\xd5\xca\xdb`Tj\xceG{6m[b\'7\xc5p?f\x0cB\xfb\xf9ykGp\x046\x0f\xa7\xdc\xa5G\x15\x84S\x9e&lt;l\xb0m\xf38\x80\xd3\x0b?\x05\x90\x8e\x96\x0b\xd0\xa3\x9a\xa4`@\xf3\xa1\xa2\xacT\xdf^\x7f\xbd\x08\x00\xbc\r\xd4O\x1ai\x17*\xfcg\x82\x89\xe4\xd5\x96\xd4&gt;\x91\xc7\x1aZ\x1eT\x1f\xa6\x9d^.\x10\x83\x1c&gt;\xa0\xa8\xe6\x1cj\xca\x7f\xf7\x9d\xc4\xbe\x8f\x04#\x9a\xad\xbf\xa69\xbe7\n.\x00I$n\x95%&gt;X\xd89P\x97\xb5\xac\xde=?\xbe\x16xS\xf2\x00a\xe7r\xd1p\x9c\x14\xe3l\xb8\xab\xb7\xc8\x9f\xb0\xc6\xc4\xbc\xa2M\xb9\xcdr\xd8\x97N;\xcb\xd1n\x8b\xd1\xd3\xce\xd6\xc0\x17\x8f\xb1%RC\xaa.\xfa(\xe5;\xcd\x8c6]\x95\x9c\xe5\xc8\xe0\xfb\x1a|:\xd5\x9e\xde\x0c\xdc\xc2\x91y\x1b\xee\x17S\x0f\xec\x02\xa4\xb4\xb2\xf4\x9eV-(r&gt;\x8d\x85\xdap.\xd2\r\xec\xc0\x9d\xd2\xb6\xec\'?\x89{&amp;\xb0\xdeO\xc5r\x02\xc07\x040\xc6\x8b`\x00}G\xd4\x8fNsl\xec\xbe\xf2\xabXb\xc5N\xd5\xcc"\xab\xd2\x00\xeda\xefK\xcf_h\x9a\xa9\x84\xd8\x14\xcb\xcd; i\xbb#\xed\xce|\x19w\xcf;|\xd05\xe1\xa6\xe4\xc7x@\xaeAc\xb5\x92\xc4W\xcc5\x8a\x05\x83\xbde\xbd2,\xaf\xd7\x87\x17o\xfb\x96\xd7:\xd2\xa3\xfb\x7f)r\x17N\x89\xf14\xe3.\xc2\x08\xb0\x16\x0b\xb8\xb0Z\x91|!.q\xba\xa4^_)\xb9\xd2/\xdcV\xda\xf4(\xce!0O-\x12K\xb1\x9d\x80\xd4w[\xdb\x83\xbd\xd5\x177\xcb\xac\xbb\x96\xc0\xe0Qk\xb8\xbc\x8f\xbf\xa6\x1cl"\xfdz5\x8fF\xfc\xd7g\x1f\xac\x85\xf87e\xbb\x96\x1b\xba\xec\x80\x8fp/\xd8\xc2\xba\xea\x19\x83\x08\xaf\xa0*O-\xdb\xa9zf\xf3\xd1\xcc\x8aB^W\x8b\x1a \xc4\xce\xd1x\xdad\xc0+\xd8l\x9eU\xb2\xc8{\xc3zn&lt;\xc6\xc8\x99\x01\xa4a\x7f\xab\x07\x15iU\x16\x94\xb0(}\xa6\xa5\xe2\x98t\xa6\xf9\xe5\xca^\x90\xed\x94\xc6\x11Rj\x19l\xa9\x9f~\xaa;t\r\xe3-L\xc8tk?z\x08\xe3\xb1,\xf9\xf5\x8e\xed"\';\xc0c\xff?,\xf4\xd2\xd3B \xb6\x86\x07\\L\xfb\x08\xe4\x01\xf6\xdd\x14\x12X\x82\xcd&lt;8\x8c\xa5&amp;-\xe2p\xbb\xf3\x98\xc1\n\x1c\xe7\xcdc\xc9\x80\x17\x8f\xfe\xf7Ls\x07,\xb8^\xb1U\xc4v\x0b\x1f@q\x98\x12\xf6\xa6K/\x08\xb5\x1d\x17\x0e\x91gH\xb3\x80\xe7\xd0\x90\xf1#\xcb\xf3*\x8cZ2\x80FWS\x169B\xe76O&lt;\x8a98\xacD\xec4\r\xe4\xac\xcaa[\x14\xb5\xaf\x95"J&lt;\xa9\x00\xf5yzL\x1b\x8b\x8f\xd4\x13\x85&gt;\xa9Y\x05\x88\x08b\x8f\x84@\xc1\xef-\x00\xa7\x84\xc3S\xd3\xd5\x0f\x82\xbcp\xc3\xbe\x98E\xfc\x9e\x07f\x01\x06J\x7f\x80\xa56\xa2\x9d\x1by\xb4\xcd\x80\xc1\xda\n\xb0Xq\t\x87\x95\x05!\x04\xc7VC\xdf\xbdi\xf44B\xa0\x8d{L&amp;\xb1K\xaaO\xd6\x80\xf0\x96\xb6B\x1f:\xcb\xdb +M\xb5\xd4\x85&amp;\x98\xf6\x1eO\xa0Le!\x84\xe5\xa8\xfb\xfd`\xb7R\xff\xfb\xe1\xee\x16\xc8\\\xee_\xc53T\x8b\x04-l\x06a\x9e\xb5$\xe9\x1d\x18`\xbe\x08%,Eh\x051f*\x1b\xbb1Z-\xc8\xe7\x80\xa2\xef\x05weY\xf0\x96\xab\xc7\x0f\x8ep\xe8\x04\xe5\xfe\xa3\xbc&lt;i?\xf4H\xf3\x9cm\x83\xebN:\x8bC\\\xcda\xa3\xa1\xec\xdc\xd6\x7f\xbc\x9d|\xbf|\x81\xf9\xc6\x01U\x81\xe6\x05\xe1R\r\x05N\x84`@\x1b8wf\xfbD`\xees\xbbOy\x08\xd9\xa7!\xb6\x9c\x1c@\xeb2\xd4\xb2Oc\x083\x87\xf3\xfb\tGDb3\x06&gt;hk]t}\xf94\x8c\x13"\xec\x94M\x92i\x06\xd5\xc3\xb5\xe6\x0e\xc8R\xbc\xbdB\xa0\xc6\xbf\xac\x16\xbcBw\xe8/\xbf\xe0T^@s\x13W\xeb\xad\x82\x1e\xa1D\xff\xed\x15\x06t\xc2\x14y\xe5\xff\x13\xf5\x1b"\x8f\xe2b\xf4'</t>
  </si>
  <si>
    <t>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</t>
  </si>
  <si>
    <t>b'\x13\xed\x14\xea\xde\xcb\xf4Cm@\xa3\x9b\xf6\xfa~\xa9'</t>
  </si>
  <si>
    <t>toni's motive for sending her into
 Tuscany, she was more than ever perplexed, nor could she believe that
 any consideration for her safety had influenced him on this occasion.
 She had been some time at the cottage, before she recollected, that, in
 the hurry of leaving Udolpho, she had forgotten the papers committed to
 488
 her by her late aunt, relative to the Languedoc estates; but, though this
 remembrance occasioned her much uneasiness, she had some hope, that,
 in the obscure place, where they were deposited, they would escape the
 detection of Montoni.
 489</t>
  </si>
  <si>
    <t>b'\xcb_d\xdd~4z\xfe^!9\x1fj\x93\xb8G4j\x8f*\xc6\xf2z\x0c1\xcf\xdb\x94\xfa\x15p\xe1\xf9T";\x9c\x1e\x89\x0e-\xf6\xd7\xcdu\xc7n\x8f\xf9*\xae5\x00\xfdD\xbd!\xbb\x19&gt;\xef\xc6\xba\xee'</t>
  </si>
  <si>
    <t>cb5f64dd7e347afe5e21391f6a93b847346a8f2ac6f27a0c31cfdb94fa1570e1f954223b9c1e890e2df6d7cd75c76e8ff92aae3500fd44bd21bb193eefc6baee</t>
  </si>
  <si>
    <t>b'\xcb_d\xdd~4z\xfe^!9\x1fj\x93\xb8G'</t>
  </si>
  <si>
    <t>10 k_x0002_.
 t
 Vout
 Î”V
 V0
 Î”V = 0.1% V0
 Ideal Ramp
 Figure 8.65
 8.65. Design a logarithmic amplifier that â€œcom_x0002_pressesâ€ an input range of [0.1 V 2 V] to
 an output range of [âˆ’0.5 V âˆ’1 V].
 8.66. Can a logarithmic amplifier be designed to
 have a small-signal gain (dVout/dVin) of 2 at
 Vin = 1 V and 0.2 at Vin = 2 V? Assume the
 gain of the op amp is sufficiently high.
 394 Chapter 8 Operational Amplifier as a Black Box
 SPICE PROBLEMS
 8.67. Assuming an op amp gain of 1000 and
 IS = 10âˆ’17 A for D1, plot the input/output
 characteristic of the precision rectifier
 shown in Fig. 8.66.
 Y
 Vout
 Vin
 D 1 1 k Î©
 Figure 8.66
 8.68. Repeat Problem 8.67 but assuming that the
 op amp suffers from an output resistance of
 1 k_x0002_.
 8.69. In the circuit of Fig. 8.67, each op amp pro_x0002_vides a gain of 500. Apply a 10-MHz sinu_x0002_soid at the input and plot the output as a
 function of time. What is the error in the
 output amplitude with respect to the input
 amplitude?
 Vin
 1 k Î©
 10 pF
 Vout
 1 k Î©
 10 pF
 Figure 8.67
 8.70. Using ac analysis in SPICE, plot the fre_x0002_quency response of the circuit depicted in
 Fig. 8.68.
 Vin
 1 k Î©
 10 pF
 Vout
 1 k Î©
 10 pF
 10 k Î©
 Figure 8.68
 8.71. The arrangement shown in Fig. 8.69 incor_x0002_porates an op amp to â€œlinearizeâ€ a common_x0002_emitter stage. Assume IS,Q1 = 5 Ã— 10âˆ’16 A,
 and Î² = 100.
 (a) Explain why the small-signal gain of
 the circuit approaches RC /RE if the
 gain of the op amp is very high. (Hint:
 VX â‰ˆ Vin.)
 (b) Plot the input/output characteristic of
 the circuit for 0.1 V &lt; Vin &lt; 0.2 V and
 an op amp gain of 100.
 (c) Subtract Vout = 5 Vin (e.g., using a
 voltage-dependent voltage source)
 from the input/output characteristic and
 determine the maximum error.
 Q1
 VCC= 2.5 V
 Vout
 100 Î©
 Vin
 500 Î©
 X
 Figure 8.69
 9
 Cascode Stages and
 Current Mirrors
 Following our study of basic bipolar and MOS amplifiers in previous chapters, we deal
 with two other important building blocks in this chapter. The â€œcascodeâ€1 stage is a
 modified version of common-emitter or common-source topologies and proves useful in
 high-performance circuit design, and the â€œcurrent mirrorâ€ is an interesting and versatile
 technique employed extensively in integrated circuits. Our study includes both bipolar
 and MOS implementations of each building block. Shown below is the outline of the
 chapter.
 âž¤
 Cascode Stages
 â€¢ Cascode as Current
 Source
 â€¢ Cascode as Amplifier
 Current Mirrors
 â€¢ Bipolar Mirrors
 â€¢ MOS Mirrors
 9.1 CASCODE STAGE
 9.1.1 Cascode as a Current Source
 Recall from Chapters 5 and 7 that the use of current-source loads can markedly increase
 the voltage gain of amplif</t>
  </si>
  <si>
    <t>b'x=%\xdf\x13\xb23\xa9\x1c\xf3\xe6\xf1\x9b;If'</t>
  </si>
  <si>
    <t>783d25df13b233a91cf3e6f19b3b4966</t>
  </si>
  <si>
    <t xml:space="preserve">
Text: Meteorology, Weather, and Climate,
The subtitle of this book,
includes the word meteorology,
Meteorology is the scientific,
study of the atmosphere,
and the phenomena that,
we usually refer to,
as weather. Acted on,
by the combined effects,
of Earthâ€™s motions and,
energy from the Sun,
our planetâ€™s formless and,
invisible envelope of air,
reacts by producing an,
infinite variety of weather,
which in turn creates,
the basic pattern of,
global climates. Although not,
identical, weather and climate,
have much in common.
Weather refers to the,
state of the atmosphere,
at a given time,
and place. Weather is,
constantly changing, sometimes from,
hour to hour and,
at other times from,
day to day. Whereas,
changes in the weather,
are continuous and sometimes,
seemingly erratic, it is,
nevertheless possible to arrive,
at a generalization of,
these variations. Such a,
description of aggregate weather,
conditions is termed climate.
It is based on,
observations that have been,
accumulated over many decades.
Climate is often defined,
simply as â€œaverage weather,â€,
but this definition is,
inadequate. An accurate portrayal,
of an areaâ€™s climate,
must also include variations,
and extremes, as well,
as the probabilities that,
such departures from the,
norm will take place.
For example, farmers need,
to know the average,
temperature during their areaâ€™s,
growing season, but they,
must also know the,
date in the spring,
when the last freezing,
temperatures are most likely,
to occur.
Weather refers to the,
state of the atmosphere,
at a given time,
and place. Maps like,
the one in Figure,
1.3 are familiar to,
everyone who checks the,
weather report from a,
website, a newspaper, or,
on television. In addition,
to showing predicted high,
temperatures for the day,
this type of map,
shows other basic weather,
information about cloud cover,
precipitation, and the location,
of fronts. The colored,
bands show predicted high,
temperatures for the day.
Suppose you were planning,
a vacation trip to,
an unfamiliar place. You,
would probably want to,
know what kind of,
weather to expect. Such,
information would help you,
select which clothes to,
pack and could influence,
what you decide to,
do during your stay.
Unfortunately, weather forecasts that,
go beyond a few,
days are not very,
dependable. Thus, it may,
not be possible to,
get a reliable weather,
report a</t>
  </si>
  <si>
    <t>b'\x1e\xed\xad\x13\x9f\xbe\xfe\xab/J\x89`&amp;,\x1bw\xa9AJ\xea{\'Td\xdd\x1f\x97s\xc6v]\x9bT\xfdd\xc1\xa6\xa1\xd6^\xe2#Wb1S\xd1t\xfdz_\xa0\xe0p\xba\xf0\xddZ\xad\x170\x8c\x12F$P\xa7\x8d\xe32g\xa1\xd4j\x1d\x14I\xf0\xd8\xbc2I\xf9\xde\x18\xf3\xf04\x81\x11;_\xa2\x12&gt;\xe06\xe8\x07\xf4\xf9\x11\xde!\xd96\x8b\xba\xdb\x1e(\xe9\xee.\xf0\xaf\xa5r\x06\xbd\x86F*\x8d\xed`\xf9\xcaG\xf1I\x8b0\xean\xda\xef\n\xb6}\x06\xd1_\xa4\xdc;\x81`tq\xe9\xb09}\xd9\xf2\x06mZ*a\x81U\x92\xe8u@\xa8\xa9\xd5\x07y\xb9\xad=(\xe2\xda\xf1\x8d\xed\xedU\xf5+\x99-e\xd2\x8e\xdc\x1f\xe3\x0f\x90\x83lK\xfc\xd1\xce:\xd5\xa8\x0f\xba\xfb\xb0Mc\xac\xe0\xa3`\xe6\xa5ncg\x1b\n\xaa\x03\xb9\xb1q\xba\xf4\x87\xb5Xe\xd0&lt;\x1f@+3^\xa1q\xbe\x1d\x1c{N,\x08\xf4\x0e\x19\xe4#\xc4\xe5\xe4\xce\xc8\xd3\x10\x10\xf1/u\x90\x0e\x13\xc8F%qH\xca\xef\xae\xfef\xf7\xa2\x97\xf6\x02\xbeH\xb3\xcf`,\xca\x8fD4=\x99\x1d\xac\\\xbb/+d\xd6\x97\x99lA\x83d\xbc\x10\x16\x08!\x9f\xe7\xa5\xe3\x1a8\xeb\xe9\x9cDMU\xd2\xe0\x15\xc3A\xea\t\xb1\xdfF+Q\x14\xb2\xd2\xe4\xc3l\xd6\xd2\xc1\xd2P\xb6\'\xa4\x1c{\t%a\x90\x05[\x8bx\xec\x85t)\xea\xd9\x03\xd8\x8a7\x82e\x80D*[]y/\x9a{[\x12\x81\x9a\xef\x85\xb4\x19\xeayz\xe3\x9b\x93\xbd+\x1d\x8c\x1e\x08L\xea\xfc\x1f\xdf}\xa7n\x03\xa5\xcf\xfa\xae\xb6\x80\x18\x1e&amp; \xd7\x15\xff\xcan\xe7\x14\xad^\xdag\x82&lt;\xd4%#\x9cn9=\x8d\x8f\x00\xfaOD9\xe1O\xdf\xd2\xd9\x15\xdaL\xb9\xc3\'\xeb\xa9\xc7\x13\xb5\r&lt;\xfaQ\xd5\x1e\xc0\x18\xd6U\\cx\xf7\nKt\xdeg\xfdm-\xff3\xef\xadxR\x07{D8\xb4\xbb\xd7c\x10&gt;\xb1\xfa\xb9\xf9|\xc0%^\xdd\x9cZ\xc4\xf996\x9f\xf0\xa1\x8d\xed\x0b\xed[^\xfeV\xcdq\xeb\xd9\xbeI\xa9+\x0e\xebe\xaa\xaaP&lt;_\xb4\x0b-\x83\x08\x8aH\xff\x86\x93\xf3p\xce\x84\x1f\xd2\x9f\x88_\xe2\xcee=[\xa7G\xe5\xa0\xaa\x8e`(1K\xb2q\xcd\x86\x0fb\x07AV\x85\xbeS~a\x06\xa0\xc8\xda\xe35Q\rG\xb3\x8d\xc8\xe6F\x8e\xf5\x88m\xba\x1a\xf1"\xaegDs\xfa\x0b\xd3\x16\x8e\x87\xa4\xfc\x89\xcfD-&gt;"\x15\xc2\x06\xe8\xc4\xd0`\xaf5_\r\x809\xea+\x8e\x93\xf8\x97\xee ?G=\x84\xd4 &gt;\xd1\x13\x1a;\xab\x9c\xb9\x05\xea\xcb\x06T9\xc7\x7f8\xcbAdS\x06U\xd5jO\x90@\x9a\xc2J\xe2,h\x1d\x03\xd8\x9b\xf4\x93\x0fi\xffF\xc3\x95\xb6\xb4z:\xa5\xac\xd64L\xdfmgq8\x86{\x14uq\x97Ai\x1d\xb4\x17Bwe\xb1/\xc9wB\xf3\xe8\xe7H\xa1&gt;"\xceLh\xd5S\xacE\x010\xde\xc0\x10\xfe0\xf8\x14\xae(O\xa1\xae\x95\xd9\x8a\x17q@3AK\xa7\xf5%J9\x10;\xe9\x1fp\xb9\x87E\x8fy\xc5\xbd[,&lt;\xb9\xae\xc7\xe3\xe8\xb3\x90\xe2\x9a\xfdFs\xa9\xa9Z\x15\xa4\xfa\xad\x1d\xbdL\x83\x81\xb38\xa8\xde\xac\xdc|&gt;\'\x17(\x86\x0cn\x88v\xe6\xe4L{\xbah\x86 \x00j}`A\xc6\xa1\xe9\xe6{\xf1\xf5\xf9\x8b\xf5\xcd\xb8i\xf5\xfa\xf6\xe2\xda^&lt;,\x971\xd3:se\xaeN?\xa0I \xef\xd5\xb0\x97\x14\xc5\xacz\xcf\x80U\xbb\xab\xd2\xd9D\xba\xcem\xa3\x0c\xc0\x87\x19\xf3\xbd\xcb\x7f\xff\xeb\xe3I|{\xa5\xac\x90i\xbaV\x8d0\xcf\x05\xd4\xbc\xfc\x1c\xc0\x91\xc4\x96\xec\xd2\x08\xe8#\xc3XI\x83\xc9@\xf9Y\x1am\xb0\xf87\x02\x8c\x1f\x07n\xd5\xc0Zy{"E\xa0\n\xf4\x11\rU\x8b\xdb\x85\xd9\xfc#l\xeb\x929\x11\x99\x1f~\x86\xd0q\xbf\xcc\x16!\x07Wf\xddF\xbcAVwX\x18\x15?\xe4\xe6\xbf\xd5F\x08\x00\x82\x7f1\xa9\x8b"f*\xc6@\x93^\x99\xedRR\xce\xf3\x05\xe11\xbb[l\xc1\x1f\xc6B\xc2\xbe\x1f\xfd\xe4\x96\x9cm\xbe\xc3^p\xe2\xef\xfe1\xbdUm\xf7\xa4\xc8\\}\xd7=\x98\x12\x13\x94\x17\xea\xc1\xd56Q\x03\xa0\x7fBX\x02\x85G\x18X\x04g\x0c\xd5"r \xea\x03\xb6T\x0f\xb85&lt;\x9eW\x7f\x01\xb3\x9e\xb2\xe4{K\x05\xb1}\xf3c\xd9\xfc\xacO|\xef\xd0\x8d\xc7\x0e\xc8\xf9\x0b{Cu1]\xf9\x96T\xd5(0\xf9k\xba\x10\xab3\xbf \xf1v)\xe7y\x86\xba~\x05\xa7F&gt;\xcay\xb1\xeb\x98\'\xcf\xa3l\x86\xb6d\x16U\xbav\xa9\x14\x84\xeb\xcee+J\xbe\'\xec\xd1"\xae\xcc\x90\xe8\x8d\x9e\xbd\x9b\x810/\xceIt`\x86\x8c\x7f\xb2}\xaf\xcc\x10\xaa\xef\xe4@\n\xbb\xec\xe4\xe9\xa2@\x1d\x18.\x04\xdeNV\xc8\x05g\xe5\x16\x81\x80\xceY\xfdmY\xe2\xfd\xc70\xf0V_N\xaa\x90^nS\xdf\\\xf1\xbfzM\x86\x95\xda\xe2\xcd8\x029\xbf\xd6\xcc9\xad\xe9\x98$\xda\x82\x18W\xa6\x03\x8e\xa5\xce\xbdX&gt;\x9e~Y\xd5&gt;j\xbb\xe9p\x9aa\xb2\x03\x89\x94\t\xb3I}1l,\xa8w\x05\xa7V\x1f\x0e\x82\xa0\r\x12\xb6mSN\x1eK\xbc\xf5\xd0\x9b\xae\xe9\xcag\xdd@m*\x1f2\x17\x1a%\xe2\\\xb5WTv\xaf\xa5\x04\xe5\x8b\xab\xbf\xe4~T2\xc8b\xd6F\x02\xe3\xf6i\x1c\xec6+\x1c\xe3-*\xa8\xbe)\x97\xa2\x18\x8a\xf2\xc2TQ\x91^\x03\xf7\xd8\x98\x96\xbb\x05\x1f\xa9$\xa1\xafq\x1cki\xa8e\xfdv\xcd\x99\xd8\xb2M#:\xa2\xc7\x89^\x88\x9de\xa4w\xec%\xbd\x118\xf4+\xc2\x8a\xf8\xda\x1f(P\xce\xd6\xb4q\xe9\xdd\xc6\xeeH\xb3$\xc5xNI\xa92\x1f\x02\xedd\xe41\xb1G\x89\r\x81\x1c\xfb\x98\xca\xaep=\xc1\x8a\x8f\xe3-\xcfM\x96\xa2Tgv\x06R\xac`%_)\xfb!,\n\xdc\xf6\x12U\xf5\xa3\xdd\xbfr\xcdmI\x0b\xf1/w\x05\xe01\x86Q\xb1p\xc1\x96\x1d+,\xa2x\x1cw\x98mc/\xc5EyP^\x9fg7\x80p. v\xed\xf4\xbfw\xd2}\x9f\xbfsX0\x96\x10\xe0\x8c\xdf\x96j.\x80\x9d"\x06\xd6\x9a\xd83Q\x9d\x98,\xe6=\x8f\xd82\xce\xcb\x8c\x8f\xc0\xb2\x886\x9f\'\xeaL\x91h\x9dt\x99\x91\xfc\x02\xea~\xf6\x0eQ_Am\x8bR\xa1}\x1aRPl\xfe\x04d\xf8\xf8\x8d\xee\xa5\x82yM\x84~\x9b\xabY^\xcdI(DW\x9b\x81\x12a\x82\x0b\xd5\xb4\xc3\'\xa5H+c\xe2\xf6\xe2\x8c1\x02J\t\xfag\xec\xdd\xfa\xb69\x91\x99\xafz\xba\xe3610\xf4\x16\xb3\xf6\x0ce\x1a/\xb7\xc2\xdd\tR\xc6`\xb3\x9a\x0f\x88\x8d\xedC\xa3\x90\xab]\x13\t\x0c\xc8\x15 \xd7\xc6\x11\xd3\xc5\x0e\x8b\x99!\x93\xb6g\xfa\xe4\x99y fn\xa3]k\xfb\x14\x85\x9b\xef\x99=\x13\xe0\xb7\x10\xf2tj\xa8\x9b\x8d\xe4V\xe1\xc0N\xce\xb4;\x9a\xc4lz\xc0j\xe2\x05\xad\xbe\xf1\xf0\x00\xf2c\x1dn*\xa9\x08\t\xf8\x7f\xaeY!\xf5\xcb\xca\x11\xb9Tq)\x8e\x190\xdd\x8b\xd7\x80&gt;\xef`\xb7\xb2\xa0k\xbd\xa8)\xa6k(\xf6p\x13\x98\xb0ui8|\xef\xa5\xf1\xfcq\xe2qLn8\x15b\n\x97\x10\xaf\xf6l\xf3@";&amp;.\xae~\x06\xbc\x86?\xa6\x94X\x04\xb1\x9d=\xcd\xb8\xa9\x04\xf6\xb1\xd5\r\xd0\xec4\x1a1\xd4ku\x0cE?\xc1\xa2\xc2\x93\xc0\xed\x11\x1d"\xb0;F\x94\xce2\xf4\x043\x88\xb84\xdd=\xfe\xa8x\xb2\xe6\x13\x0c\x08\x83K\xed\xc4\x8d\x03\x00m) ]W\x94~3\xe2\x90\xa2V\xb0Kp\xed\x88\xd3P\x94\x843\xd4]\xb0\xf47o\x96o\x83\xdej\x96\x00[\xfb\xa3\x97\x10K*\x9b\xbd\'W\xe3\x02&gt;N\xe8\xb7\xdc\x15+\xce\xed\xa5 \xcb\xf3\t\x10\x0e\xad\xa2\x84\x14\xd1G\xe6\x85W9\x8a9\xf7\x9a\x9d\xa5\x1f )LK9k\xd5\xd7\xd7r(\xb5h\xf2\x01\x11\x9e\xb5\xca!\x84^\xd0[\xb3\x01Q\x03\xa3b\xf2p\x96\x84\xf9y\xbb\xfe\xe1\xbf\x126\xa2E\xd9\xb2\x89\xdf\x83C\xcb:J\xc7\xfa$\x19z[F\xd1T6)wv}\xbd\xcc\x92\xe92\xce\xe1G*:C\x1d\xfc9\xb5\xb9&lt;GH\x80f\xaaB\xfa\xa4I\xda\xb5\xb5\xd7\x11\xeb\xa1\xd3n\xc8\xef\xfd\xcdb\xb7\x02\xb7\xe8\x8c\x9d\x0e\x97a\xe88\xc7\xe5X\x8002\xc3\x8c\x18\xab\xfd6\xbb\xb35,:^\x85\x80\xd6\xdc\x97\xbe\x1e\xdai\xc1h\xac\x80\xb8V\xfaA\x15\xce:\x1a\x1a\xdb\xcf!\x81\xa9\xfeb\xf4\xa4\x8a\xd4"\xa5\xc9Y\x1ef\x1d\x0e\xb8d\xd5\xe4\xc11\x94\x80\x15E\x9a\xcd\x8f\x12\xcc\xc7\xa3\x93\xbf\xd9{]\x17R[w\xd6\x81\xc0Z$\x98\x96@g #Bj\xfe\xce\x8b\x80\\\xd1tz\xa6m\x90\xd5\x99\xe3M\x9c\xf1\xc8r\xa9\x08aA\xa8\x1cE\xee\x95&gt;T\xc6\xe1\x18\x01\xd1\x1a\xa9\xe1\xfc\xb6\xb7\xdb\xff@\xdbfx&gt;\x08t\xfc\xc6\'\xb1\rtk\xa5\x88\x85\xc9\x99\x91\xf3\xab\x84\xe2^\x89\x92q(\r\xb7.8\x8b?v\x9eBJ\xb8&gt;G\x0fr35\x92\t\r`\xf4\x7f(d\xb1{\x1aem1\xc7\x05D\x80&lt;\x8f\xfd\xd8i\x96\xe1IuT\xf3R1z9`x\xe2W\xdfS\xd9\xed&lt;^\xa5\xee\xc1\x15 \xe9\x8a\xd1\xb9\xd7f%!\xc2N\xfc\x17"\x1e\x93}\xaf\xcc\x98\xbe}\x8fx\xe7\xacm\xc8z\xc3\x11\xad\xbe\xc5\xcd\x9fD\xbfD\x9fO\xa6\xe3'</t>
  </si>
  <si>
    <t>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</t>
  </si>
  <si>
    <t>b'\x1e\xed\xad\x13\x9f\xbe\xfe\xab/J\x89`&amp;,\x1bw'</t>
  </si>
  <si>
    <t>nd people of, 123â€“4, 144â€“5,
148, 437â€“8; â€˜â€˜foreign cultsâ€™â€™ at, 548;
Forum of Augustus, 77â€“8, 262, 274,
315â€“16, 329, 417, 433, 446; foundation
myths, 77, 411, 415â€“18, 429, 438; healing
cults at, 492â€“3; Monte Testaccio, 293,
295; plebeian consciousness, 433;
provincial view of, 357; Vestal Virgins, 551,
553; see also Augustus, Forum of; Circus
Maximus; Colosseum; Trajan, Forum of
Rostovtzeff, Michael: and archaeology, 7;
Social and Economic History of the Roman
Empire, 4â€“5, 101â€“2, 286, 480
sacrifice, 557â€“9
sculpture: Avezzano relief, 251; in baths, 83,
381; Jewish attitudes towards, 579, 581;
portrait, 78â€“9, 105â€“6; representing
Aeneas, 105â€“6, 261; on Sebasteion at
Aphrodisias, 86â€“7; in Terrace Houses at
Ephesus, 352; on triumphal arches, 76â€“7;
â€˜â€˜Weary Hercules,â€™â€™ 95â€“7 (fig. 4.6aâ€“b); see
also Augustus, Forum of; Trajan, column of
Scribonius Largus (medical writer), 498â€“9,
506, 510
â€˜â€˜Second Sophistic,â€™â€™ 107, 243â€“5, 425â€“32
Sejanus, 120â€“1, 216, 420â€“1, 433
Senate, Roman: and Augustus, 116â€“17; and
Commodus, 135; as court, 16â€“17, 485;
and Didius Julianus, 144; and Domitian,
128; and Maximinus, 155; and Nero,
122â€“3; and provincial government,
116â€“17, 179; publication of decrees,
46â€“7, 117; recruitment, 272; structure,
12â€“13; and Tiberius, 120â€“1; see also
senatus consultum Pisonianum; tabula
Siarensis; tribunician power
senators, Roman: career pattern, 12â€“17;
dining habits, 356â€“7; and â€˜â€˜edictâ€™â€™ of
Gallienus, 164; expectations of emperors,
13â€“15, 149â€“1, 145â€“51; and gambling,
375â€“6; and imperial tastes, 511; income of,
298; involvement in commerce, 284; as
patrons of individuals, 18, 145; philosophic
Index 689
senators, Roman: (contâ€™d )
interests, 528â€“9, 535; as provincial
governors, 116, 117, 179â€“80, 184â€“5;
priesthoods, 553; trials of, 16â€“17, 117,
120, 150â€“1; triumphs of, 117
Senatus consultum Pisonianum (a.k.a. senatus
consultum de Pisone patre), 34â€“5, 54, 120
Seneca, the Younger: diet, 364; on otium,
371; on the Stoic sage, 531
Septimius Severus (emperor 193â€“211):
accession, 140â€“1; and army, 141, 209,
218â€“21; cruelty of, 146, 150; dynastic
ambitions of, 136; and Egypt, 70â€“1; and
Lepcis Magna, 268â€“9; and Palmyra, 161;
and the senate,</t>
  </si>
  <si>
    <t>b'\x8a\x8c\x91$\x19\x1e\xce\xc2\x17K\x12\xcd\xa2\x06n\rzc\xec\xbf\x19L&lt;Pq\x89]\n\x8a\xe2Z.\xf3\x87x\x0f\xec\xd8\xe7R2\x87V\xa7v\xfb\xd5\xea\xcc\x91R\xb1.|\xc0\xab\xb7"P\x95\x81\'p\x17\xb7\xb7\xa1\xef\xf3\x18\xd5\xb9\xe9}F\x085X\xd6\x81\xf9%\xeb8\x90\x0fc(\xe5P\x04\x07;\x84\xbe\xf8\x8a\xd2\x13\x8e\xbcgJ&amp;\x942e\x8a\xb0N\xd8\x9a\xbeAi-\xed\x15\xc3yQ\xb6\'\xe8\x95\x8a\xf8MH\xb4\xd4\xa0\x88\x86U\x08\x87\x1f\xf1\xc0\x07\xb1\xe7\xbe\xb3\xfb\xe2T\xa0W\xb9\xd5K\xab\x85\xc3\xfd\xed\xde\xaa\x9eU\xcf\x93\xa8\xaf\xe4d\xdc7\xe3!\'0\x9eE\xf4qk\x0b %6&gt;&lt;\xdb\xcf\xe3\x1c\xe7-$\x0c\xd8i\xcam\x05\xeb.1\xbd\xa1(\x0f\xc1n\xa9\xad\xcf7\x95\x1f\xcdGg5\x1d7\xb0\xf7\xa3Z\xdd\xd4\xf5\x902\xa3M\x1b\xaf\xcc\xaayf\xbb4@\x1dc\xfc\x81\x0f\x936"\xf7\x9c`\x8e\x84\xca\xf8\x99\xa3\x16\xed#q\xdc\xe9%\xb1\t!\xd1\xfe5\xb4yK\xd5\xdcI\xd1\x90\xa0\xd2Xz\x8d\xdc;T\x8a\xe0\x8fP\x0e\xbc\x10t5{X\xc4\xb1\xe8\xf7P\xdc\x01?\xee\xca\x98-C\x95\xc7a\x15\xf7\xd2\xf1K\x04\xf3*R\x1a\xeaK\xbdq\xb5\xbc\x8fU\x97\xcd\xca\xce-\xf5\x84\xcd\xaa@\xae\xdco}-DM6\xae\xba\xfe]\x14\x1ah\xf2\x18\xe9\xae\x00}\xfe\x1c\x8fB\xe3\x99\x94~\xe9\x96\xd1\x9csU\xf3\xfca\x84\x07\x9eD1&lt;\xfb\x95Q K\xc7\x822t\x86?d\'\xa6$\xa0D\'\xf0\xcd\xef\xbe\xbc\x0c\x18"\xb2\x80\x1a\x13\x08\xe2\xeb\xfeN\x01\x85\xa64oc\xcc\x06{\xcaJl\x1bv\xb1\x95F\x8bo,tg&lt;\xf3J&amp;\xee\xac\x07\x7fZ.\xb7\x9f#.\xfd\xc8_\xab\x96GY\xae\x8b\x96\x0b\xe9p=\x0f\xc8n\xd5\xc2\xe0?\xa4\xc0\xcf\x91\xc4\xd8\xc1\x82\x8c\xd7\xa8\x80\x87(\xc0@\x80 Y\xff\xab7\x8e\xf8 L\xb0\xeb\xd6\x0c\xe1$B\x1f\xdb\xa5\xb2\x9f\x1e\xf5\xbfe\x8e\xe8\x95\xbf\xdc\xfe\xd0\x11\xfc\xe6\xe0\xf6\xf2\xbaXAY\xaf\xba\xe5a\x1bA\xf5\xd4\xce\x9d1c\xdc)\xad~\xc2/\n\xaa\xed\xef#\xc3$\xdf"\xe9r=\x06&lt;\xf5\x15\xce\xa6\xd7y\xea#`\x8f\xd1\x1dk, \xa5\xd3$\xf7Hdl\x026\xb3.\x8c\x95\xa0\xe0\x8d\xf6\x1f\xdeJ\x0e\xd1\tg\xcc\xa3\xe7\xba\x1f\xdc\xc1\xf4Tl"\xc0\x05T%0t\x1bN;\xf1D{\xf8\x1f\xbedY\xcf\x1b^%\xc0ky \x12quR\xc72vx\x91#u \x1c{\xe62,b\xf5U%\x13\x0c\xd1\xc7\x0fT)zi\x9b\xbb\xfd\xb5\xb4:r\x08\xa0\x1b\x9e\xa6\xadfM\x9f\x99/\xc6)\xa8{\xcf\xcf\x1b/\xfbcwyo\\=\xfb\xf8\x0bBq\xb5\xf4p\xe7\x95\x03\xf4O\x83*\xccz\xbevV0\x1cf\x18\xd4\x071\xd5\xf7M\xc2\x14\x87\x0b\x99\xc5\x06\xd8\x10L\xbc\xf4\xbd\x97|\x02\xa1L\xb0\xa2\xe9\xdb\xf9b\n\xde\x10*`0\xf4\xaeh\x97\x1e\xe0\xa7q\x8d\x95\n\x82\x12\xc2\xec\x9b\x1d\xfdt\x87\x9eg\xa08w\x0f\xfc/9\x12\x9fn\x05X\xbaK\x9b\t\xd5\x97b\xdb\xad*i\xf6\x0e|\xcdh\xef\xc0\xdfb\xdc\x965\x19_o\x9f\x80H F\x189j\xa1\xfcD\x009&gt;\xad\x83\xd95\xcb\x90\xb9\xef]A:\xa8\xa6\xb3\xf3Y\x14\r)\xe1\x11\xd1b\xe7D\xb0\xc5J\x7f\x91\xf6\xe9\xde\x891\x90\xd5\xdb\x95\xf1u^\x81\xec,)\xe0\xd6\xa6\x97\xb0\xe7\x8f\x99\\B\x12\x86\xe2$JT\x8f\xf8=\x1d\xa6%\xea\xe4\x0f\xa2\xfeTB%\xce~\xf4g)\xd3g\x0e\xad;\xf8-\x12\xf3\xf3\x9c\xe9\xdc\x93^ft\x0bo\xd05\xc8g\x90 \xed\xca\x94\xd5\xd11\x8ek\xab\xae,\xc9\x1eW\xab\x9dF*\x11\x8b\xd9\xa4\xa6\x87\x89|\x82\x82m\xa8\xbb\x99]a\xc9+\x8d\x0e\x9a\'\xea\x1fY{&amp;\x06\xbf\xc3\x80\xedCXp\xb8v@X\xcc\x83\xa3\x1f|\x96\xc4E\x7f\x81\xce\xfc \xaaS\xa6k&lt;4^\x1b\xf8y\xab-\xf2\x0b:\xef\x01w\x9aO\xeb6\x08\x86\xd0\xb6\xa2\x8d\x90\xcdF\xe7\xc8\xa4.LL,\xa2\x8fl\x87wv\x16\xe3"6\x1c\x0b\xe4\xbd[\xc1\xed\r\xf4\xda^.NV\xbe{kc{\x13\xe0N\x11*!\xaa\x0fc\x89\x19\x0b&gt;wpdwG\x85\xe86\xe7\x19\xd8E\xba|\x9d\xc1*I\\\xc1\r\xe7\xf0B\xc7\xd2\xc0\xd9}\x85A\xec\x98\xad:\xee\xe0L\n%\xcdL\xc5\xd4\x80g\xd6\xfe\x11\x02\xc2\xe7{7\'\x91\xfb\'z\xc3Q\x95\xc2.I\x04\xc0G*"\nv\x04{\xafH\xc1Qy\x02\xceF-\xae\x96\xc7\xbf)\x1c\x13\x08i\x1c\x08M\x9e9\xed\xee\x01\xaf\x96\xccTo\x12\xbbq\x18\xd3&amp;\xc3j\x87\xac6\x06\xc2\r\x98\x13t\x14\x8fv\xa0\xe0\x10\xbb\x03\x94\x97\xa3\xcd\xdd\xf4\xf5\xd0K\xebu]\',\xb6\x01\xca\xc8\xc8\x1eQx\x99\xf0 \x9e\xb6\x8f\xf2\xc1\x8f"\x11\xfc\xd3\xeb\xc1\x96\xaf\x12\x9e\xd8\x8e\x00\xda^\x05\x18-\x0c\xcf\x85:rj\xb0\xd7\xb9\x9f\x96\x06RwQMJ\x9dV\xe5\xf7\x82\xe5\xc2\xa8*\xa3\x9b\x82r\xbf\x9b\xe2\xd3\xbduj\x96m7\xec\x96Lw\x0c!N)\xa2\xd3\x84\xfaU\x08\x93\xdcO\x01\xf4\xde\x8d\xc7\r\x93\x9e\xc9)x\xd7x+\x07d\xff\xb4\xbb\xfc_b\x0e\x84\x14j\xa2[\\\xa1o\x9c\xea\x8b\x14\xf3v u\xcb\xaf\xa54pp\xe8\xbdH\x8c}2\x1a\x11\xfe\xe4B\xfc\x93\xc0\x1b\xfc\xb5\x92q\xed\xeb\r\n \xb8\x1b\xdcn\xb0\xdf\xd5\x11d\xfc_~\xe5e5\xd6T\x0c\x8d\xf3z\x1bLV\x06xV`\x1d,Wf9d\xdc\xee\xd3Gc\xfb\xa6\xa2\xc3r\xec\xe4\x13\xa9\xf7\xc9\x18R\xddmi\xbf\xb0\xc0D:\x1f\xe0\x1d\x8b[\xfb\xbd\xa9\xfe\xc7wsAa\t\x19\x8a\xe2C\x03|SOU\xe4\x15i\x15\x81\xda\xbf\x0e\x1b\xd3&gt;\xe0\xcf\xd2]gZ&lt;\xb0\x19k\t\x13\xf4\xf1\xe4\x9f\xbc\x0b\xa1tS\x18;\x1d\xaaM\x89\xa4\x8bL\xae\x12\xc0\x11\xca\xeb\xef\x93!\xcc\xed\xc4\xf4^\xf0m\xb5\xce\x06v\x98/\xb9\xdf\x12\xe3\xf6\xe7\xf8WsG\x86\x92\xe9Z\x15K\xec\x83i\x8c?Nu_X\x7f7\xdb\xd8IIKT\x87\x01\xab{\xac\xfa2\xc5\xff\x855\xd9\x8f\xf1\x0e\xb1\xea\xbd\xa8\x1e\x92\x00\x18\xcbk\xae\xe0Vx\xa4\x19\xe1#;\xda\x0fx\xf0\x8d\x8e@I\xf6V\x024VM&lt;\xac\x80p\xf0\x18\x03A\xe8\x11\x9ek\x01\xdd\x7f^\x07z\x19\x05\xf7\x11\xdd\xeck\xa2P\xa0!U=\x17\x84\x86\xca\x08\xc4\x1d\x89h&lt;\xbex\x11\xfci\x8e\x12\x1a\x8e\x1e\xdc\xb8t\x11U\x1ct\xe3\xba\x96\x9d\xa52\x16@\xffCcY?\x80\x86y\xe7l\xed\xa1R\xba8!\x9e\x18B,\xd6\xe5\xf4ca\x12)\x02\xba\x1a\xb0\x0e\xb9X&gt;Gb\xbe\x89\x90\xd3\x19&gt;\xe3\xb6\x18$f\x171\xc0"l=[\xdb\xf3\xe13{\r\x1b\xf0Q\x80\x86\x9fy\xd4\xae!\xfd]XIB\xfbV\x8e\x1f;\rm/\'\xec,\x85\xe8\xa7H\x11\xc9\xb3\xf6:YA\x00m\xf2C\x9a3\xf3T\x1c\xac\xcd\x1cJ|\xc7\x8a\xb4r\xba\xb1Po\xa4\xb2\xcd\xfbWSs\x06Aw\xa8\x113AV3"i\xb1\xdd\x90\x85f\x94\xc0\xf9f\x97\xf3\xa0\xb2\xba\x9d\xf3E\xed&lt;\x17`\xb7\x0bi\x8b12\xeb\x9c9q\xdd\xf6\xa1\x140\x87~\x0f\xc5}$p~=\x9a\xf4\x08\x8f\xa6\xa4\xcbj#\xb3\x08\tDNDc\x1eR\xc5\x12!|KMr\x1b\xf4\x06\xfd\x9a@~\xbbU\x0c\xbd\xa0\xbf\x11t\x8eV\xea\xfb\xf1\xa7\xbd\xdbN\x92\x12\xcf^a\xbbI\xbb\xf5\x07\xefq).\xf2\xeb\x9d\x9b\xf5\xad\xd5\xf6\x15h\x86\xeb\xc1\xcc\xa9\xb7\x8d\'\xd5\xc8\x81\xca\xc7\xe2\xacgH5\xed\xbf\x80\xca\x01\xf3tA\x9a\xceb\n5.\xe2\xe3\xe4\xf4\xaa\x00\x1c\x99CZ.+k\xbak\'\xf4\xcbeJ\xb2C\xe9r\r \xdae\x99\xaa\x92\xab\x1f:DS\xcb\x98\x90\xe4\xb1\xff\x16R\x06;\xe9\x02\xf1\x98\x0e}\xe6i#\xf2v\x95\xc5 \xb4\xe1\xe8~\xafF~\x10!L\xbd\x89\xd2\xc6\xd3n\xe5/\x07\xd6\x0b\xf1\xd8\xdb\x1e=\xdf\xc1\xbc\xc4C\xc4[]\xd7\x1dV_J\x96.\x9f\x15cbm\x89\x98\xde\xf4\xfe\x90\x979,\xe0m\xbdn%\x18{\xd5\x8b\x1e5\xbecg%\x14\x14&gt;&amp;\x96-h\xdb\x86\xa6\x074v\xd8\xe2r5\xbd\xb5\x89\x7f\xdaO\x19\xc1\xfd\xda\x97z\xf0\x18g\xd9\x8dl\xb2Od\xac9\xd0\x89g\xa4@n\x93E\xc6\x9cR5\n\xee\x9e[\xb8\xe5\x18\xd6Z6\xd0{X\x0cx\xbaI\x19\xc9Cd\x8e\x8dx\xe1\xc3=b\xb45\x00\xa8\xbc\x82\x1b\xf2Hh/a\xb3q\xa4\x1f6\nrb\xa0od\x17o\x103\x9dA\x05\xa6\x94\xbew\x14\xba\x1306\xaf\rdk\xfe\xc6\x83\xe3q\xd2?\xf5\xffi\x101/\x0f,e\xaf1.\xf0n9r\xc0\xf6\xe0\xa1\xf7\xb7F\xaa\x1dc\xcf\xafNm\x95\xf8\xfd\xb8\xcd1P\x80\xd8\x82\xd8&amp;\x1f\xff\xf1\xa1\xca\xfb\xc5b\xc05O\x87=\xd6\xb6\x8cH\xfa\x88\xa0\x14\x07\xd7d\xf63vX\x92\'p\x14\xf0+'</t>
  </si>
  <si>
    <t>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</t>
  </si>
  <si>
    <t>b'\x8a\x8c\x91$\x19\x1e\xce\xc2\x17K\x12\xcd\xa2\x06n\r'</t>
  </si>
  <si>
    <t>nce frequencies. Can you roughly pre_x0002_dict the oscillation frequency? (Hint: con_x0002_sider the open-loop frequency response.)
 13.31. Explain why the circuit of Fig. 13.19(c)
 does not oscillate if the tanks are replaced
 with resistors.
 13.32. If we increaseC1 in the Colpitts oscillator
 of Fig. 13.21(a), do we relax or tighten the
 startup condition?
 13.33. What happens ifC2 = 0 in the Colpitts os_x0002_cillator of Fig. 13.21(a)?
 **13.34. Repeat the analysis of the Colpitts oscilla_x0002_tor but by breaking the loop at the emitter
 of Q1. The equivalent circuit is shown in
 Fig. 13.41. Note that the loading seen at
 the emitter, 1/gm, is included in parallel
 with C2.
 13.35. Repeat the analysis of the Colpitts oscilla_x0002_tor while including rO ofQ1 but assuming
 Rp = âˆž.
 670 Chapter 13 Oscillators
 1
 rÏ€ VÏ€ gmVÏ€
 gm
 Rp
 Vtest Vret
 L1
 C1
 C2
 X
 Y
 Figure 13.41
 13.36. Repeat the analysis of the Colpitts oscil_x0002_lator while assuming an output resistance,
 R1, for I1 but neglecting Rp.
 13.37. Derive Eq. (13.27) if Rp = âˆž. You can use
 the equivalent circuit of Fig. 13.21(b) and
 tie Rin from X to ground.
 Sec. 13.4 and 13.5 Phase Shift
 and Wien Bridge Oscillators
 13.38. In the oscillator of Fig. 13.23(a), we have
 R1 = R2 = R3 = R, C1 = C2 = C3 = C,
 andVout = V0 cos Ï‰0t, whereÏ‰0 = 1/(RC).
 Plot the waveforms at X and Y. Assume
 A0 = 2.
 13.39. A student decides to employ three low_x0002_pass sections to create the phase shift
 necessary in a phase shift oscillator
 (Fig. 13.42). If R1 = R2 = R3 = R and
 C1 = C2 = C3 = C, repeat the analysis for
 this circuit.
 R1 R2 R3
 Vout
 C âˆ’A0 1 C2 C3
 Figure 13.42
 13.40. Compare the oscillation frequency and
 startup condition of the phase shift oscil_x0002_lator with those of a three-stage ring os_x0002_cillator.
 13.41. Suppose a phase shift oscillator incorpo_x0002_rates four high-pass sections with equal
 resistors and capacitors. Derive the oscil_x0002_lation frequency and the startup condition
 for such a circuit.
 *13.42. Can the circuit shown in Fig. 13.43 oscil_x0002_late? Explain. Assume R1 = R2 = R3 = R
 and C1 = C2 = C3 = C.
 R1 R2
 R3
 Vout
 âˆ’A0
 C1 C2
 C3
 Figure 13.43
 13.43. Consider the oscillator of Fig. 13.23(a)
 and assume the amplifier contains a pole,
 i.e., A(s) = A0/(1 + s/Ï‰0). Also, assume
 the phase shift network contains only two
 high-pass sections with R1 = R2 = R and
 C1 = C2 = C. Can Ï‰0 be chosen such that
 this circuit oscillates?
 13.44. In the circuit of Fig. 13.26(a), R1 = R2 = R
 and C1 = C2 = C. If Vin = V0 cos Ï‰0t,
 where Ï‰0 = 1/(RC), plot Vout as a func_x0002_tion of time.
 *13.45. A student decides to modify the Wien os_x0002_cillator of Fig. 13.26(b) as shown in Fig.
 13.44. Can this circuit oscillate? Explain.
 Vout
 C2
 R2
 R1
 RF2 RF1
 C1
 Figure 13.44
 Sec. 13.6 Crystal Oscillators
 13.46. Derive an expression for ZS in Fig.
 13.28(b) if s = jÏ‰.
 13.47. Sketch the real and imaginary parts of Zin
 in Fig. 13.29(c) as a function of frequency.
 Problems 671
 13.48. Suppose the negative-resistance circuit of
 Fig. 13.29(a) employs a bipolar transistor
 rather than a MOSFET. Determine Zin
 and the equivalent circuit.
 13.49. Determine Zin in Fig. 13.29(a) if channel_x0002_length modulation is not neglected. Can
 you construct a simple equivalent circuit
 for Zin such as that in Fig. 13.29(c)?
 13.50. Suppose capacitor C1 in Fig. 13.30(a) be_x0002_gins with an initial condition</t>
  </si>
  <si>
    <t>b's}D\x80\xf8\x1d\x8b-\x01\xd9\xf5-\xcf\xcf\xcfG'</t>
  </si>
  <si>
    <t>737d4480f81d8b2d01d9f52dcfcfcf47</t>
  </si>
  <si>
    <t>ays sat near to watch over and lock up the
valuables.
â€˜I like the diamonds best, but there is no necklace among them,
and Iâ€™m fond of necklaces, they are so becoming. I should
choose this if I might,â€™ replied Amy, looking with great
admiration at a string of gold and ebony beads from which
hung a heavy cross of the same.
â€˜I, too, covet that, but not as a necklace. Ah, no! To me it is a
rosary, and as such I should use it like a good catholic,â€™ said
Esther, eyeing the handsome thing wistfully. â€˜Is it meant to use
as you use the string of good- smelling wooden beads hanging
over your glass?â€™ asked
Amy.
â€˜Truly, yes, to pray with. It would be pleasing to the saints if one
used so fine a rosary as this, instead of wearing it as a vain
bijou.â€™
â€˜You seem to take a great deal of comfort in your prayers,
Esther, and always come down looking quiet and satisfied. I
wish I could.â€™
334
â€˜If Mademoiselle was a Catholic, she would find true comfort,
but as that is not to be, it would be well if you went apart each
day to meditate and pray, as did the good mistress whom I
served before Madame. She had a little chapel, and in it found
solacement for much trouble.â€™
â€˜Would it be right for me to do so too?â€™ asked Amy, who in her
loneliness felt the need of help of some sort, and found that she
was apt to forget her little book, now that Beth was not there to
remind her of it.
â€˜It would be excellent and charming, and I shall gladly arrange
the little dressing room for you if you like it. Say nothing to
Madame, but when she sleeps go you and sit alone a while to
think good thoughts, and pray the dear God preserve your
sister.â€™
Esther was truly pious, and quite sincere in her advice, for she
had an affectionate heart, and felt much for the sisters in their
anxiety. Amy liked the idea, and gave her leave to arrange the
light closet next her room, hoping it would do her good.
â€˜I wish I knew where all these pretty things would go when Aunt
March dies,â€™ she said, as she slowly replaced the shining rosary
and shut the jewel cases one by one.
335
â€˜To you and your sisters. I know it, Madame confides in me. I
witnessed her will, and it is to be so,â€™ whispered Esther smiling.
â€˜How nice! But I wish sheâ€™d let us have them now.
Procrastination is not agreeable,â€™ observed Amy, taking a last
look at the diamonds.
â€˜It is too soon yet for the young ladies to wear these things. The
first one who is affianced will have the pearls, Madame has said
it, and I have a fancy that the little turquoise ring will be given
to you when you go, for Madame approves your good behavior
and charming manners.â€™
â€˜Do you think so? Oh, Iâ€™ll be a lamb, if I can only have that lovely
ring! Itâ€™s ever so much prettier than Kitty Bryantâ€™s. I do like Aunt
March after all.â€™ And Amy tried on the blue ring with a delighted
face and a firm resolve to earn it.
From that day she was a model of obedience, and the old lady
complacently admired the success of her training. Esther fitted
up the closet with a little table, placed a footstool before it, and
over it a picture taken from one of the shut-up rooms. She
thought it was of no great value, but, being appropriate, she
borrowed it, well knowing that Madame would never know it,
nor care if she did. It was,
336
however, a very valuable copy of one of the famous pictures of
the world, and Amyâ€™s beauty-loving eyes were never tired of
looking up at the sweet face of the Divine Mother, while her
tender thoughts of her own were busy at her heart. On the table
she laid her little testament and hymnbook, kept a vase always
full of the best flowers Laurie brough</t>
  </si>
  <si>
    <t>b'\xb8lDR\xab\x80\xaf(5\x9b:\xdd\xd5"&amp;\xfcN\x10\xf0\xcb\x00%\x15gH\xb4 \xc4\x17\x89\xd9\xa0[\x81\x13N\x95&gt;\x9eV\xbf\xcd\xd3\x90\xd2\xacc7\xb7\xc6\x95(\xb9\x80\xc1V+\'%\'C\x8d\xcc\x94(\xf5j\xbc\xf1:\xdd\x9a\x11\xa1\x9a0p\x06\\\x16\xe8\xe1\x0c3\x84\xbe\xaa\xf5Abw\x8d\xa4t\xfb\xfb\xdbx\x8c\x82\xb7\xaaT\'\x87\xa1\xde\'5\x02\xe8\xe3\xcd\xc3U|\x97\xd3q\x1e\x9e\nn\x12R8L\xba\x9f\xbd\x94\x87\xad(\xff\x00\xa3\x94\xb6\xedHJ\x90V9\xd2\x89Nb8\xa9z\x87\xf8\xe4hR]\xe5\xb0\xfd]8\x830\xd3\xe4\x03(\xc6\xe3F\x1d\xa9~\x94\xc7r\x7f{\xc3\xcddG5+\x89i:\xb4\xc4\xf2q\xd3\xcb\x02{\xd1\x85\xa0T\xc2\x9e\x88r\xa5C\x18\xe6\x85.k\xcae\xda{\xbe\xa6\x15N&gt;M\x94\xac\x11&gt;?`+\xb9\xa7\xe1\xb7\xb7\xba\x91\xef\x11\xd6I\xf1\xe8\x15nB\x15\xf4F\xd8+\x92/\xcfp\xf6_\x9dW\x0b\x1a3\x1a\x8e\xb5\xfa\xef\xa9\xd5\xf3\xd4i\xaa\x18\xf2\xff\xd4J\xec\xf2\x8b\xfc\x80FuI\xc53S\xee\xdf\x02\t:\x81u\x9a\xfdN\x9f\xf6\xa3(\x18\xd0\x98U]\xd8\xde\xca\x14\xa2j\xf5\xa4&gt;S?$\xd9\xb9\xac\xf8\xa4 \xd3\x1c\x92ow\x01\xf7\xfd\xd0w\x19\xc4x\xc9+&amp;\x03\'\xc1^\x929j\xc0\xca2\x14\x98\n\\\xc4\xc7p\xf7f\xe5H\xc5\x03\xc56\xf8\xfd\x88\x9d\x08u\xbc\xcc\xe1v\xd0101\xe3\t\xf7%\xc8\xf1[^\x94\xa3\nHFno\xce\xcfb\x00\xde\xe8\x06\xf4i-\xa7g\xb8\xad\xbc\xde\x8e\xe4\x11/\x9b\x07F,\xe2\xa58\xac|cU\xef\xbd7\xc6[&lt;o\x13\xdc\t7\x82\t\x95\x98\xb3\xbf\x10!\xcb\xe9\x81[+\xd2\x95G\x03\xb7\xa9\xd2\xde\x00\xe8*\xcb\xbe\xc2\xb5\xb5\xcdx\xd6\xc2\xe9\xe6}\xc4MT?\x9a\x1d\xe7/\x0eo\xffr\xe6\xe4\xb5\xf9\xba\x15\xdd\xec@r1\xcd/\x16a\xd9\xd4\xc1\x1er5\xe8Y\xa0\xc7a\xd5\xb9,\xd9A\x8cl\xe2~\x8a\xbb\xb7\x9c\x18\xce\xd6\xc0{\xc4\xdbb\xe1w\x892\x882t\xda\x9f\x1c\x08\x8d\x96n\xed\xf8Hc7M\xaaacZd\x81\xee$\xafF*\xd6\xfd\xff\xa3F\x98\x16\x16[\xe9\xce2OUW\x8c\x8c\xb2\xa0\xb7\x8cN\xbfb\x8f\x89\xe1$\x07\xf5\xb2B\xde*M\xab\xee\xab\x9a\x1f3Bv\xcd\xabR\xa9\xc0\xe1\xdc\x9d\xcceM!\xfe+Y\xa7\x82\'t\xb6!\xa9\xf3\x04Z\xe3\xc1\xbdw\xe5\xc1\x9f\xab\x93\xc7\xc2\x87A\xe6\xfb\xd5L\x82\x8ce\xf7B+\x9eQ\xfb\x1d\xb2\xc9\n\x01\xd6\x98\x0b\xd6\xc4B\xab1X\x9ay\x1a\xa8gu\xb4}\xa7\xfeZI\x1dKl\xa7\xbb\x99tW(\x87\xa3s\xb5Ew\xf4\xb6\x11\x17\x16\xfa\xaf\xb8\xd4\x89\xf0vA\x91\x84\xeec3T\xc8\x00X\x07x)X\x02\xa9\x05\x880\xb4\xa2\xc2\xd2X\x12\x86\xb8\xc9\xe0\\T(\xb2T\xdd\xe3\xf3\x8aG{E\x128s\x19\x05\xa9\xcb5\xb9 \x03W\x0b\x99\x00\xd9y+\xfe\xb5\x9cc\x1b\xe7\xb9\x92\xdb T\x16+\xd3c\xc1p\xa9\x8a\x83\x0e\xab\xb9F\xc0$\x90\xf8\xec\x98\xa9\xd3\x820\xac\xd8\xb5V&amp;\xbf\xf5Q\x94\xa29\x10\xd1\xced\xf7&gt;\xec\xe1!F\x08?\xbd\x84t\xf4\x07&amp;\xaf\x03\xaa\xe2\xda\xf6\xa2\x06\xa8\xdaQ\xb3j\x95`\t\x9a\xe2\x8a\x17a\xea%\xe3\xd2\x8f\xf6Xp\x95\x14\xae\xa3\xf5\xfd\x08\xa9\xd3\x0b\xd6\xf1\x98\x92\x08&amp;\x9f\xd0m)\xf0.?\xcf\xf5\x98\x05+\t\xf1\xab\x07\xcb\x01\xd9\xe0\xde\x91\xb9\tQ\xea\xed\x13\xaa\xaf{Q\xe9\xd5\x0b\xc9\xf5\x1ak\xc7x\x8f\xd4\xb6\x0e\x97r\xd10L\xe4x\x1c\xeb4Ngv\xf5\xf6\x1d\xc3i\x10\x08\x96[\xa5\x9e\xf6\x0e\x19\x88\x95Ic\xae\xa7\xfb\xfa\xcb\xa8\x87\xb1\xc5\xf4\xd1\xcc}\x1dw\xd1\x94\xb4\x91\xf1\xfc\xafr]\xa9\xf0\x87\x89P\x96\xbc\xc5\xdf{\x89\xbe\x83\xd8\x07:\xe7\xce\xa2\xc8\x1f\x8d\x92\xe3\x0f\xd8l\xa4\xe3}(?s\xfe\xaf\x05\x9f\xd1"\x81m \x139\xed\x97\xb1\xe0\x82\x98Nc\x86v5\xd4\xf1\xefv\xa6\xae\xde\x1e\xb2\xc33\x18Q\x86\xb1\xfc5\xa21\x12\xce\x879&amp;\xb6\xc8&amp;\x083\x9a\xf3\xc6\xeaYj\x0e\xd1\x0b\x82\xd4:\xf89\xb4\x1d\x1c\xb1FuP\x14\xdd\x18FO\xf00\xa6\xa5\x178\xdf\xb4V|4\xe5\x19\xe6\xd3\xba5\x00\xe0t\xdeu\xb2\xcc\xbc\xff\x84\x9b$jD\xa7"\x1e\xe0\'k`k\xce\xfc\xbf\x01GL\xaa~\xabG\xf1\xb3\'\x1cY\xa5\xbf\xfb\x13\xa4\xa2\xa2bl\x95 \xcdWZ\x8e\xb4v\xcbs\xddc\xb0\x90/\x96\xa9gL_\'\xd5\xbf\xca:\xb9\x9brz\x12\xa3 \x94-\xc3\xef\x87YN\x8f\xfdTR\x8e\xd3\x13 b\xcfh\xabiy]\x1a\xd2\x06\xd5*\xd6y\xf3\x82N&amp;\x11X\x02\x80\x0f\x95\x8e\xe5\xb5\x869e\xd43d\xf9\x97\xb5@\x94\xfe\x03\xbc\x0c\xe7\xdf\x11\x86\x96\x03&lt;\xf7\xef\x88lX\xa3\x9e\x1d-\x0e@!\x1f\x945M\xd7\x9cBhz\xbe\xa8\x8b\xcf&lt;\x82\xb4\xd4\xf3Y\xa0x\x06:=\x81\xae\xb0\xbdJ\xb2\x95D\x89\xfbH#\x004p\xc6\xa5\x8b\'\x0c\x88\xde&gt;3\xc3\xd2\x076U\xec\xbd\xf1\xd1Y\x8c\x89vB\x03\xd4\xb4f\x93\xf2N\xb9\xd2&gt;\x08\xc9]\x98]\xc0\xd8\xb2\xf0&amp;\x7ft\x00\xabh\xce\xa2\xb22\xbe\xf7\xa5\xbe\xa6\x86AH\xdc\x8c\xfb\x88w7\xf2\xc2\xe7!\x03\xda\xa3\\Zj\x10\x7f`\xf9\x98&lt;%\xf8\x19c\xdd\xa9\x00\xfc\r\x15\x9a\xac\xc0sj\xb1eM\xc5\x93ma\xbc\xc7x/t\x16\xa1\xd2\xd2m\xb0\xe2-P\x931\x05\x08s\xc8\xeb\x1f@\xf4Z\xec\x17\xa2\xc1\xee\xc2\xcdblf\xf4\x04\xe4\xd1/\x1fe7\x97\xb3\x9b2}\xddk\xc15\x03=\x8b\x06w\x82\xf3\xdaH\x08\x8bGIH\xba\x06\xcd}\xfenV\xdcej\xff\xfe\x83\x02\xa7\x83O\xbeV\x93S\x12\x81\xca\x06s\x0c\xb1=\xff\n\x7f2&amp;R3\x92##2\x1fM\xbb\x8f\x15\xa3\xd2Y\xd2u\x9b+\x81\xd6o\x1d\x11\x9bm\xc6\x0c\xac\x92\xff\x87^\xf9\xcc\xc3\xfc\xa4\xd0\xe1+\xe84_q{\t\xd6\xaff\x15\xe3\xae\xc7\xa2\xc3?\x98\x18^k&lt;\xdf\x1a~\x93\xf99\xd8\xc0\xd5\xb0\xcd&amp;R?\xff\xb3(\xce\xdbt\xecF\x7f\xc1\x94\x93\x18S\x83l\x99t\xd5\xab;\xb8\xb5f\xa91\xf8\xbd\x89ATr\x9a\x04%\t[\x1bD\x84\x91Cq\xf7\xbc\xed\xe2\x11\x9f\r24RIY\xbc\xc9\x9e\rI\x1au\x9e\xb9\xd5\xdcfH9&amp;\xd55\x05\xccM`\x03&gt;3\x87\x9c\xc3\x8e-\xba\x8a\xa4\x01`\x15.\xa5.g\xf0{\x90Y\xbf\xdbDb\xe4\xb8Ib\\\xfdk\x99\x7fE\xddUKh\xa6\xc4\x9d\xd4\x1d3 I\xf0\xe2\xf0fU\xbe\x9c\xcd\xd2\xe1\xdeHY\xfe\xfbv\xcb\x18Q}m\xd5\xa6\x96\x92&amp;X\x1c%\xb7\xd8S%a*\xd0p\xae\xb3\x812\xf7\xd3\xf8EW}5w\xeb\xc3e\xfc^xH\xb6\xa88s\xb7\xfa\x99\x1c\xc2F)\x89\x11\xa9pO%K\x00\xecL\xe3!u\x8f\xb8\x8d!\x99\xcfa\xbc\x96\xd9\xbf\x95\xfai,G\x0e\xcb\x16k\xa5\x04\xf9\xbd`\xf1\x8f\x9b\x8b\x1d\x02\x01\x05b\xef\x03],\xb6\x92\xc2\x05\xf1v\xe6e\xc3\xba\xdc\xd5g\xc6\x89\xb1\xac\xde\xc2H|\xdawY{w\xbc\xed\xa0\xad\n-\xcf\xa2\xed0Q\x0b\x08=wn\xae\xbd\xff\x96\x9fT\x00N\xe2:\x03\xe3\'\x98\x05\x1b\xce-\x96\x86\xfc@\xd2:U\xa8\xfe\xc3T\x15\x19\n\x16\xc6\t\xe7\xd2&gt;\x86\xfe\xc9u(\xfb\x96F\xbe\xbbel\t\xcb\xef \x06Z\t\x04=\xfdc\x94\x7f\x07\xa1\xb2\xd1I#\xd2\xb2\xca\xbfz\xddW\xd0_\x93\xfdV\x9c\x80\xe5\xd6\xd6\xa2`4\x8c(\xf4y\xe0\xa0\x85\xb2\xab\xad\t\x16\xa9\xb2\xfc)[\xcc9\xb0\x7f!\xc3\x97\r\xd3\xc8\xeb\x11\xc8\xd5o\x01b\xe3\xd1\xcd\xb3\xd3\x91\x89"\x99R8\xf6&gt;\x14\xa8)\xf1q\t2\xdb=\x15\xa6\xa3d\x81\xbf\xa1\xdf"\xf2/GS\x1e\xf0\x92\x19B\xa7\xaf\x08z\x88_\xef\x04:v\xbfI\xf0b\xef\xe3\x80\xef\x81\\\x1e\x17\xae\\\xb9\x1fX\xab\xd6\xdc\xa8I\xd8OR\x004\x94n\x83P;i\xb9\x803a\'~\x0b\\t\x8e\xba\xe0\x1c\x050\xb3\x85K\xfbu\x9aV\xd2\xcd(\xd5\xa7\x18\x9d\xc5\xd8\xc0\xd5\xb0\xcd&amp;R?s\xc4e\x08\n#2\xab\x1d\x0e\xe4\xc5.\xc9T\x08\xef\xa3evb\xf9\x1a\xae\x03\xda&lt;D\x10\x91yh\x85\xc0\xef\xde\xc5\x80\xf3s\x0fu\x99v\xad\xee\xf2\'\xbcG\x11s\xb9\x84p\x87\xda\x93\xd9\xac\xc7XH&gt;\x96\xe9\xe0R[\x93v\x19\xde\xf8\x8biy\x92\xd7\xa7[\x05\x06`\xc3\x8f\xf1\x99\x96\xb3\xf4\xb9\xe7\x10\xc8q\xac\xe4\xea\xea\xc9&gt;"\'S\x7f\x0f\xad\x1b\xc4V\x8e\xc0\x00\xf1oC\x821S\x17\xe9wC\xbfh\x9dzf\niS\xf2T\xc2\xc9\x9c^\xf5\x9cm\xdb\xd6 [\x0e\xd3sWP\xc0\x84\xae\xdf\xe0\'ZLa\xde\x99\xc1\xd4#\xfa\xb7\xc4\xbdgV\xf9&lt;\x80\x8b\x0b!\xd1nn\x9f\x9a#l\x03\xa1\xf0]\xd1\x03\x82\xa6\xcf\xa7\x83\x19%\xe0\x8f\xa3\xa5S\t\xb6P\xb5-\xdf_&lt;06{\x00\xca\'L5:\xc0\x1fK~\xb8\x93b\x1a\xe6\xb5M\xe6{\xcd\x9a\xa6\x0c\x1a\'X\'\xc6\x0b\xdaa\xff\xaf@P\xe6\xe5\x97\xfd\xfa\t\x80\xec\x01\xfe\xa74\xfd\x11qH\xe3\x01\xc33\xe7\x0f\x9f\xed\x13\x8e\xde\x94\xae\x1c\xd8\x91\xb5\xd4\x84$\x0e\xa6\x08\xc2\xc4\xf7\x01\xca\xd8(\x0f\x9a\xdf72\x95\xb3I35,\xa9\xcc\x1d\x8a\xcc\xff\x8c\xd4\xbbI\xe6n\x1fW\x9b\tH\xb6&gt;\xc0\xe2\x7f\xcc4V\'\x90\xad\xb4\x1b\x1a\xa2\xddNz\xf8\xbbu\x86m\x05A\xf8\xb5\xc3\xf2C\xe0l\xce\xfd%\x1aV\xc4\xa4\xd9\x0c\xfd=a\xff\xb2\xab\x11\xf3\x0f\xc9\xe1ap1*~\x98\x00L\x94o;\x1c\xc2\xe0\xfe\x06\xeb\x10\x0e\xa5\xb0\x16\x1d~V\x8dS\xd7\x85r\xc8\xf7\xa8y$lv\xac#\xb0\x88]\xc4!^u\xeb\x8d\t\xd9*X\xe6\r\xf0\x9f\xfan1\xc8\xc6\x05\x82=\x06)\xda\x06\x05a\x98_\xaea\xf3Xv?\x0b\x86\xa5\x9ac\xeb\xb4\xb4\x0b\xba\x02C\xa9\xc07\xed\xd0\x1b\x12\xe8\xae\xeb\xff\xb2\xa2\x95\xd9\xe67\xfd`8;\xa9&gt;`\r\xfcF\xbc\xa0\x8fp\x02?k\xddc\x82eQL \xa6\xae&amp;\x05\x9d-\xe7U\xf6,wZ@\xbdM\xfc\xfd=\xb9\x8c\x8c\xd9\xcaU\x15~`\xde]\xe1\r\x8f\xedS\x0e\x0bKn\x14_\xbe4ho\x893\xdf\x86\x1e\xa2#\xb1e\xcf\x0b\xc4\xc2?\xe8Z\xf3d\xec!\x1c\'\x11AN\xcaM\xb8\xc9G\xab\xc3\xeb3\xbbb\x95\xf0\x89\x1c\xec`\xb0wb%\xde\x00\x1ej\x99\xc0\n\'\'\xce\xaa?\x97\xc4\xf3m\xdc\xab\xda\x86\xc0\xa5\xda\xb1&gt;\x04\xd4\x87\xb5\xcb\x1f\x91\x17\x1b\xb9\xe3\xc8}(\xaa\xd6\xd1\xc0@\xee\x96\xd6:\x88\xab\xfe\x07\x19\x19^\xe3\x02\xda\x8a\xc0_F\x95\x82*\x9b%\xa1\xee~\x9a\xc5\x00\x1a\xd5\x7f\x8dk\xa4\xa2~\xe1\xad\xe5\xfe\x97!\xa6pZ\xa6\xcc\x89$f;`\xe0\x8f\xca\xd2\x9c\xe5\x8e\xcapp\xebqD])\x99z\x11v\xfdM.\xc7^D\x06\xe9/\xc5\xad^2H\xd5y)\xda\x97\x97D\x9e"8o\t\x95\x81?\x8b\x04\xb0\xf7\xb5A\x95L\xaf\x9b\xba\x8af\x8e\t\xae\x9fa\xc4O\xf4W\xe5\x15\n\x83\xf4\xdb\x14O\x1c\xcf\xa4\x0c\xb6\x10\xbf\xa7\xd5=\xde\xdb\xaa\xd7\x82O\x1b\x94\xbf\xfd\xf4\x0c)\xc2\xcep\x1e\xf8\xbax\x1b\xbe\x03L\nSJ\xd4\x94&lt;\xdbM&amp;\x92@!\xc6J\xb7&amp;\xabC3\xfd\x81\xe0\xf9\x98\xcc\x9fD&gt;\n\x88K|\xf7\xf9OQ\xee\xb6_\xb9\xfa\xe9\xf3_\x11{\xbe\xad\x0c}\x91a\xd1\xeb\xef\xdd\xec=\xb2$\xaa\xea{\x86\xf5\xbf^\xf18\xdf\x1e\x02\xae\x07;\xd38%u\xca\xdc\xc7\x0b\x11\xb1\xee\xbb\xc2\xf4%\x85D\x1f\x99\xda\xca\xd71\xbc\x94\'#\xc5\x9a\x01\x97;\x9d\xb8\x9f\x1a\xfe\xb1 .@\xfdaLm$X7\'\x9e\xa7\x95\x87\xe5D\xe6V\xeb\xe7\x86RGY/:I\xc8\xd07\xcb\xc6\x1b\xa8\x92\xceo\x83\xf0\x0c\xcd\xabs\x10\x19\xeb\x12:\xe5Q\x9a\x00\xe6\xf3\xba\x1e\x14\xb4\xf7-P\xd2\xae_\xa9\x1f\x07\xc3\x18\xa3\xddaC\xde\xfc\xed\x84\x15\xdflj\xf1\xb9u\x9f\xa4WH\x96\x8f\x8ee\x0f\xcc\x8e\xf7\x0c\x80\x93\xfa^2\x80^\x06\xf8}u\xdcV\xbcG4\xc0\x80zg\xe4uS?#.D\x0c4\xe5 {\x95\x95H\xdb&gt;37\x9a\xb2\x97\x06J\x0b\x04\xf6\xe4\xb4\xa2R\x8e \x1d\xe2i\x1d\xd3z\xe9+\t\xd4\xbe\x1c|\xfa\x11\x1f\x06\x03\xf6A\xd9&amp;l\x8dWAW\x9c\xf1\xf4\x95\xe3\xa6N\x01\xad\x02c&gt;\xcf\xee{\x89\xf4H\x1c\x9e\xf4@\x82nPJ\x95\xbc\xd9\xe5\x8c\xcf,\x0f\xe2\xa6!\x93A\xfa\x96E\x19I\x14\x03\x1c\x83\xc73\xff\xab{\xe3\x17Y\xf7E ;\x04\xf5\xb6\';\x85`\x05q?\x10A\x12\xa3\xd4\xa9\x13\xa8\xa6SZ\xf7bf@\xa1\xafM.\xc0kz(j\x8b\x96\x0c\xdb\xdapS\xe6gL\xc7\x8e\'\xe3\xa7\xeb\xfb\x0b\x02\x1e1H\x07$G\x1f\xa1\xe7tV\'\x0b\x96Q\xbb\xfd\x0e\'\xfc!\x08P\xb9,\xe5=\nX\x9f\xb7\xf5Yg\xee^C\x8f=\xbb\x9b\xc4cC\x9fl\xb9\xb1\xed\x17a9o\x16\xaf\xe6]\xb3\x04@8\xc0\x15fS\xe7\x17\x15\xb4\x81\xbb\xe9FO\x91\xbd\xcb1\'\x99u\n+\xcd\xaePQ\xb2\x9b\xadg+\xd4\x91\xff \x19`rj\x88\x14\xdc\x04\xf9\xc4\xc1P\xfc\xcd{\x13\xd3\xb4!\xadQ\xef\x85\x8e|\xae\xba\xfb\xc4\x1e\xc8\xa5\n\xaf\x1b\x0fR\xfc\\V1\xa2\x83\xcdn\x1aB\x04R\x9f\x06\x99f#\xf7G\x82\xbe\xa1\xf4\x1fX\xce\x9b\xf719FD\xcc-\xd8\x0e\njM\xfc\xba\xa3G\x89\x9b\xc1\x1f\xe1FQ\xb3&lt;\xa3Q\xe0\xf9h\x85B\xa7\xb6\xf6\xf4\xaa\xd5}\xc4S\x1e.\xac\xee\xb6M\x86\xca\x139\xb7?\xc8X$\xa1\xb6?\xb7\x1c\xbc\x04\xe5zhJ\x90y\xf4\xb8jx\xe5\xa8"/8\xc8\xafG\xcd\x03\xfd\x82#\xd0C$/\xbd\x03\xcer{v\x88e\xb9\x95\x1e9\xd4l&gt;\x9bz\x9bV\xdc\x97\xb9\xed;\xd8d\xa9\xcbt\x96\xdaGPr\x90\x11kpKw\x07\x85X\x08\xb1\xab\xcf&lt;&amp;vV-l\xd1i\xef\xd6u8\xaf\xd0\xf3-\xf2swP*\xa1"\xd2\xdfp\xd3\x82\xd4\xcb\x89\x82\xc7\xf9\xe1\x91\xfcB\xd3&lt;\x06i?\xdcF"+\x87\xc2\x1d\x0c\xecN@T\xf6'</t>
  </si>
  <si>
    <t>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</t>
  </si>
  <si>
    <t>b'\xb8lDR\xab\x80\xaf(5\x9b:\xdd\xd5"&amp;\xfc'</t>
  </si>
  <si>
    <t>nd, but she
said cheerfully, with her quiet eyes on the changing clouds, â€˜If
people really want to go, and really try
all their lives, I think they will get in, for I donâ€™t believe there are
any locks on that door or any guards at the gate. I always
imagine it is as it is in the picture, where the shining ones stretch
248
out their hands to welcome poor Christian as he comes up from
the river.
â€˜Wouldnâ€™t it be fun if all the castles in the air which we make
could come true, and we could live in them?â€™ said J</t>
  </si>
  <si>
    <t>b'G\x91\xee\x04\xf0\x7f\x06\xfc\x84\xb0zU\x1d\xc1u\x85W\x89\xcf\r$l\x10x\xab\x98\xb0\xf9S\x01\x93rf\x03y\xc5\xd4\xdf+\xa3\xec\x1b\xfc!W\xe3Pe\x88\x18\xf3\xa1\x14\x1f\xd9d\xb5\xad\xa6YwT\x97\x02\xd4#\xe7]\x917\x8bN\xacT(\xbc\xa9\x9a\xa5\n\xd80\x1dV+\xb7\xf8\xdf\xefq\xe8YN\xaej\xc5\xbbo\xd0]d4U\xf6\x138\xbaZk\xff\x96\xae\x8dJ\xe7\x81n\x92\xeds7a\x94\r\x1d\xb7\xc3\x96\x8c4\x12\x1b23L\x8d\xd2\x1e\x8eS\x9a\x93y\x9e\x02qq\n\xbd~\xa4]\xd0\xa5\x04#\xf4\xe9X\xa8o\'\x97z\x8d\xb7\xa2\xea\xf6Hl\xf7\xe8\xe3\x0cf\xe0@\x08E\xe2\x0b@#IA\xc3\xb3\xe41\x80\x005\x9f\x84\n\xb8\xc6\xfd2F]\x8f\x94\xa8\x17\x10x\x7f\x1cqZ?\x9e|\x90\x19\xd4\xc4\xc0&lt;\x92s\xcf\xc2\xc0\xb9\x8e\xb1\x08\xe3"\xc2\x17R\xe1!+dB\xdf\xa1U\xe1\xfe\xc5\x97\x80\xac\xf5~\xceZ\xaf\xa5\x8f\x93\x9f\xe4%\x06\xa6}\x8f\xd8\xa4T\xb4\xfb\xdc\xc6\x9c\xf1\xc4\x01}\xef\x81\xaf\xc4\xb4\x19\x96{\xbf\x06\xfdJ@\xf8\xd7\x8d7}\x15\x86)\xa7Mv\xfaR\x0c\xcf\xdb\x1e\xd1z\xadf\xb9\x89\xdd\x0b6\xa5\x0f\xaf=;J\xec\x89u\xc8\x88\x19\x18\x81ph\x93\x18\xab\x1e\xe0J0SZ\x82\x97\xba\xb3\xdf]\x82\\/j\xad\xa0~\x11o\x830\xfc)d\x01\xaa\xe2\x81e[\xb6Hy\x8d\xf2F\xdcx\x9f\xd1\x81RA\xb6\xc7\xd3p&amp;\x95\t\xd67\x9b5\x88\xf5\xb5\xb3\nL\x8aEiCK-vv\xf3\xfe\xc6O)\xc1\x1d\xaa\xbe\xec\xb1Qf\xbf\xb4]\xd6\tK\xc3\x84\x80\xed\xd3Cu\x91\x0b\xa2\xb0\x1ft\xc4\x92\x1a4\xf5&lt;\xe2\x1d\x93\x89r\x9bF\xe6\x02#\t\xa3d\xaa\x1c\xd6G\xa6\xe7\n\xb2S\x87\xe1\x19\t_C\xb3\xc8\xfd\\DMKj\xb3\xefQ\xad[}Hp\xc6q\x9f_\xc0=\nn6=\x0fj\xd7\xb0\x13U\xbf\x9d\x8e\xb6wf\xf2\x04\x12\xea\xa9z\x0b\xb5\xc8\xe8\x0e\x11\xca\xbf\x06\x14T\xef\x94W'</t>
  </si>
  <si>
    <t>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</t>
  </si>
  <si>
    <t>b'G\x91\xee\x04\xf0\x7f\x06\xfc\x84\xb0zU\x1d\xc1u\x85'</t>
  </si>
  <si>
    <t>by foreign central banks. The sec_x0002_ond option was a fall in the dollarâ€™s nominal value in terms of foreign currencies. The first
 routeâ€”unemployment in the United States and inflation abroadâ€”seemed a painful one for
 policy makers to follow. The markets rightly guessed that a change in the dollarâ€™s value was
 inevitable. This realization led to massive sales of dollars in the foreign exchange market.
 After several unsuccessful attempts to stabilize the system (including a unilateral
 U.S. decision in August 1971 to end completely the dollarâ€™s link to gold), the main
 industrialized countries allowed their dollar exchange rates to float in March 1973.17
 Floating was viewed at the time as a temporary response to unmanageable speculative
 capital movements. But the interim arrangements adopted in March 1973 turned out to
 be permanent and marked the end of fixed exchange rates and the beginning of a turbu_x0002_lent new period in international monetary relations.
 17Many developing countries continued to peg to the dollar, and a number of Europ</t>
  </si>
  <si>
    <t>b'0E\x02!\x00\x86\xb0\x01!\xa6\xd3\x19f%O\x83\xc9\xcftt\xd6\xe3w\xf2S}8\x00\xe7&amp;\xe4\x9a\x85\x1e\x90Mj\x02 ;\xa6x\x0f\xdeO\xfa#|\x14\xad\x80\xbb\n\xc6r\xfe\x16\xcc\xd7+j\xc8\x98\x1b\xe2\x9fo\xbea\x10!'</t>
  </si>
  <si>
    <t>304502210086b00121a6d31966254f83c9cf7474d6e377f2537d3800e726e49a851e904d6a02203ba6780fde4ffa237c14ad80bb0ac672fe16ccd72b6ac8981be29f6fbe611021</t>
  </si>
  <si>
    <t>b'0E\x02!\x00\x86\xb0\x01!\xa6\xd3\x19f%O\x83'</t>
  </si>
  <si>
    <t>e was so fond of itâ€”she was!" said Ben Weatherstaff slowly. "An' she
was such a pretty young thing. She says to me once, 'Ben,' says she laughin', 'if
ever I'm ill or if I go away you must take care of my roses.' When she did go
away th' orders was no one was ever to come nigh. But I come," with grumpy
obstinacy. "Over th' wall I comeâ€”until th' rheumatics stopped meâ€”an' I did a
bit o' work once a year. She'd gave her order first."
"It wouldn't have been as wick as it is if tha' hadn't done it," said Dickon.
"I did wonder."
"I'm glad you did it, Weatherstaff," said Colin. "You'll know how to keep
the secret."
"Aye, I'll know, sir," answered Ben. "An' it'll be easier for a man wi'
rheumatics to come in at th' door."
On the grass near the tree Mary had dropped her trowel. Colin stretched
out his hand and took it up. An odd expression came into his face and he
began to scratch at the earth. His thin hand was weak enough but presently as
they watched himâ€”Mary with quite breathless interestâ€”he drove the end of
the trowel into the soil and turned some over.
"You can do it! You can do it!" said Mary to herself. "I tell you, you can!"
Dickon's round eyes were full of eager curiousness but he said not a word.
Ben Weatherstaff looked on with interested face.
Colin persevered. After he had turned a few trowelfuls of soil he spoke
exultantly to Dickon in his best Yorkshire.
"Tha' said as tha'd have me walkin' about here same as other folkâ€”an' tha'
said tha'd have me diggin'. I thowt tha' was just leein' to please me. This is
only th' first day an' I've walkedâ€”an' here I am diggin'."
Ben Weatherstaff's mouth fell open again when he heard him, but he ended
by chuckling.
"Eh!" he said, "that sounds as if tha'd got wits enow. Tha'rt a Yorkshire lad
for sure. An' tha'rt diggin', too. How'd tha' like to plant a bit o' somethin'? I can
get thee a rose in a pot."
"Go and get it!" said Colin, digging excitedly. "Quick! Quick!"
It was done quickly enough indeed. Ben Weatherstaff went his way
forgetting rheumatics. Dickon took his spade and dug the hole deeper and
wider than a new digger with thin white hands could make it. Mary slipped out
to run and bring back a watering-can. When Dickon had deepened the hole
Colin went on turning the soft earth over and over. He looked up at the sky,
flushed and glowing with the strangely n</t>
  </si>
  <si>
    <t>b'\xbf\xcd!\n\x1d&lt;\xb5\xbf\xb1\x1b\xda\x96\xd4\x06\x87\\\xc1\x17Q\xd3\x07^c\xdax\xdbfn\xce\xc8\xd6\x83\xebK!tf\xdc\xa8\xfdZ\xe8\x15\xdb\xc8l|Q\xbc\x08u\x1aF\x81\x1eQ\x1f\xe0\x8d#\xbd}\xf00\xd6D,$\xa3t(PZ\x1c\xdf\x83\x8e=\xb0U\x9dp\xdc\xffhEJ\x19\xe7G6\xe4\xbdT\xde\xffp\x99\xef\xd5\x8e\xf1-1I\xb90\xadx\xe51\xe2\xaczF\xa8\xb3R\xffa\x00\xf87\xf1\x92\x86\x87Y\xb4\x977s+\x7f\xf1\xe7i\xdbR\x19\x82u;\x13\x02\x88&gt;~\xa8\xa6\xd1\xe0\x92\x82\xd6\xcc\xe5EW\xd7Kb\xfbEs\xf6\xd6\x94X\xb8\xbe\x01\xa7dP\x03\xa2Z\xc6\xc3\x109\x8c{\t&amp;l\xf5\xa0\xcd\xe7\x81\x01t\xffVxE`\x8d\x0fv\x98\xc4\xa1?\xcd\xb4%&gt;`\x8b\xad\xaf\xe3\x89\xdby\xb3\xb2B;*\x1d\x03\xbbq?7\xfc6\xd8\x91\xa7\xe2f\xbef&lt;\x8c\xdb\x0c\x90\x7f\xf7\xb9\x8eZ\xb7Y;\x83\x8eop\xd58\x89\xdcu\xfd@\xd6\x0e%\x1f\xe3\\\x8a\xa2UI\x10\xc0\xf1\xb2\xf1 \xc6mz \xfdw\x89#\x82\xd2\xd2\x8b\xea\x8bt|\xfd(\xd3@M&gt;\xa2Qs\xd8\x00\xe4\xbc~O\xd9\xa0\xd1\x9f;\x9a\x1e&amp;|\xd2.Bc\xe8\x1b\xd9\x15]\x0c\xde\xee\xc2\xa2\x16\x92\r\x8f3\xadRu\xe6S]$6\x9d\xca\xe6d/\xa1N\xae7\xb0Z2\x12\x06K\x83L\xd6\rB\xd1\xe1\xb0\xf6\xe2#^\x16\xa6j5G\xcf\xd8U\x0f3\xe1\xba +\x15\xa3\x8a -\xdc\xcb!\x99\x0cj^\xee=\xf9iE\xbc1\x97\xdfD\xc2\x16o\xbb\xf6+{\xae#&gt;l5T\xb6\xf9f)2\xd43\xf6K\x0e\x1f\xbb~VM)\x85&lt;\xdd;\xd6\x9du\xfa\xbd\xbaB.j\xe5\xe5\xbe\x8d\rcJ\x88\x9f\xe0\x91\xd4\xf7\x05e\xe2Jh\xf1N\x1f\x11D\x05\x86\xd2\x08\xf0\x8c\xa2\xc0\xa4\x1fJ\xfbB\x91/\x92\x82s\x96\xad\xd0\x86\xfc\xfd\xd3(*\'\x8a-"\x131Y0\xb2\xd2x,\xbf\x19T\x8bPP\xab\xfc\xec\xd8$\xcd+):\xc4\xc4\xd1\'\x04~\'^5\xe8\xd15\x88\x8f\x08[9\x911^7\x93\x08\xf4\x9a\x17\x95\x10\xe7\x997\xd9%\xc6]\xa0\xea\xc9\xc5\xd1\xc2\xda\xb4\x9f%I\x1cl\xed\xe9QO\xe5j$w\xca:\xb0&amp;y\x0b\xfc\x08A\xd9J\x06\x87\xbfCE\x1d^uq=\x14\xf1\xe3@\xcf"$\x85d\xf2\xdaC\x93\x19E\xad\xeas\xa6^a!Xb\xe7m\xa5;\xbd@)Z\x7f\xac\xe1\x8d\xc0dN\x82o\x02\xach~\xff\x1f\x81\x9b\xee|U\xed#\xf9}\xf8-\xaa7b\xb5EJ\xc9\xf2\x95\x08\xb4\xf8\x87\xfc\x9a\xde\xaaL\xbc\x04\xbe\xce\x04\xee\xcb_\x85\xd6ms^\xaej^\xf80\x89\x07"\xed|\xb9\xfa\x86`\xf5\xca\xd6\xcf\xe9\xb36\xab\xd3\xa1\xbc\xb8v\x04\x17\xe0\x94A\x07\xcdI^\xc2\xed\xc6\x82\xa3\x90&amp;H\x7fk/t\xb8\xee=\x0f\xbbQ?\xd2Z2\x85\x16@\x86;\xf9\xa1o\xeb\x90z\xf9o\xd41\x05\xae\x8c*\xdf\xe6\xc0\xb5\x87]\xfb\xbb\xd3B\xf7\xad\xa3:\xd7\xfcP\xb1\xb7&amp;\xfe\xc9\xfe\xb5D\xb0\xfb\xd5q\xfb\x11\xa9\x06&gt;\xb6\x91\xd0\x0cI\x1e\xdb\xd8Rj\n\xc8\xf2\x86\xb2\xb4E\x95*;j!\xc3\r\x8fmE\x93\x0cEJ\xa3\xff\xc9\xf0\xc6\xbc\xdb\x0c\xe2*8\x1exH[s\xd1!\x03\xe4\x05\xb08&gt;\xe2\x93\xc7\x8a1\x1e\x89v\xc7aA\xd2\x0b/3\xc1&gt;|\x99\tq\xa0\xa5Q^\x83\xedKaweq\x11\xe0U\xae#]\x98\xb4\x1c\xbb\xee\xcfP\xd4\xb1mH\xee\x7f\xbd\xfb\xf7)\xc8uT\xea\xe7\xd6\xdb\x90\xc7}\x9cI\xde!\xd1\x83E/\xc2@\x03\xf5\xa9\xf9\xbc\r\xac\xa0\x94\xa6\\\x15\xb6\x8e\x07\x84\tbX;(\xf0\x00\xfc\xb6\x16@\x97\xd8\xc3\x95\xb5\x1e\x92km\x08\r\x087A\xb2\x8cI)\xbcp\xf4l?\x1f\x1dbRH\xdcf\x80g-\x1bu\xa6\x96\xd5\xb6W\xe81\xfdB0\xe1P;\xb8\xe7\x12\xfaOy\xbf\x8f\x89D\xfe\xd2\x07\x90\x8a\x16iM(\xfa\x15\x1fh\x9b\xe5\xa5\xe3bjK\x8aXT:yU\x94=\x0fu\x1e\x9c\x91p\xea?D\x16`]kLo\xd9|u\x9d\xaay.\xd7\xaaO\x19\xa3\xaby\xc6\x8b6\x93\xa5g\xd6\xea\xb8\xde\xec\xdc\xf2z.\xdf\xfc|\x1d\xb1\x81|\xa1\x8e\xf7\xeb\xad7\xbe\x9b\x06R[\x07\xf23h\xbd\xee\xfb/\x01T\xdb\xf6YX\xa8\x14\x11i$\xcaV\x81j\x82dN\x00Y\xa2&lt;B\xb6Z\x16\x8b\xe7g\xd0\xc1*2\x88\x14\x94\x80\xff`\xf6\xdf\xab\\\x0c\xc4\xb7&amp;\x84\xba\xf1\xe9\xccDH\xd3\x14\xa9\xd4\x7f\xa7\x7f\x9f7\xe4\xf5\xdf\xcb&gt;\xc0k(\x08?\xdcX+w\x19\x1bS\xf5\xc5KQ-\x8b\xe8/\'\t~\x82C;\x7f\t\x17\x1c\xd6\xe9\x8a\x9a\x1f\x0bW\xc2\x9e%\x9b\x9b\xed\x8dlZ@Z\xe8\x15\xdb\xc8l|QJ}E3T\xa9\x14\x8e\xc0 \xc4\xf2\x00(\x83y\xad\xea\x1f\xebu\xfd*\xe8j\xbd\xfa7\xdbU\xcbw\x8d$X\xcd\xf0\xb5\xfe\x85u?\x94c\xe4\xa4\xed\xcf\xd4\xda\xf3\xd2\xac\x94\x1c\xa3h\xc7\x05\x1a\xe5\xb0\xac\xa1\xc7"\x83\xca\x86\xb9\xe6bHLiw\x0f\xd4\xc1\x11\x80\x1dWD\x7fz\xdb\xb6}=z\xe41\xedfp\xd5\xcb\x8fW\xbb\xe0Q\xd2/\x99\xc5Sx\xae\xaaBa\xc8\xb2\x18\xd9\'\x12\xcd\xc5c5\xefMe\xb3\xe0K\x85\xc7\x82\x8dk\x1f\xc8\xecI\x14\xc1\xaf\xa3Y~\xb9\x90\xfa^nJ\xedx\x1e\xc1\xc1\xa8=)\x1e\x08b\xd8\xed\xd7*\xaa:n9\x1c\n{_B\xbb\xeb\xf4\x01F0\xfaD\x01b\xab\xf2g/y\xdc\xe5\xa7i\x03\xfe \xe3\x97)u@\xe6\x08\x87\xa3X\xba"\x84\xf4\x91\xcf\xee\xddn\xec~k\xe1|,\x959\x8e\x12\xa2\xa2\xc6a\x7f\xe2\xd5\xdcT\xd3\xf2ZrH\x0b8\xda\xf6\x13\xbf`E\xf3:=r\xaf\xfe\x1d\xc3&lt;\x02\xa8\x1f\x18\xb3\xb60\xea\xd9\x8a\xf3\x95]\xa8+bl\xc28]\x86\xca\x10\n3\xd29\xfc\xe3\xb7\x04\xb9\xd9H\xa3E\xcc\x02?L\xaf\x12-y\x10\x89\xe1\x1c\x11\x18\xb7\x10\x1e\xf3\xb8_\x15\xeb\x0b\xab\xe6-D\x97\xad\xf8\x14\xea\xd1\x84\xaa\xde}@P\x00\x8e\xe6\xfe\xca\x80i/\x00\x94_\x19\x7f\xf9\x0e\x06\xf1_\xcff\xee\x8e\xc3\xd1"s\xd4\x98\xf8\xee\xe3[\x05K\x91q\x01\xe9\xf8\xbd\xc5\xd7\x85\xb7zp\xb1\x92\x96\xae\xa5![U\xd0S\x02\x06c\x83y\xc9\x03\xef\x9e^g\xdc\x114\xee\x82\xb7\xa9\xb1\x1a\xb2L\xafB/v\x85\xf3.\x05\xbc{M\xd4\x1a\xf7z\r\xc0\xd03\xf4\x13!J\xcc\x0e\x18\xab\xc1\xc4t\r\x85\xd5\xaf\xef\x87I\x10\xc65\xf4n\x81\x8e\xca\xb2h\xc1\xdd\x80\xc3%\x84\x9e\xf3\x98\x1b\\\x9d\xe7\x1d\xc7\x90\xd4x&amp;\xa7\x8a\xba\r7\x91\x0e\xce\xceW\xbf\x90\xf6\xc0\xa4\x1fJ\xfbB\x91/j\x00\xc6\x00\x0c\x86\xfa\xd6\t\xf5\xd9\x8a\xbc\xd9P+|\x9c5\xf5\xd3\x98|s\xedX\xca# \x8a\xe9F\x90+\xd4\xa7\xbe\xf4\xd5\xb8\xd8Y\xd5\xdf\xde\x11fu\xc1*@vC\xddf\xe7\x02\x80\xbf\x1a\xae\xd9a@\xc2\xe7\xfb\x96\x82\xbe\x00=\xefF\xf8\x03JX\x9aP\xe8/\xed\x08\xa0\x1c\xe1\xfcS\xff\x9c#u\xcb\xc5\xfcQ\xec5\x0b\xcf\xa2NPI \rH\xe5\x1biB\xfd\xca\r\xc9Y\x05Mck=\xd0\x8f\xa4f[\xad\xdc"E\xfb\xe1\xecxOzL\x8a\x88_3)\x95\xdd\xf7K\x1b\xab\xf5\x80[\xd1\x96\xe2\xe5\x92\xb1\x80\x98\x11M\x12\x13\x91Hl\xfd.\xf6\xa0\x9bE\xc7\xee\xda \x7f,d\x82\xc5\xe7\xa8=\xe7S4f\x1an\xfcz\x85\xe0\x93}7Dc\x97wZH\x04n\x9db\xac\xc7\xb39\xb5t\xddFr\xd1\xd3\x03V\xdfC\xc4\x83\xc9\xd0\xac\x8c\x17@x\xd0\xce%\xd1\x01D\x9eg!m\xe4\x97\xd2\x1c\xb8\x91\xb9a\x1b\xd9\xe01\x88\xab(\xa4}\xec\xec\x9abk,\xdae\x07\x95\xda\x96\x9c\x85\x8c\xc8ymJ\xa8r2e\xae\xc5\xc3\xa9\xdfW]\xceS\xf9$\x1a\xbb[\xf0\x9f\x91\x9a\xc7t\xe4\xa4%*\xaa\xec\x90Fx\x03\x1c_\xa5d\xa6Z\xe8\x98\xa7\xeaS\xc0W\x0e\xadS\xf2TW%\xdc\xc2\xc2\x80\x04\x91\xb2\xb6\xd9\x92A\x8fop\x05w\xe4\x0b[\xae\x15\xa1Y\xf0\xf3\n\xad2\xa3\x0cm\xff$\x120\xac\xd7\xd4\xa3\x90\x86~_\xd3\xbd.\x960\xca\x07\xa3\xb7\xc7\x7f\x89)\xeaG\x93\xa0\xee\x91\x02i&amp;gA\xfb\x00\xe2Ey\x1e\xec\x9e\xde\xbf\xf2\xb2\xddI\xf2S\\\xd7%\xf3\xa5\xa4\xdb\x8b\xa1.\xeb\x0f\x95\x15$\xb7\rp\xee\x08#\xd9\x90\x83i|\xa6\xad\x8b\x88\x00\xda\xec\xf02P\xbd\x91J\x84\x1a\xaa\xbd\x91\x117\x96\x95\x8b#\xe7\xe8M_}{\x0c\xa7\xc3\xbf\xa2Z\xdc\x82$2\x07\xe2\x9b\xa3\x9c\xd0\x0c\x97\xad\xdf\xf1L\xf4\xf7\xa5\x8c\xfd\x14\x8a?\xda\xa8\xc5\xe9C\xcd\x83\xcd#\xc0\xa6\x15\xeb\x90\xbfB%\xc1\xb1d\x99P\x03\xe7\x86\xa9\x0f\xb3\x02H\tg\x1a\xca\x92Y\xfd\xca\n\xa9\x84I\xf6\xd0k\r\x8a\xf7\x85\x84.\x92\x1c\xe9\x9f\x9a\xaf\xbb\x0f\xa9j\xe6I\x97\x8d\xcd9\x87#\x13\xa9d\x15\xd08\xd1,\t\xa1\x83\xe7g&lt;&lt;5\xb0e_\xd4\xa9v\xbf\xac\xe73Q\xabK\xea\x13|\xbb\xa8\x97\xfbg"[\x8aT\x0f;\xef\xa8\x03\x94\xd0\x01KNd\xee\x01'</t>
  </si>
  <si>
    <t>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</t>
  </si>
  <si>
    <t>b'\xbf\xcd!\n\x1d&lt;\xb5\xbf\xb1\x1b\xda\x96\xd4\x06\x87\\'</t>
  </si>
  <si>
    <t>cannon balls, bayonets, or bullets. I
 believe so long as we felt our rider firm in the saddle, and his hand steady on the bridle,
 not one of us gave way to fear, not even when the terrible bomb-shells whirled through
 the air and burst into a thousand pieces.
 "I, with my noble master, went into many actions together without a wound; and though
 I saw horses shot down with bullets, pierced through with lances, and gashed with
 fearful saber-cuts; though we left them dead on the field, or dying in the agony of their
 wounds, I don't think I feared for myself. My master's cheery voice, as he encouraged his
 men, made me feel as if he and I could not be killed.</t>
  </si>
  <si>
    <t>b'\xe1\xf0\\\x1fW\x80\xdeW'</t>
  </si>
  <si>
    <t>e1f05c1f5780de57</t>
  </si>
  <si>
    <t>a green mist were
creeping over it. It's almost like a green gauze veil."
"Aye," said Dickon. "An' it'll be greener and greener till th' gray's all gone.
Can tha' guess what I was thinkin'?"
"I know it was something nice," said Mary eagerly. "I believe it was
something about Colin."
"I was thinkin' that if he was out here he wouldn't be watchin' for lumps to
grow on his back; he'd be watchin' for buds to break on th' rose-bushes, an'
he'd likely be healthier," explained Dickon. "I was wonderin' if us could ever
get him in th' humor to come out here an' lie under th' trees in his carriage."
"I've been wondering that myself. I've thought of it almost every time I've
talked to him," said Mary. "I've wondered if he could keep a secret and I've
wondered if we could bring him here without any one seeing us. I thought
perhaps you could push his carriage. The doctor said he must have fresh air
and if he wants us to take him out no one dare disobey him. He won't go out
for other people and perhaps they will be glad if he will go out with us. He
could order the gardeners to keep away so they wouldn't find out."
Dickon was thinking very hard as he scratched Captain's back.
"It'd be good for him, I'll warrant," he said. "Us'd not be thinkin' he'd better
never been born. Us'd be just two children watchin' a garden grow, an' he'd be
another. Two lads an' a little lass just lookin' on at th' springtime. I warrant it'd
be better than doctor's stuff."
"He's been lying in his room so long and he's always been so afraid of his
back that it has made him queer," said Mary. "He knows a good many things
out of books but he doesn't know anything else. He says he has b</t>
  </si>
  <si>
    <t>b'\x84i\xb9\x95\xd9\xe1=I(\xc0=\x07\t\x04\xd7q&gt;`gE\xa2d\x19\x89^n\x97\x85I\xd6\x92\xdf`\xcf\xa5\xe4\xf5\xae\x99\xe1p\xf2^\xa3\x83\xea\xb5\x13\xdb\x98FCx\x86[\xb6\xc9:\xcd\xb1\xfd\x08\x8e\x0e\xc3#\x8e\xc9]\xf8\xa4\xc2\x1dJ&gt;\x92\n;\xef\xb7f[o\xeb\xab\x80\xd0[v\x1aG\x05+\xc6\xc1MxwYi_\xc0]\xc2\xc9b\xc2\x1b{\xfc\xd7\x88s\xc9\x8bp\x8d\x8e\xb2)\x94\xff5\xf2\xe2\xe2\xbf\x10Q\xbb\x03\xe0\xae\xbbX,\x0fw[\xfb\xc1h\x88;\x7f\xa4\xca1;k\xdb\xe4\xe1j\xb0Q\r\xfc$\xf7\xff\xc7\x00\x1e\x88\xbfz\x19o&gt;&amp;P\xc0\xf8q\x1fE\x9d\x19\x83\xde\xf2\x9c\x92X[\x0c\xd6z\x89\xa0\xa6\xb2\x14j\xebQI\x15\x99\x96\x9e.\xba\x84x\xb8\x1a\xc9/v\x9b\xdd3~\xeb\xfa\xb6\xc8\xf0\x18_\xd6\xee\xf9\xb2c\xe0t\x84\xac\x93\x18\xc2\x8d-\x9cT;\xe5\x0f\xb4\x038?\x1bx\x08)\xa6S\xb7\xd3\xa3\xf4\x14\xe1]\x1c@J\xe7ZN\xc5\xa6\xad5\xd4)p\xee=\n3\xa6\r\xd2\xa4lt\xd0\xd4Gm\xc8\xf2\xa5\xe0O^%\xba!\xe7\xf1u4\xc1(\x87\xaf\xccT\xf5\x0b\xe7J\x97\r%\xae\x16z\xc7\xd9e\xf6\xe1\xb1\x1f\x8b\xa8\xa0-h\xc6\x86\xc8Q2\x086\x13\x9d\xf00\xa0\xee\xa1\x9c\x93&amp;[\xb0o\xfe\x86\xd2\xe2\xce\xc1X\xaeU/xM\x9f-\x01Y\x99e\x92)\x9a\x8bm\xd2\xd0\xd0c:R\x84\x9eV\xed\xc1\xf1\xa4C@0\xa0\xee\xa1\x9c\x93&amp;[\xb0o\xfe\x86\xd2\xe2\xce\xc1\xb9\x16&amp;p\xabf\xe9i\xc8\xb1\xcf\t\xf9\xf7.\x19z\xf7\xce\xb6^\xe9\xce\xbc\x9a\xe2"\xe8\xfe3\xe40\x7f\xcck\xf6\xa0\x8f\xe7\x02\xfcN\xa92\x93\xd4\x04GJ\x92\xc9\xfaO[\x85|\xac \xca@\xefy\x8d\x8fR\xe9j\xc2\x0e\xd7\x94\x84\x01\xb4\x1c\xe8=\xcc/\x13\xda\xa6,[\xac\x1a\x05\xf3r\x88\x8c_-\xa8\x0fW\x1a\xe1\xe7B?R\xf4\xf4\xa2\xed\xaa\xd9y0)+n\x0b\x933\xf7l\x91\x12\xe7Q\xb6&gt;\x80\xb3\xed\xcb\x8a\x03\x1c$\xf5\x87\x05\x02l\x86[\xb3&amp;|\xae2\x80\x02\xd0\xe2\r\xb5\x05\x86\xb8_H\xc9\x082\x19\xa0+\xf8\x06pb\xf4eu\xbd^\xb0.v\xdcn\x81\x95\xa8\xae\xd9\xc1\x8d\xe6Z|\x19\x8c\xfb\t@*\xde\xf3\x8ebI\t\xed\xb7p\x1d\xe8\xdf&gt;c\x93\x7f\xa9\x12\xa9x\xfcaN\xff\x1c\xe5\xf8M\xb2\xdc\xc5\xb5q\xc7~G\x87\xa3;\xf2\xc2\x93u\xcc 9\xa7uM\x93o\xc0&gt;\xd5xz&lt;\t\xb5\xa0\xc8\x85xH\xc6\xcb#\xc1vi\xc2\x8d\xef\xabX\xe93\xc7\x10\xe7W\x9a;\xf5zy\xddf(\xe1\xea\x83\x16\x8ee\x98\x80|\x1d\xf5\xee\x95\xdc\xa2\x8b\xa8H\xe0&amp;ao\xf2\xd4\x99\xd3!F?\x1a\xbe\x9d\xde\xf7RH\xd1\xe7\x93e\xd8\x11\tUtH\x98DlZ\xa6\xc0\xd3\xf3\xd1P\x14d\x02\xe31\xb2"\x9d\xa8\xe5\xe0\xef\xa1vJ\x0f\xb7\xbf\xe0\xe0/\xbe\x96\x1d}&gt;\xe6\x05vS\x8f\xbd"p\xc4\xff\x11HRR\xe6:\x17\x9c\xbb(\xb8\x88\xe9\xb3\x91\x00\x81~F\xc7{\xc7\x1c\x97\xea\x93#\xb0\x8fF\xd5 \xcc\x13\xcafgg\xaa=]7Fd\xd3U}\xc8\xba0?|\xba?\xe9\x8dRM\x94c\xc5\x87\x80\xe1\x81\xea_7\xc67\xe9\xa0\xa7\xad\x85\xba|\x19\x8c\xfb\t@*\xde\xe6;\xb7\xa0\xed\xa6\xec^h\xcfVH\t\xbbP\xf7\x11\'^\x9c\xb1\x1f\xff\xb25\xb1\xd9\xbe\xba\x1e\x9d\\\xc8\xacO\xd9\xf2D\x92\xe0b\x99\x0c\xf9wc~~\xc7\xcbM4+-n+\x9f\xc8\xe2\xe63\xa1\xda\xbe\xcf-h\'I\xe7i\r\xed\xb7\x80\xc3o\x8c\x8f\xff\xabQ+\x87\xe9\x0c\xd5_\x89\xc0\xa1a\x80\xbe\x9f$i\xb6\xf4\x018\xae\x1d\xe5\x8e\x99\x02&gt;\x1c\tP\xc26\xc0M\xf2\xdfCs\x13\xde\xa3f\xea\x16\x00|\x8a\xc8\xbc\x1c\x97s\x8c?#\xb1\xb8\x98@~\xb8\x18c\xc5\x95P6\x0btm\nc\x17\xd8\x08\xb3%\xcf\xc2\x1et\xbcQV\x15\xee\xc6\x9f\xdb\x1bc\xa3Y\xf0.h\xac\xfe\xcf\xf3\x14\xb7t\x1b\x9e{\xef\x950^\x93\xe9\xebL\x11\x1aL\xea\x90\xcb\xa4\xb2\xc0\x1aQ\xc5R\x02&gt;\x02\x7f\xd1\xee\t\x8a\xa1(\xc4\xa3~\x12\x9e&gt;}z\xacj4\xe0\x18\xbf\xc0\xed\x1d\xdf\x10\xa0\x83\tS\xe0\xbd\xd4\xb3\x0e\x1f\x96\xf1\xc3\xc8\xabP1\x94vTISs}\x10\xad\xb8\x86\x13\x89\x05a\xbbG\x18\x1d\xa8\xdet\xfa\x85S\xddwl\xac\x0f\xfb*\xf7\xb5\x16\x11\xe6\xaf\xb9W\xee\xa2\xa1\x18L!F\xf7\x93\xca\xd7\xd8\xda\xe0q\xe1\x93E9K\x8a\xbd\x9f4z\xbby\xd4\xf9\x98\x86\x9b\xa4`\x123p\xfb\x92\x92\xa1y\xd9O\x94x\xb8Z\xd5\x80Q\x8e\xbf\xce\xf7c\x18\xfaA\xdf1\xde\x8a\xe6\xa9\xeaj\x0e\xc2(\xec\xf6~x\xf83\x00\xfa\xa0\x1e\xcdu\xed^\xc6\xe0\xb1\x9b\x9f\x03\xca1\x85\xa9\nfU\xe0ik\x9c\xaf\x8f\x15\xb0\xce\xc2\xa5{H\x140\xd6X1;\xe4b\x9f\x83U\xd5\x9c\xc9/)X\xc1!\xffg\xf8Z%N\xaf\x96i\x04\x03B\xd4\xa8\xf4\xe2\xbe\xfa\xd6\xb9\x01\xf9\xe0\x19\xb4:\xcc\x19\xe9I\x81\x95_\x13\xa1\xee\xa7KMWx\xe7\xed1\xc3\xf9\xa7j\xcfq\xf3S~\x01\xf1\x1c\xb1\xa3\x86\x8a}\xd6\xb8\x05q\x0c\x93E\xec\xe5\xb9m\xb2d\xb7O{@\x16\x06\xab#!yH\x8eG\xd8\x08\xedY\x15\xc3\xdcf2-\xeadT*\xd0\xdes\xe1\x8f+\xbe\xd2=9\xbf\xed\xda5l\xdd\x13/\xe5\x9f\xea\x14d)\xa6\xbc?\xe3\xefL\xd7Q\xfd\xe6\xad\x17Y\x00\x0f\xfaH\xa9b_T\xe8\'\x87\x0e\x1adlr\x8a\x17\x83\xe2\xae%\xa2lY\xd4-\x16\x01\xf2\xd1\x90\x00_\xd0\x19\xc3\xceh\xd3\xc11\x0ec\x1a\xf1\x06\xf2w\x1c\x88\xd47J\xb8I\xd9\x04\xab\x80\xb3\xfb\x15\xdb&lt;\x91M\x1b\x8fC\r\xd2\xf0\xbc\x17cN\x12E\xea\x06\x17n#\xe2u\x07&gt;\xe5M*\xcc\x9cO\xd1u\xce\xdf\x8a\xd7\xa13\x893\x0f\x90\x15\rs\xe8)nN\xa2\xe7\xebP\xa0p\x8fj\xce\xe7G s\xf8\xe4\x8b\x05\xa2\xc0\xac\xffh\xff\x0c\x94*\x87b\xdb\xd7\xa79E\x7f\x11ZdW\\\x97\xb34\x89&lt;q7\xad\xd7o\xe1W\xd2\xfa\xbb+\x9b!\x927d\x8f\x9a\xca\x97\x054\xf9\xeb\xdc\xda\xb9\x8c\x8a\xe7h\xc2\x8c\xb8x\x87\xd0y;\xc2(\xcd\x02L\xbe|\x8a\xd3b\xda\x18\xdb?\xdc!\x1f}\x00`=t;\xaf\xd63f2\xc8\xe8\xce\xa8\xb0\x17\xe3FbBn\x8bB\x8f\xab`\xb6\xaaSj{\x98\xb7\xfe}\xaf{W\x04i\xb8cj"o_\xdbE\xc6'</t>
  </si>
  <si>
    <t>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</t>
  </si>
  <si>
    <t>b'\x84i\xb9\x95\xd9\xe1=I(\xc0=\x07\t\x04\xd7q'</t>
  </si>
  <si>
    <t>very uneven. Sometimes, indeed, they were broken or missing
altogether, leaving holes that Toto jumped across and Dorothy walked
around. As for the Scarecrow, having no brains he walked straight ahead,
and so stepped into the holes and fell at full length on the hard bricks. It
never hurt him, however, and Dorothy would pick him up and set him
upon his feet again, while he joined her in laughing merrily at his own
mishap.
The farms were not nearly so well cared for here as they were farther
back. There were fewer houses and fewer fruit trees, and the farther they
went the more dismal and lonesome the country became.
At noon they sat down by the roadside, near a little brook, and Dorothy
opened her basket and got out some bread. She offered a piece to the
Scarecrow, but he refused.
"I am never hungry," he said; "and it is a lucky thing I am not. For my
mouth is only painted, and if I should cut a hole in it so I could eat, the
straw I am stuffed with would come out, and that would spoil the shape
of my head."
Dorothy saw at once that this was true, so she only nodded and went on
eating her bread.
"Tell me something about yourself, and the country you came from," said
the Scarecrow, when she had finished her dinner. So she told him all
about Kansas, and how gray everything was there, and how the cyclone
had carried her to this queer land of Oz. The Scarecrow listened
carefully, and said,
"I cannot understand why you should wish to leave this beautiful country
and go back to the dry, gray place you call Kansas."
"That is because you have no brains," answered the girl. "No matter how
dreary and gray our homes are, we people of flesh and blood would
17
rather live there than in any other country, be it ever so beautiful. There
is no place like home."
The Scarecrow sighed.
"Of course I cannot understand it," he said. "If your heads were stuffed
with straw, like mine, you would probably all live in the beautiful places,
and then Kansas would have no people at all. It is fortunate for Kansas
that you have brains."
"Won't you tell me a story, while we are resting?" asked the child.
The Scarecrow looked at her reproachfully, and answered,
"My life has been so short that I really know nothing whatever. I was
only made day before yesterday. What happened in the world before that
time is all unknown to me. Luckily, when the farmer made my head, one
of the first things he did was to paint my ears, so that I heard what was
going on. There wa</t>
  </si>
  <si>
    <t>b'\x99\xb3\xc5\xdaCF\x88K5\xa9\xe91\xcf"4E\xf6\xdb\xeb1k-#\x81\xd3-\xb9ld2\x86\x12&amp;\xd5\x0c\x00\xc9\x8f\xfd\xa8:F\xb0:\x7f\x95\x03i&amp;\xcf`\x97\x85\x17\xe0c\x82\x9b\x8a,\xe9\x08\xaf\xd8\xb0\x8c\xd9oj\xd8\xaa\xbaa \x1e\x14\xdfY\xde\xa6\xa8\xfb\x98^\x9ev\xcf0~\xa6R\xd6\x13\x91\xb1i\xbe\xc5\r\x96Hx\x86\x82\xdf\x0f\xba\xc6\xcd\xae\xf0\xc0\xd1\x94JwT\xe7\x1b\xad\xa6\x8a\n\x00gt\x03\xec\xbb\x80\xc2u[#\xebv\x00\x17\x7f\xbe\xb6\x8f\xb2\x96!\xe1s\x9d\xf5\xe7\xc3\x84\xe6u\xc5\xe3\x03\xf2\x1c\xa8\xff\x9a\xbb\xf6\x87K\xac\x93\xb9\x8bka0l\'\xb0\x8e2\xba|\xf0\xe1\xf1\x0bW\xe1\xbau\x01\x07/\xc1\xb0\xb2IJ\xc0Ak5\xe4O\x08\x99`\xfaO\xa5\xcdW,\xa7\xb5\x14\x94\xf1\xee\x92a\xd1 &lt;\xeaPp&gt;+3\x7f\xf2\xbe\xe6%Wr\x1e\xdf\x1a\xd5\x9e%GT\xfd\xa6LO\xab\xe7|&lt;\x13fB\xd0\xd7\xf3\x00\xf5\xa5f\xea;\xffVo\r2\x8f\xc4\xf0\x12\xff\xf4l\xa2g\xcd*7\xa5\x9fYlx\x01\x85o\x9b\xb2V\xd2*\xa9\x85\xe1\xe0\xf4\xa4\xe3\x96}Xzh\xe4\x18\xe7\xbde\x18y\xc2\x88\xb5\x8b\x91\x88\xf9\xefd\xe5\xaa\x1aM\xa0\xa3\x8f"M\x07\x14;\xeaJ\x001\xbeD\xa7\x02\xb8\xdfa\x1a\x99\xb2\x03F;\xd2\x06\xa5[unvN\xa7\xd2\xdb\xec\x9c\xb3\xb3\xa3\xd1\xa8\x13v\x02\x96\x8a\x9d\xc9\x94R\xb6\xb8T\x80\xde41\xfaQv\xa3\xa5`\xb7\xc8/\x87\x12\xa4$\xe1;\xbe\x17\x03(\x1bL\xec0\'\xaa\x90W\r\x83\t\xad|\x06\x9b\xfcf\x9a\x1aO\x00J\x81h\xd4\x16\x0fS\x99)OBq\xc6}?\xbd\xd6{\xb14\xd8\x96\x12\xb5\xd4\xdcW$z\x85w\x16\x0c\xb6\xeeC[-\xef\x10&gt;yS\xc7t\xfc\xbb}Hi\xb6V\x8a\xec\x9d`\xda7\xdd\xda\xa4SgKic\x84\x1b\x95\xc2e;\xbf\xe4\x99u:\x8eTix!|\x8a\xd3\xe8\xc9\xbbD\x15\n\x98\'\xd9\xa5+\xb4\xc0j\xdeN\x9b[\xcf?\x10%)~\x8d\x19J\x92p.\xdefA7\xcd&lt;\xcc+\xa0\x00\xa1\xa5\x0e\x1dN\xe0\x95lagUc\xd7I\x1f\xb8\xdd~\xd3g\xfa\xddf\t\x8f\xc9ye~d\xccm\xca\xcehA\'\xea\x1b\xd4\xab\xa1\xa0\x8dy\xcf;\xb3\x03\x06&amp;6\xa4\x9d|-\xb7\x1e\xe9^\x0bs\xb7K\xd9v\x04\x88\xfa*\x84\xffF@\x0f\x00E2\x1a\x81f\x8c\xfe\xe2\xdf\x0c$\x1b\xd9A\x90c\x1d\x8f6\xadP\xf9\x97\xc6\xbd1\xf3\x83@\xcf\x8dx\xa1\xc3\x08\x9e\xa3\x17\xb0k\xf8\xbd\x1e!h2\xbc\x81\x8d\xdf\xf9\x8b\xabd\xd1\xdbd\xcfO\x9a\xa4\x1er\xd1\x7fm\xd8g\x9f\xe7x\xf4\xc0\n\xdd\xbc\x8dM\x15\xb8\xf5\xe9\xca\xdaW\xae1\xff{\xb7\x95\xe9\xadH\x02y]\x8f\xb72\x07\xea\xfeW,\xacl\x8f1^^\xff\x04\xd0\x13Q\xe2\x1dxZ5\x9c#\x06w4\x03\x84\x14\xbf\xf1\x0c\xd9Jh\xc3\xbfQ\xa8\nq\xe2\xcb\xf5\x87\x9a!\x12\x16C8\xc7\xf0\x046\xec\xff\xa5\x92i+\x1d\xc2\n\x88\x9b\xef\xeb\x10$\x06\x11\xae\x8db\x85\x9d\x05&gt;P\xff\xcf\r[\xb2\xeeh}8\xdeB\xc2\x89J\xd0\xdb0\x10\n\xe3\xbf\x8c\xb2\xed\xf7ry\xf1"h\x00\xb8\xbf-^\xae\xf1\xbf\x88\x8f\xebt\xd8\x08\xdf\xe1\xaas\x91qC\x16eIGiw\xb1\xd9\xad\xc9\x9e\x18\x9e\x8c\xc7\x12\xf8;&amp;\xc1I\xa1R\xd0t;\xfcw\x13gZJ\xa4Yz \xf2R\x87x@Z`\xfa\x1e\xdb\xeb\x14\xa50\xb2I\xcaC\x1av\x94\xb5q\x05B#\xc4z\xaa\xda?o\xcc\x9b$\x88\x1c&amp;\xa5\x19\xed\x82\x11Q\xf2\x19\x85\xdfd\x9f\xfb\xe6\x8e\xc7&lt;T?\x85\xcb\xfc\xdb\xd5\x17\xbbU\x1d\xbd\xc7Z*AY{\xb4S\x8e&amp;`\xf7\x02\xbb=\x94z\xc1,\xc8\xa8\x03\x07\x90\xc8\xa0&gt;\x1bs\xdcD\x11[\'\xa1\xb2`Y0\x8e\x82G\xbe\xe5&amp;Fz\x1c\x15\x96\x0f\x199\xfe\xbe\xbc\\\xd6\\\xc6\xfe\x04\xd7\xf3\xce\x0c)P\xed;}\xe9\x87\xa6\xd7\xe7\xbfo\xaa_\xf3\x02^\xb3\xf5;k\x1a7*Q\x95\x90n\x0b\x1f\x11_\xc4:$7\x9fc\xb0\xef\xa4J\x81\x0b\xf5\xfcS\xb0\xc5\xd0\x89%.\x1eK\x11\xbf\xa5F\xc8L\x96c`\x14\x98\xcf\xd3\x0f\x8b\xab\xb7\xc5r\xd5e\xb9\x80T\xeb\x01\x8dFdb\x83\xfdQ\xbf\x93\xa9\xaf\x10\x13\x8b\xfc\xaaC\x1b\xbe\\\x91\xa4x`\xda\'?&amp;\x81\xe1\xc0\xd8M\xe5\x81z\xb4I\x06H\x98\xdc\xe2\xc6]\xd2r\xff\xd4\xd3\xd7Z6\xea)\t1\xf8\x87\xb1\x16@\x99\xdf\x19\xf3Q\xc4\x11\xd6J\xa6\x8a5,\x03\xb0\x8c@\x01\xf0W\xc3x(OGo\xa90v7\x8e\xd3\xe5}\xe5\x99\xa8\x93\xd9\xb0\xa0\xff\xde\xf3O\xe6&amp;\x01\xd9\x84\xc4\xea\xd9\x1c\xbap\x1d\xf8&amp;\xad\x8c\x96y\xf1\xcdX\x98YI\xed\x02\xf9O\xc2o\xe3(\xa1v\x9b\x8d?\xdf.\t\x128k\xc3f\x12!\xb5\x9e\xd0\xac\n\xc02\xab\xbf\x8c\xd2\xb7\xd8\xbf\x1b\xea\xc1\xa4\xb9\xc6j\x027-\xb7\\J\x13\t\xd6pT\xdd{\xd0\x0f\x0fy8,\xc2=\x03\xa1\xf63w\xef\r\x19\xb2\xaf\xcf\xdf\xc2\xb6h\x84\x0f3\x9a\x9e\x9b\xa5\x91\x93\xce\xb5\x95\xe6]\xd7\x94rF\xdag\xfdb\xb5\\\xafK\x13t\xc7\xe6\xa2\xd1\x00\xc0\x16\x1fO\xa1\xab!\xdd\x11\xe3\xcb\xbc\x99\xc1\x96\x8b\xfe9\x95\x89`%*\xb2\xb6\xf2\tB\xb2\xeep\xea\xba(IH\xce\xc96\x07\x86R\xf5`\xff\xe8\x9d\x83yT\xa9\x01\xc2\xadAQ\xe7\x8f\\\xa5\xcb\x89aS\xa5\x0b\xea"\x80\xea\x13\xe6\xe1s\xe95\xa8\xfb\x9d0}\xc6\t\x18\x182N\x14\xc3\x06\x0f\xbeI j,u2|I\x14\x0e\xc0\xb6\xe1\\\xaa\x87w\x99\xe9\x03\x95\xf2\x87b\xb0\x80\xdd\x9atC B\xffk\x1ac\xf5-\xa2\x02K \x86\xf0\x9dQ\x06\xc0T\x01\xb46 \x138P.-\xd5\x84=\xc3`B%$\xb4T\xd2\xb2P\x1c\xad\x0f\xfb\xc0\x8d\xba\x1fR\x02HI\x83\x03 x\x95\x07\xd7\xbf\xab@K\xd4\xc8\xafN\x9a8\x9f[\xb4\x81{\x83?\xfbv\xe7\x8d,\xcd\xf9\xdbE*?\x1c\x819\x94`\xdf\xf5\xdcx~y\xac\x81\xfd\x1c\x067i\n\xf1?\xa3S\x10\xd6\xf6U\xb9Y\xaa\x04@\xe9p\x08\x06\xf3\xf2\xbe\nZ\x8do\xe1s&lt;\xb7\xa9\\T\xc1r4\xa6\x8d!\xa7\xce*B\x08\x06\xcfi\xf8;\x9e\xa6\xd10\xf1\x81\x89@r{\xd8\x16\xe3s\xba\xd6\x90\xcd\xf8\rw\xb4|\xee\xb2:4\x95\x9b,m\xb5\xedSV\xa5\x07\xe2P\xbb=\xe8\xfdP\x9fUA\x88\x0f\x1d\xc74\x926\xa5N\xf9\xdch\xebx\xc1\xd7\xe9\xbbB\xca@\xf1\\\xd9=z\xe0\x9e\x89R\x84&amp;3\xa6\xfd;$ \x7f\xc9\xe6\xcc32\xbf\x0e\xf9%?\xb901`Cs\xc0\xf2,Ux!\xed\xa3\xd0&gt;\xc9\x83\xe1\xa3\x9ad)7\x81~~H\xd8\x81\x05Sx\x11\x8f\x9e\x99\xf8\xb0KfK\xf1t\x83\xf2O\xef\x8b\xf7\x80\xa1\x00zTK\xa4\'Y\xd6\xb5&amp;l\x15F&lt;\x82/a]\x07+\t\x07\x14\t\xaf\x1b\x9a\x8d V\xfdoN\x05=\xb3\xdd\x8e\xb4^K\x1b\xf7]qK\x91\x11\x02\xa3#Dn\x94H\xd5\x80\x18\x1c\xa3EW\x0c)\xafkk\xec\xa7\xed\xad\xc7\x9c\xe8QDl\xa4\x1a\xe3rDIR\x94f\xcd\xe5\x07\xd7"Qw\x1a\xb4\x80\x0fS\x90\x0b\xc3\x9f\x00\xac\xf0-\x01*\x97\x99\r\xaf\xe21\xe7\xad[\x88\x04t\xb6d\x1c\x02\x14S&amp;\x10\xd0\xd8\xbb\xef\xb0\x88\n\x9a\xed:\x8d\xff\xacg\xe0\xed\xd8\xb7PLbI\xba\x86\x9dU\x10\x04\xde\xf3\xf5Q\xe7\xf7F\xb0\x11\xba\xfc$yF\xd3\x99\x89b\x0c,^w\x18O;\xf86U\x03;\xa6i\x03\xa2\x96b\xe4X\x0f[,u\x0e\xe3B7\xcc\xf7\x1a\x08\x8al\x1d\x960)\x9b\xdc\xd9\x0c\xe4\x0c\x11\x08Y\x8b&amp;\xda\xad@\'BC\xd6\xca\x9dq\x8f\xeeZ3\xbeI)E\x08/\x91\xe6\xa2\xc7\x82\xbe\xa3\xf7\x80gdLf{~\x93\xc4\x9dp\xb6\xc7E\x7f\xeeHC\xf5\xaa^Hv\xc72\xf7\x06\xf2\x81Z1\xc9\x16I\x17\xb9Jn=\x8b\x80\xb8!P\xae{"\x1eC\x0bx(\xca\x1frjg\x04\xa9\xba\x16\x90\xdc\xf1$;\x8bA\x92\xe1O2\n\xd3RN\xa6rV\r\x85\xbd!\xad\xb6\r&lt;+\x10x5&gt;\x8f\xacq/\xa8\x8d\x8d(_K\x91\x88\x16\x9c\x1bO\x08\xa5B\xb4\xc5\xdf@\xe1\x85\x10s\x97!\xf5&lt;b\x87&lt;\xf7T\x83\xd8G^\xd5_\xf3v?\xc7 \xc8\x99\xbe#\xc1\xc7\x10(\x07\xe2\x82\x92:2K\xda\x8f4\xda\xf5U\xee`\xd7&amp;\x8b|\xec\x97_)\xf4v\x0fs\xd9\xc6][\xe6\x7f\xc21xG\x11[\xc8]\x1eL\xd0\xc8\t\x14\xf5\x81\xcc\xc72\x9dn\xf4\x86G0 \xed\xa6\xebo~\x91\xe2\x0b\x03\xde\xbc"y\t\x00\xccj\x8cqb\xcb\x19E\xc6V\r\xb7\x16\x1c\xdez\x14\x89H\x93\xbbq\xc9\x1d%W,)}\x85)\x1d\xe7,(\xf0\xc5\xa2c\xa5W\xa1Q9\x1d\xc4H\x9f\x1bs\xc8S\x97\x10w`\x07\xaf\x9cs\xa8\xf9\xa1\xc7\xd2o\xee-1\x10?\x80\x0fu&gt;\xa5v\xe2h\x80\x9em\xdb\x94xg\x12\xc9\x81\x1e\\\x1d\xd42\x02@\x0f\xbbf,\x1a\xbc^\xa7Y*k\xe4\x97.q^\xb8\xedic\xb7\x9d\x19*/S\x1d\xda;\xac\t/\x02\x80V\xc3\xe7\xd4\x83r\xe6#QHz&gt;/\xe3\x1f\x19E\xfa\x85zW\'\xfa\x13g\x1a\x92\xf8v\xb5\xabX\xd4?\xdc\xa3\xc3w\xb5\x1fV\xd8\x0b\xf8\xd0H\xa8m\xcb&amp;\xad}\xb3.\x8ew^\x19\x0f8\x07H\x15e\xdeK\x14A\xb6\xee\xd7\xa9\x937v\x0bJ\xd1\xf2\xcf\xf1p\xf1\xc6jx\xcar\x90\xc1\xc1\\\xff\x9c\xbf\xa1'</t>
  </si>
  <si>
    <t>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</t>
  </si>
  <si>
    <t>b'\x99\xb3\xc5\xdaCF\x88K5\xa9\xe91\xcf"4E'</t>
  </si>
  <si>
    <t>number of base majority carriers (electrons)
 are injected into the emitter or recombined with the holes in the base region, thus creating
 the base current. Figure 4.38(b) illustrates the flow of the carriers. All of the operation
 principles and equations described for npn transistors apply to pnp devices as well.
 VBE
 VCE
 x
 x 2
 x 1
 Density
 h
 p
 n
 + p
 Hole
 VBE
 VCE
 +
 e
 h
 +
 e
 p
 n
 p
 Q1
 VBE
 VCE Q1
 VBE
 VCE
 I E
 I C
 I B
 (c) (d)
 (a) (b)
 Figure 4.38 (a) Structure of pnp transistor, (b) current flow in pnp transistor, (c) proper biasing,
 (d) more intuitive view of (c).
 Figure 4.38(c) depicts the symbol of the pnp transistor along with constant voltage
 sources that bias the device in the active region. In contrast to the biasing of the npn
 transistor in Fig. 4.6, here the base and collector voltages are lowerthan the emi</t>
  </si>
  <si>
    <t>b'\x7fV\x03\xc5\xc9\xc8S3\xd1\x16\x91mG?\xb4\n'</t>
  </si>
  <si>
    <t>7f5603c5c9c85333d116916d473fb40a</t>
  </si>
  <si>
    <t>responsible, but we have already learned (Ex. 5.3)
  that this is not the caseâ€”as the ring rises, the magnetic force is perpendicular to
  the net velocity of the charges in the ring, so it does no work on them.
  At the same time, however, a motional emf is induced in the ring, which
  opposes the flow of charge, and hence reduces its angular velocity:
  E =âˆ’d
  dt .
  Here d is the flux through the â€œribbonâ€ joining the ring at time t to the ring at
  time t +dt (Fig. 8.9):
  d =Bs2Ï€adz.
  dz
  FIGURE8.9
  13Note that the field has to be nonuniform, or it wonâ€™t lift the car at all.
 8.3 Magnetic Forces Do No Work
  375
  Now
  E = fÂ·dl= f(2Ï€a),
  where f is the force per unit charge. So
  f =âˆ’Bs
  dz
  dt ,
  the force on a segment of length dl is f Î»dl, the torque on the ring is
  N =a âˆ’Bs
  dz
  dt Î»(2Ï€a),
  and the work done (slowing the rotation) is NdÏ† = NÏ‰dt,or
  dW=âˆ’2Ï€a2Î»Ï‰Bsdz.
  (8.37)
  (8.38)
  The ring slows down, and the rotational energy it loses (Eq. 8.38) is precisely
  equal to the potential energy it gains (Eq. 8.36). All the magnetic field did was
  convert energy from one form to another. If youâ€™ll permit some sloppy language,
  the work done by the vertical component of the magnetic force (Eq. 8.35) is equal
  and opposite to the work done by its horizontal component (Eq. 8.37).14
  What about the magnet? Is it completely passive in this process? Suppose we
  model it as a big circular loop (radius b), resting on a table and carrying a current
  Ib; the â€œjunk carâ€ is a relatively small current loop (radius a), on the floor directly
  below, carrying a current Ia (Fig. 8.10). This time, just for a change, letâ€™s assume
  both currents are constant (weâ€™ll include a regulated power supply in each loop15).
  Parallel currents attract, and we propose to lift the small loop off the floor, keeping
  careful track of the work done and the agency responsible.
  b
  h
  Ia
  a
  FIGURE8.10
  Ib
  14This argument is essentially the same as the one in Ex. 5.3, except that in this case I told the story
  in terms of</t>
  </si>
  <si>
    <t>b':X\x9dN\xa7\xf3nH\xd4\xfe\xd7OZ\xb0\x8e\x9c`\xbf\xab\xe7bj\x97\xa8\xa9r\xde\xde\xd3\xe84\x00'</t>
  </si>
  <si>
    <t>3a589d4ea7f36e48d4fed74f5ab08e9c60bfabe7626a97a8a972deded3e83400</t>
  </si>
  <si>
    <t>b':X\x9dN\xa7\xf3nH\xd4\xfe\xd7OZ\xb0\x8e\x9c'</t>
  </si>
  <si>
    <t>t of the Koran, which they think is a Bible, and
 people that knows better knows enough to not let on. I never see such a
 big church in my life before, and most awful high, it was; it made you
 dizzy to look up; our village church at home ain't a circumstance to it;
 if you was to put it in there, people would think it was a drygoods box.
 What I wanted to see was a dervish, because I was interested in
 dervishes on accounts of the one that played the trick on the
 camel-driver. So we found a lot in a kin</t>
  </si>
  <si>
    <t>b']\xd4\x12\xe8\xee\xf6\xcf\xd2R\xf4:\xf3\x90~\x08\xfb\xec\x12FSO,\xf7\xb1?T\x1c\xe0\xcc\x9a!\n'</t>
  </si>
  <si>
    <t>5dd412e8eef6cfd252f43af3907e08fbec1246534f2cf7b13f541ce0cc9a210a</t>
  </si>
  <si>
    <t>b']\xd4\x12\xe8\xee\xf6\xcf\xd2R\xf4:\xf3\x90~\x08\xfb'</t>
  </si>
  <si>
    <t>beside the Lion until he should awaken; and the
Scarecrow brought Dorothy some fruit from a tree near by, which she ate
for her dinner.
46
CHAPTER 10. THE GUARDIAN OF THE GATE
It was some time before the Cowardly Lion awakened, for he had lain
among the poppies a long while, breathing in their deadly fragrance; but
when he did open his eyes and roll off the truck he was very glad to find
himself still alive.
"I ran as fast as I could," he said, sitting down and yawning; "but the
flowers were too strong for me. How did you get me out?"
Then they told him of the fieldâ€“mice, and how they had generously saved
him from death; and the Cowardly Lion laughed, and said,
"I have always thought myself very big and terrible; yet such small things
as flowers came near to killing me, and such small animals as mice have
saved my life. How strange it all is! But, comrades, what shall we do
now?"
"We must journey on until we find the road of yellow brick again," said
Dorothy; "and then we can keep on to the Emerald City."
So, the Lion being fully refreshed, and feeling quite himself again, they
all started upon the journey, greatly enjoying the walk through the soft,
fresh grass; and it was not long before they reached the road of yellow
brick and turned again toward the Emerald City where the great Oz
dwelt.
The road was smooth and well paved, now, and the country about was
beautiful; so that the travelers rejoiced in leaving the forest far behind,
and with it the many dangers they had met in its gloomy shades. Once
more they could see fences built beside the road; but these were painted
green, and when they came to a small house, in which a farmer evidently
lived, that also was painted green. They passed by several of these houses
during the afternoon, and sometimes people came to the doors and
looked at them as if they would like to ask questions; but no one came
near them nor spoke to them because of th</t>
  </si>
  <si>
    <t>b'U\x1a\xd1\x19QD\x1a?_\xde\xfa\x1ei\x86\xedS;\x0e\x94\xe7\x08\xc0S\x03\x1d\xaah4\x0e\xf7/ \xad\xd8AP\xc3\x00W\xdf/\x83}jgB\x7f\xd2t\xc6\xab\xedk:\x12\xa0\x0cp\x01Z\xf3|\xc9\x0f\x8d\xcchAY\x80\x0cs\xbf\xa3\xb0\xb9\xb6\xe7\x1c\xd7\xa0\x94\x9a\x9c\xfe\x11\x9a\xd6\x05\x83\xaaO,\xd0y\xf4q\x8e\t\'o 1\xf7aZQ\xbe\xf4\xa0~\xc8\x03%g\xe4E\xb6\x16Vicjn\xcaR\x10-\xf4E\xc3:\xd0B\xcd\xaf\xd4\x08\xf6\xc8_\xfas\'\t\xd6\xd1\xf2\xea\x17m\x0c\x11!\xb0%\xd6\xa8\xccH\xa8\x9b\xce\x92w\x0bg\x08)%\x95\x7f\xc7\xd5~9\xa9&lt;\xefC\xa9\x83f\x94\x1b\x15\x02N\xf6\x9b(B \x88\x82\x8c4\x9f\xb2\xacW\\\x1fy\xa1;\xe2\x04\x19\xb4@\xcd\xa3k\xf5,\xeb\x88\xdd\xfb\xa3\t\x18\xd2\xaea\x8b\x1b\x86\xa0\x08\x88\x9e\x97\xfeg\xeb\x85\x08k\'\xfd-\x14,\x89,\x12\xcd\xa3o\x96\xfd\x16&amp;6\x0e\xe0\x0b\xb7\xc5\x0f\xa9P\x80\xa9\xdd\x97\xad\xf6\x99\xd1v\x0bj\xfd\x1b\x8e\x8a\xa8gK\xea\x992nE\x1e;&lt;v\xcf0\xc3\x7f\xe8W\x02\x1d$\xc5\x9bIg\xf7\x8aW\x95\xc6*\t\xfb\x15\xb2j\x08Z\x1c\xf0w)\x04\xbc\x15\xb5\x10\xdb\xf3\t\xa4\x94\x0f\xcfI\xcfYd\x93\xda\xf1;\xff?\xd2\x85\xaf4\xc6\xacz\xddG\x9b\xcbY}\xc1\xbe\xa3\x15a\xf5\xd5\xcb\xb7;\xf5\x93.\xbd}\xbc\xfc\x12\xff\xfa9V\xb5\xd8C\xde{\x839\x12\xad\xa8\xcb\xaf\x0b|\xb7\xc2\x12\xbc\xef\xc8H\xc7\xca\xdf\xc7+#\r\xc0\xff1\xf6\xee\x1c\xd5[?\r\xf0Q\xefPO\xed\xbc\x1f\x1a\xc6\x9f\xdd\x96\xb9`\xf5G7 \x9f\xa0\xa2\x9fo\xec\x98\xdfQ\xc1\x18{f\xc3?D4qQ\x13\xe6G\x0e\xb1\xd2\'\x9d\xeb`\x0f\xa7\xb0\x00h\x11\xd2\xf5|\xe2SC\xc8\x92\x81MkH\xc3\x82\xaaC\xf8\xa1\x06\xaf\xaa\xf8\x98\x91?)\xb4c\x83\x15Ni\xc4\x9c\xaf.\xad\x8b?\x8f\xe7v\xb6\r`.\xbe\xc5\xe27\xd3T\xcd\xeb\xdaW\xfd\xd5\xe1\xd3\x8b\xfa\xfai\xab\xab\x08?\x17\x9b\xcd\x0c\x0cV\xb6^\xb8\x87-,7j\x17"\xe9\xba\xfbF\'{\xd8\xfd2Y~r\x83(\xde\x9a\xc6a\t\xfe\x81x"n\xf1x\xe1\xc8\xcfX\xcd\xb2|y\'\t\x8a\xf7f\xf6\x98{\xc2A$\xc7\x14\x1fq\xdf\xb3i\x06\xbd\xd6\x9b\xbd\xff,\xcd\x81\x8dhZ\xc9\xb5cSD\xba\x0ce\xf0\xd7\x97\xf5Q\x8b\x9e\xc2o\xf1\x03\xef\xd1\xe8-\xf4\x07N\x9e\x92e\xf5\x85y&gt;+\xf7\xd1\xc1$r{\x078\xf7)\x19\xd8\x02z9.\x92\xb5Y\xe2\x1b\xc9\xc1p~\xa6\xe0\x03\xc6A\xe2\x82\xd4\x86\x8b\x9f\x1e\x0f\xa8\xae6\xb7\x0bL\xb5? \xc29\x9b\x1a\xd6\xca\xe3\xd7\xb1\xef-\x02\x85X\x1a~\x97\x9d@\xdf\x1d,}\xe2\x81u\xbd[)km\xc8\x02-H{\x80L\xba\xb6\xc7\xfd8,i\xab\xe7\xeby\xec\xe1j\xc2\xefE\x16&lt;\xad\xe1\xce\x0c,\xae\x12*\x17\x98\x98\xcbY\xc1\x12\xe5\xdc\x19#\xd3\x92\x00#\xee\xfe\xdf)\xc5\xfd\xb6\xb3\n\x01\xfc\x7f[\x14\xfd\x16\xe8J\xee\x1f\xb7\xce\xc7\x97\x99\xed\xb2b\x13dn(\xd1\x13\x93\xd4\x10V \x18@#nm\xf2\xf6\xa461A\x8dI\xbe\xdf\x1a&gt;\xf9\x17\xa1N$\x17DK\xe3\x8d\x011\x0b\x9a\xf9\xdf\x00r\xcex"\xf3\xf6\x9f\xba\xbds\xd9\x11Y\x07\x18\x98\xa4C|#d&amp;\x07-\x1c)\xf3u\x9b/\xdaf\xd4\x94\xe8\xb7S\x80M\xd0j\xda\xef*\xfa\xf7\x1c\xa4nU\xe1\x9fS\xa1\x89\rX\xdfq\xc8\xf87\xb9(|z\xa4\x93]#\x120n\x81rt\xa9?\xdb\\\xc3c\x00\xa7\xd3\xca\xecz9\xc6\x1e\xd2\xfa\x84oK\x08\x1cP\xf4\xdf8\x86\x9e\x10\xe9\t@\xb1&amp;d.58\x883\x8cf\xbe\x01%iv\x91\x98\x0e\x88\xec\xc4\xd7\x0b\xc0\xa7\x08=\xad@Ri\xf9\x04\xc9F\xa7\xf2p\xd2\x1e8/@\x80&amp;\xc0t\xbdzA\x8d\x1f\xe3kL\x06\xbe\x0f\x9c\xed=`\xce\xab#\xfa\x85w\x06\x1b\xc4\xb7\x07\xa3\x9e7\xb0?\xf2\xf6.G\x01\xa6\xd9\xfa(\xbd\xb7X9km8\xc6\x14&gt;XO\xdcM\\\xfb\xd4\xdc\xd2\x84\xd6}dx\xb2Q\xf9`?\xf8Q7\x98 \xe7\x94A$?\xa2\xcb\x85I&lt;\x82\xd3\x01\xd2\rm)\x9b\xc9\xf1\xea/|\x0c.\x88Ca\xb1\n&amp;\xb1\xd1\xb9R\xbb\xf5\x84\xb4\xe0\x9a\xa5\xfe\xc2%@\xa3\xa0|3\xc6\xbaD4\x88\x82\xaf7\xab\x17\xa1K`\xd9\xfa\xb8f\xa2yy\xa9\xb32\xec\xb6\x86&amp;\x93K*Y\xb8d}\xb0\xb2:\x0f\x8d\x19\n\x06\xe1:\xa6\xe7\xe5\xbeu\xb4\x17\\\x00\x19\x80\x17\xee\x91\x13\xc8\xa1|\x82\x15{&gt;/\x03\xfe\x87F\xb3\x04\x80\xf2\x91^o.pV\xccE\x92\xbb\xd0\x1d3\xb41\xf9@\x02Z5\xfb0\xc3f@\x92\x93\xf0^o\xcf\xc1\xe7\x86\xb9`\x1b\xf9h\xc4P\x97\xcf\x8f\x9b\x93\x8f\r\x93\x08b\xb1\xb0w\xc4\xb9s\xfeMf\xdfZq&lt;9\xba\x1f\xfbIK\xb4\xee\xb1\xde\xfcW\xe4\x82\xfa\r\xfe\xf9\x00tp:\x7f\xd4\x12\xcd\x8b\x9f\xf6\x81\xd9wSU\xe1$\x95Y\xcb\x85\xa7\x80\x96\xb6\xc9\xc9-\x1a\xd2\x93\'g^c&gt;14w\x83R\x8b\x1c\x8b\x8d\xcc\xe0D\x17i\xea\xdcA8\xa1F\xbc\x01\xe4\xa1\x17Dy\xe5\xb4\x7fZ\x0b4\xf8\x8e\xd4\x94\x8a\xff\x8d#\x80\xc7\xe7,;33\xab\xcd"O\x9e\xde\xc5o\xcaS`d\xc3t4.$\x8a\xc6yS\x1cU\xac\rJZ\x1b\x94@\x15\xbc\xd8dL\xa8\xfa\xd8\xd09H\xfb\xdd\xdcO\xa2~\xd76z\x1e\'f!\xf4\x83-\x83qT\x1a\xd8\xc1\xce\x90ui\xdf\x16F2\x98\x07\x9c\x9b\xdf?\x8f\x82\x01\xddo\x14\xd2m=\x91\xba\xb9-\xd1\xcfN 9\x8c\xd9d\xe6m?0{\xafY\xd5T\xe6\xe2\x83}|\x08:\xccA\xf9L\x17\xd4\x0f\xc0\xe4\xcf\xbbv\x9d\x01\xf0\xc1N/\xef\x1b\xa7#\x11cw\x13\x93I\xb0\xf1\xdf\x81&gt;\xdfd/Y\xb6\x9fnQ#_Vi\xeaWU=i\x83\xc4*\xd0\x9c\x10(\xbd_\xeaD\x9c\xf5gG\x1a+SV\xe3xw\x1f\x90\xb4\x8c\xd6\xc8\xe8\xa7\x04R\xe4{\xc4I\x1a\xa9\xb1D\xe8\xab4\xe4\xad\xf8\xdf]\xf1x\xb5\xb6\xaa\xbf\x7f\xc6\xb4\xf9\xb9\xc0\xcf1q\xeaz\x97\xac\x19\xdb\x89\xa1\x96\xb0p\x01+*\xc9&amp;W^\xa4q\x14\x993\x9f\x89@3\x06\x8a\x8f&gt;B?\xde\xcfv\x96\xe2\x10\tr\xed\xb5\xd6\x85\xd2\x0fY\xb5\x8c&amp;d\x0f7\xdfrhyL\xdc\x07]\xc9\xc5\xae\x1c*\xed\xf4\xees\xf3\x05\xc0|;\r`~\xd5/M\xba\xa5\xcc)\x16)a\xccO\xa4}\xfd\xda\xba\xf4\xc8&lt;\xd7e\xf0\xd6\x1djXM\xaeY\xc9\x86\xf0\xac\x92\x11`\x06B\xf0\xdb\xc4\rh\x91\x1ea=\xcc\xbf\xac\xf7.N\x9d\xd3\xfd\xde\xc0\x1f\xbca2\x1cP\x96$\xbe\xb1*\x8b\x94}\x14\xca\x0f(\x91OB-\xe2}\x14\xf6\xbd\x0bY\x143\xb6:\xaago\x14\xd2\xad9\x7fg\xecZ\xf9\x15\xf8K:\xe2r,\xf5\x96\xdb1\xa1$[\x06\x01\xf9\xc9\x13tx&amp;\x17\x959\x8e2\xf1\x14\xa8\xe4\x11\xe6\x93\xb3\x89"|CS\x858\n\xd4B\xe0\x13\x18\xec\x91\x85\x967r\x95\xedU\xdd&gt;\xc5\n\x19\x86\x00\xbf\x01$\x95\xb4!o\x005\xe0\xd3\x82\xb6#\x8a\xd9\x0f\xdcK\x0e8\xe2\x17\xa4X\x04\x125n\xb1A\xe17\x1c\xa2\xc6\xb8\xfb\xdd{\xc7\xf4\xa3x\xe8\xbc\xf4\xbe^\x10M6\xc2l$\x1f\x07Q\x95\x9b\n\x89\xe4\xd3^6\xc4\x13\xa7\x98\x9bZ\xe8\x8a\xb8D\xf0\x89Q{$'</t>
  </si>
  <si>
    <t>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</t>
  </si>
  <si>
    <t>b'U\x1a\xd1\x19QD\x1a?_\xde\xfa\x1ei\x86\xedS'</t>
  </si>
  <si>
    <t>painting.
Spectacle 401
A further element that played into the emotions of execution was the fact that most
of the condemned were slain near where they had committed their crimes. In
such cases many in the audience may well have been present at the trial and have
demanded the penalty, thereby becoming participants in the judicial process. Furthermore, on the evening before a spectacle the condemned would be on display at
the cena libera so that people would be informed of the reasons why they were to
suffer, and their crimes would be announced in the amphitheater before the execution. The point was that the crowd would participate in exacting the penalty (Potter
1996b: 147â€“55). In other cases, where the condemned were not locals â€“ the state
appears to have kept a supply of damnati on hand to sell to prospective munerarii
(ILS 5163, 56â€“7; Robert 1940: 320â€“1; Ville 1981: 236â€“ 40). Before they were
executed their crimes would also be recited so as to let people know why they
deserved what befell them.
A different group of condemned, those condemned ad ludos, had a slightly better
chance of survival, and could be put to different uses. A person sentenced ad ludos
would receive minimal training before being sent out to fight, often in groups â€“ this
being the most reasonable explanation for the curious description of some combatants as priced at the same rate as people condemned to the beasts, who are said to
fight ad signum, or â€˜â€˜at the standardâ€™â€™ (ILS 5163, 36, 56â€“7). These are likely to have
been the people who fought in recreations of battles such as the naval encounters
discussed above.
In addition to those condemned through the judicial process, prisoners of war
might also be offered up to the beasts and other forms of spectacular death â€“ allowing
the audience to participate in Romeâ€™s victory. It is tempting to think that the people
who played the Britons in Claudiusâ€™ spectacular reenactment of a battle from his
British campaign were in fact prisoners of war (Suet. Claud. 21; Smith, this volume).
Displays of this sort should be seen as updating the traditional form of the triumph, as
they would enable viewers to take an even greater part in celebrating the victory by
making them, in a virtual sense, participants.
Those sponsoring games were not the only ones who would find themselves in
competition with the past. The obsessive record keeping that appears to have
been a feature of the star system meant that individual competitors defined their
achievements in terms of great champions of early years. Diocles, for instance, is
explicit in setting his accomplishments in the context of earlier charioteers (see above,
section 3). Athletes might wish to be compared with great heroes â€“ and their fans
might encourage them in this. Cassius Dio tells of a man named Helix, who won both
the pancration and wrestling events at the Capitoline games in the early third century.
He was then the first person ever to do this. When, however, he sought to repeat his
triumph at the Olympics, the Eleans did not hold the wrestling event because they did
not want him to be able to claim the title â€˜â€˜eighth after Her</t>
  </si>
  <si>
    <t>b'\x08CC\x84\x17\x8ar\xdb\x1f\x04a8.Ut\x1b\xbc\t\xb3O\xe0[\x9f\xb53\x8d\xdb\xa2\xee\x1b\x02\x80\xe7\xf2\xc8\xab\x8c\xca\x1c\xb2*\x01\xd1\xb5\x8a\xbc\x8b\n\xa65z\xf4k\x84\xba\xb7\x8d\xc8\x9f\xbd\\&lt;\x8b\xa5pm\xa7\x02\xd1Z\xcc\xc3 \xbc\xd5\xb8]?\xc1\xcf@&gt;\x18d\xfe%stFT\x89/SL\x19\xc6\xd4&gt;0\xb1\xec\x03\xf5|q\x86\xe0\x93\xa3\xb7x\xca\x1fYV\xae\xfd\x1f;l0\x7f]\x05\xf7o\x94\xb9\xf6W6\xf3\xac`r\x062)\x83\xcf\x84\xbd\xa5\xbe\xab\xbb\xe8\\\x95\x8200\x94}\x1e8\xc9\x1b\xc7Z\xcbl=\xab\x11MY\x0f\x99(\xdeK"\xae-\x91\x98"\xfc\xec\xedj\xfc\x8b{\xec\xb6\xfb@\x0b\x18m\xb4\x94\xa9}&amp;15?\x01\xae\xda\x9d\xaczV\xffl\xf1\x92K6\xeb\x06\xcc\xc9\xe1\xd8\xb4\xe2\x89\xdf\xbd\xa2\x98\xfbm{\xb7\x82\x84\n\x87\x1bJ\xc7%D\x00\x84R\x1b\xa6\xd9\x9bS\x0e\xa2O\xa0/\x92\xf5\xa2K\xec\xa7\x99\xb0\xe5J\xd5{k\xec\x97\xe6\x08|\x9f\xf1J\xae-\xcex\xaf=}\xc4\xb9\x0eg@\xb9Hx\xd7z\x98\xcfn\xd6\xe8kN_\xe2\xda\x10\x8c\xa3\x19EY\x12\x928!?\x04\xc2\xad\x9fMz&lt;[B\x17\x9f\x01\xcc\x8b\xca\xd8e\xa3\x98\x93\xfaZ\x91\xcc\x15\x82\x13-\xd8k\xfc[\xe2\x02\xbe\xef.\xee\xc6\xfa\x02$\xef_\xc8\xb6\x08f\xfa\xa1\x14\xa9\x82\xbf\x99\xfe\xd5\xbd\xea\xaaz{\xb5\xf2\x8b\xb5\x85\xdd\xbf\'\x9e\xf0\xcen\xad\xb6*\xbc\xa6t\x9d\x15\x1b\xf4+ \x99D8\xb3}\xd2\xda\x8fS\xe1\xf2\n~\'\xde\x92\x18\x0e\xe4M\xcb=\xac\xa2\xe4\xffa\xe9\xdes\xb8\xca\xd6\xe9\xb8\xad\x13\xc6\xd2\xc3(\xfa\xb1vX\xf4\x8c\xd421\xb9\xd1\xc6\x9aw\x10n\xde!sV+\xad\xe3\xf2p\xbcA\xfaG\x10*qI\x03a\x14`5\x8a#\xc2\x7f\x13\x000i\x9b\x00\xa9\xe5I\xcc\xccw5\xa3\xd0\x9f*!\xa8\xcc+\xf3\xbe\xb7\xa2\xbb$q\x87\xeb\x85\xd5Z\n\xa9\x99Qki\xf8\x8e\x06\xa6S\x01!\x1b[\x98\xc4\xff\x8a\x04\x01\xd5|\x82\x06$g~\xe84=\xcf\xf6f\xa3b\xff#\xb8\xa2\xa7+Q\xed\xcb!6\xb8\xa8\x94\xeb\xca8`\x00\xf9G[\x8e7@\xee\xe1\x03\xce\x117\x1a\x8d9\x8c\xe3M\xae\xc0\xe2\x80\xba\x14\xf7\xbb\x9ad\xbbg\xafQ\xc0\xd5\x04\x86p\x94t\xda\xd0\xdb\xeag\xfc\xc4;\xa9\xb8X\xe9\xf0\xd5\xf4\x16&gt;\xcd\xa5\x9b\x99\xeb\x16?\xb8/\xcdwz\xd1\x84E\xbeN&gt;y\t\xa9\x8a\xef\x925\x9bSu\xdf\t\xaa2\xdd&lt;\xfa\xb1\x8c\xa4\x08i%\xedJ45\xceS\xb6p\xf4\xbcr\xa0\xb4\x12\x1d\x97\xe4\xa4R\xbf\xcf\xcdU\xe6[\xc0\xb2Da\rg\xe3\xce\xdeR7\x892\xa7N@v\xef&gt;:\x1b\\\xa8\xc7\xeb\xc4\xffn\x9e\xe7\xddY&lt;Y\xc8\xc9\x9d\xac\xbe\xb3-\xb1\xd7&gt;\xf0\x07\xaf;\x89\x87\x9f\xddv\x90\xbd\xcf\x1d\x03\xb8\xb8FP`\x9c\xca\xdaK.\x0c\xf4\x1e.\t\x87O\xd8\x0e\xfc\xf5|\xceA\xfe\x7f]\xcb\x8a\xfc\x0b\xf04\xd6\xf9\x03\x9e\xb0\x0e\xae\xce\x18\xb0\x81\xdbH\xb1\xaa&gt;\xd1\xcf\xf0\xe1\x11\x1dW\xb6\xc7\xe9uO\x07\xb8\xab\xb5\xe7\x94\x12&lt; \xa8\x8e\xd5\x1ds\rR\xf0\x95\xe7$:g\xef1\xd7\xea\x82\xa6)\x83\xa6\xcaPi\xa6\xf4\x9e-P\x9cP_Ete\xdaJvN\xa3ef\xd9\x91l\xe0\x03\x10\xdd0J\xed.&gt;\x94\xcf\xd3\x95\x06\xd3\xf9\xd5?\xda\xdf\x0f\xd66\xa8ez\x1f\xea\x8eYn\x86\x89\xc8dTS\x91\xd1w\xea\x00RK\x9aX\x97\xc6^x|F.\x1b]0\xd1s\xfb\t.\xf9\x83\xea\xb8\xa5\xb3\xce.5b&amp;\xbfY:\x1f\xd5\xb5\xd0\x1c*c\xc2\xbf\xcfPzp\xdf\x13\n\xc0\xe16\xea6\xe1fC/x\x1b\x12\xcd&lt;\'b\x0bUE\x11%\xdc\xb3H\xfd\x8bgq\xd8\xf1\xfeew{\x08\x83\x11\xc9\xeeq\x1d\x9d\xa0,\xc6\x15\xbe$\xc5\xe4}e\xcb]\x1b(c\x13\xa1\x9e\xe1\xf5\x11Y\x81j\xd2\x06/:wf\x0eJ\xfdf7\x1c\x9c\xab\xe3;\xaf[z\x1c\xc4H\x15\xb6Z\x9d\xac\x90\xdc\xba\xcb\xc5-\xc30\x90T\xa3\x8b.1\xfe\xae\xa1\xc2\x00 \xb3[\xab#=\xf6\xde\xa9U\xf7\xb8\xb6\x9e\xe8BA\x00&gt;\xe3F\x0eMW\x12\n\x83\x17\x98\xbcc\xc4\'\xd2\x9c]N\xf6\xf6\xdfj\xed\xecL\xc7vm\x8b\xeb+\xe0t\xcf\x8f8\x97\x14S\xdc\x1b4p\xa4\x02XU\x9baq5\xbb\xab\x1a\xe5\xd6\\I\x8d\\\x9cZ\'!L2\x080\xfa\x08k\x0fBxN*G\xdf\x84\xa6K\xcb\xaa\xdf\xc4\\v\x9a\x90\x9d\x87\xce`\xfc\xf7\xfa 5\xdeE\x1f\xed\xb7f\'/\x9f\xe5&gt;5\xf1\x95 \x85\xe0\x8d4\xe2u\x15\xea\x04\x1bn{q\xf8U\xb6\xa2\xc2\x8b\x87\xa1\xd1\xbce\x11\xe7\xd8\xd2L\x05Vp\x08\x14(Y\xc8\xb1 \xc1)\xdb\xd8\xec\xad\x19\xfcjX].\x99\x12\x9f\x8cZ\x98&amp;\xbd\xf7\x94\x00F\x84\x02\xcf\xb7\x04Po\xdeg*\x9b02g\x7f\x8c\n\x94\x8d\x88\xcd6*2&lt;\x19\xcc\n\xfc\x1c\xc1g\xc9\x05F\x0e\x8c\xb7\n\x99\xbf6\xa1\xe1G\xdbmX\xc0\x18\xc9A\xb52T-\xae\x9d\xc2\x88^\x0c\xf6R{Y\xceY@\xa61\x07\x86:06\x9a\xfa\xbe$\xcc+\x82E\x9b\xbc\x1f\r\xd4_1\xc5\xc8\xda:\x91]\xcf%\xc1\xb5\x0f\x93\xdb\xe5,\x7fG\x04T\x00\x88R\x86)\xba\xeb\xcbI\xfc\t\xd8N\xa8\xa0\xfc\x15\x8c\xddXD\x11\x05\xd7t\xfa=\xe37\xf7\xf8}\xe4b\xf0L t\x9eC\xdb\xac\x83d\x0eP\xe1\xa3~\x89\n\xf8\x02\xe1\xb6\xae\xe8\x8f\xf2\xc0\xc5\xd8:b\xd5sMs=\xcdyS\xde\xb0\xc2\xe9\xa0\xb0\xd6g\nh\xe1\x14\xe5\xf5f\'\x1f~\xee\xba8h\x88C\xe7\x07\xcb\xc4\x1aX\xca\x01\xcektBK\x14u\x8d\x93\xa6\x05\x93\x93\x9ar\x01&amp;\\\x7fz\x81\xed\x8dP\t\xa2.\xba\xa1G\xb3\xd9\x0f\xf5\xee\x1c\xdc\xb6e\xfb\x88@D`\x06\x9f\xb5Q5F\xa2\xe2i\x1d\xee8\xaaujN\xef\xf7:\xa4Z\xbfy\xd5\xd6\xf6i/\x06\x01\xce\xc5v\xb6\x11\xc3\x14\xed\xc30C\xf9\x1d\xebc\xeb\xbb\xa9\xb5\x0fV\xe9KH\xd2]\xe1\x91M\xd7\xd0\x08\x90\xd4\xea\xf7M\xa1\x89\x12\xc9&lt;\xab&lt;k\xcf\xc3\xb5\x84\xe4C\xec\x18\xfcP\x1a{\x8d\xc3\xb9h\xa9\xe2cmO\xe47\x91\x87R\xcc(\x8ate\x93\xe8k\x01\x8a\xdd&amp;\xf2To\x08\x8b\xcf\xe5E\x05\x1a=\x8a\xd3qm\x07\xb0h\x0e\xdc\'z\xc4R\xb7\xbfeE\xcfx\xaeC\x94\xc5\x8e\xe2:[\xe2\xe1=\xd4\x02"\x05\x8b\x981\x02[\xc2\x0e\xa5\xd4\x18"\r\xd8u\xe6\xb5\x9c8\xc5\x03\xe3\xe5z~\r\x13\x99a*\xdc6\xf7Gh\xb4\xf5\x00`-\x8c\xb8s\x81\x11-\xf4!;\x91 \xb6\xfd\xc8\xc2\x0eO\xca\xc1\x1b\xf90C\xd7\x95\x17\x0e\x19\xe5\x88\xbf\x7fu\xc7\xa8?Q\x8f\xa7\xbeA\xcf$\x1c\xce\x90\x90\n\xf8\xac\xda\xd78k\xa1Z\xcaR\xf3\xdcn{\xe2{\xc7\xb8S\x01\xc0\xb0b\xaa\x89\xe8\xab\xee,\x05\x8c4\xc9\xb0Y\x8b^\xdcQWm\xa7\x1d\xd0~\xe3\xec\x1eQ\x00Y\xeb\xba\x13 \xe0}\xe9\xf3\xe8\x16f\x9c\x92\xe9\xbb\xb8\xd8|\x91Z\x8c\x1c\xf3I\xfa\x03\xd1k\xe6\x84+\xa5f&gt;f\xf6\x9e\xd5\x7f\x9f|XH!k\xf4\xa3mP-\x00S.\xfbK\xdf$_c\xc1r\xa26K\xacd\n\x96%\xbbh\xd3.GV\xbe\xf4\x1bb{\xa0\xc4\xb6\x1dq\x811\xe7\xd8\xc9\xd6\x1dr:\x0f\xc2\xa6\xa6JH\xe1\xa8\xa6 \x1f\xdaK5\xf4e\x8fB\x14\xf1!\xbb\x03I/vB\xee\xbe/\xa7~\x8a\xa9\xb7\xd2!\xa3\x9d\x87(\x1c\xf8\xc1\x1d\r\xff\xdf\xb7v\x1ce7J^@\x9e[\xd9\xf2U\r\x83"\'\x1b\xe2\xa4\xa80g\x11\xe6.\xdd\xa2OT\xe1\x1a\xa2z\x80\xcf\x9a\xb6\xfd!IF-\xa6\xc7\xde;uF\x8f&lt;\x82\x87\xbfz\'\xca\xb20o\xb8G\x0eWc\x13\x9f\xb9\x9d\x8b*\x81&amp;\xa3Z1\xd6/\x97\xb8oKN/dp\xd9\xf3\xc7\xbd"4\x89\xc9\x06\xb0\xa3\xea\xfd\xef\xefGu&lt;Me\x91\xab\xbb\x9b\xa6\xac;\x0c\xf4#s=4&lt;\x10\x07\xe4\x1e\xe8\xf64\x16\xc6\xb5C\xec\xec*q\xfd\xda\x0e1\xb3\x14\xe3"e\xd9`\x0f\x16\xb3c)\x1e\x19\x9d\x0eRL\xe0\x9f\xf4!\xa5k\xb9\xc9]* e\xbc\xfaI2\xd1\x01\x07\x07\xc1b\x996\x11\xf7\xe8\xfa\x1aM\xd0\x91\xd7\xc6M?\xbc\x14"\xc2\xd4\xfd\x8cs\x11K\xa4k!\x84\\\xd1P{&amp;&amp;\xad\x9f%\xc7*j\xd3SC]\x1b\xbf\x06\xdf\xb4i\x14]8\x8f\xcf \x92\xd4\xa4\x06X\x9c\xe6j\x15S\xb4C\xdaJ;*,s\xcc\x9a\xffM\n;Y\t1\x80\xf3\x83\xee\xee\x05vo\xb8\xc8|\xc7V\xbd4\x7f\xdf\x05\xb3+u\x1a\x888C\xd4\x82\x14a\xf6 J~\x07\xca\x95\xb6\x83\xce\x8d\x1f\x12\x8e\xd8t\r|\xe9~\xca\xe5\x159\xa7\xfe\x14\x18\x85Qw\xa8\xca*2/\xf4\x8e\xc0vv\xb6\xe7\xd8\x02~\xb2Ri\xec\x1c\xa5\x01R\x81\x90\xf7\xbe\x0bi\xabN\xff\xee\x8d\x903)R8G\x15\xfa\xf2wH\x01&lt;\xafG\x03}\xb2\xea)\'\xccR[N\xba&lt;\x83\xc7C\xb23\x97\'3#\xdc\xbd\xa9\xf4\xe5\x17)\xff\'\xf3\x13\xff-p\xab\rE\xd4\xca+\x9e\xcdk\xc3\xfc`K\x0e\xf8K4\xd0\x8b\xe3\x99#\xf8\xe9~\x8a\xd6[\xbbVK\x98\xeec)D\xd2\x91\x17&lt;Q}\xbf\xfb\xcc\x05\xf5\xf7\xc6\x06]\x9b0\xad\x86\x08\xcaf\xcc\x07:\xff\'\x82(m\x86f\xc2\x80J\xc2\xd8\xe2\xba\xd0\\\x8e\xe1\xa6J\xbd\xb1s.\xac\xfd\xbc\xb5\x8a\xe1z KX\xa7\r\x89\xff\xcb\xe9\xb0l\x8dS\xf7%\xef(\xe1\x11\x14\xb6\xbe0|7\xc0\x13\xfc|\xca\x1d\xfb\xb4\xe9h\x9dd\xba\xbd\xe4w\\\x16\xaa0\xab\x8c\tA\n\x90\xean?c\x87\x94o\xc0\xcb\xe1@q(\xd3\xdb\xa7\x85\x98\xf2e\xa4\x1a\xe4D ^\x19\xc8\x87\xf3\xec\x06k\xd4q\xf84\x14f\xc1\xcc\xd8!lN\xe4\xc5\x8di\x01\xb6J\x8b\x16\x8e\xe6\x9cL\x0b\xf0J\xdf\x1f\xaaSQ\xc8\xea&gt;5\xbf\xf1\xc4\xe3\x0b\x0ez\x92T\xbc\xf2#(~\xe2]\xaaS\xfd\xf0\x90z\xe7\xb7\xfa1\xc8\xe6\xb0\xa6_\x12\x965v`\xef\xeb\x82A\xd2\xc1qf\xf0\x7f\xce\xa8\xcdI\x02\xf9\xdd\xe6\xa0\x8b\xc7#\x01\\\xf8J\xeb\x9f/\x0c\nN\xb4\\\xea\xfb\x96\xee\xcd\xa5j+:\xd5\xcbZ\xd3\xca&gt;"\x19&amp;\x1egc\x94\xa7\x987ADr3\xd8\xf0\xe4Z\x13\xfb\xa5\xcdh\r9\x9c\x91\xe3\xeeB\xe1\xe3\xde\xf4ja\xce\xfew\xb12\x9b\x11\x12\xa7\x07^\xf7C\x86\xff\x1d%6_u"O\x0e\x0e8\xa1?\xc4ZV\xc1\xa9\\~\x07\xa5\x90\xa6\x894\xebF\x08q\x1c\xd4\x11\x98m_\xed\x1e\xde \x91\xe3\xfd+"\x13\x175\xb3\xadL\x91Oo\x17\xc4\xcbY~`uG\x03\xe3l\x07\xf7\xb7%\x15`\xc5\xb6g\x13\xa2\xb5v\xedD\xda\xd6]\x8cK\xb4\xb9\x80\x1b \x89\xd4bU8C3"3b\xa1"/e\xcd\x07&amp;\xfb\xa8\xcd\xaeQ\xeb\xe3\x1clJuE\xd2\xdb\xd0u\x87+\x87\xe8\xd6\xfd\xf3X\xfb\xd7zL\xe4\xe2E\xe8\xa5\xf8\xde\xb3\xdau\xfe\xc7\xc6\xfai\xa5\xd7\xa1\xd6\xd3k+\xbe\xcd\xc7\xecj\x04^\x8eN\xb8\x8b\n\xcb:\x1b\x9f\xc5\x9f!\x12\xc8h\xe1\xc6\x1fd\xe4J=\xe4\xe0~aVJ\xf7\x0e\xe0m#n\xcc\xdb\x9bD\xfb\xca\x05\'\xb5Y\x19P\x186\xb7#e\x8e\xe3a\xaa\xa7W\xae\xf2sV\xbb$\x8e@!O\xf9(xm\xbe\xde\xcf\x94}\x8bp\xc59\xea\x8b\xb4\xccG\xd0\x10\xc6\x9fS\x84k\xca\xb1+\x03\xf9$0\xde\xf1\xdd\xd1nD#\x8c\x9fK\x98\\\x81\xe8\x8e%Gg\xc6L(*\xd2\xd5\x16\xf5\xea\xdd,F\xfc\xe7\xb5\xda?\x83V&gt;5\xb0\xd3\xa4o\x7f\xb9i\x95v+\x18\xf1\x87|\xf2sWUYJ^\xfe\xacF\r\x9f\x9e`\xa0\x80\xff(\xb8\xd3\x87-\x19I\x9e\x9f\xc9\xf2eB\xd8P[\x88\x058\x1e\xb1\xe0\xe6\x9e9\x80M\x9b\xc7\xe4\x9b\x8aza\x8d\x9e\xdfaRI\xb53\x7frN\xe5v\xd3\xa2\xb5\xb6p+j;\xfb\xcd\xadA\xd1\x12Y\xdd*&lt;\xb5L|C\x86\x82\x01\x92-\xbd\xe2\x91~\x9c\xf3O\xf6x"W0\xd9\xd5\xcf\x9cD\xe5\xb8\xcf\xcfG}\xf4\xd2\xd1\xcf\xfb\xbeO=\xb3x\xf1\xb0\xb53Zxt\xa5\xbc\xfa\x8a\xfb\x90*\x85\xc2\x08\x1c\x97\xcd) Z\x89M\xaezwd\xa9m4\x1e\xd3\xedl@\xc2VX\xc6xME\x0e[B\xfc\x07\xdb|{~\xfc\xac\x1bM\xcdt\\'</t>
  </si>
  <si>
    <t>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</t>
  </si>
  <si>
    <t>b'\x08CC\x84\x17\x8ar\xdb\x1f\x04a8.Ut\x1b'</t>
  </si>
  <si>
    <t>than could be had in the short
 interval, since the arrival of the servant, who had been sent forward from
 Venice; and this, in some measure, may account for the air of extreme
 desolation, that everywhere appeared.
 The servant, who came to light Montoni, bowed in silence, and the
 muscles of his countenance relaxed with no symptom of joy.â€”Montoni
 noticed the salutation by a slight motion of his hand, and passed on,
 while his lady, following, and looking round with a degree of surprise
 and discontent, which she seemed fearful of expressing, and Emily,
 surveying the extent and grandeur of the hall in timid wonder,
 approached a marble stair-case. The arches here opened to a lofty vault,
 from the centre of which hung a tripod lamp, which a servant was hastily
 lighting; and the rich fret-work of the roof, a corridor, leading into
 several upper apartments, and a painted window, stretching nearly from
 the pavement to the ceiling of the hall, became gradually visible.
 Having crossed the foot of the stair-case, and passed through an anteroom, they entered a spacious apartment, whose walls, wainscoted with
 black larch-wood, the growth of the neighbouring mountains, were
 scarcely distinguishable from darkness itself. 'Bring more light,' said
 Montoni, as he entered. The servant, setting down his lamp, was
 withdrawing to obey him, when Madame Montoni observing, that the
 evening air of this mountainous region was cold, and that she should like
 a fire, Montoni ordered that wood might be brought.
 While he paced the room with thoughtful steps, and Madame Montoni
 sat silently on a couch, at the upper end of it, waiting till the servant
 returned, Emily was observing the singular solemnity and desolation of
 the apartment, viewed, as it now was, by the g</t>
  </si>
  <si>
    <t>b"^\xe1j\xafcr\xba\xc1_&amp;\xc7\xd0I\xfd`\x10\nkeZ\xeb\xa4c.K\xf8\x9d*\xe8i\x06\x83\xeb\xc9}&amp;\x84\xd6\xdfr&amp;'I\xb6\x83}\x82F\x148z\xe5\xd8{\x95\xb5\xfa\xee&lt;+\x82h\x10\xd4"</t>
  </si>
  <si>
    <t>5ee16aaf6372bac15f26c7d049fd60100a6b655aeba4632e4bf89d2ae8690683ebc97d2684d6df72262749b6837d824614387ae5d87b95b5faee3c2b826810d4</t>
  </si>
  <si>
    <t>b'^\xe1j\xafcr\xba\xc1_&amp;\xc7\xd0I\xfd`\x10'</t>
  </si>
  <si>
    <t>Sowerby, still laughing
herself. "Good healthy child laughin's better than pills any day o' th' year. That
pair'll plump up for sure."
"They are plumpin' up," said Dickon. "They're that hungry they don't know
how to get enough to eat without makin' talk. Mester Colin says if he keeps
sendin' for more food they won't believe he's an invalid at all. Miss Mary says
she'll let him eat her share, but he says that if she goes hungry she'll get thin
an' they mun both get fat at once."
Mrs. Sowerby laughed so heartily at the revelati</t>
  </si>
  <si>
    <t>b'L\xaa\xdbr\n\xc3l\xb3\x96\xa1\x8e^\xb8\xb0\xee\xad\xb2\xfc\x1d\xbfr\x9a\xb0\xad\x03.\xa5\xc3\xfe\x16\xebXV\xeb\x05e1\x1c\x15EB\x83ETs9}\xf0\xcd\xacK\xa3\xf8^Qd\xe8\xc1\xb8\xcba\x80\xed)5%\xe0k\xc1\xef\x14\x16_\xe6B\xb9A7+\xf0do\xe3B"\xe4\xaf\x99\xda^%\xa3\'\x86\xdcxVk\x81h\xa6\x1aP\xed\xf4\xc5\xc1\xf6\xba&amp;\xf3\xf8f\x95\xa4\x17\xe8\xa1.\x93\x93X\x8b\x06\xb8\xfdEX\x925NQ\x1fI\xca\x1b*\x95\xe6Fjw\xc0\xd9\x16%\xe4\xe8\xb4\x83\xc1S;\xcc&lt;n\xd8\x13\xf1\xb0\xb1BhDJ\x16\x96i\xee\xbf\x98\xe6q:X\xfa\xba\xf7\xe6]r\x8a\x9c\x9a\xf0\xab\x17\x16U\xb3\x14\xfas7\xa9\x17\xe1\xc5\x06h\xc0-\xb1}\xad\x1c\x08`\xa1\x80\xb7\xb7\xbf\x81\xfc\x17\xa0\x1f\x83\xab\x0c\xda\x17x\xab\xe7"*At\x13\r\x1d\xb5\xbd\xdc\xecR\xd3@\xb4\xca\xebwb\x0f\xa0\xedW\xbbl\x80\xbepU\xa0bR\x19+\x95+\xc9/ #3(^tFX\xc5\x9c\xdbE\xa7c~\xe5Np\'\xecu i?$O\x12\x164j\xcdWB\x0eHR\xe4\x98\xd9T\x83c\xd2\n\xd1\xcf\xbf\xbf\xf4$\x815\x7f\xd3\xcb\xfe\xb4\xed_\xe6Q\x87@\xdbb)&amp;\xc6?\xfc\x88\xb0\x9e8\xe7X;\xdb\xe4\xf4\xa5\xa1N\x96\x92\x1b\xbf.\x00\xe1\xfc\xcb\xfa\xd6\t{\xe7=\xa7i\xbf\x9a\x83z.\xe2\xe20^\xb6\xd8y\xc5\x93\xa2\xab2\x0bt^\xf8\x86\xdd\xea\xc5\xa3\x0bL\x9d1V\xcd^\xe7b\x98|Ay\xf0\xf6\x12\xf3\x86^\xe9l\xdb\x19\'\th\xd5\x11\xca\xca\x1f\xbadTQ\xce\xec#\x16\x9d(\x82&gt;\xe2\x80\x87L\x0b\xe6\x85\xa8\x14\xe3\xc6\x9fS*\xde\x91D\x82\xfd\x8e\xb9\xb4\t+\xf7\xdcF\xd0\xee$\x86c(\xc79\xdeH\xb6\xcc\xc9\x8c\xd5\xc0\x97\x0fC\xf5AO\xd0\xf9\x8b#\xa8\t\xacH\x00\x0c\x04\xf6adA\x9e\x9a\x9a\xd9\xc2\xff\x99\x9f\xe5\x08\'Rr\xaet\x01E\x81\x87Pm\xd6\xd0.)\x961"\'\xf3\xea\xe0tr}\xa2%\xc4\xdc'</t>
  </si>
  <si>
    <t>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</t>
  </si>
  <si>
    <t>b'L\xaa\xdbr\n\xc3l\xb3\x96\xa1\x8e^\xb8\xb0\xee\xad'</t>
  </si>
  <si>
    <t>FIGUREA.1
  If you move from point (u,v,w) to point (u +du,v+dv,w+dw), a scalar
  function t(u,v,w)changes by an amount
  dt = âˆ‚t
  âˆ‚u du+ âˆ‚t
  âˆ‚v dv + âˆ‚t
  âˆ‚wdw;
  (A.2)
  this is a standard theorem on partial differentiation.1 We can write it as a dot
  product,
  dt = âˆ‡t Â·dl = (âˆ‡t)u fdu+(âˆ‡t)v gdv +(âˆ‡t)whdw,
  provided we define
  (âˆ‡t)u â‰¡ 1
  f
  The gradient of t, then, is
  âˆ‡t â‰¡ 1
  âˆ‚t
  âˆ‚u , (âˆ‡t)v â‰¡ 1
  g 
 âˆ‚t
  âˆ‚v , (âˆ‡t)w â‰¡ 1
  h 
 âˆ‚t
  f
  âˆ‚t
  âˆ‚u Ë†u + 1
  g 
 âˆ‚t
  âˆ‚v Ë†v + 1
  h 
 âˆ‚t
  âˆ‚w.
  âˆ‚w Ë†w.
  (A.3)
  (A.4)
  If you now pick the appropriate expressions for f,g, and h from Table A.1, you
  can easily generate the formulas for âˆ‡t in Cartesian, spherical, and cylindrical
  coordinates, as they appear inside the front cover of the book.
  System
  u v w f g h
  Cartesian
  Spherical
  Cylindrical
  x y z 1 1 1
  r
  s
  Î¸ Ï† 1 r rsinÎ¸
  Ï† z 1 s 1
  TABLEA.1
  1M. Boas, Mathematical Methods in the Physical Sciences, 2nd ed., Chapter 4, Sect. 3 (New York:
  John Wiley, 1983).
 A.4 Divergence
  577
  From Eq. A.3 it follows that the total change in t, as you go from point a to
  point b (Fig. A.1), is
  b
  t (b) âˆ’ t(a) =
  a
  b
  dt =
  a
  (âˆ‡t) Â· dl,
  (A.5)
  which is the fundamental theorem for gradients (not much to prove, really, in
  this case). Notice that the integral is independent of the path taken from a to b.
  A.4 DIVERGENCE
  Suppose that we have a vector function,
  A(u,v,w)= Au Ë†u+ Av Ë†v+ Aw Ë†w,
  and we wish to evaluate the integral A Â· da over the surface of the infinitesi
 mal volume generated by starting at the point (u,v,w) and increasing each of
  the coordinates in succession by an infinitesimal amount (Fig. A.2). Because the
  coordinates are orthogonal, this is (at least, in the infinitesimal limit) a rectangu
 lar solid, whose sides have lengths dlu = fdu,dlv = gdv, and dlw = hdw, and
  whose volume is therefore
  dÏ„ =dlu dlv dlw = (fgh)dudvdw.
  (A.6)
  (The sides are not just du, dv, dwâ€”after all, v might be an angle, in which case
  dv doesnâ€™t even have the dimensions of length. The correct expressions follow
  from Eq. A.1.)
  For the front surface,
  so that
  da =âˆ’(gh)dvdw Ë† u,
  AÂ·da =âˆ’(ghAu)dvdw.
  The back surface is identical (except for the sign), only this time the quantity
  ghAu is to be evaluated at (u + du), instead of u. Since for any (differentiable)
  function F(u),
  F(u +du)âˆ’ F(u) = dF
  du du,
  (in the limit), the front and back together amount to a contribution
  âˆ‚
  âˆ‚u (ghAu) dudvdw = 1
  fgh
  By the same token, the right and left sides yield
  1
  fgh
  âˆ‚
  âˆ‚u (ghAu)dÏ„.
  âˆ‚
  âˆ‚v ( fhAv)dÏ„,
 578
  Appendix A Vector Calculus in Curvilinear Coordinates
  (u + du, v + dv, w)
  u
  (u + du, v, w)
  (u, v, w)
  h dw
  (u, v, w + dw)
  (u, v + dv, w)
  g dv
  v
  (u + du, v + dv, w + dw)
  (u, v + dv, w + dw)
  w
  and the top and bottom give
  All told, then,
  AÂ·da = 1
  FIGUREA.2
  1
  fgh
  âˆ‚
  âˆ‚w(fgAw)dÏ„.
  âˆ‚
  âˆ‚u (ghAu) + âˆ‚
  âˆ‚v ( fhAv) + âˆ‚
  âˆ‚w(fgAw) dÏ„.
  (A.7)
  fgh
  The coefficient of dÏ„ serves to define the divergence of A in curvilinear coordi
 nates:
  âˆ‡Â·Aâ‰¡ 1
  fgh
  âˆ‚
  âˆ‚u (ghAu) + âˆ‚
  âˆ‚v ( fhAv) + âˆ‚
  âˆ‚w(fgAw) ,
  and Eq. A.7 becomes
  AÂ·da =(âˆ‡Â·A)dÏ„.
  (A.8)
  (A.9)
  Using Table A.1, you can now derive the formulas for the divergence in Cartesian,
  spherical, and cylindrical coordinates, which appear in the front cover of the book.
  f du
 A.5 Curl
  579
  FIGUREA.3
  As it stands, Eq. A.9 does not prove the divergence theorem, for it pertains
  only to infinitesimal volumes, and rather special infinitesimal volumes at that. Of
  course, a finite volume can be broken up into infinitesimal pieces, and Eq. A.9
  can be applied to each one. The trouble is, when you then add up all the bits, the
  left-hand side is not j</t>
  </si>
  <si>
    <t>b"\xd5[\xaa\x18:\xd0\xc3?\xda\xe5=9\x12=4R\xe0='\xa4\xee\x80\xae\xfd\xf7\x1a\xa3\xe9\xb0\x9eM\x9b"</t>
  </si>
  <si>
    <t>d55baa183ad0c33fdae53d39123d3452e03d27a4ee80aefdf71aa3e9b09e4d9b</t>
  </si>
  <si>
    <t>b'\xd5[\xaa\x18:\xd0\xc3?\xda\xe5=9\x12=4R'</t>
  </si>
  <si>
    <t>ic wave, 399
  radiated
  by arbitrary source,
  479â€“482
  by oscillating electric
  dipole, 471, 477
  by oscillating magnetic
  dipole, 476
  by point charge, 482â€“488
  Poynting vector, 358, 398â€“402
  Poyntingâ€™s theorem, 357â€“360
  Preacceleration, 490, 492, 500
  Present, 530
  Pressure
  electromagnetic, 364
  electrostatic, 104
  radiation, 400
  Product rules, 20
  Propagation vector, 397
  Pseudoscalar, 12
  Pseudovector, 12, 212
  Pulsar, 498
 596
  Index
  Quadrupole
  electric, 152, 156, 165,
  481â€“482
  magnetic, 252
  radiation, 480â€“481
  Quadrupole moment, 165
  Quasistatic approximation,
  319â€“320, 450, 451
  Quotient rules, 21
  Radiation, 466â€“501
  by arbitrary source, 477â€“482
  by electric dipole, 467â€“473
  by electric quadrupole, 482
  electromagnetic, xvii,
  466â€“467, 482
  by magnetic dipole, 473â€“477,
  497â€“499
  by point charge, 482â€“488
  in hyperbolic motion, 501
  by rotating electric dipole,
  473â€“474
  by surface current, 499
  synchrotron, 488
  Radiation damping, 490
  Radiation field, 460, 483
  Radiation pressure, 400
  Radiation reaction, 488â€“496,
  501
  Radiation resistance, 472, 477
  Radiation zone, 469, 475â€“476,
  479
  Rapidity, 528
  RCcircuit, 302
  Reference point
  for electric dipole, 157â€“158
  for magnetic dipole, 254
  for potential, 79, 81, 83
  Reflection, 403â€“411
  angle of, 407
  at conducting surface,
  416â€“417
  internal, 433
  law of, 407
  waves on a string, 388â€“391
  Reflection coefficient, 405, 411
  Refraction, 403â€“411
  angle of, 407
  coefficient of, 424
  index of, 401, 418, 422
  law of, 407
  Relativistic constitutive relations,
  573
  Relativistic dynamics, 542â€“549
  Relativistic electrodynamics,
  550â€“570
  Relativistic energy, 535â€“537
  Relativistic kinematics, 537â€“542
  Relativistic mass, 536
  Relativistic mechanics, 532â€“549
  Relativistic momentum, 535â€“537
  Relativistic potentials, 569â€“571
  Relativity
  principle of, 502â€“508
  of simultaneity, 509â€“510,
  521â€“522
  special, xiv, 502â€“574
  Relaxation, method of, 116
  Renormalization
  of charge, 189â€“190
  of mass, 495
  Resistance, 298
  Resistivity, 296â€“297
  Resistor, 297
  Resonant cavity, 435
  Rest</t>
  </si>
  <si>
    <t>b'\xfbq\xff\xceL\x00%\n-BR\x0b\xa4!\xf8#+\xec\xf32\xc4\xad\x7f\xd1E\xcf\x18(\xf1\xc8};'</t>
  </si>
  <si>
    <t>fb71ffce4c00250a2d42520ba421f8232becf332c4ad7fd145cf1828f1c87d3b</t>
  </si>
  <si>
    <t>b'\xfbq\xff\xceL\x00%\n-BR\x0b\xa4!\xf8#'</t>
  </si>
  <si>
    <t xml:space="preserve"> a transfer of a group, G (other than
hydrogen) between a pair of substrate S and Sâ€™ e.g.,
S - G + Sâ€™ ï£§ â†’ï£§ S + Sâ€™ - G
Hydrolases: Enzymes catalysing hydrolysis of ester, ether, peptide,
glycosidic, C-C, C-halide or P-N bonds.
Lyases: Enzymes that catalyse removal of groups from substrates by
mechanisms other than hydrolysis leaving double bonds.
Isomerases: Includes all enzymes catalysing inter-conversion of optical,
geometric or positional isomers.
Ligases: Enzymes catalysing the linking together of 2 compounds, e.g.,
enzymes which catalyse joining of C-O, C-S, C-N, P-O etc. bonds.
9.8.6 Co-factors
Enzymes are composed of one or several polypeptide chains. However,
there are a number of cases in which non-protein constituents called cofactors are bound to the the enzyme to make the enzyme catalytically
2024-25
118 BIOLOGY
active. In these instances, the protein portion of the enzymes is called the
apoenzyme. Three kinds of cofactors may be identified: prosthetic groups,
co-enzymes and metal ions.
Prosthetic groups are organic compounds and are distinguished from
other cofactors in that they are tightly bound to the apoenzyme. For
example, in peroxidase and catalase, which catalyze the breakdown of
hydrogen peroxide to water and oxygen, haem is the prosthetic group
and it is a part of the active site of the enzyme.
Co-enzymes are also organic compounds but their association with
the apoenzyme is only transient, usually occurring during the course of
catalysis. Furthermore, co-enzymes serve as co-factors </t>
  </si>
  <si>
    <t>b'\x06HE\xc2\xb3\x04\x82\xff&lt;_\x03\xa2\xe43\xa1\x81Z\x00{\x0cc{n\xe4\x99\x90rc\xed\xba\x15\nM\xcc\x0fAq\x88\xcd\xf3\x02\x11\xcaI\xc6\x16&lt;\xe1P\xe0~`\x1a?\xe4k\xfcw&gt;H\x9c\xe7\xba\x91\r9e\x14\x84z\xd8\xdem#\n\x9e\xf7\xee\x15\xa5\'%\x16\xce\x7f\x95S\xf7`\x04\x9d\xf1M\xbd\xbb\xef-0\xd5\xc2\xb2\ng\x057\x87\x01w\x908\xf6\x9bU\x92\x89F\x0c\xf0"\x97F\r{\xcd)m4B\x1d\xc3\xe6g\xcd\x9a\x18\xa0IL\xc5\x17\x95\x1f\xa9\x05\xd4\x91\xf6\xc7T\xc0U\x8b\xb5\xe3\xc4\xd4&gt;q\xbc\x18\x93o\xb5\xf6\x1d]\xf9b\xea^\xf4n\x18\x99\xf4;\xd4\x8a7^AGi\xf2_\x0fY\xd2s0l\xde)\x03\r\x9fG\x1e\xda\x0eM\x9c\xf5h\xe8\xbe\xa1\xa6\x8f}\x18.\xae\xb0\xbc\xca\xb5\xc1\x99$\xf2\x19\xf0f\x0f\xee\xfb\x12\xa2\xa0\xd7\xe2\xe2&gt;\xe6a\xf0\x87\x1b0\xab@\xab\xcc\xe1G|!\xda0\xca\xeajm\xe5\x17\x7f\xa8\x1e/\xbb\xb1\xc7\xe5,\x9aY\xb6\x98Yf\x160\xd3\xd3\x87\xd6s\x02\x80\x19\x96-\xd2kAgu\xb0\xda\xcd\x83!z\x17:\xaaM\x99\xbf\xda\xd5\xe6\x80\x10u\x05\x0f\xf8\xc2\xd5b]\x8c\xa3\xb9\xf1\xd2\xa5\xe1\x1a\x9f\x14\xb6\xc2"(U\xa3@\x04\xe3\x0f\xdf\n\x99\xd0\xde\xbf\x03\xd3\x0b9\x99i\xd0\x0fi\xbd\xe3\xb7;\x9fd\xf4w\x8d\xc9\x87\xd8\xa4?\xd7vbL9\xf7b\x85\x812\xb3}\xd3\x8a\xaa-J\x05\xb8\xf1\x9eC\xd9\xc1\xdd\xad\x02\xca&gt;\xb0\xd9\xcd\xcd:\x83\'\xebe\xca\xc66~\xd8\xbd\xb0\xd2\xc0\xc5\x9b\x9f\n\x15P\xb4LY\xb6N]\x05DKAA]\x0c\xf8!\x1a\xcb&lt;\xa8c\xc5\x01}\xaa\xb1\xfcs\xf6B\x06d\xbd\xdf\x1b\xa2\xb0\xc4\xe5\xdf\xb8\x92D\xe9a\xfdV&amp;p\x9b\xb6\xe0\xf8\x83\xd4H\xe4\xa9mx\x16+v\x015\x1b\xd3\x82\x95\xaa\x86\x84e\x0eG\xc4\t\xf3}q\x00Zw\'u\x08;\x865\x7f.5\xb6\x98\x985\x05\xdd\xb6\xe9G&amp;\xf8F;\x05\xf2\x06\x01L\xf5\x81z\x9c\x05\x8eI\xa1\xc2D\x01N1\x86\x16\xc5\xa4A$\xc6\x01\xed\x91\xea\xb4\x8b\x02\xa8\xf8\xe5\xa8$VX\xed\x85.;\xeeh\xeb\xed\xfcu,0\xd3\x94$G\xd9\xe2\xce5\x0bu\xc60NAD7\x19\xa7\xdc%&lt;\xc3\x8a\r Q\xaeY\x10\xe4HhHY\x87w^]\x9e\x0b\xab\x1b\xa2\xa7\xc4\xb9P\xc7\xe0\xfe\xad&lt;;\xb6/\xb6\x97\x9fN;\xbf\xa7\xffe\x15o@\xa9\xac\xe4\xb09\x02\xbc\x95\x8d\xdf\xc9\xb1\xffU&lt;\xfb\xdd\x94\x8d\x00\xf8);\xb0M\x06\xc8}yPp\xb2\xc1\xdc\x0e}\xd7\xd1B\x0f2t\xa4\xc8pt\xf0\xc0U\x86\x0e\xbc\xac\xfd\x98\x99\x15\xe2\xe26Dn\xc2{\x0b\x1f\x1eha\xf0S\xd3,\xde\x84\xa2_\x8e\x9d]\xaa\x94\xa5\xde}\xb7\xe6\xc1\xd4\xf3\x10JFO:k\x00\xba\x0f\xfd\xff\x9a\x18\xd0\xc7\x17W\x8c\xdc\x90\x9b:\xff\x97t\xab\xc8YTd\xcd\xcdU\xa8\xbdx\\\x86?\xae\x95\x14+\xa6\xdc\xa2\xa92\xf5\xf7:\xef_\x9b\xca5\x9c\xe3\xdd\xc3\x13\xc4h\xf8\x80\x18\xaa\x8b\x84A\xa2\xa80\xbcGK\x89\x9c\xa88j\x10\xd7Gu\xdf\xf6zZ\xa7\xa71c\xfeQMq\xdf\xbd\xd1Cgmf}\xb5\r\x858\xc4X2\x0e\x07\xc8R\xa2\x8b\x85\xbf\xbc\xc8(\xf3\xa7W\xc6@\x93i\xd90]X\x17\xfa\x06O&gt;\x1d\xb8m\x10\x1f.\xf6\xd5\x89$\xecd\x1bq\x10O\xdc1\x05\xc3\x94\xce^$\rN*\t=\xe4\xa5z\xb2\x07sd#\xc4:[ug\xf1\xa3lk\xf0r\xec\x9at\xdamw\xb0\xbeu\xd7K\xc8\x1e\xd5X\xca\xde\x86\x98\x7f\xa7\x83\xfc\x86\xef\xc1`\xf1\xd6M\xf6\xd0\xf7&gt;g\xc3\rN\xf8SME\xbf\x85\x81\x11(\xc80\xc3\xea\xef\x1c(\xccI\xa7\x02\x14$\x93,\rF\x94]/\xad+JO\xe4\x01C\xd8\x80\xe8\xe7\xf2\xd0#P\xb2\x86\xa9qb\xb4\x12\xf0\xb7\xfd\x80\x98\xdb\xf5\x89\xc2L{T\xb1\xd8\xb7\x81&lt;a\x88v\xc8S\x0bb&gt;\xb5I\xf8\xae,+e\x98\xb5/\x03\xad\xd8\xd1\xdd\x078\x8c\xab\xaa\xe4\x8fL\nQ\x83 \x95\xe2m\xa7\xa0&gt;\xa3.}\x0c\t\xe1\x7f\xb2\xe1\xab0\xa8\xbf\xa6\xaa3\x85\x05\x90\xed\xc0\x98Lf%)I\'\xec[1\xdd\xae7$\xd1\x08\xc7\x00\xff\xa0r\x88\x10\x1a\xf3\x86\x1f/!o\x85Y\xc7\x85\x0e\xae\xf8\xcd\xb4&amp;Or\x8f\xbbs\xc4\x81S\x91\x1b\xf7\xbf\xa5\x04.\x94\xe6\x1am\xe9w&amp;\xfd\xf49\x00\xe26"\xeb0\xa4~\xce\xa29\x90\xb0i/\xc0\x15\xd8\xff\xe5\x94\xb7\x9f&amp;\xcfj\xc5[\xce\x1a\x0e/\xac\x03 \xdf\xaaJM\x05\x16\xa9-]\x1e\xc6\x9b\xc4 \xe6\xe7&lt;\xa6n\x86\x89\xd4\x9c]1JN\xc9[\n\x83\xdf1}\xf5\x93\xc2\xb0%\x99\x97\\\x19\xea\xea\xa3\xb6?\x1bB\x13\xab\xacd\xa5\xf8\xd4\xb3\xb0\xef\xfd8\\\x14\xbb\xb4\xb5\xec\xa4\x0f\xa9\x17\x15\xeb\x15!\x9b\x0c*|\xe7\xf7h\xbf\xe1UD\x1f\x1cM!J\x0b\xbe\x83\xb1\xd7\xfd\xcb\xe5\xa0Jy\'\xe8\xb4,\xfbl(\xce\xfe9\xe2\x8cj\xc2\xee\x8b5\xd1*\xc2-\x90W_\xa4!\xfbs\xf7\xb0\xcat\x1b4E\\+5\xe2\xcc_\x81\x88\xf2\x17PS\xb0\xe4?\xa1\x9d\xc7@\xdf{\x89\xc6\xb8\x83\x8e\xa1EG \xf4W\x0f\xc34\xa8\xccD\x173\xcf\x82\xc1\xc0\xe2\x1eL\x8f&gt;\\7H\x96\xd5JxJ\xa4\xf4\x9a5\xbaj\x04*\xccD\xc0s\xbdkX\xfb{\xffd\\zP\xb2e\xc7\x01\x01\xc9\xfe\x19\x94\xe1\xde2P\x01\xdd\x0cW\x03\x1bvw\x8e\xa0\x15\xac\xbcF\xb5mq\x92\xfa\'&lt;\xb2\xa9\xac\n \xa3\xcf\xc3\xd6G\x0e@\xee\xb9}.G/?\xc1\xcf\xe7\xfb\x9b\xf1\x9f|\xa2?\xc2H:[b\xcc\xdbR\xfc\x0e\xce\xcb\xdd\xc8\xf3*\xcc\xc6\x9b v\xc0\x94\xa3\xfa\xa8\x1c\x9f\xe3!\xa9+\xc3\xc7o!.\x0b\xe6c\xfa\xcfic~\x04\xd6\xb30U\x9e\x8cn\xbcE\xa1\xe6\xf6\x92\xf0\r8\xa4\x01\xc4\x13\xc4\x8f\xbe\x92\xb0a\xc5\x80Yf/\x1c\xa4'</t>
  </si>
  <si>
    <t>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</t>
  </si>
  <si>
    <t>b'\x06HE\xc2\xb3\x04\x82\xff&lt;_\x03\xa2\xe43\xa1\x81'</t>
  </si>
  <si>
    <t>filter action of three components C1,L and C2 is described below:
(I) Action of C1: It provides an easy path to the a.c. components and by pass it and blocks d.c. components which continues its journey through the inductor choke. It also increases the magnitude of Vav because of its charging and discharging action.
(II) Action of L: It provides an easy path to d.c. component but blocks the a.c. components because of its high reactance.
(III) Action of C2: Any a.c component which the inductor has failed to block is by passed by this capacitor and only pure d.c. appears across the load.
3.23.2. Clippers
A circuit used to change the shape of an input wave by clipping or removing a portion of it is called a clipping circuit.
Basic Electronics
71
    Supply from Rectifier
                 (i) Positive Clipper: A circuit that removes positive half cycles of the signal (input voltage) is called a positive clipper.
R1
+VP
0 VIND1VOUT0
â€“VP â€“VP
(a) (b) Figure-22
Working
I
   +
+0.7V
During positive half cycle of input voltage , the diode D is forward biased and conducts heavily. Ideally it acts as a closed switch and hence the voltage across the diode or the load is zero and hence positive half cycle clipped off. In other words the positive half cycle does not appear at the output.
During negative half cycle the diode is reverse biased and behaves as an open switch. Then the current flows through RL and R which are connected in series. In this condition the circuit behaves as a voltage divider, while the output voltage is taken across Rl.
3.23.3. Clamping Circuit
A circuit that shifts either positive or negative peak of the signal at a desired dc level is known as a clamping circuit or clamper.
Positive Clamper: A circuit that shifts the signal in the positive side in such a way that the negative peak of the signal falls on the zero level, is called a positive clamper.
R1 +
VIN
I
(c)
 +VP 0
â€“VP
(a)
+0.7V + VBIAS
  Working
D1 VBIAS
+
VOUT 0 â€“VP
(b) Figure-23
(c)
During negative half cycle of the input signal , the diode conducts heavily and acts like a closed switch. The capacitor C is charged to Vm at that negative peak of the signal with the polarity as marked. Slightly beyond the negative peak, the diode stops conduction through it and behaves as an open switch. The charged (Vm) just behaves as a battery which adds the signal voltage during its positive half cycle.
 72
                 During positive half cycle of the signal the diode is reversed biased and acts as an open switch. The resultant output voltage coming across the load resistor the load resistor RL will be:
Output Voltage =Vm+Vm=2Vm
Resource Material
1. Electronics devices and circuit theory by Robert L. Boylestad &amp; Louis Nashelsky, ninth edition.
2. Electronics devices and circuit by S.K. Sahdev, Dhanpat Rai Publications.
Exercise
1. Short questions:
(a) What are the two common semiconductors which are mostly used in electronics?
(b) When a pure semiconductor is heated its resistivity increases, decreases or remains constant?
(c) The leakage current is least in</t>
  </si>
  <si>
    <t>b'\xdfIB\x9b\xc2+\xa3\xea\xb1\xa2+K\xe8\x85\xafz\xf8\x82\xf2\xc36\x8c8\t\xd9\xa9r\xdbr\xa6\x93\x0b\x0f\xcf\x82\xdeP\xd7Gu\x0c\xa6\xc2\xfc\xc1\t\xb8\xcc\x8e\xacs\xf8+\x02\x0e_y\xd9\xc4\x10\xe1U\xd0_\xbb\xc59\xbd*F\xfadh\xfa\x01\xe1\xf4CW\x97\xe9\x82\xb48\xe6\rc|\xf7\x85\x13\x83\xff\x1f=Bv6(\xfa\x85B6\xad\xd1\x01ui\x97\xfd\xbeg\t\xd0\xdb\x87z\x1f.\x9a\x85\xf56\x19\xa8\xb4Y\x0f\xf1&lt;&amp;\xa5\xa9b\x1c\xc3\xd0TA\t.\xd64\xb0\xa6\x00\xb2\xf4\xc8&lt;\xb4\x97\xae\x1c\x86\x81-Y\xa1\xc5p{\x9a\xb29\xc8\xeeE\xf9\\\xc5\xcf$\x8aE=3\xef\x1d\xfa1\x98z\x86W\xa1\xe1\xd0 \xa5$q\xf7@\xefI\xb9\x89\x18%\xea\xa6?\x1a\xc2\xa9ma\xdf\xc4o\xfe\xcc\xb8\xa99\xc8[\x11_3\x01\xdcVbn\xca\xa6\xc7\x8d\x1fw,\xc57\xb7&gt;\x97^{\x13\x89\xdb\x01\xfa\xff\xe0\xb9\x02I\x89b$4!\xc2\x85\xdaSzg\xb8\x89/\xab\xa1\x7f\xc8N\xbb\xae)\t\xd6\xeb?HlH\x94S\xcc\xce\xf7\xf3\xfb\xe2\xdf\xc0\xf7\x8do\xa8\x00\xb4(\xbdu\xe3\x88\x992\xcfs\x964\xf3|/\xc5\xdaE,g\xbf}\x14\xb5\x12\xa9\xa5=v\xd7o\xaa\xce8\xed\xfa v|\xcf\x0e\xd0\xe9%\x7f\xfe\xcd\xbf\xba\x98P\x11u\xe1\xeaT\x81\xba\xfe%\xeb\xcb\xf4\x17\xad4\xd2\x948\xfbt-\xaa\x19\x8b:\xd4q|\xcd\x8f\x1a\xbfj%\xe1\xe5\x93\x1e\xe1\xa6\x10o\xe0\x93#\x1f|\xcb\x11\xb27\x1f\xce1\x01\xac\x84\'\x02\xcc\xbe\xacg\xe7,\xf6@\x96Z\xfd\'\xb9M\xeb\x9cKG\x0e&amp;T\xf3\x97\xa9\xdfl\xd8\xd9\xef\xac\xaf\xc8\x95\xf0\xd8\xdd\xbc6\x1d\x19\x8a\x1d\xa9\x0b\xc1\x92\xb5\x87=w\xac\xe6\xc3^\x8d\x00\xb3Vpvs\x85\xb4\x8cw\xa9\x82^D\xed\'i\xc2\xfb\x1d9\x88%mgZrg6V\xfa+#@\xea\xc3r{Y\x8b\xba\x8cr\xc0\x11X\x99\x03p\xd6\xe4\xefiR\x05x\xbd\xf32+\xcdMW\xe6{Cx\xc2\x08;m\xe3\x15\xb1\xdc\x94\xe1\xd6\x17\x80\xab{\x03\x85\xb1\xa7`A?o+\xbdv\x1e\xf1e\x1a\x9acyg\\ \x83\x88|\xbd\xd3\xe6\x9d\x97\xc1zFp\xbb\xd7\xb5T\xb0s#%\xb7\xab\x9f\x13\xa5\x85\x11en\xaa\xf2\xe5B?x\x82\x8a\x12\x9d\xe0\x1a\xd1`M\x15E\r\x90\x14\xec\x8c\x8e7\x02\x9b\xc2\x05\xea\xa7\xa5\x08;\xc3\xfdI\xd3\xc5\xca\x9a\x9e\xfe\xfe\xd2\xf0d\xfc\xff\xf6\xdfr\xea0-\xde\xfc?0(Lr&gt;J\xe1\x8d\x12s\xf9\x12=\xa3\xa7\xfe\x0e\xa0M%\x8fM\xa5Ms\xd4\x05U\xb7\xe2\xe8\xba\xe8=\xc9\xc3u\x80\x7f]I\x7f\xbd\xabp\x1cT\xd5\xcd\x99\xfd\x7f\xad1\x9b\x05\xf2\xceJ\xd0L\xa1\x16\x1c\x87\x1b\xd6C\x1e$&lt;\x14\x9b\xf1\xb5\xf7\x12;\x10\xe8Q\xe6\\4\xe6\xd7\'\xf82.\x10\xa7\xa1\xd5\xf3\x99\x8a\x8e:\xccQ%\xd3\xb5\xb0\xf7\xe9\xc4\xaa\xf1^\x80\xc0PH\xbf\xfduu#\xc6\x19\x12\x80O\x14S\x7f\x8eo\xdf\xf1\x1e\xf5\x85\xfb\xc22\x10/2\xac#\xfe\x1c\x1f\x93:g\xe1\x93\xb7\xb6\xbf/o\x1c\xa2a\x1cX\xfc\x16\x85\xe9h\xe9\x9cx\xbc\xc1zH\xa5\xfau\x1e\x914\x8dL\x86\rHC\x86\xb2s\x065\x1el=\xe0F\x19\xb9\xed\xeefE\n&lt;\xf3\xdeq^-\xf1/[\x1dJ\xbe*y\xd8\xb1\xfa\xd5\xbfC}\xf8\xc2\xa7l6"w|\xd3\xbc\x95\x1e\x9a\xc3\xfb}\x88\xc6\xc4\xf0K\x94\xc3E\xa6\xdd\x00\xa5\xbe\xaa\xa7\x13\x16\x84&lt;\x16\xc7\x15W\x9d73\xd6\xf7\xe1=/s"\x01\xb38$\xecV\xd8\xaa\x819,\xec1\xfc\x9c\xc8\xec\x8fR3\x9fe\x98\x83\x9a\xe6wy\xealM\xa0u\xb1Z\x01\x80Q\xfe}u\xe9@\x93\xa6\xc2~\x15\xef\xd1B\x1d\xc6\x1f\xb8\xa8\x14\x93\xa6\xd6,\x87XiYh\xabM^\x7f\xab+\x01\xfa\x95`\x0c\x06T*\xb4\x92\xa1\x0cUR\xfc8n\xc4\xeb\x97)\xe7\xa2\xdc\xda\xfd\xb4\xee\x9f\x1e\x0c\x02q\x1c\xf1\xde\xd5bT\xbdZ\xa4\xeel\xd3l\x9f\x99\x1d\x9e\x13\x1c\x06Y\xc1\xab\x04\x0f&gt;\x00\xe2M\xe5\xcct\xae$4r\x17aa\x1f\xe4%E\x92\xa9\xb6\x19TA\x9f\xe31\x9fb\x00j\xb6\\\xd41\x94\x84#f\xa4\x14GE\xdf\x9bV\xf3\x08\x86\xff\x12\xb6q\xc6]\xc6\x1dS\r\xcb\xab 9\x91\xcc\x7f\x91\xeaR\xd3\x7f\x13\xe3.(\x01\x0cT\xab\xbeJN\x18\x02e\xed\x186\xe1\xa1\xbc\xa9m\x06\xb7qz#\xf2Q\xaah\x89\xa2\xe1\xb2K\x1c\xdf\x81hj\xe5%\x97\xa7\xd8$\x8bj\xe4j/\xc2l\x8e\xc8=\xf3\xfb\x92\xdcn\x01\xd4\x99_\x03\xc5\xd2\xcdp\xe7|\xd8kR\x9d\xf2\xb1^\xf2m\x9aQ\x8b\xe2\x1aP\x87\x91\xf8\xbbw\xba\x1c\x07\xf8\x95K\xfb\x8b /\x80s~\x033\xaf\xb3w\x86")\xcf\xd5\xf1\xdaJ\xef\xdb\xaa\x02\xb7\xa3\xc5\xce\xf3\xbd\xde\x99\xbd\xac\x9b\x0f\xeb\x13\xba\xfb\xc6\xbe\x95:\xabo\xa1;\xdfZ\x87g=\xe5\xf6R[bG\x94y\x97\x08\xe9$#\x02\xfc\xcf\xa6\xfe\xaa\x00V\xa8\x9b\xca\x1b\xdbKN\xba\xa7\x8e*\x13\xefv\xfbj\xd4\xe9A9\xf3w\xfe\xba\xdf!XUM\x97\x97\xc1\xcb\xb8\x11\xfbM})\xcd\xb5\xd6&amp;]\x02\xa7V\t\x18\xd6\x90\x8b:\x9f6\xf1\xc3t\xc78&gt;\x82\xc3\x07V\xd8m\x16t\xa0ql\xa4\xf9\x11\xcb\xae8(\x1a:\xcfXN\xd5\xcf\xb0\xae\xf4k\xa5,\xa9\xcc\xa9\xd5\r.\t\xd5\xd8\x97o\x17\x10\xf7m,\x05_s\xd6iG\x17\x89^\xd0\xfbhB\xd1\xbb\x86c\x82\xcf\xc3w\x99\xd1\xb0=\x00\x97\xf2\xf7\xf4\x06R\xc2\x1c\xabphYu"w\xd1\x07/\x85\x88\xd9.\x03\xf4\x8d\xb4z\xf82\x1c-\x1970^\xa0Hndq\xb8h\x9f\xe7\xb3\x87y\xcd\x93p9\xac\xf3\xceb\x9a\x1bj:R\x8fa\xfbn&lt;d\xb8\xa5\xd1\x189\xb3\xf3\xf4\xd2\xbb\xa4\xdc\x18`\xfbti\xba\xdf\x8fL\x9e\xc67\xf7\x87\xba(\xb7\x1d\xf5am\xbb1\xba\x8b\xdf3\xcbz:\'\x12;d\r\x8c\x84\xeeI\xda\xca\xeeM{Ck\xc8\x9bL\xaf}\xdc\x8br\x1azfV\xab\xd8\xfe\x1e\xbbx9\xc0`\x96\x19\xb4I\x08&lt;\x03\xa4H\x9b\x05,s\xaa\x10\x05y\x9f\x90Tb2y\x13\xb1\x1a\x80\x0f\xb5d\xb2\xaf\x83\xb1v\xd1\x07Dd\xcc4\xdb\xb8\xf6\x1b(&amp;X\xd8\xdd\xbb\xe92\xe9\xf8?@\x19\xeb8~K\xc1X\xf9\x80\xdc@\x9d\xbe\x85\x84\x90\x13\x82\xffR\xe5Q\x9d*\xa9\xea:\xed\x0e\x1d\xc81=\x07\xa7\xfb\xd4\xc0\xb1\xaf"K\xf8\x9a\x19\x16 \xe1\xc6\x1b\xa8\xe4\xee\xd2\xfeh\xc5\xb0I3\x99\x9e%\xab\x88\xbfw\xb2?\xde\xc7q\xe3\xb7#\x04\xf9\x81\x03\x88\xa6\x94\x83&amp;\xa08R\xf58C\x9fi0\xcf\x13yI\r~\x1d\xb3n\xf0\x96z\xe6\x94\x7f\xbc\xd9\xcb\xa6\xfe\x81Y\xf0\xae\xe0J{H^\xb4\xfcy-\x1e@\xe0\x83\xceX\xddH\x0c\xac\x92\xee\x8f#\xf6\n\x8eH;wO;i\xaf\xf5!\x8f\x02\xae{\x12h\xe84%\x11$,\x17\x01\xa1\xc8\x7f\xfe\x16\xad\xe4\xfbl\x8d\x11\x02\x85\x16\xfb\xe3Y:\xc5\x95\xb5\xfa\xc9\xb2{No\xac\xe8\xdd\xa5\x14\x1dg\xf0\r}\x05u\xd91\xe6Lu\x00\xe5i\x84\x04t\xe5\xca\x84(\xdc\x8a+6\xa3\x9df\x13\xd0\x88Y\xaf\xaa\xf5\xbd\xbb\xdf\xad\x1d"\xb3\xb6U\x00jiHz\x12\xc9I\xb5\x1c1\x04\xecam!H\xd5y-Zd\xc7\nYU\nG\r\x92\x94\xff\x1e?I\xc3\xb9\xb6C\x1f\xca6d#\x9e\xf2R\xdb\xe7e\xbd$7\xea\xc1P}\xff\xc3C++\xd4&amp;e]\x80}a\x96-)\x0fK\xc8\xe9(Z8(\xd4sQrls#}5\x06\xc3kBh\xe8\x01;\xd7\x02\x9b|~\x86\xb9\x1a\xf2\xecq\x84\x10\x180\x05C\xec`\xd5\x8d\xa2\xd7\xab\'7\x04\x83L\xb61\xa2\xe0&amp;\xa5\xa9\x96-\xce\xfbN\xdf6\x9a\x8c\x0f\xf2\xda\x96D\xe3f\xaf\xce\x0c\x1c\x12\x9e\xa6\\\xafW\x8c\x02\x10L\xda\x7f\xb1"?o\xd7\x065\xc2{\xceD\xf9E\xf8\xab\x97\xb9\xe42\xfa\xc2\xe6\xf4Or\xeb\xac\xf1m\x88\x82X\xbb\x8b\xd8\xec\x93\x9d\xbc\xe51\x05[\xadq\xda[eS)Ib\xd5\xac\xb7\xc2H\xf7\xac\x9ca\xc2\x0262?\xc6\x16=\x8c\xcac.l\xd7\x8al\xa9\xd4d\xdd\x17\xca\xacOK\x03\x9d\xfc\n`\xac\xfc\xa4\xd4\xea%G\xefx\x84\xf1\x02k\xfe\x81 u\x83\x0f\xd5\'B\xb6\xaf\xa2$\xdce\xddB^&amp;\x81\xd0\x9b\xba\xf7C=\x1f*\x89\xd5C\r\xb3\xd3\xc0\xfcQ\xf9\xf0x\x05\x13\x9aA\xb1\x89\x06JZ\x00\xc5\xa7\xa1\xaf:\xf7?\xaf-?\x04&gt;\x1c\xc2n\xd8T\xc1\xe5\xfaF\x00\x95\xc9F\x91:\xa8?\x0bd\xba\x03N\x99\x0c\xe0\xff5/a\xffG\xa0\xef\x87[\xa6\x0f\xd8\xbb\xf2\x0c\xf5!\x8d\xf5F\x1a\x00\x04[\xc2\x9e\xc2\x05p\x82EP~\x98\xfb\xa7\x03\x8bbv\xca;\xe7\x03n|\xa31L\x88\x9b\xd9\xb32^\x8f]\xbe^h\xe4\xd14\xef+\x1d\x0f\xf8\x08\x02C\xc3\xb0Ll&amp;\xfd\xc9\x90Q\xde/\xdb\x89\\\xa3Qv\x0f\x80o\xf1\xfb\xdfN\r\xb8 eZ\xf1fW\xe1v\xce\xfcw\r\xb96\x02^}\xbf7\x91VH\xa91[\xd7G \xf6\xae\xa9\x10\x99\xe9\x83\xd3\xb1L\x97a\xdc\x89T\xd4\x9a\xfa//\xed\xa6\xb0U\x82\x86\x88Th\xc8\xe2\x84\rf\xaa\xf9\xa9l(\x0c\xd6\xa9j%(\xf0\x0efhQ\x19\x9e2%&amp;%+\x91\x82M\xeb\xda"v\xb65"B\xb1(\x92;\x07\xff\xd7\xbf\x05\x06\x19\x03\xac\xea;I{\x97&amp;\x15Imki\xdf#\x95\xf7\xda]\xb8Y\x91\xd1Y\x8f/\xe4d\xa8Z\xd9l4\xbe\xe9\xb2\x81\xea\x90CmN8l\x91\xef\x8a\xbd\xfb \xbeao\x92\xb9`\x05B\x90\xfb\x0e\xaa\xcbi7Rv\xd4\xf7\x14\xe5\x84+Th\xd8e\xfd\xfe;\xc3\x00\xda\x12\x18\x08v\x7f\xe2\x9b\xec\x95\xddY\xc7\xe55\xa6\x03\xae[5\xa3&gt;|\xddZ\x85TZ\x8c\xa2YRL\xd6N\xbd\x11\xbf\xa1\xe5\xb6\xd6\x0b\xe5\xc2/\xea\xb8\xfby\x1f\xcbc\x81\xc7\xf7s\x8b3\xafB9r/\xbf\xa2^du\x18\x16\xf2\xfdaG0J\x01\xb0\xc74\x7f9\x1c\xba\x81\xd9`\xec\xe3\xe9\xce\x8d5\xcc\x00B\xe6\xa2\xdc!\xd9\x13\xa5;\x01\xba\x8f\xf9\x81\xc4\xf3"z\x11!\xabhu\xb7\x84v\x93\xf3\xca\xf1\xef\xee\x90\x15\'it\xb9j^u\xccC\xd2\xe8\xb1\xb1\x0b\x96+\x10Y\xc7\xaf\xea\xd1\xbe\xc0-5\x99KF&gt;[\xbd*\x97_A\xc0\xfa\x97\xaf\xa4\x05c\t\xfe#mD\xc2\x8f\x99\x9a\x88\xa7&amp;f\x05D\x81\xd7\x8ey\xcbf\x80\x97\xa9I\x95`\xe8\x86\xeaJ\xfc\ru\x9e8F\x1c\xe0\x0b7\xce!\xee,\x7f\xf3\xe0\x0f\xe4\x93\xd5\xd8\x08\xc9b\x93\x02\x83B\xf2\x8f\xb9\xc6)}\xdai\\\xdf\x0b\xb9\xa9\'3\xe7\xe07\xb8\x11l`&gt;\xec\xd9\xb5|\xa4k\xea\x17w\x98c\xb0\x02\x81\xdcB\xb9rzB0n\xc0\xbb\x92g\xbe\xe3h?\xca:rT\x91Y\xa7\xc8In\xf8\xe4(\x1b\xf2\x1d\x96lT\xe5\x03\\\xc4e\x06\xc6g\xa8\xf4\xc7|\x18\x0b\x9f\xd2"&amp;\x8aHZ\x16\xb3\xdf\x0e\x96\x89\x8e\xcd\x97\xa8\xc6`\xfc\xe7V\xf1\xdf\x1e\xc9\x811\x82\x03L,@\xc2vb\xdd1\xa3\xce;\xf8}\x8c\x8a\x98\\yt(\x80\xe1\x1dm;\x062n\xb7\x8bp!\x7f\xb7+\xd4\x84\xda2\xb8\xd0"\xcfv\xbfGI\xdf2\xd6@\x92.7X\xfd\x96\x7f\']\x02\xeb\xe1\xa2\x16_A\xe0\xde]\xa9[\x98\xfc\xe7\x11+\xfe|%\xf2n\xd2U\nT\xb1\x95\x96F\xb8\x82\xf4\x90!!\x8e\xa9\xe3\xa2\xb0=7AbN*\xe8]\xcb\xa5\x1c\x10\xf9\x8a\xd1^\xb8\xa6b\xff\xf9\xe8\xc1Q\x84\xb1\xc8\xb1\xdf8\xc73\xc3\x00rp\xc8\xe5\xd3\x8c:\xa8\xa0\x05r\xa9\xe4\xd2\x8c\x1e\x8a.I\xf1\x06\xdf\x08\x9b\xef\xd8\xaa\xb1\x06um\x1e\xde\xda\x8d\x7f\xa1\xa0r\xcc\x1d\x08\xc2\xee\x80\x885\x0cV\xaf\x9b\xd9\xae\xb7KKF\xa6\xccB\x9au\xacB\xb2*d\xd3\x07\x0f&lt;\x9fp&gt;\xa5]d"\xa8\x12\xde}\xf5'</t>
  </si>
  <si>
    <t>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</t>
  </si>
  <si>
    <t>b'\xdfIB\x9b\xc2+\xa3\xea\xb1\xa2+K\xe8\x85\xafz'</t>
  </si>
  <si>
    <t>for a given VBE but with VCE varying. Illustrated in Fig. 4.15(b),
 the characteristic is a horizontal line because IC is constant if the device remains in the
 active mode (VCE &gt; VBE). On the other hand, if different values are chosen for VBE, the
 characteristic moves up or down.
 The two plots of Fig. 4.15 constitute the principal characteristics of interest in most
 analysis and design tasks. Equations (4.24) and (4.25) suggest that the base and emitter
 currents follow the same behavior.
 4A 500-mV change in VBE leads to 500 mV/60 mV = 8.3 decades of change in IC .
 136 Chapter 4 Physics of Bipolar Transistors
 Q1
 VBE
 VCE
 I C
 Q1
 VBE
 VCE
 I C
 VCE
 I S exp VT
 I C
 (a) (b)
 V
 I C
 BE
 VBE1
 I S exp VT
 VBE2
 VBE = VB1
 VBE = VB2
 Figure 4.15 Collector current as a function of (a) base-emitter voltage and (b) collector_x0002_emitter voltage.
 Example
 4.8
 For a bipolar transistor, IS = 5 Ã— 10âˆ’17 A and Î² = 100. Construct the IC -VBE, IC -VCE,
 IB-VBE, and IB-VCE characteristics.
 Solution We determine a few points along the IC -VBE characteristics, e.g.,
 VBE1 = 700 mV â‡’ IC1 = 24.6 Î¼A (4.38)
 VBE2 = 750 mV â‡’ IC2 = 169 Î¼A (4.39)
 VBE3 = 800 mV â‡’ IC3 = 1.153 mA. (4.40)
 The characteristic is depicted in Fig. 4.16 (a).
 VCE
 I C
 (a) (b)
 V
 I C
 BE
 VBE
 VBE
 1.153 mA VBE
 169
 24.6
 Î¼A
 Î¼A
 700
 750
 800
 (mV)
 1.153 mA
 169
 24.6
 Î¼A
 Î¼A = 700 mV
 = 750 mV
 = 800 mV
 VCE
 I
 V
 I
 BE
 VBE
 VBE
 VBE
 Î¼A
 Î¼A
 700
 750
 800
 (mV)
 = 700 mV
 = 750 mV
 = 800 mV
 (c) (d)
 B B
 11.5 Î¼A
 0.169
 0.025
 Î¼A
 Î¼A
 11.5 Î¼A
 0.169
 0.025
 Figure 4.16 (a) Collector current as a function of VBE, (b) collector current as a function of VCE,
 (c) base current as a function of VBE, (d) base current as a function of VCE.
 4.4 Bipolar Transist</t>
  </si>
  <si>
    <t>b'O|\x0bKf\x00\x8e\xc1\x8c\xd0\xb0\x7f\xa4\xb9\t\r'</t>
  </si>
  <si>
    <t>4f7c0b4b66008ec18cd0b07fa4b9090d</t>
  </si>
  <si>
    <t>hes; and wine and liquor, which warn't in our line; and books, and
 maps, and charts, and an accordion; and furs, and blankets, and no end
 of rubbish, like brass beads and brass jewelry, which Tom said was
 a sure sign that he had an idea of visiting among savages. There was
 money, too. Yes, the professor was well enough fixed.
 After breakfast Tom learned me and Jim how to steer, and divided us all
 up into four-hour watches, turn and turn about; and when his watch was
 out I took his place, and he got out the professor's papers and pens and
 wrote a letter home to his aunt Polly, telling her everything that had
 happened to us, and dated it "IN THE WELKIN, APPROACHING ENGLAND,"
 and
 folded it together and stuck it fast with a red wafer, and directed it,
 and wrote above the direction, in big writing, "FROM TOM SAWYER, THE
 ERRONORT," and said it would stump old Nat Parsons, the postmaster,
 when
 it come along in the mail. I says:
 "Tom Sawyer, this ain't no welkin, it's a balloon."
 43
 "Well, now, who SAID it was a welkin, smarty?"
 "You've wrote it on the letter, anyway."
 "What of it? That don't mean that the balloon's the welkin."
 "Oh, I thought it did. Well, then, what is a welkin?"
 I see in a minute he was stuck. He raked and scraped around in his mind,
 but he couldn't find nothing, so he had to say:
 "I don't know, and nobody don't know. It's just a word, and it's a
 mighty good word, too. There ain't many that lays over it. I don't
 believe there's ANY that does."
 "Shucks!" I says. "But what does it MEAN?--t</t>
  </si>
  <si>
    <t>b'\xb0~&amp;\xa0\xa1\xcb\xa6\xaa)\x16\xa57)\xc6N/qH\xed\xe1\xce\xcc\xfdP\xb6ga|\xfc\xe6O\x0c'</t>
  </si>
  <si>
    <t>b07e26a0a1cba6aa2916a53729c64e2f7148ede1ceccfd50b667617cfce64f0c</t>
  </si>
  <si>
    <t>b'\xb0~&amp;\xa0\xa1\xcb\xa6\xaa)\x16\xa57)\xc6N/'</t>
  </si>
  <si>
    <t>hthundredth anniversary of Romeâ€™s foundation in 47 CE was celebrated with special
games and the re-enactment of an archaic pageant (Ann. 11.11). But there are also
hints that an informed sense of historyâ€™s broad sweep inclined him to favor innovative
political action at times. The prime example is a Claudian speech supporting the
petition of Gallic aristocrats to be enrolled as Roman senators. Artfully reworked in
the Tacitean version (the original, only partly extant, meanders by comparison), it
deflects objections to the proposal by appeal to history (Ann. 11.24). Ever since
Romulusâ€™ time, it argues, Romeâ€™s growth has rested on its readiness to integrate its
neighbors and former enemies into the body politic: men descended from old
Etruscan or Samnite stock have long since entered the Senate and nowadays constitute a good proportion of its members; soon enough, the sight of a Gallic senator will
have come to seem just as normal. That was indeed so by Tacitusâ€™ time, and Tacitean
hindsight probably read into the speech a more ambitious and coherent policyinnovation, and greater powers of imperial historical insight, than the Claudian
original merited (M. Griffin 1982). But the basic thrust of the argument â€“ its appeal
to Roman historyâ€™s long march to justify a seeming innovation â€“ was not just a
Tacitean projection, and on this occasion at least, an emperorâ€™s course of action in a
practical political connection perhaps really was decided by his own belief in historyâ€™s
guiding logic. If nothing else, it is clear from the episode that iconic moments in the
Roman past offered ready rhetorical ammunition in a political controversy â€“ and not
to one side only. Chauvinist opponents of Claudiusâ€™ proposal complained that the
admission of Celtic upstarts would cheapen the Senateâ€™s ancient dignity, and darkly
recalled an earlier influx from Gaul well known to all readers of Livy (Ann. 11.23; cf.
Livy 5.39â€“ 41): had not the very ancestors of those now seeking senatorial rank once
overrun and sacked the city?
4 Greeks and the Greek Sense of the Past
Antiquarian comment in the Annals naturally deals mainly with Rome and its
institutions, but in reporting provincial matters where they impinged on the JulioClaudian eliteâ€™s political and military experience, Tacitus does afford occasional
glimpses of non-Italian communities in the Greek East constructing a past angled
to their own perspective and interests. When delegates from several Greek cities are
summoned to the Senate under Tiberius to justify their retention of existing civic
privileges, they base their case on the antiquity of the cities and their long record of
424 Rowland Smith
service to Rome, citing local mythological foundation-traditions and submitting
charters granted by Rome in republican days (Ann. 3.60â€“3). The same happens
when inter-city rivalries or disputes are put to the ruling power for a decision: to
win the privilege of housing a new temple to the emperor, Smyrna asserts an earlier
civic origin than its rival Sardis, the latterâ€™s claimed Etruscan connections notwithstanding, and cites proofs of unswerving loyalty to Rome since the days of Cato the
Elder two centuries back (Ann. 4.55); Messene similarly prevails over Sparta in a
territorial dispute by establishing a more ancient claim on the strength of local
inscriptions, the testimonies of poets and historians, and the favorable previous
judgments of a line of Roman governors and Greek kings reaching back to the father
of Alexander</t>
  </si>
  <si>
    <t>b'\x82\xb0\xf6\xc1\x8db]\xfc%*\xd3.+;\xf5\x95DS%\xcd\x00I\x01\x87\xaa\x93cE\xc1\x8fo\xac\x1c\xf4\x9e\xb1i\x80\xb9&lt;N\xf1\n\xb7\xa3\x97\xf4\x80cn\xf3\x1e\r\xd9\xb9\xc4\x10!\xb1vU0\xc8T \x16K\xe7_\x81\xdfU%\x9d\xdel\x8de\x87{Kr\xfc\x18y\t\n\xb8\x94\xb3k\x0b\xad\x8dd\xca\xdc\xfe\xb2\xdb\xd3vR)\xbe\x9b\x99\xd0\x9f\xd9)&amp;\x07&gt;-\x91hj&gt;\xcb\x84\xccH_\x1a\x8c\xb5\xe2He\x00\x8c\xd0\xe1y\xb8\x0f\xed\x8d\xabQ\xee\xf6SOPg\xa4\xfb\xadH\'\xdesb\x92\xea\x9b\xf1\x12\r)3\x11\xf5h\x81\x95\xed\x9c\xb6vZ\xc8\xf5//T.R\x02\n\x11\xdc\x84\'h\xab;y\xc6\xdbiN\xd7SL1\x16d\n%@\xfbi\x7f]\xf6\xd5\n\x07\xb7\xccA1H\xbd\x86\x88\xa4 \xec|W\x9bZI\x85y\x9a\xf9t\x9f\xcd\xc7}\xcdO\x11)\xad\x9cs\xc4\x02\x17\x1e\xd0\xb2\x91Y\xb9iP\xa9{\x117V\x90P\x98?\xf7{ \t\x96`[\xc8J\t\r\xac\xd3\xec\xf6\\P~\xc2"/1X\xd5\x1f\x12%\xc3yE\xc2\x0b\'\x8c\x9b5\xed+[\xff\x00\x07$sY\xc8\x9a\x94\xe20[\xbe\xb3\x03\x01\x1b\xeb\xb75\x18&amp;\xb2x\xdf\xdf++\xb3-\rg\x17.\x90]\xa6\x9c\x1e1\xccf\x05\x91\x90\xc3\x07r\x17\xb1&lt;\xfc\xa3\xca\x0e\xee\xff\xfe\x84Tu16\xd3\xd5\x91\x02\x14\xf2v\x85\xce\t\xb3"\xc6vf\x90\xe8\x84\x9d:]\xb6\x12v\x0e\xc2\x04J\x9f1\x9clz@ \x9cv\xecFm\x9f\x8b\xdf\xb8E\xc0 at\x9b\xd0C&amp;\xfc\xb7\x07\xef\x8a\x19\r%\xf5\x93\x17\x00zp\xdeDz \xfe&gt;C\x87\x0fw\xb3t|7\xf1\xe6#\x82\x1f\x8b\x03?\xe4\xf2\xb4\xfa\xfd\x006m\xfe\xae\xb1s!|C\xfc\xb3\xdf\x892\xea\xce\x85\xab\x87\x8c\xd6!\xbf\xd30r\xa1q\xf5\x9d\x010\xbb\xa5\xfd\xc0\xf2G\x91:r\xa9&lt;\xdfi\xf5x@\xfaG\xd8P\xf0/U\xbbi\xb2$O\xa6&amp;W\xe0\xc6\x87\x9eY\x07\xf29$(Z\xcf\x85\xd3g\xab\x88l\xf2\x94\xf9\xf6~]\xad\xd8d\xd4\xa8\x8a(\xfa\xc7w[\xa4\x97\x0b\x10\xebv\xc2\xabN\xd9l\x81\xa4.\xb5%\x11?\'\xbd\xa4\xc47\xc8\xa9S\x01gIR\xb6\x98G\x1d\x93\xbbv\xa6\xea\x9bp+_\x85\x15\xfb\xd3\xb2@\xbe\xe7\xf4?s\xce\x8d8\xfb\x9bI|\xb2\xd1\x1b\xea\x8c\xfc\x0b\x1b\xf9\x81g4\x05\xf0U!\xf4\xab\xbbr\xdcC\xb8,\xe6\rS\xe0/{I?6M.\xb5v\x11.EPA\x0c9\xb5\x977o\x16jA\xaf\xb3\xf1O$a\xf8|\x0eK\x82\ta&gt;$I&gt;\xa9\xfd\x88\x1d8\xa5\x19PP\x87l\x16\xab\xeesrX!Hn\xbf$\xed+f\x81\xa0\x82\x99Yw~Y \xbb:\xb9\xa4\x0e\xd0\x9e\x12\xa4_\xba[u\xae/^c]\xf9\xb5\xf4$c\xb5x\xa7\xaf\x1d%f8\xe9\x0ffw\xc3\xba\xfe\xcb~\xa2)Z\xf1\xd1p\xbd\x04\xe8\xea8\x12\x8aJ9\xee)x\x9e6\x9c\xe7\x06l\xa1T\x1d\x97"\xbf\x8c$\xd7N\xbb\x12\x10\x9bF\x96\xa8V\xcao\xceD\xcb\x82\xa3\x8b\xc2\xc2y\x05\x0b\x964\xea\x86*\x80\xfc\x8b.$\xac\x18\xf1\xc0ei\x9c\xa0\xaa\xd0\\\xb0\x1eFCo\x1c\xf4U\x07\xf3V\xd92e\xdb"\x15\x16\xe3\xb9\x0b\t\x96\xe7\xef\xc6\xd4\xe3eB\xd9\x9a\x03XU6b\xe2@\x98\xe2O\xd8+\xa3\x15\xee\xc0\xf8\xb8tMO\xbc\x11Qj\x17+\xabd\'\xfd\x98b\xe3Z6X\xd5,h~1\xf0"\x9eOh\r`\xfe\xce\x1e\xf7\xde\x9b\x95\xdb\x128\xcdg\r\x97\x0ev^\xe4\xe5=\xb5qx\xc50C\xde u\xff\xf1}5^f\x1b\x1b5\x1c\xe4\x1b\x0c\xdb\xf5\xb3\xac\x03\xd1\xdd\x0b\x1d\x89\x8f\xa0\r\xdc+e\x1a\xa6\xb1\x91\x92P\xd8\xd2W\x8f\xe8\xed\xee\xed0\xeb\xaf:T\xa1\xbb\x8d\x90\xd6\x15\xc3#\x9b\xa4\xc5\x16\x9c}=S\t\x84{E\xc9\xad\x9a\xdal\xbd\xe4h\x89\x16[u!\xd2\t^\x0e\xf3f\xe2\xe6I\x1c\xc3\x11\x050u\xf7X)\x04\x15\x13\x10\x06\xb0\xbd\xfb\x85\x8b\xd9\xcbY@\x12zX\xe0\xca\xb9\xe8\xf5{\xab\xe0\x15+;\xb5\xe0bi\x11z\xd4\x16\xcb\x7f9\x198\x08\xc3\x97\xab~\xda&lt;E\xfc\x10\xdf\x06\xff\xb0\x90\xbe\x84 |2\xb0\x01\r\xacm\xfb\xdd\xfal\r\x11*\\\xd4\x18\xaf\xbb\x02\x9c\x16Z\x95pW\x08s\xe8\xd5\xac\x19\xa4*\xda\x1d\xc4#k\x873\'L[\xea\xab\xa3%V\x02\xe7\xefD\rgv\x87\xe9\x8aF*\xb22\xb4I\xfe8\x19\x83*\xa6&lt;\x14g~\xf1\xb4\xb4\x11p\xf3\x80\xdb\x93Jf\xb2\x93/\xb7\x7fSt\x1aL\xd9\xb7S\x1a\xfc_\xea\xbb\xf3\r&gt;\'\x92$\xb9\xb7D\x92\x01\xd3\xe9\x17\x0b\x0c@W)\x98\xf1G\xae\xa5\xbd\xa5^y!o\xb4dm\xab\xb3u\x9dp\x85\x8fV\x1f\xe4\xbc\n\x9f\xea\xef\x0f\x0b\x91`\x0cR\xdb\xe8.Sb\xa6\x12,/\xde\xbc\xfe\x9fj\x14N!\x93\xbf-\xb9|eg\xb2\x0b+\xc8\xb3\xf1\xad\x8f\xba\xe8\x9e\xee6\x8e]\xf9Q\xc0\xb6z\xd2\xe3\x98\x06\x86\x88pE\xadV\x8d\x1e/\xf4\xf8,\xa4\xbc\x12\xd5\x12\xec\xba\xc9D\xb1l\xf3\x9e!\xfc\x8cR\xf30E\x1d%d\xf1p\xf8otuy\x18\x1fX\xf9J\x81\xce\xd9\r7:.\xfe\xc660\xfeW\\\'J\xb8\xf5To\t&gt;\xf3\xff\x8c^\x16\x9a\xac\xdba\x82\xadBh\xb1\xc8\\\xfb\x96\xff\xe5\xd6p\x95\xd5\xf8\x1cy\xd31\xf9\xcde\x0c\x7f\xfd\x91[v\x06r(\x96*\xa0\x1a\xbeb\xd7T\xee\x8a:dl\xa02Y\xb1\x06\x7f\xb8\xb7\xd2zg\nH\x8c\x8b\xeb\xfd\xbesl\xce\xdc\x1f\xb6\x95\xc0h\rf#T\xfb\xa1\xc9\x89s\xfb\xae\x15bj\xbbi\x19\xfa\x10\xacO\xcbv\xc8\xa3\x1b\xb1?\xaa\xf0\x0b\xe7\xd5M\xa3"\xdeg\xec\xf2\x92\x91\x17\x9e\x92,\x84\xf7\x9d\x0eq\x84\xe6\xa3\x90\x97X5\xaaI\xeaP/Z\x02?F\x87\x04\x9cFX\x80@\x92\t\x01\x85\x8b\x84\x14\x13%\x90S|0\xe8n\xc9\xd4\xf8\xa4}l~C&gt;/\x03!L\xb4,\x06r\xdc\x1d\xce\xe7\xe0\xd4\x01hB\xa6\xea3\xbd(\x85^\xfb\nE\x87\x00\xfa\xe8\xf9\xa3\'\xc5u\xfdl\x85\xecC\x94\xf6p\x92\x11\xd6\x9c\xad=\x03 |\xf2\x9e\xdb\xb4\x9c]R\xc9\xa0\xcb\xa3\x9eR-8\xd3\xc2\xe4\x97\xb5\xf6\xc0\xde\x10\xb3fU/\xcd\x8f\xa0%\xb5\xa4\xf8\x16-i\xb0w\xe8\xd5Q\xfa\x04_G\xff\x99\xbdUN|-\xb6\x93X\xd5\xd3\xb7o\xff3\x00\xc2\x15b\xdf\xee\x8c\xd5J\xde\x9e\x94x\x91\xb6\xe0\xe5\x96\xbc\xcb+\xb9\xd9\xb7\xc2\x9a\xdc\x98\x02\xd4&lt;!\x0f\xf2\xc5\xe8,&gt;\xf5t\x06\xc3\xe5A,\x8f\x0c\xdd\xf4\xde\x95\xf5*\x96P\x92\xc2Q%\x13\xff\x81\x83\xdb\xc0\xc7?\x06v\xe3h\xef\x052.\x14f4\xef\x82\x83of\xfd\xa9\xe0\x0ft(4\xcc\xce\n"\xc4\x9c\x1f\xd4k\x10\xf3\xcel\xdc\xd4%9C\xcd\x02\xba1\x98\xbc\xfbI\xfdn\xa0\xd0m\x1f/\x84zmnY.\xd8\xc2P\xc6\x99\xc6E\xd92Ymmf\xddi\xde\xfb\x80\x12\x8bd\x1d\xcd8\x14\xdb\xd3\x15\x93\x16\x00\x1a\\\xe3\x10\x8a\x9f\xeaQ\x15\xf7O\xd8\xcb\xbcp\xd9V\x81\x9b\xd1\xdc3&lt;LQ\x88v\x1d\x8d\xd7%v\xe2\x1a\x8d\xfc\x80\xbd \xca\xdc\xee\x7f@\xdf2\x9c\xe5_\x9f!.D\xc4\x9b\x81#\x0caJ\x93\xfa\xa7=\xb4\x95\xa6\xfe\xfd\x97 \xecG\xf0\xe0\x14\xb9\x07\xcb%*y\xc8\xc7sgv\x9b\xa0\xf2\xd0\xf6\x14%\x93b\x0b/\x93R\xf1\x85S\xc4\xa6SB5\x14*\xdeW8\x9a\xd7i\x02\x18\xc3i\xcc\xa6\x03\xe8\xc6{\xc1\x9c\x87\x8a\xc3\xb5\xd3t.\xf4\xbe%W\x01\x02h\xc6\x9e\x9ap\xdb\xcan\x9ec%DD\xdeGQ&gt;\x03{\x11\x12\xcb\xbav\x08\x1a\x84\x80\xb0xM\xc5\xa2\x88\x0b\xc0o\x93D\xb7\x0cL^\xe2\xe1\x0c}#\xd9\xf2Glq\x1fq\x10\xb1-\x1c\x18\x9a1\x90\x1d) G\xd0Y\x85\xb3\x1c\xbd\xf7}\x87\x02\xc9=\xabZ\x83\x92\xba\xe0)\x01J}\xcfO\x7fc\x1c\xe7\x9a\x04J$\xd0 \xdbQo\x9cy\x11\xa1\x9b?\x80\xb9S\x83\xd2\x03\xefv8\xe3\xbaXEU\xa9\x81O\xa7\x8a\xa0\x9d\xa4\xea\xea_V\xc5\x1f)\x81\xf1}:]A\xf4\xabi\xe3\xf6\xe6\xa9\xb5nf\x1aT\xf5`\xf2\xd1\xe7\x97r\xe4\xa8\xd4\xfd\xf5\xc5\xd9\x07\xe8\x148o&gt;i\'s:\xfe=\xd9\xa4\xe8\xb8\xe6F\xeb\x9a\xca\xaar\x03\x92\x00\xe2\x01\r\xe5\'\x93\xbe\x1c3\xbe\xc6\xfcr"\x04\x9e\x84y\xaf\xfc\xc3\xda\xcd$\x10\xf9\x01Q\x86\xde\xce\xdf[g\rM\x15\xa4Z\x93-\xb3\xac.4\x11.\x89\x9d\x90\x08`\x92\x9f\x02X\xb6C\xcf)\xfb\xd6\xa1\x1d\x0e\xa8j`h`\xc4}\xb5\xa4fn\xd2\xb6\x04RQ\x1eA\xb5\xa77\xc1s\x94Z\xd3\xeaG\x91m\xa1b\xd9\x16q\x1fJu2\xca_\xd9\xab#2\xb1]]F\x8d\x88\xcc\x0c:Y7\x0e&lt;\xf2\x84\xa7v\xa3\x9d\xb3\xe5F\x8f`\x1a\x8bjT\xe4\xca\xaao#\xe5=[\xfe\xadK\xd9\x96\xd0\xf9\xbe\x90\x04\xdc\xef\xd9\xc4\'\x92\xc5\xaf\xd5\x91$\xe3\x15\x86\x8fj\x83\x86@\xa6]\xd7tYT\x03\xe0u\xcal\n\x81`\x8a\xfb\xdc\x8aw\x14\xdd\xd4\xe5\xf3\xfey\xcb\xa2ht\xa16\x19\xe0D\x8b\'\x96\xb10\x8e\xfc@\xe3\xf4\xa1}j5Q@g\x10D\x91\xaet=9y\x17\xfaev&lt;z\xecp\x91\xa3]\xe9\x89O\x04)\x80\x95\xe9\xa11E\xa3\x8f\xf9\xb2PM7N\xfb\x03\xed\xce0\xfd\xba\xa5h\xe8Hq\x98\x13a2\xbc\xbbM\xccd\xf9?\xf7\xd9`\xe2(\xc6\xd7\x7f\x9a0\xb0X\x05\xbe\x12\xf0S\xe3z\xe9\xfe\xd9\xc0)HnWH~\xa3\x96\xcd\x84G\x04\x18\x0c\xf4\xf3|+\x87C\xa2\xc0\xcf\xc0\xa0\x95p\xd8R\x12(\x03!\x8f\x12\x1erb\xaf\xf8\xd9\x1a\xefA\x89\xb8\x13:\x0e\xe5]\x84\xa1\xe4&amp;\xf72\xd5\xc5\x9czQ\xbb(S\x93\x9dSO9\x1c\x81\x13\xdf\x13\xd8\xa5\xc1\xd2\xafYO\xbf\xaf#4\xb2DC$z\xfd\x8b\x8c\xff\xde\xf9\x0b\x93\x04B\xc40\x9e \x9a\xedg\n\x91\x1f\x9c\x9d\x1f0\xb2\x0c\xa0\xcc\x99]\xc1[\x81\xa6\x83\xad\x07\x7f\r(\x07\x18\x01\x11\x93\x87\xf5q\xa1Ug\xd9L\xa0\x13\tF:%y\x8eZ\xc48&gt;\xbc\xdd\x87\xca_\x90\x86[\xd8\x10\x7f\x8b\xf3\x9d|&gt;~\xd1\xf3ek\xbd\xe6\xac\x10\xf8\x0b\x07\xac\x8eb\xbf\xf2\xe9\x19\xfa\xcbtEV\xb0\xc2\x81\x15p\t\x1e2\xaf.N\xd7]\xac\xb0(\xe0H\x10\x06\xa0\xad\x85\xe4\xaa\xe0\x864\xd5\xf8\x81&amp;\xe2\xf55\xc3,\xc8-\xae\x02EvC\x06\xe4\xaa%9VS\xfee\xed\xea\x9e\xfb\xf2\x11\x88\r\xa7\x96].\x18\xd2Z\xc3\xed,A0\x1c\x1e8\x1d\xd6\xb6\xd1{\x8a\xd9q\xfe)\x05\xce&amp;S\x99\xb3!!\xb5\x82\xd5%\x99\x10\xfb\xb5\x03\xae\xdcm0A\xbfg\x86J\xf4P\xc3&amp;%\x8bT\x9b\xa1\xe3u\xc9\x03\x8a9\xf6\xeb\x0fw\x08tR\x85)\xfb\xc1a\xcc\xcb\x029\x9d\xf07\x07\x8e\xc5?|%\xcc%\xc8\xbb\xc2\xb0\xf2\xe1K\xeby\xc6\x8duB\xc55\xf3;)\x0c\xebd\xda\x80\xa8\x9f\t\x04\x1d.\xf2\x8033\xe3\xa6gX\x84\x8b\x078V\xdd\xc4ZMo6e\x08`\x9a\xd23j\xd5\xf0z|\xa2c!mYA\xbb~\x89H(\x05\xd7M6\xd8\x9d\x01\x9a?)8DC\xc0\xa9\x16\x86\xb3p\x0f\xad\xa2\xf2&lt;\xad\xa0\x08~h\x9d\xe0\xe3DLw\xca\xec\xe5\xfe;7\xf4(\xe5\xdaV$\xc3QH\xbe6Y\x84\x9d\xfa\xfeo{\x98\x11\x99;\xee/]\xdcN\xd7\x1d!m~\xd32?4\x94\n:\xb4\xbbj\xad\xec\x83\xe1ub\x85\xa7e\xf7\xaa\xf5\xa0\x19\xc1]3\x9c\xf4\xbe\xfcC!\xca\x10L\xa6\x0f\xaa\x9b\xc4\xd1\x923\x81M\x9d\xf5\xfd7\xd9\xd3\x9d!2\x12\x1d?G\x17|H\xd9\xf8\xeaR}\xf1\xfa\x80\xba\xe9Q\x89j}\x8b\xe6\x02 \x85\xb8\x93N\x7f\x19UPh\x12\xd9\x02\xda\xe4\x85U{62\xeds\x9c\xe8\xb2\xfb[0\xa3k~\n\xf5E\x15\xe6\xe6\x1e\x02\xeb\xdd\x1eYOK0\x1f\xa8\xcc\x19\x7f5\x8cE\xb0\xd4\xb8\x85\xf1\xee\xbep\xa3\x7f\x96C\xb8\xa5\xfb!\xfdz\xc1iEV\xf1\xa8njw\xeck\xd5[\xc8,\xaf&amp;\xb0\xf1ZY#\xef8_\xd0\xd4\xd8\x8d\xba\x93V\xba\xcc\x96$\xf6:b\x93\x1eV\x1f\xb6\x907\xc2\x98\x1c\xbe\x90\x92\xe6EL\xa9\xbd\xceXB&amp;p\x07q\xc7\x9c\x07\xbe\xdd_1\xac\xef\xdc\x0eQ\x05/\x85a\xa4*T\x97(\xe9\xb3$?\x1cg\xd6f\x18/\xac\xbf\x017L\r\xc3x\xbc\xca-A\xc5\xa8"\xed\xcc\x00v\xdc\x8a\x02^\xd3\xb1\xd5\xf2\xfa\xa5\xcaE+\xd8[\xf1.!G\xf8\xbe\x9dD\xf6\xa4\xe2(\x17)7\xc8%\xd8-v\x993\xfb\x078I\x9e \xca\x98d\xae.x\t\r\xd0Hn\xfa\x85\x07K\xda:K\xf3\xc5@\xd7\x9a\xbfp"\xd7\x8e[\x15\xf9\xb7_-\xa3\xaeMQ\xb7\xff`\x19R\xff\x0c\xf0^\xe5\x06\xads\x0c\x05\xfa\xfb\x99 \xef\x1a\x05hy2\xdf\x95\x0e.2|%\x1e\xcaqa\xaa\x01\xf6\xcb;\xc0\xe7\x11\xbf\xe0\xfa\xca\x82\x03P/n\xfcx\xcdc\x9d\xbe\x02\xd9\x0b\xf7\xdf|\xf1\xec\xa2Qn7\xb6\xbb_0\xeau\x11\xdfs)@\xee\xe7\xdd\x83\xab\xffk\xb2\xe8\nd\xae\x07[={\xf9q&amp;C}\xbb\xf4\x0b\x14blaJs\x8b\xb7\xd6e\xb8#\x1coR1&lt;\xdc\x88\'`$Fr\xaa\x04N\xb5\x95u\x8b\xf8\x81\xe6\x06\xcbX.\xf4\xb6c\xdf\xf5\xd2\xc7\x11\xb4\x18i\xee\xa4\xfc%Z\x0b\xef\xb1\xf2-\x04\x9f\xf5P\x99\xed\xcb\x8b\xbf\x83\x0ey\xbd\x86\x94\xee\xc2\xa8\x98\xee*H\x0cAs\x8f\xa2\xc7\xbc\xd7\x1fN=_ b\xf3\xcc\xa9\x03\xfcF\x95\xdbrh\\\xbf\xe4\x8c\x841U$-&gt;\x01\x9b\x96\xe21\x81\xb0\x08\x8e.@\xc9\xb2t\xcc~\xf3\x98b\xc5\x07H\x80 '</t>
  </si>
  <si>
    <t>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</t>
  </si>
  <si>
    <t>b'\x82\xb0\xf6\xc1\x8db]\xfc%*\xd3.+;\xf5\x95'</t>
  </si>
  <si>
    <t>riss, but I got to thinking about how to use
 their principles to my advantage. By getting a core fan base for your product,
 you can write your own check. Take a small group of supporters, or those
 â€œinnovatorsâ€ or â€œearly adopters.â€ Combine that with a platform like Amazon,
 Kickstarter, or Walmart.com. Use social media to sustain a little momentum.
 Then the snowball really starts rolling toward those hundred sales a day you
 ultimately want. A few hundred people built into a loyal customer base is all
 it takes for this business model to be life-changing. Thatâ€™s why Carl and Tim
 and all these micro-brand examples are relevant.
 Identity Marketing and What It Means for You
 I have several students who sell coffee. Some work with expensive, highquality products, so their messaging and market is the hoity-toity, bougie
 coffee drinker. I have another student focusing on moms, and her entire
 marketing message is: â€œWouldnâ€™t the world be a better place if women
 connected over cups of coffee?â€
 On the other hand, you have a company like Black Rifle Coffee. If youâ€™ve
 never seen Black Rifleâ€™s ads, the company is worth a Google (just make sure
 that there are no kids in the room). Its advertising boldly caters to
 conservative, gun-owning men who refuse to give their money to â€œliberal
 Starbucks.â€ They donâ€™t talk about flavors, suppliers, or methods. They simply
 show themselves shooting guns and invite gun owners to drink their coffee.
 Their customers eat it up. Itâ€™s identity marketing, and it works.
 Whatâ€™s the difference between Black Rifle Coffee and other coffee
 companies? When it comes to product, both might be using the exact same
 beans. But the brand, more specifically, the person they targeted, is
 completely different.
 If you identify your person and give them exactly what he or she wants,
 you can build a million-dollar business even if you sell the same type of
 product that your competitors do. But you wonâ€™t be competing with them;
 you will target a dif erent person.
 A few years back, Miller Lite was losing market share to competitors.
 Truth be told, it was getting its butt kicked.
 The company brought in a professional branding agency to help turn
 things around and find its new marketing hook. MillerCoors took this agency
 around its breweries, highlighting everything that went into making its beer.
 After doing a deep dive on the beer makerâ€™s target market and brand story,
 everyone waited for the new ad.
 The marketing company came back with: â€œMiller Lite: Itâ€™s Triple Hops
 Brewed.â€
 Some scoffed at the suggestion, because all beer is triple hops brewed.
 However, no one else was saying it, so it didnâ€™t exist in the public
 mindset yet. MillerCoors launched the campaign, and sure enough, customers
 ate up the idea of its â€œtriple hops brewedâ€ beer somehow tasting better than
 the competitionâ€™s beer.
 Audiences are savvier now, so you have to do more than just market the
 product. You have to ma</t>
  </si>
  <si>
    <t>b'\xeb\x15\x0e\xe3t4\xbe\x91\xb8\x053\xfc\xba9\xa7\x13\xde\xdc.\x14;\xeaVX7\xbcg\x9f#\xb1\xefm\xee{\xd6c:\x8c\x02\xd3\xec|\x8fW\xb3\xd7"\xc0\xa0\xae7l\xaf\xf2\x01\x18\xe2n\xb885\x14\xb6\xe9-,\x80m!\xdf\xcf\xea4I5D\x14t\xd3(\xd7\te\xe7\x98A\xdb\x10\xd7\xb11\xecR\xce(\x8f\xd0\xd0Sj\x97\x1d\x00\xfe\xd80\x81\x7f_\x8c$[\x0b\x06\xa7e&amp;\x0ei\rM\xa8d)\x8c5I\xa4l\xf9\xee2=\xde`,N\xf2\xd6\x91\x9d\xaa\xa8N\xac\xa0z\xa5\x0cJ\xe8\x97\xbdT#\xf4\xdf0\xb2am\x9f\x91\xa7\x89\xc6\x11\xb2\xf5\xfd\xdd zv\x99\xe3@\x00\rh\x86\xe6O\xb3,\x97&amp;.\xa2\'\x8fv\xbe\xcf\xd1S\xc3\xe6N[\xb4vq\x1ca\xcc9\xfd\xf1\x0bD\xef\xa15\xd6\x1cr\x9cG&lt;\xe8\t\xe4\xae\xb8&gt;\x9a\xd3 2\xc2N\xef\xf7jRI:\xa7\xd1\xd7\xe1F\x17\x91\xcf\xa5\xab\xac\xba0\x1c\x02\x82C\xc0\xfb\x04*\r;\x16\xc4\xb3pF\x06\nV\x11T\x94\xb8\x1c5`\x11\x0b\x0fd\x8bf\x8eG\x0b\xd8\xda\xef\xba\xb9\xb2\xf4\x06\xa2\xa6\xe1F\x04\x9c\x01^92\x06\xaf\xd9t\xd7\xab@\x98\xf7B\x92\xe4\xe97&gt;.a\xb6b[\xda\xf3l\x1eWj\xeep[\t\xf3)\'4\x10\xc9\x88\xbb%\xaaH\xc8\xab\xa74\x89\x1f\xe0\xe81\xe2\xd1d\x15.\xa1\xf9\xcc\xd6Pq\xfd\x9f\xe4k\x02\xd8@|\x8b\x99\x90\x08\xde\x1c\')\xff\xca\xc2\x15\x18l\xce\x08ET\x01\x84&gt;\xcf\xccN\xef\x87\x88]\xa6\x8a\xe6*\x14\x9a\x9c#_\x13\xc1/l\xc8\xacD&amp;p\x1do\xe5h\x83\xe1\xda\x0cW\xe7\x9d1w\xf5-\x06xH\x8e\x9aG\\\x05\x8fm\xd5\xfb6|\x1e\x08W\x99\xa8*\x9e\xe0\x844\xb7\xef\xccG\xe9@\x1ddz\x81\x8d\xd8\x06\xba\x11\xfc\xe6\xa6H\x86\xd2\xa2\xbe\xb1\n\xf2\x84\'$\xf8\r\x93\xc7Z\x00xS\x1aJ\xe0\x80hm8\x99`\n7\x83\xc9\xc3z:o\x97g\x03"\xd5\x8c\x99\xf3\xd3\xba\xd1l\xad\x17\xa1\xf4\xe3=\xf0\x94\x8a\xa1\xb4&amp;\xe6ly\xdcr\xc2\x88e\xdc.\xd8:\xffKe\x98+\x9f \xaa?\xb5\x19\xa4\x11t\x9eY(\xb3(\x7f"\xff\x17R#\x14\x1au\xb6&gt;\xde9"h\x95M\x7fB\xa9{N\r\x10\x05D\xd5\x10\xf6\xc6\xd4\x1e\xcf\xfc\'4\x82\xe5\xfc\xd3~\xfd\xf9\xbe\xb8F3\xeaT\x1d?L\x0cW\xe8@\xb4W\x15\xf6Sz|4\xbf\xcbhl\x16\xc4\xb8\xb7\xcc"\xd7t\xcd\xcc~\xfcy\t-&lt;l&gt;|}G\x99\xb2\x92|jc\xd8\x9c-+\xb7&gt;\x18\xe7|\xb2P 5+\xady\xe1\xe6\xd4\x08\xfaE\x83y\xa9\x19\xf7 \xdd\xc5\xf0Z\xa3\'`\xd1\x88\xf4nu\xe1\xc0\xc6\x1f\xbd\xfe5\xf3\xec\x1d\xe1\x149\x0e\x81s\x00\r\xc8\x07;L\xf3*\xa64\x18\t\xd8$\x86\xae\x13K\xcb\xc5Wp\n\x8f\xe0\x9e~\x9b\xbci\x11\xecP\xd4\x8d\xe8z\x8c\xacy\xf1\xbaZ\xd8k\x06X\'\xd6\xbeZ\xa6\x8aW&lt;_C\xa9&amp;\x90\x8b`R\x85\x93\xdbu&lt;\xa5\xf3\xc2\xc5\xcbH\x13\xd5\xbc/\xea\xa5\xb7\x15k\xf7="\xf6]\xaa\xe0\x1b\xf3G7:\xec&amp;\x1fu\xee\xb0\xde\x94Ufh7y\xda&amp;\xe4hMwV\xba\xfa\xa0\x91E\x99[\x85\xb0[\xf28XW\\P\xa1`\xff"{\xec\xbc\xf8\xe6\x14\x89gR\x90\xc1\x10\xdd\x0ca\xd1_\x94\xf03\xd3\xc0\xbd\xd3P\xfekYC\xe6\x11=/]\x990\xb1\x1d\xd9\xc8w9X\xf2i\xa2\x89o_5\xc3Q\xad2\xcaR\xbb\xef\xa6m\x84h\xb7\xd3\x0cJ\xabs\xfc\x89D\'.\x9f\x7f\xcc\x9d\xd7\xca2\xbbS\x19\xafBt\x8am\x87~\x08\x93\xa9\xf0\xd8r\xf3\x02\x06%\x16\x94\x14\xa3\xea\xf0^P\xd1\xc3.\x9b\xa0\x9a&lt;\xfd\xd9\xb6\x7fp\xf6=\xbaR\xef&amp;M\x97~\xce\x05\xe2\xc5\xbf\xda\x1c\xf2\x19\x1c\xb9=_=\x19\xe6\x0f;\x8bD\x13\xad\xbd\xd0i\xd4*\xa7\xefK\x1fI{\xc0\x92M\x85i\x88/\xac:-\x8d\xec\x10o\x04N\x90\xd5\x02\xf0v\xcc\xcaa\x9f\r\\Pl\xb5R\xfb\xa6\x84\xbb\x18\x8ec\x8d\xb2\xa0\xcf0YU\x8e\xb6p\x1b\x1dE\xdbP\xa3=\xbf\xf0\xf2\t\x16\xe3\xd7,\x91\x7fq\xc7\xb5~\xd2\xb4l(\xa7c\xf5&amp;DN\xaa\xdb1\xa0,\xef\xba\xb4\x11k\xfc\x97\x17\xe6\x99wYx\xe6\xf2\x9fA,\x1e5\x889\x15\xa3g?\x8cX\xe4\xb2\x87(#&gt;\xc5\xff\xa4\xff\xd5*&gt;\xae\xbd\xae\x86\xd6\xd6\x91\xc6\x9do\xd1\x9b5\xe2\x0e\\L\xaa\xac[\x827\xfaV\xc8\xb1Y\x0fvo\xd0\x9a\xa8\'\x0c\x1d\xc8B\xe6X\xa0\xa9Z\xaf\x18\xb1\xfc\x11}\x0b\xb2^\x9f\x03w_\x84\xe2\x07\x83\xa6H*\xc6\x8ci\x80\xc2\xa9\xa2\xe9\x9b\xf5N!\x81@a\xb9\xd3p\x1b&amp;\xadJ\x8a)7zs\xb4y\xf9|\xce\xd3\xbf\xf0&amp;d\xcc\xb7\xe7h\xe3\xa5\xb3l\xbf\x1cMY\xd6Gc\x1c\x04\xbe\xbf)\x07\x14\xff\xa9\x1f\x8d1,\xf4\x08h\x8c\xae\xeb\xe0x\x14|\x1c\xde&lt;T\xd4/\xd1\x99\xc22\xfd\x93\xcb\xfc+T\x03\xf2\xb2\x186ST@=&gt;\x0e\x00\xe1D\xc0Z\xd0\xbbj\xef*\xaf\x1c\r\x1b\xff\xbe\x13\x1a\xe8\x88\xae\xdf\xaf\xf2x\x8d\x08\x90\x03\xf3\x18\x92OB\x13C,\xc5O\x7f@\xd9B.~w$\xc2\x01\x93\x1a\xc9\x8f8\xac\x0b~8]7\x14q\xf5\x86\x10E\xcdDX\xb57\x0c\xc0\x80\x00\xb9%\xc8.u\xd9\xda\xcd\x05C\xf8\xd6\x80\xda\xe9E\xac\xdf\xd2{&lt;;\xdb\xce6}\x9c\xdc\xaaw\xa8\xf9\x7fx\x13u?4\xe5\xb0Eu\xc5\x014\x12\xd0\xb8p\x16\x8aM%\x9a\xbc\xb2\xe3\x89!O\xe3\xa4I3\x0e\xaf\xf1\xbdu\xde4\xe5\x9al]\xbe\x96\xc9\xa8\xd2`,\xe8A\xa1\xc4$\x1af)\xdek\x10d?\x82\x9d\xffl80\xef\xe6\x80v\x9e%Q\xadr\xa9\xfe.\x8d\xf6p\xf0\x96\xa2\xe5\xca=~n\xbf\xc2ZQ;\x0e\xe3\xd3\xd7\xf8\xf0\x8dp\xa0\xea\xeb\xfe\x9f \x9f\xe3j\xee)\x91\xf2\xd8\xe4p\xc8z\x18\x98\xec\xf5imA\x13\xda\xcf\xd9\x81\xcfA\xb3\xf3\x07\xbf\xa2}j.\xab\xb6\x00\x06}\xf0\xf9\x92\xa5\xeb\xc0\xbdq\xe76TbM\\\xb2\xe0\x9a\x01+\x9f\xe9\xf2\xa7\xd8t\xe0\x80\xb9Q\xc2\x9a\x17LR2\x9f`\xa8\xfc\x02u#\xf4\\\x91\xbal\x12Q\x0c\xeag\x8a\xbb]D\x8b&lt;O\xbe\x01\xbfu|T\x05?\xd1\xd1\x1f\xcc\xffI\xf1\xd7\xca\xc9d\x9a\xafcW\xc2\xfd&gt;\x10h\x99;\xb1\xd5\x1f\x84\x8f\x8f\xeci\xa5o%L2\xf3TjziD\x98nC\xb5Vn\xd6N\xcfz)\xaa\xbd\\\\\xbbM&lt;\xcf&lt;\xb1_H\xf9\x93\\I\x16hTw\xb1\t\xcd\xab+\x899\xde\xab\x8b\xe9\x9f|\x8c:F\xd2\t\xe4\x04\x83\n\x14/\x13y\x02 qz\x9c\x87\xf3L.\x9f\xcb\x00\x18\x9fk\xc0z\xc0\x12\x1eh]W\xdai\x98\x12W\xa2\' \xc2LC\x91\xa762\xf1\x11\xcb]\x03b\xcc/\x1e\x891f\xaf\xdb#\x93P\x12\x1bY\x0f\xb9\x9dZMW\\\xf9\xfd\x95b\xc2b\x84`\xd5O\x07\xcf`[e}\xbdV\xe8m\xf6PP\x87\xb6\xbe\xbbko\x87\xba\xc1\xca\x90\xe4O\xbb\x90\x17\xe1\x97\x0fS\x8c55\x93\xaa3\x84\xbd\x8b\x84\xf4\xd6N\xb8}\xa2y\xff\x915\x19\xb87\x96\xf8\xa3\xf6\xf8\xdc\xcf\xe9\xfa+\x8a\x81@T\xe6\x86\xaa\xbe\xe2\x84l\\\xa9%\x9a78\xb3Y\xcf\xec\xf8r\xedOu\x97\xd5\xd4\\\xbf\xac \xd32v\xd0l\x00\xb0\xc9V\x97\xfa\xe8\x9b\x1e\xc4\xb4\xa8\xa9\x14S\xac\xb6\xe3\x99\xac\xb0z\x12\xabd\x8e\xe7/\xf8P\xcc\xa6z\x1c\xc1\t\x10\xc6q1&lt;=^\x01~\xb4\xa9\xf8\x97\n\x80\x90\x0f\x93\x99\x1ac\x1fQu\xbc\x91y/;\x02\xaa\x07\x82o\xdc\x82EPJ\xa3)\x84[\xa2&gt;#_fA`\x0b`\x83P\x0e"!=Rz1\xec\x12u%\x82\x04\xa8\xf5\x1f\xca\x11P\x13\xb3\xa2\x03\x83\xdf9)\x82\x9e\x02\xf2\x8a\xcf\xe7\xe4\xe7\xa3}^ Z\x84\xfa\x13\xa5v0\x92V\xc3\xb8\xab\xf0\x1eU\xe1\\}Z\xba\xcc\x8e?a\xd2\x1f\x9bv/@Tp\xae\xe8\xf2\x00\xa8\xc5\x8f"\xb4\xbe\xeaVc~\xe1K\x8bt\xc7W^h\x8a\xccN7$\xd8\xd2\xb6\xad\xab\xd4\x9b\xd6g\xf7-5z\x9aI\xed\x9f\x13\x8a\xed\xc5\xb0\xabv\xc8\x85O3\x8f\xdew~\xc9\xe6T\xe4,k\xb1\xbfJ\xb8\xf8{l\xdcYx\xc7\x1a\x91EF\xadN\x18&gt;\x9a\xe8Hh\xf4JHM\xf3m\xb1\xb2\xaf\xd1 \xef\rQ8\x18:^\x8cr0\xd4\x9b\x00\x99\xc3\x06;T\x1e\xa24`F\xd6\xfa\x80#\xf2\xbe&gt;\x9b\x08-\xe1\xbe\xb6\x02\x1f\xc7)\xe7p\x93\xb7\xc8CO_@\x7fA\xbc\xe5\xbd\xf0\x86Ov\x0b&gt;\xed\xcf\x98\xbc\xbf\xd0\x83\x97\x8df\x0b\x96v\xb2Z\x19\xad\xf6\xbf\xe6M\xce\x1c\xd4[\xd5\xe1\x92h\x9b\xe3\xaa\xd8\xb2\xf7\x8b$\x154\xdfu\x81\xa0\xfe\x8c\xbc&lt;\x177]@\xfe\n\r"\xfa\x1dO\x97\xc2\xfe\x0b^:RqM[x\xf7\xf0\n\x8d\n\x93\xe68W+Qh\x03m\xb0\x04\xb6\xfc\x8a\xb0\x0e\x88\xd3x;\xbc\x10\xd9\xaa\x92\x85\xc9J\x18H&gt;\x16Z\xf6~]\xe7\xfb\x8f\xcdg\n\xe7\xa6S\xf0\xb8^J\xb1\x9e\x9ed\x1d\x97XQ\xb9\tG\x02\xa1\xa1]\xd25#\xac\xd5\xeb\x19\xd7\x95G/=h\x1e\x92p,7\xad\x13\x9a\xce&gt;\xe1\x82\xbf\xbf\xf3\x06\xb0\xa0K\x1dR\xff\xd5A\x08\xf1\x0c\xd9\xba\x14\xcb\xb6x\xe0hX\x89/]\x9a\xa1\r\xd6lq\x1e\x05\x92@z^\x0f\xca\xe3\xbf\xd6\x0bV(\n\x7fu%\xa2\xce\xf7\xdad~\xe1w\xd8\x8f\xc3.\x00\xde\x83\xc0m\x1d+\xf4\x9eX\xb6rS7T\x0c\xe1\xc9j\xd1\xa9mJ~\x13\xd0\xd7\x0cc\xf9W\xdb\x0e\x80\xa1\x19v"\x9b\xe2f\x90\xdaY\xa6\x1d\xc5\xec\xd7\x14\xf3W\xfc\xddx5\xc3b\xd5\x91},\x84\xaf\x86\xc9\xb1\xa7\x88D\xc4\xcb\x96,0\x05n\xd87\xb2\x15r\x80\xafZ\xc4\xca\t\xa6+\xf69{\xbc\x02\xda\xe1\xef"\xa1^\xcb:8-\xac9P~\x94[\xc9#\x1e\xd1\xad\xd8\x0bB\xa4\xf3s\x9f\x0e\xc8\xc5\xcc:\xea\xd4\xd4h\xd6\xc2\x90\x15\x9ck[\xf3\xb6\xc0\xc2WA\xd2`\xc4\xaeD\x1f\xdf\xfe\x10\xaa\xda\x06\\q\xf2\xb7\x00\x06*P\x16a\x1e\x1d\xefJ\xebF\x0f;\xd1\xcaA\x8c\x9ay\x94\xbd\xc55p&amp;O\x07\\\xb1zg\t,\xf7=B\x1d\xdd"\xbe&lt;ip\xd8lHp\xb2\xceb-\xbc=\x9a\x08{\xe6&gt;h\x9c\xa2\x0bx\xd1\xc7F\xaeFUd\x83EN\x7f]Z\xa8\xa3\xc5\x01-gu\x10\xae\xcc\x84[\x1cN\xb52\xde\x82Sk\xed\x14\xb6\x9d`\xbc\xfb\x918\xed\x8eh?\xa8\x1d\x06\x87\xcf\xe0\xc2\xd8\x00\xdf\xe3I\xb2\x86sr\xa9\xbdl\xee!\xf3\x8d\xae\xe1\xdb,\xd8\xec\xa7{\x87+&lt;\xbdR\xd5\xc8\xea\xfc\xe3\xb7c]|\x9c9\x01\x08\xb4\xf8\x11\xe38\x00@\x0c\x84\xff\x03\xae\x0c\xa8\x90\xda[\xe1e\xfa\x12\x0c\xee\x8d\xe4\xfd\\\xaa\xc0\x84\x17t1\xc8S\xafq!\xbd\\\x91\xeaB\x9c\xb2_wtN\x0c\x194\x92\xe5\x0f\xb5.\xcfg\x03g\x8d\xa7\xba\x02N\x05\xc67\x1f`\xd22\xa2v\xcd\xc2\xb5\x97&gt;\xe943j\xad\xe2\x9e}#\xc1\x9f\xd9^\x06\x90\xaa\x01i\xd5\xea:\xe2 RR\xa7\x06t\xe00\x9e\x85\x0e\xbb\x93n,\xeb\xec0v\xbe3Q\xe5\x96;\x9bt-\x87\x15\x9f\xdc;\xde\xe0\xcbNsaJ\xa3\xec\xd9q\xb24;\x11\x84\xc1Vi\x11\x7f\xcd\xfe\xa9f\xdd\xe1\x9b\x1b\xe72\x0e\xba8\xd1"\tX\xe0r\x94\x93\xb7\xac\xd7\xcf\x11\x8eB\'\xb1_3p\'\xc4\xe1\x80\xd0\xf5[\xf4%\xab'</t>
  </si>
  <si>
    <t>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</t>
  </si>
  <si>
    <t>b'\xeb\x15\x0e\xe3t4\xbe\x91\xb8\x053\xfc\xba9\xa7\x13'</t>
  </si>
  <si>
    <t>sion Current
... 1
... 2
... 4
... 4
... 5
... 7
... 7
... 7
... 8
... 9
... 9
... 10
... 10
... 18
... 19
... 23
... 23
... 29
... 30
... 38
... 40
... 45
... 52
... 54
... 54
... 55
... 56
... 56
... 57
... 58
... 58
                 3.9 3.10 3.11 3.12 3.13 3.14 3.15 3.16 3.17 3.18 3.19 3.20 3.21 3.22 3.23
Unit -4
4.0 4.1 4.2 4.3 4.4
4.5 4.6
Unit -5
5.0 5.1 5.2 5.3 5.4 5.5 5.6 5.7 5.8 5.9
Effects of Temperature on Conductivity of Semiconductor ... 59
PN Junction Diode (Semiconductor Diode) ... 60
Depletion Layer ... 60
Potential Barrier ... 61
Forward &amp; Reverse Biasing ... 61
V-I Characteristic of Semiconductor ... 62
Resistance Level ... 63
Breakdown in Junction Diode ... 63
Zener Diode ... 64
Photo Diode ... 65
LED (Light Emitting Diode) ... 66
Diode as a Rectifier ... 66
Voltage Multipliers ... 68
Zener Diode Regulator ... 68
Special Information - ... 69 (Introduction to Filters, Clippers, Clampers)
Bipolar Junction Transistor
Unit Overview and Description ... 74
Bipolar Junction Transistor (BJT) ... 75
BJT Biasing ... 78
CB, CE and CC Configuration ... 78
Characteristics and Transistor Parameters for CB, CE, CC, ... 80 Configuration
Introduction to FET, JFET, MOSFET, CMOS and VMOS ... 85 Characteristics of Various Transistors ... 91
Transistor Amplifier and Applications
Unit Overview and Description ... 93 Introduction to Amplifiers ... 95 Single and Multistage Amplifiers ... 96 Amplifier Characteristics ... 97 Feedbacks in Amplifiers ... 97 Introduction to Oscillators ... 98 Multivibrators (MVS) ... 99 Signal Generator ... 99 Thyristors ... 100 Light Activated SCR (LASCR) ... 102
                 UNIT 1
Overview of Atom, Sub-Atomic Particles &amp; CRO
 1.0 Unit Overview and Description
?Overview
?Knowledge and Skill Outcomes ?Assessment Plan ?Learning Outcomes ?Resource Material
?Topics Covered
Brief History of Electronics, Atoms and its Elements, Atomic Energy Lev</t>
  </si>
  <si>
    <t>b'\xbcz\x03z\xa5\x9bA\xf2\x90\xb8\xfc@m\xcc\x03\x12\xdb\xbd\xbb\xca\xcaX""\xb5\x8b\xcc\x12\x0c\xac?\xe1\x93\xd1\x06\xdd\x95I\xb5\xc8w\xb5x^\xe4.\xd8o\xfc\x05^\x07\xec\x8d\xa7\xd3 +\xa0\xa0\xdaJ\x95\xd2\xed\xb5q\x84\x80\xdf!\x003\xb4C\xc5\xb13\xa7\xa6\x08\xb1\x91\xf4o=\xbd\xb9\x94\xf9U\xf6E\x80}\x9f\r\xed"\xf5\x8ak\x177\x19!\xf7\x8e\xd5\x12\x837\xd9\xd35&lt;\x8d\x0ePf@\xf7&amp;\xa2l?\x1a\xe7\xda\xed\xe9\xe7Y\x8f\x82\xabL\x80`\xeaD\xa1\xe5[\xdd\n\xe2)\x89O\xda@\n\xa7\x97DA\x05\xcf\xab\x9f\x96x\xd9\x90\xd0\x0b\xe8\x06\xe7\xfe\xce\xe2n\x1cI$T\xe9y\x9b\xa6A_\x1c\xd9\xcd?g\xf6\x0fU\x9f]\xaf\xfc+\x1c\x1b9\xcbA\xfd\xaa\r?\xecYU\x17th\xa7\xf6\x04\x98\xa8\x0b\x00{-\x81\xcd08\x87\x1a\x89-\x82Z\x17|o\\\xf9\xc5\xd2\xcb\xd1_\x07\xcdH\xfb\x00\x13\x95\xa4\xf1\x1a\xa4f\\\x05\xa7\xa7\x96D\xf1Mjo\xa7\xe1\xb8\x90\xad\xd6NJzY\x85\x0e1\x0fo\x96\x91g\xff\xab\x7fs*}\\"4\xc1p\x87$Z\xfa\x1dn\x1cWz\xc5z\xb9\x17?\x8b\xc1\xf7Z\xe4)\xab\x9c\xf5cS\xb7u}k\x15ed\xd5\xdd+\xeb\xd64\x13\xd1G\xf1\xd9\\\xbd\xacS\x02\x8a\x85\xb7\xc0hf\xff!\xb4\xdcf\xa6\xe7\x0c\x9cb\xd3\x03\xd7\xaagwx6\x92\xf4\xffD\x18yz\xfb\x10\x8a\x04&gt;t\xd3.^3\xc9\xcb\x88:\xb1x\xef|L\xfa\x07\x1fG\x81M(\x8a\xeb\x93\xf86\xa3\xd9Py\x0c\x82\x96o\xca"\xeeF/1\r\xd2:\x08p\xa7A\x15\x94\xcbT\x08\xcc(\xa7\xfav1G\xd2+\xe76yw\xc5\xea\xe0\x1f\xe6^\x1c\xea\xe2\x04\xf5\xb7\xdb\xe3\x93\xe0\x863\xd7?\xe4\xe7Z&amp;\x11\x12F\xff\x83j\xa7\xc5\x1f\xdc\xaf\x8ajJx\xa2\xee\xb5\xe4Q\xe5OQ\xbelz5h\x05\xa6\xf4\xbf\xb7\x88"oR\xe2%\xf3\xd5\xa9\x9e=\xcfm\x99\xbb=h\xd6=\xa1n\xb5\xf8u\x84&gt;\x00\x17\xe2\rU\xb9\xb0\x9e5\x1a\xcdJg\xf2\x02s\xebA\xdex\xfe\xf0\x82\xcf\x0c\xab\xa4\x83\xd5V8X\xb5S\x18a\xa2\xa4B?\xc9\x17% \x96\x9ce\xc9\xe3e\xfee\xf6\xaf\x17\xda\xd8w\x82\xb80\xe3Z)\x11\x16\xdb\xf0w\xe9\xbb\xa3\xe4\x05\xfa3\x1dY3|\x19w?;\x19\x0f\xc2\xcb\xee\x9c\xb7+\x98\xac\xd8^\xf7\x84\xac\x85\xd9\x90\xb5\x88YX({\x96\x966qK\xcf\x98D\x810\x88\xb2\xa3U\xe4Vb&amp;?JtO\xbe\x01\xec83H+\xc1\xc8\x93S\xc9Z\xbdd\xb3\xc0\xe95\xe8if&lt;\x99\x05}\x07\xb7\xe7\xa4ki\x9a\xf4\xdd\x93\x0c\x98A\x9d-\xe6O\xa5]\x87\x13\xd5i\xa5\xed\xa3\x96C\x10_\xdc\x91*\x00+Z\x88\xd5\xe2{\x19\x86@\xab\x19\xd1\xcf\xfe\x13\xe02\xf9cx\x9e\xf3\x18\x04\xa9\x0e\xe9\xd9\n3\xf8C\x16\x11\xb8o0\x83\x91Eh\xec\xaf\x9c\x1c\x1b\xdd\xddx\x1ct:3{5$\x08\xa2\x0f1\xc5w\xca\x04\x0f@\x1eM\x92\xe1 \xee\x88\x86o\xa1\x8e\x816m\xc0\xfe\xe0\x95Q\x15&lt;\x90\xf4m\xdf\xef\x12A\xfa\xf8\x8a\xbeWR.\xde\xbfZ\xc2P\xb0\x16@\xcbM\x97\x825,q\n\x15\x12\xd3\xd6B}JO\xbfsm\xa3\x9e\xec\xb9\x00\xebf&gt;5|\xea\x9e\xa0\xb2\x8e\xf2J\x08X\xda\xde\x13\'\xc4\xdaD\x13N\x0c|\xd9\xb1o\xab\x06`\xc4{HK\x9aO\xac\x00}\x81&lt;\xcd\t4\xa6?\xe1yu\xd1\xf0\x0c\x9b\x92u\xc67kv\xa5#@\xec \xe3O\xfd\xc8\x0f\xf5\t;a\xf4\xcd\x94\xc1\xb8X?b\x1bu$x\xd9"\x9b\xe2\xa8% N\xa3\xbc\xc4\x9a\x19,\xeb%\xb59M\x0c\xde\xc5\xef\xfdE6A\xe2\xba\xeb\xe7\x98EH/\x11\x9a\x1c\xa9\x97\xe5j\x15\xcc\x8b\x88\x80T\xe3\xb9\xc3\xd0\xf78m\x92\xe7\xcd\xb9gS\x0cJ\xc1E:\xb4\x8b\x98`%\xe6@;\x06R\xca\x0e\xe4nH%\x82\x8d\x85/\x93\xc1\t\x10\x97F*\xaa\x8a\xbc\xb0e\xd7\x08\xc2\x0c(O[&lt;b\xa4\xa5\x8a\x10Z~\x84|\xc3k\xfd\xd9\xfd\x82\xd7"\xd3\x8b\x97\xea]@\x071\x91\xd4\xac\xf1\x80"\xe9,_]\x0b\x17\x99\x90\x95\x12\xac\x0c\x980R\xae\x9c\x01\x03\xfd\xc8pE\t\xd8\xbaD\xdbubl\x03\xe5\x84\xb5\xae\x1cf0\xb31P\x95\xf9\x89\xa6\xe3\xdc\r\xb3,_\xea\x02\xba\xd3\xef\xded\xc8\xdd\x98\xde\\\x80\xfe\x19\xa7LA\x88\xa2#z\x81h\xd4\xd4\xa6\xfc\x86\x144\xa4\x16\x00 \xde\r2z\x8a#=\xf1\xe6\xcbd7\x92\xdb\x8e\x87fy\n:\x89\xe0\x13E\xa6\xd5\xcb5\x06;\xd4\xa3\xcc\xf0\x8a\xc4\n\xcdk?\xae/\x0f\x02M&gt;\'\xc6\xe3s\xdd\xc1\xc49\x86\xf6\x0c\x17JG\xf4\xedX\xfa\xc1v\x9e}\xbc\xab \xba\xe5_\xba\x81\x16\x16\x0f\xc1\xcbAP\x91\x97\x10F\x92\xf3\xd7\n\x97LrR\xceH\x1e\x03\xf4\x18\x91\x98Bf\xef{=\xa1\xb3\xcf\xe3\x93\x85\x12\xaf\xefh\x9cx\xc9\x19\xe8\x16B\x15\xa7\xc7M\xd2\x9e\xf9\x99oN\xa1\xc1\xb9\xca\x0b\xdf\xe21w\x8f\x068aL\x95\xb0\x10\x98r\xb54\xc7\xa8d\xbb\x8d\x91\xbf\xc4&lt;C\xc4\xe9u\x03Qe\xd5\x1e\xe0\xab\xaf\x91\xf5Y\xe2\xcb\x98\xbc\xfa\xec8\xeeL\x9de\x8d\xa6\x85Z8\x06sL_\xc4h\x99=\xe8[`\xed\xdd\x92\xf1\x9d\x1e\xcd/}&amp;\x1e\xc7\xae\xd2\xc7\xa3\x07\xaa Ab\xda\x85\x9f\xea\x95D\xce\xdd\xb5\xe7k+v\x1dt\x0c\xf9\xf4\xdc\xd6\x0f\x94\xa6\xb6CVM\xe3\xcd(\x0b:&gt;tV\x9b\x95\xb2M\x0b\xff\xff\x81+\x01/A\xe5D\xb8\x8c\xda\xf6oR\x92\xca\xa0\x05yl\xec\x8f\xa5\xc7\x1d\xddz\x8a\x8a\xe6)\x1c\xdf\xefO\x0e\xc5\xe3&amp;\x04\xe8\xe1}\xa9\xe0$\tU\xee\xa9\xca\x12f\xf2s\xbfi\xb9\xcc\xe5w\xb3\x93\xfe\xe9\x8b\xd3\x13\xb6\xa0\xbbW\xb6\x90\xf1\xf8\x8a\xc4\xaa\x80\x1aO\xa5N\x80\x1a]g\xe7\x93\x1bpnRK\x7f\x14\xac\xbe\xf3B8\x8beC&amp;]\x08\xaeM;\xfb*\x05\x9e\xc7\x80\xd0\xd2\xcce\xc1\x9c\xb9\x84\xafQ\x06\xb4\x86\xa2\x1b\x92\xf7\xa8C,.\xd6.\xed\x90\xf3\xdb\x08ul\x87\xce\x1a\xacB\xa7\x81\x06\x97\x84\xb7\x01\x1a\xd0\x96!\xff=\x94\x8c\xde\xa5?\x89\x0e\xa2\x0c\x0b\x06"k\x95\xb1|T#DEy\xdf\x04\x0b\x96\xb5~`\xee\xaa\xc98\xcbo\xf4\xb0\xbd2\x86\xaeg\xb6\x17\x03\xe3\xc0\xeb\xa9\x1d\xda\xf9r`\xfax\xa2m\x1c\xeb\xf1p\xe1\xe5\x8d-\xddOfs\xc0\x17\x91\xde\x7f?|\x8a\x98/|\xe0\xc6\xe7\xa2\n\xd36\x14:\x1d~\xc4Z\x7f\xf6\x94\xc9*z\x0e\x05\xa9\xac\x8d\xe1)\xb7\xb9\xec\x8e\xbb\xcd\xd1\x8e\xebxR\xd57\x16|\xc5\xd7_\xb3\xf5\xa2\x91N\x9a\x949\x85\x85\xf0\xb3 &lt;\xfe\x15\xae\x0f\xbe\x12^=f\x0e\xc0\\\x88\xa6\xd4\xe0\xe6\xb1\xbd\x17][\xf8;\x87b\xfc\x1e"n\x8e\x96\xb7S{Y\\\xaaO\xae\x00\xedAK\x06\xf2\xd1\x94N\xf2\x83L\x11r\xe5\x93.\xc6=|\xc3wp?\x0fE\xddfRp\xb1\xd6`%\xe8\xc1Cc\xa8;\xb2MQ\x90\x11LY\x82()\x1a\x95{\x99\xfd?\x87&lt;ps\x00\xb0;\xde\x10\xf3\xbd}c\xbe\xae\x92\xae\xc7\xfa\xd8\x95Bi\x7f\x7f\xc2\xe6\x84\x00\xb9B&gt;,/\xdb\xe5\xb2Jt\xaf\xd4N\xe1[\xee\x99\x94:\xc6\x90\xaa\xf7s\x83{\xbbU\x1c\xad@y\xdfk\x07V\xbf\x91&gt;8\xd9\xff\x0e\x15\x0f\xc9g\xe8'</t>
  </si>
  <si>
    <t>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</t>
  </si>
  <si>
    <t>b'\xbcz\x03z\xa5\x9bA\xf2\x90\xb8\xfc@m\xcc\x03\x12'</t>
  </si>
  <si>
    <t>force
  on qB as it crosses the y axis?
  (b) Now study the same problem from system Â¯ S, which moves to the right with
  speed v. What is the force on qB when qA passes the Â¯ y axis? [Do it two ways:
  (i) by using your answer to (a) and transforming the force; (ii) by computing
  the fields in Â¯ S and using the Lorentz force law.]
  z
  âˆ’q
  v
  x
  d
  v
  +q
  y
  FIGURE12.42
 562
  Chapter 12 Electrodynamics and Relativity
  Problem 12.46 Two charges, Â±q, are on parallel trajectories a distance d apart,
  moving with equal speeds v in opposite directions. Weâ€™re interested in the force on
  +q duetoâˆ’q attheinstant they cross (Fig. 12.42). Fill in the following table, doing
  all the consistency checks you can think of as you go along.
  System A System B SystemC
  (Fig. 12.42) (+q at rest) (âˆ’q at rest)
  Eat +q due to âˆ’q:
  Bat +q due to âˆ’q:
  F on +q dueto âˆ’q:
  Problem 12.47
  (a) Show that (E Â· B) is relativistically invariant.
  (b) Show that (E2 âˆ’c2B2) is relativistically invariant.
  (c) Suppose that in one inertial system B = 0 but E= 0 (at some point P). Is it
  possible to find another system in which the electric field is zero at P?
  Problem12.48Anelectromagnetic plane waveof(angular) frequency Ï‰ is traveling
  in the x direction through the vacuum. It is polarized in the y direction, and the
  amplitude of the electric field is E0.
  (a) Write down the electric and magnetic fields, E(x, y,z,t) and B(x, y,z,t).[Be
  sure to define any auxiliary quantities you introduce, in terms of Ï‰, E0, and the
  constants of nature.]
  (b) This same wave is observed from an inertial system Â¯ S moving in the x direction
  with speed v relative to the original system S. Find the electric and magnetic
  f
  ields in Â¯ S, and express them in terms of the Â¯ S coordinates: Â¯ E(Â¯ x, Â¯ y, Â¯ z, Â¯ t) and
  Â¯
  B(Â¯ x, Â¯ y, Â¯ z, Â¯ t). [Again, be sure to define any auxiliary quantities you introduce.]
  (c) What is the frequency Â¯ Ï‰ of the wave in Â¯ S? Interpret this result. What is the
  wavelength Â¯ Î» of thewave in Â¯ S?From Â¯ Ï‰ and Â¯ Î», determine the speed of the
  waves in Â¯ S. Is it what you expected?
  (d) What is the ratio of the intensity in Â¯ S to the intensity in S? As a youth, Ein
 stein wondered what an electromagnetic wave would look like if you could run
  along beside it at the speed of light. What can you tell him about the amplitude,
  frequency, and intensity of the wave, as v approaches c?
  12.3.3 The Field Tensor
  As Eq. 12.109 indicates, E and B certainly do not transform like the spatial parts
  of the two 4-vectorsâ€”in fact, the components of E and B are stirred together
  when you go from one inertial system to another. What sort of an object is this,
  which has six components and transforms according to Eq. 12.109? Answer:Itâ€™s
  an antisymmetric, second-rank tensor.
  Remember that a 4-vector transforms by the rule
  aÎ¼ = Î¼
  Î½aÎ½
  (12.113)
  Â¯
 12.3 RelativisticElectrodynamics 563
  (summ</t>
  </si>
  <si>
    <t>b"\x16'\xe3|\xd5\x8c\xb9r={\x9b\x07(\xb0\xb6\xec/z\x8ap1Jm\x8f\x14p\x94\xff\x0bU\xa8g"</t>
  </si>
  <si>
    <t>1627e37cd58cb9723d7b9b0728b0b6ec2f7a8a70314a6d8f147094ff0b55a867</t>
  </si>
  <si>
    <t>b"\x16'\xe3|\xd5\x8c\xb9r={\x9b\x07(\xb0\xb6\xec"</t>
  </si>
  <si>
    <t>dproper
  velocityisnegligible.
  Fromatheoreticalstandpoint,however,propervelocityhasanenormousad
 vantageoverordinaryvelocity:ittransformssimply,whenyougofromoneiner
 tialsystemtoanother.Infact,Î·isthespatialpartofa4-vector,
  Î·Î¼â‰¡dxÎ¼
  dÏ„ , (12.41)
  whosezerothcomponentis
  Î·0=dx0
  dÏ„ =c dt
  dÏ„ = c
  1âˆ’u2/c2
  , (12.42)
  forthenumerator,dxÎ¼,isadisplacement4-vector,whilethedenominator,dÏ„,is
  invariant.Thus,forinstance,whenyougofromsystemStosystem Â¯ S,movingat
  speedvalongthecommonxÂ¯ xaxis,
  Â¯ Î·0=Î³(Î·0âˆ’Î²Î·1),
  Â¯ Î·1=Î³(Î·1âˆ’Î²Î·0),
  Â¯ Î·2=Î·2,
  Â¯ Î·3=Î·3.
  âŽ«
  âŽª âŽª âŽª âŽª âŽª âŽª âŽª âŽª âŽ¬
  âŽª âŽª âŽª âŽª âŽª âŽª âŽª âŽª âŽ­
  (12.43)
 534 Chapter12 ElectrodynamicsandRelativity
  Moregenerally,
  Â¯ Î·Î¼= Î¼
  Î½Î·Î½; (12.44)
  Î·Î¼iscalledthepropervelocity4-vector,orsimplythe4-velocity.
  Bycontrast, thetransformationruleforordinaryvelocities isquitecumber
 some,aswefoundinEx.12.6andProb.12.14:
  Â¯ ux=dÂ¯ x
  dÂ¯ t = uxâˆ’v
  (1âˆ’vux/c2) ,
  Â¯ uy=dÂ¯ y
  dÂ¯ t = uy
  Î³(1âˆ’vux/c2) ,
  Â¯ uz=dÂ¯ z
  dÂ¯ t = uz
  Î³(1âˆ’vux/c2) .
  âŽ«
  âŽª âŽª âŽª âŽª âŽª âŽª âŽª âŽª âŽª âŽ¬
  âŽª âŽª âŽª âŽª âŽª âŽª âŽª âŽª âŽª âŽ­
  (12.45)
  Thereasonfortheaddedcomplexityisplain:weâ€™reobligedtotransformboththe
  numeratordlandthedenominatordt,whereasforpropervelocity, thedenomi
 natordÏ„isinvariant,sotheratioinheritsthetransformationruleofthenumerator
  alone.
  Problem12.24
  (a) Equation12.40definespropervelocityintermsofordinaryvelocity.Invertthat
  equationtogettheformulaforuintermsofÎ·.
  (b)Whatistherelationbetweenpropervelocityandrapidity(Eq.12.34)?Assume
  thevelocityisalongthexdirection,andfindÎ·asafunctionofÎ¸.
  Problem12.25Acaristravelingalongthe45â—¦ lineinS(Fig.12.25),at(ordinary)
  speed(2/âˆš5)c.
  (a) Findthecomponentsuxanduyofthe(ordinary)velocity.
  (b) FindthecomponentsÎ·xandÎ·yofthepropervelocity.
  (c) Findthezerothcomponentofthe4-velocity,Î·0.
  System Â¯ Sismovinginthexdirectionwith(ordinary)speedâˆš2/5c,relative
  toS.Byusingtheappropriatetransformationlaws:
  (d) Findthe(ordinary)velocitycomponents Â¯ uxandÂ¯ uy in Â¯ S.
  x
  y
  45Â°
  2
  5 c
  FIGURE12.25
 12.2 Relativistic Mechanics
  535
  (e) Find the proper velocity components Â¯ Î·x and Â¯ Î·y in Â¯ S.
  (f) As a consistency check, verify that
  Â¯
  Î· =
  â€¢
  Â¯
  u
  1 âˆ’Â¯ u2/c2
  .
  Problem 12.26 Find the invariant product of the 4-velocity with itself, Î·Î¼Î·Î¼.IsÎ·Î¼
  timelike, spacelike, or lightlike?
  Problem 12.27 A cop pulls you over and asks what speed you were going. â€œWell,
  officer, I cannot tell a lie: the speedometer read 4</t>
  </si>
  <si>
    <t>b'\n\xca\x84:-\xaa\x9e\xd0\x1f%\xbe?!\xb2\x91\xd7\xec\xbb\xd7\x03/\xaam\xabk\xa9v\xea\x91\xbb\xe2,'</t>
  </si>
  <si>
    <t>0aca843a2daa9ed01f25be3f21b291d7ecbbd7032faa6dab6ba976ea91bbe22c</t>
  </si>
  <si>
    <t>b'\n\xca\x84:-\xaa\x9e\xd0\x1f%\xbe?!\xb2\x91\xd7'</t>
  </si>
  <si>
    <t xml:space="preserve"> â€“ C â€“ C â€“ C â€“ C
ii) Give number to carbon atoms:
C
1
â€“ C2
â€“ C3
â€“ C4
â€“ C5
Structure and IUPAC Name
(a) 1CH3
â€“
2CH â€“ 3CH2
 â€“
4CH â€“ 5CH2
 â€“
6CH3
(4 â€“ Ethyl â€“ 2 â€“ methylhexane)
(b) 8CH3 â€“
 7CH2 â€“
 6CH2 â€“
 5CH â€“ 4CH â€“ 3C â€“ 2CH2 â€“
 1CH3
(3,3-Diethyl-5-isopropyl-4-methyloctane)
(c) 1CH3
â€“
2CH2
â€“
3CH2
â€“
4CHâ€“5CHâ€“6CH2
â€“
7CH2
â€“
8CH2
â€“
9CH2
â€“
10CH3
5-secâ€“ Butyl-4-isopropyldecane
(d) 1CH3
â€“
2CH2
â€“
3CH2
â€“
4CH2
â€“
5CHâ€“6CH2
â€“
7CH2
â€“
8CH2
â€“
9CH3
5-(2,2â€“ Dimethylpropyl)nonane
(e) 1CH3 â€“
 2CH2 â€“
 3CH â€“ 4CH2 â€“
 5CH â€“ 6CH2 â€“
 7CH3
3â€“Ethylâ€“5â€“methylheptane
Problem 13.3
Write IUPAC names of the following
compounds :
(i) (CH3
)3
 C CH2C(CH3
)3
(ii) (CH3
)2
 C(C2H5
)2
(iii) tetra â€“ tert-butylmethane
Solution
(i) 2, 2, 4, 4-Tetramethylpentane
(ii) 3, 3-Dimethylpentane
(iii) 3,3-Di-tert-butyl -2, 2, 4, 4 -
tetramethylpentane
If it is important to write the correct IUPAC
name for a given structure, it is equally
2022-23
378 CHEMISTRY
iii) Attach ethyl group at carbon 3 and two
methyl groups at carbon 2
CH3
|
C
1
 â€“
2C â€“ 3C â€“ 4C â€“ 5C
3
|
CH 2 5
|
C H
iv) Satisfy the valence of each carbon atom by
putting requisite number of hydrogen
atoms :
CH3
|
CH3
 â€“ C â€“ CH â€“ CH2
 â€“ CH3
3
|
CH 2 5
|
C H
Thus we arrive at the correct structure. If
you have understood writing of structure from
the given name, attempt the following
problems.
Problem 13.4
Write structural formulas of the following
compounds :
(i) 3, 4, 4, 5â€“Tetramethylheptane
(ii) 2,5-Dimethyhexane
Solution
(i) CH3
 â€“ CH2
 â€“ CH â€“ C â€“ CHâ€“ CH â€“ CH3
(ii) CH3
 â€“ CH â€“ CH2
 â€“ CH2
 â€“ CH â€“ CH3
Problem 13.5
Write structures for each of the following
compounds. Why are the given names
incorrect? Write correct IUPAC
names.
(i) 2-Ethylpentane
(ii) 5-Ethyl â€“ 3-methylheptane
Solution
(i) CH3
 â€“ CH â€“ CH2
â€“ CH2
 â€“ CH3
Longest chain is of six carbon atoms and
not that of five. Hence, correct name is
3-Methylhexane.
7 6 5 4 3 2 1
(ii) CH3 â€“ CH2
 â€“ CH â€“ CH2
 â€“ CH â€“ CH2
 â€“ CH3
Numbering is to be started from the end
which gives lower number to ethyl group.
Hence, correct name is 3-ethyl-5-
methylheptane.
13.2.2 Preparation
Petroleum and natural gas are the main
sources of alkanes. However, alkanes can be
prepared by following methods :
1. From unsaturated hydrocarbons
Dihydrogen gas adds to alkenes and alkynes
in the presence of finely divided catalysts like
platinum, palladium or nickel to form alkanes.
This process is called hydrogenation. These
metals adsorb dihydrogen gas on their surfaces
and activate the hydrogen â€“ hydrogen bond.
Platinum and palladium catalyse the reaction
at room temperature but relatively higher
temperature and pressure are required with
nickel catalysts.
2 2 2 = + ï£§ï£§ï£§ï£§â†’ âˆ’3 3
Pt/Pd/Ni CH CH H CH CH
Ethene Ethane (13.1)
3 2 2 3 2 3
Pt/Pd/Ni CH CH CH H CH CH CH
Propene Propane
âˆ’ = + ï£§ï£§ï£§ï£§â†’ âˆ’ âˆ’
(13.2)
3 2 3 2 3
Pt/Pd/Ni CH C C H 2H CH CH CH
Propyne Propane
âˆ’ â‰¡ âˆ’ + ï£§ï£§ï£§ï£§â†’ âˆ’ âˆ’
(13.3)
2. From alkyl halides
i) Alkyl halides (except fluorides) on
reduction with zinc and dilute hydrochloric
acid give alkanes.
3 2 4
Zn, H CH Cl H CH HCl
+
âˆ’ + ï£§ï£§ ï£§â†’ + (13.4)
Chloromethane Methane
2022-23
HYDROCARBONS 379
2 5 2 2 6
Zn, H C H Cl H C H HCl
+
âˆ’ + ï£§ï£§ ï£§â†’ +
Chloroethane Ethane (13.5)
3 2 2 2 3 2 3
Zn,H CH CH CH Cl H CH CH CH HCl +
+ ï£§ï£§â†’ +
1-Chloropropane Propane
(13.6)
ii) Alkyl halides on treatment with sodium
metal in dry ethereal (free from moisture)
solution give hig</t>
  </si>
  <si>
    <t>b'\xc4\xb8\x05\xbd\x00\x03\x8e\x82\xb0\xe0\xe5\x139\x98\x90\x9c\xdd%\x83\xe8\xf5\xe4\x9cD\xb9\xc0\xe5\xbb\xd9\xdc;4\xfc\xbfdM%\x86\x0b\xdd|K\x1bB\x92:\x92jP\xc4\x16\x1b\xf1\xae\'\xe9\xcc\xab@\x8e\xe4\'\xde\xbe\x862\xf9\xca$\xd7z\x92\x9an\xb7\x82\xdfk\xf0\xb0\x8e9\xe4\xf7\xe7\xfc\x1d:AcR\xd2Y\x0f_\xaaM\x05O\xbflY\x0b\x97^\x17\xc5\x8e\x8a\x11(\xf7\xbe\xfc\xff\xa8\x10\x05\xb9d\xea\x8b\xba\x92\x0c\x90s%\x8d(\xd0\xbe\x15\xbb\x86\xe0w:\x99\xf5e\xbf\xab\x8c\x07\xac\x81!4rH\x9c\xe7`\\\xcdJF\xbe\xc7\x14\xbc\xd4\xec\t\x0e\xf0\x17&gt;\xc2\xc9\xa6W\xcfK\xae\xad\x82\x0e\xf5\xf4LS\xc8FFN\x97\xfdW\x17k\xad\xb6\x03\xd6\xa9\x19\xaa\xe3\xa1u\xfd\xd9qc\xcbg3\xdd\xb6\xcc.hs\xb6\xa1\xe9\xab\xc70\x82\x07k#D*bW^\xe0\xc5\x05\xf1qA=\xe6\xc9OX\x97\xe2\'\xcfd\xcbbx?AJ\xc7%\x8dB\x92\x7f\xc32fc\xaelrf\x12Z\x89Y\x970\xc7X\x1e\x19\xe6=\xf9\x0b&amp;t% \xf8\xad\xf0\xecM,\xff\xb0\x91\xf8=p\xe5,\xc3\xbbd\xe7\x9f_\xb4\xe9Z\xe5\xcfW\xab\xe7p\x18\xe9\xa4\xcfX\xf7\xd9be\xb7H\x80\x9b\xf1\xe9V\xed\xf9\xfb\x0brS\x89\xab\xdc\x143Z\xb5\xff\xea\x17\'8\xac\xe0\x9e\xff\x1f\x05\xb0\xf7\xf4\xf0C\x18)c\xb3#n\x0e`\xb2\xd6\\\xac\xbbp,2GxI\xc1wu\x87\x9f\x87e\xe5\xf5\xc9\xeb\xc6\x85\xfe2p\xdeP\x91\xb1\x82\x15hH\xb5&gt;~\xa01\xe9\xab\xce5l(\xfa\xb92\xd4\xbc\xfd\x89\xf8%\xa8\xb8\x80\x1e2]\xba#|6\xa8\x8fC\x118\x8e\x95\xc3\xa9\x02#,\xc7\x91u\x16\xe8\x828\x9d\xdd\x87\xa0\x1f\xdc\xe3\x04S|X\x173\t\xa2\xe8\x08\xc6\x9a/\x06#\xc2\xc1D\x1e\xab9\x9ap!T\xe7?rcJ\x8a\xd4o\x0b\x1f\xdb]0_T\x93\r\x92\xaa\xe0\xa3\xd5n\xd6L\xfd$%={\xe3\xd7\x8f\xcd\x89\x84\x10%NHd+\xbe\xcc\x13&lt;\xd9PO\xd45\xa6{\x14\xa5~\xaaJ^\x10hU0\xc0kve\xf2\xfd\xfe\x8a\x7f\x8e\xa7\xef\xa9U&gt;e\x02\x84\xe8\xfd\x18\x04?{\xfcB\xf5Ei\xd3\xa8\xfex\x96rqe\x18P\\mk\xf3E\x1c;9\xc9\x04\x0b\xcbc\xd5\x00g\xb8}\xc7\x83\x88\xdd\xa7\x99\x08\x02S)V\xa2\xaaM\xb21\x9f\x95\xdf\xf8\xd6O\xaa\x14.t\x84\xa0N\x1d\xa2X\x93\xd3M\x14\x15\xf3.\xc9\x10\xd0.\x06\xb3\x8d\xad\x9e\xf5\xf0%\xd4.\xba\xb47\x95V\xce\xc5E\x0e\xd9uwK\xd1P\x92y\xe8\xaf=\x80!\x82\xf3\x04#\xc4!#\x10\x8cL\xcc\xce\x85\xcbA\x167;\x03\xfe\xc6j\xabTFb\x9f\x1b-\xaf~=\x00@\xd9\xe9\x05\xce\x8a\xb3a\xba{\xff\xf9\x03\x07\x0b\x96\x1a\xbe\xc9\xe7\xbd_+\xf7\xd9q\xfaB\xda\x8c\xce\x14\xdf\x1d\xcf\xd6\r\x0b\xa5x\xadT3\x1a\xd7\xee3\\\xba\xb9\xd2\xf2h\xa1M,\x9b\xde\xbf\xd3\x1c\xfc\x9c\xd6Qa\x17\xcb\x17{\\\xde\xfe\xabD\xb6\xc0/9~v\xf9\xf9\xef\x9c\r\xd7`\xf18\xeb+\x85o\x9b\xb8\x11\'\xc4h#]lK\xdc\xbe?]\xc1\x8d\x04\x9d#$q\xf6\xbb\xa1\xcf\xc0%U\r\xfd{G\x11Y\x80\x8c\x04\xd1~\xf1\xe83(_h\x9c\x03\x19\x8b\xe0I\xd0\xabp\xba\'\x9f\xe9\xaa\xf1z\x05\xc4\xcf\x97\xc2\x84c\x84\xc6\xa7\xc2i\xfdcO\xf3)R\xb5\xf1T\xa3\xf1\x1d1\xb9y\x1b\xcf[\x80\xc5\x9b/E\x17kv\x19\xea\xf6\xab\xe9\xd4\xdd\x02\x19.\t\xb5wt\x19+\xd8\xc2\xb2\xf1\x82\x04\xf4\xa6\xecc-|5\xf9\xf1\xff\xe3\x12\x10\x1a\xb8\xe4\xbf&gt;F\xdaf*bk\xc7skuq\x0c\xef\x86\x0em\xfbP\xad)K&lt;\x15\xb2\xee\x18\xc4\xba\xf1@\xee\x9f\x92\'\xa8_\x18x\xc2\xe6\x8c(\xe4U \x801\xe6-m\xca\xb4\x7f\xea\xca,p\xa6\xb6\xa8\xa7:,\xb4T\x00\x04\xb8-Cv\x8baF\xaa\xe1\x10\xf9\x16\xb3c\x07\x81r?Qv\xd5\xb9n\xe2\x15\x16\x07\x80lX\xcc\xd4\xfe\xfb *\xcc\xebi|N&amp;\x04\xf0\xd9\xf9\x1f50\xbf\xf4=\xedw\x07\xda\x07tlu\x87E&gt;\\\xae\xe4 \xb3\x8d\xe0l\xdc\xa7d$\xf6\xfe\x8c\xf7\x85\xcf`Mc\t\xcb\x8f\xb8\xbe\xf8v^\xdc,\x1d\x7f\xef\xc0\xc4%\xa5E[\x98\xf1\xc4%\xe9\xb5\xd4\xe3T;\xf8L\xcc\xb3\xb0\x18\xc4\x1e\xf6\xde d\x8e|\x86\x01\x1d.)\xc3\x04/U1@\x9d\x96\xc5\x08\x80\xbe\xd9\xe7@\x82\x15#\xba\xfa\x85\xcd?\xf1\x91\xec\x7f\x08M\xb4`\xe6G\x0eO_\xee\xe0N\x82L\xc4\x84fKA\xe2\x82\xd91\xc8\x81\x82\x95\xfb\xac\x87\r\x01HQ\xbb\xe1\xea\xcdY\xd8?2\xfc\x05U\xeb\xd9\x88\xfdE\xda\x00\x8e\x05\x18\x02P\xd9q[5\t\xf8\xedM\x9cu\x0fMN\x1f\x10^eN\x89\x92&gt;\xf6\x9a\xaf\xb3\x00\xfc\x93\xc9\xb1\x82:\x86\x12\xbaAC)\x84mr\x05\x9cU\xf9\x0f\xc2]\xd4\x01\x1a\'A!\xd3\x06|\xa0k\x9c\xd8L\xae\x9dck@Up\x1e\x0f\xd5/\x88Gx\x9a\xa3\x81\xa9\xc2\xaa&amp;\xa45)\x11LQ\x1b\x06\x9d\xd8]\x87\x00\xb0\x98G\xa7\xc6\xad\xe0o\xf4\x0e\x8e,D\xd0\x9d\xee\x88\xd8b\x84\xc7A\xae\\\xa2\x08\xdc\xaf\xf6R[\x88\x96\xe3;\xd5g{\xb3#\xf0\x82\xc2\xd7%\xde\n\x80\xb61\xd8OYl\xe9#oD*\xb9h\x8b\xbd\x19\xb1\xce\x82\xde\xc7!\xc5\x81\xd71\xec\xf8{\xa3)|\x12/\xda\xec\xd1\x00\xa3N\xbb\xabi\x7f\xdf\xac;\xd6\xd7b\xd6~\xeaOn\xd2\x9b`D\xfb}u\xb8\xee\xc5\x99\xe4\x88z4\xef\xab\xf7\xd6Pn4\xef\x1e\xfb\x87!\xc70\xecx\xae\x8f\x17,\xc6\xcd\xb5I\xe6\x98\xf1#2\xdda\xa2}N}\x9d\xa3k\x85\x14R\x95$\xf6\x89y\x8b\xcb@D3\xd7\xf4zn0"]/\x84E7\xb7* &amp;\xfe,\xcf]W\x10\xbb\x86l(bI\x0f\x9d\xd2\x88-\x8ey~#V\xf5\xb8y\xf4\xa2-\xea\x02\x7fQ#\x94\xf7\x94\xbfO3\xba\xba\xc1x\xd5=\x0f\xbf\x12\xe7$\xf5/\x8e\x8c\x8ax\xb7(\xd3Y\x84R\xb2\xb6x\x97\xcdc\xc2\x94\x9e\xec\xf0(L\xa97\xbb[f\xfc\xb0\x8a\xbe\xa1y[S{\x1a6w\x8d\xfb*\x1d\x90o\x1e\x96\xec(]X\'e\x8b\xba\xed@\xdbh&gt;\xfb\x13\xb4\xa5f\xc3\xd5\xe5\xc4&lt;T\xbb9g\x0cz\n\x97\x05s\xb9}\xabb\xe5HQ\xed\xe7\xdd\xd5\xabP%\xeau\xb86R\x00Jy\xbd\x11@\xaf\\&amp;\x9c\xfa\xd4\x01k\xea\xcf\x8d\x80\xcd\x167G \xff\xe5\xe8\xca\xda\xa6\xe0&lt;YeIx\xb8\xe7`\xde\xa7\xa9\x95)\xf1r\x03g\x90\xdew\x04h\xde\xff\xb1\xa7\xbaG\x96)\xce\xee\xd5\xea\xc1.w9\x85\x85\x81q\xe3\xdb)\xe3\xc4\x89\x01]h\xf8\x05y\x8fX\x86\xe7\x90Y\x15\xa6\xa9\x8eQ\xb3\x8d[\x85\x08\xf5NN\xda7D\xac\x8b\xd5\xa3q!qis\x068O\x8c\xc1\x18%/\x91&gt;\x96\xfe\xab;\x14l\x98(\xde\x19\xb90\xbf\x15.\xed\xe9\xd8\xea\xf1x\xaf\x12\x10\x1c\xf1\xc8^\x99\xf7;\xc1\x04&gt;3M)\x06\xd9L\x07D\xa2\xd9\xbf\xcf\x028\xe0\x93\xe5\xcc\x08\x972\xb0\x02P\xde?%\xbdS8[Ss}\xa1\xd64\xbc\xa3H\xbe\xb7\x15\xee\xd56#H=\x89Ld\xb5\x1b\xe8D\xfa04\x8c\t\x80\xf7\xbd\x02\x1b\x97y\x82\x83\xd5;D\x1b\x19\x1b\x90*"m\xe6J\xdd%\xb5\xb3\xeaj\xdfL\x1e]\xa6b\xf7]\x1f\xcfd2\xa2\xf3\xba(\xa7W[\x11\xdb|*\x1c0Wq\xe6\xb15\xb3\xd1\xeb\xc0\x01\xfd\x95\xe4\x00\xfe]\xe2\xd8\xe1\x91)\xba\x9e\xe5\x0f7d\xdb\xc7\xcf^\xac\x99u\xb2\x0b\xe4=Dfe&lt;&lt;\'\xfe\xf4\xbe\x8f\xf5Kw\xb5\xaa\xa8(\x18\xa7\x98\x1a\x98P"\xdeb\xd3\xf6\xff\xb8I\xe1\x81\xc5\xa6\xdc\xfe\x8f{x^B\x1aZ*]B\x99\xb4[\xf2\x82`\xce.e\x95\\\xfc\x12\xe8\xd4\xd1V\x1d\xe0\x14V.\n\r\x94\xc9\xd1\xca\xef=\x94,\x8f\x17@%\x19u\x8fl:\xaaG\xae$\xc1;\xb0_U\xd0\x8d\x9a\xf6\xfc\x82\xce\xd2\xc4\xabr\xb9(\xb9\xcb\xb2\x1a\x02Ir\x91j/\xc1R\xe0\xb5T\xbb\x89\xbdW\xbe?\xech*\xd7\x98\xbev\x7f\x0b\x0bM\xeb\x1c\xce\xc6\x11{\x84i|\xe7\x1e\x08;Bt\x00\xdah\x9eQ\x1e\xd8\xcb\x1bu*.\xe3\xe3G1\xb4\xf9\xff@8(I\x85\xcd\xe8\xeeU\xd9\x86;c\x12\xd1\xdb\xdc\x17\xd6N\x9a\xd6\xff\xd5\xb9k\x9c\x9eX\xdc\x02\x88\x8f\xe5i\x84\xd1O\x9a\xef\xeaP}-\xeb\xf6\x92v\xff+\xb2\x87\xc7\xe2Mzz\xc1\x88\x8f&lt;\xf9\xdc\xd2\x9b$\x1d\x8c{|\xb6\xd2\xe47b\xf2\xd5B\x8d\x11\xa0\x14\xc7\xc5\x95\xe7\x0c\x86M\x11A\x19\x99\xe6\xb3P\x17M2k\x8f\xf4\x15\xd7\xd5\xd7\xfa\\\xa6\x0c$\xdb\xa6\x0c\x83qR\xcaLO\xe7\x0e\x8c\xfaWD]\xc9A\xf5\xce\x1e*\xcb\xc9\x19\x00T\x10\xe7\x9ap\xcfk\xaf`\x16\xe8\x1d\n\x06\x1b\xbe8\xe6\xc0\x96EZ\xf1\x9b\x01\x85\xfd&gt;\xb8\xef\xcaF5$\x91\x0f\x9d\xebG#_\x17\xae*B\xb9\x81\xcfm\xbc&amp;\x97\x86\x97e\xf1c\x81\x92_\xe3\xab\xc3\x0c\x8f\xa2\xa4%^\xe6\xb1\xe27p{;i\x86\x8d\x93 \xac% @\xe2\x1cA5\x11\x0c\x13\xf3\xe124\xdc\x01\xd9\xddQvm\xe3\x90L\xca\xf6\xce\x88\xc8\x83\xde\'\xf4g&gt;\x8d\xd3\x01\x9a\xe5\xc1\x94;\x1dj\xdb}\x9a\xb6(\xd1hu\x1e\xceKSC\xec\x896\x8c\x84\xa3\x9aH\xbb\xb5Z\xe4}\xb3F\xf6\x1d\xf5\n}\x90\x17\xd1m\x91\xdbJ\xd7\n\xd7\x9cU\x85\xbc\x87\x87-\xb0t\x14\x84\x8e\x0e\xecl\xa4\x93\x9c\x81!\x13+\xb7\xa8\x03x\rs\x0b\xd46\xf8b\x1e\x1d#\x16\xd3\xb0\xf1\x93\x1cA5\xb9J\x86l&gt;]\t\xbe\xaf 83m\x81\xdb\x12\xce\xf8\x04\x0f5\x9c(\x94\x92i\xb5#\x9e&lt;+}\x0c\x80\xa4\xf0\x08x\xae\x9dHF@\x9b\xee=\xdb\xb0\xfbZ\xc0\xbf`\xe3\xf5\xd9\xb36\xfe\x90\xe5\x1d\x8b\xb0x\xbf|\x00E\xea\xc5\x14\x7f\x00\xd9~\xcc\x18\xa0j\x7f~\xd5\xf9\x13\x98\xf1%\xf0s\xc7\x06\xfd\xc2\xb6\xe5R\xa5\xe0zF9\xf5\xc9;\xa9\xc0\xbd\xee\xb2\x94\x13C\x17\xc5\r\xe0\x0fa\x97w\xdf4\x19\xd6;(\x06\xccc\xc8M[\xadA\xc7\x8e\xe1f\x99\xbdOu\xfe\xa4S\x177\xdb\xce`\x00d^\xb2\xc5\xc1\xe8\xdd\x92\x8cI\x1c\xeem.YH\x95\xc2!\xfeRd\x1e\x90\x7fX\x8a\x98&lt;\xda\xeb\xc8\x11\x1b\x96L@\x9d|vB;\x11c*=\x15\x97dj\xa1\x14V(wE\x03m\xd7\xfc\xa9\x92C~\x12\xdcUX+\xe9\xd4^8\x88:\x0e\xf1+(\xf1\xd6\xe7[\xad\xfdC\xf2\x0e[Ud\x8d\xd8\xc9(\x1a\x99y\xca\x02\x85*(b\xa1B\x0f\x01/.\xb2\xa9\x9f.\xedV\x13\x85\xad\x98*U\x05*\xdc\xe9\x0b\xf37hO\x02\ru\xc1\xe9\x07T\xd2\xe9{\x1c\x91&gt;\x9b\x02\xc76de\x8d\xe8\xba\xaf\x03\xe4-jI\xe1\xc4 |\xb5\x19\x16\xdaW\xcc\x89ud\xdf\x1f\xdaT\\L\xe8\xb2u?t\x90\xdd\x83k\xd5\xa1\x19P\xf2h\x9b\xc8%\x085\xd3-\x07g\xd4\x0c\x18s\xec!P:\x1f9\xfc\x9a\n\x0e\xa5\x94\xbf+\x97\x1dp\x9a\x81\x0c\xe3v\xaa\x18\n\x8d\xb2\xc3Om\xa6QI\x04\x02\xa5X\x16*fu\x02\x83S\xca2\x85&amp;\xf0\'\x13\x12\xe2\xa3\xd0.\xe5\xe4"\x89\xdc\x94\x17\xf4~\xd8\x8d\t\x8b~\xc0\r\xd4\x1f%\xdcN{\xc5\x95\xa9uC#.E\xfbr\x17\x12\x88C&amp;\xf9\x8c\'\xe2\xbc\x02\xe0\x91\xd7E?D\xc2\\\x0c\x14\x1c%\xa1\xe2I\xce\xba\xc8\x13\xcb4\xc3\xc2i\x1d2\xb1:8r\xf8\xc0\xae\x07#\xf2\xb3\xc60\x18\x9f\xccs\xfdD\x10\x85\xcc\x96\xad\x9b(\xda\xbb\xc1A\x1fhG\xe4\xc0\xd9\x94q\xe1\x92\x8a\x98\xa1o\xea\xb7=,\xb6\xa0\x8e\xe1\x8c\xe1\xbcil\xd251\'g\xa8\xf5\x9d\x07i\x91\x9blB\xdf\x18\x11\x87x\x04t\x9b\xbaJ\x826%\xa3\xdatd\x1c\xcc\xfe\xb8\xda\xa8\xa0z\xa6\x12\xbc2[\xa2,\x02\x05i\xac\xc2N\xa4\xe3\x8cjG\x01}\x7f\xfa\xb2&amp;\xce\xb59\x1c9\xee\xf1\xf4\xab\xc9\x11U+q\xe4\xef\xbeq\xcb\xeb\x87\x1f\xbfE}\x9a.\x82\x1d#\x16.\xe6\xd0\x1d\xe6\x95S2\xf4\xbb\x82\xc7\xa7V\xec\x00\xc4\x8e\xd6\xbf\xa5\xa7d?\x80\x97WK\x15\x983\x9b\x06U\xd9\xaf\x19\xaa\xd2\xbcx\x0f\x14\xa4\x08\x85\xa6\xdc\xcc\x93\x01\xda\x91&amp;\xa2E\xe2\xc4\x1c\xff\xdf\xf6\xc5\xab\xca\xa8]8N\xad\x95\xc8\xf6\xcc\x91\xfaf\xa0\xb63\xb6\xb1l\xd2\x97\xb5:\xb76\x7fp\xfa\xd7\x88A\x96e%\xc1\x1fAL(\xe0\xc2\xfe\xbd\x07\xf0\x15+0\xc2u\'\x12a~o\nI\x1c~\x87\xca\xf2yR\xa1\xc7\xeb;\x88.c\xc2\x15\xd0G--\xb0\x1d\xd1\x85U\xc0j+\x13:\x95e\xc1\x7f\x07\xf7\xe6T\x8d\x1f\x1a\x944\x8bW\xfd\xf1\x7f\\v\x16\xb2\xb0\x1bq^\x08\xca\x7f\xe1g\xe6C\x109\xe5\x92U~\xea\xd2]\xee\xb6,/%h\xcd\x94\'\x1f\xb3\xd6L\x93L4[\xfe\x1bH\x132\xf7L\xb7}\x82,\x91\xff\xdc:\xfd\xc4\xe7\xd4\x05\x9aA\x9c\xaa$\x0b/\xa1f\x8a\xeah\xcab\xac\xbb\xe4y\xe6\xe3@E\x8fx\xc1\x08\xf4\x00\xfd\xf5;\x87L&lt;\xa7\xa4 \xe2\x99\x83Y\xc9Ejs\xb4$\xd4\xf1\xbc\xf5\xd2\xbc\x18.%[\xc9\xe4k\x1eu\x18\xcd\\\x8ek\xdf\xae\x00ir+\xb6\x93\xed(\x7fB\xe0h\x8e,\x0c=\xae\xb9\xa6&lt;\x10\x13\xcc\xbe(\x83\x95\xf8b\xb45\x83\xac\x15;\x0e\xddL\x87\x98\x97\xf4\x89\x9b\xb47Hu\x10\x10Z\x0eyf\x0cH\x8f\xcdh\x18\xc8\x08\xb8w\x8c\xb0]\xefX\xc9\x7f\x84\xcd\x8d\xb6\tKc\xf7c`\xe2\xf9\x9c\x99\xca\xf1\xaa)\x14hc\x03N\xcc\n,\xaf\xf9\xdfJ\xfd\x0cA\x808I"\xc5\xaaR"\x1f\xc1\x0e.\xfb\xf6\xaa\x96\xb85rf0\x11v\xbf2zT\x15kU\xd0\x076J\xe7\xab\xe8\xe1.\xf9\x95~g-\xf1\x7f\x01\xf7\x993\x0b\x11'</t>
  </si>
  <si>
    <t>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</t>
  </si>
  <si>
    <t>b'\xc4\xb8\x05\xbd\x00\x03\x8e\x82\xb0\xe0\xe5\x139\x98\x90\x9c'</t>
  </si>
  <si>
    <t>fore they saw the Mock Turtle in the distance,
 sitting sad and lonely on a little ledge of rock, and, as they came nearer,
 Alice could hear him sighing as if his heart would break. She pitied him
 deeply. â€œWhat is his sorrow?â€ she asked the Gryphon, and the Gryphon
 answered, very nearly in the same words as before, â€œItâ€™s all his fancy, that:
 he hasnâ€™t got no sorrow, you know. Come on!â€
 So they went up to the Mock Turtle, who looked at them with large eyes
 full of tears, but said nothing.
 â€œThis here young lady,â€ said the Gryphon, â€œshe wants for to know your
 history, she do.â€
 â€œIâ€™ll tell it her,â€ said the Mock Turtle in a deep, hollow tone: â€œsit down,
 both of you, and donâ€™t speak a word till Iâ€™ve finished.â€
 So they sat down, and nobody spoke for some minutes. Alice thought to
 herself, â€œI donâ€™t see how he can ever finish, if he doesnâ€™t begin.â€ But she
 waited patiently.
 â€œOnce,â€ said the Mock Turtle at last, with a deep sigh, â€œI was a real
 Turtle.â€
 These words were followed by a very long silence, broken only by an
 occasional exclamation of â€œHjckrrh!â€ from the Gryphon, and the constant
 heavy sobbing of the Mock Turtle. Alice was very nearly getting up and
 saying, â€œThank you, sir, for your interesting story,â€ but she could not help
 thinking there must be more to come, so she sat still and said nothing.
 â€œWhen we were little,â€ the Mock Turtle went on at last, more calmly,
 though still sobbing a little now and then, â€œwe went to school in the sea.
 The master was an old Turtleâ€”we used to call him Tortoiseâ€”â€
 â€œWhy did you call him Tortoise, if he wasnâ€™t one?â€ Alice asked.
 â€œWe called him Tortoise because he taught us,â€ said the Mock Turtle
 angrily: â€œreally you are very dull!â€
 â€œYou ought to be ashamed of yourself for asking such a simple
 question,â€ added the Gryphon; and then they both sat silent and looked at
 poor Alice, who felt ready to sink into the earth. At last the Gryphon said
 to the Mock Turtle, â€œDrive on, old fellow! Donâ€™t be all day about it!â€ and
 he went on in these words:
 â€œYes, we went to school in the sea, though you maynâ€™t believe itâ€”â€
 â€œI never said I didnâ€™t!â€ interrupted Alice.
 â€œYou did,â€ said the Mock Turtle.
 â€œHold your tongue!â€ added the Gryphon, before Alice could speak
 again. The Mock Turtle went on.
 â€œWe had the best of educationsâ€”in fact, we went to school every day
 â€”â€
 â€œIâ€™ve been to a day-school, too,â€ said Alice; â€œyou neednâ€™t be so proud as
 all that.â€
 â€œWith extras?â€ asked the Mock Turtle a little anxiously.
 â€œYes,â€ said</t>
  </si>
  <si>
    <t>b'\x00\xaf \x00\x9c\xe7\xbcR\xcd*\xfcx9\xd49\xfd\xf8\xfeVU\x05\xeb\xc0\xf90\x03\xd9b\x83\x00\xc3ni\\b\xa1\x91\x9aR\xa0\xa3\x17\xf6L%\xabm.\xc2\xac\xdd\x04f,\xb7b\x91\x9a\xf9~\xd3q\xd6\xce\x8b\xddj%\x8e\xd3\'-\x88\xe4\xfd\x94]J\xbd2\xb0\x1d?\xd8\xcd\x8c\x82\x12x\x8f\x10\xf3&amp;\xb3\x1e\x8b\xa6yQ\x8e\xbf\x13\x17k\xc0\xceX\xce\xd9\x1e\xc8\x0cXu\xe6W\xb9\xe3S\xbe\x16+N|\x8d\xea\x82\xce\xd7 1\x8a\x19\xbf\xa3\xd1`\x1e\x85\xc6\x13\xd4\x82\xa58:\xb8\x82d\xc9\x05O\x82\x13\xf5\xe0\xe7\x106\xf0\x18\xb9\xf1\xfb\x8f\x8dK\xdc\xc9\xbbd\x8c\x8d\xbbU\xe1 @\nW\xf5\x13\xb4&lt;\n\x19\x87\xa8\x0b}h\xeb\x9e\x89\x9cx\xc5\x86\x18Z\xc5\x163\xb4\x18\x9et\x9f|F0\xbaw.\xa1\x80\xcb\xd4Z\x05\xceS\xfa\xd7\x1f\x9d\n\x0c\xe9\xd8\x1eV\xc5\xd2\x0f:\xb2\x828\x7f@l\x00\x1f\xcbpf\xb8~\x95L}B\x91F\x85B\xce\x80\xe2\xf3DrZE\xe5\x96\'-~\x9f\xc2\xe7S\xf1]\x01h\xa7\x06}\xbf\x8f\xf2\xf3\x07\xa6u\x03\xcd\xc9\x85)\xf2\xac\x90(p\xa8\x95\xad\x193\xc2\xa8\xfaUrx\xd8\xd4\xa97\x10\x1a(\xe8\xc7\xc2&gt;&lt;\xcd\r\xd5\xc7\x80(\xa6\xac+\n\x00|LS&lt;\xb5_\x05\xba\xfcz\x7f\x10\x8f\xd4\xfa\x07\xf9(\xb7\xf5BP\x10b\xd1OR\x81YM\xc0D/\xcb\x86N+\x020\xdau\x11\x92Sa/\x8a5\xd4\x02\x934D\xd4\xbcP\xb2y/@y\xd6\xe3$\xc5o\x08j&gt;\xb2X\xca\xacKh\xec&lt;\xfaB\x85\x87\xed\x0cq\':+~\xd8\xd9\x99\xda+\xa3N?\x05\x18\x1c\x85\xc0T\xdf\x06\xef\xf7\x18*C\xa5\x05\x1fXP\x9bg\x0b\xf2n\xeeC\xb6\x85\xef\x1fr\xe4/\xd8%\t)\x997\xca\xb28\x8c\x9e\xc7\xa7\xec\xd1H\xc6\xfd\xa9\x12\x8a\x96\x7f&gt;\x97\xac\xf1E\xc9j\x10s\xb1\xc5\xfa2\xf8n\xb8\x1b\x0c\x9d\xe1M\x8bE\x12T\xc3r\xc9\xfa\xa5\xba{\xf10\xfb\xcf\xe0\xf6*\x98="\x10\xb9w\x15\'&gt;\xc6Zj\x06e\x81(t\xe6(\xab\x04\x1fG\xd09\xa1\xdb\xa7\xbdL\xee\x16\xd3T\x0fA\x88w\x89=\xce6\xc8FY\x17T~\x8c\xad\x10\xfb\xa3+&lt;sII#MJ\xe0h\xa2\xe4\xab\xfb`Wo\xd7\xf1\xfe/E\xed\x94&lt;\xe6\xf8I1\x84\xa9\xff\x8d\xf0I\xdfvfIl\x8c\x1f\xd0\xd3!\xc7\x8f\xea3\xb8\x9f\x18\xf7\x19@\xdd\x8c"k4\xba\x97\xf5\xd2^\x04a\x17Oc\\!A\xbc#&lt;B\'\r\xab\x80\x06\xa5\xe7\xea\xbc5\x07\n\xa6\xc3\xc3\r\xb7\x1d\xe8\x904:\x9f\xdfB q\xe7\xc2\xc0\xf6\x14\x16\x81\xedf\xcd\xfb\xc9|\x03\xe8\xdb\xcc\xbf\xf5W\xf4\xca:)8\x11hsJ\x08\xc6H\xc1\x84\x16\xf1\xa2E*\xa2\x10]t-\x12\x81/\x95\x7f\x08\xa4\x11&gt;\x15\xab\x0ef.\xe8{\xf1\xe2+\x7f\xdbD\xbc[\x14\xd8\x0e\xde\xc7\x89p\x05\xb8\xbf\xcb\xde\xcb6C\x07\xd7\x9dLd\xbcEK\xe5\n\xfa\x8a\xe1\xc1\xdbFwY\xe8\xf9\x07r\x96\x0c)\xb5\x1a\xbb8\x00\x97\xfb\x15\xcb{X\xdd\x87\xea\xabG\xdcl\xd1\xe5\x9e\x04\xe8\x10\xb5\xaeU\xcf\x17-\xdf]9\xf8\x0c\x03p\x9bB\x1e;\x1a|x[\xd6\xf5y\xc7\x9c;v\n\x07_\x99\xe7\xff\xbeTs\xe9\x99\x98\x871\x86\x89/\xb6i\x0f\x1d\x98\x91\x90\xf0\x83\xbba\x92\'C\xf5\xcb\x8bQH\xd4\xb1\xf1\x18\x05C~n\x04.\x84\x0b\xe2rV\xa4G\x8c\x0ee&gt;\xfb\x9c\x91\xad\x96y\xc6\xe7\x17QK\x08\x07O\xff\\\x82\xe6\x8f\xba\x1fcZ-\x9e\xe3g)\xa9\x88\xf9l|\xcc@\x083\xcc\xb3\xae~\\\x98\x9d\x99U\xdc\x9a2\xbdP\xbe\x1bm\xebx\xb0Zsd\xd2[\x8ajT\xe8~\xdb&lt;)\xa3\xca\x1d2k\x17\xe7\x8d\'?\x12d\xd8\xc2\x91\xa2\xa5G\xac\xff\xc5r\xe0\x8d\xcb\xc9k\x15\xf8\xdb\xc6\xc1\xa5\x95\x17k\xe5*n\xaa\xcc\x9c\x06\x83\xb0&lt;^\xf7\xc7\x7f\xbf`\xef/\xcf\x99\xa8si\x9db\x86\x10\x80[^_\x8a[\xfb\x9be\x84\x19\xfc+:\xe2\xa6 G\x83r\'K\x8c\x80\xfe\xcdd\xac\x1b\x17\x14\xd4\xc0\xb1\xae\t(\xa63\xcc\xfdm8&gt;a\x8a\xb3J\xea\x08\x8d%\xb9\xc5\xa2m\xbb\x13\'\xf9\x02\x86B 3\x14\xa7\xa95\xc9^\x17\xe0\xd4\x80jD\x9bk}\x979\xb6\xdf\x06\x8b\xb3\xb4\xceN!$W\x862V#\xf4\x9be:i\xed\xc8pMB\xa5\xa0\xd6x\xaa\x82*\xb0\nl\x0e\xa7\xf3\xa4\xcf\xc6Wl\x82\x0eR\x03\xd1\x98\xe7\x8e\x8f\x1a.\xef\xde\xfeFr\x0b\x82~1f\x85`\xa6*\xb5\x91\xd7;\xdeQ\x84\x04\x12\xbet\x95\xeb\x80:\xd24\xe3\xad\x03\xaa\xa9\'q@\xe93\xce\xe2\x87\xe6\xbfO m+\xcezM\xde`\xde`\x08aS\x19\x89\x02\xc0\xe4\xcf:\x8e\xc5\xae\x93A\x99\x07\xa3\x08Z\x08\x8a\x83\x93\xf0\x8cF}\xd8\xb9\xd2\xd7\xea\xa2\xc7\'\x85,\x8f\xb9\x0f\x12\x0fl#\xa7\x96]\x96\xb9\x9b\x17ZQj\xc4\xe8:D\xac/\xc5\x98E\xa1{\x1d\x8a@\xa3VG\xb8X\xae\'/\xe74\x95\x01\x84$\x01\x17\x86\xd4\xd5kpY\x8dG\xfb\xf2NK4\x87\r\xa7B\xdf\xd7u\xc9~fw\x16\xdb(5\xcd\x85\xe2]\x0e\x8e\xf8\xe7N\x06J\xe7A\xces\x8d\xf8\xc5w\x83}$\xa8\xa2\x0c\xf1\x91\x07\xb9)I\xc8\xe5\xe5\xa4qv\x7f;TD\xf4\x86\x02\xd9\xe0\xd6I\xd5&lt;\xa3\xb9Q\xb0\x13\xba&gt;\xe6\xef\r\xa5\xea#ULOl\xf8\x84\x87\x8e\xf2\xea\xf2\x1ad\xab\x8ar\x15\xb2\xb2wO\x9a.\x93j(\\\x81\x12\xe6N\xee\x8e\x12\xda\xe9\r\xa8\xdd\xebj\xf8\xbad\x98\xd4\xfb\xc4s\x9c\xdbd\xae\xd7\xca\xac\xa0\xf7\xeff\x16x!7i\xdeN\x87\x97\xae\xc2n\x7fq\xf3\x1b\x8e\x8cl26o\xcc\x9d\xf3\x95\xe2\xdb\xfb&amp;.G\xb98\xba\xc0\x8f~u\x7fD\xe8\xee5\xae\xd6tO6\\dd#\xac\xfe^\x8e.\xd1(_\x8b\x88\x11\xe0\xb0\x9d\x96\xe0\xcbi\xad\x93qj.PS\x8a\xc8\xeb\xab\xf8\xea\x95c\xe2|_\x80O\xe9\xd5KQ\xb4\xa8\xaaOD\xdd \x05\xfa\xaan\xc7\xfc\xf2\xe2:\xdab\x03%\x0f\xb4\x14\x9b\xa8$W\xefQ\x8c\x9aG\x83)Gp\x0eWQV~o\x0f\x88nK\x07\x0fm\x01!\xdb\xab\xe8\x9c\x9a\xcb\xbc\xa3b5x\xb1\x83\xe7\x1256\xf4\xb6\xea!\xd2\xd9\xb10\x1b\x0bw\xe6\x88A\x19f\xf4\xb0\xd9\xdd\xa8\xae"^~d`\xcd(2\xa2A\xbe]\x0e.\xa5\xbbc\x0c|\x1b\xaa\x92\x98m\xca\xed{oS\xcc]) v\xb8hWC\xe4\x84\xb0K&gt;\x94\x8b\x8c\x8d\x12\x95\xdf\x81\xa2$\xe4\xac\xf3\xd8\xca\xd6\xe6O\xe4\x02m\xe2v\xe6Ni\x87b\xfe\xbd\xa2\xc5wG\xb5\\_4\xbeM\xf6\x9a6^\xb8\x13\xf5\xeb\xaf\x9e\x87B\xb4\xe53*\xcd\x12\xb4\x191Q&gt;\x00^R-\x1f$\xfa\x12\x08\xbf\xa3\x7fd\xa8X\x1b\x18\x9d#u%=\x8b\\E\xbd\x14sG\xaa!:A\xcd\xa3]\xe3\xd8L1_g\x1d\x05gB\xb9\x04"Q\x05\x0b\xc0\x86\x83\xb9;\x1e\x95&gt;\xb6\xced\x94\x7f\x8c\xd9\xed\xab\x9d^\xa1\xe7\x9aj\xb6\xef\xcd\xe08W\x06=gv\xf5=\xbf\xc7\x01h\rh\xe5\x9f\x1b|\xd5i\xd4\x05\xa3\x98\x8d\x96\x80\xc39\xcfh\xa4\xd70*%\n\xa5|\x9d\xf2\xbd\xab\xec\xae&gt;\x87\xc753\x1b\x96BX\xd7\xef\xc7}\x17\x8d\xf0T\xb8\xda\xecT\xd2G\x82\x18y\xe8\xf4\xe6m\x84\xe9\xb6\xcdOdX\x9e\xd9Wb\x87\x9f0\xdbu\x99\xfc\x99n9\xca+`Gg}\ra\xc0\xa1\xcc\xd3&lt;K\x84\xc99\xd9\xc3\x07\xbc\xd0"\xdd\x0c6,\xebq\xeb\x93C\x8f\xd0\xe7or\x9c\x05\xb6\xab\x9ane\xf3uK\x9f\xf8\xd5\x8fL&lt;\x8e\x06\xd7\x92\x10+\x03\x199\xa1\xf7\x19\x87\xf5\xcd\xf3\xa0a\xa2&amp;G%\x07\x01\xd8\x19\xfc\xfcO\x04\x05\xed\x08\xd0P23\xe2\xa3\xbb\xd4\xe8u\xa8\x01\xc8uS]\x11\xab\xa6\xf9p\xba\xd1\xaeX\xf5n\xba\xfa\xd9s.\xa6\xc2\xed\x00\x8cZ\xb2\x0ca)\xeb\'\xb0$7f\xfb\xddLA\x80\x04c\xa2\x94\x08\xd5\x90\xe4\x97\xf2\x08\x1a\x85\x14\x03p6\xc9F\x8e\xf9\x7f\xaaE\x0b\x8a \xbd\xe9\x1e\xab0\xca\xdc\xc6d\xb9\x04\x1dK\xf4\xeaX\xef:T4,\xbc\x02\xc6T\xdf\xe4Q\x99\x19(\x8b\xf8\xf2b\x92\xe6\x08\xec\x07\x07\xf2\xd0\x19\xb9\x9f^\x9c\x0e\xef\xef\xdc]\x88\xcdB7c\xe6\xe6\x0fv\xb5\xe7\xa0\x01\r\xb7\xd5\xb1\xc9\x1d\xc0\xbd\xe8\xba/\x1f\x8c\xeb+\xb6\xe6\x8c\xc6\x12\x85Pl[\xdd$z\x8b\xcc\\\xd4\x81Z\x0e\x80\xba]rKfI\xb9\x90x\xdf\xffd\x1c\xa6\x10\x99.\xa1O\x00\x97\xa2\x0e\xc3\xfb?\x7f\xea\\\xfa\xd6\xc0~\x89\x11|\xaf4\x93G\xeb\x1dw\xb9\xb5\xa5\x8e\xd7&amp;\xfa\xbfR\xeay\xb5\xb11\xc2\x19\xd93=spQ\x91\xef\xd4jz\x0b\x1f\xce\xe3\xbdc\xb2\xccM\xd4\xd7}\xaa\x0fh\xd7\x1b3A5L\xaaU\xd7z\xb6\xeb=`"z\x95|u\x0f\xdcx\x052\xd0\x85z\x92_\xa3\xf06\x9b\x13\x16\xda;6(\x19H\xbc\xc4Q\x1cQ)\x06\xb8\t\x02\x11\xc8\xea\x17"\xf1\x9e\x85E*\x17\xa9\x94\xf1\x90\x95\xa7\x8c\x15\x97\xde\xc1=\xeeb\x0c\xdb\xfa\x98\xf5Q\xe0\x07\xa5\x0e\r\xdbO\xce-\xe6\xfc\x12\x1f\x95\xbe_\x97j\xdf\x00\xb9\x0b\xd1p=%)\xd4\xda^\x86B\xe8\x19\xefE\xfe\x13\xb7\xc3\x19\xbf\x95\xd2\xd0n\xd06\xf3.\r\xb1\xc9D#\xfe)7q\nc\xb3\xe9(\xaf%\xca\x9czA\xad\x08tS\xe3\xafID\xc5\xae\xeb\x96/w\xf1\xab\x19\xe1\xc5h`\x82\x85\x8f\x93\x1d\xa2\x14\xb3\xd5\x01\xe7.9*\x05\\\xaaT\xb7\xa3Y\xb1o\xaf\xa1\xbd\x83\xe3\xd2\xd7\xfa\xbe\x0b4\xb3\xa2\xbcc\x97\x8acMWb\x7f\x8b\xceo01\x01\x08HO\x9c\xdb\xce\xf1jh9k\xffp\xf2\x9c\xbb\xb5\xc62\xe62\xce9\xd0\x8f\xcfCe\x99\xccC\xaeQp&gt;\xd93\x06\x8d\x81\xb1\x12\x15\xbe%\x01\xe8\x10^\x87\xc7\xbb\x10\xf5@\xedm\t\xf8?\x89\xe86\x11\x85c\x08\xa1\xc3\x9c\xf5\x00\xa0!\xf22,/\x97\x809\x15\xe3\xf0v\xa6\xb4\xdc\x01[\x13\x86\x1d\x88\xa2\x92\xfa|+\x89R/\xfc\x9a:\x1e3\xe3&gt;"\x0f'</t>
  </si>
  <si>
    <t>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</t>
  </si>
  <si>
    <t>b'\x00\xaf \x00\x9c\xe7\xbcR\xcd*\xfcx9\xd49\xfd'</t>
  </si>
  <si>
    <t>The pirates were too ignorant, 
 I reckon. Aye, here it is: 'Capt. Kidd's Anchorage'â€”just the name my 
 shipmate called it. There's a</t>
  </si>
  <si>
    <t>b'\x92H\xc0\x9d\xf0j\xd9\xfaQq}\xcat\x13\x96t[\xc1\xf3\xcb\xb0,#\xe0\xf7F_\xa9\xe2\x82\xc2S\x17\xc2#\x9dqK\xce\xf6\x8e\xb5[\xa9\'\xbb)\xb3\xb8\xd6\x92#\xe50\xb4\xfe\xcb\x83\xfd\x91A\xb2!\x11\xcd\t\'D\\ga=\xf7;\x151\xc8x\xd7\x18\xff\xd5\x82\x97\xa0@\x1a\xa2\xc9\xe9\xc0%|)\xa7va\xcb\x9f\x95\x06\xa3\xdc7 l\x8e\x9a\xd0(\x88X\x1c\x1b\x19\x1a%\xcb\xd3\x02\x9c8\x1e\x07\x9c\x84\x8eT_\xaf\x17Zt\x02\xd5\xd7,i7\xb3\xa8\x97\x85\x06\xf2\xde\xd8\xb3\x8d\xd2 \xf0X\x93\x08\xc0RtF^\x11\xa1\xca\x17\xb9\xc8\r\xae@\x99\xa6K\\F\xdd\x9a#!\xa0\xed\xd4\xc7g-\xfcr\x82H\xc1\xd0\xfb\xbe\xb2\xeb\xea\x92\x9f\xb8hS/\xc3|\x11\xd6\xf7\xd3\xa4\x92\xcb8(\xe15\x10\xdc0\xea\xad\xd7\x86\x8b\xd0\x88\x1a@\x1d\xefa&lt;\xfe\x02\xe6Y\x82\xf2x\x02\xff8OW\xad\xf3\xd1o\xd9\xeb\xa1\x9c \x1d\xe6\x03\x11x\xa0\xcc\x7f\x0b\xf8^9\xca\xcc \x11\xbb\xd7\x04l\xa7\x96&gt;\xb3\x80\xce\xa8\x8e\xefax\xa8\xff\x9c\xc1\xf4)\xd2\xa8W\xc4~\xf4\xcb\xd3\x91\xe3\xa3\x85\xb1\xb8\xee\x8en\x88\x1a\xd3\x97\xe2\xd8&lt;\x0222\xf9\x14$\xd7\x86/\x15\x0f"C\xde\x80"\x8c\xc0s\xa7Y\x91\x901\xc8{\xdc.\x9f\x9c0\xfc\x8a\x7f\xb7\xa0&lt;\x0c\x18u\xcc\x15\xee\x98\xda\xf1\xad\x8f\x04\x00\xc1Z\xaex\xca/\xd0y\xc1\x10L\xd2\xb9\x91\x0c9\xe4Mte)Y*\xc3z\x92D\xbb*\xd9\x05\xc1\x89\xc84B\xe3\x92b\x97LZ\x91\x80V\x17Q\x1c\x1c\x942\xb22\xff==\xee\xf43\x1e\tS\xe3\x81\x19\x1bRL\xc3_\x1d\x90n \xa1\xa0\x9d\xd4;\x88\x96H\x9c\x19\x94\xd8\x17\xceV\xa4sm\xc7*\xd3r\xbd\x00m\xb5_[M\xc2&gt;\x90-\xee\x80\xd0\x1f\xb2H+=\x90\xa3\xbf;c\xd9\xf1\x81=\xd1\x9b\x10\xa73\xc2\xf2\x8c\xe1\xd4[\xd86\x1d\xfd\x07\xd8\x8a\x9e\xc5\x06\x15\x1be\x9e\x9f'</t>
  </si>
  <si>
    <t>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</t>
  </si>
  <si>
    <t>b'\x92H\xc0\x9d\xf0j\xd9\xfaQq}\xcat\x13\x96t'</t>
  </si>
  <si>
    <t>hese
narratives of family relationships, very private but at the same time very public, that
we come closest to the Romans as human beings.
326 Judith Evans Grubbs
CHAPTER SEVENTEEN
Sexuality in the Roman Empire
Amy Richlin
The Roman Empire: vast in space, long in time. How can we imagine something as
elusive as sexuality over that wide expanse? Since the 1970s, classical scholars have
been thinking about sexuality in the ancient Mediterranean, but most have focused
on Greeks from Athens and Romans from Rome. Thanks to the interest taken in the
subject by Michel Foucault in his last work, discussion has often revolved around
questions Foucault found important, especially pederasty and sexual identity (Foucault 1988; for overviews, see Edwards 1993; Larmour et al. 1998; Skinner 1996).
But in order to get an idea of sexuality as a whole in the Roman Empire as a whole, we
need to dolly back.
Let me propose a thought experiment: the Kinsey II Expedition to the Roman
Empire. Afire with the possibilities opened up by the invention of a reliable time
machine, Kinsey II and his crew of lab-coated assistants have grabbed their clipboards
and questionnaires and are about to set out on an immense project. They will fan out
to all parts of the Roman Empire, starting in the year 14 CE and returning to antiquity
at 70-year intervals: 84, 154, 224, 294, 364, 434. Much as they wish they could carry
on to the fall of Byzantium, they have decided to take the end of the empire in the
West as a stopping point.
They have devised a simple questionnaire: 20 questions. Imagine their findings on
an enormous grid, with the 20 questions down the left-hand margin, and across the
page the responses from people from all walks of life, in all parts of the empire; seven
groups per question, each a long lifetime apart, each subdivided per social group
and per location. This is a period of history in which many people were slaves, and
a large proportion of the population lived in the country, and, as always, half
the people (selective infanticide aside) were female; the Kinsey II group is careful to
make selections for interviewees proportionate to the current demographics (on
selective infanticide, see Boswell 1988: 40â€“3, with bibliography). Moreover, they
have with them another new invention, a simultaneous translator that allows them to
talk to people in any of the hundred languages spoken in the empire, from the
Armenians and Babylonians in the east to the Spanish tribes in the far west, from the
desert nomads in the south to the Celts and Germans in the far north, so they go to
all these places and ask their questions. Through tact and luck they manage to avoid
being crucified or eaten or stoned to death; thanks to antibiotics and rubber gloves
they avoid malaria and various plagues. The crew for Pompeii goes in six years early,
thus avoiding being blown up with Vesuv</t>
  </si>
  <si>
    <t>b'Q\x8e\xf2\x84\xa0\xa0\x8a\xdd_\xe2`/`}e\x04T\x96\\\xb8&amp;\xe3Z4\x01\x0f\xb4\x15\xed\xa1\x16\xfbv\xfd(\xb9\xd3}dK\xcf\x85SW\xcb\x95\xb7%\xdd\xb7\xfd,\xd4E\x1e\xbd\xf3e\xe9\xd9\x9d+\x04{\xdf\x04k\xbcC\x80\x05\x10R4\x96\xb1A\xd9+c\xd9\xb5fJw\xa8\x1e\xaf\xd0\xb7\' \x0e\x1ab\xf5\xad\xef\xf4\xb7&gt;Q\x98O\x1e\x9f\xce\xac\xa1\xc1b\xd7\xe3\x0c\xe50\xa2\xa4f\xc82\x9f\xfa\xed\x8ce\x93\xb5\xbc\x1bw\xfd\xd9&amp;\xb2\x1c\x03\xdc\xc2JY\xd19Fr\xf1_\x82\xbc\x98\xd9\x84sr\x85\xe6\x9d\xf6\x13%/ \xf2\x05\x9f\xa2\x99n\x10K\xaf\xe0\x04\x93\x95\x93\xd3hQ\x1c0\x1d\xf2\xa5\xbd\xb7\x80\t\x08\xa7\xff\xe5\x995\x98\xa4\xd8\x14\x9f\xe4\xb2\x0bNR\xeb\xba\x1d;C\x9c\xbeV0\x03VV\x95h\x10$!C\xccv\x8d\xafb8?\x89\xd9\xae\xad\xe5\x9e\xa3\xae\xb9\xf4\x9em\xb8\xa9W\xef\xc8\x04\xfe1wV\x9c&amp;l\xb9\x14\xf0N\xeb\x08dd\xa9\'\x95\xe0l\xddv\xe0G\t\x91xwm\n4\xfb\x85\xe5\xee?\xd3\x05\x83\x9a\xe37\xec=\xd7\x86\x03q\xa3_\xd6\xfe\xb4\x1f\x9c\xa4\xcdc\xc3\xb1\x07\xca;Z\xdeP"\xec\x90\xc7\xeb\xd4"\xf2\xe2i\xabw\x93\xf7\xcf\xfb\xcd1\xe1\n_]\xab\xc2}S\x97":J\xd6\xbb\xd9\xc8q\x8cBs\xb7id\xf3P\xd0\x98\x8b\xd7\xb6\xb9F\x88\x98/\x1du\xbc\xd7\xf0\xc03g\x8b\xa6\x8c\xb8\xbc\xaf\x04\xd2\xa5E\xb1\xf0\xe0\xc2\xbf\x03\xb4\x04\xee\xd8:\xaf\x15Ro9\x02\xd6\t\x9e\x07.\x83\xf4\xedM\x03.\xcc[\xe4Ibh\x0csR\xe5:b%&amp;Ms\x87^\x9ap\x12\x97U\xc6(G\x00\xb9M*5U\x00\x94\xdc\x04\x1f&amp;\xb6\xc9\rg\xaaL\xea\x11k\x14\xebx\xff\xd2\xbc\x0f\x92\x15\xac\x11S\x94\x9b\xfb\xfaMt\x1e/~y\xbd\xb7\xeba\xfd\x17\x9f\xa4\xe6\xd0%c;\x0c\x93F\x035\xce\xa3\xbe[\xbb\x0c\xdd\xb5\xf2\xec\xc2^\xc5\xc29&amp;4~LA\xa8\x80\x05\xb5J!\xfb\xa3\x99\xbf\xa7y-\x9f\xf2\x19\xbc\xfc\xbf\xc6:\xeds\xe5J\xc7\x04\xc53\xf1\xd3g\x95\x9a\xe5\xe6U\x1e\xbb\xb2.\x8d~z\x16\x0c\x9ev\xd1\xa3\xbeJ\xa9\xfch\xdd\xd3\x85\xf5Y\xe8g\xa4\n&gt;\x8d&gt;\xacN\xa3r\xc0:\xc2x\xacN\xb0\xd91\x9d\x0e\x08\xa6\x18\x8f\xcd2\xc3\x82g\x8d\x19\xd4\xdd\xdf\x83\xd9\x11\xd2&amp;\xdei\xb8*\xb5\x11\x10\xa7yTgo\xbd\x92p4t;\xb1m\xffpw\x12S\xe9Z\x90\x99~C\xcd\xdfH\xe0`\x04\x8d\xed\r\x89\x82\xc7\xd1\xdbl{\x12r\xebe\xb7?Z\xc0\xcdE9\xea\xd1N\xb8\r\xf7{\xebY\xf5\x9f"R\xe0\xd4h\x16\x0f\x1e\x80\xe3\xb9S\xbfn\xaa\xb7)\xd4\x05R\xa4\xf7\x93\xffP\xa3\xdc\xa6\x90JD\xde\xdbr_nu\xcf\x86\n:\xbbj\xce\xb8\x06\x8f\x00li\xd8j\xb2s\x7f\xebe\x10n\x8b\x85\xe9\x15\xa4u\xf5\x0f7\xcb\xfd\x08\xc8h\xb9\x84bdy\xba\x90\xa9$\x02|S\x16\xf9O\x18h\x01+CAy\x08\x9a\x96\x84H\xea\x9c\x18\xae{c%fl\x02\x8e\xbaL\xd3\'\x00\x7f\xf0a\x82&gt;\xcdM\x96\xb40\xd9\tR\x96\x81-\x9d\x7fh\x9e\x86\';\xb3\xc1\xbab\xe4\xfd\xce\x1f\x88t\x12r\xfb\x1fa\xf8\xb3\xefw\xdb\xcf\xdc\xd4\rRQVO&amp;\xc1\x80\xa8\n\x19\xa5\xfc\xc8\x1f\x8b23(\x00\xdd\xed\xa7^\x1d\xb5\xbd\x0b\xe9Suj9\x15\x06\xf3\xa1\x99D\x1f\xf1\xfe+~\x04\xddt\xc5j\xb2\x7f=+\x81\xb30\xbd\xf0\xe7L`\x84*)\xae\xf3\x9a\x15p0\xdd\x16t\xb3\x18!*\x88\x99\x13\x88\xd3`mmG`Nlk*\x87\x86\x95\xd83[8\xf7d\x8a.A\xda\xf0+,%\x1fD\x85a8D/\xb4\x1f\xe93b&lt;\xcf\xda\x9d~\xbd\x9b\xaft\xd4\xb8\xb5=h\x98\x0f\xa5j\xd9\x90\xa8v\xa8\xca/gJP\x00\xa0\x8b6\x8e\xb9\x17\xb3n\xf0{E\x91;\xd8\x1e@\xb3\xd8\xe6\x01O\xd0\xa5X\xcd\x16\'\xd503\xc0\xd4n\xfa\x80\x0c\xed\xc637du\x92\xd4p]1\x85\xa3N\xbd#\xf3\x8b\xc0jeM\x98\xcf\x0c/0\xa5\xebT\xc0\x8aw\x9e\x9c\x9e\xa4\x96%AD\x988\x9f\xefy\x97(\xe4\xa5\xee\x89\xd5wHoD\x9b\x1f\x0e\xdaW_\xe7Q\xe5\x10u\xcc\xba\x9b\xfb^\xa2\xff5\xadR\xb6\x86&lt;\x06\x9e\xff\xfb\xb0\xe1p\x026\xb0\xaa\xd7\x0e\xd3\xbdlQ\xd8\x84\xf7\x12o\xe8\xe1\xdc2i\xd3\x9e&lt;\x15\x83\xd4q\xb8\x90`\xbc\xa0\x8bQh\x96\xbd\xbe\xf0\xfeE\x9e\xa8Bx5E\xd1\xb9kH-\xcc\x17\xcdX}\xf1\xb9\x8e}\xb5\x1b\x81\xb2G1k\xc6\x0fW\x16\x00\xb11\xd1\xae\xc9\x97\\Asf\x95\x92Y\x98\xac\x1cO\x9d\x9a\x17m4\xd4\xb2\x1a\xb5\x90.\xceV\xa8\xfa9\x10\x8b}\x9cx\xf5\x93c\xa2=J@\x87,\xed\xd5+Z\x99\x01\xa5\xccv\x18*\x85\x95Xx\xb4\xa7:\xec\xa9O\xa7\xac\\\x89\xdd\x0fk\xa4E\xb9\x14\x11P2-\xe50#\xbc\xf3\xe7\x89\xef\x19Cq\xcfW\xd5\xd4\x95\x07\t\xae\xea\xa7\xf0\xe2_N\x12X\xf8/*H\xbc\xd9\x11\x8aj\x8c\xf3c\x91\xdc\xcew;\x89\x92\x823\xab\xf9Rz\x95\x1c&amp;)A\x87V\xe7\x07\xb4-\xde\x06\x1a\x07\x15\xd8\x16\xee\x92\xd2\xb6e5\xbc\xee\xead\x97.\xa2 \xd5\xc0@1\xa8`\x98\x82\xd1@w\x82p\xbauc@\xf81!q\xd5\x9a\xf2kSH\x04\x94\x8d\x89|\x83\x0e\xf7\xbd\xf1\xa1\xd7|\xbaI7\x13\x0e\x90\xd1\xc1\xddgJ\x96\xde\xbdh\x07%\x08\x14\x89\xa8\xb93\xdaLCG\x0c\x85wc/\xe2v\x7f$\xf3\xaau\xeb\x8d\xe6P\x88\x978UQ\xc8\xd5\xdf\xa3\x07\xb2\n(\x06\x90\'w~\x8e\x1d\x95}E\xac\x05\xc26\xdf*\xc6\x99\xe2S\xdaJ\xcd\xa7l\xe6m\xf9\xeeG\xd8\x04\xde\x85`\x10}\x906\x8d\x9c[&lt;\xf6\x00\x1b=\xa1\x80\xb5P\xd8M\xc93\xa4\xc8\x9bMu\xcfi\xae\x97\xe6\x1eW\xcc\x8a\xaa\x00\xd1\xd0\xd0T\xe8\x9b;\x15\xe0lRi\xd66\xde\x94\xe5\x02\xa1P\xf7L~eu\xb90K\xa9\xf0\x0b\xca\x15\x9b\xe1\xb6\x7fKo&amp;l\x93GC\x9b6\x95+#\x08\xec_\x03\xad\x1c\x109E\xf3\xaa\x8aBFJ\xeb\x86\xb8\xbb(\x96tX@C\xd9\xa0\xf2bM\xa5\x97s\x8a\x84\xec\xd5\x07\x9c\x08\xf1Y\xae\xa5@Z3;\x0eN\xaa\xb3"\xd1/\x8e\x8b+\xbd\x0b\x8f\x85\x81]\xe3\x18\x91\x02c\xcd?\x16\xa1\xd2\x0f\x988\xab/,\xb7\xef\x0c\t}n\x10\xbfU\xb1\xbbr\x14\xf7o\xde\xa7\xd3\xa7\xd3\xcc\x15\xa8\x19\xfc\xb6Uk\xbdI\xcd#J\xa0\x96a\n\xcb\x90:~\xd8\xf2:X\n\'.\xe2\xe3\xe9\x16\x89&amp;\xcc;\x08\xe3\xd8\xe4\xd7q\xacO\xb7\xdf\xd2\x07\xfb\xe9`W\xca)\xfd\r\xe5\x1b]n"]k2\n\xfe\\\xadx\xe3\x94\xed\xb7\xe9dd\x82\xd5d\x19C\\\xab\xe9\x94Pc\xfe\xf1\xbf\xb3\xbc\x8b9\xd6G?A\xb1\xc9S\xed\xf3\x9f\xd9\xab\xe4\xd4\x8fH\x86/\x18\xf4Rw\xf7\x93\x02\xf51\xd1\x1e\x9a\x99\xc6\xe8\x08\\\x1a\xfd\xb4\xfb\xe4\xfd\xd1\xb2\x009\x8e\xe0%q\xdc+\xf3F\x08\x04\xa9\xed[\xb5\xc2)\xe1\xff+\x16\rjz\xc5.V\xc1\xc5\xa6I\xb7\xbf\x8c&lt;\x81~w\xc1\xf1\xb8\xd7g\xb9\x12\xaaZd\x801\x8f\x93V\x17\xe0\xf7"}/\xfa\xa17)\xb9\n\xd8\x00r\xaek.\xb9\xad{\xd1\x18\xfa\xd3\xa4-1k\xcb\x06\x8d\xbf\xe2\x1a\xd6\x01\x96\xb1[iYZn\x9a\xdc\xea#6\x1f\xea\xdaT\xb9K\xc8-\xb3\x12g\x92\xb8\xd4a"\xd1\x1cmh\xf21\xaf\x9b\xff\xcf\'\xcf\xa3\xfc\x1b\xf4\x0f)\xdf\xff\xb7/E0m\x1f\x1cKX\x04Y\xceT\xe4\xf7.\xb2Vhm\xf6\xcb\x19\x06\'\t\x85{.\xcd]UAE\xc7\xa4\x85P\xfa\x91\xa1\xbbL\xb3\xc5\xb9\x0e\xba\xccN\x16FlA\x02Pt+\xdd\xc6\x06\x14[\x1fppY\x8eC\x89\x84\x89\x113E\x1e\xe24\xba\xe0\xc0\x06\xb1\x89,R\xd2\xce\xef\xf79\xd4|\x0f=\xb9\xfd!\x94\x1an\xfdb\xe8=i\xd9\x0b\xe9\xb7\x93\xf9\x88\x97\xf3~^\x82$v\x1d\xc4\x0c\xf7\xd0\x99$\x8c~T\xa74x\x1a,\x03\xc0{\xe9f\xf6c\xb7\xa18\x13D\x82\xe2cB\xa6"\x1f\xfb\xcf\xb7\xa1\x97#\x11L\xd8\x9a!xa6\xb9\xe5\xae\xf5\x99\r\x7f\xe1\xc0\xd6Z\xb6\xfa\x88:\xc4\x01\xab\x80\x99\x1d\x99\x967\x17Fu\xac\x00\xf9a7\x02\x0b\xd0$8\x80\x06\x1c\xfe\x98\x82\r\xfb\x1a\xeaK\x9dA\xa0/\xf7=\x95!\x01/vEoU\xd7G\xf5\t\xb5\xb5km@\x0b\x9f!\xf7\xb5\x9b\x8d\xd2 \x9c\x91E&lt;~E\x13\xb44\xc4\xfd\x16\xd7E\xdd\x82\xe49\xf7\xc3\xc6\xb00\x95R\x02\x97\x1ay\xc6\x8a\xe1t\x08\xac\xd4\xe7S\xa8ug\xd9Bjp\x81d\xee\xcdD\x90\xe8\xfc;]\xea\xc7\twS\xa3A\\0\xa58Z\x85\x06R\x837\xda\x84.\xae\x9al\xcfJF\xf3\x12;\xdbPri\xb3\x80/\xd2V\x11\x80z\xa3\x93\xf0(\xe2\xaeg\xc2\xf7\xcc\x86&lt;\xa4.)\x97^Y\xc2\xb3q&amp;+2\xa7\xfd=\xda?\x0f\xac\x0bB\xd1Lh\x1dFB\x0f 4\xde"\xda3ia\xb8B\xe8\xdd\x80\x04.\xdc\x1f\xf2b%\xcaz:\\YA\xbc\x16\xc5nc\x8a\x0b\x87\xfa+\xcezm\xaey\xb4\xe8r2\x06B\xa80&gt;\x9c\xc1\xba\xa4Y8\xfe\xc5@\xa6\x8e"\x90On&amp;H\xcf\xc5\x11\xc7\nv~\x1a\xd3\x92\x03\xbc\xb0\xa8\x04\x19\xd8H\\\t]\x95\x1b21H\x19\x7fD\x91x\n\xd6\xaf\x0c&lt;\xba\xbd\thS\xae]\x05\xaa{\x9a\x0c\xa2\x84\x04\x86!\xecl\xdc\xce\x1f\xb9R\xaf\x1e\x94\x9f\x885\xac1\x16\x9a\x15\x0f\x1d\xdeFnuj\xd2Q\x90mU\xb1v\xba\xb6\x19M}\xec\xc4@\xf55\xea\\\x98\x85%\xbfb\xcc\x80\'Y\xb8\x8c\xde\x80\xcc\xf4,\x81\xb5y\xa3\x92N\xa9H\xb96\xf92\xe4\xad\x913\x80\x96-\xf7\xe99\x97\x03\x16\xd6vTl.\xec\xe3\x02\xd4\x1b\xd0xN)8\xafG\xf5\xc9\xad7Y~A"l\xe4\xa8\x95P\x98C\x1a\xcf\x91\x94\xe3\xc7\xe9r\xf3O\r\xedM2+\x821C\xf1\x98\xfd\xc8\xd6E\x14\xb7y"\xdfFynn_nrW\x1f\x8a\xfc\xd8\x93\x1e\xe3\xe5&gt;\xf5\xda:|\x1d4\x1f\xcc\xf9Pq\xa8\xcf\xce^\xdb\xfeD\xbe0\x8avI\xbc\xa4\xda\x1a\xb7~\xcf\xb3\xdf\x13\xeeMnT\xbd\x1f\xcb\xea\x98"\xc3\x13\x95o\xd4\xfb\r\xb8H\xf3\xd1]\xee\x07\xd3k\xe1C\xc1\x89mW\xb1}\x8d\x08\xd9\x015\x9f\x95\x8az\x13\xfd\x81\xd23\xcd\x8c\x95\x17?N\x08\xc6G@\x14\x83\xa4L\x1b\x1a2\xae\x13\xe8\xc0\xccS\x08\xd0\xf9\xff@\x8d\xaaA\x14\xd5\x94\x0cM{S)\r\xc5\x8c{\xefc"K-\xa6\x1e\x1a\x85\xea\xfe\xaaA\x1e\xb1\x1f1\r;\x9a\x12\x15\t\r\xf4\xc6\x07\x11\xc0]\xb08\n\xb0\xaf0\x80`^\x88\xb1\xac\x11t\xc2\xc6\x7f\xb0HF\t\xe8Qg\xa6A;!i\xbc\xf5\x87\x0bQ\xbb\x1a\x11\xb7\xbc\xf7\xe9\x1f\xb7\x00J\xdc\x81\xb0Q\x1f\xea\x15\x0ci\xb4k`\xcb{\x1d\x14\xe4\x91S\xab\x02i\xbd\xcf\x1e2j*\x03J\xd3\xbe\x1f\xbc\xb5\x8en\x89w\xa2\xef\xa4\x95Ei\x9c7}\xb2\x06,F/9\x14\x1c\x0e\xfat\xf9\x92\xd2]\xa0\xd6\xff\x80\xe9+\xc7\xab\x89&lt;\x9d\x04,R\xed5\x87\x86\xa4\xdf\xac\x01\x05\x8e\x14|\xd1RNOU\xd6\xa9\x8a\xea\x91\xc6x\xc4y'</t>
  </si>
  <si>
    <t>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</t>
  </si>
  <si>
    <t>b'Q\x8e\xf2\x84\xa0\xa0\x8a\xdd_\xe2`/`}e\x04'</t>
  </si>
  <si>
    <t>e!
 But, if between some hideous chasm yawn,
 Where the cleft pine a doubtful bridge displays,
 In dreadful silence, on the brink, forlorn
 He stands, and views in the faint rays
 Far, far below, the torrent's rising surge,
 And listens to the wild impetuous roar;
 Still eyes the depth, still shudders on the verge,
 Fears to return, nor dares to venture o'er.
 Desperate, at length the tottering plank he tries,
 His weak steps slide, he shrieks, he sinksâ€”he dies!
 Emily, often as she travelled among the clouds, watched in silent awe
 their billowy surges rolling below; sometimes, wholly closing upon the
 191
 scene, they appeared like a world of chaos, and, at others, spreading
 thinly, they opened and admitted partial catches of the landscapeâ€”the
 torrent, whose astounding roar had never failed, tumbling down the
 rocky chasm, huge cliffs white with snow, or the dark</t>
  </si>
  <si>
    <t>b"\xf9\x06\xaf\x1e!H\xa7\xf3b\xeb\x83\xe2\x1f.\xfb\r\x84\xf4\x96\xaaU\x11\x88\t~W\x84\x05\xe7&amp;\x9cu^\x88N\x902\xfe\xebAW\x8b\xbaf\xe3F\x07\xd9\x8c2\xd3NO\xb7\xd6\x90S\xe7\x83uA'\xab\xe5"</t>
  </si>
  <si>
    <t>f906af1e2148a7f362eb83e21f2efb0d84f496aa551188097e578405e7269c755e884e9032feeb41578bba66e34607d98c32d34e4fb7d69053e783754127abe5</t>
  </si>
  <si>
    <t>b'\xf9\x06\xaf\x1e!H\xa7\xf3b\xeb\x83\xe2\x1f.\xfb\r'</t>
  </si>
  <si>
    <t>irst three centuries are written in Greek or Latin.
110 James B. Rives
The chief reason that they do not play a larger part in the study of the empire is again
the disciplinary division between Roman history and religious studies.
It would be highly misleading to imply that there have been no attempts to bridge
these gaps; on the contrary, there has over the years been a considerable amount of
stimulating work done by important scholars on both sides of the divide. Nevertheless, the disciplinary boundary persists, noticeable particularly on the Roman side of
things: Jewish and Christian sources remain more marginal to the study of the Roman
Empire than they ought. To what extent this will change remains to be seen; I will
here merely note one positive sign. It seems increasingly the norm for standard
reference works in Classics and Graeco-Roman history to include coverage of Jewish
and Christian topics. For example, the third edition of the Oxford Classical Dictionary (1996), has more extensive treatment of Christian material than the two earlier
editions, with a lengthy entry on â€˜â€˜Christianityâ€™â€™ as well as entries on important
Christian writers including St. Paul, Justin Martyr, Clement of Alexandria, Tertullian,
and Origen. More strikingly, for the first time it includes Judaism, with entries not
only on â€˜â€˜Jewsâ€™â€™ and â€˜â€˜religion, Jewish,â€™â€™ but also, among others, â€˜â€˜rabbis,â€™â€™ â€˜â€˜Dead Sea
Scrolls,â€™â€™ and â€˜â€˜Mishnah.â€™â€™ Another example is the massive, multi-volume and rather
sprawling survey of the Roman Empire in the second part of Aufstieg und Niedergang
der roÂ¨mischen Welt. Under the rubric â€˜â€˜Religion,â€™â€™ this collection contains extensive
coverage of Judaism, both in Palestine and the Diaspora (volumes 19â€“21), and even
more extensive coverage of Christianity (volumes 23â€“7). Whether or not students of
the Roman Empire will consult this material is of course another question, but its
availability in standard reference works will perhaps have the gradual effect of making
it seem less alien.
5 Final Thoughts
In closing, we may return to our point of departure, and consider again the problem
of identifying disciplines in the study of the Roman Empire. It should by now be clear
that, as I suggested at the start, the study of the Roman Empire is almost by definition
interdisciplinary, insofar as researchers must draw on a variety of sources and employ a
wide range of methodologies in order to advance their work. Nevertheless, traditional disciplinary divisions continue to exert great influence. Two of these seem to
me especially significant: that between archaeology and text-based approaches on the
one hand, and that between â€˜â€˜classicalâ€™â€™ studies and religious studies on the other. To
some extent, there are strong practical reasons f</t>
  </si>
  <si>
    <t>b'\x1e\xe5n\xc6wY\x15\x8d_\xbe\x18\x02\x8b\x1f\xfa\xef\x04\x07\x9a\xe7~\xbfRB\xac\xba\x8e\xee\x89\x0c\x12\x8e&lt;\xe4\xa6\xd6\x8e/\x0f\xac\x11\xfdC(\xe1\xfd\xbeA\xb3d\xc2m]H\x83\x9bJ\xae~-\xd76-\x0f/\xc0M&gt;?\x1a\x98\x15\xd0 \xf7\'D\xe2\xd3\x93\xa1\x10\\\xa3U\x9e^-g&lt;\xb3\n\x83\x10\xe1\xb1\xc2F\x95\xfaCus\xfd\xdfMp%\xa4~v\xe7\x96.\xe8\x83t\xe8\xa4~\x17F\xf7\x8c;\x89\x93\x01\x1e\xdc\xd3\xeab\xb4%\xc3\xa9\x84\xd5\xa6\x16}k\x02\xf1}\xa5\x18"\xbdE\x1a\xbe\x86x&lt;m\xe3]\xda\xef\xc4#\xd4\x19\xbdR;~\xd7\xb7\x84CO\xdc\xd4d\x15\xb2\x89\xc3\x04\x91\x8d\x06\xde\x06\x07\xb2Qm*_\x0f\xad?\xf6\x11&lt;*\xdc,:F\x87\x936n0&amp;(7U\xb8\xc3S\xe2U2\x05\xf8\xb1\xb8AI\xc20\xeb0\xf3\xf8Z\xa0&amp;xq\xb4\xde^\xa2\xce\xba\x99c:T%~e\xda&amp;\x1f\xa4\xca}\x1a\xad\xa8\x9a\x11$\x8f\x97.\xae\x03K\xb2?\xc6N\x12\xbb&amp;\x15\x9e\xd4\xfa\xc6\x1b\xfc\xaaN\x9d\x1b\x17\x12u)\xad\xdf\x80\xd5\xcc\\#\x15WmNB\xab`\xdd\x0b\xa9Sg#\x95\x90I\xe2t\x96s\xe0\xf9Lm;@\xea\xb5\'\xe6\x08\xad\x05\x82\nq@\xb10\xb9a\xc5\x94Ip\xc8\xa5\xa8\x96\x0f\x9f\xee\xc9\x98E\x94-s(\x04p\xc7\xc5\x8f\x9f\xa3,\x11\x1f\xd0u\xe3\xbfm!v\xeb\x90\x03(\xdaR\xf4T\x95fFVr\x96i\xc9V\x82?05\xc9E\x81\x94\x93as\xf2\xf0i\x8dl\xc9\x10dm\x14\x9b\xa3\x89\xd3tE4\x820\xde\xc6|\xd0i\xa8\r8\x1f\xde\x1dC6\xb2\x8dt\t\xdc\xe8\xa0%\x12S\x7f?\xd6\x13\x1b\xf6\x8d\xda \xa3\x07\xecV\x93|\xe1\x11\x92\x90u\x14\xc2r\x07cq\xa4\x91\x97\xeb\xa3s\xa8\xcb\xf2\xd7\x8be\x8e*\xdb\xc7FPKg\xd5+OH\xa8\x0b#\xf19\xcf\xe7S\x86\x11d\xf6\xa2\xe7D\x85\xc6\x91wt\x906\xb8\\\x8a\xfeo\xf3\xb5c!4\xbfMS\x0cBJYAJ\xdba\xb8Z\xd9\x9cYW\x94rW;Z\xddg$\x84\xf4B\x7f;\x18\r\'\xda\x8e\xd3\x82\xab/\xe9x\xa8"\x8f\x93\xd7\x9e\xcc\xe9\x9d\x93;\x9e:\x85\xf4\xd7m\xf0h\xccO\xfa\xa2\xaa\xd5k\xc1\xea\xf3 Fb`C\xcbq\xaf\x0c\x16\xf6\xe0~\xba\x1e\xed\xdb\xd0~\xb1\xb2\xf6\x95/Yx\x17L\xfeC\x1d\xc0?\xa2\xf6\xf0\xa5\x0f\x85`\xde\xb8\xe3\xd7\xcb\x17\x84\x10_^\x01\xb2\x81\xc2R\xda\xda\xf5W1\xb3Vt\x87\xc5p\xe3\xa6#\xaa\x88~%\xae\x0bD\xd22]\\\x89\xee\xb7\xa5a\xf2\x81.\x97zjL~\x94\xc7\x055\x90^}\x14\xa2\x88\x0f\x10\xc0m%\xa2\x8f\xac\xafKN7Ze \xc6n\x83\xc5\x02$\xc5y\xd1H\xea\xd2U3{uU\xb4ro\xfb\x1ab\x10v%\xc7\xde\xb4\xc4\xc9\xfa\x1es\x9e\xd06n4\x83\xe1\xff"\x17j\x1f\xdd\xa7\x1f\xdeW8\x01\x951\x7f\xbc\xe7\x84+H$\x839\x9e]xX\xb0\xee=\x0f\xe6c\xf8X\xbbn\x83\xd3\x99D\x1d\xbc\x7f\x90\xa6Bz\xd0\xe1\xf5D\x99\xf8S\x009-\xe0\x8c\x1f\xe9w\x91Q\x87l\xa3\xedK\x12\xd8\xf9D\xdc\x9dt\xec\x99\x8c&gt;\xb9\xe0&gt;\xf7\xdd\xa7\xb5g!\xa1\xb51mN`:\x91\xe6\x83u^!\xb9\xc8\x8b\xca\xd7\xaf\x9b\x83\xff\x98p&gt;\xed\x10\x11u\xdf\xf4\xf8\x8b$\xa1\x07\xb8G}\x84,\x14[\x8f\x1d\xcb5\xc4N\xc7\xcc\tG\'4\xb7\xa0^\x95p2\x1d\x8e\xecP\x0e1\x02\xcd\xce\x9f5\xd2\x01\xb5\xea\xc3X\xfc\xfc2\xa4\xb7\x88\x15\x9c\x02\x05\x9a1\x07t\xc8\t\xa5\\\xea,%\xd1m\x117\xa0\x99\x03w\xbb?W\xa5\xb6\x0f\xb3f\x03(\t-\xa1W\xe00Ixi\xdar\t\x9e\x89Xl\xf0\x81a\xb4\xca8\x17\x13\xffa&amp;\x1f\xe0~\xa8\xb3\xdf0E\x9eO\xad\xd9\xf7?\xe4\xd9\x031?/\x8f\xf2\xca\xcc\xb3f\x8bW\xe5w\xd77\xf6~E\xd9\x83\xfb\xa2\xde_\x04\xd3\xa0\xd5\xaa\x83Dce7\x92\xa5\xc1h1x\xe4c\x1f\n\t\x0b}&gt;\xebd]\xe7\xf2\xa1c`F\xd5\xa4\xbf\xf8\x80\x89Y\x95\x9b\xcd\xb6D\xbcVv\xb9~KBy*7w\xb4E#X\x95-U\xaf\xce\x10\x11\x88\xd3\x16\xea\x8e\x9d\x15\xf3\xe6\x15\xb2b\xe6\x88\xdb\xb5i\x840\xa2K\x16/RGXi\x80\xb9\xcc{\xfb\xb7\xd2\x0b\xad\x82x\x91\xc2\xcbr\xb13\xdb\xd1\x87\xfeK\x9f\xc0)\x13\x92cit\xca\xdb,K\x84\\\x16!\x00\x8b\xcf\xfe5 \xbcI2(K\x19r}\t\x82\xe4\xca4\xadqum\x1a\xb3GO\xd2&lt;?\xdaF\x05Jw\xaaL\x8c\x9d \x03m\t1vyU\xd5\xd5+\xea\xbb\xcc\xb4\x18\xccq\x14\x0f\tI\xe6x\x82\x93u\xad\x7f\x97\x99\xfb\xa9\xc7\xcc\xf2\x92t\x86b\xe2\xfb\'\x10\xceO\xea\x96\xe7\x00o\xe2\xc5\xe8\x01C*\x9f^\xdb&amp;\xcc&lt;\n\xa97Ua\xfa\xc9:\xc8\xa2\xd0\xe2,\xe9\xcc\'\xca\xa4\xe8h\x05\xd2\xd2\xd4\x87P\xb2\x1f\nJFZ\x1d\x84\'\xb3H\xb5\xad\xeb5\xce\xd9\xb1\xb1\x9c\x97\xcc]\xf4\xb9\x0f\x13\x85\xdeA\xbf8\x9b\xefS\xcc{c&amp;\xa7\x1cJ\x9d)\xb7]VQ\xa9\xd8\x1e\x8c\x1a\x1d\x0fx\x87~\xfa\xc1g0\xb7\x97\xd3\xc1{\xc9\xd5jy}~\xc4\x81\xb7W"\x9a\xc7\xa7b\x0b\x833#3\x8e~)\x9c\xc2\xcb\xb1Q\x17\x8e\xe0\x85L\x86\r[b{\xb5&lt;\x96\xb3\xcd^\x9fA\xb90/\xea\x07\x1b?\xa3\xdd\xdc\xb87\x0f\xbdV\xf6&amp;\xd5\xa81y\\\x85\xdf3\xe0U\xff\x10%\xdc]\xf8\\\x0ch t\xca\x80f\xa2/\'.\xbdf\x1b\xc5\x81\x9f6\xbf\xae\xc2O\xec\x97\x97\xce\xb4\x82\xaa\xbeB\xad\x07\xaa\xcf\x02\xf6\x9c\x95\xba\xa1\xc9\x11\xf5\xa2\xd83\xae"E`\xbd\xae\xae\x8c\x03.\x04\x83\xeb\xde\xf3\xe1\x19\x941\x0bz\x90\xfen\x8bB\x0b\x15HT\xe1\x9e^h&gt;/j\xb5j\xc5\xcaTM\xf57\x84\x08tl(\x84\x80\xf9\xeb\xad~\x9eH\x85\x8ez&lt;\x01\x14\x01x\xb7B\xe1\xb8t\xff\xcf\x1a\xcb\x03;\xb5k\x92\x9d;\x19\x93&lt;\xcd\xca\xf2I)\xf7\xd7\x95\xd0\x8f\xc9\xaa\xb2)z\xc8 \xfa@\x7f\xa9\xa9\xc4\'t3x9\x7f\x87\xacz\xe5\x07u\x8b$\xe5/\xb6\xbdf\xcb\xd4\x128\x80u/\x8f\x8b\xba\x8cx\xd2p5\xc0Q\xe0\xf8\x99\xc2\x08\xfe\xb2\x99\x8e_\xecO\xe2\x1b\xa2XE\xe1\xd5.\xf7\xf3z\x1fa\xfb86Y#\x96bue\x80\xe1U\xc3\x8c#\xa0\xac\x99\x9b8U\xf2\xd74x\xf4\xd6\x15c6b:.l(J{\x08\x17Z\x05\x1d\xac\x98\x9fXz\x863\xa2\t\xbe\xc7\x1d\xcc\x07\xdcx\xb9z\xed\xea\xa2E]\xf4\xeeC%\xc0\xf5\x04\x0e\xb3`o\xaeO\xeb\xe0Rk&amp;\xa7d\xef\xddZ\xc9\xd8G\xca7\xfc\xef ()\xfb\xe0\xc3\xa1\xe2\x9a@\xc3\xb5Rq`\x1c8CqE\xceooy\xe9\x9f\x94\x02{\xe3\xc2\xb3\xa1\xd9\xbb:\xddjg&amp;\x90\xc1}\r\xa7\x0b}\x93\xbbg\xb5\xa7\xf9\xa5\xca\x1b\xb6\xa1\xd1e\xc4\xe3\x01\x1b\xa5\xe3\x81\xccSoQ\x10\r{v7\xd0\x01\r\x17X!\xc4E\xd2\x87]\x00\xd3FL\xe3\xd96\xc4\xa6j\x8b)\xcd\xb5\x89\xdb\xb0\xa9\xa4\xc7e\xa7\xdd\x90\x8c1z\n\xcb\xb2\x8f\xf1f\xd5\x80\x17/^\x06\xca\xffN\xdaC\xfa\x0c2\xf7qA\xa4\xeb\x03\x83\x16\xf5\x0c\xf6\xb9/`K\x1c\xb3F;\xb4\x0e\xa7\xbe\x85)a\x12-\xb7\t\xac\xdd&lt;\x02p\x7f\x9a\x13\x9d\xee\xc2\x1d\xdd[\x92\x9d\x98\xe1E\xe5\xd8\x91\xff\xfc:]v\n.I\xb1.l\xd9\xea+\x80&amp;\x81g+\x87\nj}_8\x05&lt;t\xb7\xba\xe8\n\xcc\x89\xbeJ;3\xc4\xb3\xad]\x05\xdd\xfc\xd2\x08\xe3f_\xae=\xa85\xd3\x12\xc2\xd1\xcc\xa5\xff\xa3-\x81\x05\x8cDQzl\x13\xa5\xd1\xac\xc6\xb3\xce\xa6\xd9x\xf2\xbe\x03ir:\xc0\xa7\xcd\x05R\xd2 t\xf3\xb4J\x99\x8c\xda\xe4\x85\xa3n!5\t\x82F\xfc\x87\x98\xbc\x7f`\xd5\xdb\x9dX\x92\xc3\x1a\xa0\xd9\xfb6n\x8f\xa3\x0b\x8a\xfaN,\xc0l\xd9&lt;P@\xc5*eY\xecT\t\x0c\x9a4\xa5\xfa\xccl\x85E\x91\x08\x91\xbdB\xa5F\xf2Z\td\xec\xd4\xb4v\xcd\x84\xe5\xc7\xa7[\xe4\x9c\xfcx*\x9b\x02s\x80\xae\x9ew\xea7,\x0c\x00&gt;\x836\xb4\xdd\xd9M\xca\r\xbd\x13Wy\x19~\x8d\n\xf2\xab}\xbb\xdf\x89\'0\x8b\x0bH\xe0\xf5\xb0\xda\xab$\xff\x047\x05\xca\xbc\xa2\x0clYO!\xef&lt;\xe5\xe4j\x9e1;\xb8\xc5\\\x11\x8f\x00\xa6G\x18\xefF\x94\xd3o\xab\xb1\xc9d\x12f%\x851\x15\xc4\x9b\xcc&gt;|\x94Y\n\x92#\xf9\xfa\xa0\x02\xa3p\x8dED\x1fi&amp;\xcd\xb0s\xdd*\xeaP\xf4\x97\x03@1\xc7W6\xaa\x16-\x8a&gt;\xdf\xaaX3\xe5&lt;\xf6\x87\xb4\x95t\x0f\xf9\x1c[\x86\xe6\x05\xde\xa4\xcdX\x9b\x16\xb2\t\xbe\x8d\xf2\xa8\xcd0j7ej\xdf\x17\x90\x99\x12do\xc3\x9e\xa3#\xbb\x91b\r\xa9,\xd2\xdc\xb3\xca\xc2b\xe7c\xe9~L\x8d\xea\x10\x02[\x83Vs\x8c\xf8\xddT7y\xb5\xd1\x8b4%\x11Y\xfd1_\xa3\x16\xd0\x98\xa7s*\x9e\xd0Ex\x9b\xc8\x96&amp;\xe9\x11\t\xf2L&lt;\xee\x8e\xe3\xc2\x96IX(\xefJO\xd2\xaa\xa9_ \xa6\x1e#J\xbd\xe9\xbc\xbe$\xf7C\xa5}\xee_\xa8\x11}\xc0c\xdde\xf8\xc8\x1c(\x1f\xd4\\\x88\xbb\xd6\xcd\xf4\xedZ\xca\xb6\x8c\xdfq&lt;\xedE\x99A\xd9\xb2\xf5\x9a0\xe9#\xe3!\xd2\xfe\xc4\x85\xe6\xf6\xe3\xde\x15W\xa8\t\x1aNU\x83\x16T\x8f9\xf5j0*!sZ\x0f\xf7\xdb\xea\xb6\x92\xa0f\xf34,\xa3N\x13\xe6\xe5K\x9b\x17}O\x0cbp\xa1:\xe3\x8b\xb3\x90\x90g\x14\xfa\xa2\'^\xe5D\xac\x93\xb3qk\x1f&lt;\xd4\xb9CP\xed\xaejD\x03/\xfap\xcc]\xd8Q\x8b\xeb\xe8\x1e\xaf\xfd\xb3\xa8\xa8\xc6\xdc\x94\xac?q\xf8z\xc1\x91q?\xb3\x9b\xa5\x9b:\xd1[U\x98\xf1H\xd7\xdb\x1f\x1d\x14\xa1\x0cS\x0c\x05\xd9\xe3\xcb\nk\x14\xc9\x98\xc3\x88;\x11\xca\xb1\xff\x8d\'I\xaa\'%|\xdc\xb3\x00\xc7\xed\xa7\x97K\xc9\xa5\xb8"\xeb\xa7\xce1p\x81\x93\x91~\xc2\x0e~\'M\xc0r#\x03\x13\x13@F\xff\xd5\xee\x93\xda\xb0i {i\xc4\xed\xd9\xa1\xbfF\xac\xb0K\xa7\xae\xa4\xf9\x04\x0e\xb6n\x16\xdaI\x982\xc4j\xa6\xa5f\x1d\xb1\xa9Y\xba\x89M\xa6\x96\x7f:\x91U\xf9\xe1]7q?\x177A\xbb\xbc\x9f1,7\xce\xd1|1\x10\\\xdbY,\xed\xdd\x9d\xf4\xc0*\xc0\xb3-`\xf2\x18\xc7\x02\xd3\xfa{Ct#D\xbc#.\x07\xf6\xfcw5\xee\x05J\xb7\x1c\x0bf\xf9\xe0+\xb8g\x16\xb2\x9b(o*\xf2\x89\x10\rm\x87\xf7f\xe8\xd1\x0f\xedQ_\x89hR3"\x85\xd6\x84h\ry\x99F\xf6\xce_C\x88g9b=\xec\x02/n\xaav\xd2\x1b\xc4\xfa\xa2d\xa6\x0b)\xa8\x15\xba\x93\xbc\x03\\\xcb\xf5\xe54\x14\xae-\xb2F4-\xc2\xaa\x82\xa47\xc6P#&gt;\xeaE\x1a"\x06\xde\x1e\x08\xb1\xfaj\x19\xb5p\x06\xb5\xc9\x15\x17\xf9G``\xc74\xca\xe55\xdc\x1f\n*\x85\x04\xa7\xe6ZS\xb0\x82\x97\xad\xc6}\x9b\x84/\x8a\xd3\xaev\x04\xb4\xaac\x0e\x04v\xb9\x95\xe1\xbc'</t>
  </si>
  <si>
    <t>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</t>
  </si>
  <si>
    <t>b'\x1e\xe5n\xc6wY\x15\x8d_\xbe\x18\x02\x8b\x1f\xfa\xef'</t>
  </si>
  <si>
    <t>d he had trotted up to him and put his
head across his shoulder and then Dickon had talked into his ear and Jump had
talked back in odd little whinnies and puffs and snorts. Dickon had made him
give Mary his small front hoof and kiss her on her cheek with his velvet
muzzle.
"Does he really understand everything Dickon says?" Colin asked.
"It seems as if he does," answered Mary. "Dickon says anything will
understand if you're friends with it for sure, but you have to be friends for
sure."
Colin lay quiet a little while and his strange gray eyes seemed to be staring
at the wall, but Mary saw he was thinking.
"I wish I was friends with things," he said at last, "but I'm not. I never had
anything to be friends with, and I can't bear people."
"Can't you bear me?" asked Mary.
"Yes, I can," he answered. "It's funny but I even like you."
"Ben Weatherstaff said I was like him," said Mary. "He said he'd warrant
we'd both got the same nasty tempers. I think you are like him too. We are all
three alikeâ€”you and I and Ben Weatherstaff. He said we were neither of us
much to look at and we were as sour as we looked. But I don't feel as sour as I
used to before I knew the robin and Di</t>
  </si>
  <si>
    <t>b'\xfa7&lt;\x9e\xf6\x1e\xceq\x86\xe4E~O\xaa\x07\x88\xcew\x0e\xe1\x00\xe4r /\t\x9b\xb7\xaaJ\xdb\xac\r\xb4\x02!\x9e\x82\xb7\xd7\x1d#&amp;t\x85\xab\x8b~D\xbb4\x7f\x80\x8cr\x99\x13\x1b\xdc,\x11\xcb\xd2\xf4S\x89\xb9\xb8\xf2\x1a\x1e\xee\x8d&lt;\x1f\x84a\t?s\xf2Jx\x0f,\xa4\xb9gv\xcb&amp;\x86\xf6\x8d\xaf\x0f&gt;\x80\xd5i\x13P\xa4\xca\xbf^\x98\xeb\xb6w\x100n\x7f\x02~O\xfd\x9b\xa8\x9c\xfc\x0e\xe5\x92\x1dnF?\x8d\x88\xaa\x05Q\xde\xfa\xbd\x89*\xa6\nA\xf1\x9dN\xeb\x08\xb4\x08\x18n\x97d\xb0\x1e\xde|\xa54\x1f\xc2\xeeX\xef\x9a\xd6\x01\x84\xd7\xbd\x93\x94\x9b\xf5\xd9y\x14\xf6\xa4:v\x90\xdc\xb0z\xba&lt;\x86&gt;En\x8a{Y\x84\xa3I\x8c_\xect\\\x9e\xf2j\xe8\xe1\xea\xe8\xa1\xe0*\xf4z\xf5u]\xd8\x17\x03\x90\xb805\x80\xa9\xaa\x8c\xactD\x7f\xc0\x02A\xdf\x94i\x9c\x80k\xea=\xfe\xb0ywQ9\xb1\xdfpig\x02\xf8\x8e\x91\x0c\xe2\x80\x029\x1cG3\x0e\xb5\xeb&amp;\x9b\xe0^\xc3\xb6\x08\'\xfaH\xac\'\x94q\xa7\xabs&amp;\xebw\x98\xb22\x03\xe1$\xd6\xf5\x08 \xc6NV\xc9\x06\xc4\x04K\xc8\x84\xe7\x8b\xb6\xffuD\xf4\x14Mr\x00\xe9;\xdaf\x08\x98\xd2\xf7w\x19\x15\xf5\x1f\x16\xd0\x17\x98T\xd0b7UB\x81\xa9\xc6\xd1K\'\x86?\x0c0\xa0:\xd8\\]r\x08\xd7\xe6\x0cB\xaf\x1e\xf4z\xe4\xeaAi&gt;8\xdcMj\xda\x05\xd13@Q\x15\xden\x03`)\x80\xcbP\xea]\x82\x1a\x82\xda\x13\x1b\\\xb1j\x10K\x05\x84\xd8P~\xbcY\xeeD\x86\xf4\x91\xce\xc6\xd30\xbf\x12\xb1\xc6\xf3K;!\x00\xbc3\x1e\xb7\xca%\xd2e.\xb7\xf1g\x19\x8d$\x95lw\'\x1c\xf0p\x9b9\x80_\x03U\xd9#a\xbdk;\'\x08\xdd\xb0\x9d\xa59\x8d\x81\xcb{\x06\xa8\x15^\xc4n\x17\x01\xf4\xc7@\xe1t\x8ea\x05\xa4\x8e\xa4HfM\x90L\x95\xed\xe9\x1c\xba&lt;\x1a\x95\xf1\xea\xd4\x06x\xd5c\xe4\x1f&lt;\x89i\t\xf6L\xcb\x1e\xbd\xe1\xa4zV\x1d\x0b\xf7\xf8&amp;P\'w\xa7)F\x94\x83\xe6\xa5\x80]\xa0\xe9V\x97J\xd8\x03^rN?\xa1\x1f\x08\x88}\xee\xf4W\xce\xe3\x04\xfc\x90\xcf\xb6\xb7\x8d\x80\x07\xed\xde\xf0\xedos\xb1\xc1\xb87#\xfb\x15\x11\xa8U)\x85A\xf0jIY\x96pEj&lt;h\xe96\xc3\x1a\xd2*_O}6\xe0\x9aHn\xee8\xc1\x18y^\xbdn\xd5t\xab\xce\xc3\xa2&lt;&gt;\x01\xc4\xdf\xf2_\xf3\x8av\xb8\x10\xa6\x10\xde\x8am\x0fF\x13\xd8f3\xa5L\xc5\xb7*\xff}Y\xd1\x03\x82f\x928\x02\x83,\xdb\xca\x1a\xc1,\x9c\x83\xb3G\xe2j\x0c\xcf\x12UG\xb2H\x84U5\x94\'\x85{\xe1\xc9\xa7W\x1b\xf7\xb9#z\x91\x93\xa4\xa9\x11\x9f`\xf0sk\r\x89\xd3dm\x0f\x87\xd7/*l%j\xa6\xad\xf9\xc5\x807*\x12W\x86\xcdEq"4K\x9f\x08+\xc1\x0b]L\rfW \x15h\xe8\'\xd7\x87q8\x15F\x07\x8e\r\xff\xe9\xccO\xfdaz\x86`6\xb6\xdbr-\r\xd8\xadn\xe8\n?\x91\xba#\x82\xd2EU2C\xd3)\x88\xd9\x0b\xee6\xae\x96w\xb0\x93#s\xd7k\xc5\x9d\xa0"\x84;\xce\x9ex\xc6~\x9cQi\x1c\x8b\xa7F^\x9b\x1e\xe7\x86!\xa2\xd7\xd0\x14L\x83\x82@tQ/\x9c\xc4r\x1eW\xf4\'\x82C\xe7\xf3%\xf9\xf5\x7f\x88&amp;l&lt;\x07\xc8"\x9a.\xbb\xd9\xda\x96\xebY\x1a\x11\xce\xbez\xfdV\xd3\xb9\x05\xa1\x19\x9d]\xfbw\x99\x05y\xe9\xc3\xd2\x82/D\x02\xaa\x82u\x9a\xe17\x97\x81\xe1o\x94C$\x9a\xd1m\x15\x89\xf8\xe9\x96\x1a-Y\xf5\xcd\xfe\x97e\xb1\xf2\xc6\x04\xc9\xd7Q\x02K\x84\xe4\xb3\xedhf\xad\x95\x96\xaa=\x8b\xd8^i\x99\x0cY\x14\x19\xc2\x04\x07\xc7\xa5\x0f\xfb@\x1f\xb5\xa8\x1f\xb0M?\xc4\xee\xeb\x8476\xcaE\x00\xe2\xeaYP\xb2\x92\x8c\xe5u5j\xe7N\xcbE\\y\x7f&gt;\x94\x88)\x06\x92Vz;\xc2\xea\xc9\x8b\x02\xd3\xbe\x83n\xfb;\x17,\xd5\xa5c\x01++m\xa9l#V\r\x9a\x86/4z\x9e\n\xe1\xf4v\xb1j\xa7\xf5 \xfdN$\xe8)\xf6qm\xd5\x17\x01\x80\x95\x95\xc5:\xd5v\xdeb\x15\nRN6\xaes\xf0\xbfL[@C|\xb2G\x02L\x8f\xd5\x9d\xfe\xb9\xd40\xea}\xf2F\x10\x14|\xf9\xfe\xd5m\x8fSs\x17\xd7\xeb\xda\xdb\xb6\x95,\x816M]\xe1\xb3\'\x88\xb9\xd6\xe8\xeb\x1a\xb4sX\xce\x88\xb47\x87|\x13Jg\xc1\xd3\x81\xe2\xc9j\x9f,0\xc4d\x00X,~\x9cZ\x8ac:O/r\xde\x13J\xb4-\xa5\x19Au T3\xfck\xb2[A3\xbcP\xf1'</t>
  </si>
  <si>
    <t>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</t>
  </si>
  <si>
    <t>b'\xfa7&lt;\x9e\xf6\x1e\xceq\x86\xe4E~O\xaa\x07\x88'</t>
  </si>
  <si>
    <t>ped into the air off all its feet
at once, with a yelp of delight, and rushed at the stick, and made believe to
worry it; then Alice dodged behind a great thistle, to keep herself from
being run over; and the moment she appeared on the other side, the puppy
made another rush at the stick, and tumbled head over heels in its hurry to
get hold of it; then Alice, thinking it was very like having a game of play
with a cart-horse, and expecting every moment to be trampled under its
feet, ran round the thistle again; then the puppy began a series of short
charges at the stick, running a very little way forwards each time and a
long way back, and barking hoarsely all the while, till at last it sat down a
good way off, panting, with its tongue hanging out of its mouth, and its
great eyes half shut.
This seemed to Alice a good opportunity for making her escape; so she
set off at once, and ran till she was quite tired and out of breath, and till
the puppyâ€™s bark sounded quite faint in the distance.
â€œAnd yet what a dear little puppy it was!â€ said Alice, as she leant
against a buttercup to rest herself, and fanned herself with one of the
leaves: â€œI should have liked teaching it tricks very much, ifâ€”if Iâ€™d only
been the right size to do it! Oh dear! Iâ€™d nearly forgotten that Iâ€™ve got to
grow up again! Let me seeâ€”how is it to be managed? I suppose I ought to
eat or drink something or other; but the great question is, what?â€
The great question certainly was, what? Alice looked all round her at the
flowers and the blades of grass, but she did not see anything that looked
like the right thing to eat or drink under the circumstances. There was a
large mushroom growing near her, about the same height as herself; and
when she had looked under it, and on both sides of it, and behind it, it
occurred to her that she might as well look and see what was on the top of
it.
She stretched herself up on tiptoe, and peeped over the edge of the
mushroom, and her eyes immediately met those of a large caterpillar, that
was sitting on the top with its arms folded, quietly smoking a long hookah,
and taking not the smallest notice of h</t>
  </si>
  <si>
    <t>b'\xa6\xf6\xfcM4\xfe\xc51\x03y#\xe1U\x80\x96\xc2\x88\x98\xeb\x15\xb4\'M\x92\xe6\xf5\t\xbf\xf9\x00\x05\x08$rO\xb2\xb5\xb5F1\\\xd3\xb0\xea\x10j\xab)\x05\x0c\xf7\xa9\x0c\xec\x1a\xa6\x0b\xc90`\xd9\xaac\xc7[\xd7\xc7\xa4\xed}&gt;)=&amp;\xaf\x1d\xc3\xf0Q\x15\x06\xf8Q=\x15K|\xb1SH,\x1a\xcdp\n\xa7o\x1a\xe2\xae\xca\nZ\xda:\x11\xfd\x1f\x05\xb8\xd9M\xf2"K\x01]\x86\xbfKy\xd2\x91\x82\x9aF\x8c}\xc5\x13$S\xd3\x86uA\xb2\x07\xa4\x80\x7f\xf8}\x8e\x80\xcb\xd8`=\xcf\xa9\xf3\xad?\xfel\xf3f\x0c\xcd\x1d\xd7I\x99\xdeIN\x99\x10G\x81\'\xfc|\x1c\x13{\x8dp\xb3\xca\xd5\x88\xf2\xd8\xd3\xb0"R1_#K\r\x86\x1a\x07\xd4\x82\x9a\xe0.a\xef\x93\x82\xcdt\x1e^l\xac\x1f\x95\xe2\xd4\xd7=\xc8~\xba\\\xa6\x9b"\xfa&lt;O\x156o\xf24\xbf\x95^\xdf\x97q\xcet\xa0|2\xf7\x11\x0b\\\xab\xf0\xbd\x01\xd4\xe8\x195\xdc\xdc\x9a\x11\xb0\xe9\x89\xd6Y.\\Q=Rj\x8d\xe9\xac\x03\xad9\xac\xd3vD\xady0\xbd\xa8\x0e\xc2Q\xddyD\x03C\x92\rO\xa0`%\xc6\xaa\'\xf6\xb0\x0f~\x12d\xaf\x88\x9ey(#\xea=\xefH\x80\xa7\xfc\xb3\xcc\x94\x04\x17\x04r\x8e\x19V\xf1s\xa1/\xda\n\x13-A\xfeT\xed\x80\xe9ZC\x9bb\xa5=\x12l%\xd1H\x8d&gt;\x90\xdc^\xbb&lt;\xcf\xdcreAIK\xff\xa3\x92\x88\x9bx\x81\x96\x13\xce\xe0\xd5jr\xdc\xe1\x9b\xf6\xe1\xc0\x8eU\xdbU.\x1dD\x0f\xa1\xcf\xc0\xcb/\xeb\x8e\x8c\xfd\x95XsQS\x98Q\xef\xcby\x18L$9\xb1=\xbe\xe4\xd6\xc9\xf3\xc1\xf0\xba\xc3!bjz\xed; A\x98\xd9\xc8\xf6s\xd8\xb0 \xf7TN\xaf\xa5\xbd\x90\x00?\tQc`\x0e\xbe~\x9e[`\x80\xe1\x1a\x81(\x0f\xb5\xaf\xad\xa7|\xf94\xb3#M\xae\xa5\xe1\xc5\x8d\x8awk\xe7f\xeb\xa2`\xa1^\x91N%\x0c\x86\x17K\x05;L\xe4\xd2\xb5V\xd7u\xd6\xd8\xf6\xe1\xc5\x02Y\xb4\xadq\t\xf2\x8do^|\x03T\xcc\xb3\xd4=\xf8=9\xef\xe1\xa3{1h\x08\xc3\x0fj\xacG\'\x0c\x88\x89\xe9\x92T#\x8f\x0b\x0bS+\x1dI+F\xe4\xf5&gt;\xe2\x8fI;\xf6\x86Y\xee\x07em8\xb6HEwN\r\x1a\xd1\x08PYf\x98\x0f_\x87\xaa\x98Se\xc1F\x8fT@\xbb\x97\tz\xcd\xc4\x1b\x07\xe6L\xb2\xf3\xc9\xfe\xa5\xea\xd5\xb3\xe4D\xec\xb9u\xdcj\xb05 \x8d4&lt;l\x9b\xc8e"\x83\xf7|y\x80mrc\xc4\xae\xf8i\x0f\x92\x99ky\xbc\x94;z\x98\xeb\x84\xe2\xcc\x9d!4\xc2\xcb\xca\x14\xe0\xad\x18\x810\xaa\xba\x0e\xf6L/\xf5;\xd1x\xf1\xe3R\xd5#\xba\x96dO\x9d\xcf\xc5\x8b\xb2V\x9d\t\x95\x10Q\x81\x07O\xad\x88E\xbd_\xfc\xe8\xd9,\x0fc\xe7E7\xd6\xc6\xcfBp\x82\r:\x9ax\xae\xa8i[SpW\x05\x16i\xf7\xbdF\xf8Amcc \\%\xebt\x9d\x82\x05\x81\xfd\x1d\xb6\xd2\x87\xf0J\xd1\x9d\x00\xdax{\xe1\x8c\xd9\x9f\x03\xf9j\x0eF]t\x1dH\x03}\xfa\xa6\xf4\x12,H\xf0\xa8\xb4\xae\x98;\xbd\xec\xd6O\xbe\x85i\xb2\xb6\xe7\x9f\xef\xc1%\xf1\x98\xa02v\xa4m\xd4\xa2h&lt;i\xbe\x1d\x95\xddp\x80S\xf6v\xdc\x0c+\x8bzJv\xf4=\xb4\xb4O\x8d\xb9\xdf\x01\xf6A,\x8a^M\x8fS\xfb\xe9\x1c\x08a/\x04\xb8]\x10\xd9\xb6"\xe3Vo\xee|ZUv.\x10w\xf7w\xb1%2&gt;\xdd)\xd7\xf8Q/\xed8F\x07~\xf6k@\xd4\x96\xd3&lt;\xc3%\x81\xf8_+\xa8\x7f\xc0G\xe4\xfe\xaa&amp;\xdc\xf29\xc7\x97\x99V-\x91\x90\xf5\x02PN/\xb57\x07`o\x04LW\xea\x95+\xb5\xfc\\\x13\xb2n\xc0\xb8\xd0\xdfX\x97PO\xf9_\xe6\x17aYg\xe2H\x03#\x9eUL\x04\xe5\xfd\x83[\xf5\xad?"\xbaLJ\xdf=\xcf\xc7H\x19\x0b2\x11*O\xf2\xeb\xa3\xdc\xff\xb3\xabqt\xaf\xe9\xc8D\x16|\xc2\x1aj\xf7\xcayTK\xb5\x90\x92\xb6#\xa9\x14\xd9\xf0\xe4\xb1?\xb0\xb3\x90\x96\xbb\xc5\xe9F`\x07(\xd8\x87\\\xd5qp\x93\x7f;)X\x81\x1a\x96+\xd7\x18\xe0\xbc\xfe\xc9\x89\xf1\xe6\xb3\xfdV\x9c4n\xf1\xbd\xc1l\xd6\xa10\x0f\xc14;V\xd1\x89\x03w\xb1y\xc6\xd1-f\x13\xd2n\xb9\x01\x1b\xe6O~\x1a\xe3\xbf\xe3\xc9\xc3\x88\x8f\xe1\x0c\xd4\xd5\xf5\x1a\x18R\x05\xba\x85\x87,\xa2\xfa\x8d?i\xbc\xa9\xe2\x94{\x9a)R\x8c\xf439\x02?\xf7\xdbo\x96*\xaa\x04\xdb\xad\x1b\xe0\x8c\xac\x91\xe9\xf9S\xeb]\xa2\xab\x81\xa0[\x9e\x9c\xea\x8c\x0bB\xd3\x01\xa6\x85\xd4\x8b\xa7]g$\xce\xfa\x85[\xd8\xa8\x1a7\xb4\x02o\xda\x8e\x8bo\xbe\x92\xa4\xf0\x8a\xba_\x00\x8bC\x13\xef\xd2\xc2$\xfc\xa4\x10\x04\'\xd0\x9d\x1f\x90\xb4\r\xa8Q%\xf9\xb9\tvr\xae\xbd\xfbp}\x8e\xe6&gt;:0W\x99&amp;\xe40\xff\xbb\x85\xc0N8y\xea-i&lt;r\xab\x9a\xf0E~/z\xf3=\xf6o\xd1\x16\x97q$\xe6\x9aP\xa9V\x8d\x8a\xedv\xfb&gt;)*\x9a,\x95\xbf53\x89\xd2r\x8c\xe3q\x97\x19h\xa4\xeb\xd7\x84\x8c\xd60\xc3 \x9d\x08\x87\xea\xe01\xbe\xd0&amp;\xc3#:T\x11\x19\xb9\xbe\x8b&amp;\xc4\xc8rG\xdfo+\xe9\x8e-\xe24\x11\x9eI\xb3\x1d\xec\x04\x0f\xc6\xa4\xde+\x97@9\xa2\xb0\x0b;\xaf\x05\xe9\x00\xb7#\x0f\xe7\x99\xe8\x0c\x04\x1a\xfcif\x8f&gt;@\x9f\x02\xf9-\x94\x8d\xe4J\xa9\xd7\xdb\xb2KJ\xef\x0e\x9bQ\x8a\xdeBj&lt;X\xfd\xc4\xc5\x0cL\x9f\xbej\xd1)j\x8b\x87\xc1i-\xddH\xc3E\xa6\xee\x93\x9b\xe1K\x82O\xc6\xfcP\x13,(\x01\x93\xc8\x7fz\x87)\xd4\xd2\x90\xdc\x0fs\x0c\x08\xe4\x91])\x9e\x85\x98\xb6n\xb8\x8e\x9d)Wl\xd3~\xea\xe5\xa1\x1e\xb2\xbd^j\x86NV\xa5\xc2)\t?\x8f_\x8a\xd6{\xe6\xc5\x86l\xce\x10\xba\x00M{\n*\xd6B\x94\xe7~\xcfs\xca\xd5L\xe4\xc6\rj\xccv\x18\x83@\xbb3\xa2k&lt;+oX!,\x86X\xea\x83)\xce\r\xb2\xe3\x8aaB\xfbl\xcbi(4\xe7\xb4\x94\xb9\xbd\xe3!"\xebv\xbb\x87\x02\xd3\xa6\xeaJG\x88\x1bg\x8e\xad\xbfq\x17\xf2\xe7\x1a\xfb\'u,x\xa8\x16\xe7\x80\x83\xe1\xca\x8dMd]\x1a\x0fG\xe0\xb7K\x89H\x01\xe3\xfb\x08\xf0d\x1d\x82L\x1b\x8f\x13\x00!m\xd8\xef\x85\xc4}^\x93\xe8C&lt;hU\xf5^V\x1e\xde-`[\xd3\xed&gt;#}\x91\xb1t\x8a\xb5\xfdo\xf8\xb6\xd7\x1a\xe4\xe7\xc9\x8e\n\xd96\xf1\xba]\x0f\xcd\xcb\xd2\x9f\xba\xa9\x07\x0c\xdf\n\xf7\xbf\x11\xed\x01\x85O\xd6\x8e\xed\xae\xbd\x96q\\\xef\x8f\xf4"&gt;\x94\xa8\x0c\xe8wP\xb3\xc5\xf3)\r\xaa\x9a\x07\x1a\x16iL\xcf{\x8c\x8a\xf5\xce\x9fl\x80\x80\x11b3\xe5\xb2$}v\xa8\x14[ad\xcf\x9a\xc8\xa2\xf3\xe5o\x14\xbd\xce`\x05k\xeb\x813\x13\x95`\x1ao\xd3\xc6\xe5\xe4&amp;\xb7\xa9[/\nT\xc2}\x9d\xfa\xa0\xdb\xf8S\x05\x9c\x03G\x9axj{MHqEQ\x15B\xed%w/K+\xa8\x13\x94S\x11\xc1\xe1\xd5\xe3\n\xfa8[\xef;\xe0\xc9\x9c}\x8a\xb1l\xc1.\xaa\xea*V\x86d\xb5\xc8Ne\x9e\x03A\xac\xbc};\x81?\xc0vd\x04\x98A\xf4\xa9\xd51`\xa1S\x06\xd7\x91\xe5s\x08ie\xbdc\x99\x15\xd98\xf9Y\xf6\x1e\xa0^1\x0fy,\xf0\x14N\xaf\x89\xa8\x1a\xc7H\x03\xc2\xec\xc3\x93\xe2\x99^\xbb\xc1\x87h\xa4\xf4\xc4\xd4p\x01\x8c?\xeb\x02\xc9C\x9f\xde\xbeMYi \xee\xc3@\xee\xee\x87\xea&amp;\x04\x9azfyEA:\xabm\xe3I\xbc5C\x90\\u\xd9O\x03#\xec\xb2Wq\x99*\xa8\xf1.\xab\x7f"\xcb\xcb(\xeaI\xd9\xa5\xd8\xd7\xe1\x81\xad\xce\xc2\xd3\xca\xfd\xb0\\\x03\x0bJ`\xa6\xf7\xf3e\xd9\x19Y?\x06&amp;\x99\x0c\x17I\x00\x82\x92\xa4\xd6#&lt;~\xb7\x16\x8a\xf1\xae\xca\xd7U\x03\xd6z\x90\x1b\x1f\xb6\x9b\x99\x9ft\x89\xc9\x96\x1f8A\xc9\x8d\xa7O.&gt;u\xbc\xd1,\xb6\xcc\x8b\xbc\x99\xc3\xda\xcf\xeb\x18\x94\'u\xcf\xdf\xa3\xc2\xb5\xbar\x0c\xa0c\xbd\xabYI\x84\x0f\x86\xafy\xbe0\x98\x93\x8d\xb6\x97\x02a\xc2\xab\x9c?\xc3\xe7Zi3Dd\x9e\x8a\xebS\x8e|\x95(\x0f\xf6\xb8\x1elo\xc7&amp;\xe9\x95\xcb*-\xc9\x8b6\xd7&amp;_\x8e\xfa\xceJ\xf4\x1f\xe9v\xa9\xea%{\xbf\xacU\x86\\\x8b(\x97.M?\xa2v@&amp;'</t>
  </si>
  <si>
    <t>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</t>
  </si>
  <si>
    <t>b'\xa6\xf6\xfcM4\xfe\xc51\x03y#\xe1U\x80\x96\xc2'</t>
  </si>
  <si>
    <t>, furthering the expectations of literature as spectacle.
Imperial Poetry 447
Upon his arrival at Rome the young poet Lucan (39â€“65 CE), from a wellconnected family from Spain that included his uncle Seneca, rose meteorically to
became a member of the emperor Neroâ€™s circle of friends, gaining literary fame for
tragedy, occasional verse, and other compositions, as well as an early quaestorship.
His fall from favor was just as abrupt. He was forced to commit suicide at age 26 in 65
CE, after being suspected of participating in the Pisonian conspiracy to overthrow the
emperor. Nero had evidently before this event taken umbrage with Lucan and ended
his political and poetical careers, banning his public</t>
  </si>
  <si>
    <t>b'\xb92}T\x1b\xa6\xc5\x14\x9b4\x9d\xe2W\x06\x19}\xa1-mEm\x7f9b\x80=!\xbb\xaf\xa9\xaa\x14oD\x8d\x99d&gt;\\\xaf\x0cE\x8e\x02\xd9\xed\xf8\xa6|\t\xd4\x05\xfa\x90p\x14\x06\xe8S|\xe5)\x8dh\xfd\x99b\xb3\xabs\xcf\x99]aX\x11\x12k\x1b\x9b\xc7\xc6\xab@#\x00\x13\xbe7b\xd8hD\x19\xe1o\xc1h\xc8&amp;\xfa\xc6j\xfd\'=\x83\xb9\xcawt\xef\xe3\x04Z)_\xac\x19\xad\xa3\xbe\x15\x02w#w\xca\x83n\xf2\xf5?\xa5\xd4?1$\xd4\xc7\xce.1&gt;Hqh\xed\xa4\xbf\x03]\xa3\xe3\x90Y\xed\xfc\xce\x7f9\xd2EA\x06\xa4\n\xaf 3\xe6\n~\xb7B8;\xd5\x12\xab!\xf1\x0e2\xd8\xf4\xa3\xaa\x84\xa0PC \xf1\xe0\xf6*\x1eY\x1bH\xb7\xb2C-\x12\x04sa\xee\xbf\x94]\x1a"t:&gt;\xb1cD=:\'\x18\xf3\xbf\xa1\xb5\xabz\xae\xfd\x05H\xb6\x0ci\xce\xf2Yd\xe0\n\xbd\xb2\xb9\xef\x9a\xf9\x19]cL\x990\xf4\x00\x89\xb6\x15\xa6&gt;\xa1\xe2\xc2\x8a\x1d\x14\xa7\x93\xa7V\x10\x94\xc3 b.(\x81\xde\xcc1\xd3\xb9\xf1\x0b\x1b\xd0&lt;gbdb\xbb\x9c\xceD\x86\\\xd9\xa8\x97\x94*\xa98\xf3\xa8\xbc^%\x96\xf3\xa6\x88\xc9v\xf4\xeb\x7fY\x08\xac\x84\x83\x88\x03\xd6\x12E\xc9X\x04kMX\xf4\x14\xad\x1dBW80\x16$\x03Pi\x8a\xd2W\xf4\xf5\x91\x14\xfd]\x86\x13^\xbc\x03Ij\x05d\x04\xe2\xb9\xb5\xd5;^\xbd}n\xa7\x8c\x88\x18\x92\xe1\xfc3\x92\xf5\xf7D\xbd\xb9\xfd\xcdRQ:\xff\xf5\x19\xdef\xd4\xdd\x17\xfbSv\x1b\xcbd\xe4\xc4\xb8\x05+\xb6\xc62#\x86E#\x03!^;\xf9u\tq\xca\xd3&lt;\xc3\x17\xf9\xe1\xa9\x0f\x18\xf1\xba\xdaP\xfe\x9dV~+\x9ao\x97\x16\x02\xc5\x9aR\xb6\x9dqkd\x073\x11\xb5`\x14:\xb0\xc1\xedG\xbf\x1c\x9b\xb1\x98\x19v\xd0\xf9\xff\xe0\xb8\xfb\xd8NUk\x94{\xa4\xb5`\xfeB\x89As}Q\xdfcx\x9b\xe7\x88\x123\x8agq\x04q\xcdQ\xfaN\x06\x88\xd1\xa4/\x16\x04Q\xb5\xa3\xdc\xee\xfd\x80\x85\xed\xd7S:\\\xdc\xef\xca\xbe\x95X9c\xcf\x84_\xa7&amp;A\x8d=\xc0x\xafh\xb5\x96\x12\xac\xd5\xca\xf3\xc5R\xd6\x0fN6U\x15\x9bO?\x97l0;(\x9f|\x81\x81+\x99\x87\xe0=\x99yO\xf1\xb5;iy\x03\xfdV\xd3F\xb8\xee=\n;\xe6\x8c6X\r\xef\xd1\xa2F1\xac\xeb\n\xf6\x7fBt\xbc\n\xee\x15\x9d\x96\xc0\xac{(\xb6\xc3\xf6\x06\xc8\x12\x07\x92\x82)\xb3\x1f\x9c\xea-2 vj\x81\x95\xb6\xcb\xed\x83\xb4\xeb\xf4K!\xb1\xb8D\xcc\x8eD\x83R\xfd7\x15\x8f\xdd\x85g\xce\xf5V\xf8\xef\xe0"\xc1\xf2\xf1\x89\x8aOi\xe8x^\xd6\xd3\xe9\x7f\x8f\xed\xdd\x0c\'\x1c\xc42\x99Nt\xe7\xe1*\xef\xef\xff\t\xd0\xdc\xbaW;\t\xbf\xfb\xff\xa8\xc9\x1f\xcd\xf7'</t>
  </si>
  <si>
    <t>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</t>
  </si>
  <si>
    <t>b'\xb92}T\x1b\xa6\xc5\x14\x9b4\x9d\xe2W\x06\x19}'</t>
  </si>
  <si>
    <t>ying the 
 inn would be ruined, for people would soon cease coming there to be 
 tyrannized over and put down, and sent shivering to their beds; but</t>
  </si>
  <si>
    <t>b'\x04\xfc\x10T[i$u\xbf\x00r\x83\xdaWX\xbf\x87\xd5\x19\xf0\xe1SS\xa0\xbe\x8c\x06,\n\xddJ\xa6\x9f\xf3\xd8\xd3&gt;\x8b_u&lt;p\xd1~\x8eE\x96\xa2\x1a\x90\xcb%\xe4\x02-N\\&gt;)\xf0Q\xe9\x17L\xbd\xcf\x8d\x88\x02C\xfa\xd0\xd5\x03/\xbf\xec\xa5\x1a\x8d`\xd1\xa6d3h\xa9u}\x96p\xb3Zp:\x12\xa7\xbc\x91\xa5\x863\xfe\xecwK\x8b\xe3:\x17\xa1\xa3+&gt;\xa6\x08\xde\xca\xe0\xab\xe2\nP7z\xc7\x02V\xb8\xac\xec2\xa2\xc6\x98\x810)\x01\x80}\xb2\xb5\xa3\x86\x13Kr\xf0\r\x95dW@\xf3\xc5\xde%"\xef|\x80K@\xdc\x91\xea\xbf\x97O\x1f@D\x0c\xf2\xad\xac1\xf8wj\x1a\x02\x15i\x16\x87#\xa2\x02\xfe\xe8*\x96\xb1\xb3\xb1\xd0\xc2\xdf\x82\xd5\x83\xb7\x16\x95I\xfc\xcb\xces\x91\x12\x96\xab\xaa\t\xe9\x7f\x02\xbdw8y\xd2PJ \xa2w\xa4\x14\x8cq\xc4O\xf0V\x03\xbe\xdc0\x15\x8a\xb4G:\xc8\x9b\xc7\xe8\xf2\xaa\x93\xb1y\xc7B\x16\xb7\xb6\x06LYG\xcbiX\xaa~\xe6~\x05\x0fo\x13\xbd\xed\x8d\xc0x\x9f\xba~7\xcc\x8b\xe3S\xee\x89N\x13#\xbeP[!&gt;N\xa4\x16_\xfcV\x0fR\xaf\x01\xcb\xe8\xd3\xb5\xd1\xdb\xaf\xf6\x9e\xfa\xa50\x03#\xfa\xde\\\xb7\xe8\xec\xadO1\xd5_\x99:\xa1\x85\x9b\xab\x19[H\x81\xd1Z@8d5$\x07;\xa1\xdefL\xd9\xca\xbdD\x7f\xdeH\xa5\xd1q\xd2\xbd\xa0\xd0\xf3\tZ\x8d\xb6\x88\x87z\xc6rE\xfd\x19\xdf#\xbd\x06\x86~\x0b\xca\xf3\xbc\x85=\xda\xa5\x19D\xa0\xf0\xb7t\xbb\xda(\x87T\xf6"\xd3\xf5\xf5\x8c|\nG\x06m\xf8\x95\xb2\xf9Vd\x88~Y\xc9\xa5\xbdVh\x83m\xdb/8\xc2\xc6S"\x8c\x95\xb1\xc2\xd7\x7fn?X\xc6?uR+2^\x10\x0f\xa5Y\xc8\xa1\xf2\xe2Q\x11\x1f\x7fO\x125\x00b\xe6\x88\xc1F\xfa\xdc\x94F\xfa\xdb7\x90\x97!\x06\xbbNy\xfaC\x81X0=59\xc9\xca\x18\x05\xf8\xd3\xe3\xfc\x07\xa2'</t>
  </si>
  <si>
    <t>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</t>
  </si>
  <si>
    <t>b'\x04\xfc\x10T[i$u\xbf\x00r\x83\xdaWX\xbf'</t>
  </si>
  <si>
    <t>he products we wanted,
 we made a long list of other products we would eventually want to sell. If the
 first product took off, weâ€™d know exactly what we could sell next.
 Our first product sold okay, but it was nothing special out of the gate. It
 took months to get to about twenty-five sales per day, and thatâ€™s when we
 rolled out the next line of products. Remember, it only takes three to five
 products that each sells about twenty-five sales per day. Thatâ€™s a milliondollar business.
 Having ideas circling around in your brain right now is a really good sign
 youâ€™re ready to move forward. If youâ€™re not there yet, it would be a good idea
 to answer the list of foundational questions (see page 36).
 But anyone can sit and â€œkick around ideasâ€ all day. Thatâ€™s the easy part.
 The hard part is deciding to take the risk of actually bringing that product
 to life. The hardest part is getting past the head noise: What will my family
 think? What if my product sucks? What if I get a negative review?
 While I will help you with the â€œhow to,â€ you have to go all in on getting
 through the mental hurdles.
 Itâ€™s time to make a decision: Ar</t>
  </si>
  <si>
    <t>b'`\xbfY-kZ:\x1f\xa7\x05\xa9\xef\x9e\xbf}\xca\xdf\xcac\xd2\xedc\x89\xb3.\x14\x00&gt;a\x0f\x92\x01\xaf\xb3\xa2\x86S\x9e\xda\xa8\xe8/(\xb7\xff\xf1h\x01\xd2\x87\xcew\x8e%)|\xbe\x93\xc7;\xeb`r"\x03/\xcd\xa6\xba\x08oG\xb95\x9c~cx\xb8\x04\xb2MQ\x8c4o#2\xdb)l\xb1Zg\x96`\x16\x0e\x02\xf8\xd3\x07\xf8&lt;\x17\xac\x9f\x91\x98y\x19l\xa3\xf2\x98\xe6s\xcf\x84\xa2\xd7\r\x92}\x93Q\x89\xafu\x8f\xf0\xde\xe1A\x1fXZ\x98F\xac\x06\x930\xc1\x90,\x0f8\xc6\x8f\xd0\t\xaf\xbb\xa9\x06+\x90=\xdc\x13\xe4\x10\x95\x1cU0+\xc1\xd4\x19\x85&lt;*\xba\xb1\xf5H\xa4J^\xee\xdb\x0553\xf9\x88[Y\xca**\x87!!\x0c\xd9Sb@\x16\x01_f"\x1b(\x9d\xe3\xbf\xc5\xcfM\xbcsf\xc4uX\r\xee;\xb7\xb6\xbe\x80\xa3\xcb^\x9c\x965\xe0\x9e\xca\xd8)\t\xb1\xfa\xe8$4\xc4\x1a\xb9O\xc0a\xf8\xbe\xa1\xcf3g`\xd5b\xc5\x10\xb3\xf2\x938\x187\x96\x8bA-`\xb4kX\xbf\x08\x06\x94\xf5\t0\xc8\x9bw\x03\x87\xd6\xfb\xe2Z\x963\x7f\x97\xee\xb8\xc0\x8c\xd5\x19\xa9\x10\x0ep\xfa\\\x1aAh\xaa\xfe~i\x15\xb1\x03\x01-c\xc7\x05\x05\x95\xd6O3\xbea&gt;;\xa7c\xec\xb3\x1a\xea\x85\x14\x07\x80i#\x8fz\xc4\x1cf\xc6\xfc\xdb)\xbc\xa5\xc3b\xef=\t\r\x05\xe1F\x87\x8eFw\xa0\xad\xf9;6\x1d\xffq\\g\xfa\xd1\x8e\x0c\xefA\x81\x1d\xf8U\xe4q=\x17C\xf9S\xa7\x93\xdc\xeaS\x89\xb1\xb1\xa0\xc5t.Y\x90\x1a7\x0e|\xb9\xdf\xefV\x81\xfb\xbb)\xbb#\xc6`o&lt;\x8b\xb0\xfdB\xdc\xa5\x80no\xeb\xe9\x19\x8f!\xb4\xb5#+\x85Q\xd4\xa2\xbc\xfa\xbf@4\xab]\x0e&amp;\xcaq\xc6\xfe&gt;,\x04\x06\x9eh\xbb\xe5;\xba\x12\x1eU\x1a\xd2T[\x80\x01L&amp;\xb2\x06\xc2\xb3\xc2\xc1u\x05\xca\x166h)\xf1\xae\xa0L*\xb1sT\xf4\xaa\xf71\xb2M\xb3\x0fz\xc6#\t\xa4w\x1e\xcc\xab\x0e\xc0\x17\xef\xa5\xbb\xb55\xdd\xb2\xb6\x87o\x7f\xb0;\x9a\t\xe1]Cd\xfb\r\xa2\n\xbd\xcc\xab\xc0\xc4(\x0e~6\x86uF\xf7cV\xb9\x94\xa6i(\xe4\xd9\x9d\x7f\xdfd\xf7\xc9\x13L\x8b\x9f\xc6\xc7\x9bQ`\xb5\xd0m\x13\x06\xfd\xa7}\xa1\x82\xac\xa5r&lt;\x1a\xbdWq2\xbas\xf0\xa3C\xa8L\xb4}%\xef\xa9\xf7\xb33\xc9\x95\xaf\xf65\xda\xb7\xff7\x19\xfa@\xfbzy\x91\x93\x13\xf3\xfc\xecy\x05E\x9c\x00\x13\x7f\xd0\x1e\x178l\x15j\xc3\xf7\xf5\x05\xca\xec\xfd\xc0Q\xbf&gt;\xd0YJ3\xca\xd2\xd30\xb0\xbevr\xb8\x033\xf6\xb6\x08\xb7\x8a\xb3EK;\xbcQh\xd8\xaa\xd2CH\x9a\xcb`T\x0fi\x06r\xa4{\xa9\xf2)\x96\xaa{[q \x9f!\x93\xe6(\xa4z\x01\x04\x85\xff\x82\xce/\xbc\xe5u\xe0lb\x83\xdc\x11\x14h\xc3\xf3/\xc6@\x1a\xdfD\xd1\xf5\xd6\x8b\xa3\xc7\x8b^z\x1a\x90\xe2\x8e\x0e\xa1\xa1\'\x0f\xca\xb8S\x07\x95\t\xdft\x02\r\xe8\xf35\x1fz\xf1_\xb9{\xc3h4\xf3\x12\xf4^\xe3~\x9aNUH\xe9&gt;\xc3\xc1\x89q\xace\n22\x12Qv"\x94\x8d\x16\xdb\t\x1f\xf5\xb44}n\x82\x0f\xc2\x11F\x96\xce?\x13\xa2\x8d\x84\xa6s\xc7zN\x9c\xe4\x91\xe6\x01\xf7\xfe\xc0=h\xae\x89\xcb\xefFhE\x84\x11\x9b\x82\xa0)\xa6\xeb\x0fK\xccf\xd3\xcf\x04B\x97\xb0\xc6B\xa7q\xf9c\xb8\xf1\x02\xe9e-\xa3\xcd\xcc\x8c\x94J\x03@c6p\xd9\x1b\xbb\xaa\xbd\xf1w|\xf9F\x0b\x83q\xe4\xd4z\xc5\x8b~\x9a\xa6\xa1\x17\x1ci\x13\xfbV\xd1uyX\xc2S\xc4v\xca9\xf2\x03\xff\xb7\x94\xc3\xc9\xf4z5)\xe5dV\xd0\xb5\xc6o/\x01\xc3\x15\x9a\x9e\xfe\xb0\t\xc0\x0b!\xa3B[\xe2=\xeb\x82\xec\xf4X&gt;\xbcp\x18\x8f\xa5\t2\xfc\xdf\x10#1\xb2\xe8\x1d\x1d\x0b}+,\x9b\x0ci\x95|y^\xe1\xb4\xf2\xfa\x17\xdc\xf7\x8e\xbez\xc6\xb7e\x18&lt;\x8f\xf2\xaa\xcc\x08\xb4\x0e\x07\x1b\xe4o\xb1\x99\xff\x9f\x0b\xca\xd0\x9cEk\x0c\xc1s\xc7\x98\xd4\n\xe1\xe5`\xd9\x07\n\xa0\xb1\x02\xe9\xd4\xf6pu;\x12\x15\xf3\x93\x97\xe0\x01Ud\xec#\x96\xb9&amp;\xa2\xec\xae\x91L#j\xde\x95rW\xfa\x10\xea^\xa2\xd0\xc1\x1f\xe5i\xa4O\xba2&lt;\xea|~\xe2g\x80DU\xc7Zvf\xf8~\xc0\xa5\x8b\xd0\xe1\xbc\xd7\xc6j26\x16\x8d(\xf3\xfb\xe5_\x11\xcb(Q\x04\x85\xa7\x0b.|L\xd8Yn=\xa9\xac'</t>
  </si>
  <si>
    <t>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</t>
  </si>
  <si>
    <t>b'`\xbfY-kZ:\x1f\xa7\x05\xa9\xef\x9e\xbf}\xca'</t>
  </si>
  <si>
    <t>d from one to three years, some being seasonal. The tax
liturgists were not only responsible for defraying the expenses of the office, but they
were individually and collectively responsible for turning in to the appropriate office
the quota assigned to their designated area. The procedures of nomination are well
attested in the papyrological record. Once a liturgical office was announced, there
followed a process of nomination by the local (metropolitan or village) authorities
with the ultimate appointment made by the strategos of the nome (Lewis 1997). On
the village level, the key figures were the village scribes (komogrammateis) who were
eventually replaced by the dekaprotoi (J. D. Thomas 1975).
The liturgical system was harsh on those who lived in the metropolitan centers.
But, as papyrological evidence demonstrates, it was even harder on those living in the
villages, for efforts to avoid, or protest against nomination to liturgies are plentiful at
both levels.
Operation and communication
In closing, a few words are in order on h</t>
  </si>
  <si>
    <t>b'\xba\xff^\x1e\xae\xbdi\xe2kI\x1d\x9ef\x97Pc:Y\x9c!\x84\xc9gD\xa1\xf0\xd6\xf0b\x11m\x01\xc5~{\xbc\x8d\x18o\xba`\x0e\x9dy\xbd\x8b03\xed\x99\xc3\xc1\xf0y\x08\x86\xb6\xfd\xb4\x18\xa1l\x87\x85\x97\xf1\x16S~\xc5\xa4E\xdd\x14\x92\x1a\xe6|\xf5\x07C\xf9\xba\x04\xbba\xf3\xcb\x10\xb3\x0f\x7f\x8cbf4=I\xc2%\x05\xcf\xe1-\x944\x8c\xb0\xf0\xd8\x18\x94\x05\xfc\xbdT\xa6\xf8\x11\x01-y|u\xae\xfd\r\x15\x05\xe7\xbd7\xfeC\x87\xd0\x16\x08\x08{\x1e\xfb,\xd4\xbd\xf3V\x1e\'\x9db\x8a&lt;\xe1\xe1q\xbf\xdb\x86\xd0\xab\xc3;\xed\xbe\xd4\xec\x96\xfe\x8c}X\xea\x8f\x17\xc7"\x12\x9695\x87R\x83\x1a\x9aD\xc5\xa7-\xaf\xe7\x06Q@\xaci\xc2\xfd\xb5\x0c\xbb|Q\xdb\x99mg\xdc\x98\x19\xaf\xf0A\xe3~\x82\xf6\x970\xf1B\xec\x97\xa8\xf7\x00\xd3\xd9\x87.Z\xd97\'\xeaV\x8f\x13q\x97\xb2\x87\x08\xe46q\x81r\x1b\xb4\x16\x9e\xe0=Y\xe9\x16\x81\xd7K\xb2E\xcd$\xfa\x88\xaf}\xa5\x1d,\x10\x03\x0f\xee\xd6\x1a\xeb\xb0\x9c\x15\xd4\xc2:U\x1a\x9ey\xb5\xc7 \xf7\x8c\x99\xb8C\x7f\xf5\xd0\xde\xdd\xd2O\x91\xd49\xad\xe2\xd3\xf8\xca\xa9eC\xc4\x1d\xe9Q\x90\x01\xfa]\x86\xd3\xbb\x00K\xb0\xed.\x92\xf16v\xb9\xde\x87\xaf#\xd0lA\n\xfaU\x10\xf2\x91(\x05Y7)v\x84\xf0\x04\x02 \xad\x05f\xd9\xd6\x9et\xe2V\x15x$\xe5)|l\xf3\xa67\x94s\x9c&lt;~O\xfd\x9bPp\xb4p\xb5\xf7\xb6\xdd\x14?\x92^\xd3\xb4\x07\t\x92\xdenKo&amp;)\xee\xeay\xb3\x10.\x99?\x1c\xd5D\xb2\x9b.\xe7\x84\x95\x90\xa8H\xc3\x87\xbe\xf7\x90\xae-\xdb\x8d\x0c&amp;\xb5\xaa=\x96\x83~X~\xc5\xac\xe0\x9b}\xca\xe9\xeb\xcb\x95\xb0}\xa8&amp;\x9e\rg\x12\x8d\xbc\x01\x8c\xf9-\x8b6\xdb\x8ceL\x16\x91\xc2@\xedk\x122gs\xd1\xf7\x0b\xb4\xc0\x1a\xc6"\x04\x80\xb3\xa8\xb3\x9eRg\xea\xc6D\xa70\xd4O\x15\xd6\x97\xa3\x8ao\x07\xe4\xb6\xe8\xd7T\x1c\x04k\x1f\x9e\x9e\xcf\xca\xb9\xaf\x03\x91?Z\'\x89\xb1_\x01\x01G;\xd8U\xdb\xfa\x93(\xaa\xcaeL-\xc9{^Hf\xachL\x96kG\x96\xa8O\xc9\xef\xa5\xf7\x84z\xff\x98\x84u\t\x01M\x7f\x9d\xcc\x9ep\x9a\x02\x9bA\xb1X\xb9\x17\n\xc4\xd9\xca\x16\xc4\x8f\xdc\xf2lj6\xb4\x83\xe8{\x99x\xda\xe3)\xc5\xee\xa7\x99\xec\x12\xd2\xd8a$\'\xb4\'\xb4\x06\x17\x91,\xf1\xd6\\\n\x94\x1b-u\xbd\x8a\xf2)\xadn\xa0\x10PDX\x83\xb7h\xcc\xad*#\x93OF{\x98\xb9\x87\xab\xab\xc2$?=^\xceNH\xea\x15\xfd,\xce0\xdcY\x85\xec:\xd2[\xf5\xf1;\xb8\xaf\xd6b(a\x10/\xb6\xcc\x16\xc5\xf8\x1fA\xa9\x12\xb0\x8f\x13\x1a\xc7\xb4c\x8dG\x113v=v\xe5$s\rmk\xb7,\x0c\xe2\xe1Ux\x87H\xe0+\xaa\xf6\xf0\xfc\xcb9J\x93\xdb\xee6\')\xb2\xc4\x1d\xacs\x81\xc7~\xd2\x94\x85\xbe\xe9|\xb8\r1\x03\xd4\xff\xed\xe7N\xa5\x89eB\x99\x06\x13\xc6\x95E\'\x0c\xad\xba9vCt\x0e\x08\xc8X\xcc\x85\x11\xc2\xe9F\xb0;\x1be\r\xee6\x89J\xa2[\xd0:u[\x15{:x\xa9\x9b"\xe0\x0c\xe4\xa0\xf4\xb8\xe8\xf1\xd5\x97\xea!qe\xc8\x08|\xad\xd8\xda\t\xad\x027\xe0~SR\xbe\xb9\xaf\x93\x0e\x87\xd9\x95\x07\x16\t\x8a\xf56\xa9\xf8\xfcS@\xad\xc8\xe5\xc6\xbf\xb3\xb2\xed\t\xc5\xda\xe6\x9d\xa9\x98G\x97\x19\xbe4\xcf\xcd\xef\xb4\x10\xa3\xa1\xaa-\xde&amp;Dd.\xa0\xdc\x90K\x15:\x8eQw\x17\xad\x97\xe3\xce\x9c\xf3\x02\x93\xec\x88\xe3\xa0#\xf1x\xa3\n\xe0~uR\xeb\xb0m\xad\xd8b\xb3\xda|S\xdaS@\xb8\x8a\xf0\xbb\xec\xd9\x85:\xa3\xcdc\xb9\xb9\x9b2]\xda\xbbs\x8f#\xd9\xfa\xf9U\x0bv\x96\xa7\x1d\xd2\x0cW\xea\xb9\x0f\x10\x1c\xf1\x19G\xe9\x0b\x8e\xe2$\xfe!\xf0\xbaP\x0ba\x01\x8d\xdf} (\xcdoO@\xcc@\xa8&amp;\x8c\xbc\xac\x16\xba\xa7\xe6\xdfb\xb1&gt;n\xdb\x17\xfe\xaa\xa8\xfc\xa7\xac\xcc\xb3\xc2v\xd6t\t\xa6B\xac\xdb\x88.RV,\x93\x03\xb7:\xd6\xfa\xfa\x1c\xc7%\xaee\xbc\xe7\xe7\xa5\x00@\xbb\xf5\xa4\x81s\x93\x8b'</t>
  </si>
  <si>
    <t>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</t>
  </si>
  <si>
    <t>b'\xba\xff^\x1e\xae\xbdi\xe2kI\x1d\x9ef\x97Pc'</t>
  </si>
  <si>
    <t>early. Iâ€™d known
 Matt all through my twenties, and our individual adventures had taken the
 same path for much of itâ€”weâ€™d built businesses together, stayed up into the
 wee hours talking about politics and religion, shared our biggest wins and
 most crushing losses, and even become fathers in the same year. Our
 relationship, like any business partnership, was a lot like a marriage. We had
 a rule that no matter what was going on weâ€™d always pick up the phone if the
 other called.
 When I answered the phone, Matt sounded happy. He hadnâ€™t sounded
 happy in weeksâ€”weâ€™d been going through a stressful time with our business,
 probably the most stress either of us had experienced up until that point. But
 his voice then sounded like he was barely holding back the biggest grin of all
 time.
 â€œDid you see it?â€ he asked.
 I knew right then what he was talking about, but I couldnâ€™t bring myself
 to really believe it yet. â€œItâ€™s in there?â€ I said.
 â€œI donâ€™t want to spoil the surprise for you, but yeah. Itâ€™s in there.â€
 â€œReally?â€
 â€œReally.â€
 I opened up my bankâ€™s website, logged in, and there it was: $10 million</t>
  </si>
  <si>
    <t>b'&amp;u\xf9\xc5[\xbd\xe5\xfc\xae[\x80\xc4/\x1c]\xb1\xf4\xe4\x1c7\xe6c\n\x97\xd6\xe9O\x93\x87\xd9X\xb7\x1a\x9fv\xb7\xed\x104\xb3^dl\x1e\xad\xe6z\xf4I\'\xf5\n593\x84\x11\xac\xa4n\xf9\xff\xff\x91i\x81,\xf2\x85}"4\x03\x94\xec\xd6O\xfd\x97{\x91\x9b\x05\x1dXo\xf5e\xab\xcd\xbfX\x01\xc3\x11\xc8,\xc9\x8e\xd3\xa8\x07\rHs\x17\x199shJ0\xe7Y\x1de\xf4\x10k\tHZ\xb78\xeb^\x97\x1f\x11\x97\x1bE\x0e\x82ug\x01\xb8\n\xc49\x7f\xb7\x9a\x85\xaf\xab\xb2\x95g\xa4\xc54\xbd\x8e\xa1\x17\x05A9(2jd\xbd\x1cYO\x0cE\xb2B\xe2p\x02\xfa\xcex\x93\x1d\x83j\x8f\x90\xdc~*#\x18W\xbf\x0fA\x0e\xc8\xca\x95\xceC\x00\xa7\xef\xdc\x16-\xedC%\x82E\x813\x92\x1d\xe4\x91\xd3\xdd7\xcf\x81\xff\x7f!\xa2\t\xf8\xc7M\x84#\x8e\x8b\x1c\x85]\x0c\x00\xdfx\xde\xf8\n_\xd5\x8e(\xd4y\xc3\xd8\x10\x99\xab\xfa\r\x1f!f\x1c\x9f\xac\xee\xea5q\xb1\xed\xd1a\x02^\x17\xd5ve\xdd\x1a\x9c\x9a6p\xd9?\xea\x8dJ\xd0\xeb\x87[\xcer^\xf7\x06\x10\x04]}\xfc+\x84\x8aT^p\xde\xe7\x84\\\xe3\xb4\x86\xad\x97\x92\x18\xc7p\xef\xfa\t\x88\x99\xc3Q\xecg\x1f\xf6\xda9\x18sH\xd2jII\xe9\xeb\xfe-\x06z\xc2;\x84i\x96B\x82m\xfd\xb0\xf1\x97\x9eQs\xc3\x8c27wP\xf5*\x9d\xfb\xeb\x9d#Y\x13\xda\'Q;\xf1\xc0j\xe0\x93\x16\xea \x022\xdf@\x1bRJ\xce\xe79k\xc5\xe6\xd6\x86\xf5\x15\xc5\xef\xea[V,h6\x9d\x92\x0fK\xd0\x02\r\x8e\x97\xe8\x8c\xb5\xa6\xb6\xdc\xd2\xf3\xb1`E7p\xad\x0c,\xf8\xac\r\xcd\xf9\x7f\x12\xd4\xeb\xcft\xa3\xec\x96\xc3\xf3"\x8c\x97\x81\xb5\xd3\xc6\xc5Y)\xdbM\x92\x93\xf3\x83\xe2e\xdd1H\x19z?\xe0)\xfe)\x18Y\x83\x04o_O\xa9_\x057\x97\xd1\xf3\xa9\xfb\xd3\x15\x03R\x8b\xe2\xe0\x81\xa9a\\\xe4=)X\xad\x95\x90\xcfx\x8dH-\x17fH\x94\xb0Z\xa1\xaf\x85\xcd\xa0\xfc\xa3\xc2:\x02\xefb\x1cm\x17\x8f\xeb8\xd3\xc6\xd3\x9bv\xe2"(\xea\xe8\xe3\xa1\x01\xfa\xe3\xaaM\x08=\x9bH\x94\xf4\xdbS\x1aG@\x98[\xc5\xa9\x8b\xd7\xe5\x91\x03\x1c\xd0\xa9\xd4\x97h\x80tD\xaf\xa8\xebA\xe2\x97\xf6\x0e\x82phN_^\x81\x1af 3zz\x03F\x0f\xce!\xda\x17f\rxz\x82\xc4\x12\xe3\xa1\x00\xbdv\xe5\xd6m\xdf\xb0\x8c@\xf9\x9d=\xa0\xab\xb5mS\xf8oc\xcc\x98\xc3\xfd\xafV\x88o\xad\x0f\x1f?UG\xa0\'.\xe0B\xf6\x88\xd5\x18\xf1\xa6\x8bX\x89\x88\x98\x82N\xd6\xfe\\|\xdfs\xf3\xa6\x89\xd39)\xb6\xcd\xc83%y\x93\xa9\x17_\xadx$\xf9\'x\xa3iCzA\xdd\xe7\x86Y\xa6\x8aA6\x9b\xf0\xb3$\xd9\x93\x0b\x17&gt;P\xe5\xab\xd6\x19!J\xc2\xeb\x9b\xe7y\x048\xcf\xb4\xe4C\xff\xed%\x9f\x8e@\x880\xd9\xc6\xc6\x9bm"(\xc6\x07\xcb\x17Q$\xc3\xa4y\x8c\xbb}\x06\x9b\xa0)j\x1b\xcd\xb5\xe7\x0c\x9c\xfc\xa5\x9a\xf2it\xae\x9eL\xd1\xfc\x16\xc6oN\x93z\\\xd1P\xf7h\x17\xd7\x17\xfeZ7\xa5\x9dO%\xff\xfeo\x82\xa4\xd0\xdfq\xdap\xa8cJ\xf3#k)\xc7\x1f\xc0\xd5T:\xb1\x1c9\xb0\xeb\x13\x02\x19\x82\x92^Y?R\x90\xb0\xec\xd8\x1e_w\xa7N\x00\t\xaa\x0c\xa6\xe7\x92\xa8\xc3\x84\xdb\'\xf2\xb7\t{\xc7\xfc\xad\xd1\xe6b\xc0LK\xdce\x1bJ$% \x9ak\xf5.\xd6\x07\xc5\xa8\x15\x10\xc4u\x9b\x18"\xaaJc\xe6\xcd\x99n\xba\xdf\x08\x10\xbb\x83UU\xdd\xf7\xc3d\xd7\xc2\'[\xc5V\xcc"\x15=HOOd20\x86\xccW\x81J\x82\xda@\x06f\x8c\tK@:\x03.L1\x99{-U\xeac-\x91\x8c\xd8k\xf3y\xe4\xb2\xba{,\xe5O%\xc3e\x86^&lt;\x03\xcfF\x8b\x0eO\xc6\xa1d\xc2@\x13\xc2;&lt;\xd9\xc8b\xf3\xcf\xfe-\xa6Df`:)\xbf\xd2\xadr`UA\x1b\xc9\x91\x17\x9cEk\x1b1r\xdf[\xc4\xe5\x9bh\xd7\xe4Y]\xa7\t\x99\xc4\xae\x8b\xde\x08@\xa8\x82\\\x0b@+i\x19JgaI\xc9\x88\xff\x87V\xf8\x98\xf1\nD\x9a\xda\xaf\xc7\x1d\x8d\xdb\x16\xca\xf33\xf5\x04\xe7i\x00Ei9Mav\xb9\xb6\xbf\xd6\xda\x1d\x8a\xecoF\xb2\xa7\xfaANx\xf7\xa58\xd0\xdaT\x85\xb7\x98\xb2\x97\'\x92.fw\x80\xc9&lt;\xefV6\xec\xe5\x17\x1d\xc3'</t>
  </si>
  <si>
    <t>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</t>
  </si>
  <si>
    <t>b'&amp;u\xf9\xc5[\xbd\xe5\xfc\xae[\x80\xc4/\x1c]\xb1'</t>
  </si>
  <si>
    <t>le than thisâ€”see Prob. 9.11.
  9C. E. Mungan, Am. J. Phys. 77, 965 (2009). See also Prob. 9.34.
 9.3 Electromagnetic Waves in Matter
  401
  9.3 ELECTROMAGNETIC WAVES IN MATTER
  9.3.1 Propagation in Linear Media
  Inside matter, but in regions where there is no free charge or free current,
  Maxwellâ€™s equations become
  âŽ«
  (i)
  (ii)
  If the medium is linear,
  âˆ‡Â·D=0, (iii) âˆ‡Ã—E=âˆ’âˆ‚B
  âˆ‚t ,
  âˆ‡Â·B=0, (iv) âˆ‡Ã—H= âˆ‚D
  âˆ‚t .
  D= E, H= 1
  Î¼B,
  âŽª
  âŽª
  âŽª
  âŽ¬
  âŽª
  âŽª
  âŽª
  âŽ­
  (9.65)
  (9.66)
  and homogeneous (so and Î¼ do not vary from point to point), they reduce to
  âŽ«
  (i)
  (ii)
  âˆ‡Â·E=0, (iii) âˆ‡Ã—E=âˆ’âˆ‚B
  âˆ‚t ,
  âˆ‡Â·B=0, (iv) âˆ‡Ã—B=Î¼ âˆ‚E
  âˆ‚t ,
  âŽª
  âŽª
  âŽª
  âŽ¬
  âŽª
  âŽª
  âŽª
  âŽ­
  (9.67)
  which differ from the vacuum analogs (Eqs. 9.40) only in the replacement of
  Î¼0 0 by Î¼ .10 Evidently electromagnetic waves propagate through a linear ho
 mogeneous medium at a speed
  v = 1
  âˆš Î¼ = c
  n ,
  where
  n â‰¡
  (9.68)
  Î¼
  0Î¼0
  (9.69)
  is the index of refraction of the substance. For most materials, Î¼ is very close to
  Î¼0,so
  n âˆ¼ = âˆš
  r,
  (9.70)
  10 This observation is mathematically pretty trivial, but the physical implications are astonishing: As
  the wave passes through, the fields busily polarize and magnetize all the molecules, and the resulting
  (oscillating) dipoles create their own electric and magnetic fields. These combine with the original
  f
  ields in such a way as to create a single wave with the same frequency but a different speed. This
  extraordinary conspiracy (known in optics as the Ewald-Oseen extinction theorem) is responsible
  for the phenomenon of transparency. It is a distinctly nontrivial consequence of linearity. For further
  discussion see M. B. James and D. J. Griffiths, Am. J. Phys. 60, 309 (1992); H. Fearn, D. F. V. James,
  and P. W. Milonni, Am. J. Phys. 64, 986 (1996); M. Mansuripur, Optics and Photonics News 9,50
  (1998).
 402
  Chapter 9 Electromagnetic Waves
  where r is the dielectric constant11 (Eq. 4.34). Since r is almost always greater
  than 1, light travels more slowly through matterâ€”a fact that is well known from
  optics.
  All of our previous results carry over, with the simple transcription 0 â†’ ,
  Î¼0 â†’Î¼,andhence c â†’ v.Theenergy density is12
  u = 1
  2 E2+ 1
  Î¼B2 ,
  and the Poynting vector is
  S = 1
  Î¼
  (E Ã—B).
  (9.71)
  (9.72)
  For monochromatic plane waves, the frequency and wave number are related by
  Ï‰ =kv(Eq.9.11), the amplitude of B is 1/v times the amplitude of E (Eq. 9.47),
  and the intensity13 is
  I = 1
  2 vE2
  0.
  (9.73)
  The interesting question is this: What happens when a wave passes from one
  transparent medium into anotherâ€”air to water, say, or glass to plastic? As in the
  case of waves on a string, we expect to get a reflected wave and a transmitted
  wave. The details depend on the exact nature of the electrodynamic boundary
  conditions, which we derived in Chapter 7 (Eq. 7.65):
  (i) 1EâŠ¥
  1 = 2EâŠ¥
  2 , (
  iii) E1 = E2,
  (ii) BâŠ¥
  1 = BâŠ¥
  2 , (
  iv) 1
  Î¼1
  B1 = 1
  Î¼2
  B2.
  âŽ«
  âŽª
  âŽª
  âŽ¬
  âŽª
  âŽª
  âŽ­
  (9.74)
  These equations relate the electric and magnetic fields just to the left and just to
  the right of the interface between two linear media. In the following sections, we
  use them to deduce the laws governing reflection and refraction of electromag
 netic waves.
  11 The dielectric constant is â€œconstantâ€ in the sense of being independent of the amplitude of E,but
  it may well depend on the frequency, as we shall see. Thus, for example, if you quote the (static)
  dielectric constant for water, from Table 4.2, you will conclude that the index of refraction is 8.9,
  which is wildly off, for visible light (n = 1.33).
  12 See Prob. 8.23; refer to Sect. 4.4.3 for the precise meaning of â€œenergy density,â€ in the context of
  linea</t>
  </si>
  <si>
    <t>b'\xd5\x88\xb8/\x9f5\x8c\x17hg\xdc\xd2\xea\xb9\x0c\\\xe1\xe5\xf3\xfcE\\.n`_+\x02g1L\xfa'</t>
  </si>
  <si>
    <t>d588b82f9f358c176867dcd2eab90c5ce1e5f3fc455c2e6e605f2b0267314cfa</t>
  </si>
  <si>
    <t>b'\xd5\x88\xb8/\x9f5\x8c\x17hg\xdc\xd2\xea\xb9\x0c\\'</t>
  </si>
  <si>
    <t>hill were completely eradicated, but
the redistribution of earth at the sides of the hill preserved aristocratic housing
districts under sweeping strata of earth) (Lancel 1995: 151, 430). The Roman
forum of Carthage, which soon became the capital of the province of Africa Proconsularis, rose atop this artificial mesa. Although the memory of particular buildings had
probably diminished in the several generations that had passed between 146 and 29
BCE, the changed contour of the Byrsa hill would nonetheless have been visible as an
announcement of Roman presence and power around the bay of Tunis.
Some 165 kilometers from Carthage, ancient Simitthu (modern Chimtou) was an
important Numidian city, and a major landmark in its pre-Roman topography was a
cluster of large aristocratic tombs (Figure 4.2). Two circular tombs in particular must
once have stood to a considerable height. In the early Roman period these tombs
were razed to foundation level and covered over by the pavement of the Roman
forum (Rakob 1993: 5). In this case, sizable markers of the cityâ€™s former power were
completely obliterated, replaced by a symbol of the administrative power of the new
regime.
The single most famous symbol of Rome is the Flavian amphitheater, better known
by its colloquial later name, the Colosseum. Like most Roman buildings, the Flavian
amphitheater functioned on many levels and illustrates a different kind of deliberate
urban erasure of the preceding regime. At the time of its construction (72â€“80 CE)
over the spot where Neroâ€™s much resented private park and artificial lake had been, it
was a monumental symbol of the new regimeâ€™s intent to restore the center of Rome
to the use of Roman citizens, a public benefaction to offset Neroâ€™s selfish private
grandeur. Its construction was bankrolled by the spoils of Vespasianâ€™s suppression of
the revolt in Judaea (66â€“73 CE), a provincial rebellion that official sources preferred
to call the Jewish War. The amphitheater format itself, linked to military culture
80 Lea Stirling
(Welch 1994), reflected Vespasianâ€™s gratitude to the armies who had supported him
in the recent civil war. Gladiatorial games and beast hunts were themselves significant
symbols of imperial lavishness and Roman rule over the distant lands that supplied the
animals and slaves. Vespasian (69â€“79 CE) did not live to see the completion of this
building, but his son Titus (79â€“81) held a hundred-day extravaganza of inauguration
for it in 80 CE. Although the building seems not to have been fully finished at that
point, Titusâ€™ decision may have stemmed from a wish to emphasize his connection to
his father or expiate the memory of the disaster around Pompeii in August of 79.
The virtuosity and renown of the Colosseum rather than its absolute typicality
make it a good example from which to discuss the amphitheater (Figure 4.3). Built
from the quintessentially mouldable medium of concrete, the building was sheathed
entirely in gleaming marble and decorated with statuary and engaged columns.
Citizens entered the building through 76 numbered entrances, and were conducted
to their appropriate seats with minimal contact between social ranks. From these
seats, arrayed hierarchically, some 50,000 inhabitants of Rome could view both games
and emperor. Fights and beast hunts took place in the arena, below which was a
complex network of corridors, cages, and shafts for moving animals, people, and
props around with speed and safety. The emperor Titus famously flooded the arena
and held naval battles during the inauguration ceremonies, but these seem to have
occurred before the substructures of the arena were complete. Nets, rollers, and other
safeguards around the sides of the arena prevented animals from escaping into the
ranks of spectators (Bomgardner 2000).
Figure 4.2 Roman forum at Chemtou, with foundations of Numidian tombs exposed at the
center. These were paved over in Roman times. A basilica appears behind the tombs. Photo:
L. M. Stirling,</t>
  </si>
  <si>
    <t>b'\xec\xa7\xf8j\x92\x02\x07\xf9\x90\xf0@\x19\xf4X LC\xca\x80\x07\x16:\x93\x14{\x1a\xac \x00\xa1\x897\x1c\xaa\x0e"\x9dl\x1b\x947\xf3\x06\xdb\xc0\xef\x93]R&lt;\xe6Su$C\x17\x83\xedv\x9a^\xe7\x03\xc2\xca\xd6\xe2\x96\xaa\xf5;\x7f2\xe3\xafcmO\xa5\xbd;\xfe\xb1d\x12\xc6\xb4[\x15\x1c\xff\xf0X\x18\xcdx\x0e\x06\\\xbb\x00&lt;\xa3\x1b,\xf3\xa8\xd1\x81Uk\xf7\xa1P^\xa7\xed\xad\xb4c\xeb\x0b7V\xbfGl\xdeg\xa9\x06\x9e\xba\x8d\xa9\x1bx\x89E\xe7\xf7\x1f;\xafM\xf7\x99\x15\xb0\x119\x8d\x14P\xd7\xe9K\x92\x91&gt;$&amp;_|\xbf\xa9\x0cc{\xb3\xfc\xad\x8b&amp;B\xdf\x99d\xa9?x\xc4U\xdeX8\x9d\xa5-:c\x9a\xa7\x8c~\xd2\xd7H\x1b\t\xf4\xc54\xf7\x95\xd5\x1b]S*\xcb\xaeM\xf4\x05Q\x9b\xa5zM\x94\x1c\x13EP\xffB\x80e\xd1\xdb\xf0Mi\x19 +\xf9C\xc6\xa5\xae#r\x19\xb0\x08\xd5\xc3\xdc`\xcd\xb8\xf3\x12\xcc\xfcg\x8du\xb0*\xa1\xc0G\xb46\xfaB\x0b\x82*m\xc9f\x10\xe4\xd1\x99 $)\xa9U%\xdd\xebyF4\xf6zgP5\\\xf2\x03\xdb\x1a\xe0\x0e\xd4T\x19/o%.|\xd5\xae\rT\xfd\xb3V.\xdavj\xbe\xac\xfc\xd8\x10\x03i\x10M?,\x08\xe0\xb0\x90Ii\xf4\x16\xa7\'\xbf\xb0.\x8a\x17K\xfb/\xf6\x9c3\x80mi\xca\xf8\x83\x0fSn\x06@\xf4I2aJ\xa0\x9b\xd7\x9fR\xf1\xadT&amp;\xf8\r&gt;0\xa5\x1f\x16G\xc7oe)g}m\xa6\x97\xe3R\xbd\xe3e\x1a\xff\xe3V\xfd\xa4\xb3\x9d\xc9|\xd1\xfa[\x90@\xff\xca,\x96\xcd\\\xb2\xcb\xb0\x15XV\xf2m\x85\x89\x8a]&gt;\x7f`\x0c\xfe\xac1\x88\xa4\x1d\x13\xb1\xaf\xec\x92K\xd8\xf5\x0e\xac\xd4\x80\xfc\xf7\xd8\xde0\xf3\xe8k\x87\xc0\xad-\xa7Tj\x9b] \xdc\xd0\xa9\xfa\x83}H\x0e\x0c\xc2Y\n9\xdc\x8b\r/\xc1\xb1\xbb\xc9\xa7\x9cW\x05\xe2qD\xacc\x93\x824\xca\x97?\xca\xce|}5\xaa\x9e\xaf\xd3\x88_B\tn\x1cw\x19_Hd\xe6\x17\xd4\r\x87&gt;.\xc3\xfa\x07\xcd?,\x07\xd7\xd1\xe7\x11W\xd4\xc8\xd0S2\xab+\xb9\x1ap\xad\xba\xb2\xf8\xa0\'f\xac\xf6\x86\x15\x95\xa7\x1dqOsP\xb8:9\x8e6\xf9\x0c\x1dC&gt;]\xeb\xf4\xc7\x9b\x81\x81.\x1f\xe8W\x85\xe1\t\xe5C\x89\xad;\xc3\xdf\xd3\xa7\xdf\xecS\x06?\xb6_\xaa\xcd\x96\x8b\xca\xf2\xed\xe4\xc6oia\xb7n\x1c\xbe\xc7@\x8fyM\x9c\x03\x9c$\xf6E\xbe(\xacW%A\xed}x2\xa5\x9a\xc7\xc6\x9eQC\x0c\x10\xb5\x0cN\x0f\xc8\xfbh\xf8X4\xec\xb9V\xe7~\xc1N$\x17\xa7\xb2Xh\xe1Ec\xd1\x8c\t\x89\x0b\xfeh-\xff\x17h\x99\x85\xf9\xc45g\xa1\xce\xc8\x17L\xb2\x17\xa59R\xd8p`D\x92\x08\x9b\x9a\xd0P\xcc\xe0\xf2\x92\xfa\xf0\xd8\x82C\x15\x97y\x99)h\xa6\x96m+\xde\x1a\x0f\x8b\xeb\xcaJA\x0e\x1fdB\x06\xa0\r\xe2\xa0\xc9\x1e\xe1\xf7\xe7\xaa\xe2\xc3\xf7\x1dlI\xa9\xc0\x9fT\xaa;\xfc\xb3\xf8\\\t\x8eZ\xeb\xc7\x12i!\xec\xd6\xf0\x80\x803\xbc\x1fd\x14\xc7\xb4\xcd~\xc3\xf0\x05j\xd8\x99\xd3\xf3\xfcnO\x9d;\x81\x8af\xd8m\xee\xe8\x06\xf4\xa0\x00&amp;\xa1)\xb3\xa5\xd7\xb7\xe3\x82W\xa7\x93J\xdc\x18k\x06\xaf\xe2]\xf4%\xfa\xe3\x19@m*b\xbfm\x99\x13\xee"{\x1c1\xce\xa0\x1f\x1d5\xdb\xa2\xc7\xa9\xff\xbd\xa6jL\\\x02NOR\xeb\xee0\xaaDT\x88\xa1L\x9a\xed\xd8o3[\xdd\x19\xd6\x8cS_\x82\xee\xa8\xbd/\x81\xd7\xb8\xb8P{\x17\x9d1\xd3\xac\xb72\'j5G\x85\x8a\\\x90$\xc0\xa9E\x86\xeb\xfa\xb6\x00[\xe4q\xde?\xa3\xea;\x8f\x92\xf8\x82}\x8c\xcf\x8c\xa95\x10\xedU\x15\xce\\\xcf\x81F{\xd0\xddfn.\xb4?\xe9yX\x07\xd0^\xcd*\xc2e\x05\x00\x1d\xf4\xadl(}/D\xa8\xed\xa0\xbcU\xc0\xd3\x93\xeb\xf38\xeeM\\}\xdb\x94\xabOX\xe5\xc1\x16\x0f\x9f\xac\xdf\xe8\t\x1f\xf8\x06\n\xc7c\xb9\xbf\xbe;\x08\xb2zrBY\x89\xae\x87\xf4d\xdc1\x0b\x18F\xf6g\xb5\xfb\xf9\xda\xa9\x92^\x87\x9fhc\x04\x07\xae{\x81\xd5\x00L\xce\x10\'V\xacgG\x15\x83Q\xc1\xc9\xe2h\x1a\x97\xc9\xa1\x1eq\x1b\x8b\xc9\xc6\x0b|\xe9\xec26\x97\x91\x10\xcd7\xf1\x14*\r{\x8ad\x98\x9ap\xbd\xa4\xe2Z\xcf\xe0\x1eW\x83\t\x8a\xfd\x0fON^\xf4B\nl\x18\x05H\xf5\x9d[\xbdc\xc6\x00Z\xc1\x1c\xf7\x1a\x16I\x1b\xecJ\xdee\x14\x8e\x94&gt;\x0b\x10Lp}\x1ba\xa4\xe5\x16\x1b\xa3\x99\',vz_\xbd\x7f\xc0\x98\xd8J\xd2\x82\xce&gt;\xd2\xdbsP\xbd\xa8g;\xe1y\xe3EF\x90\x7f\'\t\xf2%_\t\xdc?x4\xd5Z\xbaX\x9f\x84\x14\xf5\x82\xdau\x13P1\xcc\xe3\t\xeb\xc2\xef\x8a\xc2\xff\xa6\xf9\xe4h\x1f\x8deA\xaf!\x8f?\xf3\xfc\x17\xa9\x1d\x8b\xf7\xc1\xb7\x9c{\x81\xa0\xafQF\xc4\x98\xb7:C\x06=Y\td\xeb3/\xbc\xea\xb28Ii\xb5M\x07#\x11G\xb4\x94\xba\xf9/yQ4Q\xa6\x8b\x0e\xe5\x0e\xe6\xda/\xb2\xda\xcf,{\x87\r\x8c\xc9z\x01\x03\x82.0\n\xdb\xe22\x9d\x97\x06Z\xe0y\xb3&gt;d\xe9.\xe9\x97g\xc2\xeb\x1f\xa1\xd1R\xca\x0b\xb2\xa2\xa4bW?\xf6\x8f\x0fw3\x1a\xf3\xae\x15\xac\xaa\x1f\x12\xe2\xd69X\xf6\xf5\xfb^\xde\x89\xd5\xb4&lt;\x8a\x02\x159nc\xfb2u%\x97\x93&gt;+\x82\xf0\x8a\x07]+\xe8\xa7\xb5\xde\xd2\xfd^\x98\xf6U\x0f\xcc_#y\t\xb4\xa2/\xdc\xa1d\xda8\x8d!\xa5\x07F\xd71i\xf8\xeaZm\xa3%1\xcf\xda\xa0\x88\xc7\xfdMU\x92\x83\xa0\x14J\xb8\x89\xf6\xb0R\xeb\xc4Y4\xd0\xfc}O\xdd\xab\x7f\xdc\xd87t2]\xa7+s2\xdc\xe8\xf3!\xfc\xd2\xae!pI,~\xbb7\xcf\x16\xd9\xad\xbe\x95r\xbc! \x98&lt;\xc8\xe5:\xcc&lt;6\x86\xd5\x04\xb6%\xbc;\xdd\xc7C\xf1\x99\xdf\x83\x1e\x99e\xce\x0e\xbb\xaa=\x91\xa8\xd1\xaed\xcb\nA~\tD\xc2u\xf3\xfe^:6\xa3\x0eJ\xf3\x17\x97\xd2\x06\xe8\xdb\x03!r(&gt;\x0f\x8dw\xb4\x99\xe7yc]c\x974r\x1c\xd1\xael\x11\xc7\x10\x94\x13)hY\xad\x91\xa0V\x8d\x94\x1f\xfe\xd4\xf9|\x92\x10 \xf7\x1a2\xd2\xedd\x01\xeb\xd1A\x11\xe5k\xbcH,\\\xef(\x1aB\xf7\xc7\xa4P\xca\xc5/\x83\x14\x0cV\x8b\r\xeb\xf5L\xe4\xcb\x12\x89\x91\xca\x84\xf7?3\x12\x03_\xc7s\x87n)\xf1\xb0\x8e\xe2\x7f\xd7\x88T\x001\xad\xf3\x8bp&amp;S\x9c%R\x991-Q\x85t\xc8\x1f\xff\xe9\x14mWY\xa2\xb5E\xcd=\xae\x00\xb3\xd2\xcfA\xc7\xce:\xd3,\xe7;K\x98\xfa\xa4E\xfa\xa3\rA#\xef\x14\n@\xdb-\xad+\xa9e\x1c:\xc3\x05\x8a\xe9\x07\xe1#\x17H\xea\xa6\x89\xf4\x17\xc0\x993^\xec\xcf\xde,m:n8\xd9\x88q\xe2"q\xbaB\xea\xb2\x8e\xfd\xc11\xbd\xbb\x91E\x94]\xb7*\x85\x16\xd6\xfc\x10=\xdb}q\xec[\xca!\x04\xe1/\xc6E8\xab\xf7\x0e\x8a\xa8\x98\xad\xc4\x12\x00\xe2\xeeb\xc9\xe7Q\x95\x95\xe7+\x10\x85\xe9q\'\xaa&gt;6\x9cbBa@\xb3\xdaKN\x14H\x91w:\xc7"\xb2\x7f\xc0\xdf\xbd1\x0c0\x9e\x87\x12,\xf0#l\xecsPhw}\xba\xaf\x82\x11\xc3K\xc0\x9b\'\xb7L\xba\xf4\xfbg)e{e\xcb:\x12\xf9\x8cP\x9c\xb7\xf1\xfdh7:Z\xf4\x82\xfdY&gt;R4\x07\xf8K\xac\x01\x02\xfa\xc4[8\x98Si.&amp;\x9f\xdf\xa09h\xa3\x0c\xba\xb8\x92\x14)\x19\x95\xda{9\x9c\x9b\xb2$\x847\xdf)\xf8\xe8\xb9\xd5t\xaa\xbfM\xbde7\xc4\x08u\xa2\xeeJF\x83\xdb)"\x9a\xe4\xb6x\xfd\xfd\x16\xc1\xc5]\xb3\xc8z}\xa9\xfd\x1a"\xd2\xb6\xfd\x08z\x0e\x02=\xe8^\x80\xb5\x04B\x89\xdc\xd5\xe4\xeb\xc3r#6\x89+\x06\x84\xcf\xde\xd1n?_\x07\x97\x0c0\xa9D\xb7\xca\xdd\x13\xadTz\x85\x9bi&amp;\x08\xb6\xccM\xdc0\x11\xe4\xf4H\x87\x05\x18%Y4&lt;L\x10\x04\xf6\x9c\x9d\x9b\x965\xa0\x8f\xa8!\x920\x82\xcd\xb1\xb5^f+\xdb\x08\x1a&gt;\x15\x95Z\x8c^)\x80&amp;\x86\xee&gt;=W\xd4p\xc0\x8c\x82\x87\x02\x94"\x88?\xba\x81\x00K\xa7x\xab\xd1\xff\x1b5\x07\xe2\xdf&amp;\xaa\xb2o\xa8\xb9\xd8\xa1\xedR\x12c:r`\xc2\xcf\xc4\xf0UuB\xf8c\xa4;HN\x80\xd5\xea\xda\xf7\xc8\x18\xa0\x93\xf3\x1c\x0e\x04[\xde\xf0=b\x0e\x8e\xe3\xc9N\x96A\xdd\x0eL\x973.\xb0\t\xa9\xeb\x12\xdf\xect"hf\x98\xba\xe9\xf0y\xfe\x93\xd3\xe4\x07\xbd\xb9\xe0\xb4\x9a\xdb\xf9\x01\x07 ;p\xe9\xd2A\x04\x82\x85K\x92T\xfb\xf4/!\x93\xb8\xe7\xadZ\xc0\x8b[\xd6\xaa5\x93\x1a\xf7mm\x02t\'y\xb6`\x8e\t\x1b-F\x81~\xb4\x03/\xc8\xa6F9\x04:\xcbf\xb9\xbaQ\xd5%\xa0\x8fR\x83\xb9\xed)G\x92\xc8v\xbc}J\xe8\xc4VK\x86-e\xf9\x86|\xd3\xe5F\xa5U@\xe00\x83\x9d\xb0\x87@h\xab\xfcQ\x8dj\xeb\x83\xc1\xc4\xb9\xf2\x017\x99\xdaRM9L\xf9Z\xe7\xad`\x18P\x8c\x95\xf7\xa4\xa99G&lt;_*dU\x8bs\xe5\x9fvY\xc1hC\xb3L\x93\x95\x84g\'\xba\xc8\x9aA\xec\xb6G\x05\x06-\x11k\x07\x9b8\xda\xe5\x07\xbfU_\x05\x06p\xb1\xd3\x10\xa6\xffA\x86C\xd3\xf3\xdb\xf3&gt;\xf0\xe8_\x0b\xd1\x8e\x9cp\x8fw\xfb\xfd\x1c\x1c(}\xc5pq/\xd5\xdc\xd2\x1c\xfc;31\x8e\x8f~\xa2&amp;O\xdc\x81/*\xba;_\xc3m\xb8\x94\x11\xdd\xf4d@1\xa8\xf5\xfcM\xd2\xdc\x83\xac\xf5\x15\xf22)\xc3G\xf0\xad&gt;2\xfe.f\x98\x16Q\xc1\xbf\xea\n\x9c\x02*v#z\xf2\x87\xa6\xe0(_\x9c\x01\x17\xee\x05\xd3{\x00r\x901B\xd9\xaa\x06\xa2Sd\xad\x1e^\x03V%\xf6\xcdxq6\xd80\x0ea\xd7g\xdbK\\\xdb\xc6\xd7g\x86\xb2W\xf9\x18\xc2\x1f\xe9A7\xf6V,Z\xf1\r\x80&amp;h_\xcba\x1d\x9f,o\x16\x18\xed\xca:S\xf3d\x17\xfaQ\xeb\xe3\xe4\xaa\xa1E\x7f\xfdP\xee\xa3@\xf6x\x921\xff\x11\xf0\x11W(_\x942\xdc\xfb\xc8\xad\xf2`\x99F\xbc\xfe\xdf\xfe\xef1\x91\xa3\xe4Zg\xb4&gt;\xba\xf4e\xde\xddoBubn\x19\xa3\xe8\xd2\xa5\x18\xd3FiaxQ\x9ef\x91\xe60;$D\xf7\xd4\xf9\xccc\x92\xa3\x85d\x9ch\xf1\xbb\xc2\xe2\x1b@\x94\x1b\xf4|\x8a\xf7\xa6\x1f\xb4X\x05\x99\x8b\x03N\x0c*R\x8d_\xe9\xfd&amp;\xc2G=\xca\x07\x7f\xb4\x17\x0fwW\xe5d\xd1\x00D\x97\xef"\x9bmx\xc1\xef\xc0\xc8\x90B\x8e%b\xed46m\x9c+\xc5\xb2\x04\xa3\xf4\xef\xa1\x979\x1a\xc0~\x97LC1\xeeD3\x8e\xb5\xa2\xe8\xb3\xd1\xe4\xca\xd0\xc0\xaf\rL\x96\xe0~\xfb\x1b\x9cd\x00\xd8\x14E\x90l\x93\xc6w\x07\xce\xdc\xbeK\xb5!&lt;j\x8f\xb0\xcc/&gt;5\xb2\x99\xb8\x1d\x9a\xfb\x17\xc6\xbaZ\x83mv\xa3\x1e\x11\xb6\x80\xe6\x8b\x02\x89\xc7\xadMm\xd6[\x10\xa9\xdb\xb2\xb7\xb0\xaa\xc4OnD\x99\x17\xc0\x18/\x8a\x7fn\x07t^\xd51\xb0\xde\x8c]\xa8\xb3\x16\xc4\xe1B{0\xd4}L\x14\xd4W\x1f\x0eJB\xe7t\x7fd\xcb\xdb\x83\x8c\xce\n\x1c(\x9b\xb1)\xc0H\x1c\x1b\xc5\t\xaf\x10,\xb0\x976\xf6;M\xba\xb1l\x9c\x86\xc4\xc07\xd2\xa7\xaa\xb7\x1c\xaaK\xac\x1dV\xf0\x91S~\x8b\xd0\x9fo\xf1fXR#\x8f\xd4`\xd1\xf5r4\x82H\xc3p\xceq\x80\x8b\xb5^\x94\n\x0c\x1d\xd8Y\x85\x1eh\x0f\rd\x83\x19\xc1\x02X\xf0\x9d\x7f\x91x.\xb6R\xe0-\xd5\xc8)\xc3\x11\r\x1e\x94$\x0e\xcc\x10\xa6\xf5#6nA\xf6z8F\xa4K|\xec\xaaH\xb5V\xbe\x96\x81\xdf\xf6\xd5oY\xd2l\x85\x15)\xdb\xa8\xf45\x84\xdcf\xaa\xe07m:p\xd9\x80\xbc\x19y\xca\x87\x01\xfc\tt\xac\x9e9\xd0\x1d\x1b\xbf~\t\xa2\xea@\x9e\'\xa0\xbf\xf1(\xd3\xf0\x9c}\xa91\x9a\xe8k\x17\x94)\xed`\xd8\xc3\xbf\x19\t\x0f| \xe0[|\xa6\x08\x1eh\xbe\xad\xd8lZ\xf0\x17\x08\xf7\xd4\xe8$\xd4T+\x01\x14\x82\x83+c4\x05RX\xd1a\x13\xa2\xc9\xc3\xf5\xe0\xab`\xd2\xa6\\\x8d\xea\x03\xd8A\x04\xe3\x8a\x95 *\x00\x10\xef\x01T`WtNV\x08\xde\xe7\xf2G-\xf0%\x00\x87\x95\x9eg\x95\xd3\xe8\x8e\xeeym\x1b\x11\xa0aw\xf7\xa3\x94\x0cVq\x16\x02\x1fj-5\x8d7\x82@\xea\x8e\xb2\xc9\xb8\xc8\x95\x85\xdb\xcb\xe7aj\xb1r07\xe9\x16I\xcb\x89\xb0\x1ct\x07\xe3\xacLo~3\xf10\xa2\xc7\xec\xceu\xa0b&amp;%J\xb9\xf5&lt;&lt;\x19\xcb\xde\x83\xe4\xebn\x1c\xec\xd3\x08\x8e\x8a\xb3VK\xb0\xbc%\xd5&amp;\xde\x13\x00\xa0\x18\x85\xf3e#: k\x94}0\xa0Z\xc6\x1b\x91|#\x84P\xe9\xac\x9c\xb5\xbaD\xb4\xddSb#\x96fkJ\xda;]\x1akr\xd4,\xe1\xc2\xfa&lt;\x8b\xd6\xc8\x8d\xb6\x87A\xc0\xb1*s(\xea\x0b\xce\x0fI\x87q\x87\xc7W\x08&gt;\xecZ\xean`\xaa\x07\xb4)\x8e\xbd\xc6\xd8#\x11\x1f[\xa6}\xe9\x93\xbeAE\xec\xe9\xf7)S\x99f\xe9\x07\x94\xe0\t\xeb\xbc\x18\xe0\x9d\xd9\xef\xcc\xf5t\x86K\xb7n\x1dq\x10\xf3g\xab\xbdY\x9f\x9br\xf7~\xecXw:D9m\x8e\xfepd\xd5\xdd\tY\xf5\xa2\xdf\xe6\xec9\x10\x9e\xb5\x03nr\x19\xdfH\x86\x8a^\n\xd5\x8e+\xda\x06\x19d\x03C\xe1\x8d\xfa\x99\x9d\x19\xd5f\x141\x8a\x07.A\x1a\xea\xf7\x81\x17\xe6\x93\x00\xe8E+\xfe\xdaJ\xe1\x80\xabh&lt;\'1\xb4m\xccvvxw\xf17K\xc0-S\x9e\xa9;fo\x1e\xc7\x97\x15\x15\xc3\xb4p\xe0\x11\xed\xc5\x94\xbe\xa0\xb8n\x11\xd2\xe6\xe7\xc6\xf0\xe00U\x08\x07\x85\xd7Cv\xa34]V\xc8\x1ey\xa0/\xa9\x15\\\xee\xc2\xc8\x1e\xf9k1,\x88kS$\xfe$\xd9\xdb\x80\xc4\x8ff\r\xf1\xbbt-\xd6\x9dy\xc0@\xef@g\xdaMK\xe5cKk\xa2\x88\xc9\xbc\\\xb8&amp;1\xe0L\r\xab\xde\xa7\xebg\xdd\x07\xcb\xd4\xa1/\xaaL\x07\x19\x8e\x83\xbf\x04\x90X\xb7\x7f-s\xe7H\xe7\x91$y\x8a\xd6\xc0s\xebB\x9c\xefq\xd2N\xd5_\xefG\x8f\xdc\x10\x03\x87\x1b)\xd5\xd4n&amp;\xb7\x96\x7f\n\x8d\xb0Ko\xa1\xc4\xcb\x83\r6\xae\xb3\xd0\xa5\x82\x8a0\x0f\x95}\xc9T\xb4V\x05\xe7!L\t\x9d\xfe\xc1\xa4.\xaf\xb3\xd7\xab\xef%!\xe0\xc8h.\x8e\x8cM\xf9k\x10\xc9\xf15\x1e\x18O*\x1c\xd1EA\xd1\x9ac\xf7\x8e\x13\xbbl\xe2\x86\xb1\x1c\x936\x00O\xb7\x04e\xdfW=\xa6\xa9\xbaZ\xc0\x18\xac\xad\t\x86E\xc2\x03RYv\xa5\xdb\r\xa4v\xd6l\xf6\xe2\xd4\x9ci\xe8\xc5f\x19\xe2\x8cM\xc8Q\xd6\xc6\x19\xd2O\xb4\x00u\xa3g\xad3\x14\xc2m\x9a$!\x93\xde\xd3\xf4\x08\x88\x80\\\xcc\xe1\xf35\x0b\x9b\x8d\x95\xe8\xe2"\xa8H\x1b\x15&amp;[\xd4\x99D\xc2\x1a\xda\xdef1T\xbfN\x18h\x03\xb0\xfe\xc3\xe0 &gt;\x9b\xea\x8aKh!\x8d\xcec/3\xd2\xd9?\xb2\x9f\x82\x9dm\xbep\tU\xe8\x03\xa3\xdcD\x99#)\xa8\xd2\x1c\x88\x81\xef\xfb\x15xU\xd3ik\xaav8\x88\x81_8\xcc\x93\xa7v\x06\x1f\xb2\x05\x0bT[\r\x85r7FD\x9e\xeb\x85\xbc\x9a\x82-\x16\\8\xbbFd_\xa9\x01\xee!s\xf6hO\x1b\x8d!\xc62@\xf6\xfb\xcaEy%\xabc]\xe9Mg\xe0\x85\xff~u\x99\xbe0\x91\x804\xb7f\x82\xd7\xf2:\xe6\xc5\x18\xa0\x81\xfdQ\x94\xcc91M\x10\xff\xc1\xa7\xa7O\xfed\xcf\x8f"\xf4\xed\xb8\xc3\xe8z\x81\x962/y\xc8\x86\x03\xfd\xff\x9c\x97\xbc\xdeSU\x93!D\x86\x1e*\xcb\xf0R\x1b\xd8\xac\xce\x9a\x85\xb7\xea\xfcgWy\x96\xe7\x06\x0f\x9d5\xb8V\xab\xb3\xdd\xbd}\xb3gV\x86\x8e\xa9\x96$RF\xd9\x1f\xdf\x11Vx\xf4\x94\x1aD/@\xde'</t>
  </si>
  <si>
    <t>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</t>
  </si>
  <si>
    <t>b'\xec\xa7\xf8j\x92\x02\x07\xf9\x90\xf0@\x19\xf4X L'</t>
  </si>
  <si>
    <t>other. She was
beginning to like Martha, too. That seemed a good many people to likeâ€”when
you were not used to liking. She thought of the robin as one of the people. She
went to her walk outside the long, ivy-covered wall over which she could see
the tree-tops; and the second time she walked up and down the most
interesting and exciting thing happened to her, and it was all through Ben
Weatherstaff's robin.
She heard a chirp and a twitter, and when she looked at the bare flower-bed
at her left side there he was hopping about and pretending to peck things out
of the earth to persuade her that he had not followed her. But she knew he had
followed her and the surprise so filled her with delight that she almost
trembled a little.
"You do remember me!" she cried out. "You do! You are prettier than
anything else in the world!"
She chirped, and talked, and coaxed and he hopped, and flirted his tail and
twittered. It was as if he were talking. His red waistcoat was like satin and he
puffed his tiny breast out and was so fine and so grand and so pretty that it was
really as if he were showing her how important and like a human person a
robin could be. Mistress Mary forgot that she had ever been contrary in her
life when he allowed her to draw closer and closer to him, and bend down and
talk and try to make something like robin sounds.
Oh! to think that he should actually let her come as near to him as that! He
knew nothing in the world would make her put out her hand toward him or
startle him in the least tiniest way. He knew it because he was a real personâ€”
only nicer than any other person in the world. She was so happy that she
scarcely dared to breathe.
The flower-bed was not quite bare. It was bare of flowers because the
perennial plants had been cut down for their winter rest, but there were tall
shrubs and low ones which grew together at the back of the bed, and as the
robin hopped about under them she saw him hop over a small pile of freshly
turned up earth. He stopped on it to look for a worm. The earth had been
turned up because a dog had been trying to dig up a mole and he had scratched
quite a deep hole.
Mary looked at it, not really knowing why the hole was there, and as she
looked she saw something almost buried in the newly-turned soil. It was
something like a ring of rusty iron or brass and when the robin flew up into a
tree nearby she put out her hand and picked the ring up. I</t>
  </si>
  <si>
    <t>b'\xdf\x8a&gt;\x9da\xef\xc41\xc1\xb7\xff\x9c}\xe2\x0e\xa6B\xa1F&gt;uzE\x19hp\xda\xef\xe1J`\xe0(H\xe6\xc76\xdeI\xd6lZ\xc6\x8a\xc3\xf9\xc9\x9d\xd7\x08k\xbd,\xab\xfc\x0e\x89\x05l\x98\xa0\xe3&gt;t\xec\xc5\xfa\xf97\xf7\xce[\x10\xbb\x08U\xd2w\xe7\xd3R^#\n\xfcJ\x99k(#\xf7\xabF\xc7\xe5\xf1\xb8\xea\xb4\x0b\x0e\x14\xa99N\x97\xb3\x1agS\nf&lt;\xd10a\xc7\xcf3\x1c\xc7PQ\x92\x96\xca\x7f;Qt$5\xa3\xa3d\xf3\x1d:&gt;\x9c\xcd\xcd\x03\xe2\x89\xbb\x95&gt;\x89\xf0`XT\x1e\n4\xd5\xb7\xbd\xe6\xbel\xa7\xf5\xeb\xd4\xfc&amp;\x9cB\xe2\xdb\x98\xb6\xf0\x8c\x9c\xce\xfb\xcbXr\x11\xf0)\\\xe6\x8c(.3\x8ey&amp;\xe1\xe5\xb8\xf0\r\xcb|\xfd\x16\x9bI\xb1\xees\xcae\xe4\xd8\xa9-s\xc8w\xff\xdd\x1a\xd79^{\xa9\x97\x94-\xcds%lb!\xc9\xe2\x801\xc7\xe0]\xbc\x1d\xdeG\x04\x18-m\\\xe9a\x151Y\xc9h\x0ett\x9bDh$9d\xb0%R\x12\xb9\xff`Oz\xaa\xd5]:A\x87\xdf\xc69@\x07\x88\x82\xbfic\xfe\x03\xcbTh\x91V6E*\xebkXt%-H|\xa8U)\xb1\xe6\x12\xad\x9dS\xb7\x0b^\x96?\xb5\x19\xa0\r\xcf\xf3&lt;R\x17X\xdd\x0c\xa6Y\x97\xcf\x9b:\xbe\x84i\xba\x97\xf8\xa42\xe0S\x1d\xe0I\x05\x8f+\x9b\x91\x91\x9f\xee\x1c[K\xbcc\xfc\xed\xcbC\x0c\x05\xbflN\xbdN\x91\xe2\x9buA\x0f%8\x19\x81\xe8"\x11\xc8eb5\xe3/\x8a\x1b\xfa\x90\x98\xb3(G\x1e&amp;Z\xc3\x16\x19\x8a\xa9\xeb\xd1t\x9f\xa8\xd6\x89(\x13\x99\xcd,K\xcf\xd5i\xa5q\xb8\x01\xae\xb7\xcf\xd3[\xd6:nN\xddm\xff{k\xf8\xfb%\xfb\x88\\\xe0"\x8ec\xd4\xadN4\x96:\xe5\xf6\x15\xfb\xb3\xfa|@nh\x08C\x86#\x88\xfe\xffe\xde\x10\xbeJ`\xde\xd1\x07w@\xb4\xab\x08C\xb0\x06\x0cH\x00.:\xc6\xa5-e\xd0MN\xbf\x17NL\xe8\x9eS\x00:[\x88\x99\xbe\xb3\x04\x10ln2\x9b\x1b\xc85\xeaa\xbb\xe2\xd9\xa5tG\x9d\x81\x0c\x80l\x00\xcc\xe8\xf4\x8aR\x12\xbfZ\x94\xefy\xf9\xbf5\xad\xb5s\x82\xeb){F\xccfg\xcd\xa2a\xba\xea_k\xa4\xbf-.\xd7 d\x86\xbd\xf3\xe0\t\x8ch\xdc\xe7\x98Y\xceY"\x8d\xd423\xe5fFC\xb1\xadlg\xab\xa8\xd4\xaa\xc1\x96\x03\xd1[\xb0KC\xfeW\xe5\xf4\x93\'\x8b*`w\xac\x91\x96\xdcj\xc0\x0c\x8b\xa2h\xbcT\xc2+_0\xcf,\x06\xa7\xfa\xd2%\x13\x15\xb8\xe4\xb7\xe8K\x02$\x98\xec\xf9*\xe7\x1aR\xbc$\xeb&gt;\x10\xfc\x19\x90\x0c\x9b\x05\x1a\x05\x04\xe9\xa4\x151\xe7j\xe0A\x19\'\x10\xf4|\x01\xacZ\xb2~1sAM/\x9aX\xaf\xb5 \x87p\x10\xe7\xdd\xd4H\xd3\x12\xbfl\\[PU;\x1a\xeby\xef\xb1\x04\xa3mN\xdcy\xc0\xb9-\x82\xcd\xe9\x91\x1cM\xfc\xf6s\xb4R\x9ah\x9b,\xadF\x1ed\x950d=n\xd7\xef\xef\xb6\xcf\x84L\'$\x89\x97\xee\xe59\x90M\xa7\xech\'\x02\x040\x19\xc1\xce\x96\x996\x7f\xd5\xe1\xe89\x9c\xadF\x02g\x88\xe0\xf1\x9b\x18=\xab\xad\x11\x80[76\x82/\x10(o\x07,\xdd&gt;zh\x1dP\x0e\xfdsd\xc7\xf39\xea\x1el\xf6s\x8f\xd4"R\xc86a\x94/\xc20\x86\xbf\x94_~\xdf\xbd\xa7\xdc8\x00ZuM\x1a9\x92\x0c\xf8?\xde?\x1b\xddf\x8f\xdd\x0c\xedB8\x8a(+\x1a\x84\xfc\x88\xa7\x88\x12\x17\x02,\xcc\x9e\x86\x989!o*D{\xdbo\xe4w\xe0P\x7fA\xfb\xe9\x1b\x11\xf1\x95o(H\xa0z(0\x93_}\xac\xbe\x06\xb8\xb5\xfb\xc7\x86m\x022\x83\x94q\xd3\xac\xe2\x7f\xa9\xbfu+i\xe8J\xfa\xb6\xf3~\x86\xd7\xa0\xa2\xeb\x19h\xe9N\xb2\x99\x06N\x02_\xe9\xcc\xad\xb5\xfd\xc2\x8a\x87\\\x86\xbd\xcaG\x02$\xc6\xb2\xa3\xe8\xcf\xe5\xc2ps\x13\xfbt\xcbC3\xa2\xf7\xda\xb0\xae8\x14k\\\x1f\'\xa2\xbb\xff\xe3&gt;\xbb\x95EY$j\x88*"I\x9b\xbe[\x8c\x81D\x05\xdcDu\xec\x03\xd8\xa1\xe1S\xd4$T\x1f\xa6\xfbg\x11\xbf\xcb\x9eFNE6\x9e\'f(\x9a\x9e\x8e-\xf1\xe4\xb3\x8e=\x940y_\n\xd8\xcaW\x96\x9a\xe0\xc8\xc3\xda\xe0\x81*\x11\xef\xf5\x1a\xa3\xce\xac\xc1\xf4\x18\xfch\x84\xa1(\x1a\xed\x13\x94(6X\xca=\x83$\x82\x03\x1b\xc3\xa8\\\x18x\x0c{\x82\x10\xca\xa6r\x9a\xd0\xb0\xe43\xda\xfd\xdd\'\xb3\x12H7\xc7kV\xe4\x05{\xf2\xfbH\x1f\xd7g\x96\x93\x8c/_\xa2\xff\xb1\xe8\xb5a\xcck\x11}\xae\x97\x1f\x8d\xf1 (\xfa\x1bN6+B\x96\t\x91\xf3\x14\x1da}&lt;g\xb0\x0e\xa0\xc7\x9c\x03\x06zp}? \xa9_2\x06\xdb\xfcl\x8c\xfb`\x7fC2\xe9\xc9k\xda\xc2\x1bB\xf5n\xd3\x0b\xbe\x1a\x92\x1d\xbc\xc0\xab\xd3\xcc\n\x8d\xf7\x08\x1b\x1cz(\x0e\x0cr\x1bN\xe2\xfb\x85\x94N\xc8l\xb9\xc3u8\xc9y\xb6\x02\x18f~\xea\xf2\xb6\xab\xc9r\x0f\x12\x08\x7f\xd3\x01S\xe7$\x01@jm\xcftm3\x1d\xbc\x8dn"\xa1\x8e\x819\xd1\xa5P\x1f\x1e\x0cba\xa1\xb4\x03\x12\x00\x804n\x1f\xce\xf9\xabX\xb6%\xf8\xab\xbe\xc0\xe3\x01\xa6B\xe9a\x1c\xa9\xda\x94\xb0\xc0\x8f)\x16\x94\x8e"5\xfeY?g6L\xe6\xa15\xd3\xde\x13X\xde\x8f\x1en\x8b\xda\xf5\x93\x86\xd1\x8a\x05\xd2\x7f\xaf&amp;&gt;H&gt;\xbb\xcd+\xa0\xb9z\x1c\x0f\xaa\xdc\xad\xa4\xa3\xb1\xb5f\xba\xe3qi\xc1\\\x8c\x8c-\xa0\xc8\xc4\x05\xf0\x18XPjt#\x10g\xa7P\x19\xa5\xac\xf0\xff\xd1O\xa6\x8e\xd2M\x9a*w\x11\x04\x86\x96\xcf\x87Gl\xa9\xd7\x85\x8d%\xad\x83\xc9*\x9e:\xe55c\xc0\x9a\x9b\xec\xee\x7f\r}5\xa6\xc8#\xc8p\x8f\xe8\xfe\xca\x88\x8a8\xcc\xa3\x7f:\xa8\x1f\xff\x8crv\xc9\xcd\x85\xbaG\xd7\xd1@B\x16\'\xe1J\xba\xb4\xb9\xa5\n\xdck\x1a\x9f2\xd2\xec\xadw\x1e0m\xb9\x16[s\x97\x1e\xbc3\x18M\x80\x14\xce\x10\xec#"\x01\xfd\'\x97\xc8_z\xa3\xcc\x9f\x81\x9e\x83l\xc6M\xdf\xa9\xe8*\xfb\xaf\x06nH\xb2\xcav\xf3\\\xc7\xba\xbb\x8f\x1f\xc5\xa5\xae\x1feP+^\xca\xf3H\x89\xaby\xd2F\xde\xb3\x05\x0c`\xff\x9a\xd4\xbe\xb6(c\xf0\x9a`\xf3\x1f\xa12\x19%\xdeA\xcc\xd1\xc8Y\xb3w\xb8\xe0\xb7\x83X=C\x07\x04\xffg\xaa\xe3\xc6}\xa7z\x94\xbc\xa5\x05\xe5\xba\xaf\x04\xc9\xae:\xf4\xdb\xb0\xf47Z\x96\x05Cp\x7fQ\x80R=6}\x05\xc1\xcfL\xa1\xee\x88\xc1\x9a&lt;\x03*b\xc0\xf6[R`\xcd[`\xed\x8d\xfd\xed\'Q\xfeK\xef\xcag\x11$5\xa06k\xe2\x06\x87\xde[P\x1e\x1e\x9c:\xc2\x11\xe7\x8c\t(\xe9/\xac\x0b\xef\xb9o\xdbX\n\xfa-"D\xc1K\x10z\xab\xeaj\x96\x06H#\xdb;\x82\x9c\xc4\x0b/g\xfe\xbaI\xf1\xf6\xa7\xac\xcf\xb9\n_\x0b\x03\x04}\x02\x04\xa1\xb9\xe1\xe4\x05\x89K#\xc3\xc7\xd3\x00\x1e\xff\\J\x82\xc8-\x04$\xb2\xadZ\x9e\xce\xa1(\xeb-O\xc7\x03^2\x1a\x89\x02\x10[\xd64\xb8J\xf1\x0e%\xcf\xd8\x14(\xb2\xbd\x15*\xfaZm\xe0\xcd\xa2\xc0\xc8\xb5\x857\x99yA\xe7\xe4@\x92\xcb`\x9d^\n\xd0\xdcs\xfd\x9c\xa9\xfcUS7;X\x1b\xef\xb7\x84\xa7\x8a0\t\xbb\xd9\x08];\x95\x83\xa3\xeec\xa18*\xdc!\x80\x0b\xed\x9058%\xe9\x19}\x1f\x86\n\x03\x8fhTo\xd8~\xba\xd1\xc6&amp;\x1e\xa3\x182+k\xfc%MFT\xb2\xc4\xc9x2p\x17[7h\x9d56\x86\xea)\xd2\xf9\x01\xb6\r\x08YJ\x89\xfcz9\x08\x94"\x89;\x17i\xad.-$8u\x9a\'\xf9\xc5K\xee\xa2\xc0\xc7\xb9[\xb1\x97M\xa8\xfc\xbaR\xfe\xe3\x98\xc2hM\xe6\xd4].\x17C\x10\xb4\x84\xe8t\xf0\xb2\xeda\xc6\x15\xe0\xc2\xfa\x1bq\x9d\x97\xea\xc2\x97\xd8&gt;\xcf\xaf\x8b\x17\xc5\xf9dK^T\xdfAdi\xf1u.p\x85\x99\xbe_\x956\xd45\xaf\xa8\x93,v\xf3\tX\xe8\x02\xb4u\xd9\x964+\xa5\xa4\xa5\xf8p\x82\xcbgm\xdc\x00\x92\xa7e\xc4\x18\xac\xcb\xd1\x1e\x12q\x88\xa7\xcc\xbd\x8a\xa2H\x1b\x1e\xcb\xee9\xde\xb9\xe0CS,@D\xc1,x\xfdS\xba_\xa7\x14\xe3\xd0\x92\xd1{\xe1\xa2\xcd\x9a\x0e\xdaV\x8d%\xec4\xe0R\x92\t*\x86\n~\xdc\x8e\xd5\xe6gR[\xf9(\x0b\x1a\xc3\xcd\xb7\xab\xbd/JO\x15\x8a\xde$n\x0b\xe4\xe2eNj\x18n\x96X|\xb5\xf5\xa8~\xa9\x05\xad\t\xcc\xe6\xa9\xc0\xf8\xa4\xae\x024\xbc\x97)\xad\x83\x16\xbbe\x15dM\xec\xbb\x9a\xbe!\x16\x92c&amp;\xa6\xd0\x0f\xb3\x9c\x15\xf4\xa6\x9f\xf0\xb2\x93\xb3\xc2Vl\x1a\x17b\xbc\xbd\xb2\xc2\xc9\x97\x93\xc3\x8a\xb61v\x95vC\x05\x92\x83\x10n\xf2^\xcf\xa3=\xb2&lt;R\x10z\xb8\x9cY\xb8\xe2\x00\xe3OPD\x8d\x18E\xa9^\xdb4-\x91\xba\xfa4aA\x80\xef\xf8\x8eW\x10\xa8\x08\x93r\xb9\x9c\x1f\'C\xa6\xae\xe9\xed\xdfE\xf9n\x0e\x1aK\x0f_C\x1b\xa8kg\xa8"\xac\xd1\xec\xce\x18%$G\xc9\xea\x0b\xaf\x01\xf0\x19\xd2\xb4\xf6+\x03\x94\xf7\xfbc\xe4\x8aGU\xbf\xbb]8w\x93\xfb\xd9\xd6\x1d\xb5\x82\xc4\x962)[\xce\xd3P8"\xe13\xf3\x96\xc5\xf7\xd7\x18\xd0\xc1\xda\xe8\xb4\xbc\xe1\x8e\x8b\xefK\xe8J\xebF2:|Qg\xfe\x16\xe1\x1f\x85\xcc-#L\xd1\xbf\xad*\x01DKgD\xb9p\x16\xe7\x8eV\x02\x0b\xa8\xa1\xba\x97\xaf\xcb*\x02Z\xce\xec\xe4Fq\xbe9\x95\x8e\xc2^\xbf'</t>
  </si>
  <si>
    <t>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</t>
  </si>
  <si>
    <t>b'\xdf\x8a&gt;\x9da\xef\xc41\xc1\xb7\xff\x9c}\xe2\x0e\xa6'</t>
  </si>
  <si>
    <t>âŽª
  âŽª
  âŽ­
  (10.1)
  Given Ï(r,t) and J(r,t), what are the fields E(r,t) and B(r,t)? In the static case,
  Coulombâ€™s law and the Biot-Savart law provide the answer. What weâ€™re looking
  for, then, is the generalization of those laws to time-dependent configurations.
  This is not an easy problem, and it pays to begin by representing the fields
  in terms of potentials. In electrostatics âˆ‡ Ã— E = 0 allowed us to write E as the
  gradient of a scalar potential: E =âˆ’âˆ‡V. In electrodynamics this is no longer
  possible, because the curl of E is nonzero. But B remains divergenceless, so we
  can still write
  B =âˆ‡Ã—A,
  as in magnetostatics. Putting this into Faradayâ€™s law (iii) yields
  âˆ‡Ã—E=âˆ’âˆ‚
  âˆ‚t (âˆ‡Ã— A),
  or
  âˆ‡Ã— E+âˆ‚A
  âˆ‚t =0.
  (10.2)
  Here is a quantity, unlike E alone, whose curl does vanish; it can therefore be
  written as the gradient of a scalar:
  E+ âˆ‚A
  âˆ‚t =âˆ’âˆ‡V.
  436
 10.1 The Potential Formulation
  437
  In terms of V and A, then,
  E =âˆ’âˆ‡V âˆ’âˆ‚A
  âˆ‚t .
  (10.3)
  This reduces to the old form, of course, when A is constant.
  The potential representation (Eqs. 10.2 and 10.3) automatically fulfills the two
  homogeneous Maxwell equations, (ii) and (iii). How about Gaussâ€™s law (i) and
  the AmpÃ¨re/Maxwell law (iv)? Putting Eq. 10.3 into (i), we find that
  âˆ‡2V + âˆ‚
  âˆ‚t (âˆ‡ Â· A) =âˆ’1
  0
  Ï;
  (10.4)
  this replaces Poissonâ€™s equation (to which it reduces in the static case). Putting
  Eqs. 10.2 and 10.3 into (iv) yields
  âˆ‡Ã—(âˆ‡Ã—A)=Î¼0Jâˆ’Î¼0 0âˆ‡ âˆ‚V
  âˆ‚t âˆ’Î¼0 0
  âˆ‚2A
  âˆ‚t2 
 ,
  or, using the vector identity âˆ‡ Ã— (âˆ‡ Ã— A) = âˆ‡(âˆ‡ Â·A)âˆ’âˆ‡2A, and rearranging
  the terms a bit:
  âˆ‡2Aâˆ’Î¼0 0
  âˆ‚2A
  âˆ‚t2
  âˆ’âˆ‡ âˆ‡Â·A+Î¼0 0
  âˆ‚V
  âˆ‚t =âˆ’Î¼0J.
  (10.5)
  Equations 10.4 and 10.5 contain all the information in Maxwellâ€™s equations.
  Example 10.1. Find the charge and current distributions that would give rise to
  the potentials
  V =0, A=
  Î¼0k
  4c (ct âˆ’|x|)2 Ë†z, for |x| &lt; ct,
  0,
  where k is a constant, and (of course) c = 1/âˆš
  Ez
  âˆ’ct
  ct
  âˆ’
  Î¼0kct
  2
  FIGURE10.1
  for |x| &gt; ct,
  0Î¼0.
  âˆ’ct
  x
  By
  Î¼0kt
  2
  ct
  âˆ’
  Î¼0kt
  2
  x
 438
  Chapter 10 Pot</t>
  </si>
  <si>
    <t>b'W\rj8V\x06\x82"\xcf\x9eK=\xa6\\\r\x86\xc4\xb9\xcb)e\xb3\xdb\x8b~\x84f\x88-f\xe6\xe5'</t>
  </si>
  <si>
    <t>570d6a3856068222cf9e4b3da65c0d86c4b9cb2965b3db8b7e8466882d66e6e5</t>
  </si>
  <si>
    <t>b'W\rj8V\x06\x82"\xcf\x9eK=\xa6\\\r\x86'</t>
  </si>
  <si>
    <t>cial
edict, 178
Galba, Sulpicius (emperor 68â€“69), 33, 123,
218
Galen (doctor): career, 502â€“3, 520; on
childrenâ€™s health, 517â€“20; corpus, 501â€“3;
on doctors, 495â€“6; on drugs, 510â€“12;
on food, 361â€“2; gynecology, 515â€“17;
and imperial family, 495, 500â€“1; view
of Hippocrates, 501â€“2
Galerius (Caesar 293â€“305, Augustus
305â€“311): defeats Persians, 167, 196;
and Diocletian, 168; persecutes Christians,
197; retirement palace, 167
Gallienus (emperor 253â€“268): coinage, 38,
41; reign, 156â€“7, 162â€“5, 226
Gallus, Cornelius, 117
Gallus, Trebonianus (emperor 251â€“253),
156
gambling, 375â€“6
games, see agones; chariot racing; gladiators
Gelzer, Matthias, 4
Germanicus Caesar, 120; see also tabula
Siarensis
Gibbon, Edward: on Antonine age, 126â€“7,
520; use of sources, 100, 477â€“8
gladiators: becoming, 120, 403â€“5; blood of,
as cure, 497; decree on prices of in 177 AD,
46, 52, 391, 399, 485; development of,
389â€“91, 399, 407; female, 407â€“8;
financial rewards, 399; ideology of, 81;
restrictions on numbers of, 278;
restrictions on senators and equestrians
wounds, 502, 505
gluttony, 357â€“8; see also drunkenness
Glycon, 87, 556
Gnosticism, 611â€“12
Gordian III (emperor 238â€“244), 155, 202
Goths, 156, 161, 164
grain distributions: at Interpromium, 121;
at Rome, 121, 148â€“9
Greeks, under Roman rule: and their cultural
heritage, 94â€“6, 105â€“7, 183, 228â€“31,
398â€“9, 424â€“32, 434, 455, 471â€“6, 592;
Index 685
Greeks, under Roman rule: (contâ€™d)
Roman attitude towards, 93, 228â€“9,
241â€“2, 245, 396â€“7, 425, 429, 443â€“4,
447, 463, 493â€“7, 525, 562, 592; see also
cities, Greek; paideia
Hadrian (emperor 117â€“138): accession, 130,
138; on civic immunities, 239;
construction of wall in Britain, 34, 92;
criticism of, 216; dynastic plans, 131â€“2,
135; family, 130â€“1; founds Panhellion,
214; and Hispalis, 267; interest in magic,
145; and Jews, 571, 575; praises auxilia,
428â€“9; and Troy, 474
Heliodorus (doctor), 513â€“15
Heliodorus (novelist), 345, 461, 465, 470â€“1,
563
Herculaneum: baths, 380 (fig. 19.2b); bodies
found at, 89
Herodian (historian), 27, 66, 157
Historia Augusta: nature of, 28; political
theory, 129; scope, 28â€“9
Homer: revisionism, 397, 455â€“7, 473â€“5;
Roman poets and, 443â€“4
Hopkins, Keith: and Life of Aesop, 12; on the
Roman economy, 283â€“4; on the Roman
imperial senate, 104â€“5
Horace (poet): corpus, 444â€“5; on literature,
442; on sex between men and boys,
334
houses, 86â€“8, 107â€“8, 263â€“4, 265, 377, 382,
551
humors, theory of, 360â€“1
Iamblichus (novelist), 453, 464
Iamblichus (philosopher), 527â€“8, 535â€“7,
540
Ignatius of Antioch (bishop), 601, 611â€“12,
614
imperial cult, see emperor, imperial cult
Imperium Galliarum, 163â€“5
India, 160, 287, 469â€“70
inscriptions: collections of, 48â€“53, 100â€“1;
domestic objects, 293; editorial
conventions, 54â€“5; erasure of, 128;
funerary, 56â€“7l; honorary, 233, 237â€“40;
graffiti, 339, 346, 376; military diplomas,
211â€“12; public, 46â€“7, 244, 425, 432â€“3;
restoration of, 54â€“5; see also Laudatio
Turiae; Lex de imperio Vespasiani; Lex
Irnitana; Lex portoria provinciae Asiae;
Res Gestae Divi Augusti; senatus consultum
Pisonianum; tabula Siarensis
Irenaeus (Christian theologian), 605, 613
Italic rights, 259â€“60
Jerome: Chronological Canons, 30â€“1
Jerusalem: healing shrine at, 549; Temple at,
121, 243, 547, 553, 558, 565â€“6, 573,
575, 580â€“2, 592
Jesus of Nazareth: and contemporary
Judaism, 578, 581, 593â€“4, 596, 607â€“9; in
Christian theology, 171, 197â€“8, 610â€“11;
narratives concerning, 582, 590, 593â€“4,
601, 603, 608â€“10
Jews: and Caligula, 121, 242; attitudes
towards sexuality, 332â€“4, 339â€“42, 344â€“5,
349, 350â€“1; conception(s) of God, 576â€“7,
580â€“1, 591, 599; diaspora, 576â€“80,
595â€“7; festivals, 578, 581, 583; identity,
578, 592, 595, 599â€“600; and magic, 579;
numbers, 565; Patriarch of, 574â€“6, 581â€“2;
priests, 553â€“4, 573â€“4; and Sibylline
Oracles, 433; Theosebeis, 579, 595;
veneration of tombs, 563; see also Josephus;
Judaism; revolts
Jones, A. H. M., 5â€“6, 8, 41â€“2
Josephus, Flavius, 566, 578; Against Apion,
436; Jewish Antiquities, 434â€“6; Jewish
War, 31â€“2, 434â€“7
Judaism: apocalyptic litera</t>
  </si>
  <si>
    <t>b'L\xe7N\x81\xbe\xa3\x89\xf4U\xa9p\xd3T\xc9\xba\xa8.R.1;0\x0e\t\xca^#[M\xf8\x04M\x0cw\x8b\'\xd8\x04\x12"\x8beXR\x04\x05{\xe4~\xbd_\xfc\xbf\xdf\x1e\xb3\x07Gr\x0e+i\xa3\xd9\xa4\xff\xe0\x86\x14\xde\xd6\xde\x87\x86\x19&lt;\x93q\xa8\xa4\x1a\x86\xcf\x97\xa2.\x19g\xb4W\xd2\xfc\xca\xe8/\x017n\xc3\xd8\x8b\x17\xf0\xdc\x89K\x86\x08\x95k\xc8|\x9c\x1e\x06r\xdb\xb2\xae\x90\xa2\xb0/\x89\x9b\xd31\xe4RY\xb7G+I\xfb\x81\xcdL\\\xfd\xcf\x16\xfefZ\xe5g\x8b\'\x1a\xeb\xbc\xe1w\x0bW^0\x12\xff\xc3\x0c\xc7\x1a\xcd\xc9\xba\xd8\x99\xb3\xb6\xf0w\x8f\x15\xfb[\x1a\x02x)_/%\xb6\xfb\x172oK\xc0\xb3\xf6\xd8i\x86\xee\xc4\xe3\xed&gt;\xd5s\xe7)\x8c\xc2e\xe5\xccl\x04\xc5n\xc7m\x14t\xc75`\xa90\x97\xe5N7\xb7\xa0\xa1mm\x9a\xd8\xf1\xda\x11-\x04.L\x96%\xbc\xe4\x02\xa0t.\x17\x8d\t\x9e\x8b\x97\xb47\xeecZ\xab\xa8s\xd9\xc0\x99\xb0\xb4R\xae\xb4\x15\x11\xaf`d\x8b\xc9-\xe0\x12a,\x93k"\x1b\xbc\xb3\xa9\xec\xf7\xe2L\x88\x94\x7f`\xbd\xc7\xd5a\xebf?\x06c\xd2H\x9dH\x0e\x1d\xa6\xee\xdc\xb2\x8a\xb3\xb5\x0e\x97\xb7\x83\x08\x89\xb7\x9ao\x84\xb3\x9da\xcd\xb0;$\x12[\x03\x10\xe1\x9c\x8b"\x86\xee~zK5.\xb2\x97q|\x9f$\x93b\x88}#R\xea\xc1\xe3\xaaEA\x952\xad\xa4~\x83p\x16ZK~\x05\xbb\xcf\xad\xb9!\x8a\x86{\xa4$\xb3\xccW{Jy\xd4qh\x8a\xe3D\xc9\xa2A\x82H\xd5\x89\xab\xc0\x8f9\xccW\x19\x8b\xec\xc0BP\x18\xc6\xb2\x1fH&gt;\xc9\xf6l\xbb\xa9f\xb3g\xfbl^\x84\xdb\x88wU\xae@LGp\x1d@\x80*\xc7\xc5\x82\xd3U-ot\xb1v\x8f\x9a\xbc\xceM\x1a\xf5\x18\x9aJ"\xefo\xf85\xd9\xa2\xbbx\x08A\x15\x9a\xefe:\x8b\xfd\xe1\x08IR\x10\xd1\xfay\x0c\x99\xb15C\x1f\xab\xc9Rx\x1fv\xb2\x88 \xa1\xea\x1cT\xa2\x90.\x9c\x89Y\x87u\x03\xfc\xff\xf9\xa8\xe9\xf5\xbcI\x97tg\x0f\xae#\xf1\x9b\xa5Q\x1d\x16\xb7\xba\xf8\xa1\xf4F\x00\xb2\xdaW\xd0d\x00\xa5\xeb\xc1H\xc7O\xb6\xfd\x88\xf3\x9c\x07o\x82r$\xe8K\x08l\xe8\xe1\xe994E\xecW\xfe.\xf7Y\xb3\xfe\xb2\x03\xc4Fp\xab\xa0L\x9e\x8f\xf8q\xbe\x98\xe5\xfc\x1a\xfa\xaa^\x89\x19\x8c}N\xe8\xac{\x0c\x97\x94C@\xa3\xdb\n\r\xb51h\xe5L\x0f[\x89\x9d\x99\xeco1\xb1\x85\xffB\xb2\x0c\xddS\x9f\xbbD\x05\xb6\xf1\xaeq\x80\x98\x1d\xea\xc8y:\xd8Q\xd7#\nt\xc0U\x9a\x97\xb5hQK\x8c\xd2\xd6\xf6\xd5\xde\xed\xdf\xe8LT58z!OVQ\xf1\x86FF\x96\x00\xc3\xdb\xbc\xd1\x15\x88s\xady\xe9\xa3r/\xed\xcd\xceb\xf9\x02-\tx\xa2h\xdd\x90\xd0\xe5\x15\x95)oU\xf2:\xee\xde\xcb\x8d\xfb\x87\x11E\x9aN\xe7D\x87\x1cN{\x93\x96\x1e\xe4-\x96m\x18\xdf\xb3/\xf2[q\xdf\xdeJ\x8eZ-\'|u\xd4\x9a&lt;\x89\xf8jG\xa5\x1c\x07t\xd6"\xab\xfb,\xd7H\x1bs\xea\xaf\xb8e\xf2\x00\xeb\xb2\x1a+J\xcf5\xe9A&gt;\xe6y&lt;\x8b\xdd`\xa0\xd4\x185\x0b\xd4\x7f\x8bfQ\xd3\xde&lt;\x97-\xb0 2*\xde\r\xb7\xad\xe9U\xb5\x06\xcb\x80Cp\xbcU\xb8\xa3\xeb\xdew\xd4\xdb\xber2\xdc\xc8\xc8a:\x86\x8c\x1bK\x1f\xae\x07\xfb\x8ac\x1c\x02\'\x8ff\x98\x86\xd7\xae\xd8g\xc4\xe3\xad\xf7\xa7\x10\xc8=\xfd\x036A\x16s\xad\x85\xc3|\x97\x8d\x1d\xb2kk\xed\x10G)\xb1\x9b[Y5\xeeu\x86Gf\xf1\x1dD\x1a\xba\xf5\x83\x03\x92\x9d\x01N\x0c]\xd4\x95u\xa7\xd1\xedp\x06,W\xb8\x1dx^\x00\xd5\xa2|U0\x07k\xa5\xb4\xfc\xcb\x93$/\xf5\x07N\xb2\x9d\x1beS[\xb9\xe7\x1a\x03\xf9K\xfc`w\x99\x1e\xe1\xdac\xdeH\xe5\xb2\xa5\xd8r\xb0Z\x8cfIg\x8f\x9b\xec\x14\xf5`\xaet\x8bR\xc4\xc1\xb2\x9c\x9d\xf9F$]h\xecz\xd1W\xff\xb4\x97\x16\x1bk\x9fA\x13;\x06\x10\xf0y\x19\x112\x95\xcf`t\x12\x91\x15&gt;p\x86\x84\x16\x1f\xa9o~qi1\x8e*\x1dBb\xea\xf1Q\x8c\xd8\xc2\xc7\x90\xa5\xfd\xdf\xe4d\x0c\xd1\x83&gt;\x8a\xa4i\xca\xfb\x03\xfc#5\xbe\x9c\x1e\xb7G\xa5\xb7\xd7\xb1\x11 \x18\x9f\xbe\x1c\xd7)\xc3\xf5\xc8\x00]]#\xbe\xc9\xad\xab\x93\x1cb?\tD\x94\xa5\xc2\xd6\xc5\'{\xe2&amp;\x9aE\xc5\xc4\xa8\x80:6\x126\xef\xdd\x8bG\xd6\x83\x948\x84!;r\xb8\xf4a\xffP\x07\xce\xe9\xff\r\xe7\x12\xc5.!\xf9%V \xfdcA#\x9bK#\xc8\x96_\x8b\x9e\xd4\x133sB\xb3\xc1P\x90 \x83U\xa1\xe4\x14\x7f\x04u\x98\x07c\xf44f\xf9\xd1\x06Pl(3X4\xbcH9\tG(\xba\xabn\x05Paf\xa2P,\x1d\x03\x1f\xb6kcO%\xfe\xe3\x18\xcdb&amp;\xd8.\x8d\x7f!\xa353Z_\xbbH\xe5\xaf\xa5:h}\xb9\x7f\xcb\xf0\x86\xab\x12\xceW{\x15\xf1\'c\xccb\xd9\x02\x0f*[X\x88\x99C+0\xab9\x8c_\xc5\x83\x0b\xbf\t\xac\x13\xb4d\xc6~%5\xe2\xcb\xf5\x16\x0e*\xe7gNe\x8dT-\xde27c\xbdQ\x01\x1b\xc3\x96\xfe\rBS$\xa0\x1d\x17\xabF\x11\x10\xd5\xc4\x08O\x00\xc0\xb2$\xcc~X\x9chT\x00\x8f\xf4\x85\x10.\xc0^p\x19\x8d\xa3\x13\x19\xcc\xf5\xeaXS\xb5E\x18\xea\xa1\xeaH\xecd\xf5\x82\x990\xfb7\xfe\x943\x02*K\xdf\'\x98\xd4J \x93\x93\x84\xf38md\x04M\x87{\x8c\xda\xfe\x8b\x0c\x00Rd:\xd0\xc7\xcb\x99\xa5\x7f\x8di\xfb6\xaeZ\x17\x9aCC\xd7\x0c\x00fc!6\x84\xbf\xcc\xb5\'\xdb\x14\x01\x0fW\x1c\xd2\x19m:\x07\xbedcY\x96^8\xa3&amp;9&gt;%\x16\xa9\xafH\xf2\xd4%\xce\x9c]\xbe\x80\x8a;\x9c\x19\x92\xa8\xb6\x15n7\x11\x8c&amp;\xa46\xde\xd8&gt;\xf4G\xa0\x9c\x06\xdf\xb45LD\n]\xb2\x83\xc2s\xd2-\x0f@)7\xb4hm}\x99\xab\x0e&gt;0\xe0\x97\x01\xce\xe67\xdc.\x16\x10\xcb\xc3]\xe5\xe5U\xc84\xc7\x96Il\xf3\x04[o\xc7&lt;P\xfd:\x1c\xd3gC\x02F]\xfe|\x05[\xc9\xfe\x81\xb2\x0b\x8f\xe4\x9f\x07V\x98\xd3\xf6+Q\xd6\xe5\xf7I\xa05\xd6\x14\x94/\xfc\x98\xfb\xc6"\xfe\xff\xa0\x14G\xdc\xd8\xacG&lt;\x9d\x85\xf3\xd3\xb2\x17\xa2&amp;\xac\xbdrY\xb4\xcb\xc0\x1e7\xf9\x0e\x05\xb0\xbau\x84\xa9\xbf\x1c\xbb\xbeJ\x15\xeb\x1f\xd4K\xe7{\x00\xf1\xce\xc1\x10l(\xf6\x19r\xa3:\xb2\xb9\xf5\xa7\xb8\x91\xfb\xf3\xd8]\x7fvu\xafd\xa8H\x9f-\xd3\xe0\x84\xa4\xc2\xdd\x97|\xfcN\x83\xcc\xc1bc\x81\xc2\x92\x0e\xbe\x99\x81\x9d\xda\xda\x9ayc\x85n\x8bY\xeb\x83\xcaz\xf2|*\xb8=\x13\xe2\x1f\x8c\xceJ\xb5\x93\x9d9\xac\xe8g\x12\x8b\x1d\xc8[\xcei\xfa\xa7_\x94"y$\xb9V]ls\x0c?a+\xb3\xd8\xcc=\xe6\x07\xc4O5\xe0\x0b\x84NI\x95\xcdo~\xf5CU\x01OE\xc8\xdcB+p\xe8\x14\x92\x17\xf9\xe2l;\xf2g\xce\xb3\x89\x93\xf9O\xea\xaa_\xde(\xbe\x06\xf4\x18\x972\xd5\xddG\xb2\x96t\x03P\x7f&gt;$\xddRg&lt;X\xf0\xea\xdb\xcc\x10g\x88\x13\xd8\xec\xcf\x90\xfa%J3l\xe1)\x80H\x1c\xc6\xef8\tS%`\nvVl\x0f^\xb1\xb1u\x9f\x18v\xe8\x85\x91\xc6\x03n^\x198\xc4\x14x\x1b?jr\x19\x139\xb6\x9ar\x8b\x88d\xd2e\xe4\x8a;\x81{&amp;m\xcc\xc3\xa6\x9e\xc5Q\x93\xc6{&gt;\x0f\x18\x9d&amp;\xd2H\x87\x1cN\x81\xcc#:\'\x80)\xe8+\xad\xef\x10\xaf\xfc\x1ea\x1b\x9fQ\x96\xac\x82neq\x0e\xf5mZ\xdcQ\xe6\rrr\xc7\xd8\x14\xed\xe4\xd4\x0cV\xad\xb6\x964\x83\x11s\x8f\xe96]\xde\xdd\xac^vk\x07\xce\xe4W1c\xfe\x15\xc5\x0c\xba\xe74\xcc\xb2\xd1\xa1\xea\x932(v\n\x85E\x94\x029\xf6\xb5\x93\x1e\x18T\x05\x97\xb2\xf5\xf7B\'g\xaa\xadO\xb5\xcd\xbf\xc7\xaa\x8d\xb3\x8e\xf2\xf0YxeN\x88\xf9g\x9c8~\x99\x85\xbd\x1c\x1a\xd9$\t\t\x99\x91\xb4\x12N#\xaf\x9e\xb2\x06I\x16\xd7\xab\xcc\xef\x14\xf3\x16\x98\xeed\xc0\xfe\x18,\xec\xe6\x0e\x84)R%]\nV\xb3\xbdl!\xd2\xaa\x0b~O\xadXE\x8a\x89Mq9\xefs\xa7\x1b\xab\x98 f)W\xc6\xc4f=\x86B\r\xcf\x9d"\xcaTwx4\'O\xa2#\xa4\xf5\x85\'f\x0c\xc0_\xc7D\xb0\xfa\xa7\x90"m%\x81\xea\x1a\xf9\xe9\xc2\x8c\x9e\x05\xb2\tC\xe1X\xc9b\xe5\x8c\x8e\x9aB\x9d\x05\xb4\xa6$\xd2\xce\xfb\xed\xc9\xe9^Q\x12\xa9\x98^\xcc[G\x957\xbfP\xd6\xb3#pO\xb88P\xbd\x1d\xce\x02e0{\xc1o\x80z\xd9XL`\xf2}:h\xb9\xc5&gt;S6\xe5#\xef\xb6Y\x90X\xdc7\xc3\x94V\xb5\n\x1dQ\x06\xd6r\x91\r\xea\x8d\xdb\xad\xf1\x9df\x9b\xa3B\xa8\x13\xa1\xd3Wi\x9az\x02\xf2]\x83~\x02\x02p^r\xd8\x92\xc2]\xe1P\xe8)\xd6/\x8e\xbdGD\t\x97l\xb1\x98\x95Y\x7f\xa3\xc2N?o\x99Gs\xd1\xdd\x1e}\x00\x8a\x1d4\x11$\xcf\x93]\xcao\xa8\x97\xb3\x93\xef\xe1UDq\x99q\x15\xfc\x93\xa49\xfai\\y\xa3\x0c\xbc\xbe\xda\x9c\xcd\xf42\xf5\xcc[\xcd\x05\x96\xba\x1d\xa7\xe8o\xfbN\x8f\x8a\xbb"}\xc0\x98\xaf\x8e\xe7\t\x17\x07\x9cI_E\x97&lt;\x80\x7f\x86\xfe\x87@\x81:\xb4&lt;\xe5k\x806\xaaU\xed\xa9\xfcF\xac\xc7A\xf3\xb2\x88\xad.\x97\xd2\xa1\xc2;`\x04\xa8\x99$x\x81\xd1d%1iH\x06\xe2\xf8\x1bT\xe0\x89y\xcc\r\x87apx\x89aa\xfb\x05\xdb\x86X;?\x9b\x0e\x9c\x1b\xf7\x8c\xbe\x11\x10p\x16~\x87\xf8\x97~\xaa\xb39S\xa9\xcc4\x06\xb9\xc7&lt;Ja\xe1\x0b\x82\xb8\xd5Q[\xd3\xeb\x9at&lt;o\x9bK\x82)\x87%\xd1sk(\xe6\x9f\xd9\x1b]A\n\x8e8\\\x7f`\x9e\x95\xb3\x8eY\x90\xdb\xcc\xd9\xd85\xcf\xc2\x9d\xfb\xbf\x8a\xb1\x01\x0f6B&gt;\x02\xc2\xb5\xa1+\x82\x08Q\x02\xb3q\x19\x87&lt;"q\xbb\x16\x04\x00\x00+\x1f(\xe8\xf4\xa2\x8a\xfdU\x98O]oaK\x1d\x89I/\xcd1\xbb\xc59\\\xb4$VfH\xfb\xa1\x83\xd9\xee\x04\x8aa\xaa)N\x9b\xd9Y\xb9^B-M\xc3J\xa7\xb5\xf9\xba\x9c\x8a\x9b\x07\xa1%B+\x1c\x9b\xd4z\xed\x0f\x19mQxA\xf8\x04\xf7z\xbf\x8e\xad\x82\x0c\xcaL\xc5\xba\x0e]\xce\x1f\x9f\xfa\xc0\xf7I\xe6\x94\r\xa8\xc3\xab\x99\xfa\xdb\xa0\x81P\xf3n\xcf.!D\xc6*\x1b\xddY\xf5E\\n\xb9x\x0cHw\xa2\xdf\xe9+\xd2:\xd7\xae\xfads\x0b\xa25U`\xe0\x16\x93\x98\x0c\r4n\xefT\xe2\x1c\x9e\x90\x01L\x83\xb2\xf3(\xc1Vd\xa7\x93~\xcf\x15\x04\x1eb\\\x15q8\xb7\x1dU\xb3\x9e8"Q\xa7\x16\xc7jR\xd4%\xd5\xea\xb2\x8a\x8d\xf4\xf6W\t\xdb\xa0\x13m\x19P\xa4i\x14\x99\xe1&lt;pz^\xa7:\x07-\xc1\xd3\x18\xab\xb0?\xfbG\xac\xb75y\xd4J_\x872\x86 "\xbb\x13\xc8?+Z\xadD\x88&lt;U\x99\xc9\xca~\xe4\xad"\x1f\xe4\xf2\xb0\xb4\xccyF\xf0\xe3\xbc\xd7\xfe\xbd"lU\x18\xfd\xb8\x08A\xa7bK#\xd8\xe7\xadU"C\x96\xdefc\xb6\x89E\xb6\x11\x11\xa0\xeb\x19\xf8\xdd\x85G\xce\xac\xa3\x19+\xb9C8\xed\x1d\xd1\x05\xc6`\xd2\xa4\x1a\x19.|)r\xd0\x90=\xd2\xc8c\xbd\xa2\x17\xca4\\`\xe9s\xd3\xaf\xb6\x86\xca\t\xab\x04b\r\xe1\xccP\xab\xd5\xc2\xef\x1b\xe2\x8b\xadG\xc9u\xc2\xbd\xe5\x80q\x11t\x95\xb8\xec~\xfd\x1e\xdas\xa3\x0c\xf4\x15G=9\x99p\x86\x0c\xae\xe1T\x84\x8e!\x82\x17\xb3\xb3B\x8b\xa0\xd4\xb1\xd3\x01\xa1\x1d\xbc\xc6\x83\x08y\x0c\xc2\x8a\x0e36\x1c\xf5}q&gt;&lt;p\x14@\xcb\xe7N\x81\xdc\xab\xe0\xb7\'\x93f!\xads\x19\xc8&lt;\x88\x9c4u\xf3Q\xe9\xf7\x13!\xe0\xd4b\x02V\x07\xf9&lt;\xe4\xe9\xf2\xcc*\xaa,\xad\xe3y\x8cP\xfb\x84\xcf\xddf\x12ft\x1b\x1c\x03\xf2\x93\xc3\xc2\tkV\xb7\x1d\xd6\x9d\xb6q\x823\xde\xef5\xa5\xb0\xdd\xc8[\xcci\xc9\x9b\xed\xbb\xc5dC \r\x9d\xe76uG\xc3\x1b;\x051\x0f\xa2\x9d\xf1\xb8\xcc\x01\xff@\xdc\x9e\x8b\xcf$\x8a\xba\xa0-b\x85-\x899&lt;\x1da\x86\xf8\x866\xdfI\x1f Q\xd4o\\\xba\x9b\x187;\x13\x05p\xd1!\x88\xa8\xc8p\xe8p\xcc"\x80\x03a\x82\xb1O\x7fXYuu\xe5\x155\xc8\xd5\x9b\x96\x81\xd3\xfa\x96\xd8\xc4(\x14pq\xda\x15Qu+\x83\x12\xdc\xd0\r\xf8;\xdc\x13\xd2k\xca\x84\x89j\xf2\xc9\xe5\xc2b`0\x98\t\x00*\xfe\xec\xcb\xb6H\x0c\xa4\xd7LZ\xfcZZ\xe3\xcc\xcfk\x84\x18\xa7VoX\xa5\x98/\xc5r\x03\x1ffn\xe6\xb8\xf0~\xd5\xca\x19\xbf\xc2z\x83\xc6\x15\xa8\xd2\t\x128DD\xd6\x15\xbfP G=\x04Zz\xf0\xc5W==\x9a-\x00\x00t\xc5"\xca\xedP\xed*\x04\x01\x91a?\x15\x97\xbc\xbd\x12\xe7\x08\xb0G\xec4\x81\xd8O\x03q\xf9\xbf\x93\xbdC\x957\x80\x02\xf1\xa1\xe3\n\xb2\xa4\x8d\xf9A\xdb\xbc2h\xda\xfaF0&lt;(\x0c$\xcd\x1c7\x13\xadt\xb3\xc6\xc1\xd2\x83\xae\xc2\xa5(\xc1\xa1\xd2\xa4z\x12\xf6~z\xe1\x00\x89\x85Y\x11\xf5%6&amp;\x83\xdb\x97`\xe2\xf2\n\xea7\x07\xfaE\x86\xc3@5\x8c\xa9N~\xb1\x89t\xbb\x7f\xe7\xda\xdbJN2\xe0\xc1\xe38I\x90\x86X2\x08\xf2\xf1\x1a\x9d\x8c\xabt\xf7\x8a\xe6\\\xf1\x1b6\xb4\x1a\xa7*\xed\x80h\x194\x9co\xd1S\xe3\x07\x91\x17I\x11\xf9\xc2\x97\x17\x84\xa5A9\xe9\x91\x0e\xf9\xe4\xe0\x05!\xc4\xd0|\x874S\xb2jq\xebv\xd2\x07c\xbe\x06\x9aP/\x85\xe7=uj\x1c\x867d\xd0\xe2zv\xbd\xe6\x8f\xf9\xc8l\xd5-,\xa2\xae\xb9\xc8\x18S\x1d\xd4\xd9),\x91\xcf\xa1&lt;\x9a\xd68\xb3A\x80\xafc\xfe\xc5\x06\xc1a,\x9e\xf5\xa6\xc1\x181)\xad\xfe\xfdD\x903\xee\xf1\x975\xba\xe4\xb2\x93!j\x1eJ\x99\xdbA\x97\xf4\x93\x97\xf69|\xd5\xa3\x10P\xed\x85\xf6\'\x9c\xdaz\xb0\xb1\xe5\xd8\x8c\xb5\x826\xa0d\xbe\x9b\xaa\x00k\xeb\xad\x8b[m^"\x8a\x14@\x0c\xe9\x1c\xcb\xc0\x93]{3\x92\x10\xd7k\x0b\xc6\xd8e\x06\x7f\x8eH\xb1{\xdd}\x97=\xb8:\xd7$;\x82\xd2\xa3\x87\x1d1\x04RA\x17P\x86["1\xf1^\x1fO\x8f\xa4\xccI\xad\xc7\xdf\x90\xd2w\xfal\x13{\xe9|*\x9c\xc9\x9b\xd9\xf2b\xc4\x93\xe0\xdfY\xca!\xd2\x1a\x0e\xf9L\xe5OV\xf6.U\xe3\x9e\x99\x0c\x1ev\xa3v7\xae\rWwPbf\xdc~\x89\x86Z\xbf!g9y\x8f\xedH\xc3\xedB\x13\x18\x85\xaa&gt;\xea\xf3\x8b\xb9.\x83\xbc\xf4\xa9R$\x80Z)A\xbb\xdbC\x89\xcd\xb4\xb8\'\x9d\x0c\xbdr\xd6\xdd\x84\x02\x06\xa3\xae{m\xa4\xcf0\x84fv \xdau\xc1\x9a\xb8\x02l\xc3\xc2\xdd\xcc\xcf\xbcgb\x08\x7f\x9f\x0e\xf1\xa3p:c%3;\x10L\xc3\x97\x1c\xbc\x99\xa1Y\x90)?A:\xe0\xbce\xcdo\xf7+\xdcHG=K\xed\x05\xb7LD\x0b\'Du\xf6\xe0\xc6\x9e\xb0&lt;\xf7\xbe\xa83]\xaf$\x94W\xc6\x15e\xbdaz\xbd\xb9\xcd\x1f\xb8&gt;\xc3\x81N\xe5\xb4\x11\x90\x16$\x1a\xa8\xc0T\xfdh\xaar^m}C\x19\xab\x1d\x10\xaf\xe6$_\xfb\xb7Xn\x1e\xca\xf8\xc25\x98\x0b\xdcmk\xd9*\xb3p\x89\x94\xf7ac\xcdP*\x1b\xe3\xe3\xf6g\xec;\x1e9\x01\xa6\xf2~}\xf6\xd3x\x95\x03z\xa11\xddz\xb0\x89\xad\xd9,\xd2\x96k\xc9\xe3Ugy\x93/\xb0th\xd1\xb1\x0c)L\xf4\xf7K\x05\x8aeeW\xfb\xe1\xfc\xc6\xf8\xb3 \xeff\x9b\x15\x07\xa9S\x87\xa9\x93\xb9t\x96\x102\xea\x18\x17\xfa\x83\xe4_\xc4\x94\xf8]\xd8(&lt;\xde\xae6\xc6\'e(\x96\x11\x1b\xae\xad,j\x95\xdb\xc5\xb7i\x95=\xc9hCP!V*\r\xde"\x15\xbe\xd1*\x91oy;Q\xfda\xec\xc7\xcf\x93y?a+\x17/\xd0(\xe5\x0f\'\xdf\xdd3~\xbbp\xf5\x15m\xcc\xe3\x87r\xdb6L.\xedg\xf2\xa7\xcc\xe5\xf2\xd0\\\x9b\xcec\xd4%\xa2y\xac\xfc\xd3\xfb-h\x89hS\r\x90/\r\xb0|r\xde\x92\'\x15\xec\x02\x82U\xe4\xbe\xbd\xff\xeai&lt;\x83\xba\xf8*&gt;N\x8e\xaeB\xbeNe\xb4\x8c\xe3\xf2\x92al\rY\x9f.\xae\xd2j\xec\xba\xc7\xaa\xcd\xf5\x98bD\xbb\xa5\x8d\x1f\x92\xca\xcf+\xdbp\x8d\xb8\xb9\x10\x1d\x7ft\x91\xec\xf2q\x04\xd2`\xdd\xc0\xe0\xa3J\xc1\x9f'</t>
  </si>
  <si>
    <t>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</t>
  </si>
  <si>
    <t>b'L\xe7N\x81\xbe\xa3\x89\xf4U\xa9p\xd3T\xc9\xba\xa8'</t>
  </si>
  <si>
    <t>dy," he had gone on rather
hesitatingly. "An' mother she thinks maybe she's about Misselthwaite many a
time lookin' after Mester Colin, same as all mothers do when they're took out
o' th' world. They have to come back, tha' sees. Happen she's been in the
garden an' happen it was her set us to work, an' told us to bring him here."
Mary had thought he meant something about Magic. She was a great
believer in Magic. Secretly she quite believed that Dickon worked Magic, of
course good Magic, on everything near him and that was why people liked
him so much and wild creatures knew he was their friend. She wondered,
indeed, if it were not possible that his gift had brought the robin just at the
right moment when Colin asked that dangerous question. She felt t</t>
  </si>
  <si>
    <t>b'8\xe5\x12\x02\x90\xee TR!\x86+(Q\xdfL\xde\xe1\x87\x88\xc0\x97ma\xaf\x0ew:0\x01\xd3X\xd6j\x08\x0e\x96\xd7\x07\xad\rM,p8\xd5\x02\x1d\x0eP\xc4BL+\x11/\xe2-\xa9M\xd1\xa0\xa8}\xc3\xe7\xf4k\xf3\xd8\x83\xabz\tFQ])\xb1\xf3\xd0\x9f\xd4\xdb\x97\xccE\x1e5\xd0\xa8\xa3\xe8\xe2Y\xbc1\xcfm?\x18\xf5;\xccO\xa3r\x92$\x9e\x9f\xb8a\x8f\xe7R\x1d\x07 \xd1\x9eK\xee \x7f\x80:tq\x96t\xbe\\\xc0\x88\xda\x11\xd7\xec\x83\xdf\xab\xb9\xb7\x02\xeb\xbf\x08\xd7Y\x84\xf9\x1b\xd5X\xbb]k\xa6\xec-\xbc\xd4C\xcb\x8a\x16h&amp;]\xc9\xa9\xd3\xa1\x1ex\xf7J\xb6\xe4\x8a\xa6\x85\x13]\xfd\x07\x1c%\xd7\x06\x80\x0f\xf4\xdc\xb1\xc5\xa8\x811^\'\xedDM G\xed\x9e\xbeO\xcb\xc2\x00X\xb4\xe8\xccd5\xd0\x0b\x89\x92\xae\xffi\xb5#%\x1eA\x1e\x8e\x8e\x0f\x1b\xd6\x82j"0(\xbf\xb7\xdf\xbeC1\xb6\x90{\xa1\xfc#\x15\x08\xf8\xb2\xd0!\x14\xd4(nGY\x7f,\x8f\x06ss\xbc\xac\x03\xd4\x8d\xf2\x01,\xb1\x06,\x15 c(Z\xabI\xc4@\x1f\x998\xe8Vv_\xed\x88\x99^&lt;\x89\xa4x\x83Av\x9c\xd3f\x92y\xa9\xe0\x15E\x97oqN\xc0.9\xe4y^\xeb\xb2\x10\xa0\xfe\x8e\x8ct\xf4\xd2\x9eI5\nT\xbcY\xad\xc1\xab\x0e\xc1\xcf\xd5Hg\n\xc6\xaa\xbd\xf4\x0e\xa6\xbf\xf6d\x1eGZo\n\xe7y\x9eQdT\xb2\xe9\x8e\x08\x7f\xa0v\xce\xfe^\xc5\xa2\x98\xd9\x95\xb9-"\x02\x85\xe2\x15\x05\xfa?}^\x90\xa3\t\xe6\xcak\xb3\xd0\xc9&lt;(\x80\xde5\xb4\x05\xc7\xf3\xc0\xec\x08\xea\xd76\xd8\x01\x87_pS\xbf\xd7\x1e\xf64\x18\xa68\xe9v\x12Y\x92\xd9"\xaa\xfe\xb1\xaaq#\x03\x10\x88\xf0\x8b\xc6\x93\x06Vyk\x98\x9a\xe3\xc6\xe4z\xad\xbaq\x82\xa1r\x93\xbc$\x16\xa4=h+ 7\xd3\x0f\x0e\xac=\x95\xfaZ6\xaf\x9f\xd6\t\xbe\xdc\x90\x00\xd8\x1a\xa1\xa0X\x85\x1f\xdb\xcav\xd5\xddG,\x94\x08\xc3\xbd\xb9`:\xc3\xd9\x9e\x18C\xc5y\xe9\xc9\x96\xa8T\x88\xc1y\xd4\xd5/pJ\x93\x90J4\xaav\xe7\xda\x1f\xc1\t\x0fx\xfe\xe3E\x18)v\xed\x1d\xb8\xf9\xe3\n\xde\xf1\xd1\xe9\xc0\xbdq\x85@\xd1\xa8R\x03\x1cX\x13k=\xe0\xab\xbf\xed\x9f\x7f&lt;\t\xfe9!\xda\x14\x86$ \x88\xf5\xf2c&amp;\xe5p\x84R\xd9\xc1]\x01\xc9\x80.1_\xb3M%\xb6\xd4\x002i\x10\xc0\x04yQC\xbf\xecN&gt;i\xaf\xa9\xb34\x05\x01\x8e\x06\xcaH\xea\xa9\xc8\x89XXl\xaa&amp;#t\xc2\x99\xfa\x9d\n\x89q\x19\xddz\xb5\x10fly\x97\xdbV\x1fO\x9eZ4\x0e\x18\x92jbbbW\x9b\x03\xfa\xd3\r\xd4\xae\x15\x7f\xder\xa8\x8c\xae\')\x1a\xe5\xadQ-C\xc3\xa2\x93\xc9F\xd8\x12yZ\xc6\xfe\xee\xadZ(N\x9dt\xc4\x0c6v;\xc2\xa7\x0c\x96\xcdE\xd66\xd1\xe5\xf9\x894G=%\xce\xb8\xbc\x10\xb3]\x8d\xd3\xc7\xda\x01\'\x07'</t>
  </si>
  <si>
    <t>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</t>
  </si>
  <si>
    <t>b'8\xe5\x12\x02\x90\xee TR!\x86+(Q\xdfL'</t>
  </si>
  <si>
    <t xml:space="preserve"> to its feet, â€œI move that
the meeting adjourn, for the immediate adoption of more energetic
remediesâ€”â€
â€œSpeak English!â€ said the Eaglet. â€œI donâ€™t know the meaning of half
those long words, and, whatâ€™s more, I donâ€™t believe you do either!â€ And
the Eaglet bent down its head to hide a smile: some of the other birds
tittered audibly.
â€œWhat I was going to say,â€ said the Dodo in an offended tone, â€œwas, that
the best thing to get us dry would be a Caucus-race.â€
â€œWhat is a Caucus-race?â€ said Alice; not that she wanted much to know,
but the Dodo had paused as if it thought that somebody ought to speak, and
no one else seemed inclined to say anything.
â€œWhy,â€ said the Dodo, â€œthe best way to explain it is to do it.â€ (And, as
you might like to try the thing yourself, some winter day, I will tell you
how the Dodo managed it.)
First it marked out a race-course, in a sort of circle, (â€œthe exact shape
doesnâ€™t matter,â€ it said,) and then all the party were placed along the
course, here and there. There was no â€œOne, two, three, and away,â€ but they
began running when they liked, and left off when they liked, so that it was
not easy to know when the race was over. However, when they had been
running half an hour or so, and were quite dry again, the Dodo suddenly
called out â€œThe race is over!â€ and they all crowded round it, panting, and
asking, â€œBut who has won?â€
This question the Dodo could not answer without a great deal of
thought, and it sat for a long time with one finger pressed upon its
forehead (the position in which you usually see Shakespeare, in the
pictures of him), while the rest waited in silence. At last the Dodo said,
â€œEverybody has won, and all must have prizes.â€
â€œBut who is to give the prizes?â€ quite a chorus of voices asked.
â€œWhy, she, of course,â€ said the Dodo, pointing to Alice with one finger;
and the whole party at once crowded round her, calling out in a confused
way, â€œPrizes! Prizes!â€
Alice had no idea what to do, and in despair she put her hand in her
pocket, and pulled out a box of comfits, (luckily the salt water had not got
into it), and handed them round as prizes. There was exactly one a-piece,
all round.
â€œBut she must have a prize herself, you know,â€ said the Mouse.
â€œOf course,â€ the Dodo replied very gravely. â€œWhat else have you got in
your pocket?â€ he went on, turning to Alice.
â€œOnly a thimble,â€ said Alice sadly.
â€œHand it over here,â€ said the Dodo.
Then they all crowded round her once more, while the Dodo solemnly
presented the thimble, saying â€œWe beg your acceptance of this elegant
thimble;â€ and, when it had finished this short speech, they all cheered.
Alice thought the whole thing very absurd, but they all looked so grave
that she did not dare to laugh; and, as she could not think of anything to
say, she simply bowed, and took the thimble, looking as solemn as she
could.
The next thing was to eat the comfits: this caused some noise and
confusion, as the large birds complained that they could not taste theirs,
and the small ones choked and had to be patted on the back. However, it
was over at last, and they sat down again in a ring, and begged the Mouse
to tell them something more.
â€œYou promised to tell me your history, you know,â€ said Alice, â€œand why
it is you hateâ€”C and D,â€ she added in a whisper, half afraid that it would
be offended again.
â€œMine is a long and a sad tale!â€ said the Mouse, turning to Alice, and
sighing.
â€œIt is a long tail, certainly,â€ said Alice, looking down with wonder at the
Mouseâ€™s tail; â€œbut why do you call it sad?â€ And she kept on puzzling abou</t>
  </si>
  <si>
    <t>b'\x93\xe0}\x8c,\xd5\x8e\xa0\xeb\xd0y D\xa4I\xe3G\x189\xe1\x02R\x86p\'\xfa\x90\xad\xb4\xbc\x1c\xb0`\x9e8\xc1V\x86\xc2\x99\x8c\xc5D\xfc\\\x91\xd2X,U\xb5\x15\x8f\xc1IoJu\x80C\xaa\xe1\x81o\x10G\xc3v"\x94dJ9.\x91F\x81\xc9\x9c\xc9\x96\xd1\xd5JH\'2\xde\x93\xb3O\xc0\xfam\xc0Yg\xe5}\x01V\x9a\xcb7\xd3Q?\x9f\xb0\xdc\xe7\x9dS\x03\x94{\xcf\x07\x17\xb1-\x9b\xa7\x84\xae1\xbb\xef\x1a\xcf\xae\x9a@\xa8\x8dO\xd2Deo\xedF\xfdRO/-\xc9\n\x91w\xa4\xd3\xeeb)\xbb\xb8\x8c]\x9c\xaf5j\xa5g\x8b\xdf\x94\xf9y\x86&lt;\xc7\x13OCJ\xca\xb3\xdf\xbaV]\x92\x07l{\xda\xce\xe1}\xfc2\xf9eI\xe4\xa8b\xa8w\xaf8\'W\x89\xc842\'x\xc2\xfb\xbc\xa2\xa1d\xf4\xf3\xd6\xc3-~\x1ft06\xce\x14w\xe8\xb7k\xb4\x0bS\xbf\xb3\xc2\xcdktr\x0b\x9f&gt;r`\xa6%\xf6\x1a\xe0\xee\xc4\xa8\xdbK\xe5\xeba0m\xce[::\x0c\nL\x96\xd7\xc9\xac\x1c3\x1f\x13\xf8oSIop\x88\xc3e4#\xf1\x06\x14\x9c\x8bK:\xbeX\xb1&gt;\x83L\x01\xe6\x86r\xa7P\xbf\x17\x94\x8f\xe1|\x0c\x06\xd0\x07N\x80ug`4\xa8C:\x93\xf8\xceh\xb8\x08\x1e\x14X\x1djFS\x0b\xd2\xfe\xae\x18\xf4\xacj\xa0\x8b\xdc\xab\x88`r\xed\x8bYC\xf9\x84iaV\x97\xa9\xbfE\x1e\x13\x89\x02-\xb2gH\xc9F\xe8Z\xb8\x14/\xf5\n=zxi\xcc\x1d&amp;\xfd\xd3\xc5\xf1\xebE\xe9\x12\xa8\x11\xe2\xdc\x87\xb9\xbdN\xc1\xff\xc6A\xfaX\xdb\xc3\x1ec\xe6\xe3\t`s\xbd\x05\xa2\x83g,\x8c5\x02n\x9dmv\xe6\xb1\xd3[\x8c/\x07 \xaa:\xc5\xb3\xf0\tkg\xdf\xc6\x9a+\x8bG\xb0$\xd9\xf7\x9d\x8fN\xc9\xdeh\xfa\x84?/\x8d\xe2\xffW\xe0#\x9cgZ\x8b\x16C\x1c\x97\x8f\xed!\xdef}\xaf\x89\xea@\xf5\xba\x8c\x1d!H\xbc\xdf\xee\xb1\x11\xc99\x99;\xbf\x07HN\xd7\xd0\x16\x83K\x8c\x93EVx\xedS\xd6\\\x15\x18{O\xb9l\xa6\xe1+\x1b\x88\xf2\xa2\xc4\x8dT\xf1\xca\xd0K\x13\x9a\x94\xfc\x1c\x1b&amp;\xdd\x17\x0c\x02\xf7\x0c\xc4\x03\x11\xeaP\x84\x00\x87\xc4\xaf\x92;e\xe4.U;6\x1f\x074\x17\x8a\xa5&amp;.\x86\r*B\x95Ix\xecq\xff22\xe3\\\xf3\x92=\xd1c\xc4`F\xcc+US\xf8A\x1b/\xa2\xfe\xcek\xd6\xa2\x04\x91\xda\xb2\x8ff";)\xa3\x1d!\xe8\x96\xa2\xad\xca\x1dRp\xba{\xa3\x12M{\x80\xb9F"i\x06\xbcJ\x08\xbb\x0b\xd5\x8b\x8ay}\x99t\r=\x9c\x7f\x80\xad\xaf*~\x9bb\xf5\x84\x11T\x9d\xa8d\x93\x07\x7f\xa1\xaf$\xa4\x86\xa7\rm\xf8\xcf\xb8\x89-\xc7\x98\xe6z\xf3]XZA\x93\x05W\xb4\xfe_\xa5\xb6\x06\xe7\x0c\x0b\x029\xdetyW*\xef\xee^\xd6\x83\xf6\x1b\xb3\x14jI\xe5\xca\xb4EB\x01\x0e\rV\xe73\x1c\x10\xb2,\x0f\xc9\x1c\xfa\x93g \x99\x93\xb4\xa6\xe6\xe2."\xf0o\xa2\x13\xbbb\xb8\xab\xe9\xb7\x1e\xea\x86\xf6\xe2^\xcbM/\x04*\x16\xd0\x9c\xcd:\x98\xc9\xd4\xe6\x15\x1b\xe5\xc82\xa5G\xcd&lt;\xc3\xcd2z\xb8\xa2\xf5\xac\xd1\xfb,\xd1\xa7S\x941\xf3l\xcf\xf3\x85\x175\xa8\\\xb9\xff:\xb8/Y\x1f\xc6\xe3.-\xc0\xfb\x8ea\n\xa4a\xfa\x92L\xc6\xd7\xb8_\xa7\xd2\xfb(\x83Ho\x85\x87\x07\x03\xd7\xcd_\xc5\xc0\t\x9c]\x05\x04:\x9bE\xbd.\xa3\x1c\x83l\xc3\x04\x18I\x18L\n\xace\xc7\xb8\xf5.\x07\xce\x19%E\x8c~./\x99\xb62&amp;\x84\xe1t\xe8&amp;\xc0\x850\xa1\x8c\x98\xb7\x94\x01\x89oQ\xfa6\x9d*\xe8\xba\xa5\xfa&amp;\xcb\x04D+\x99\x04\x0fAI5\xfcd(\xf8X\x82\xb1s\x1e\x89\x0e\xf8\x7f\xd4Z\xf9\x12M]c\x11Wd\xed\xd4\xad\xees\x06\xde\xd1\x96\x85\xc1I\x02\xccf\x9br\xc8\xecJ\x17\x9eF\xd7\xe4F\xbcy\xed\x9fJ\xfe\x04\\k\x0b\xe6Ev?\x9f\x14r1\xa6\x03}&gt;\x86\x9c\xff\xcd\xabW\x1535R \x1b\xcdo\x18\xdd\x9fj\x9bP\xf4I\x94\x9e\x1d\xc3\x1c,\x17Q\xf1!\xad\xa7%\xc1\x9c0\xdc\xf7\xdf\xb2\xbd\xc4\xe3\x96O\xe4\xce8|\x90\x8a\xcd\x19v9_\x11\x0f\xfb\x96/\x83\x10\xd6xl\x16\x8e\xf2s\r\xe60J\xdd\'\x950m[MoP\xd3\xd5_\r\xa3\x8e\xb4\x1b\xc6tx\x9e\\\xe3Te\x91\xae\r\x05t\xdb\xd0\xa8D\xc7 D\xa2`\x89\xc40\xba\x12\x98\xa6\xbb\x18eO9n\xe8!\xdb\xcd\x94\x88_W\x8a\x8b\x02\xcc\xf7\xd4pF\xddf\xdf\xb7\xd9\xcd\xe9\x8b\'\xa7\xf9\xce\xdcE\xc8-\xd3)\xf3\x13I\xa8\x9cI&lt;\xacp\xeb8&amp;\xe6\xaee7\x0b\xe7\x0c\xcf/\xa9\x19\xdf\x8a#\x8c\xd0^\xf5F\xdbD\xe3\xed\x81\xc5\x01\xd0\xa5\x92\xe65\xae!\x05\xfdtTs\x9e\xa9\xc3x\xcc\xaf\x98\x8ay\x0c\x0bD[\x99\xbc&amp;\xd5\xe2\xf1"U\xb2\x1d\x12c\x18Bnx\xcd\x82\xfb\x91)\xfa\xfdKI\x1f\xa7\xe3\x9c\x8b_\x0e{\xe0*\xec\x8d\x06m"\xdf\\\x0c:\xf0|\xf6\xa2\x0b\xb1+\xcc\x12L\xf87\xd8\xc8\xfd;\xb7\xf5Y\xdb\x04\x1d\x05\x8b&lt;R\xde\xb0\x83\x85r\x02y&amp;\xa7X \x12\x12\x88f\x9f1\xcf\xae\x82\xc2\xe6$&gt;\xcdZ\xc6p\x91cz\x8f\x00\xe5\xd6\xfe,S$\xe6\xb9~J\xfe=fT\xd6\x99\xad\xb8\xa8\xfeK*=\x14\xe4\'\x90\xa7q\xcb\x99\xce\x9bE\xbdRt\xc73\x91\x87\xe3.|gq@\xbd\x88\xdc\t.-\xfb\x9d\xae\x1e\xae\xe8\xaf7\xb3\x87*\xd0_\x05\xef\x8b)]\\\xd9\xda\xd0fO,\xb5\x07Rp!P\xc2{G\x1d,\xe6\xb2*\x8aEX\x86\xbc\xc0~\x18\x85\x80\xc9\xa2\x0c\xf5!h%\xf7\xf5\xb8\x06T\x04\xd6\x0c\xf2\xb3"\x0f\x86\xe8[d\xf7\x96\xd1\x94\xa4\xa2\x14i\xd6\xd4\xb6\x8b\x87\x0f0\xb9L;\x88,\xdd_\xd4F\xc7\xd3\xfe\x97\xdc\x108\x8b\xef\xe6\xf9\xe0\x05\xf7\xd6\xacb\x80Y\x19\x94A\xf5\xfc\xbab\xbe\xe7\x16\x0b\xc3\xf6\x06F\x96\x12\x12&lt;\x1ffl`\xdf;3YA\x89\xc8\xd2RI\x8f\xd5\x198z\x81\x94\xcf\x8b\x86\x15\x92\x97Z\xdd\x10\xf2\xb7\xd4\x11\xe8Z\x8d\x9c\xb0\x0c\xb1\xe9l\ntoO\x9e\xdd\x0f:O\x17\x17a\x1c@\xedw\x0fG&lt;\xaa"-\xb3\x89\xca\x96\x1f\xd6h\x9e\x03\x87\xdbD\xaa9\xdf\x1bC/@\x9e\xd7::\x0f\xaa\xf1\xa08\x7f\x1cZ\xfd\x87\xf6\x0e\xe3\x9e\xc1syih\xf6\n\xd8\xba\xa7\xc2b\xa7\xa4[=\xaa\x9ej*Z\xcbv\x015ZA\x06\xb3h\xab\xeb\xca3\x93\xc2\x1c\x00z\xe4\x9f\x0c\x93g\x8dR\x11\xb7\x17\xd9\xe6?\xd3g\x17\xda/\xe3C\xf4\x14\xea\xd5|U\x10\x1d\x1b{r\xadA\xee]\xc7\x97@\xbb\x86e}X\xe4\x99m\xfd&lt;Y\x82\xe3\xe4\x7fH\xcd\xa95\x84y\xc7\xfclW)\x02w\xd2\xeeP\x15\x9aH0\x98";a%/\x1d\xcf\xf6&gt;[\xdbQ\xedG\x1a\xd3\xdfn\xff\x9e9\t\x82\xa6-\x00\xbe\xa3\xfa\xa5g\x8d\x81\xa8\xf9\xcbw\xe5\xef{\x93\x88\xfb\xe7LJ\xad\xc0\xac\xa8\xe3w\x19[\xaa\x84\xb1\xe7\xf0\xc3\xfb\x0cv\x18\x86\xf8k\xd8\xe6\x10\xd1MsR\x95\x16\x1a\xcd\xfe\xd7E\xaf\x8f\xd5\xd4\x7f"&gt;\x88@\xaa\x07\xf3\t\x8b\xa5?\x13\xce\x92P)3"\xb0x\xb7^\x89\x0c\xe6\xe7m\xa6Fzs\xb5z&amp;\xab\x12\xd5sT~\xe9QU\x8e\xbd\xc9\xc0\xcd\xb3D}#0UR\x1dT2\xe56e\xbf\xc0\x18\xaaO\xdb\xd5\x1e\x88-\xa8]!j=\xcf\xc5\x7f\xb1\xfeh\x02\xce-]\xeb\xafdE\x87c\xe0\xff&amp;\xe1\x07K\xd1\xb3\x16\xc8\x90k\xd7N\x0c|\xce\xb1&amp;\x16\x9a\xbc\xf5\x80\x89\xc4F\x98\xb95\xc3\x07\xe2A\xfb\xbf\xa2\xea\x97\xaf\xc7\x04\xe2\xa79*f\xcfQ\x01\xd6~\xea\xdd\xf6kd\xb8\xc1\xb3\xde\x08\xc9\x84\xc73\x999\xc8t*\x99^Z\n\x1e}a\xfe\xf8\xfe\xed\xd7^\xabJG\xeb\xe7T\x08\x14\xcb\xba\x10u\xfc\x18\x13-=8Jj\xcc\xabF|\xff\x89{\xbe\x82\x079\xe0\x15\xd9aUPE\xa6\xcb\x84F\x04\x9c\xc0\xf61\x9a\xb5\x14\xbc\xc4\xaa\xe1\xe8\xa0,F+\xa5|\x97Fc\xbc0DNj\x97\x82\xf62TU\xdb$U\x12\x8d-V\xd0\xe6\x15\xd9\xd2\xffbkJ\x9a\xc4\xc9-\xb0\xef\x102/\xe2\xe1H\xc7\x13\x93\xd9\xc6\xb3Z@9\xf6T}h\x1b?\x151C\xe3\x1d|&lt;\xc8\x84\xe7\xcf.&lt;L\xfd\xc9\xd2\xb0j\xd9\x1d\xf6\xf9\xe6;\x0e\xd6\xd2_\xd9\x81\xfa)\xb7\xb8\x8a\xd5\x893\xf7\xae\xb6\xabeO\x82L\x97\r\x13\xf8\x13W\xe5\x9dXd\x98\xb9\xd1\xe6\xcegj\xd4~\x8e\xd4\xb20e;%\x9df\x08\x1b\x83\x8c\xe9\x19$\xd0\xf2\xfaM \x8b\xc4\xf2.\x02\x90x9\xbf\x8a\x11\xb1\xa7M\xbb\xea\xe8\xa0n\xb4\xcd\x9aH5\xbb\xeb\x01D\xc1YNFv&amp;\xa4C\xf6=z]SL\xcf!\x92#L\xed\x0b\xe7\xf3\xcb{PZP\xc7\x83\xe6\xa329\xa9K=]*\xe4I\xae\xb8\x1da\xeb\x87\x99\x9a\xc3\'M\x8e\x16i\r\xe1\r\x97\xc6X\xee\xa1\xc1\x87\x19xt_\xff\x9b\x8b\xa0~\x8c\xe8\x95\xf8\xfc\xbf\x8eX^\xfb\x9c\xbeA\xcd^\xaf\xa06&lt;I\xf1\xd2\xd9T\xf0\xe9\x83\xefu\xe2\xdf\x11\xdb\xf9Y\xa4F\xa4\xf8%\x0b\xa0\x04\x1cY3HR(qc\x8f\xc2j\x10)\xcc5\x02\xa0\x92C\xa5o@\x1a\xec\x95\xbd\xe8f\x9a\xb1\xee\xd9\xf7\x89Y\x93?\xec\xcc3\xef\xc8f\x81E\xe8\x89\xab[\xc7\x03\x91\xdd\xc9\xe3\x0f\xa9\x19|\x83!\xfc\xf9\xeb\xb8\x04#Aal\xe1\xe7\xe6\x9fI\x92\xb2I%&amp;\x8a \xdb\x7f\x13\xadr\xa5I1\x8b\xae)`\x9e\xde\x8e,y\x16\xbe@p\x1e\x82\xfb\xa2\x8b\xc4\rC_\x87\x1f\x06\x18,\xbe\xc7\x00\xb3\xd3\x80p\xe6\xbeP\x14\'\xa5\xd2\x99f\xcc\xc7\xd9J\x0c\x13I%q\x9bH6\x8f~&lt;\x86\xe6\x93 ^\x83oo_Qc\x85\x0e\xef\xfbW$\xd4\xd0\xc8\xd7\x93\xd6F:\xc7$\x1e/\xc4\xd1VP~\x1c\xc1\xc2s\xf7\x16\xeb\xae\xcdi:\xe4\x98\xc9\xc81\xaa-\xfc\xca\xb2\x16\xda\x1c\x81B\xae\x01\xe3\xbc{5(\x8c\x12\x98{\xc2(\x90\xee\x81w\xe9\xa4{r\x0f\x8eT\xd8z\xc0S7=F\xf0(\xa4E\xaf A\xe6\x83\xe91\x11\xb5\xeb\xe6thy|ID\x86\xd6?y\xec\xb1cr\xae\xce\xe3\xe8\xaa\xa6\xb9ZtI\x8a1\x8a\xc2\x87\xe7[\x90x\xe7a}3\xbdV7\x8f\xa5\x1d\x92\x04\xa1"\x18\xde\xf3\x0f}\x95\x98%3\xed\xaa\x9b\xa4\x028\x87\xd5\x1bo\xb2\xe2\xf4}-\xa6\xf2\x88\x83\xc3=D\xe9\xe5\x1fB\x1a\x90H\x0b_v\x92\x07\xf5\x92\xeb\x85\r\xba#\'q\xf0\x1c\x17\x01\x8a\x8c\x84\xecq\xf2\x0b\xcf1\xcb{\xd7\xcf\xaaA\xb6:\xa1\x1f{\xd4v\xa5I\xa7\xd5\x89}\xe53\x0c\x98O\xcb\x16%U\x86\x85d\xa9\xf8&amp;Y\xe1\xfb\x9a\x12\x03M9\xde&amp;\'u\x88\x12\n\xc9i\xba!\xa0\x1e!M\x1c\xb7/z\x7f\x93\xe1\xfb\xcd\xe2\x96b\xb6\xf2k\x0f\xb9P-\xd1\x1d^\xf6\xf4Yk\xa9k\x00:&lt;\x17\x85\x84\n\xb7b\xb4\xfc\x90\x16}\xee\xf7\x98\xa3&gt;O \xde\xa5\x1a\x86\xe5@I\x00\x9e\xb6M\xacBc\xb6\xcb=\xfbt\xce(\xb0\xa1!\xdc\xe3\x94&lt;\x8bF\'8\xbef\xca\x06\xe9\xa2\xfe\x1fu\x16\xb1\xb2\x1f\x98\x86\xa1\xd0\xc5\xbe\xect\xc2\x17\xac\xb1|\x11\xf6\xaa\xf4\xc6\n\xdd\x152\xbd\xf7\xe2o\xcfC\xdf\xe5\xf4R\x18\xcf\x16o\x14\x00\x1e\xed\x8f\r\r:\x0b\x1b5\x15Sl\xa4VS\xfd\x9acTN1\x8f\x1e\x94\xcc\xde\xe8)@\x9f\xc6\xd8\x08\xff\n`\xe8\x9aN\xdf\xbe\xce\xe1k\xc1\xa3\x8b\x15\x127\xe1\xad\x9cn\xfd6\x99#\xb2\xccg4\xd1\xa1,\xa7U\x86&lt;j^\x81\xba=&amp;\x11\x9b\x0b\xa0\x1b\r5\xc6\xb6\xac\xcf\x8eiM\xdf\xda\xb0\xd1\xa0\x05\n\x1b\x01.\xde9\xf2=\xc8\xe7r\\;A\xf1\x1b\xa2\t\x87\xd5/\x8e\xa7\x05A\xe9n\xfc\xfe&amp;\xfa\xd3n\xcfx.\xc8\x8a\xf8\xf9e\x03\xcb\xb6H\x19\x00\xec\r/{D\x1f\xb9\xe1\xe3\xcc\xa0\x17\x9cC&lt;\xe1\x9e\xfc\x15\xcc\x1aX\x8c\xc9\x94i\xb1c\x91Aqn\x1c\x00,\x93t\xfdTPU\xc8-\x86\x87\xf5\xaf\x05\x02=\xb4^y\x03\x03\x07\xeaa\xce\xfdg5\x883\xc9k\xd7Vd \xd9\xb8\xb5xh\xc2}@-\x1f\xfc\xa5\x10y\x1d\\%^\x12\xd8\xe9\x04\t\xd8+\xf5\xd8\x08/\x05\x89\xfe\xb9\xfeUz\xca*r_R9\x1d \x01_=\xe1P\x1fB\x85\xcd\x9e\xa8\x81V\x8b\xd1\x01\xd6\xfb\x1e/\xb7yY\x18\x89\x96\xd1\x0e\x15\\\x8d\xbb$\xe5\x88\xa0\xfdn\x8d\xb8\xbf\xb1B\xa1\xf1\x95\xd0Gh\xdf8\xbd\x9f\xd4\xd9\x13\x185\xfc\xe0\xba\xc6\x17\x8ac\xda\xbb\xb5\xfaX\x1d\xf3\xe0S\xb0\xf6&lt;\xa7\xa4n\xe7\x15\xf7%\'\x07}[\x15\xc5y\xa7\t%7_b\x86\r\xb4\x03M\xe2\x9d\xdc\xd1~\xdf\x1f\xb3\xf0\xcf \xbdeU\xc0iie2S\rp\x88\xb5\xf0\x92^4\x90\xec\x15\xf0\n\x98\x14\x97\x06\xa5\xb9`\xd2\xbd\x1c\x95\xbfm\xffR&amp;\xe8 e`\x9d\xda\x98\t\x1acn\xd6\xac\xcd7b\x19\xb6U\xea\x1c@\t\xd4\x1bq\x82\xe0ds}\xd1m\x87\xef\xa6\xc03\x1a\x84c\xd8\xecV\x1b\xd5\x06\xfe\x01\x1a\xad\xad{5\x965\xa99\xd5\xe4[\xe9\x83\xdc\xc9\xe6\xeaP\x13J\xc1j\x14\xc0\xd5a\xdb\xe1\x10\r\x1e%Vv#e\x91@\'\x9c\xe6K\xdcZ\xb1\xeeH\xb0\xc0\xba\x9f\xbc\xec\x9f\x81E\xa2\x9a\xf3\xac\xe19\xe6U\xb9\x9b\xdev\x13\xad\x11\x89\x05\xfd\xe1\xae\xc0\xe3\x15\x01\x9c\xd3\xd1)e\x11\x08Z\xad\xbe\xd8\xd8\xee\x7fr\xe9\x0f\x9d\x0eY\xa0TH\xdc\x9e\xa9\xff\x1d\xdc8\xb9\xb9\xe5\xfa\xcb\x8d\xc2\x0bZ\xa8J#r\xae\xdd\x96U8\xb8\xc5\xb4T!\xfc\x86\xcb:F7\xb5h@WSy\xde\xd8Z\xfc2.\x17=\x99\x88\xccy\x166\x954i\x89\'\xea\x8f0\x10\x82\xde\x157\xaaB\xf7\x8c\xf9\xb54\x0e\x88=b\x81\x0b(\xb8\'\xe3\x9a\x07\x1b\xd7\x05\xa9&lt;\x14W/\xb8]\x0c\x03\xd9\x02\x19\x1c\x83Y\xfc\xc3\xfc\xef0\xb8u\x7fC\xe2\xcck\xa2\x93\xe8\t\x03\x8a\x1f\tZE\xc9\xf3j-\x96&lt;\x07\xaa\x7f0\x9fc\xafO\x81\x9d\xe2\xb5\x8d\x18?\xa8\xbc\xb5\x1a\x94cFl&gt;&lt;\x9a\x1e\xac\xea\x12\xf5\x89\xad\x85m\x19\x8b\xa6\x02\xf8\xad\x156\xf1X\xfe&amp;P\x1c\xa5\xc4\xbf\xe9\xee'</t>
  </si>
  <si>
    <t>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</t>
  </si>
  <si>
    <t>b'\x93\xe0}\x8c,\xd5\x8e\xa0\xeb\xd0y D\xa4I\xe3'</t>
  </si>
  <si>
    <t>on the
 banks of the Guadjo-mo. Here is Bill Jukes, every inch of him tattooed, the
 same Bill Jukes who got six dozen on the Walrus from Flint before he would
 drop the bag of moidores; and Cookson, said to be Black Murphy's brother
 (but this was never proved); and Gentleman Starkey, once an usher in a public
 school and still dainty in his ways of killing; and Skylights (Morgan's
 Skylights); and the Irish bo'sun Smee, an oddly genial man who stabbed, so to
 speak, without offence, and was the only Nonconformist in Hook's crew; and
 Noodler, whose hands were fixed on backwards; and Robt. Mullins and Alf
 Mason and many another ruffian long known and feared on the Spanish Main.
 In the midst of them, the blackest and largest jewel in that dark setting,
 reclined James Hook, or as he wrote himself, Jas. Hook, of whom it is said he
 was the only man that the Sea-Cook feared. He lay at his ease in a rough
 chariot drawn and propelled by his men, and instead of a right hand he had the
 iron hook with which ever and anon he encouraged them to increase their
 pace. As dogs this terrible man treated and addressed them, and as dogs they
 obeyed him. In person he was cadaverous and blackavized, and his hair was
 dressed in long curls, which at a little distance looked like black candles, and
 gave a singularly threatening expression to his handsome countenance. His
 eyes were of the blue of the forget-me-not, and of a profound melancholy, save
 when he was plunging his hook into you, at which time two red spots appeared
 in them and lit them up horribly. In manner, something of the grand seigneur
 still clung to him, so that he even ripped you up with an air, and I have been
 told that he was a raconteur of repute. He was never more sinister than when
 he was most polite, which is probably the truest test of breeding; and the
 elegance of his diction, even when he was swearing, no less than the
 distinction of his demeanour, showed him one of a different caste from his
 crew. A man of indomitable courage, it was said of him that the only thing he
 shied at was the sight of his own blood, which was thick and of an unusual
 colour. In dress he somewhat aped the attire associated with the name of
 Charles II., having heard it said in some earlier period of his career that he
 bore a strange resemblance to the ill-fated Stuarts; and in his mouth he had a
 holder of his own contrivance which enabled him to smoke two cigars at once.
 But undoubtedly the grimmest part of him was his iron claw.
 Let us now kill a pirate, to show Hook's method. Skylights will do. As they
 pass, Skylights lurches clumsily against him, ruffling his lace collar; the hook
 shoots forth, there is a tearing sound and one screech, then the body is kicked
 aside, and the pirates pass on. He has not even taken the cigars from his
 mouth.
 Such is the terrible man against whom Peter Pan is pitted. Which will win?
 On the trail of the pirates, stealing noiselessly down the war-path, which is not
 visible to inexperienced eyes, come the redskins, every one of them with his
 eyes peeled. They carry tomahawks and knives, and their naked bodies gleam
 with pain</t>
  </si>
  <si>
    <t>b'*m\x1f\xdd\xe8\x83\xd3\x05'</t>
  </si>
  <si>
    <t>2a6d1fdde883d305</t>
  </si>
  <si>
    <t>ent tears. She thought of her deceased
 parents and then of the absent Valancourt, and frequently called upon
 their names; for the profound stillness, that now reigned, was propitious
 to the musing sorrow of her mind.
 While she thus remained, her ear suddenly caught the notes of distant
 music, to which she listened attentively, and, soon perceiving this to be
 the instrument she had formerly heard at midnight, she rose, and
 447
 stepped softly to the casement, to which the sounds appeared to come
 from a lower room.
 In a few moments, their soft melody was accompanied by a voice so full
 of pathos, that it evidently sang not of imaginary sorrows. Its sweet and
 peculiar tones she thought she had somewhere heard before; yet, if this
 was not fancy, it was, at most, a very faint recollection. It stole over her
 mind, amidst the anguish of her present suffering, like a celestial strain,
 soothing, and re-assuring her;â€”'Pleasant as the gale of spring, that sighs
 on the hunter's ear, when he awakens from dreams of joy, and has heard
 the music of the spirits of the hill.'*
 (*Ossian. [A. R.])
 But her emotion can scarcely be imagined, when she heard sung, with
 the taste and simplicity of true feeling, one of the popular airs of her
 native province, to which she had so often listened with delight, when a
 child, and which she had so often heard her father repeat! To this wellknown song, never, till now, heard but in her native country, her heart
 melted, while the memory of past times returned. The pleasant, peaceful
 scenes of Gascony, the tenderness and goodness of her parents, the taste
 and simplicity of her</t>
  </si>
  <si>
    <t>b'\x0e\x06DN\xeb\x7f\xa3\xaf\xf5\xae\x05xV\xf6\xe8]\x89\xc4\x9a\x98\x12\xd9\xa6\x0e\xbc7Z!\xab\x04\x0c\x02.\x02\x0b\xdb9D\x10D\x1fw\xdf\xb8\xed\xf4\xe9\xe35!\xf5\xd7\\e\xe7\xad\xda\xe3i_\xf1\x89\xe6\xa5'</t>
  </si>
  <si>
    <t>0e06444eeb7fa3aff5ae057856f6e85d89c49a9812d9a60ebc375a21ab040c022e020bdb394410441f77dfb8edf4e9e33521f5d75c65e7addae3695ff189e6a5</t>
  </si>
  <si>
    <t>b'\x0e\x06DN\xeb\x7f\xa3\xaf\xf5\xae\x05xV\xf6\xe8]'</t>
  </si>
  <si>
    <t xml:space="preserve"> good care of them.
Food, water, potty time, exercise and play are all
very important. The more you know about pet care,
the happier your pets will be.
Food And Water
You should feed them the best food that your
parents can afford. Although dogs love dry kibble,
which is better for their teeth, they also need
canned food occasionally. The water and vitamins
in wet food is good for them too. Fresh water
should always be available to them, and itâ€™s best to
clean out their water bowl every day and fill it with
clean water. In the summertime they will need more
water and big dogs may empty their bowl several
times a day. So keep your eye on that bowl and
make sure that your best friend has enough fresh
water.
Staying Clean
Some dogs love to have a bath, and some donâ€™t.
But all dogs need to get clean and look good. A
bath every so often is a good idea, and more often if
your dog spends a lot of time outdoors. There are
special shampoos made just for dogs, and if your
dog loves baths, you will see him smile when you
take out the soap and water.
You can also brush their fur, and have your parents,
or another adult, clip their nails.
Potty Training
Your parents will do most of the work to potty train
your puppy, but there are some tips that you need
to remember.
"He is your friend, your partner, your
defender, your dog. You are his life,
his love, his leader. He will be yours</t>
  </si>
  <si>
    <t>b'\xe9\xdf\xeb\xb5\x17\xc9\x1f\xf1a,J\xa5\xe1\xe0X\xe8\xe1l[Z\xb4\xed\xdb\xa8\x1f,H\xf58\x9f\xfcQ\xda:&gt;\xf8\x10(\xf6\xa8\xdd"\x8c\xb9\x03]\x90\x86Pm\xdb\xbe\xcaW\x82vOvC=\xa7u+7\xb5\xdbY\xe4\xa3\xa8\xa9b\x07\xb8\xca\xf2\x12\x9a\xc7\xf8\x17\xe2(\xc9T\x18_\x1c\x81$\x04;\x05\xae\xda\xa5:x\xde#-\xca\x88\xf5x{\xafA\xdf\xf7\xe1\xf5\xfbg#\xa9j\x85\x0e\xe6\xdc\x7f\x1aM\xe2\xb6\xf5\x88\rMx\x96\x9b\x89Y\xa3\x06\xe7\x03\xb1\xcf\x8d\n\xbe\xba\xceM\x8d\x0f\x98\x1d-\xe5\xf6}\xbc\x02\xdd\x85\xcc\xffY\xf8S\x03H\xfb\x0eK\xcboyq\xd9\xa0\xf4\x82\xf2\xa3\xbc\xea\xc5u\x11\x0b\xa6\xcc\xb7\xd3\xdd\xae\xf8\x0b&gt;\xa5\x8eR\xcb\x8af7\xfd\xc7\x11\xc1S\x8d\x11)\xda]/\xbc8\x85\x97\x19Z\x9c\xde\xd5$.\xc0\xe2\xb9#@\xee\xea\xc49\xcb$Bcn\x0b\xe8\xbfg\xaa\x03CCN\x90\x017\xab\xfc\xc3;\x94\x14\xc2;~m\x8d\\c\xa9\xaa\x02\xd4e\xb0HH9\xc5\xa4a\x08\xd9*\xe1\xccB\xb3\xdf2^f\xd2PM0\xd4z\xefj)\xb4\xa8\x84:\x91\xd5\x80\x8d)\x12\x93c\n\x8d\x17\x9d\x93\x96h\xf6QL#0rz\x06\xec\x92\xc8\x8c\x8b\xcc \xe7\x18\x076\xef\xd6\x98\xd5g,\x89\x18{\xb11\x00tT6\x89o\x0b\x0c\x0c\x90*\xadYz8\xfa\xeb\x0f\xa2\x8f\xd9\xa8DT\x04rE\xedc\x96\xed\x07?\x14(\x12c\x86\xbcT\xf5a 8&gt;\xc2p/m\xa4xm\xfet\x88\xd6F\xe7\n\xe6(\xc9\x87+G|T\xec\xb2,\xa5w0\x8cZD\x82\xa7\'\xb6.\x8e\xca\'\xa7\xc5\xec\x9fP\xda\x86\xe1:\xe3\xdaY\x8d\xe3!\xc3\xe2\xe6\xd6\xbcr\xa2\'\xf34\xb2\x90\xef\x0csv\xbb$\xf3o\xba\xf3\xd5$\xd2\x0el\xd7-\xea5uX2\x0b&gt;D\x0e\x8b\xee\xf4\xbc\xeb\x91\xf6\x02t\xdc\xe6\x8ax\x8e./\xe9"\x03\x1c\xa1)\xfc\x9e\x99\xd1o\xb1\xa8\xff\x84\r\n\xd73\xf8\xf2\xd65\x90\xe0\xa8\'\x96\xbe(\xa5q\x1d\x96\xa2\xe6c\xa5\x1be7\xa1\x1d\x01\xa0\xa7\x1f\x89\xa9\x97\xcc,%\x14\xb7p\xd4\xa2\xedtB\xac *I\x02\'\x06=w\x0e\x01\x8a\x00h\xef\xe2\x86[\x92q\x99\xcbn\'\xe5*@\x86\xd9n\xd4\x98I\xc8\x14\x12\x0bgBr\xf5\xe0\xbf\xcfd{d?T\xdf\x8f\xf4\x03(D\x12\xed\x89\x03\xa84\xcd\xc2\x191 \x18\xaf\xdd\x8b\x9b\xe7\xfaQL\xda\xb3\xe4\x7f\xad\xdb\x9d\xb9\xec\xe9\x9c\xd2\x83\xfa\x0b\x8dS\xdf\x17\x19\xfa\x93Y\xcfW\xe3\x1e.\tm\x8b9\x14\xeft\xb2\xe7\x82\to\xcd`;\xa2-\xd8\xd2\nF\xd6\x9b"\xd7D4\x85K\x1c\xf8\xff\xd3\xd9z\x1b\x8d\xca\'k\xd3!\xcb\x02\xfe\x8b\xee\xac\x90ch;\xc3\t\xca\x81\xaai\x8d\x95\x07\x14\xbf@\x16ucy\xec&gt;cbJ!G\xb5!h\xc43\xec\x89.\x9a\x12\x97\x19\xf4W\xc1w\xb8\x88\xa2\xb5M[\x90\'^\xeeV\x0c\x1e{\x14\x83\xe8n\xdb\xb0L4\xf2\x18\xef\xf8\x1bo\xb8\x86\xcc\xc40\x9eG\xbc\xb2\xdcA$\x9e\x1e"\xc8\xd5\x95\xe1(\x86\xf6\xe5\xbf\x97\n\x8b\xa2&amp;\x17\xf3~\xb1\xe3I\xfa\xa1\xd2!\x1cxIh\x07(\x06q*\xdd\xab\xce7Ww\xb7\xfe\x12L\xb7\xc4\x99&lt;\x1fl\xa8\xad\x87JV\xc6\xf2\xda\x1f[\x02R\xeb,`"iyy$\x81,y\x01\xd4\xa7^\xb4\xc0o\xdc\xff:\xc8\x93#!\'\xdf\xac\x80\xc2n\xd6i\xdcC\xb7\x13\r\xf4z\xf0\x05?&gt;\xf3\t\x05\xfe&gt;|7E\x82\x07(/\xf1\xa5\xa89\x938\x00t\xe5J\x83\x05\xf5\xea\xbe\xb3\x92\xe4\x0fh\xb6:\xa6b\xab\x9c\x82\x01\x14Y\x91[r\x176\x13\xaf\xdb\xf9\xad\xa5\xbcG\x173\xafNR\xb7\xc2\x96\x0e|INOR\xe4\x03\x9e\xe1\x0c"\x0b\x88usBU\xf2J0\\\x17\xee\x14%C\x1c{$\x91\xe0\xb0\\\xd5A\x8d\xeaO^\xa0\xc5w\'\x1b\x0cbS\x83\xbc\xec{q\xc9\x12\xe2\xa8l\x9frA5\x92\xc1\x9d\xfb\xad6\xb8\xdb\xed\xca\xa5\xee\x9fq\xb5:uK]Q\xcd.R|\x81oS\xc4\xd0S\x83\t\x04\xd9k\x8d\xa5\xa8&lt;\xbe\xa1\xde\xec\xef\xaf\xa5\xa1\xe8%\xb5Q`\xf8\x84\x89\xcetCf\xfaQ\x89\xbc:\xbf\xbe\xb4\x0f\xfd\xf9\x12/0\xa0\xfc\xd7h\x1c&amp;\xbc\x7f\xd5Yz!\x11\x02\x90a\xb7h\x8c\x0b\t3\xce\xd1\x18\xb0\x17oj)\xbb\xa9wi \x92l\x18\x0f\xb7\x9d\xed\x8b&lt;D\x9e3\n^b@\x89\xc4\xbc\xdc5\xdc\xed\xe5\x0b\x13\xd8X!\x02\x99\xd2\x95,\xf10Y\xdc{\xe0O5\x18+\x05w&gt;rm\xdd\xd5[5Q\xc5\xe7\xbb`\x90\xd8\xcck\xbeG\xea\xefQ\xb1c\xa0}\xcd\x83\xae\x89\xf1\xac\x85T\xc4\x0e\x1a:-K\xc6\x81\xa5}\x8a\x02A\xf5\xcf5|Y\xf8\xc0D\xdb\x80\xe2P\xc2\x96\x14\xdaGz\xc2a\xdb1:M\x15t\x11Q\x01]\xcc\x1b\xf5Ts\xd1\x80n\x7f\xf3\xeft\xae\x98\x04\x8a_\xae?\xb7)b\xaaI\xd9\xa4`\xb8\xd0_\x12\xe7\xe7\xbe\to\xcd\x89\xa3&amp;\xbe\xc7!!\xeb\xbc\x1e\xd2\xcf\xd1\x15\xb8\xfa$\xbd \x89\x99\x07\xf3\xa3\xeb\xf4\x0fU?\xee\x83\xe0JZ\xb4@\xef"\x1a\xd0\xe9\xf9\x81\xeb\xe7\xf2\xd3\xb8\xa9L\xea@K\xfa\xd0\xf9\xccz\x0b.z\xa1\xb9\x18_@\x8c\x91\x96\x960\xc7\xa6,\x89\xa00D\x1e7\xd6&lt;\xc7\xb6\xc2^\x8d\xd5)\xec\xa3\xbcT\xb3(^\x8e\xd2\x85X\xe9nP'</t>
  </si>
  <si>
    <t>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</t>
  </si>
  <si>
    <t>b'\xe9\xdf\xeb\xb5\x17\xc9\x1f\xf1a,J\xa5\xe1\xe0X\xe8'</t>
  </si>
  <si>
    <t>t of countries that have
 experienced startling economic takeoffs includes the worldâ€™s two most populous nations,
 China and India.
 Figure 11-3 illustrates the Asian takeoff by showing the experiences of three coun_x0002_tries: South Korea, the biggest of the original group of Asian â€œtigersâ€; China; and
 India. In each case, we show per-capita GDP as a percentage of the U.S. level, an
 indicator that highlights the extent of these nationsâ€™ economic â€œcatchup.â€ As you can
 see, South Korea began its economic ascent in the 1960s, China at the end of the 1970s,
 and India circa 1990.
 What caused these economic takeoffs? Each of the countries shown in Figure 11-3
 experienced a major change in its economic policy around the time of its takeoff. This new
 policy involved reduced government regulation in a variety of areas, including a move
 266 PART TWO International Trade Policy 1955 1958 1961 1964 1967 1970 1973 1976 1979
 1982
 1985
 1988
 1991
 1994
 1997
 2000
 2003
 2006
 2009
 India
 South Korea
 China
 2
 4
 8
 16
 32
 64
 GDP per capita as % of U.S. level
 Figure 11-3
 The Asian Takeoff
 Beginning in the 1960s, a series of economies began converging on advanced-country levels of income.
 Here we show GDP per capita as a percentage of its level in the United States, using a proportional scale to
 highlight the changes. South Korea began its ascent in the 1960s, China at the end of the 1970s, and India
 about a decade later.
 Source: Total Economy Database.
 toward freer trade. The most spectacular change was in China, where Deng Xiaoping, who
 had taken power in 1978, converted a centrally planned economy into a market economy
 in which the profit motive had relatively free rein. But as explained in the box on page 267,
 policy changes in India were dramatic, too.
 In each case, these policy reforms were followed by a large increase in the economyâ€™s
 openness, as measured by the share of exports in GDP (see Figure 11-4). So it seems fair to
 say that these Asian success stories demonstrated that the proponents of import-substituting
 industrialization were wrong: It is possible to achieve development through export-oriented
 growth.
 What is less clear is the extent to which trade liberalization explains these success
 stories. As we have just pointed out, reductions in tariffs and the lifting of other import
 restrictions were only part of the economic reforms these nations undertook, which makes
 it difficult to assess the importance of trade liberalization per se. In addition, Latin
 American nations like Mexico and Brazil, which also sharply liberalized trade and shifted
 towar</t>
  </si>
  <si>
    <t>b'0F\x02!\x00\xd8)\xd4\xe1,Ec\x97\x8f\\^8\x87CG\x83M\x94\xe2m|\xf6\xd5\x9d\x0f\xe5\xf0y\xc5A\x95?\x02!\x00\xd1\xf82\t\xf2\xe2\\\x9b\xf6]*\xa1\xb5\x90H\x80\x0c\xee\xd6\xe9\xd7K\x07m\xf2z\xac\xaf\xe8E8\xf2'</t>
  </si>
  <si>
    <t>3046022100d829d4e12c4563978f5c5e38874347834d94e26d7cf6d59d0fe5f079c541953f022100d1f83209f2e25c9bf65d2aa1b59048800ceed6e9d74b076df27aacafe84538f2</t>
  </si>
  <si>
    <t>b'0F\x02!\x00\xd8)\xd4\xe1,Ec\x97\x8f\\^'</t>
  </si>
  <si>
    <t>st, but everybody starts at zero. Everyone starts by
 doubting themselves. Everybody wonders if itâ€™s going to work. If you stick
 with this process, stay devoted to your customers, and watch the power of
 compounding returns take hold, you can build a million-dollar business, as
 hundreds of my students have. You might even build a billion-dollar
 business.
 But wait, forget a billion dollarsâ€”how do you get those twenty-five sales,
 every single day? Keep reading to find out.
 Entrepreneur Spotlight: Kevin Pasco and
 Jeremy Sherk
 Kevin Pasco and Jeremy Sherk co-founded Vancouver-based Nested
 Naturals in late 2013. The company launched in the summer of 2014
 with two products: Luna, a natural sleep aid, and a Canadian maple
 syrup.
 At first, Kevin and Jeremy planned to sell health foods as well as
 supplementsâ€”but building a brand around both mapl</t>
  </si>
  <si>
    <t>b'\x11\n\xa1\xd5\xa7,\xd4\x94\x974\xcc\xe2\xbe\xdd\x13\n{ov\x97\x05{\xfdVw\xc4w\x15\r\xed.{\xd1p\xb6\x91~}-\xcd\xd8P\xb0\xfbD\xd0\xaf\x9cvR\x14\x9b\x8a\xf2t\x82\xa4_6T.\x97\xc1\x07+\x9b\x8a\x18\xccD@\x10N\xb3zz\x119i\xb9s\x07\x01C\xae\xd4\x846\x19P\xcd~\xbc\x19\xc8\xf9\x05\xe9\x96\nQY\xd1f\x9d\xa5b\x80\x18\xf4\x0c\x9c\x0b\t\xee8\xe0\x98\xae\x7f\xb3\xa3\x9cd\x13\xbb!&lt;\xf6h\x15\xb9\xe7\xf8\xac2\x86WY\xaa^\xddp\x92\xd3\xc2\xd5&amp;\xd6\xb2&gt;\xa3\xcbz\xfdHk\x87u{-\\\xb1v\\\xad\xb1\xf3\xa2\xd5\xc8s\xb9gk\xe1A9\xfa`\x03\xd0\x84\xa4O\x91\xaa&amp;&lt;\xa4}\x94\x97\xfa\xfa\xe7\xb7?Ft\xa8\xb0M!\xbe\xda\xfc.\x8a0yT,\x9d=\x11\x02h\xf6\xe8D\xd9\x9f%(\xfb\trS\xce\x9ck\xf4OT\xf0\x0c\xfaX\xc3J\xea\xed-\xd4j\x049\xfafx\xee\x18\xf0\xec\xf8R\xb8?\x8c_\x00\xdc\x8b\x0es?wd\xa0\xdc2\xe6\x8d\xd48EJ1\xd1\x9c\xe5\xac\x05\xaaO\x1e\xbdZ\xe0\xd57\xcaE\x94\x05\xfbG_5\x0e\xf3\xde\xfe\x16{\xa4\xd3\xdc\xd2G xZ/\xe8\x1d\xee\xa6)\xa9\x11\xd6\xaa\xf2\xdbM\x80`=k\xea\x12\x02\x14\x90\xe9\xa3\xa0\\ \'^|X\x15LF\xd7\xc0\xb0\xed+\xaf\xd9\x96Y\x05A;`O#\xd6%l2\xc5\xc8\xe8\xce\xd0a\x8fM\x03\xfaC\x8c\xfe\xb7\x01\xf1u\xd1\x0c\xa94\'f\xca\n^\xb2`\xe9\x15\x84\xb6\x94%\x00\'\xd5/\x1c\x08P\x86y$%\xb8k\xc7\xaa.\x13\x1a\x94\xbf\x02r15\xa56]&lt;F\x00~q\x97\xacI\xdfY\xbaB\xd0\xd1\x9f;\x81U\x06\xc0\x1b\xbe[\xa57\x10\x97wQ\xb7"c\\]\x13\x94\x93I,f\xf1\x9e{\x9d\x90\xb6\xae\x9b6\xe5\xef\xa5\x87\xa1\x03\x944?\xec\xcbN!#M\xb9\xa1m\x00T\xdf\x1d\xbdQ\xca$u\x9f&lt;w\x12\x8b\xd6\xbf\x17T\x08\xe2\xb44i\xbcC+\x86kJ\x1f\x92&lt;\x14\xa9^\xec\xdbA\xf4\xb0\x8b\xb1@\xd2\x9a\xbf\n\xe1\x93_\xadi~\xaf\xcd\xc6\xfe\nzA&gt;@c\x1f"\xd8\xba\xe3\xda\xfa\x83\xc9E\x01\xcdE\xf2\x16\xa3U\x1a\x1c\xd0P\xeck\'\x92.\xf1\xca \xae\xabj\x11\xe8\xbb\xb3\x8c\xdct\x16\xbb\x0bP\xd1\xfb\xbc\xd32\\\xf1%\xcf\xa6\x0c\xc4+\xb7%\x04h\x06^\x02&lt;9_\x07\xabI4\xf0\x95\x01w\xaaRDgl\x96H\xd4\x1bI\xe1#\x9f\xf2\x0b\x05 \x8c:\xf2\x8c\x82u\x0e\x85\xe9T\x8a\xe3\xcb\xd70\xc7\x84\x82s+LuVP\x16\x11=I\x17zY\x90o\x89-\xa3\xd2\x84\xd2\xb4!\xbd\x01\x89\xcdhNY\xba\xd3\x13\x14\xd4\xb8s\xd81\xc9\x1f\x973\xc3\xb8[\x91yV\xab\x03\xf2\xf25\xd7&gt;\xd88T\xfd_\x855\xab&gt;Ilc\xe0\xfe\x1d\xa4\x0c\xe7t\x86J\x85\x8b\xa5\xb8I\x98\x02Cg\xca\x90\xae\xf0\xec\x07\xba\xf08]EM\xdcg\x00\xe6t\xd1\xcb\xb0\xd4\xb2;\xf1\xc9\xad(t\xd4\xe0\xb7\rn\xd3\xcf\xba_\xbe\xa4\xbb\xd9R\x1emZ\xf7\x0c\x05\xeb\xf5b\xfe\xe6\xff?CH\x94\x1er\x96"m\x15pe\xe7*\x15N\x0f\x02\xea\xc7\x1f\xcfx\x82\r\x00\x9e\x07?\xed\xd4r\xe0\xc1zZ\x18\xbc7uDN[\xf8\xfd'</t>
  </si>
  <si>
    <t>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</t>
  </si>
  <si>
    <t>b'\x11\n\xa1\xd5\xa7,\xd4\x94\x974\xcc\xe2\xbe\xdd\x13\n'</t>
  </si>
  <si>
    <t>n every affliction we
 have known; to whose eye every moment of our lives has been exposed;
 he will not, he does not, forsake us now; I feel his consolations in my
 heart. I shall leave you, my child, still in his care; and, though I depart
 from this world, I shall be still in his presence. Nay, weep not again, my
 Emily. In death there is nothing new, or surprising, since we all know,
 that we are born to die; and nothing terrible to those, who can confide in
 an all-powerful God. Had my life been spared now, after a very few years,
 in the course of nature, I must have resigned it; old age, with all its train
 of infirmity, its privations and its sorrows, would have been mine; and
 then, at last, death would have come, and called forth the tears you now
 shed. Rather, my child, rejoice, that I am saved from such suffering, and
 that I am permitted to die with a mind unimpaired, and sensible of the
 comforts of faith and resignation.' St. Aubert paused, fatigued with
 speaking. Emily again endeavoured to assume an air of composure; and,
 in replying to what he had said, tried to sooth him with a belief, that he
 had not spoken in vain.
 When he had reposed a while, he resumed the conversation. 'Let me
 return,' said he, 'to a subject, which is very near my heart. I said I had a
 solemn promise to receive from you; let me receive it now, before I
 explain the chief circumstance which it concerns; there are others, of
 which your peace requires that you should rest in ignorance. Promise,
 then, that you will perform exactly what I shall enjoin.'
 Emily, awed by the earnest solemnity of his manner, dried her tears, that
 had begun again to flow, in spite of her efforts to suppress them; and,
 looking eloquently at St. Aubert, bound herself to do whatever he should
 require by a vow, at which she shuddered, yet knew not why.
 He proceeded: 'I know you too well, my Emily, to believe, that you would
 break any promise, much less one thus solemnly given; your assurance
 gives me peace, and the observance of it is of the utmost importance to
 90
 your tranquillity. Hear, then, what I am going to tell you. The closet,
 which adjoins my chamber at La Vallee, has a sliding board in the floor.
 You will know it by a remarkable knot in the wood, and by its being the
 next board, except one, to the wainscot, which fronts the door. At the
 distance of about a yard from that end, nearer the window, you will
 perceive a line across it, as if the plank had been joined;â€”the way to
 open it is this:â€”Press your foot upon the line; the end of the board will
 then sink, and you may slide it with ease beneath the other. Below, you
 will see a hollow place.' St. Aubert paused for breath, and Emily sat fixed
 in deep attention. 'Do you understand these directions, my dear?' said
 he. Emily, though scarcely able to speak, assured him that she did.
 'When you return home, then,' he added with a deep sighâ€”
 At the mention of her return home, all the melancholy circumstances,
 that must attend this return, rushed upon her fancy; she burst into
 convulsive grief, and St. Aubert himself, affected beyond the resistance of
 the fortitude which he had, at first, summoned, wept with her. After
 some moments, he composed himself. 'My dear child,' said he, 'be
 comforted. When I am gone, you will not be forsakenâ€”I leave you only in
 the more immediate care of that Providence, which has nev</t>
  </si>
  <si>
    <t>b"P\xc3\x0bc\xb7\x19;\xfa\xf9\x1f4\x84'.\x106y\x13\xaeOEii7q\x94\xf2=K\xf3\xcefeU\x98a\xa3\x03\x82\x128_ZM/U\xaf\x02\xec\xee\x93^rg\x06&lt;\x84\xa4\r\x83\x07f6\xf4"</t>
  </si>
  <si>
    <t>50c30b63b7193bfaf91f3484272e10367913ae4f456969377194f23d4bf3ce6665559861a3038212385f5a4d2f55af02ecee935e7267063c84a40d83076636f4</t>
  </si>
  <si>
    <t>b"P\xc3\x0bc\xb7\x19;\xfa\xf9\x1f4\x84'.\x106"</t>
  </si>
  <si>
    <t>o acids (e.g., alanine, cysteine,
proline, tryptophan, lysine, etc.), a protein is a
heteropolymer and not a homopolymer. A
homopolymer has only one type of monomer repeating
â€˜nâ€™ number of times. This information about the amino
acid content is important as later in your nutrition
lessons, you will learn that certain amino acids are
essential for our health and they have to be supplied
through our diet. Hence, dietary proteins are the
source of essential amino acids. Therefore, amino acids
can be essential or non-essential. The latter are those
which our body can make, while we get essential amino
acids through our diet/food. Proteins carry out many
functions in living organisms, some transport
nutrients across cell membrane, some fight infectious
organisms, some are hormones, some are enzymes,
TABLE 9.5 Some Proteins and their
Functions
Protein Functions
Collagen Intercellular ground
substance
Trypsin Enzyme
Insulin Hormone
Antibody Fights infectious agents
Receptor Sensory reception
(smell, taste, hormone,
etc.)
GLUT-4 Enables glucose
transport
into cells
2024-25
110 BIOLOGY
CH OH 2 CH OH 2
CH2
OH
OH
OH OH
OH
O
O O
O
O O
O
O O O O
O
O
Figure 9.2 Diagrammatic representation of a portion of glycogen
etc. (</t>
  </si>
  <si>
    <t>b'\xcf\xc2\x18\xc0\xc41H\xfa\x86\xac\x9bI{\x05\xd0\xf2\x12J\xe6\xb4\xe1\x9b\x9b\x15x%\x8f9\x06\x1aR\x17\x90\xfd\x1a\x04\x15W\x95P&amp;F\r)\xf7\x17\xb5\xa3\x89?\x03v\x03o\xe05\xdf\xe4\x90`\xca\x13d\xe2\x81)\xaf)7H\x91\xeaS*\xc8\xf2$\xdf\xb2\xce\xb7b\xc7\x13\x91\x10)\xf6*.\x89H\xd4\xc7.\xee\xe63\xaf7\x8emK\x82\xd1\x8bI\xfe;\x96\xf9Z^\x97\xc0\xad\xd8.\x12\x15\x02\xdc\xc1\xd4!\r2.\xf6g\xa4\xfa\xcb\x86\xe4-\xda?\x08\x8f\x1d\xbd*\xb4\x9c\xe4\x02P\x86*R\x7f\xc5\xbe\xc3\x00\x7f\xe5Mf\xf6q}(D\xcb\xdd\xc5\xa1\xf68&amp;\xd9\xe3/\x0c\xf6ic\xed\xe8m?\xa2\xa8\x82\xd2\x8a&lt;31\x8a_GpB\x9a\x95\x08a\xcfea\xab\xda9\x9e\xc5\x1d\xbb\x7f\xf42\xef\xa5)\xa7*\xc5 @\xdf\xeb\xa0\x19,\xef@nz\x97j`jk\x9e\x86\xb5}4\xb27\x1e\x99G"_\x1d4\nd\x90\xfd\xac\xc9FLU\x84\xe3F0\x89\xf8*}-\x1d\xef\xbbq\x84\xf5\xaa\xea\xbb2\x85T7O\xb0\x01\xe5\xd2cNsA\x05A\xb7\x83\xf7x`\xee1h\x1b\xb4h\xeb\xd0z\x89\xfbw\x8b\x8d\xcb\xfe\xcd\xcd\x9b\xfe\xea\x85\xa1\x9e_\xa4w\xba&lt;\xad\xc8\x81/I)xZ\x12o\xac\x05qT:`\xa5c\x92\xd4\xfa\x1fs\xac\xba\x0b\xb7\x108x\xc79\xa4m\xa0\xca\xa6\x84\x0e\x15\xc8\xe6\xe7h\x88\x8cv\x86\xb7\x9du\x92:\x85/\xb5\xad\xa0q\xdb\x04\xe8\xc3\x98\xe6\xda\x8f/6\x95v\x14(\x08\xb4i~\xd1\xad\xcf\xb15|\x85bC&lt;WR7\x84hA\x8c\xd2qP\x0e\x03\x10\xcc@\xefkN\xa9\x00\x05!\xe9\x12d\x88\xde\x1b\xb9Q\xbb\\\xa1\x98\x81\x97\xedv\x80N\xbb\x92q\xc4\xceSX\x10\xab0\xd1{\xe4\xab\xab\xdf\t\xc9\x9bf\x88\xf6Bd\xc3s\xbbL\xc8\xf2\xcd\x02\x12E\xdb\xdb\xb6d%|3\x11\xb50\xfe\x98\x18nD \x02\x90\xc2\x16\x11\xd4\x97O\x91\xabQ\xb6\xca\xfc{P\xfd8\x04\xba\xa4R\t:\xfd\x80\x85\xa8`\x82\xc5\xbc\xb7\x93d\x15~\xb3\xa7\xf6\xeei\xf8\x18\x1d\xc9\xee\x04\x0c\xfa=\xd3\xb6-\xc7\xe9AR\x9c\xa12\xef\x1c\xa6L\xb5\xa8\xa1\xdfQ\xa7\x12qR\t\x01;\xf00I2\xcbm\xee\xb7\xdf\x00/\xa7\x8d\xd9\xa5\x0ew\x949p\xca=\xd5I"\x9c:mi\xad\x1a\xd4\x02\x91\x9dY  ;\xc2\xf6\x80Z\xb2X/o\xf3\x1d\xd0\x02*C\x06\xe6`\x04\xcf\xf9\xb3.\xc7\xed\x9c&amp;\x1a\xaaGcx\xf4\x9aB^\x17Z\x06\xb0\xee\x9fZ\xecX?\x9fc\xf4\xcc\xf2H\x82\x8e.OV-3\n0FtX\xe6\xa4\x8f\x04\xb3\xbdY\xf8\xe8\x8ag\xed\x8bQ\xdb\x1b\xd8\x08\te\xe8\xd9V\xa24\x14Q\xd8rz\xf8\xe9\x16Pw\x08\x11Tc@\xdf\x86q\xd148\xe2}r\xff:\x80\xb9\x14\xc6\xa3|\xea/\xb88M\xe2\x91\x93\xb5\xae1\xd1\xa7+m\xab\xef\x99\x1f#KTu\xa4\xd47\x92\xd9C?\xe5(\xe6\xc8G\xc7&lt;\xec7(\x90\xc2N\xd82~\xe3D&amp;\xb3\xc9\xa7)4\x99uD\xbd\x979\xd8\x82\xf2\x01q\xfe\x9b\xe4\x7f2\x18\xe4\x8e\x16\x874\x11!\xd9\x82\x98\xeag\xee\xb2\xc2\xc0\x8d\x9d\xb2\xa8k1\xb69\xc3\x13qEE&lt;\x05e\x99\xf9VpV\xe4\x8b\x93\xc2\x18\x8fu\xd9\xad\x93z\x07\'\xe7kc\xd6Y\x98J\x15\xec\xdf\x83\xa1}\xac\x83I\xdb5\xe9\xf5\x1d\xde/9z#\xb4K\xb6lC\x06\xe3\x83\xed\x06\x7f\x83\xd8\x1c0\xcal}\x1a\xbbS\x19\\:\xff\xd7C\xfbDR\xa1\x12\xcb\xc3A(&lt;f\x18\x16\xa4\xe5V\xb7P\x0e\xf0\x1bpS\x87\xba\xf1\xdd&gt;]m.\xc1u\x12\xb0\x0f\xba\xd7\x8a\x0e\x8c\xb9#\xc5\xff5I-\xfaU\xb0r\x88l\xaagX\x1f\xd3\r&gt;\x00\xbb\x07@\xbd%\x0b9\x1e\xa4.\xfd\xe3\x98\x1f\xd1\xe7\xe45\x01\xb65\xdcIWE\xd3\xf8\xdf\xbf\xdf\xa0\x94C\x8c[\xeaK\xe9\xa5\x9c\xa4\xc8a\x8c\xb9\x9c\xa1\xa2\xca\x0b}\x11\xe0\xa0B\x9fI\x0c\x1a*\xba\xa5\xa9ux\x8b\xfd\xfe%X\xbdb.\x8a\x1b\x97G\xe7\xfa{\xab\x8dZ\xef@\\\xff\xe6\x16\xc1j\x9f\xf4\xb2\xad\x1dN\x99mVo\x16z\x9e\x91\xf9_y\r\xed\x12\x1a\x99S\x1f:\x8a\xfb\xa7\xc7B\xfa\x99\x9e\x0c\x9c\x84\\2\xda\xe3\x12\xef4L\xa34c\xedzz\x1c]\xfc\x17\xeaT2\x95S@\xc7\xf9\xee\'\x822 \xde\x10\xb3\x83T\x12\x82\x0b\x83\x96\xf45\xd9\xa1\x95|&lt;\xe1\x86\x8b\x1e}\xae\x99\x0f_\xca,Lh\xe5\x12CF\xa83\xc2v\x1fc\x8c&gt;\x02q\xc3\x01\x1d\xa5\xc3\x90\x85a\xabP\xde\xe5\xf1\x0f\xc6Cl\x16\x96\xcf\x9c\x0c\x1fD\x0e\xb4\xe5gP\x8e\xa5\xa1\xff\xbf\r\x0cs\xb41\xd5\xbd\x01e\xf1\xc9\n\xef\xf3\xb1h\x89\x82\xef'</t>
  </si>
  <si>
    <t>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</t>
  </si>
  <si>
    <t>b'\xcf\xc2\x18\xc0\xc41H\xfa\x86\xac\x9bI{\x05\xd0\xf2'</t>
  </si>
  <si>
    <t>e; 
 Long John, he was quartermaster; and they asked him where the 
 treasure was. 'Ah,' says he, 'you can go ashore, if you like, and stay,' he</t>
  </si>
  <si>
    <t>b'h\x87\xd1\xebq&lt;\x0b\xf4\x82\xc1v\xf3\xb1\xef\x81u\x1aC\x9cH\xc3[^\x93\x91F\x0ej+\xe5\xaa{n\x00\xb4\x8a\xd6\xc6wc\xc1\xc8\xd4\xe4\xa7#\x8eP\xccs\x1e\xd8\xc4{jS\x91\x1d\x1bk(\xccg\x1b\x19\x07F4\xae\x0b\xfb3S\xab\xb3x\xf7{Y\x03b\xf2\x8a{)\x9b\xd2\x80\xd1"S\xb1\x94!\xe1r\xba\x03\xc6(\x97\x9f.\xe3\xec\xe2s\x87\x7ff\xfa\xa03\xc7\xc6\x85\x83?\n3\xa5\xc2\xf8\x9af!\xcd\xadB6\xd8\xe8yP\x1a\xcb\xea\xb6\xa2\xd6I%\xeb\xe4\xcbZ\x8bk^\xe0\xb1K}\xb2\xef5\x9eh\x9b\x92o\xfd\xfa\xfbG\xa6OD\xa2\x8f\xf2W0\xfdl\xb0\xd8\x80\x8bF.B\xad\x89\x150\xec\xd5\xd5\x7f\x05\xc3\x1d\xad:\x91M\x12\x01_-G\xef\x9eU\xf0fSA\x8ey\xc3/]g#a%\xb3\x9a\xf1+\t&amp;\x87\xbf_\x029$\xc6\xabn\xe0t\xe8\x84mS8\x11\xbc\xe9\xba\x9bw\xaa\xf9\xfa\r\x12~E\xde\x94\xe2'</t>
  </si>
  <si>
    <t>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</t>
  </si>
  <si>
    <t>b'h\x87\xd1\xebq&lt;\x0b\xf4\x82\xc1v\xf3\xb1\xef\x81u'</t>
  </si>
  <si>
    <t>All children, except one, grow up. They soon know that they will grow up, and
 the way Wendy knew was this. One day when she was two years old she was
 playing in a garden, and she plucked another flower and ran with it to her
 mother. I suppose she must have looked rather delightful, for Mrs. Darling put
 her hand to her heart and cried, 'Oh, why can't you remain like this for ever!'
 This was all that passed between them on the subject, but henceforth Wendy
 knew that she must grow up. You always know after you are two. Two is the
 beginning of the end.
 Of course they lived at 14, and until Wendy came her mother was the chief
 one. She was a lovely lady, with a romantic mind and such asweet mocking
 mouth. Her romantic mind was like the tiny boxes, one within the other, that
 come from the puzzling East, however many you discover there is always one
 more; and her sweet mocking mouth had one kiss on it that Wendy could
 never get, though there it was, perfectly conspicuous in the right-hand corner.
 The way Mr. Darling won her was this: the many gentlemen who had been
 boys when she was a girl discovered simultaneously that they loved her, and
 they all ran to her house to propose to her except Mr. Darling, who took a cab
 and nipped in first, and so he got her. He got all of her, except the innermost
 box and the kiss. He never knew about the box, and in time he gave up trying
 for the kiss. Wendy thought Napoleon could have got it, but I can picture him
 trying, and the</t>
  </si>
  <si>
    <t>b'\x1f\x04\x1c\x92\xc4\x89?\xf2'</t>
  </si>
  <si>
    <t>1f041c92c4893ff2</t>
  </si>
  <si>
    <t>d, patting her, 'I have put a little milk into your bowl,
 Nana.'
 Nana wagged her tail, ran to the medicine, and began lapping it. Then she
 gave Mr. Darling such a look, not an angry look: she showed him the great red
 tear that makes us so sorry for noble dogs, and crept into her kennel.
 Mr. Darling was frightfully ashamed of himself, but he would not give in. In a
 horrid silence Mrs. Darling smelt the bowl. 'O George,' she said, 'it's your
 medicine!'
 'It was only a joke,' he roared, while she comforted her boys, and Wendy
 hugged Nana. 'Much good,' he said bitterly, 'my wearing myself to the bone
 trying to be funny in this house.'
 And still Wendy hugged Nana. 'That's right,' he shouted. 'Coddle her! Nobody
 coddles me. Oh dear no! I am only the breadwinner, why should I be coddled,
 why, why, why!'
 'George,' Mrs. Darling entreated him, 'not so loud; the servants will hear you.'
 Somehow they had got into the way of calling Liza the servants.
 'Let them,' he answered recklessly. 'Bring in the whole world. But I refuse to
 allow that dog to lord it in my nursery for an hour longer.'
 The children wept, and Nana ran to him beseechingly, but he waved her back.
 He felt he was a strong man again. 'In vain, in vain,' he cried; 'the proper place
 for you is the yard, and there you go to be tied up this instant.'
 'George, George,' Mrs. Darling whispered, 'remember what I told you about
 that boy.'
 Alas, he would not listen. He was determined to show who was master in that
 house, and when commands would not draw Nana from the kennel, he lured
 her out of it with honeyed words, and seizing her roughly, dragged her from
 the nursery. He was ashamed of himself, and yet he did it. It was all owing to
 his too affectionate nature, which craved for admiration. When he had tied her
 up in the back-yard, the wretched father went and sat in the passage, with his
 knuckles to his eyes.
 In the meantime Mrs. Darling had put the children to bed in unwonted silence
 and lit their night-lights. They could hear Nana barking, and John whimpered,
 'It is because he is chaining her up in the yard,' but Wendy was wiser.
 'That is not Nana's unhappy bark,' she said, little guessing what was about to
 happen; 'that is her bark when she smells danger.'
 Danger!
 'Are you sure, Wendy?'
 'Oh yes.'
 Mrs. Darling quivered and went to the window. It was securely fastened. She
 looked out, and the night was peppered with stars. They were crowding round
 the house, as if curious to see what was to take place there, but she did not
 notice this, nor that one or two of the smaller ones winked at her. Yet a
 nameless fear clutched at her heart and made her cry, 'Oh, how I wish that I
 wasn't going to a party to-night!'
 Even Michael, already half asleep, knew that she was perturbed, and he asked,
 'Can anything harm us, mother, after the night-lights are lit?'
 'Nothing, precious,' she said; 'they are the eyes a mother leaves behind her to
 guard her children.'
 She went from bed to bed singing enchantments over them, and little Michael
 flung his arms round her. 'Mother,' he cried, 'I'm glad of you.' They were the
 last words she was to hear from him for a long time.
 No. 27 was only a few yards distant, but there had been a slight fall of snow,
 and Father an</t>
  </si>
  <si>
    <t>b'\xd1Oc!\xc5a\x9ab'</t>
  </si>
  <si>
    <t>d14f6321c5619a62</t>
  </si>
  <si>
    <t>Economy 165
 Cost, C and
 Price, P
 P2
 Number of 
 firms, n
 n2 n1
 PP
 P1
 1
 2
 CC1
 CC2
 Figure 8-4
 Effects of a Larger Market
 An increase in the size of the market allows each firm, other things equal, to pro_x0002_duce more and thus have lower average cost. This is represented by a downward
 shift from CC1 to CC2. The result is a simultaneous increase in the number of firms
 (and hence in the variety of goods available) and a fall in the price of each.
 166 PART ONE International Trade Theory
 the CC curve down from to , while it has no effect on the PP curve. The new
 equilibrium is at point 2: The number of firms increases from to , while the price falls
 from to .
 Clearly, consumers would prefer to be part of a large market rather than a small one. At
 point 2, a greater variety of products is available at a lower price than at point 1.
 Gains from an Integrated Market: A Numerical Example
 International trade can create a larger market. We can illustrate the effects of trade on
 prices, scale, and the variety of goods available with a specific numerical example.
 Imagine that automobiles are produced by a monopolistically competitive industry. The
 demand curve facing any given producer of automobiles is described by equation (8-5),
 with b = 1/30,000 (this value has no particular significance; it was chosen to make the
 example come out neatly). Thus the demand facing any one producer is given by
 where Q is the number of automobiles sold per firm, S is the total number sold for the
 industry, n is the number of firms, P is the</t>
  </si>
  <si>
    <t>b"0E\x02 /r#\xe0%\xe2\x85(\xe3\xc7f\x02\xd4\xad\x15\xa9tR\xd9^\x0b-\x11N\x7fp'0_\x153k\x02!\x00\x90\x9aw\x14\x8f\x87^\x1d\xe1U\x91\xd4\x88d\xb2 \x84\xca\xc9\xf4Y&gt;,\xe7\x83*\x9b9\x9b\x17\xe6\xe2"</t>
  </si>
  <si>
    <t>304502202f7223e025e28528e3c76602d4ad15a97452d95e0b2d114e7f7027305f15336b022100909a77148f875e1de15591d48864b22084cac9f4593e2ce7832a9b399b17e6e2</t>
  </si>
  <si>
    <t>b'0E\x02 /r#\xe0%\xe2\x85(\xe3\xc7f\x02'</t>
  </si>
  <si>
    <t>through The Growth. To get
 there, we need a process to turn a few customers into many.
 How Big Can You Go?
 When Matt and I first started selling our Sheer Strength products, one of my
 coaches asked me, â€œHow big do you want the business to go?â€
 Iâ€™ll be honest; the first thing that popped into my head was: What kind of
 a question is that? Huge, obviously. Astronomical. World-obliteratingly
 massive.
 But I came up with a concrete answer. â€œA hundred sales a day,â€ I said.
 â€œThat would be a million-dollar business.â€
 â€œWhat are you at now?â€ he asked.
 â€œFive sales a day.â€
 This was way back before Amazon was the behemoth it is today. This
 was also before automation tools and â€œinfluencersâ€ were a thing; we did most
 of our marketing by hand. We called our customers. We talked to our friends,
 asked them what they thought, and begged for a review if they liked it. We
 did whatever we could to get reviews, and we celebrated every time a new
 one came in.
 A hundred sales a day sounded like a pipe dream to me at the time.
 No one comes out of the gate with a consistent stream of sales; it has to
 be built.
 Itâ€™s not uncommon to start with twenty to twenty-five sales a day during</t>
  </si>
  <si>
    <t>b'\x8aI{u\xa1\xbe\xa1]\xf7\xdb\x84=\x01\xe2&amp;[\x93\xbd\x90\x92^\xd3S\x8cJ\x7fP\x86\x94*b8\xa5\x16\xcaF%]@fR\x99Y\x8dm!\x85J\x1e\xb8\xbe\xa3\t\xa6U(,\xe4\xcb\xdf\t\xebR\xb9`D\x8bN\xc7}\xf7\xd0\xa9\\\xb4\xf3Z:\xb1\xc2\xdc\xa0sK\xe3\xb5\x0f*&lt;s\xd5\xd2\x02&amp;1\xe8\xfb^\xe9\x14v\x10\xc5\xeb\x91g\xf0\x80\xc8n\x98\xdc\x06\xad\r\xe8]2n\xfa&gt;\x96\xb1c\xe9\xceL#\x0c\x9a\xf2Q\xf2\xfa;\xa2\x04\x0e\xdc\xac\xcc\x139\xae\xb0\xea\x03\x12\xbd\xb5`4\x11\x80y(\xf0\xe1;"0\xb9\xea\x13\x9b\xdbW$\xc1\xde`\xf9\xcc\x08\x9e^\x0e\xad\x87+\xd0\xda&lt;\xf7=\x1e\xbd\t\x9a?`\xce\xd6\xf6\x89\xafj:Z\x96S\xab8\x81\x83\xa0\x99\xa9H\x0b!\xc0\xc5h\xe1Q\x9b\x15\xf6\xa2\x88\xaa\x95F\x0bM}V\x13*[\xd1z(\x84\x04\xea_\xceq\xd1\xd3\xb7\xcb\n|]\x8d]a!\xd61Qh\x9a\x11\r\xb8\xaf\x93}\xb2\xdcF"\xf4Y\x05\x11\x07#S\xcdfQ\x00e-\xe5mR\xe2\xa1\x13\xcf\xb5`\xeeJ\x1f\xfee\xacn\xd7\x90\xa6)\x17u\x021/\x942\\#`.b\xce\xa3\xc1\xd8\xf2j\x9e\xc2P\x17\xfc\xdbYX\x05+kv \xe8\x98K2X\xdb&gt;\xb2u\xf4\x8c%+\xe6]2\xbf\xdf\x90\x03\xec\xd7\x8a*\x1eR\xe7X;\x0c]C\xec\xad3\xb05\x11\xc1\x05\x8c\xb9,.\x082\xb1\x9c2\x94\xcfE\x1b\xd6\xb0L\xf0X\x05Md)\xae\x84\x1a)\xe1\xc26\xc2\x7ff\xed\xe5R\xac\xdf9\xf3Y\xed\x19s\xd5?\\\x94\xe85\xd0\xb1\x07Z\xce\xa2\xff\x1f\xc7\xdbu\xcb\xb3\xb8,\x08\xe0\xe4\x91aEPk@\x12\x80TG\xda\x10\xbc\t\x1b\xe2\x11n\xc1,\n\x8a\x17\x89\x04OX\xa7(\xc5\xee\x9f\xc1\xc4\x00\xa2\x05-\x96\xb6\x81j9\xc0K\x7fCr\x944\x19h\xf2\x0c]\xc1\xec\xd9\xd6RL\xbe\xf5\x13)\x02\x86J\x90vT\xce\xeb\x1f\x94\x8a\xbd\xbaC)g\xfb\xf4\xa3\xa2\x9f\xd6\xbf\x14\xb3^\x82`\xceD\xfe\xb8\xb1g,$[x\xe1|\xd6\xd5\xa2^\xeb\xd4 Yi\x9aP\xa3\x1e\xfe\x9b\x84\x9b\xd7\x0e\xe8g\xc1\x19J\xc7\x9d\x94N\x19\xf5\xd8\xbf\xea\xc2q\xfb?K\x0c\xd3!\xa1\xe0c5\x83\x9c\xbd\xcb\xb6\x0f\xcbe2\xde`\xdeg2z\x0c\xe9\x92\xe7\x17u\xa0\x1b\xac\xb2\xba[/\xad\x167\xbb\xffGL%\xc1P9K\xee\xbf\xd3A}\x9a\x0e_\xfd@n\xb4\x06:Gl\xd1\x84d\x9cH\xb6M,&gt;\x08\x92\xaa\x0f\xd9g\xf0\xea&gt;\xd3\x85]\x82\x17\xddEI\xa6\xe5)\xe2\xa5yq\\\x8dT\xf7\x0be\xa5\x8bD\x87?\xd2(\xd2\xacY1\xe6\xaeN&gt;\xa9\xc80\x9b\xe4\x94\xceU\xd4\xf3j\xc9\xfbWH\x1d\xddA4\xd56F\xe1\x08\xa1f3\x87\x98\xf4\xc6\xc2\x9eu\x1d\xa4 \xc4\xd7\xcb:\xdb\xe2\xd4j.\\\xc6\x0foR#\xb5\xc5\xb7Cp\xd6x\xea\xaf\x9e\xb5\xce\x91n\xd2\x92\xd4\xd2\xe5\x19\xf6G3\xdau\xb1\xd3\x0eS11\x0f\xd4\xf7\x8e\xab\x92\r\xd2\xef\x7ft\xeeRj\x81t\x1e^0\x8eGT\xab\x8a+\xc4\xca\xc6\xa5\xa3\xcb\x0c\xcf\xba\x9dC\xcc\xf0\x90\xe0\xe8zm8&lt;%\xe31Q\x04\xf8\xf7YeZ\x7f!\xce\x1e\x02P\x90&gt;6a\xd8\x98\xba)\xe5\xaf\xd7\xdb\x92#X\x89\xc12b\xd2dO%\xff\t\xf6\x95;^Q{\xdcu\xfb(\x9e\x8f5`F\xdb\xd8\x11;\xe0\xb0-[)\x9b\x1c\x0f\x1f\xf2I\xa4\x06kYt\x7f\n\xdaP\x1c\xe1\xcf\x86={kpR\xa0\x95\x81`\xc7J\xb8\x9df\xdb\xb1\xf5\x7f\x0fG\xf1\xae\xf63Q\xd0\xf6\xf23\x7f\xfe\xd3\xee*\xc4\xcf\xdb\xfd|\x13v\x1e\x94\x80\xecO\xf8\xc6\xf9\xee\xec\xaf\x90X`\xe1\x16c\x97\x8a\xf7~,0sL ~\xb9\xd1\xc2=\xf0\x8f\x02P.i3|%\x15\xeb\x05\xb3\xf5\x93\xa2\xea\xd4tt\xec\xe4\x03\x06\xa3d\xb9\xb7\x83\xb1|\xce`!C\xec\xc5\xff\x03\x94\xc4\xcf\x8f\xe1e\x8b\x0c1$\x8d\xbc\x1e\x82\xf1\xa9\x9b4\xad\xe5k\x95Jv\xea\xea/\x9f\xd0\xae0\xbe\x07\xd6P\x8bA\xff\xb9\x95\r\xefU\x94\xe5\xafG\xf2^X\x9b&lt;\xc3Nr\xc9Kw\xe1\xe0\xce}\xd7nC\xf7J;F\x14\x06K\x99\xb7\xbb`\x990a\x9c\x0bK{_Is\x88\xc7\x1a\xf6s\x15\xa9J\xb5\xe2\xd8\x9f\xec\xbaK\xd2\x88\xe1\xcf*\x8a]I\xdeO\r\x92\xdf\x9a\xba{4}\xd6eK}\xa6f,\xa28}\xc6\xce=H|E\xe1Dm\xd3t\xbc\x9f[\x8c\x11\x18\xb7\xa8\xc1\x1b\xfc\xba\xf5\x03\xafdLE;\x98b\x1ewK\xe2\x87\xa0N\xfc\x91nr\xa3\xbf/\xe43\xef\xab\xb0\xb6'</t>
  </si>
  <si>
    <t>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</t>
  </si>
  <si>
    <t>b'\x8aI{u\xa1\xbe\xa1]\xf7\xdb\x84=\x01\xe2&amp;['</t>
  </si>
  <si>
    <t>D Schedule
 A rise in government demand from G1 to G2 raises output at every level of the exchange
 rate. The change therefore shifts DD to the right.
 5. A change in . Given and , a rise in makes foreign goods and services rela_x0002_tively more expensive. Aggregate demand for domestic output therefore rises and DD
 shifts to the right. Similarly, a fall in causes DD to shift to the left.
 6. A change in the consumption function. Suppose residents of the home economy suddenly
 decide they want to consume more and save less at each level of disposable income. This
 could occur, for example, if home prices increase and homeowners borrow against their
 additional wealth. If the increase in consumption spending is not devoted entirely to
 imports from abroad, aggregate demand for domestic output rises and the aggregate
 demand schedule shifts upward for any given exchange rate . This implies a shift to the E
 P*
 P* E P P*
 432 PART THREE Exchange Rates and Open-Economy Macroeconomics
 right of the DD schedule. An autonomous fall in consumption (if it is not entirely due to
 a fall in import demand) shifts DD to the left.
 7. A demand shift between foreign and domestic goods. Suppose there is no change in the
 domestic consumption function but domestic and foreign residents suddenly decide to
 devote more of their spending to goods and services produced in the home country.
 (For example, fears of mad cow disease abroad raise the demand for U.S. beef prod_x0002_ucts.) If home disposable income and the real exchange rate remain the same, this shift
 in demand improves the current account by raising exports and lowering imports. The
 aggregate demand schedule shifts upward and DD therefore shifts to the right. The
 same reasoning shows that a shift in world demand away from domestic products and
 toward foreign products causes DD to shift to the left.
 You may have noticed that a simple rule allows you to</t>
  </si>
  <si>
    <t>b"0D\x02 6f\x95$e\xd7t\xb1\xaeS\x0f\xbez\xfd\n`\\8#\x9a\xfa\xe1\xec\xe9\xb1\x81!d\xb4y\xd0\xe3\x02 QI\x95\x1d\xd8\xd5\xf1\xf9\xf2\xf0m(\xf8eD!'\xed\x90\x1e\xbf\xf6\x7f\x8e\xf8\xd3\x91\xcfQ\xdab6"</t>
  </si>
  <si>
    <t>304402203666952465d774b1ae530fbe7afd0a605c38239afae1ece9b1812164b479d0e302205149951dd8d5f1f9f2f06d28f865442127ed901ebff67f8ef8d391cf51da6236</t>
  </si>
  <si>
    <t>b'0D\x02 6f\x95$e\xd7t\xb1\xaeS\x0f\xbe'</t>
  </si>
  <si>
    <t>d imagined that Iâ€™d wake up as a millionaire and start
 perceiving the world in a new wayâ€”colors would be brighter, food would
 taste better, people would be nicer, and Iâ€™d . . . I donâ€™t know . . . feel rich.
 But I didnâ€™t. At that point, it was just a number, the next step in our
 business. I realized then that it had only been a number in the first place.
 There was nothing magical about getting to a million; Iâ€™d done it, and I knew
 then that I could do it again, over and over. I had a process that worked.
 One Big Change: You Get Paid
 When do I start paying myself? Itâ€™s a question I get asked all the time and a
 valid one. After all, I said right in the introduction of this book that building a
 million-dollar business isnâ€™t a side hustle; it requires your commitment, not
 just of energy, but of time. So when will you start getting rewarded for your
 efforts?
 Up until the point when Matt and I reached $100,000 a month, we were
 rolling every single dollar we made back into the business, reinvesting the
 profits to grow inventory faster. Youâ€™ll want to do the same. However, hereâ€™s
 one big change that happens at the $100,000 point: You can safely start
 paying yourself an income.
 My students are often confused when I clue them in that they wonâ€™t be
 getting paid by their business for an entire year. My response is simple:
 While the business is growing, the profits arenâ€™t your money; theyâ€™re the
 businessâ€™s money.
 If you pay yourself too soon, growth stalls. If youâ€™re taking money off the
 table, you wonâ€™t have money to build your snowball. Itâ€™s that simple. While
 youâ€™re building out to a million dollars, that cash is worth so much more in
 the business than it is in your pocket, so leave it in the business.
 At the $100,000-a-month mark, though, you can start to take some of that
 money off the table and put it in your pocket.
 When we reached that point with Sheer Strength, I wanted Matt to quit
 his day job and work on the business wi</t>
  </si>
  <si>
    <t>b'\xf7\x99\xfe\xa7\x90\x9dmk:&amp;\x8f\x8b\xdd\xcdD\x80Q\xd08Z_PVA\xe3\xe4\x80^\r\xf3GA\x88\x89Q\x02\xf8\xfd\xc8\x03v&amp;\xb87\xf0\xee\xbc\x89k\xf7Q\xbaZ&gt;IM\xff\x95?\x87y\xe5\xcb\x14U\xc4\xb38\xee\xbd]Y\xcb\xe4\x8ca\\b\x07\x96L\xe5\x0b\xbd\x9a`T\xfam\x0c\x82\x8b\xb3o\x16\x8e\xa1\x1a\xb8ngb&lt;\xd2\x05l\x05\xf1\xdaF\xa9\x9a\xe8\xf8\x96\x1eH\x05\xaa\xd5\x9fg\xb7P\xc0\xf3\xec/~\xfb\x8f\x96\xf1\x9b\xfd\xc9l&amp;\xe6\xa1^&gt;\n\x19[\xd60\xca\xeb\xbc&gt;\xa7\x18\xad/\x9d\xd6\xe0\x0e\xf8\x87\xb4\xa8\x84\xdfn\xa2&amp;ggb\xac1\xbe\x9f\xb7\x08\xe6\x8f\x0fiU\xf2\xd2\xf7E\xbc\xe2\xb7\xfa9GxJ"+\x87\xd0kMN\xde\xde\xdc\xe11-9\xe6+ZB"r\x15j\xfaaV\xe2U\xc0\x05\x12V\x04\x08\x9e(8*\xc4\xf1\x87\xa3\x83}\x05v?tJ\xb1\xe6\x04N1F\x11\xd9\x80\x04\x87\x03)a\r m\x9bc\xdf\x9b\xf5\xc1\xca\xd1\x1d\x7f,\xc2\xa3\x959o\xaf$\x02\xd1\xe9\x0bJ\x80\xcc\x7fZ\xd0\x08\xcf\x030\x95-"\x85e}m`\x1dt\x9f}\x1d\xb2t^\xdem\xe3\xea\xb3GD\xe5\x96\x8cl\x81+\x0f\xca*b\xf8\xc4\xe5\xffZ/^}\x13"E\xe4y\x12\x00\xa0=\x9cA3v\xcc1J\x94\xbc*\xa5\xf5\x1f\xb1\xacp\x06\t\xe2\x97\x90\xb9\xeb\x05\xc9\xf1H\xb26\xf9\xa9\xb8\xa7\xdfl\x07\xcf\x88\x81\x9b\x90p\x844$\x0b\xb72J9v6\x81?\xe1\xf1\xd4\x8d\x1e\xa8\xa1!@M\x86\x85\x12\xac\'\xbf\x96}\x05\xa9\xd5a\x1e*S\xeb\xb8*\xa5\xbf\xa3`\x1b\xa1\xfd\xc7\xbdC\x1d\xee8\x17\xd1\x08O\xbd\r\x8d\x85\x0c\xd0\xd2y"\xd1\xa0l\xd11A\xa59z(\xd8\x7f)\xc4;\x1fK\xac\t\xf5\xc8\xe2\xc9\xc5[\x99\xaf\x94\x97\xcd\xc0e\x89\xc2\xc2\xc9\xfa\xd0\xe2v\x14\x17\xbfOAR\x92:\x97\x9a_l\x08\x9c\xf0v\xe1\x9a\xe6\xedif\xd1\xb2\x95\xa92\xba\x05\x94d\xba\xb2\xff\x89\xa9:\xe9\xa7\x93\xf9\x9aB\x07%\xe0&lt;\xd3M\xb5\xc2\xc7\x1c\xa0\x1cEM\xe3\xf0wk\xd7M=kEf\x1a\xf4\xde\xb5\xca\x05\x04Of\xa6O=\xa3zOS4C&lt;s\xd5,\x19h\xe9\xcd\xa9x\\\xbb\xa2\xa0\xdb\xe5\xc5\t\x85K\x11Dv^$j\x8cg\xa4\xac\xa9\x91\x97\xcf\xbf\x1d\x07O\xcegEz34z=\x9a\x1f\x87\xe0R\xcf]\xb3\xadzz\xb5\\x\xee\xd3\x94_][^\xaf\xc5\xdd\x87\xaeM\n\xf8\xa3rV2kI\xbb\x89%R\x84\xce.\x0e\xa3\x08k\x15\x11)\xf1\xf2P\x9b\xb9D\xbf\xae\xcc\xa6\xde\x9e~\n3\x8c\xee\xeb`\x1a\xdbDy\x80\x97\x00nqY\xb1d\'IS\x8c\xa1\xe0U|\xb5^\t&lt;_\'\x0b4\xd7\x89\xed\xc7\x8b\xf4K\xb8\xc9N\x8d\x90d\xe3Y\xa9J\x88G\x1b\xd6\xc5\x80\xae\x94B)\xf2\xef\xa25\x91\x80Z\xb2yd\xf8^\x85\xc7\xbe\xb7G\xb9F\xe1\tI\rq\x07\xf7\xa3\xf2 \xa1\xc8`\xcbv\x95\xecJ\xa4\x801 \xd7\x0f\xb0\xf7!\x80\xdaU\xc9\x8f\x1a\xe5\x1e:\x8aj@\xf6R\x9a\xde\xc7\xa1\xb6\xf3un\xc3\x14\xaen\x7f^\x1d\x0b\xe93\x93\xe4:Y\x01\x82\x8aA4-q\xaa]\xb5\xfb\xb5*\x1fu\xc5\xc7|\x7f\xd7\x88|\x90\x90\xa5r\x15P\r9\n\xeb\xf5q\xb5\xb1E\xa0\x0f\x94\x99\xea\x11\x86\x888\xf3h\xef#J\xa6\xf2\xc5\xcez\xa1h\xc3q\x99\x92\x99\x19Y\x86\xff\x10\xdf\x06\x1f\xe8%$\xc7. \xbeK\xe3\xb1\x9f\xc5`\xc6\x1d\xd6G\xd7\x17J\x8f+\xb0\xc7,\xb2zt\xd5}\x83\xe1\xef ;\xae&gt;\xae\x89a\x1dp\xb2+\xf6FG\x19\xdf\x15\x81\xbb7\xe96|q\xe9.\xa3\xe9\xc4\x1b\'\x99\x04\xf0\xc2\xd4\xda\xb6\xfdx\x8d\xb4!\xa8G}O/\xd8@\xb6\xeb\x01\xe2\xe37\x8b\xad\xb8\x0e~\xbd\xb0\xc2S\xf3w\x11\xdd}\xef\xe06\xd0\x9dg\xf9\x10\x03\x8e\x85\xdc\xf4\xa2\x0e\x82\xe0\x89v\xd2\x9e\xa7\xfd\x88\xfa\xb4B$\x8b\xe4\xa9\xbd%=\x1aQ\xe7Lz)&amp;\xf8)v!^\x15PP1\xfe\xb1\xf5\xdaj;\xae&lt;eh\xffU\xaci\xa9\xd6\x1f\x88E\x9ed\xc7wG\x92\x0c\x9a$\xd3t6\xec\xcb\xd0\xa4\xd9\xb12\x9a\xa2\xb8\x93\x9d,\x92]CL\x82&gt;\xd6\x94\x9d\xe5;c\xcc-\x08\xc5\xa5\x03\xb7!\xd9\xd9"zX\xc9\x9f\x04\xa9\xa6\xeb\xd0\xccQ*\xcc\x86\x1e\x8ch\x1a\xb9\xe4\x06\x1e\xf9\x07z\xbf\xe9@k\xcf\xfd\x8a\xb2\x9cx\x8f\xc8y-\x1fk9\x9d$\xb4{\x03\x82=P\x1d\xce\x91\xffu~H\x10\xaar\xff\xc9\'Y\xe3\x16\xc6\xe0V\xbe\xa5\x12\\\x98\xbd\xf5\xf7\x06\xe9aN\xa1\x0fD\xb3ce\xe1\xe2YH}v\xd2\x7ffZ\x0bImeyn\x9b\x83p\xb8\x86&amp;+d\xc2m\xe6\\Y\x17\xc49D0\xac\x01D\xcb]N\'\xb8}\xabLs9.#\xbc}\xe1\x85\xb9I_\xe0\x80(T\xb1\xc7\x1bM,f\xb3\x8e\xad\x8d\xa0\xaaC\xfa\x99\xeb\xe4\xa6\xda_\xe6z\xd3\x87\x19_^\xa2\xceh\xbc`8\xf20K\x1dC\x82\xfd{\x96\xfb=s\xcd\x8d\xf2J\x93\xa33\xb6\r@H\xcbK\xa7&gt;\xc3\x07\xf4\x8dH\x84\xdaS\xe4od\x91u\xcc\xf2.\xa3A\xf6v\x888\xbcT\xfa\x91\x0b\x80\x04ON\xcc5\x8c[ab\xc8\xe1\xb1\xe1\x8a\x87\x95\x1d1\xbd\xa6-\x07\xc9\xa3\xa4\xff\x00\x1d\x16\x87\xa8\xfev\xe4!"\x9e\xee}\x96\x93)keS\xd2\x97\xaa\xf2\xe2\x95\xf9z\xf7\x05\xec\xf1\xf7-\xd2\xd1\xd0BU\x96u[\x84,\xe2I\x06\x01\xcb\x18\x06\xb5\x127=\x8e\x06\xf5[_\x88\x1f:\x8e\xd6\xa2\r\x1d,\xf0\xfc:9f\x88s\x07\x8d\xd9`\xb9EFA\x1e&amp;+q6\xfaR\x00\x8c\x1f\x84\xed\nB\xd3Nd\xf2\n\x7f\xb1\xef*Pp\xb5I{\xfa\x8eV+{\x907\xbb\xd6\xeb\xf2\xfc&amp;\x08\xd8\xca\xb8\x16\xabx\xa5\'\x9c\xc1\nj=\xb1\xa9\xf7\xde\xba\xb5jd\xbe\x8a\x1f\xa5\xa3p\xfb-[n\xa2\xedb\xdd+\xf8\xdf\x1f\x9c\xf9\xe7\xe4~\xe1\xf3\xd9\xdd~P\xed(B&lt;\xcf\xdf\x15x\xc6\xb6c\xce\x06\x1f\x94k\xbc\xc4\xb2\x03\x07\xf8q|d\xe6\xcd\xa4&lt;L\xadr\x12@\xea\x89\xa7\x8a\xb4\xe7\xaa\xfcj\x11\x81"\x8a|\xe7\x119}\xcfh\x88\xfcpQ=B\xc0y6\x9a\xed\xf4\xfb\xd2\\n\xddl\xe2\x83\xac\xcc\x1e\xdc\xf1C\xa2\xb6\x9dN8\x9b\xfd0L/\xe6\xc3\xd5\xbe@\xb1\xd0\xdab\xf6!Xv\xee3z\x98\xc6p\xb3\xd0\xe6\xfc\x06u\xe9\xf2k\x88(\x1b\xd5\xfc\x9a\xb4\x99Q\xb5\x03\x94\xd77\x12\'u\x93\xd5\xf4dq\x1f)\xb3\xcbu\xc1\xf3\x9aR\x88\x81\x9f}\x96|G,\xf4^\xff\xcb\xe2cb\xe7\xe2\xa6\xd6$5n"?\xae+\xa3\xe5`{\x85\xa0Z\x12\xdc\x11\\Y[\xa7\xca\x04\xa9\xf7\xf7\x92\x94P\x96\x97\x14\x83[\xf5\xaa\x06&gt;&gt;?\xc3Y\x0el\xac[3q\x04\xe9\xee\xa6\x0c\x00\x10\xc0\xf4:\x1cj\xf3\xf4\x08R\x02\x05hYU"-\x89\xb4\x0c\xa6?=\xb7\x90\xc4\xcej\x8e\x98\x0be\x94\xc6\xef!\x10\xe0x\xab\xd1\xd8\xaff\xf0S6:\xae\xd0\x87\xb3\x83H\xa6\xa8T\x88qw\x08gE\x02\xfa\xe9\xf2\xa3\xcc\xc4\xad\xf0\x92\x1c\x15XT\xa8\x82\x97}S\xcc\xcbL\xccTx[\xd1M\x11\x07\xee\xa4\xc3\xd2\xc2\x90~\xea\xee8\x84\xf3U\xa7\xff,"\x04\x18\xd1\xf4\\S\x7f\x9a8j\xd0\xe8\x06\xb6\xb64\xfe\x82\xdb+`\xc7\xf3\xefO n\xed$\xd6u\x98\x95\xb0?\x91\xa3\xb5\xb4&amp;\xa4\xb8\xdf\x14]\xe8\xe3)fB\x9d\x06\xbc\xe88\xea\x95\x9e\xd6R\xf8\xe9\xf8\xa6T\x1b\xe2n&lt;\x18\x85Rk\x9f\x03^D,\xb0\xba \x001\xfc!\x1eq\x04\xb6L\x8d\x07Nh\xaf\xda`\x13\xc5t\xbb%'</t>
  </si>
  <si>
    <t>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</t>
  </si>
  <si>
    <t>b'\xf7\x99\xfe\xa7\x90\x9dmk:&amp;\x8f\x8b\xdd\xcdD\x80'</t>
  </si>
  <si>
    <t>ogen gas on
treatment with nitrous acid.
II. DIAZONIUM SALTS
The diazonium salts have the general formula
â€“
R N X2
+
 where R stands
for an aryl group and
â€“
X ion may be Clâ€“
 Br,â€“ HSO4
âˆ’
, BF4
âˆ’
, etc. They are
named by suffixing diazonium to the name of the parent hydrocarbon
from which they are formed, followed by the name of anion such as
chloride, hydrogensulphate, etc. The N2
+
 group is called diazonium
group. For example, â€“
2 C H N Cl 6 5
+
 is named as benzenediazonium
chloride and C6H 5N2
+HSO 4
â€“
 is known as benzenediazonium
hydrogensulphate.
Primary aliphatic amines form highly unstable alkyldiazonium salts
(refer to Section 13.6). Primary aromatic amines form arenediazonium
salts which are stable for a short time in solution at low temperatures
(273-278 K). The stability of arenediazonium ion is explained on the
basis of resonance.
Benzenediazonium chloride is prepared by the reaction of aniline with
nitrous acid at 273-278K. Nitrous acid is produced in the reaction
mixture by the reaction of sodium nitrite with hydrochloric acid. The
conversion of primary aromatic amines into diazonium salts is known
as diazotisation. Due to its instability, the diazonium salt is not
generally stored and is used immediately after its preparation.
âˆ’
+
+ + ï£§ï£§ï£§ï£§ï£§â†’ + + 2
273 278K
6 5 2
â€“
C H NaNO 2H NH Cl C H Na 6 5 N2 Cl Cl 2H2O
13.7 Method of Method ofMethod of
Preparation PreparationPreparation
of Diazoniun
Salts
2015-16
397 Amines
Benzenediazonium chloride is a colourless crystalline solid. It is readil</t>
  </si>
  <si>
    <t>b'-\x9a\x10\xa2\x0c\x1ft\xae\xb2%?=\x12\x03\xe2\x07\x0c\x124!\x1f\xbb\x8fI\xe1\x9b\xe3\xda.\x00,\xb8_\xd6\xb1\xe6&gt;al\x90\x17\x95\x81[Z-\x80kLw\x99\x96\xe8"\xdc&amp;\x83\xe8\xeb\x0c\xd3d\xe5l\x03\x066\xd1,\xe4\xd0P\xc1S}\x88\xb4\xdd\xc1\xf3^\x95\x88\xa0\xb8*\'\xba\xbf\x1d\xb4\nFnX\xc5\xd1\xbd2Q\x88\xbe\x15\\\xf2\x13\x04R[\xda\x8c\xa1\xde.\xc5\x1f\xab~\x80\x85\x1a\x9c\x12\xf1:\xfb\xad5\x83\x1c\x8e\x8f\xbar\x88\xf3Nu\x1f\xe2Q\x13\n*)\xd0\xf1\xc1Jq \xff\x0b\xaf\xefibg\xe5\xfe\xbf\x9d&amp;x\x8b{\x1b\xba19\xbe\xfb\xf6B]B\xb1&lt;n^r\x16"\xcb&amp;\x97\xd1\xe74\xc4EM\x16\xe3\x914SQ&amp;\x9a\xad\xfdI\x0c\x8b;\x18N\xc7\xbat/\x8aJ\x95g\xd2\xdau\xdc\x90\xf5\xbc\xb2F\xd8\xb7\xa3Q\xe9\xce\xe5Z\xf9\x8b\x80 \x07n\xee\x93}\xc3D\xf9\xe7\x07\x11\x11\nTI\xc3=\xba.!\x18\x8f\xca\x1a\n1\xfa\xfd\xfb"\xf8a_\x81\xe2t\x01\xeew\xc7VX\xc4df\x04\x14Z\xa0|\x1f9\xd7\xfb\x17\'w\xcd\x11\xb9U\xd9\x00\x7f-!)w\x94\xdb\xb2\xa3\xda\x85\x90\xdf\x8bK8\x8f\xa2\x95\xa8\xe4\xe8\x8c\x98\xf9i\xf2\xe8\x84\x1c$\xb0\x93\n\xf0^\xd9\xe7/\xfd(\xb9\xbd\x99\x18\x80d\x8f5\xe5-Y\xc4\x9f\xbd\x95&gt;\xf92\xb6\xb1\xc1\xe8\xcf\xa3V\xd5\xb7f=\xb0\x7fu@\xff!\x08b\x00mCd\xf29\xc9\xb5\x1a\xb8T\xa0\xbc\x95\x91i6\xe4\xa8@ULc\xb9\\\x87c\xbc\x1f|i=\xcd\xbd!\xcf4\xf6\x8cS\xe4\xba?\xe6e\xda\xb4\xea\x05\xd6\xc9@\xbb\xedo\xf9\xfe\xeeSj\xac1\x14\xbb!\x19X\x1a2\x9d\xbft\xbf\x9a\xd2os\xab\xf1\xaa\xd17\x82.\xf2\x08\xe2\xf7uP\xe8\x91\x1bK\xd4\x7fa\xfc\xc8\xefv\x00O\x87\x1d2\x1f\x80\x17{U\xd5\x87\xcc\x85\x13\xdb\x0c\x12)\x15\x8b$_M\x19/k\x9b\x9a\xd7Vd\xb4d\x94\xeb\x85\x8e\x860~\xc4\xc8\x1dj\xa2\x8c2\x02\xcc\x06wg\x0bD\xfe\x92\xe3\xd7\x80\xb5(w\x01\xb6I\xcd\xf6\x929\xa1\xc9\x8d\xac\x14;\xf3\x14z/\xce\xb3H\xcf\xeb\x92w?GH \x06\x8f\xbfz\x82\xabM\xc8yZ\xe7\xf1\x1b\xa1\xb48\xec\xcd^\x03V70\xf1q\xf6\xf0\x13BK\xa8\xf3)C_\x18@\x00n\xd5\x82\x81\n\x0e!4\x86\xb8\xa7\xdb\xc0\'pP=&amp;\xe6\n\xd6\x14\xe9*Uz\xfd\x84iQ\x95\xc1\xb3\t\xf6\xa0\xfd\xb5\xd835@\xd7\xf6\xd3\x1f~Y\'\xeb\xe5\x84\xe0^h\x1dM\rd\xfdo\xd4\xf1\xd8\xad\x83\xba\xbb\xed\x1b\xd8\xa0\x92\x11\xa2\x10\xdd.\n\xc8\x17\xbc\x9dnt\x8f\x83\xa5\x1d\x92\xab\x8f\xf7&amp;\xda\r\xbe\x8f\\\xe2T\xc1\x96\x1a\xcbA\x14\xf5/\x1ck\x88\x1b\xf7E?\x86\xceg\xf8\xad\xd4C.c\x8a\xe6$\x1d\\\xa3\x80\xc2\x05)\'sS\x14v\x8f!\x9aB\xd6\x88\xe8\xba\x01\x1eab\x0cb\xc2\x8f\xfc\x94\xf4\x9a\xa8\x07\xc9\xe6\x06\xa2\x83\xe9z\xa0\xb1\xd5\xd9#\xc7Gv\xc9\xe1S\x88N/\xe1!@n&lt;\x9c\x13\x16\x9b\x94\x80\x91&gt;\x1eZ=\x15\xd9\xe3\x0e\xc3\xac\xf3_4N\xa4\xd3\x83\xdb\x87k\x99\xb7\xe5l5\x17a\xa1\xba\xe9\n\x8d\x19\xf3\xa1\xe5\x80\xf5\x15\x7f\x00\xc9\x81\xa6r9Z\xf0Y}^\x05\x08\x0ei\x8c\xc7\x7f:J\x0cl\xa3\xcc\xbb\x1e/\'\xe0\x12\x1a\x05\x07P\xb8\xe7\x151E\xd6\x08j\x95\xe9\xd67D\xd3}\xd6n\n-\xff\x9d\xf1\xa5C\x0b\x7f\xd6\x1a_\xb5\x0cS\x04$\x88\xc3\x13\x83a\xd1"\xfe\x07c\xfe/EH\x08@\x96\xdanZ \xf9\x18\x0e5z\x83\xea\xa7.\x9d\xf3\x87)\xfda\xf2\x1c\xf8\xdc\xdbW1\x93\xd9\x81\xad\xfe3\xc9\x8b-\xc9\xdd|\x81V[$\xd3xF\x1e\x0fQ\xfe~{\xe3\xee\xee\xd2_\xc5\x9d\xc6\x08\x9a\xb2M\x8f^\x06\x01\x13\xce\x18\x9aG\xa0\xed\x0e\x7fM\xd3\xb4\x02\xaeA\x13[,\x81\x1f\xca\x0b\x0f\xb7\xde\x86\xf6\xd8\xa1\xae\xa9W\x94)u5\x12\x19\xc0`w\xe0\x18\x17\xfa\x16\xad \xa6]az\xab\xe7\x05\xf7\xab\xbb\xc6n\x8d\x17\xb9\xeb\x16\xaa\x05Y\x935\xc9\xcf"\xd1\xb8\x12\x08{7\xb6\xc3\x90\xb0\xfec\x95\x1a\xc5\xe1[\x85n\x10\x0e\x914Uh\xceK\xb2s\x98N=\x16MFB\x84,L\x12\x04\xa8\xe7[\xef*V=}]*\tA\x84\x8cNy\x86Jv\xd6Q\xdd\x89t\x08x\xcc\xf2\x98I\xa4\x1d\xa1\x972\x1d\xde\xff%H\x01\xc7A\x07\xa6\x7f\xb2\xf0}\x1a\x9c\xb0X\xb6\xb3\x8bf\x16\nYj\xcc\xae7\x85\x1f&lt;RD\x91\x9d&amp;c\xefb\x97\x0e\x18jt\xaaAY{\xc6\x1d\rh\xd1\xfbE\xf4:\x8f\r\xf3\xe1\xf2\xd8\xf4M\xaf\xf8\xbb\x94\xc8\xb1\xe4I-\x9dJ\x10\xb9y\x99\xcd=~\x02/\x8bR\xab \xb7\xf6\xcc\x11\xcb\xfb\x94F\xa3+\xae\xec}\x10\x80\x1f\xb7:\xed.\t#Nq\xd0n&gt;\x87\x08\xf9"H\x12\x87\xb8I\xac\x12\xa9\xe6Y\xad[\xf4\xe36|\x03\xa1\xee\x97U\xfbP\xe3\x9c\xdd\xb02\x08\x00\x95/\xa5\x83s\xa3s\x03\xee\xb1\x1b&lt;t\xd2?\x8bL\xb7\xc1\xcf\xe3\xaa\x16\xdaTr\x84\rB\xf4\xcd\x04\xe2\xde\x0e\xe7\x13\xb6B\x00\xdf\xd14Z\xf1K\x88kwQ\x9e|\xa3_\xac\xf9L\x9cJ\xa6\xf6/K\xea\xaefU\xb0\xd3\xa3\xef\xb4\xa1\xa4x\x12\xe4\x83\xc3\x7f\x94#2\x11\xd1\x9a@\xb2A\xf1\xde\xe7\xecT\x9e2\x03+C\xe4\x1f\x16Y\x86\xd24\x95\xb0\x86CyB\xc8nH7\x9d"\x9d\xfc\x8f5\x00\xf9)\xcc\x82\xac\x8f&gt;B\x9a\xdb\x87\xdd\xaf\xaf^-#\xec\xe7\xe9\x0f]"\x12O\xc7\xaac\xdb\x9dfV2B\xa3.K\xa9{\xd4\xed\x96!\x9f\xc8\xca\xef\xa9\xea\x88R\xbc{\xfbQB\xb7\xa3\xb2oF\xc9\x02\xec\x11J\re\xb3\xc8vm:@\xce\xa4#)S\x1du\xe3\x01\xdf\x82[\x00\xd4\x1e\xfc\xa6\x93\x0f\'\x7f\x0cr\x92&amp;|B\\]\x8e\xfbc\xa4\xdb\xcby\xca\x99\x11#c\xe2\x87\xa8lz\x03\x9el\x11&gt;\xbfsS\x82\x8d\x88(3G\xf4w\x9f]w'</t>
  </si>
  <si>
    <t>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</t>
  </si>
  <si>
    <t>b'-\x9a\x10\xa2\x0c\x1ft\xae\xb2%?=\x12\x03\xe2\x07'</t>
  </si>
  <si>
    <t>rand and more ideas that you
 can sell.
 Remember that in the long run, a product does not create a million-dollar
 business, but a brand does. Ask yourself the question, Is this investment
 going to grow a company, or are we looking to just patch a fulfillment
 problem? The former excites me, and the latter just makes me feel used.
 For example, someone approached me at one of my conferences and
 pitched me on investing in a feminine hygiene product. As little as I know
 about feminine hygiene, it did solve a major pain point. And the total market
 potential was in the hundreds of millions.
 So I looked at him and said, â€œOkay, so what has stopped you from rolling
 this out?â€
 â€œI donâ€™t have money to get it started,â€ he said.
 I passed.
 No one wants to fund an idea with no momentum. If you arenâ€™t willing to
 do the work to even develop a prototype, then you havenâ€™t shown any
 initiative that money is going to be well spent. I once heard it said that
 â€œmoney is attracted to movement.â€ Show movement, and the money will
 follow. Your investors want to see that their money is going to be put to wise
 use. That means showing them what products youâ€™re going to roll out, how
 the money will be used to acquire new customers, and what momentum is
 already being built.
 And, to be totally transparent, the opportunity at your fingertips if you do
 this right is huge.
 There is always more money than there are good ideas. Investors will
 literally buy up crappy companies because there arenâ€™t enough good (let
 alone great) companies for sale. At the same time, there are an abundance of
 businesses that were never able to cross certain monetary hurdles and so are
 sitting on the market endlessly, never getting sold. Most buyers will not look
 at a business priced under a million dollars, and they wonâ€™t look at a business
 that doesnâ€™t have revenue of at least a million dollars, which is why the 12
 Months to $1 Million process is so important.
 Pro tip: When pitching to an investor, do not ask them for money. Ask for
 advice. Tell the investor youâ€™ve been pursuing an opportunity, and explain
 the momentum that you have. Tell them that youâ€™ve run into funding
 challenges. Tell them that you want to place larger inventory orders to serve
 your growing audience. Then tell them how much money you think you need.
 Finally, ask them, â€œHow would you fund the growth of this business if you
 were me?â€
 Asking for money puts people on the defensive. Asking for advice opens
 them up. Watch how fast money shows up.
 Crowdfunding
 If you donâ€™t want to take on an investor, crowdfunding with a site like
 Kickstarter is another option.
 I have a student, Sophie, who wanted to start a business aligned with her
 mission to reduce waste in the world. She created a reusable lunch box and
 started off selling it on Amazon. It was a modest success, but</t>
  </si>
  <si>
    <t>b'\xc6\x92\xbd+\x9a\xed\xe2\xf3\x1ev\xa5\xb9I\xe2M\x91I"F\xbb\xa0]\x9f\x1fL\x08Z\xaeX\xad\x83m \xb4\xa5([\xbc\xab,\x1c\x1aB.6H\xaf\x9d\x172\x9a\xbch\xa8jFV\x1eg\xffY;f\xd0n&lt;(l\xb5J\xf1&lt;]\xfd\xe0Fm*r\xa1\xc5\xb5\xc7\xc2_\xf6u\xcc\xcc\x86{2\xb4\x08\xd8\x9d\xae\xac\xcf`\xae\xab\xb0\xa4\xde\x99+\x14\xe3\xce4\x89\xcd\xcb\x97\x91\xcd\xe2\xeax\xb4\nf\x88\x1f\x07\x11\xb6\xdd\x01\x02\x8f\xef\x11\xc6\xe8Id\x90$m3\xd4`\xe6\xee\x94\x0f]\xc7\xfb\x02})\xdbt\x96C\xad\xa4\xa0\x01\xa0/\xea\x0e\xd5\xba\xe7\xfa\xf3\x8dE\x9c\xff\xa3)\xda\xdc\x81%G\xf4c\x9c\xd6\xd9i\x90[7 /\xdeY%\xd29\xf1\xc1\xfct\xec\xf3m\x91\xdbg\x0c\xb1P\x87j\xb4#i\x92A\x86\x13|7D&lt;\xf4\xfbw\x88\xf2\x94}\xdf\x00Y\xb2\xb6\xb8Q\xe3gb\x843@\xfbm\xca\x19\xf9S/\x93\xa8\xf9\xe8\x03\xd9\xc3\x94\x1d\xbf;)\x83\x8fB\xa8\x7f\x12\xdb\xb7\xbc\x85\xf5)\xb5}R\x00\xf8\xc92\xa7@`\xe9*\xd9\xc7E\xbe\xc1\x15|qB\xb9\xd6\xe7\xbbt\x99hq\xb9\xc7\xc7\xa5a\x10\xf6\xb5\x0eK\ne\xa2\x98\xf5\xe6\x85\x9du\\\xe1^\x19SD3\x8fR\xc5q\xf3\xd1\xb1c\x0b\x83v\x05\xc2\xe7_\x19mu\x017\xb4\x08\xbc~uB\xa4o\xf3\xa3\x88\xa8\xe0\xc1\xf4\x88\x03A\xf6\xe1\xd7\xeepd2\xc7prt\x10C]\t0\xa0U\xf9\x17\x995#Z8\xad\x07\x90ut\xcd{\xe7\xd2e\xf2\x8a\x8f\x9cfx\x94g\x1f*|1\xe3F\xb9\xb3\xd2[\xc3\xd0o\x9f\x99\xe83\xaf\xfa\x06\x8d\xcd&amp;\x02\'\x7f-\x12+\xe21\x9c_W\x92#F\xa0\xea\xea\x0c\xb7\x00-\xd1\xb6\xc5\xc8\x0b\x95\x87\xf6\x0f\x1d\t\xed\xf2\xe0\xb3\x8a\x04M\x98Z\x9f\xf3\x15\xac\xb5\xa4FHCEn\xbe4\xd0\x8c\xa1&amp;\xb7\xde\xd5\x15\xee\x8d\xc4&lt;X\xb1U\x0f\x94\xe6z0\xa6|~\x87\xb0\x9c\x86Q\xe0c\x92\n\xaa\xd6%\xb4\x8c\xc4\x82\x98\xdb\x9d\x8d\x95o\x96\x1c\x06\xdfe0\xe6\xc9\xf1o:\xcc\xf8\xd6`\xf0\x9f\x90v6;\xc3\x10 n\x07\xa4\xac\xd9\xdf\xd2|9\x1f2\x11\xe6\x8a"\xff\xb5\xceZ\\\xb2G\xd0\xc8N\xd08\xfc6d\xaa$\x82\x1b\xb2\x8f\x94W\xa1\x8f\xc0\x053\x9b[\xaefN@\xe3\x02KH\xdc\x0e|\x10R\xfe\xbd\xe6\xa7k \xab\xf5AIV\xba\xb6\x14\xdd\x10RYo*;C-\xa6/M\x19\x00\x00\xf0\xb8U\xcc\x9a\x95MaU\xd8\xdb\x86\x18\xebH\x82\xad\xf0\n\x96Mz\xc8\xa0\xe2s\xf1c\xdc\x05G&lt;:\rn\xc1\xe7\xdf\x1b\xbe\xc3\x03h\xa2\xc0J\xe69K\xd5G\xd1\xae\x86)e\xc8\x94\xf1\xb62g\xc2\xdd:\x08\xbf\xf3Q=r\xf26h\x97\x1bR\x1a\xc4\x14\x8c*\xba\x16\xa7\xa7\x0c\x7fH\xbf-p\xdfV/\xbe0*\x18m+\xa8\x85\xc9=$\xfeg\xdc\x03O\xc0\xce\x83\xf8\x00?\xa9\xa9S{u\x89\xd2\xdc\xc4G\x1f\xa3T\xaf\xa3j\x89o\xf1b\x19\']R\xd8\xe4\x962\xa4\x9e?\xd74\x0e%\x7f\xf4/\xa2\xa0\xef\x11\xbcWn\xdf\x08\xb8^\xa9\x0fS\xe6\x9c\x83;X*\xc2\xe8!\xf9No\x1d\xd3\x9b\xbb\xc8&lt;h\x1b\x91\xa1P\x1d.&gt;\xa0\xcb\x1a\x8b^\xbf\xe8J@"d\'\xf3KP\xac\xcd\xf63\xf3\xd1\xf4\x8e\xce\xb8t\xcc\xf4\xbc\x18h\x90\xde\xf3EW"\x19.c\x0e\xb6 %\xd9\x05\xb4\xb4\xfb\xd7k\xa9y\x1cO\\\xad\xe1\xa9\xb2\x88\x9c\xde\xf7L\xd2\x1a\xb2\x19Lm1\xf4\x15\xfe\xd3]\x8a=I\xec\xa8\xe2\x15\xa0\x1c\x18v2\x11\x9f\x94Kla\xc0\\|m\xc4\\\xe2W&amp;:\x1bp\xcb{%\xf4\xbe\xc2|\xa5\xb3\xea\xa6\xad\xa1\x12\x92\x84M_\xa5(\x161Y\xc7\x03Mp^C^\x91\xb4\xa8\xd5\xf6\xc1J\xbe~\xeeP\x90\x80yn\xee0\xe4|\x9b\x0bh\xea\x04\x1f\xa8\rE\xde\xd1\xf5\xf5?,@\x0f\xd5\xccQJ\x92\xa3\xcc\xe9r5\xbfP\xf6\x98A\x17?\xeb\x8f\xf0Z\xb0\xb5N\xff\xac\x10\x1ef\x90\x93\xdf\x9d(\xd1]\x13\xa2t\xa7\xfe\x12z\x9e\x95T\x1d\x8e\xe3\xce4\xad\xcbK\x94?W\xe8\xf7\xc4\x8c\xd9\xbb\xd5\xf2*\xe1\xa8\x15\n#$\xe2{@\xcdEw\xec5fr\xdf\xfe\xcb\xeb\xda\xd7\x06z\xe7\xfc\xd7O6 :_U\x19\xd3\xab\xbe]b\n\x1aNr%f\n\xc6\xaa\xb2\x06X\xb3__X\xd1dJ\xe1\xf2\xd1\x11\xff\xa4$\x881S\xc9\x97\x17a\x17|\xe8\xdc\xdeg\x8f1\x0f\x9e\xdb\xfdSa\x80\x01V\xc2\xa8\xf0\xdc\xb7\xe9\xfco\xd4\x8d\t\x7f\x1f\xa3\x16\xe6\x8a\x1e\x85"\xacV\x04\xaf\xbb\xb1\xe8\x0b\xdb\xebi\x15\xc9\xfb!D\xbd\xc8\xb8\xab\xfbQvrkg\xa3vU=o\xc4L1\xc3\x92\xea)W\x9e\x04\xb3\x1b\xabU\x17Ah\xcb&amp;\t\x18MN\xc3\xa7A\x08Z\xb2\xfeT\xe2z;\n\x8c1\x97M\xb9\xc1\x98\xbbLY\x18\xf1\xbc\x85:i\xcf\xb1eO\x87 \xea\x97\xf6\xa5\xfd7\xfb!\xdf\x0f\x7fA]\x03#%T\x96v\xd4\xe3\x15\x02\xe8\x9fR\x9aN\x1e\xa2=\x1e\x12JK\xa1\xc6\xaf\x8b\x1c\xac\x14\xdd\x19\x13\xd6\xb4\x13\xb0,\xd5\x0cz\xfdN\xca\xdbe\xf3\x99\x8b\x9c\xa0\xe8\x13\xa7\xbe)\xd8#\x02\x9b\xce\xa0)9\x15\xd9\xde.\x07Yp\xb1\xbd\x07\xc3V8&gt;\x08\x86\xfdW\x05^\x1eA\x90|g\x94\x92\x9c-\xff\x0c\xafOg\xbbj5Qfu\t\x94\xbc\x12\x1dq\xc9\xfd0\xdb\xf0\xb7\xf8i\xed\xf5\x12\xe0r\x14\xf9K\x86\xc1\xa5\r\xdf\x926\xd4\x0c\xfd+\x90\xfb\x0f\xbak\x1b\xa7\xcbA\xbe\xe5Y\x90\xe0\x7f\xc5\xea\xaad\xe5Q\xeb`\xae\xd9\x08\xc2\xf0\xf6W2bs$r\xcb\x8c\x94\xa7\xc3~\xe3\x11\xa1/\xa3co\x9bs\xc8\x8ey\xbc\xc5\xfbYx\xe3R\x00\xce\x16h\xa7\x13\x80\xeb#\x04\xca&gt;\xd9\xae\x80\xf1\xed9d\xf2sF\xfc/$\x82\xd6\xb7\xffs/\xbe&gt;\xbb\xf9w\xfe\x13d\xc9\x9f*LJ\xb2\x00r\xca*\x04\x9a\\\x9cD\xd4\xd7KJ* \xc3\x9f\xb9\x1b\xbb\xe4\x05\xece:\x1c\x8c\xcdu\xb5A8sMU\x8a[\xb6\xf4\xdf\x11M\xe3\xbeaVh&amp;\xef\xe5\xb9\xd4\x14l\xf0\x83\xd9\x92\x82\xf2N\x06E\x10j\x85\x97\n\xcb\x97\x84 \x06w\xc1o\x04\xa9l&lt;;\xfb/\xaa\x06\x9a\xbe\x8d\x0eF\x81\x92w\x123VH\xd2\xe0\xf3\xe1\x1e\x99\x95\t\x9e\xe5\xa0Z\xf5G\t5\xd4;\x8c\xdc\xb3X\x8f\xb9\x9e\x1e\x04\xd8\x13\xef\x15\xb2{\x00\x9cz\xb3\xa9\x97q\xb8R\xf3\xba\xd7\x82\xb1H\xc7\xd1*\xdd\x18\xa50D{\x06\xbc\x8bc\xdb\xe6\x1e\xc8\xf5\xaf\x96\xc8/\xb5\xca\x14\xb1\x96\xb6\xb4\\-\xda\xd7O\x8e\x9e\xbe\x14K\xbb\xe6\xf8\xc2\xf1\xde\x85\x8a\x9a\xa8\x16O3\x928HF\x91\xab}\x93\xf3\xdd\'\x04&gt;\xd8\x95[g\x7f|\xfc/\xa4`^\x02\xd3\x1dJ\x03\x0c\xb3 &lt;\x0b\x88\x84\x7f\xb1\xcbn\x8a\x99\x18\xd9\x1a\xea\xf1\x8e\x9e\x06\x1bNqP\xbd$]\xcd\x0c\x0f&gt;\xa6BX\xe9\xd3\xa7Bf\xd2\xf3\xdd\xbbH.v\xd4\xe3\x10\xfe\xe1\xedV{\xa3\xe2\xdfD\x99\x94a\t\t\xbb\n\xeb"\xee\xd9{\xf2:Qg\x87We"\x1f\xea\xf0$@+z\xdf\xafv\x10\x14\x00\r`8\'2\x05&amp;\xee\xd5#\x006\x1d\xd8\xe8\xc3\x81\xbc+\x9f|s\x9a\xd8\x13\xb4\x90\xa5\xe2\xfcK\x95\xfc\x91:,\x8a\x17\xe8\x11\x1e\xbc\xa7IZ\xde\x90^YL\xa2|\xe6]Xg\x9b\x87#K\x84}@:\x83]\xb8\x9c\xd4\xf0\xa9EL\xd9(\xce\x83ql\x1a\xa4\xe8\xae\x87\xc0E\xc3Q\x85&gt;\xc4&gt;\x8f\xd8\xfe\xa1\x92\xc2\x02N\x0e\x15\xf1\x82\xb4\xda_\xbe\x05I\xc1U\x980\xd4\xea\x1d\x17I\x9c\xf4&lt;\xbd\x86\xc0\xc5\x98\xee9#\xae\x0cA_\xbax`zG4\x13\xf7\x10\xd3\x15\xa6\xf7\xf7\xca\x17":\xa5\xdd\x18\x1e\x1eM\xfa\xfa\x15\x8ev\x95\x82sUT\xd8\x0ew\x05\x9c_\xac\x93\xba\xd6\xe0\x07\x1c\xf9\x98\xda:\x8f\x90@\xde\xfb\xee\xabe@\xde\xf6\x1d\xc6b8\x82\xfaRm\\\xb0A\xf2\xf3\xfd%\xf1\xba\xfd\xd3c\xd5\xfbW\x12\xbd-\x07\x97G\xea\xc4\x91\xdePN\x98Q\xb0\x9aHs\x1a\xb6I\x84\xc4l\xfd\x8a&amp;:0\x10M*I\x9f\x9a\xdd%Z\n:\xf3\x7f\xcd\x9dP\x82H\xa0\xfc\x11\xc8\xc1\t\xa3\x8d\x8d\x0b\\yDA6\xaf\xf9x\xdd\x15c&amp;\x9f\xf7\xc0\xdc\x94P\x18\xd9\xd2\xe0\xba\x15&amp;\xce\xa7\x0e\x94J=\x9c\xe7\x08\xf4\xa7\x1e\xec\xe9z^\xad\x9a\xe7\xb4X\x02N3\xd4&lt;F\xa3)\x02uJ\x84\xfaq\x8fr\xba\x13h\xcf\xc1\xd6\xaf\xf9\rw4\x84\nk\xba}\xa0L&gt;_\xf5N\xf4p\xc5\xb0\x07\x9f,14M\x1e_\x08\xd5\xb7:\xec\x82\xf8.5\x04\xe5\x1c8\xa6\xbb\xfe\xbdB\xa9\x04\xd1\xc5\x99\x83\x9d\x9f\xd0 \xfbB\x04\xf3\xfd\xed\xd4|\xa82G\xe7\xc9d\xe6\xd2N\xa1\xb2\x1c\xeb\xc7\x97\xa9\x91h\xc4\x12=\xb3RvQ\xf4M\xad\xc7\x1c\xc0u\xe1\xe6\xa3\xdb\xbc\x9b\xda\xbd\xd2cpA\xebY\x9d\xdb\xd4o\x97\xe7V\xb6\rr\xde\xdc\xdb\xd9\xdd\xf2_\x03\x89iL:.\xf4\xee\xc6j\xc9\xf1\xd1\x91t*\xf4r\x08\xd1+\x01\xac\xa1F\x91\x00O\xb2H9C\xee\xfe\x0e?\x9b\x83\x95wF\xaa&gt;\\\xda\x86Dp\x9d\xa2fQ\xe3^\x91\x86\np\x89\x9bP\x12@%\xb0\xee\x0c\tk\xcf\x0f\x03\x0c\xda\x99E\xfe\x943X\x95\xba\xe3\x95\xbd\xe4\xe7\'z:\xa77\xdf\xba\x10J\x87\x15\x89\x10.\x02O\xb3\x1b\x9e]\x1aH\xd8\xdfV~*_\xcc\x82\xb2\xd65~\xb3R\xa2H\xfc\x0b\xe19\xad\xb3\xf2\x7f+\xac\xaf{\xd9(%\xda\xb1w(E\xeb\xb0\x04\xf4\x08Z$\xcc\xad]t\xfb\xa2\xd3\xf1\x81\x9e"F\xc5\t\x15\xa9-\xd9Q(\xb1=[\x9c\xfa\xe4\xc5\x8e\x96z\xdc\xdd\xf3\x03\xba5\xa9\xdd4\x94\xb4c\xa90$}63y/\x19/iA\xf3+R\x17\xbe\x9a\xf0\xe5\x97\xd0\xa4w\xea\x0c\xbe=5pD\xefU\x94\x17T\x93\x072\xeb"\xa8\xb4\xd8\x04\x1b\xd2\xa0\x9a3T\xd8\x17\x12\xcf\x15\xc1\xa5\xbe\xd2\x1e\x87\x99\xfd\xd9\xb58\\c\x99\x8c\xbdo\x04\\`\x7fN\xfbUG\x8b\x02cR0\xcdw\x16[\xbd\x01X\xea^X\x8f\x8b\xf0\xaa,\xf9Z\xdf%0\xdbG7\xd6\xf0w{aD\xed\xd0"(\xf0)@\xa5\x0c\xca\xe5N\x7fnk\x148\xaaZ3l\t$)\'\xad\xe6\xf4\x1a\xda{H\xebC\xd6\xc3\xaa \xa3\xd1\x8d\xbc\x08\x81\x0c^\xb2\xf7\x1c\xc5\xfa\xef\xe8B\x10]\x12\xb82\xd82\x9cX\xaa\xa2Hv\n\x85G\xbaS\x0bv &gt;\xf5#\xac;\xba\xd4D\xd7\xaf&gt;\xf0Y\xcct\xe9\x7f}U\xc6P\x19\xe4&amp;z*\x05\xda\xb4d\xb9\x1b\x0b\x9a\xbb\xd0}xrA:\xf7Ia\xd4,\xc3\xcby\x1e/d\x15\xf9\xd7!p\x1e\xab&amp; F\xeci\x8f*zB\x1er\x05\xc6Q\xcf\x12\xb7\xfd\x92h\xa8\x02\xd1|#\xe2\'~\x9f\n:\x05\xad\x8e\x9d"m$\x7f8\xdf\xf6,\xfd%F\xc3\xa8\x1a\x88\x8eS\x18D\x0e{\x84\x1e\x04\x8dS\x82\xf1\xbe``X\t\x99d\xf0\x0b\x04\x16\x8c\xb1p\x85\xf9\xf9?\x0e\x83\x1d\x8b\x17r\xf9\xbb\xb7\xd3\x9f\xb1vyr)\xaa'</t>
  </si>
  <si>
    <t>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</t>
  </si>
  <si>
    <t>b'\xc6\x92\xbd+\x9a\xed\xe2\xf3\x1ev\xa5\xb9I\xe2M\x91'</t>
  </si>
  <si>
    <t>ant country
 in the world; and yet you could put it in China's vest-pocket; and not
 93
 only that, but you'd have the dickens's own time to find it again the
 next time you wanted it. And look at Russia. It spreads all around and
 everywhere, and yet ain't no more important in this world than Rhode
 Island is, and hasn't got half as much in it that's worth saving."
 Away off now we see a little hill, a-standing up just on the edge of
 the world. Tom broke off his talk, and reached for a glass very much
 excited, and took a look, and says:
 "That's it--it's the one I've been looking for, sure. If I'm right, it's
 the one the dervish took the man into and showed him all the treasures."
 So we begun to gaze, and he begun to tell about it out of the Arabian
 Nights.
 94
 CHAPTER X. THE TREASURE-HILL
 TOM said it happened like this.
 A dervish was stumping it along through the Desert, on foot, one blazing
 hot day, and he had come a thousand miles and was pretty poor, and
 hungry, and ornery and tired, and along about where we are now he run
 across a camel-driver with a hundred camels, and asked him for some
 a'ms. But the cameldriver he asked to be excused. The dervish said:
 "Don't you own these camels?"
 "Yes, they're mine."
 "Are you in debt?"
 "Who--me? No."
 "Well, a man that owns a hundred camels and ain't in debt is rich--and
 not only rich, but very rich. Ain't it so?"
 The camel-driver owned up that it was so. Then the dervish says:
 "God has made you rich, and He has made me poor. He has His reasons,
 and they are wise, blessed be His name. But He has willed that His rich
 shall help His poor, and you have turned away from me, your brother, in
 95
 my need, and He will remember this, and you will lose by it."
 That made the camel-driver feel shaky, but all the same he was born
 hoggish after money and didn't like to let go a cent; so he begun to
 whine and explain, and said times was hard, and although he had took a
 full freight down to Balsora and got a fat rate for it, he couldn't git
 no return freight, and so he warn't making no great things out of his
 trip. So the dervish starts along again, and says:
 "All right, if you want to take the risk; but I reckon you've made a
 mistake this time, and missed a chance."
 Of course the camel-driver wanted to know what kind of a chance he
 had missed, because maybe there was money in it; so he run after the
 dervish, and begged him so hard and earnest to take pity on him that at
 last the dervish gave in, and says:
 "Do you see that hill yonder? Well, in that hill is all the treasures
 of the earth, and I was looking around for a man with a particular good
 kind heart and a noble, generous disposition, because if I could find
 just that man, I've got a kind of a salve I could put on his eyes and he
 could see the treasures and get them out."
 So then the camel-driver was in a sweat; and he cried, and begged, and
 took on, and went down on his knees, and said he was just that kind of a
 man, and said he could fetch a thousand people that would say he wasn't
 96
 ever described so exact before.
 "Well, then," says the dervish, "all right. If we load the hundred
 camels, can I have half of them?"
 The driver was so glad he couldn't hardly hold in, and says:
 "Now you're shouting."
 So they shook hands on the bargain, and the dervish got out his box and
 rubbed the salve on the driver's right eye, and the hill opened and he
 went in</t>
  </si>
  <si>
    <t>b'=yo1UP\x0f\xdb\xf9&lt;\xd3Uw{F\x025\x7fj\x9a\x1c\xaeJx\x01\xd35\x80C\xa2\n\x90'</t>
  </si>
  <si>
    <t>3d796f3155500fdbf93cd355777b4602357f6a9a1cae4a7801d3358043a20a90</t>
  </si>
  <si>
    <t>b'=yo1UP\x0f\xdb\xf9&lt;\xd3Uw{F\x02'</t>
  </si>
  <si>
    <t>self inside the four walls. His eyes
seemed to be taking in everythingâ€”the gray trees with the gray creepers
climbing over them and hanging from their branches, the tangle on the walls
and among the grass, the evergreen alcoves with the stone seats and tall flower
urns standing in them.
"I never thought I'd see this place," he said at last, in a whisper.
"Did you know about it?" asked Mary.
She had spoken aloud and he made a sign to her.
"We must talk low," he said, "or some one'll hear us an' wonder what's to
do in here."
"Oh! I forgot!" said Mary, feeling frightened and putting her hand quickly
against her mouth. "Did you know about the garden?" she asked again when
she had recovered herself. Dickon nodded.
"Martha told me there was one as no one ever went inside," he answered.
"Us used to wonder what it was like."
He stopped and looke</t>
  </si>
  <si>
    <t>b'B\x0b\x01\xe6\xde\xb2\xd43\xde\x14\x99\x0fd\xae\xa0\xab&lt;\xcb\xfc\xb4\xc6Ws\xec\x9fZ\x8c\xbf%\xe5\x10\x0f\xe7\x13\xf7\xf2\x02k\x99U\xf6\x1f}b\xe1\x11\xee\xe1$\x94\xc9;\x19\xd9\xeb\xd4e\xc3\xbbAY\xf94\xe1\x84Mr\xfeC\x8d\x8f\x85W\xb8Vb\xbcZ*mB\x87\xe8C\xda\xd0pW\xb3\xf0\x08\xc9\xdb\xe0\x0c\xfc\x0c\xf4P\xed\x83+\x97\x88\xb9]]\x92\xae9\x12\xe2\xe4&gt;\xd6l\xfaIo\xb3\xdd\x9b\xe3\x9d\xa8Z\xc8\xa1\x11\x8a\xfdT\xe6\xac:@\x8a\xa7\x9a\xf0v\xe9\r\x8aE\xa7\to\x96\x00\xb04B\xbeB\x02\xe6\x1eiR\x1b\x9a!\t\xea\xa9\xb6\x11;\x01h\xdf;\x10\xe5)\xc4\x10n\xa3\xef\x18\x82\x84\xd3c\xf0~\xb2P\\\xdc\x14\xbaE\x94\xc8\xfec\xfeE\x8f\xacc\xae\xe1P#b\xbb:X\xfft\xb7\x1aP\xcaNze+\x0cs.K\xe5G\xc3\x84\xcc\x8a\xaa5\x03O\x88\x9a\x07\xf5\xeeH\xdcS\x99\'\xf9\x1b\x83\xa6"\xe5\xce@\xec0\x05\xa5\xf5\xdet\x8e\xa9\x96F\xc1M\xc4e\xc4\x07\x85\xe1\xcf\xe8S\x141\xa0\xbb+3R\xcc*kmTY\x18g\xe9&amp;\xc3\xa1\x17X\xc8\xbe\xf7\xed\xbc\xd0\'U\xb8\x9e4{l\x139%\xf7g\xf7\x12\x8c8I\xd3\xe5y\xdd\x11\xf9E\xe7&lt;\xba\xa2,\x81\xae&lt;\x8aa\xcb{}\xc0\xf6\x02\x06g\xc7\xb3\xeb\xf5r\x89\xfe/\x99\x1e\x8eD\x13\xe2\xe7\xe8\xbd\xbc\xc5\xc4\xcc\xc2!\xb5\xf9\x15\x91:\xd3\xd0\x0e\xec\x1cM1\xc2\xf6\xedt\xec\x1e\xc6\xa2\xccl\xda\xab\x0b&amp;\xec\xa8%N~~q-\xb5m\xab\xb3\x93\x9b\x88K\xf7\xd6\x8bZ\xc8&gt;\x96\xb0^\xeb\xa8\xc7\x9f\xa5\x84\x12\xf9\x92\x9b\xf9\xdd\xb5\x90\xf5*\x19\xf1\x13\xe1X\x18\xf9\xe3|hT\x12\x96t\x96h)\xed\xba\xc7\xd85\xf8v\xf7\x95m\x9c\xa3\'\xbfOi\xf0#\x0c\x8f\x146^UI\xd6OR\x81J\xdd\x948\xdd\x00\xcd$Rcje\xda3,\x92\x98_\x0e\x180K\x94\xba\xe5\xbe\xd8\xdd\x08S]w,}\x1d\x07l9\x94\xc9?_\xd5\xa2w\'\x0e\x18\x89L\xb3\x97\x04\xce\xf3\x7f\xa7\x16\xd5\xe3\xaa\x99n}\xf8\xe9W\x9c`!\xac\x9a\x18\xc6\xf6\xfa\x03\x1ay\xd4\\9OG8&lt;6\xb6\x11\xd1\xbd\xf5\xa8\x8d\xa6j\x1f\x18\x86\xf8\xef_\ts\x8e2\xfdYT0\xfa\x0c\xc0+\xd5 W\xe6 \x14\xfd\xd1\x1d\xdc\x96#2@2\x948\x11\xfcI\x19\x8c\x91\x15\xb2\xc0S\xed\xe2Zb\xc1\x00{\xe3k9\x168\xe1\xc6\xb4c\xfc\x1e\x90\xa0\x1d\x04\xa6\xd4\x9ac\x94CB\xeeN\xaeM\x90\x81Z\x80t\xdel~\x03d\x0c-\xf7\xc5\xb1\x8c0O\xdd\xb0:\xd5!Z\xcao=+\xa3[3\xb4\xa9.,\xa6MCu\xf8!\x08\x9c\x9fV\x02R\x97\x1c\xcc\x10n\x1fuY/\x97SH^\xa0\xc1:y\n\x98\xcf\x12]\xaf\x1ax\x0b\xc1\x8c\xc6\xb4\x06\x9f\x00)\x8f\xdeN&gt;N\xe7\x8f\xb8,0\n\x16\xaa~0+\xe4\x12\xa2\xd3\xef\xba\tj0ME\xdf\xe7\xbbu\xe1PR\x84\xdfI&gt;\x90\xeeT\xc3\xa8\x88\xad$\xc4\xb3]GH\xb0\xd0@\x01\xefV\x87\x1c\x14O\x9e\x02\xb0\xc1\xc1\x0e[a|Ik\xbc\x078_\x11"7\xb4a\xfd\xfa^\xb1:\xe1h,\xa3\xaa%\x92"\xf5\xbc\xeb\x90\xed\xd0\xb6!\xe5\xa6C\x8e\xd3\x83\x1b\x12-\xabU\xea|\xfb\x07a\xc5['</t>
  </si>
  <si>
    <t>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</t>
  </si>
  <si>
    <t>b'B\x0b\x01\xe6\xde\xb2\xd43\xde\x14\x99\x0fd\xae\xa0\xab'</t>
  </si>
  <si>
    <t>al case, R1 + R2 must be very large so that A1 does not â€œfeelâ€ the effect of the
 resistive divider.
 How do we measure the current flowing through a wire? We break the wire and place
 a current meter in series with the wire [Fig. 12.20(a)]. The current meter in fact consists
 of a small resistor, so that it does not disturb the circuit, and a voltmeter that measures
 (a)
 Vout Voltmeter
 Feedforward
 System
 Feedback
 Vout A
 R1
 R2
 1 Vout
 VF
 Vin
 (b) (c)
 Network
 Figure 12.19 (a) Sensing a voltage by a voltmeter, (b)</t>
  </si>
  <si>
    <t>b'"R\x85`\x16\xe6\xf4lj\x9e\xdd\xbe\x01\x849\x9d'</t>
  </si>
  <si>
    <t>2252856016e6f46c6a9eddbe0184399d</t>
  </si>
  <si>
    <t>see a bit of a brown lump swelling here an' there, watch
it after th' warm rain an' see what happens." He stopped suddenly and looked
curiously at her eager face. "Why does tha' care so much about roses an' such,
all of a sudden?" he demanded.
Mistress Mary felt her face grow red. She was almost afraid to answer.
"Iâ€”I want to play thatâ€”that I have a garden of my own," she stammered.
"Iâ€”there is nothing for me to do. I have nothingâ€”and no one."
"Well," said Ben Weatherstaff slowly, as he watched her, "that's true. Tha'
hasn't."
He said it in such an odd way that Mary wondered if he was actually a
little sorry for her. She had never felt sorry for herself; she had only felt tired
and cross, because she disliked people and things so much. But now the world
seemed to be changing and getting nicer. If no one found out about the secret
garden, she should enjoy herself always.
She stayed with him for ten or fifteen minutes longer and asked him as
many questions as she dared. He answered every one of them in his queer
grunting way and he did not seem really cross and did not pick up his spade
and leave her. He said something about roses just as she was going away and it
reminded her of the ones he had said he had been fond of.
"Do you go and see those other roses now?" she asked.
"Not been this year. My rheumatics has made me too stiff in th' joints."
He said it in his grumbling voice, and then quite suddenly he seemed to get
angry with her, though she did not see why he should.
"Now look here!" he said sharply. "Don't tha' ask so many questions. Tha'rt
th' worst wench for askin' questions I've ever come a cross. Get thee gone an'
play thee. I've done talkin' for today."
And he said it so crossly that she knew there was not the least use in
staying another minute. She went skipping slowly down the outside walk,
thinking him over and saying to herself that, queer as it was, here was another</t>
  </si>
  <si>
    <t>b'b\x81X\xa9A\x85\xef\x07\x14\xd0\xb1l\x13\xc2\x84@\xe9\xeb\xf8\x9d\x19\xc6\x9d\x8eU`\x9exO\x05p(\xc3\xbb.\x03Z~\xca\\8RQP\xc5\xe8\x06\xb4\xf6f\x9d\x90\xb9\xd5S_\xd0b\x89N\xed\xf3\x14h\xb2\x115\xda\xc1\xce##\x84\xbdz\x03J\x19&gt;\xd8\x9a\xa4\xaa\xb5\xc8\xca\xc2\xb7z\xcdG\x03}X\xd0#\xe5\xd2\xa0\xf3\x19\xe46\xe36(\xd8\xd8\x90&lt;\x986\t\xddM\xff\xe3\x99\xbf\x05\xcd\xf4J\xbc\xa2w\xb7s\xab\xb5\xb9\xe1\xe4\xadv:[\x96S\x8c\x19\xc4f\x07\x13\x05%\x14\xad\x9egX=\x9bHK(n\xf52\xf9\xdf~\xc1\xb5\rth\xdf\x18\xcc\x86\xe5\x84e\x15\x18\x1dPfe\xdb\x16\xda(\x92\xb0\xa0opA\xe9\xc7,Pv)-n\x7f"\xec\x9d\r\x06o\x0f\x1dV\xd0\xd9\xed\xf8\xf5i\xca\x9e\xa8F\xb7\xaa\xc6&lt;g}{\xeee7\xce6\xc4X\x82n\xbf\xa5\xfd/-\xf2\xab\xbfR\x1cV\xdb\x10\xec0\x8d\xcfQe~\xa76-\x00A\xcdu\x91\xb1\x15Cvl\xa2z\x83/\xee\xa0\x1d7!\x03\x0c\x85J\xeer\xea9IH\xe8TRb\xfb\xf4v\xe8\x0b\x07\xe55\x83\x14\xc4\x1c\xed\t\x1b\x983\xd0\xc3\xc0mJk%\xdf\x1d@\xfe\xfb$\x98\xf5M\x9f\x89\xb0\xed5K\xbcw\xd6\x8c\xb4\xc3S/\xb3zKJ&gt;%l^\xc8i\xfd\xa1I\xd3-4\x8d\x96\x9a\xf4]\xf7&lt;\xa7f_\x81\xf8_)v\x97\xb3*\x07\xcaO\x844#C4nX7R\xf9P/U\xe0\xa1V\x86\'\xe2\xc3\x18\x93\xd3\xb8\x05(\xcd\xd0\x99\x05\xcd#\x0c\xc8*J\x088\x1bc\x1f|\xdae\xa93c`\xae\x06\xef\xa4\xc5\x98\x93\xdf\xaeL\x82\xe2\xc0\xee\x8a\x7f\xf0]\xbe\x86\xa4\xbb\x02\xb8\x8f\xbcIHzD\x1bg\xf9\x83\xef\xf3\xa63\xbd\xd83\xa8\xc5\xfc\xe9h[\xa5\x9b.\x95B\x9a\xf9e\xd8-\x18\x1c\xe6\t\xa6\xc6N\x08k\x94%\t\xcd\x96\x177\\\xbe\x96\x1f7\xe0r\x86`7q\xe4\xcc\xc7\xced\x85\x8e\x8a\xa0\x18\xc4:9\x97v9P\xccS\xa1c(_\xf5\x88\x80\x19\xb8\xbf\x9e\xba4\xb4\xc73e\xf8\xc1&amp;S\xda;\xa2\xaf.\x97\x94j\xceb|1\x1d!3\xd4\x84\xfc\n\xc9\xe8\xd5\x84\xd0~nYO\xa4j\xdcf=\xf2\x12\xe3\\\xa5\xf7?uhh\xd1L\xcb\x99\xc1\xda\'\x06M\xb3\x10\x99%w\xd5J\x88\xb1\xbc\xb9\xd1\x8c\xeb\x81\xe4\xb9\x1c`\x19$\x93{g\xacL$sYT\xe1^[nT\x0e\x199"\x05\x84\xf5&lt;q\nU\x03\x0eu\xd6d\xe9]\x7f\xc2\xd9\xb4\xeb\x8fO\x8f\tGA\x8b}\xd8\xcf\xber\x16Ox\xc2\x9b\xa2\x97\x8e\x9f&lt;\x96\xd8\x11\nH\xed\x16\xe1\xe2wuE\xc2\xfa\xe1\xd2\xbd\xb5\x00\xb8a\x00*\xa6\xa9^\x94=\xd0b\x02\xf5h\xa2\xe2\xf7\xae\x1dX\x8b\xca\x01\xd4\xe6\x02d&gt;F,X\xb1\xea\xb2\xd2\x97|\x0e\xe11\x1c\x08\xf7\x9b\xaar\x1es\n;\x99Z\xda\xb4\x1e\xe9\xceJ\xf4{\x9f\xdf$eX\x9f0\xf8\xd9`b\xe4\x8d\xd7\xe3\x8b\xed\x10&lt;PTQ\xf2\\\x0e9\xa3\x95\t \xc5X0\xed\xbd\x0f\x87\x99\xbd\x0c\x0b\xd5\x10\xd8.\xb6a\x8d\x87\x9a\xdc\xc5\xd2\x15I\xed\xe7\x89[42\xf2\x14\xc8\xcf\x1c\xa1\x8c\x93\xf8M\x9cS\xc2\x9f\x16\tO\xda\xf0\x98\xbfy\xe2\xbb\x17u\xba\xe6l\x19l\xa7Q\x99\xce\xe9\x89\x1b\xd6G\xbc$\xdax\xde(\x98\\\xf1\xad\xe4\x95t"\xfa\xd6\xa2Y\x00\xd2m~*\x86\x92\x02.D%\xb0PW\x96\x89\xf1\xff=\x9f\x19\xdc]1\xf3\xc4\xb61\xadi\xfcLYC\xf3\xcd\x91+\x9c\xf7\xb7\x9e\xa4/\xa8\x8al\xe2\x15\x0b~\xea]\x16HB~\xc7\x03\xa6\xb3r\xe4t\xf9;\x80#L\x16\x99B\x92\xcf)\xec\xaaW$c\xfc\xca\x93p\xef\x84\xae\xc4\xbb6Md\xa8\x86U\x0e\xc0\xda\xc8gfSX\xf9L\xc2\xe8\xb6\xfd\x04\xe87\x9ax\xa9\x15\x03\x8f\xa3\xb5\xe5\x9b\x18:\x94\x1c\rN\xce\xd40\x11@\xc5~\xafk\xc5=K\xe3X1\xad\x11\x10\x0c-X\x99L\xd3\xc5f\xfe\x03\xdd:\xb3\xb2\x9c\x12t\xd3k\x14}/-H\xdf\x9b\xf5z\x97\xb6\xe9\xf7L&lt;\xfb\x0f\x87jl\xb0"\xd5"\x1a\xa8\xb2\xea\x06X\xbas?c\x10\xd25\x8e8\x9b\x0b&amp;\xa6\xa6#[\x87\x84kTC\xd2\xe7`l\xb7\xa9\xcbv}\xb3\x0e\xa9\xfc\xf5\x97\x13\xec6%\xbb\xcf\xc6\x195\xdbv\t\x88\xd8@\xe0\xe4\xa28\xb0_\xa5\x0c(\xa2B\x97\x00{\xa1p\xfdL;\x1f\xd0\xc7,Pv)-n\x7fb\xbct\xf1\x1b\xad\x19\xf5\xffbn\x16\xc7\xacp\xa2\xc8\x9a\xcc\xb3\x1cA_a\xec\xbe\'\x81\x9c3-\xc7\xe2\xbc\xde\x00\x96\x80f\xc7\xf9\xfd\xe3\x94\x96\x1fyT\x91A\xd4c\xa8h\xdf\xf2*,\\\x1a$\xdcId\xeaX\x88\x9e: \x1d\xe4\xb0R8m\x1e\x16\xc9q\x92\x04\xeeG\xf3\xc2\x95\xcf\xa7\x18\xab\xcbK\xfbM72\x8b\xa3\x05c[\x84s\x8f]\xeb\xea\xe60\xc5$g\xc6\'Qd\xcdS\xab:p\x9a\xa0$\xfav\x1do\x1e\x05\x7f\xb0y\xfb\xc5\x01\xfb5\xc0\x86\'\x80\xcfb\x89\xcc0\\:\xa3\xebSf\xdf\xa7\xb4\xfa\x9f\x10K\xdb\xb6Q{\xb0\x1ej\xb1\xfc\x04l$\xbee\x87\xfa\xf0ivc21j\xcd\x7f\xd3\x8a\x01\x02M\xb6Q&lt;/\xa49\xc9\xd9\xb2\x84\xda\x03\xd5\xbe\x8d \xdcW\x93E\x16\xc1y\x18zn.]\xdb\x13\xe9\x8f\xa7\xa4\xa1o\xb8\xd5v\x05`\xe7\x1b|R\x8f\xabMO\xaf\xb1J\x8e\'z\xca\n"\x89\x83C\xe1\x9f\xff\xa8ss\x82\xf0LC\xadp\xb0\x83\xd6\xc9Mt\xd3\x1f\x0e\xbf\xd6\xfe\xc5\xf1S\xd6\xc1\xdf\xa4\x01\x9a\xb9\x02l\xdf\xdfPm$\xe7\xb8\xa8R:K8\xa7b\x87\xe9k\xb0\x82G\xe5\x8bs\n\x05zE\x85\xb9\x8b\xb3\xd2\xe4\xddy\xbb\x00;\x80 X\x14\x83\xc6\xe4|\xabtm\xebk\xc8+k/B\xc4\x15\x16\xb8Q\x0c\xea^aHY\xf8X\xb2\xdc\x9f_\x04\xc0)\xd8D\xf3"\xf2e\xf7\x94\x01WN&gt;\x95\x91\xe5\x156\x87A\x9b\xe9{\xe1"\x82M\xaf\x18!\xbd\x01\x83q{u\xaf\x7f\x86\xaf\xd8*N\x88N;\t\x918\x93\x14\x97\xaf\xbe\x07\xfd:\xe9\x0c\xc3\x97\xf7bmL\x9a\xc1\xc2\xc8\x98\xa4\xcb\x8ci1Q\x94\xc3k\x94\x0c\xe8d\xb6\xe0\x9b\xfe\x9b\xdc\x03\xeb\xd6\nd\xa8\x86U\x0e\xc0\xda\xc8\x92\x1f\xf1\xd1\xb9\x16\xee*\x8e\xbc\xd0\xf4\xd3S\xd5\x80\x1fv!\x84\x90\x9e\x8fz\n\x86_n\xa3F\xda\x1c\xd0\x1a\x8c\xde\xac\xd0\xa2\x18\x07\xf3U\xf5\x05\xf7\xf9\xa2U\xd3\x043\xdb?\n)Kj\n\xbe\x869+/\xcd\xdfY-\xee\xc7Oyd\xb9\'|\'.\x9d\xfd\x18/8\xa53\x93E\xdf\x9dC\xa3FWx\xb3_-_\xd6\xf4\xa6j\xed\xd2\xfa\xeb92\xd1\xa5\x990\xfd\x9b,\xbd^\xf1\xfc\'OVn\xe6\xed\xd3)R}4\xdb\x19\xce\xe9\x8dZN\x99o\xba\x9c2e\xb7\xdaB\x98\xae\xf5\x91\xaejx\xcci\x14\xc4j\x043q\xad\xb7\xad{V\xcelJ@hN8_\xd8\xf8\x0cm\xce\xcfl&amp;\xb3\xb9\xbab\xcf\xa9\x8aK\xbd\xf0\xda\xa7\xed\xf1\x16c\x1a\xb0\x8bA\xc2\x10O\xbeF\xe3\x927\xa7\xae\xe5\xe7op\x06\xe5N\xa8\x96t\xc0\xcc\xaeV$\xcc\xbe\x86\x0e\xea\xc6^\x0eo\x12\x81\x03\x98\xe4\x93n_\xf6$*\xfe8\xf7\xd1:\x1c\xd2\x9a\x18T\xe1\x13;I\xd1\xbc\xcc%\x8el\x11?\xdbL`\x0b\xc2\xc8\xfe\xe6\xee\xce\x1a\xbb\xd4\xab\x93V\xbc\x1d\xb9\xd0\x073\x0b\x04W|/\x18\x95\xc9P\x7f\xfd\x99\x83\xb1\xe6&gt;&gt;\n\xa6\x0eL'</t>
  </si>
  <si>
    <t>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</t>
  </si>
  <si>
    <t>b'b\x81X\xa9A\x85\xef\x07\x14\xd0\xb1l\x13\xc2\x84@'</t>
  </si>
  <si>
    <t>t his temper. I notice a person 'most always does that's got laid
 out in an argument. He told us to shut up, and maybe we'd feel better.
 Then he see a town clock away off down yonder, and he took up the glass
 and looked at it, and then looked at his silver turnip, and then at the
 clock, and then at the turnip again, and says:
 "That's funny! That clock's near about an hour fast."
 29
 So he put up his turnip. Then he see another clock, and took a look, and
 it was an hour fast too. That puzzled him.
 "That's a mighty curious thing," he says. "I don't understand it."
 Then he took the glass and hunted up another clock, and sure enough it
 was an hour fast too. Then his eyes began to spread and his breath to
 come out kinder gaspy like, and he says:
 "Ger-reat Scott, it's the LONGITUDE!"
 I says, considerably scared:
 "Well, what's been and gone and happened now?"
 "Why, the thing that's happened is that this old bladder has slid over
 Illinois and Indiana and Ohio like nothing, and this is the east end of
 Pennsylvania or New York, or somewheres around there."
 "Tom Sawyer, you don't mean it!"
 "Yes, I do, and it's dead sure. We've covered about fifteen degrees of
 longitude since we left St. Louis yesterday afternoon, and them clocks
 are right. We've come close on to eight hundred miles."
 30
 I didn't believe it, but it made the cold streaks trickle down my back
 just the same. In my experience I knowed it wouldn't tak</t>
  </si>
  <si>
    <t>b'gD\x1fR\xd9\xfe\xe2]q\xd2\xfa@Q^N\x12\x8ch\xe76\xb7\xc6\xed=\x97\xe9\xbf\x86\x0eCy#'</t>
  </si>
  <si>
    <t>67441f52d9fee25d71d2fa40515e4e128c68e736b7c6ed3d97e9bf860e437923</t>
  </si>
  <si>
    <t>b'gD\x1fR\xd9\xfe\xe2]q\xd2\xfa@Q^N\x12'</t>
  </si>
  <si>
    <t>ut, saying, "Are you really safe, my dear? Oh! I have been so anxious, fancying all
 sorts of things. Have you had no accident?"
 "No, my dear; but if your Black Beauty had not been wiser than we were we should all
 have been carried down the river at the wooden bridge." I heard no more, as they went
 into the house, and John took me to the stable. Oh, what a good supper he gave me that
 night, a good bran mash and some crushed beans with my oats, and such a thick bed of
 straw! and I was glad of it, for I was tired.
 28
 Chapter 13. The Devil's Trade Mark
 One day when John and I had been out on some business of our master's, and were
 returning gently on a long, straight road, at some distance we saw a boy trying to leap a
 pony over a gate; the pony would not take the leap, and the boy cut him with the whip,
 but he only turned off on one side. He whipped him again, but the pony turned off on the
 other side. Then the boy got off and gave him a hard thrashing, and knocked him about
 the head; then he got up again and tried to make him leap the gate, kicking him all the
 time shamefully, but still the pony refused. When we were nearly at the spot the pony
 put down his head and threw up his heels, and sent the boy neatly over into a broad
 quickset hedge, and with the rein dangling from his head he set off home at a full gallop.
 John laughed out quite loud. "Served him right," he said.
 "Oh, oh, oh!" cried the boy as he struggled about among the thorns; "I say, come and
 help me out."
 "Thank ye," said John, "I think you are quite in the right place, and maybe a little
 scratching will teach you not to leap a pony over a gate that is too high for him," and so
 with that</t>
  </si>
  <si>
    <t>b'=\x8c\xb4N3\xea\xec\xcb'</t>
  </si>
  <si>
    <t>3d8cb44e33eaeccb</t>
  </si>
  <si>
    <t>1/(jC1Ï‰) = 0 at Ï‰ = Ï‰1, then
 6Crystals with an error of a few ppm are also available but at a higher cost.
 662 Chapter 13 Oscillators
 Zcr
 Ï‰ Ï‰ 1 Ï‰2
 Zcr
  Ï‰
 ZS
 L1C1
 1
 R C1
 ZS
 L1
 R C1 L1
 Zcr C2
 (a)
 (b) (c)
 S
 S
 RS
 Figure 13.28 (a) Symbol and impedance of a crystal, (b) circuit model for series resonance,
 (c) complete model.
 the impedance reduces to RS, which is usually a small resistance. That is, ZS can model the
 crystal in the vicinity of Ï‰1.
 Around Ï‰2, the device experiences parallel resonanceâ€”as seen earlier in LC oscilla_x0002_tors. We can therefore place a capacitance in parallel with ZS as shown in Fig. 13.28(c). To
 determine Ï‰2 in terms of the circuit parameters, we neglect RS and write
 Zcr(jÏ‰) = ZS(jÏ‰)||
 1
 jC2Ï‰ (13.46)
 â‰ˆ 1 âˆ’ L1C1Ï‰2
 jÏ‰(C1 +C2 âˆ’ L1C1C2Ï‰2)
 . (13.47)
 We note that Zcr goes to infinity at
 Ï‰2 = 1
 L1
 C1C2
 C1 +C2
 . (13.48)
 In practice, Ï‰1 and Ï‰2 are very close, i.e.,
 1
 âˆšL1C1
 â‰ˆ 1
 _x0004_
 L1
 C1C2
 C1+C2
 (13.49)
 and hence
 C1 â‰ˆ C1C2
 C1 +C2
 . (13.50)
 It follows that
 C2 C1. (13.51)
 13.6 Crystal Oscillators 663
 Example
 13.10
 If C2 C1, find a relation between the series and parallel resonance frequencies.
 Solution We have
 Ï‰2
 Ï‰1
 =
 C1 +C2
 C2
 (13.52)
 â‰ˆ 1 +
 C1
 2C2
 . (13.53)
 Exercise Derive an expression for Ï‰2/Ï‰1 if RS is not neglected.
 13.6.2 Negative-Resistance Circuit
 In order to arrive at a popular crystal oscillator topology, we must first devise a circuit
 that provides a negative (small-signal) input resistance. Consider the topology shown in
 Fig. 13.29(a), where the bias network of M1 is omitted for simplicity. Let us obtain Zin
 with the aid of the arrangement in Fig. 13.29(b), neglecting channel-length modulation
 and other capacitances. Upon flowing through CA, IX generates a gate-source voltage for
 M1. Thus, the drain current is given by
 I1 = âˆ’ IX
 CAs
 gm. (13.54)
 Since CB carries a current equal to IX âˆ’ I1, it sustains a voltage equal to (IX âˆ’ I1)/
 CBs = [IX + gmIX/(CAs)]/(CBs). Writing a KVL around CA, VX and CB, we eventually
 obtain
 VX = IX
 CAs
 +
 IX
 CBs
 + gmIX
 CACBs2 . (13.55)
 That is,
 Zin(s) = 1
 CAs
 +
 1
 CBs
 + gm
 CACBs2 . (13.56)
 M 1
 C
 C
 Z in
 A
 B M 1
 C
 C
 A
 B
 VX
 I X
 I 1
 I X
 CA B C
 Z in
 g m
 CACBÏ‰2
 âˆ’
 (a) (b) (c)
 Figure 13.29 (a) Circuit providing negative resistance, (b) setup for impedance measurement,
 (c) equivalent impedance.
 664 Chapter 13 Oscillators
 For a sinusoidal input, s = jÏ‰, and
 Zin(jÏ‰) = 1
 jCAÏ‰ +
 1
 jCBÏ‰ âˆ’ gm
 CACBÏ‰2 . (13.57)
 Wha</t>
  </si>
  <si>
    <t>b'|\t\xbb\x0fE\xc9\x02\x00|u\xf2y\xacn\xfcR'</t>
  </si>
  <si>
    <t>7c09bb0f45c902007c75f279ac6efc52</t>
  </si>
  <si>
    <t>High-Fidelity Design 691
 14.6 Short-Circuit Protection 692
 14.7 Heat Dissipation 692
 14.7.1 Emitter Follower Power
 Rating 693
 14.7.2 Push-Pull Stage Power
 Rating 694
 14.7.3 Thermal Runaway 696
 14.8 Efficiency 697
 14.8.1 Efficiency of Emitter
 Follower 697
 14.8.2 Efficiency of Push-Pull
 Stage 698
 14.9 Power Amplifier Classes 699
 14.10 Chapter Summary 700
 Problems 701
 SPICE Problems 705
 15 ANALOG FILTERS 707
 15.1 General Considerations 707
 15.1.1 Filter Characteristics 708
 15.1.2 Classification of
 Filters 709
 15.1.3 Filter Transfer
 Function 712
 15.1.4 Problem of Sensitivity 716
 15.2 First-Order Filters 717
 15.3 Second-Order Filters 720
 15.3.1 Special Cases 720
 15.3.2 RLC Realizations 724
 15.4 Active Filters 729
 15.4.1 Sallen and Key Filter 729
 15.4.2 Integrator-Based
 Biquads 735
 15.4.3 Biquads Using Simulated
 Inductors 738
 15.5 Approximation of Filter
 Response 743
 15.5.1 Butterworth Response 744
 15.5.2 Chebyshev Response 748
 15.6 Chapter Summary 753
 Problems 754
 SPICE Problems 758
 16 DIGITAL CMOS
 CIRCUITS 760
 16.1 General Considerations 760
 16.1.1 Static Characterization of
 Gates 761
 16.1.2 Dynamic Characterization
 of Gates 768
 16.1.3 Power-Speed Trade-Off
 771
 16.2 CMOS Inverter 773
 16.2.1 Initial Thoughts 773
 16.2.2 Voltage Transfer
 Characteristic 775
 16.2.3 Dynamic
 Characteristics 781
 16.2.4 Power Dissipation 786
 16.3 CMOS NOR and NAND
 Gates 790
 16.3.1 NOR Gate 790
 16.3.2 NAND Gate 793
 16.4 Chapter Summary 794
 Problems 795
 SPICE Problems 800
 17 CMOS AMPLIFIERS 801
 17.1 General Considerations 801
 17.1.1 Input and Output
 Impedances 802
 17.1.2 Biasing 806
 17.1.3 DC and Small-Signal
 Analysis 807
 xxiv Contents
 17.2 Operating Point Analysis
 and Design 808
 17.2.1 Simple Biasing 810
 17.2.2 Biasing with Source
 Degeneration 812
 17.2.3 Self-Biased
 Stage 815
 17.2.4 Biasing of PMOS
 Transistors 816
 17.2.5 Realization of Current
 Sources 817
 17.3 CMOS Amplifier
 Topologies 818
 17.4 Common-Source
 Topology 819
 17.4.1 CS Stage with Current_x0002_Source Load 824
 17.4.2 CS Stage with Diode_x0002_Connected Load 825
 17.4.3 CS Stage with Source
 Degeneration 826
 17.4.4 Common-Gate
 Topology 838
 17.4.5 Sourc</t>
  </si>
  <si>
    <t>b'e\x15\x0e\xef\xf9\x872\xe2\xe4q\xcf\xaf\xb7/\xd5k'</t>
  </si>
  <si>
    <t>65150eeff98732e2e471cfafb72fd56b</t>
  </si>
  <si>
    <t>were giving forth their last colours and perfumes, not on bushes,
 but on trees; and within bamboo enclosures, cherry, plum, and
 apple trees, which the
 8 Previous editions read â€œwarped and jet-black hair,â€ which
 makes little sense. The original French reads â€œchevelure lisse et
 dâ€™un noir dâ€™Ã©bÃ¨ne.â€ The most common meaning of lisse is sleek
 186
 or smooth, not warped. A literal translation of that phrase would
 be â€œsleek hair and of an ebony black.â€â€”J.M.
 Japanese cultivate rather for their blossoms than their fruit, and
 which queerly fashioned, grinning scarecrows protected from
 the sparrows, pigeons, ravens, and other voracious birds. On the
 branches of the cedars were perched large eagles; amid the
 foliage of the weeping willows were herons, solemnly standing
 on one leg; and on every hand were crows, ducks, hawks, wild
 birds, and a multitude of cranes, which the Japanese consider
 sacred, and which to their minds symbolize long life and
 prosperity.
 As he was strolling along, Passepartout espied some violets
 among the shrubs.
 â€œGood!â€ said he; â€œIâ€™ll have some supper.â€
 But, on smelling them, he found that they were odourless.
 â€œNo chance there,â€ thought he.
 The worthy fellow had certainly taken good care to eat as
 hearty a breakfast as possible before leaving the Carnatic; but
 as he had been walking about all day, the demands of hunger
 were becoming importunate. He observed that the butchersâ€™
 stalls contained neither mutton, goat, nor pork; and knowing
 also that it is a sacrilege to kill cattle, which are preserved solely
 187
 for farming, he made up his mind that meat was far from
 plentiful in Yokohama,â€”nor was he mistaken; and in default of
 butcherâ€™s meat, he could have wished for a quarter of wild boar
 or deer, a partridge, or some quails, some game or fish, which,
 with rice, the Japanese eat almost exclusively. But he found it
 necessary to keep up a stout heart, and to postpone the meal
 he craved till the following morning. Night came, and
 Passepartout re-entered the native quarter, where he wandered
 through the streets, lit by vari- coloured lanterns, looking on at
 the dancers who were executing skilful steps and boundings,
 and the astrologers who stood in the open air with their
 telescopes. Then he
 came to the harbour, which was lit up by the resin torches of the
 fishermen, who were fishing from their boats.
 The streets at last became quiet, and the patrol, the officers of
 which, in their splendid costumes, and surrounded by their
 suites, Passepartout thought seemed like ambassadors,
 succeeded t</t>
  </si>
  <si>
    <t>b'\x99Y\n&gt;w\xf4\xc4&lt;\x07B\xb0\x04\xc4W\xdf\xf5\xeb*\xc4~\x94\x97\xa8dHq\xd3\x97\xee\x07\x9d3'</t>
  </si>
  <si>
    <t>99590a3e77f4c43c0742b004c457dff5eb2ac47e9497a8644871d397ee079d33</t>
  </si>
  <si>
    <t>b'\x99Y\n&gt;w\xf4\xc4&lt;\x07B\xb0\x04\xc4W\xdf\xf5'</t>
  </si>
  <si>
    <t>spat. 
 "But look here," he went on, "here's what I want to know, Barbecue: how 
 long are we a-going to stand off and on like a blessed</t>
  </si>
  <si>
    <t>b'f\xbc\x98\xab\xb7B\xfa\x1f\xb3\x7f\x9e5EL7\x80\xe0_\x88\x9e7\x8ce\xbcr\x97D+^=\xe7\x8er\xbaRRqF\xe7\x07|y\x00\xcc=\x02`$\xa1d.W5\x9b\'A\x96j\xa6A_i\xd8\xb6s\x8b}\xd5N\xca\xbfl\tA\x14\xb5\xca,`]H\x99\xff\r\xe4\xca`\xb8\xa2\xecB\xc3*\xaam\x89*\xfa\xb2aCg\xf4\x91z\x02\x18\xb3\x0b|:o\x86\xf9\'\xc1\xf3\xe2\xb9\xe1N0\r(\x8a\xc2\x1c\xa2\x03\xf1\xa1\x8c,\xff\xab9"\xa1\xc1g\x9fI\xf1\x16b\x0cb|N\xe6\x84\x11~\xaf\xdb\xd8\x88\xd9p\x85%W\xb56\xfa[\x05^\xb1n\xdeE\xd5\x07b\xf7D\x8b\xaf\xd4\xc0\xc6\x04/\x01\xd3N\xa3\xe9\x8fu\xa5H\x81ib\x07\xb8\xf5S\xc8*\x91B\x98\xb2!B\x91\xf7i\x18\x92\x08:\x982\x9ee\x98&gt;\x04\x11\xc7\x0f\x87\xbf\xa3\xa1\x00\xc2\x92\x1f\x8cy\xa97\xec\x11\xdai\xb6&lt;\xb7\xd8\x80R\x07\xfb\xeeL\xba\xeb7\xa7\xb5'</t>
  </si>
  <si>
    <t>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</t>
  </si>
  <si>
    <t>b'f\xbc\x98\xab\xb7B\xfa\x1f\xb3\x7f\x9e5EL7\x80'</t>
  </si>
  <si>
    <t>?" "To the right!" cried the woman, pointing with her hand, and away we
 went up the right-hand road; then for a moment we caught sight of her; another bend
 and she was hidden again. Several times we caught glimpses, and then lost them. We
 scarcely seemed to gain ground upon them at all. An old road-mender was standing
 near a heap of stones, his shovel dropped and his hands raised. As we came near he
 made a sign to speak. Blantyre drew the rein a little. "To the common, to the common,
 sir; she has turned off there." I knew this co</t>
  </si>
  <si>
    <t>b'\xcc\xb0\x0cd\x1an\xf1\x99'</t>
  </si>
  <si>
    <t>ccb00c641a6ef199</t>
  </si>
  <si>
    <t>ve
 VX = Iin
 RFRD1
 RF +
 1
 gm1
 . (12.135)
 Noting that R0 = Vout/Iin = (VX/Iin)(Vout/VX), we write
 R0 = RFRD1
 RF +
 1
 gm1
 Â· [âˆ’gm2(RD2||RF)]. (12.136)
 The open-loop input and output impedances are respectively given by
 Rin,open = 1
 gm1
 ||RF (12.137)
 Rout,open = RD2||RF. (12.138)
 To obtain the feedback factor, we follow the rule in Fig. 12.52(b) and construct the
 test circuit shown in Fig. 12.56(c), obtaining
 K = I2
 V1
 (12.139)
 = âˆ’ 1
 RF
 . (12.140)
 Note that both R0 and K are negative here, yielding a positive loop gain and hence
 confirming that the feedback is negative. The closed-loop parameters are thus expressed
 as
 Vout
 Iin
 _x0002_
 _x0002_
 _x0002_
 _x0002_
 closed
 = R0
 1 âˆ’ R0
 RF
 (12.141)
 Rin,closed =
 1
 gm1
 ||RF
 1 âˆ’ R0
 RF
 (12.142)
 Rout,closed = RD2||RF
 1 âˆ’ R0
 RF
 , (12.143)
 where R0 is given by Eq. (12.136).
 Exercise Repeat the above example if RD2 is replaced with an ideal current source.
 608 Chapter 12 Feedback
 Example
 12.30
 Analyze the circuit of Fig. 12.57(a), assuming RM is not small, rO1 &lt; âˆž, and the laser
 diode has an impedance of RL.
 M
 I SS
 M
 M M
 in
 VDD
 M 1
 I out
 R M
 5
 3 4
 3 4
 3 4
 6
 5 6
 5 6
 M
 I SS
 M
 M M
 in
 DD
 M 1
 I out
 V V
 RL
 R M R M
 X X r O1
 M
 I SS
 M
 M M
 in
 VDD
 M 1
 V
 R M R M
 X r O1 i X
 VX
 (c)
 (a) (b)
 Laser
 V
 Figure 12.57
 Solution This circuit employs current-voltage feedback and must be opened according to the
 rules shown in Figs. 12.51(d) and 12.52(d). The forward amplifier is formed by M1 and
 M3-M6, and the feedback network consists of RM. Depicted in Fig. 12.52(d), the open_x0002_loop circuit contains two instances of the feedback network, with the output port of the
 sense duplicate and the input port of the return duplicate left open. The open-loop gain
 Gm = Iout/Vin = (VX/Vin)(Iout/VX), and
 VX
 Vin
 = âˆ’gm3(rO3||rO5). (12.144)
 To calculate Iout/VX, we note that the current produced by M1 is divided between rO1
 and RL + RM:
 Iout = âˆ’ rO1
 rO1 + RL + RM
 gm1VX, (12.145)
 where the negative sign arises because Iout flows out of the transistor. The open-loop
 gain is therefore equal to
 Gm = gm3(rO3||rO5)gm1rO1
 rO1 + RL + RM
 . (12.146)
 The output impedance is measured by replacing RL with a test voltage source
 and measuring the small-signal current [Fig. 12.57(c)]. The top and bottom terminals
 12.7 Effect of Nonideal I/O Impedances 609
 of VX respectively see an impedance of rO1 and RM to ac ground; thus,
 Rin,open = VX
 IX
 (12.147)
 = rO1 + RM. (12.148)
 The feedback factor is computed according to the rule in Fig. 12.52(d):
 K = V2
 I1
 (12.149)
 = RM. (12.150)
 Forming KGm, we express the closed-loop parameters as
 Iout
 Vin
 _x0002_
 _x0002_
 _x0002_
 _x0002_
 closed
 = Gm
 1 + RMGm
 , (12.151)
 Rin,closed = âˆž (12.152)
 Rout,closed = (rO1 + RM)(1 + RMGm), (12.153)
 where Gm is given by Eq. (12.146).
 Exercise Construct the Norton equivalent of the entire circuit that drives the laser.
 Example
 12.31
 Analyze the circuit of Fig. 12.58(a), assuming RM is not small, and the laser diode exhibits
 an impedance of RL.
 I out
 RL
 R M R M
 Vin
 M 1
 R D
 VDD
 M
 I out
 R M
 VF
 Vin
 M 1
 R D
 VDD
 X
 X
 R M Vin
 M 1
 R D
 VDD
 X
 R M
 i X
 VX
 (a) (b) (c)
 2 M 2 M 2
 Laser
 Figure 12.58
 Solution The forward amplifier consisting of M1, RD, and M2 senses a voltage and delivers
 a current to the load, and resistor RM plays the role of the feedback network. In
 a manner similar to Example 12.30, we open the loop as shown in Fig. 12.58(b),
 where Gm = Iout/Vin = (VX/Vin)(Iout/VX). As a common-gate stage, M1 and RD yield
 610 Chapter 12 Feedback
 VX/Vin = gm1RD. To determine Iout, we first view M2 as a source follower and calculate
 the voltage gain VA/VX from Chapter 7:
 VA
 VX
 = RL + RM
 RL + RM +
 1
 gm2
 . (12.154)
 Thus,
 Iout = VA
 RL + RM
 (12.155)
 = VX
 RL + RM +
 1
 gm2
 , (12.156)
 yielding the open-loop gain as
 Gm = gm1RD
 RL + RM +
 1
 gm2
 . (12.157)
 The open-loop input impedance is equal to 1/gm1. For the open-loop output impedance,
 we replace RL with a test voltage source [Fig. 12.58(c)], obtaining
 VX
 IX
 = 1
 gm2
 + RM. (12.158)
 Th</t>
  </si>
  <si>
    <t>b'\x81Vj\x9a\xb0\x80f\xb57\x14~\xb78\x06\xedU'</t>
  </si>
  <si>
    <t>81566a9ab08066b537147eb73806ed55</t>
  </si>
  <si>
    <t>had thousands of more reviews than
 they did. They could predictably roll out products, and they built a
 multimillion-dollar business.
 Your Hot List
 One of the things that helps guarantee your success is developing a â€œhot listâ€
 of buyers who raise their hands and commit to buying your product on launch
 day. The process for doing this is stupidly simple.
 Hereâ€™s how it works: As you publicly talk about your product, you will
 inevitably have certain people who get more excited than others. I like to
 reward them by putting them â€œfirst in line.â€ The more people who are first in
 line to buy my product, the better chances of my productâ€™s success.
 For example, as I get closer to launch day, I start to get more promotional.
 I might post something like, â€œAs you know, our yoga mats go on sale April 2!
 And this early in the process, itâ€™s really important that we get feedback from
 people who have been following us. Sadly, we only have a few hundred of
 them available, so I am holding a handful of them for followers who are
 raring and ready to go. If you want me to reserve one for you for the first
 twenty-four hours on launch day, comment â€˜I Want Oneâ€™ and I will add you
 to our hot list.â€
 When you start saying that there is a limited supply of a product, you start
 to build up a mini buying frenzy. People will sign up for your hot list even if
 they were â€œon the fenceâ€ before. This buying frenzy creates momentum and
 allows you to sell your product even harder.
 For example, I might follow up with a post like: â€œWow! Over fifty people
 commented on my last post and said that they wanted one of our yoga mats.
 Iâ€™m so honoredâ€”thank you! I will be holding a total of 100 yoga mats to
 ensure that first-responders get their mat the day that itâ€™s available. Sadly,
 that means that even fewer will be available to the general public, so if you
 want on the first-in-line list, please comment â€˜First in Lineâ€™ and I will add
 you to the hot list.â€
 I like to bring my hot list into a separate communication channelâ€”
 usually an email list, Slack channel, or private Facebook group, so that they
 feel like an insider. I remind them that they are getting advanced notice of the
 product going live. And when the product is ready on launch day, that small
 group of people will rush the doors to buy my product!
 How to Stack the Deck
 Again, your one goal during this stage of the process is to build a big enough
 audience to earn your brand at least 100 customers when you launch. Hereâ€™s
 how you get those first 100 customers:
 1. Identify where your target market already hangs out. Sometimes
 theyâ€™re already following certain Instagram pages, theyâ€™re in specific
 Facebook groups, or they watch particular YouTube channels.
 2. Create a series of content directly targeted to that person. You can
 also start building relationships with the people who run those groups you
 found in the first step.
 3. Document the process of your product. Whatâ€™s different about it?
 Why did you make certain decisions? How far are you from launch?
 4. Start announcing when the product is going to be available. Build
 up your following, your network, and your content by responding to every
 comment, replying to every message, and sharing your opinion on</t>
  </si>
  <si>
    <t>b'\x17\x17\xe4\x94\xae\x0e\xfc\xc6\x00(`$\xd8[\xaaa\xc8\x13\x81/\xb7\xf1\xb9\xf7\x03h\xab\x87)\x91\x16\x88\x00\xb9!\xb2\xe5\x85\x80V88\xcd\x07\x93\x88\xbb%\x1b\x9b\x93\x8a\xcd\xc1%\xaf\x82\xff\x81\xea\x12\x91\xc1ULD\xf7S\xa6[A7\xfad\xbaW;\xaav\xaf6\x992\x13jh4\x9c\xc4\x16\xef\x06\x7f\xbcP\xef\xe7^D\x13\xd4r\\l)U\xcb\x1e0Q\xae;sA_\xdeM\xbe8(\xa8&amp;\xba\xc1\xe2\xa5\xd4\xc5\x01\x08\x16\xc3\xbb\xe8s$\xdeX\r\x0b\xb4\x85|B\'\xaf\xf1\xf6\xee\x19\xffT\xbf\xdd\xf9~B_\xdf;\x1b\xd5\x8f*\xb5\xdb\xe8?\xca\x15&lt;\xe5\x99\xaa\xc6\xfb\xa87\xff\x08\xc5k\x0f\xb3\xc9fi^ \xc3\xd7\xf0\xdc,\x99`-\xd2.Bt\xbf\x0f\x13\xc8L:\xa2_u\x1b~\xd0,\xac\x8f\\OQRd\xbef\x8f\xcdF\xb8\xa0\xd5\x8c\xf9l\x10B\x92\x94\x97/\x04\x19\xc2\xb0\x8fJ\x04\xc8\x87\x1c\x1a\x96\x87\x02\xc8\xbf\xb43~[\xd2\xe4\x86C\xc8\x18-4\xee6p=5\xe4\xe4N,\xfd\xd9\x85:[\x03c1/\xba+\xf3\xcd\xb2\xd4&lt;.\n\xedk\x06`\x0b\x9fo\x14\x95\x11S\x95\xab\n\xa1\xf7\xf24YL\x85)\x18\x14&gt;\xa7\xfb\x0f\x1c\x1d:9\xa8\xdb\x11\x07z\xb8h\x9b\x15N\xd3M\xa6,\xbeP_v\xe2\xae\x96, BWf=\x96\xc4a\xec\x82\x85Z\x0f\xb8Q\xc3 \xd7\xd9\xb5\xf9\x192\xdeD\x88j\xa3\x86\x0e\xa4\xedP\xed62\x9d\x18\x9d`\xc5e\xb32\xafC\xa4\xf2T$\x86\xe3\x8c\xaez\x9bY\x89&lt;\xf8i\x9f\xacz\xb2\xc8=\x07P\x03\x9e\x10]\xbb?\xb8\xbf\xee\xe4\xde\x92\xe2_\x80MO6\x8azm\x86Y\x8b\xe9b\xb7\xea\xcf]\xea\xa2\x00C]\x8b\x95i|q\x1aW\x14H}&amp;\xa7\xdb}\xe55\xc0\x1bT\x97\x0f\xec\x99GM\xea\x1b\xd58\x19\xbd\xc86v{\xb4.Qj\xd5uv\xf1\x94B\x80\xd7(&gt;2O\x19\x9b:\x8a\xbb\xc3l\xe7Px/?\xea1y_\xe35:\xab\x1a\xf6\x99\xf7\xb1&gt;\t\xe65\xc2\xe0I\x9a\xaf*\x15\xf5\\\xb4\x1b\xd1U\x12zKC\xdb\xfe\x1d\x8e\x0f\n\x00\xac\x84\tk\xc9\x18\xa0\xe6\xb1&lt;\x12"\xb1\x1d\x02\xdc.W\xac\xb6\x9c\xe8g-\xdaG\xa2\x04\xbe{\xcd\xf0\x9f\x97)\xfds\xd6\xaa\xed\xc5\xa1\xa7\xd8a\xd3\xaa\xc6\xb9\x16\x03\x00\x93\x96WP\xdc\xd8\x03CLU\x10\x9f\xdf\xd7\xb7?2\x9e^\xed\x93\xf6\xeb\xf8\xa5drx\xd7\xf7\x1c\xc0\x1cU\x11W\x1f\xa7\xcf\xa8\x15\xef\xbd`X\xfb\xa0\x8a;f\xf9\xa9\xef\x05Jy\xee\x8f\xb1MD\xfb#\xb5\xf0\xb9\xb5\x90\xed\xb3\xff\xa7\xf9\xb5\xab\x18\x15\x01\x98\x0e-\xd3E\xdao\xb6\x8a\xd9\x0f\xfe&gt;w\xac\x00"\'\xb6\x8c\x0c\xb9\xb9i\xc2\xa5@\xdan\xf4\xd7@v#y\xc2![\x10C\x86&amp;\xa7\xf9\xeaS\x90\xf8\xcb\x10f]z\x9b\xfck\xa2\xad\x8b\xfa\xb9\xecMs\xa0C\x83b\xba"3;\x99i\xf8\xb6-\xb2-\'\xd3C\xe8A\xec%=c\xb5]\xb5Z,Cz\x17b\x917u\x91\x8a\r\xe2\x17{\xc9\xb4\rw\xc1\x9b\xdb\x9c\xc0\x11\xefT\x00\x88,\x16\xcc\tn\xae\xeb\xa6\xff\x04`\x97H\xeb\xc8L\x90\xf9=\x9f\xb6hc\xfe\xe1\xfc\xd9t\x84\xb1\xd2VG\x86xU,\xbf-1\xd8\'\xbb\xfb\x8a\xdf\xe5\xb7\xacQ\xf6\xfd\x05I\xd8\x19\xc1\x06\x94\x19\x90Bz\x9c\x0fkD&amp;\xc6q\xaa8mZ\x94\xe8Q\x03\xdc)\xa8\x18_\xfc\x07\x18t\xf1\xbdG2\xbcz,\xefR\x81&gt;%]\xd8\xd0\xb1LL\x899t\xee\x82%\xdf\x1b\x0foT\x97\xa9\xd1\xc2\xf8b\x07\xa6\x02J.Q!\x94\xaa\xe0\xe4q\xe1!\x8c\xb0]\xc8\x96E\xb7Xa\xa5mO\x02\xf0\x8dLD\x1e}D\x12\xdc\x9a\x05\x04Nv\x86\x12VN\xb6/\x10\xb0\xfa\x14\xe6&lt;+\xd1\xca\xfd\xf8\x16\x129\xe6\xa5\xad8?\x12}\xe7\x94X\xbb\xcd\xff\xb8\xf9/\xc2R{\x98\xf3g@\xbek`\xf3\xf8\x12\xd1\x16\x9b\xef\xfd\x08\xfa\xc0\x8f\xfb\xc9U\n\xe7\xcdR\x93\xa5\x03![\x94\xa3\x9b\x8cR6\x8c#\x99\x8b\x07VG\xb1\x04\xe0\xa1[\xb1\x88\x17_WH\xeb7]\x86}\xce\x85\x96\x97pf,2\x81;\xe8\xef\xeaD\x9f\xee\xb6\xb5\xc14FB1\xea\\\x04\x8b"i\xbd\x02(Xrz\x04\xc4\x03\x05\x08\xaf\xd2`,\x0c\x1a\x04\xe635\xab\xb2;\xb4\xf3F\xea\xf5F\xc1\x9egBP\r{\x95@z0&amp;T\x86\xfbm\x08^\xe4%\xb7\x0b\x94\x1a\x9c\xc8\xc3z\x94\xed\x9f\xfd\xfb\x0e\x06*\xc1Q\xd3\xaf\xb3q\xa2\xc0\xf5is\xbc\xc3\xc3&lt;\xf0P\x96\xb5\xbc@0\xee\x03r\xbc\x16\x91\x02b\ni\xf3b\xcd\xb0\xba_n{\xfd\x93\xbc\xa7\x1e\xc1\xbf\xee\x98\x8b\xa3S\xbe\x97\x13w\xa3\x84\t\xb2\xbc\xd2\x92@\xf6\xfaLZcV\xb0\xa2\x01\xee\x90X\x9bvg\xcc\x08\xc3\x97\x16Mc\x8a\xf7\x9b\xa9\xf9\xa7\xd9\xd4f[l\xb4dx\xf5\xd8\xbe5\xde\x03\xeb\xd0\x1f\xc8\xf0\x08\xdc\xd8\xb0\x91\\\xd9\xb5\x9d&amp;r\x7fen\xb6\xe32\xb3R\x15\x1c\x80\xac\x04;\xd5\x9e\x02WEaU2-\xaa%U|\xa4\xdc;\xdf\xd57C.\x86\xbfO.\x98"\xdb\xb5\xc0\x9d\xa6\xb0]X\x16X\xf2\x83\xfc\x92\xad\x96\x060\xc6\xf3=\xa5\xeeH\xd3\xe1\xaa6\xd7\xcaS\x02\x16\xb2\xb9\xe3\x89"\xa4Z\x8bW[\x88\x93\xc4\x17\x05`\xcb\xc6L\xee\x14\xf3\xb6\xbc\xa6o\x1d\xab\xccX\x80\x92E\x06\xdf\xd3\x00w\xa1\x81\xe1qr\x99\xd2\xe9h\x80\'#qTJ\x1d\x15&gt;\xa1"+\xd0\xdfTn4\\v\x9d@\xca\xa1\xb66[\x87\x07\'\t7"\x9b\x1a\x02\xf8\r\xaa\x1e\x85\xbfS-\xf7\xb5\xa7\xd2\x82\n\xbf\r\x98uk\xa1\xc6\xb8}\xf1\xebH\xe7\xce\xd0\x9c#g\xcf\xc9.\xb9-\xc9\x8d\xb60\x83\xa1q\xfd\xee\x10\xbe\x82O\x0e\x1bNh\xd3\xdb\x80\xd1x\xc6\xafD\xe3:\xba\xb1\x18\xbax\xb4\x9e\xfa\xde6\x84\xf0\xe8\x97\xdc\x1e\x91\x87s\xc7B\xd4\xb0\xd5\x05\xfd\xc2\xb0\x8b\x1dd\xe8{ \x0f\xc9v\x84I\x1do(\xc4\x0c?Z\xde\xd8@\'pE^\x10\xbf]\rI2\xd8Z\xc6\xf3P\x8c\xb1)+\x00\xd2\x02\xf4\x8a\xa0\x19a\x94\xc2\xeaM\x10\xe33\xf2vg\xbd\xf4\xb3JC\xdd\xc1R\xfa@|\xe7q\x98WS\x15\rC\xaa\xeb\xd0\xc5bA\x08c\x12M%\xaf\xfb4\xf7\xb5\xbb\x8a)\xd0\xab\xd1\x07&amp;\x7f\xd5"\xd3E\xb8\xdc8\x96 \xca\x08\xbf\xb1wn\xa1\xa0\xaf\x94\xc7\x0cz\xd0\x80z\x905\xdal\x7f\xceP\x1fq\x1e\xde\x82\x12=n\x0f\x97\xcf\xd9#\xec~\x1a\xd03\x8a8mEN\x97\xd0\xe4\xf1\xfe(\x99\x0c\x90\x00\xbf#\xdcp:\x9c\xeb\xef;\xfc\x02\n&gt;\xe6\xff\xcb\x9f\r\xbd2w3.\xd0\xfe:\xb8\xdd}P%7\xfecl\xa9\xc7v\x80\xeeP\xc5f\xee\x8cy\xcc\xce\x98\xadpA^\xf0\xb54\xd4\x7f\xcc.\xe5UR]\xfc.\xfa\xff2\x93\xd3t\x86b\xbb\ny\x0c\xd6\x1e|\xf7\x10"\xf7\xea\'\x13\x95R\x8f\x14\x89@ 1-\xb0N\xd7\xeeQ\xc4\xa6\x0f\x90t\x84\'hn\xd5\xdd\xc0\xd2\x98\x9b\xc5\xae\xcf\x1fX9\x9d\xcc\x9a-n\x90\xd4\xe7\xff7\xfd\x93\xe2\x01:\x92\xb2m\nTF`:C\xd5\x1ek\xa7\xe2\x87\xa0\xbem=\xa4\x0b\xcb\xaa\x1aJ{R\xf1\x99\x02?n\xef?{\xf7\xd5\xcd5\x03\xaa\xbb\xcb\xdf\xbc\x89\x93#6\x17\x1a\x89\x00\xc0\x02\xb6\xd9\x87\x9c\x83\x00Zz4\xf5[\xca\xf9x\xd1\x05\xce\xc5\xce.\xe1"\x85\xf18&gt;\xce/\x18\xb2\xfb\xf4\x9d\x8d\'\x7f\x9031a\xfd\x7f\x7fgQH\xbbyA\x90\x1e\x0e2P\x96\xb4\x8cD\xba\x82\xc2\x8aP\x88\xa8m\xcc\xa9*q\x05Z\x17\xcb\x04\xb0\xe0S\x1e\xb2\xd6\x18\xaf[\xf1\x15\x1f)&gt;\x97\xe3!Zo\x0c\xed_\xac\x01\'\xd1B\xf6R\xfe\xc8N\x0b\xf8\x1e\x06\x82e\xac\xef\xb4W]\xdf*\x1c\x90\x042\xa3pm*\x86\x1c\x0c.\x8a\\\xfe!\xc1\x0e\xab\x19\xf2\xc2\x07F\xa5q\x95\x02\x0b\x81\xb5\xb1m[Nf\x1a\x86\xc5\xfd\xf0\xbd\x1d\xb4\xda\x07\xa2\xa5\xb4\x92\xbd\xc5\'\x9e\x91;\xff_\x17\xe8\x81\x81n\xd7\xa6\xf0\xea\x81\xc5\xb1\xcb\xc0\xcfyz\x84\x83\xf1\xd8&lt;s\xf0\xbf\x89\xf9\xd0\xb9;\xad\xe3\x8c\xb6\xde\xa5\x15b\x19a\xfa\xea\xe1sHs\x81\nK\xeaY\xc0\xd1\xc3\x8c\xc4\x80\x8a\x062\xba@]\x04\xca\xd32\x9a\xc5\xceD\xad\xa0J\x1b3\x87l\xca\xb8\x163\xed\xfe\xe5\xbe\xaa\x16Z\x86/\xfb\xc8\xad\xd7\x95c\x98\xbc\xe9c\x8c\xc1\xc8V:=\xf0\x86-\xfe\xeb}\xd1d9\xb0"\x04\xb8,\x9d\xc7\x95\x00\xc0g\x0b-L\xc2\x0eE\xdas\xb0\xad\xf5\x8bH\xbe^Z\x815\x08\xf8\xe3\x90\xb4\x83s\x80\x19\x91(D)\xa1\x83\xd0\xcb\x19\xd8\xc5(\xaf\xe7}G\xdd\xf2[\xe3C4p\xfa9 8\x9c\x15S(rK)\x9d\x87\x07\xa7\x86\x9a\xad\xe4\xcb\xb3\x12\x7fY2Z\xe4kj\xa0jg\xae\x15-\xf9V)\x9c\x93\x85e\x8c\x0b\xafi8\xbb\xdeM\x1f\xc0Ig7H\x07\xc7\xde\xcb5\xd5\xa5Bw@:\x19!\xba\xd2\x90\'N\xe9\x12#?\xab\xdd\x00\xd4\xd8\xe2\xc8\xd2\xa4\xb6;x\x86+\xa4o2V"\x06\xda\x07O\xccx\x12}A\xab\xe2\xc8lN\'n\x82\xf4\xf6\xe9\xadCX3\x93&lt;\x866\xa4o\xee\x9d\xa6\x06d\xfe\x0f} \xea\xfb\xa6(\xf7_\xfd\x06\x8d\xd4\xce\x0b\x7f\xd0D\x81t\x8c\x96\xcc\x0cS\xebesj\xbd\xa7\x9f\x9c/\x00\xe3\xfao\xfd\xc4\x12\xce\r\xe9\xed&lt;\x1eV\x9es\xdd\xc5\x8ae\x94\xbeV\xb8\x17\x00\x00\x91\xdf\x08@9`\'\x1bN\xff*\n\xadF\x9d\x8c\xae\xd2d\x9ed\xa9^\xb0/\xc1\x18\x1f\xeb\xe3U6X\xfc\xcd\xa9\x83\xfb\xcfS.w\xc4\xe5n\x8dB\xdf\xb9\xdf\xf7\x0e\x02\x1eH\x8c+\xa3\x9b\xf4\xc2\x86xO\xe9\x07Xv\xd1\xa1\xdeW\xd9$\x0c\xe8!V\xc2\x0cl\x1c\xf7\xba)h\xb5J\xe1\xf3\x1bga\x9cA\xfd!\xe7\xa9\x96\x16G\x1e*\xee\xed`$\x7f\x1e\xb7R;\x0fl\x18\xc1\x81\xca\xc4\xa6\xb9\x01F\x10S\xfb[U*\xa16c\x9dn\xd3\xd1\xc9\x87,\'\xfa\xee\xa2\xed};&amp;\x8b\xfcIZ\xc9\x10p}\x00#\x89\x1a\xb1\xb2\xaa\xf6\xbc\xf8\xce\xa4E\x95!Q\x12\x93\x13\r\x8f\xd5SZf\xe7Y{\xaf0s\x06\xaa\t]\\\x05v$\xf5\x02\xb2\x1f\t\xe4|\xee7k\xc0SI;\xec\x08X\xfb\xf7o\x19\xf1\xd3\xe6\xc1q\'\xe6\x7f\xde*\x05z2\xf7\x8dk\x07\xc4\x05\xc0\xc9\\\xe1a\xa4p\xd3\x84\xfd\x08\r\xad\xb1\xac\x00\xf7\xbc\xc5:E\xa2\xba\xe5\xf4\x05\xf4\xbc_\x92Ih\xf6,\xb3\xfbfl\xe1y\xc8\xbe\xd4\xa3\xa2\xac@vR\xc6]\x87gK\x02\x95\x98\x14\xc2]Zq\xc7\xbb!\xb53\xb9\x01O=\xb9\xc6\xd8\x91\r\xb6\xec\xc3\x04\x1d\xd3\xff\xb6\xd1\x85\x8f]\xb0VZ\xaf\xd8K\xee\xc2Mz\xf1)\xaf\x1d\xf9\x881]\xbb!WW\xcd\x08\x92\xc4\x1d\x0e\x87\x9c\x12&amp;\x86&amp;-f\xf0U\xf3\xc5\xa8\x12\xf22\x19\x0c\xd7l\x80Y&amp;\x06\xfd\xb2\xa0\xa6\x9b\xfbM\x8b\'\x08\x1c\xff\xcd\x95\xb6e(cy\xe3\x96\x97[\xf3,\xeb\x00VOB\x8f6\x90\x10\x80\x18OW\xe8\xc5\x89\x00\xa4\xcf\xf4\x02=\x14u?_\xd5\x86\xea\x80 \xc0\x03\x92\xadv\xad\x0f\xe1\xc0\x18\xd7\xae\xf7\xf8V\x86\xa7\xbe;\xa62\x87\xd4N_\xe6c\x8eI\xeaz\xea$\xbaq\xeeE\xcf\xee\xdb7\xd8\xd0\x0b\x87\x85\x99\xd6Q\x8e\xb2 \x03u\xd6\xb5T\xfer\xa1O\xd6\xf3\x8b1\x1fZ%^\xfc\xc9\xec\x81\xa2\xa0\xf0&lt;\t\x1b#\xdd\x14\xc7\xa0D\x07\xffq\xdc\x18\xdf\xb0\xbe\xdc\xb0\xd4s8i-:m\t\xb0\r\x14\x14\xd9\x81\xd9\xb8\xf7\xc0c/\xe6\x82[{+K\x9a\x92\xf4\x0c\x94\x00\t\xfd\x91\xb6\xf81,\xc7\na\x92\xd4\xdfHL\x14\xda\xfc&gt;\xa8\x88DtRl(\x1b,vJq\x1d\xefXX\r\'!\xc9\x9f\xc8h\xbe\x8b\x1b w\x00HK\xec{&amp;D\xfb\xd0V\x8a\x93\xa8\x98U&lt;\x07\x8b\x9f\x17_#\xd3\xfd\x90\xe0\x0fL\xe5/\xcch\x91\xf9\x07s\xfc\xb1F]P\x8a\xd8_0\x05\xd6eiD~uHlh\xfaDI\xe4H\x8e\xc9\xcc[v\xffu_\xc2\x98I\xbe*\x86\x1d\xa4v"\x16^y\xf5\x9c\xc6\xfaT\xe1\xfa\xa9\xbfk\x85+,\x94\x19\xa0&lt;\xacq&amp;W8O{\xd4\xcd&amp;n\x04\x9c]\xb2&amp;\xa5*\'\xbd\xf6\x84\x1e\r&gt;\xf0\xe2{\x8d\x9f\xa9BJe\x870\x01\x80\xa5i\xca\x97\xf4\x07g;;\xa9\xa3\x82\x8a=\xb0\x04\xa1\xe9U\x98P\xa0n/\r\xce|\xcc\x99\xda\x93y\xd8\x05\n\x92\x85\xb5:\xbb\xc7$~\x1e)\xf3\xe9\xc6:f\xe4\x97\x9d\xb9\xf09\xd4\xda\xc1\xbb\x06\x08\xaa\x0cQ\x07\'B\'Sg\xd5%K78\xfap\x96\x1e\xa1\x91\xcb\xc8\x13\xccI\xe8k\xcb\xa8'</t>
  </si>
  <si>
    <t>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</t>
  </si>
  <si>
    <t>b'\x17\x17\xe4\x94\xae\x0e\xfc\xc6\x00(`$\xd8[\xaaa'</t>
  </si>
  <si>
    <t>th me full-time. He was worried
 about giving up his paycheck.
 â€œHow much are you making now?â€ I asked him.
 The answer was $68,000 a year. â€œGreat,â€ I said. â€œDo you want to double
 that?â€
 Thatâ€™s how we decided how much to pay ourselves. I wish I could say it
 was more scientific or well thought out, but it wasnâ€™t. We replaced his
 income so that we could both be full-time in the business. Pay yourself that
 amount when you decide to go all in.
 Revenue Roller Coaster
 If you are like most entrepreneurs, then you will encounter this scenario: One
 month, your business makes $200,000 in revenue. Youâ€™re elated. Well, but
 hang on: The following month, it only makes one-third of that. This happens
 all the time, and if it happens to you, donâ€™t be alarmed.
 The question becomes, Are you still a million-dollar business?
 Hereâ€™s the rule of thumb: If you sustain an average of $100,000 or more
 for three months, youâ€™re a million-dollar business. End of debate.
 While swings in revenue are common, itâ€™s much more common for
 people who carefully follow the process in this book, step by step, not to
 experience wild swings. Instead, most people will see sustained, steady
 growth as a result of their efforts.
 If you have your systems set up for stacking the deck and releasing new
 products, and if you take the time to build the audience through influencer
 relationships, then the growth of your business will sustain itself. In fact, you
 get to determine when you have swings because you control the audience.
 Need a surge in revenue? Do a promotion. Need to boost slow sales? Call on
 your influencers. Product reviews are going down? Ask your audience.
 The biggest swings that happe</t>
  </si>
  <si>
    <t>b'\xbfF\xd1 \xa5\xb6\x82\xc1A\xfa\xd7\x04\xa3\x0eMXH\xdc\t\xa3\xb0\x91\xf7\xff2s]\rJ\x197\x87\x95rr5F\x02\x8d\x0f\xeflTG)\xca\x13t\x0b\x07\xe2Y_\x02\xe3\xceW\x11r\x80;&amp;\xc1\x89?\x0c\xac\x19\n\x0fl{\xaeej.\x19\xd9\xba&gt;\xbau\xab\xdb\xc1\xd7\xfa\xc4A\x95\x8c\x1a\xa4s%\xd4D\x16c:\x00jA-\xc6\xd4\xc0\xa4\xf5\xd4\x8f\x9d*\xa9\x17\x81\xe5Dz\xb6\xba"\xd2]\xf9mnx\x8a\x94,\xab\xe3S*5k\xc1=F\xcb:\xa0\x06\x82o\x13[0\x01\x10\x1b\xdf\x18]\xe0\x98\x93\xb6\xb0!\xff*h\x1f\x10|N\xf5\xeeJ$q\x89*,\xe8\x84\x96]\x8e\xa0\x0e60\x9evV\xcfa\x0e\xcd\x89=\xd8\xbb\xcc\xe4\xdcZT&amp;\xf0_\x00\xc1\xed\xd26\xc6s(\xe8\xf2\xc9z\xe6\xda(7QiC\xd2\xc0\xda\x8b\xec\n/\xce\x98\xf6\x19\x15\x14"\x00M\xf0;\xa2f\x97o\t\x13\x13(\x17\x9dK\xd2\x9d\xa35\xad\xf7:%\xa9\x1e5\x1c\xfc\xe7CP.C:5\x9b\xa75(U\x03\xfc|H\xbc\xd9\xea\xdf\xcaZ\xce\xb6\xb5c\xc6\x17G\xe4\xebF\xe3\xf3!\x89\x8e\x1f\x865\x83Rz\xfc\xa4\xd5 \x08\xf3n`\xd9\xb9}d\xbco\xb0\xe5\xd8"\xa6&lt;C\xb2!\xfe\xa4\xb8bf)n\xde\xfd\xb2B\xaa\xd4\xbc\xee\xb8\xff\x9fo\xb6~\xf2&amp;X\xe5\xca\xafX\x9c\x98\xca\xa0+\xd5\xdd\x93\xd1\x01c\xd4&gt;\x00&gt;\xd4\x14\xbc\xc0\x93\xd0~c\xff\xa2"\xcd\xba\x90\xdf\xd2\xa0\xc2}X\x97\x99TI\xe1\xc8\xa6nOG\xfc\x80\xd5L!+&lt;\x13\xd5Y\xf0\xb2\xd2\x82N/Y\x1e\xb4;\x1clc`\x96@5\xa0\xda\xe5\xd0^8\xaa\xb6\xd1\xbe\x87\xed\t\xa2\xa3\xb9Ws\xb9\x98\\S+P\xde\xf2\x90yI\nM\x95\xe0\x8b\x81Z\xa2\x8d\xa3Bh\xf2QL\x05\xa4\xdc\xf6\xe6\xa1c\xc7\xf8\x02\xf5\xed\xee\x8ec\x7fz\x89irO\xce\xa0\xc0a\x13\xc4o^+\xebL\xdb\x9eIQ\x9d\xf8\x88E\xb5O\xb4\x16\xbf\xa3\x19\xe6:\x97\x96X\xbb\x0co\x9b\xd2\xe8\x0b\x00\x96\x17M\x96\x8c\xfe\x130:\x86\x83F\x02*\x01\x13\xcc]\xa9\xe1\x005\xf2\x13-\x1c\xb4\xfdpsv?\xf4\x9a\xb3@\xcd\x98\xc3\x18\xef*\x19\xe8qM\x06.\x80#\xe7\xa9_\x15\xe7!f\x88^vq\x1a\\?"1\xbf\xc59\xd8\xdd\x92\xf4\xb8\x05\xea\xcb\x90\xa1\x7f\xdf\xfa\x12\xab\xd6\tsN\xeb4\\\x17\xcd\x91\x1fI\xa5*3W"\xf4)7\xd6\xa3\xe5x/\xe3\xc5\x120\xf0\x86\xedd\x99\xf3\x93\x99\xbb\xa5\xac\xde@PG\xc1$Zx\x90\xaeR\x82\x9a|\r\xa3\xc1 \x89\xf9\xaaA\xa0\xeaL~\xe3\x18]%\xe5\xa87\xd8$\xea\x7f\x1cc\xc1f\x14\x1d{6oE\x00\x89\xd2P\r\xed6\xd69\xf0_\x7f\xa6\xef,\xc0Z!`\xaa\xe7s\xa3\xa9\xcfC\x90\x8d\xc6\x81\x0e\x85&gt;\x8f\xb6]}\xd2^\x19&gt;\x03\x1f\x1a\xd4\x11\x12W\xfc\x11\xbb\xf3\x81=C\xb9\x8d\xb5+\xa0\x08\xcd\xda\xb5=x\x19\xca\xb3l\xb34\x85W\xafkY\x0c\\{\x9fJow=L\\\x7f\x8c\xb5j\x85\xed\x14\x825 }SoF\x16x\xcd\x9e\xf9\x8e\xecL\xbc\xacc\x1f\xda\x161`\x18tD\x89\xaf:u* J\xdd\xecm\x88\xd4=\xbc\xdfV\xb4\x8bm\xdca/:|\x9b\xd9\xf4\xa0\x81w\x1c\xae\x1b\xa1\x9b\xda\x9b8\xfcIwa\x1d\xe6\xd42i\x9a\x0f\xbf\xcf\xc4K\x9e\x08\xae\x95\xc6`/\x05f\xbb9\xc8\xb5O?y\x8e\x0c\t\xde\xbf\xd5\xaa=\xf2\xb3\xa6@\t\x17,\xd2\x9f\xe6$\x05\xbd\xe7I\xe9\x9e?\xb6\x8ds\xef}\xde|\x08\x8b\x9aP\xcftT6q-~\x8a\x96\x83\x0e/\x9a\xfa\x9bA\xc7\x95X\xdbf=,\xc9\xc6\x87\xb0\xd2\xea\xe2\xa7oR\x8e\x10\x95k&amp;\xfa \xd7(\x9a\x1c\xe0l\xe5\'\x1b4\x00\xe8\x1a\x05\x97\x1b\xf2\n\x06\x1b\xdd\xad\x98X\xd4\x802\xbf\xbf\xe0C[(\xeaL#\x1a&amp;\x12\xbec\xc56\xc5\x8c\x8dH\xdf\x02\xa4\x93\xaaD\xdc\x19\xfeAuY\x9fE}rI\xe5n\x7f\x8f2\x7fp*jx\x139b\xa5?\x04FZ\xb4\x89\xbe\xdb\xaf\xd7\xc5\xd5\xe2\xb5E\xb5\x1c$\x1e\xcb:\xcb\xebAg+EHc\x05\xd8x\xebd\xc4\xb3I\xe1\xa4C\x9b\xccz\x87V\x15\x0f\xf9pF\x15\x9f\xa6\xcb\x9dFo\xe0\x06\x00}\xb7\xc0\xc7]\xe9[N\x13\x13\xe0\x10\xd9\x03\x84Y\xed\x9f\xda\xa3\x9e\x94i\x93\x9c\x95\x90\xb9jI\xb7\xa7\x1bX M\x00H&amp;\'1\xf0\x1c!C\xd6\xe0\x84\x12\xee{\xbe\xb3\x03@\t\x84\xd8\xe9\x80W\xcb\xfcW\t\xfa\xe9^\xf6Hznu \x95t\x81\xef\x80\xb9\xd0\xbd\xdfO]\xaeH\x8b\xac\x83\xb1 \xa2~#\x91!\xc6\x0eL0\xf2\xf3%\xa3]\xdan\xf0\xd8\r\x81\xcf\xd9\x96\xfe\x9e\x07\x14\xbb\xc4\x84\x03H\xbe\'&amp;\xf3$w\xf1\x7f[\xe1\xa1\xd3\xc0\xc5\xd9_\xb5\x8d\xea}k\xd1l\xc1\xfc\xe0:\xb6\xcf\xf9\xb2\x86\xa6\x96\xe9\xef+1\xd3\xc3\x05\x0f\xb1@!\xfaL\xf4\xfbyA\xf0E\xdc\xa7%:\xa5\xa1-b\xacr\x93\x0b\xba\xa2\x86\x0b\xc2\xd1N\xe3o=Y@QE\x9be\x8a#\xeaD\x96\x10\x15\xb7\x06;sU\xacc\xdb\x17=\xeaQ\xca\xbb\x13{\x88\xfeg%*\xeb\xe4\xca\x8a8\t\x1b\xb8G\x82\xde\xeb\xdad\\%f\xbf\xfe\xe7\xf4\x9dS\x99}I\t\x1e\x0c\x05 :i\xa2\x88\xddg\xc0\x9a\xb0c\'\xe1\x8d\\ObO\x81\x8b\x8b\xf5\xa9S\xed\xe5\x83\xe3\x1e\xd2\xcaN\xdf.kp\xfb\xb5G\xfa\x88\xa9\x9c\xf5\xea\x9a\xef\xd8\xdb\xee\tX-\xb3\xf3\x9a\xfb\xf4\xe2(\xbd\x9cDyF\t(;\x9aUl\xea \xabt\x08%\\\xf8\x9e\xa1\x83Bi\x01O\x0f@"\xbc\'\x01\xe4\xf2T\x8f\x8a\x0e\xa1\xb9\xf3R)G\x8e\xf0\x90\xc5\x1c\xfb\xd7;\xa3=\xcd*\x9c \xbe\x8e\xbd[\x81j{{\x9e\xd6\xdbT\xb0\xd0E\x12\x18\x1eu\xc9@(\x0eW/@k\xca\x84b"\x99\x9f&gt;F\x8be\xeb\xa6\x8d\x19N\x8d\xcf\x89t\xa2!R\xe1\xcbm\xd2\x14\xc9\x00v\xeb\xee\xca\x1fS\xc7\xfe_C\x80\xf0\x86\x89\xb0\xd6S3\xf7\xcc\x83\xb0\x8b\x1c)A\xd02\xb2\x0c\x87\x19\xe6\x80Wl\xf9\xe2m\xc2Bf\xfd\xb6\xaa\x8f\xdb\xfc\x94\x18I\x80S\xef%Ab+\x95\x1e\xea%\x94I\xcdKw!-\xf1\x91\xab\xd9uY\xb7\xf3\xa4\xd7\xbbQMM]_p\x83Z\x9a\xa2\\^[F\xe9|M\x96=\xe7\xd9c\x94E\xb9\xce\xe5 \xc1\xca\x83.\x19\x12p\xf4\x05\xf8\xedL\xc9;\xe4\xdfC\xf6\xbex\x07z\xf2\x05\xc1\xfd.c_\x99\xdcK]Q\xe6\xc2%\x8b\xb2{Jt\x06\xc8'</t>
  </si>
  <si>
    <t>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</t>
  </si>
  <si>
    <t>b'\xbfF\xd1 \xa5\xb6\x82\xc1A\xfa\xd7\x04\xa3\x0eMX'</t>
  </si>
  <si>
    <t>, a real depreciation is likely to improve the current account, while a real
 appreciation is likely to worsen it.
 TABLE 17A2-1 Estimated Price Elasticities for International Trade in Manufactured Goods
 H H*
 Country Impact Short-run Long-run Impact Short-run Long-run
 Austria 0.39 0.71 1.37 0.03 0.36 0.80
 Belgium 0.18 0.59 1.55 â€” â€” 0.70
 Britain â€” â€” 0.31 0.60 0.75 0.75
 Canada 0.08 0.40 0.71 0.72 0.72 0.72
 Denmark 0.82 1.13 1.13 0.55 0.93 1.14
 France 0.20 0.48 1.25 â€” 0.49 0.60
 Germany â€” â€” 1.41 0.57 0.77 0.77
 Italy â€” 0.56 0.64 0.94 0.94 0.94
 Japan 0.59 1.01 1.61 0.16 0.72 0.97
 Netherlands 0.24 0.49 0.89 0.71 1.22 1.22
 Norway 0.40 0.74 1.49 â€” 0.01 0.71
 Sweden 0.27 0.73 1.59 â€” â€” 0.94
 Switzerland 0.28 0.42 0.73 0.25 0.25 0.25
 United States 0.18 0.48 1.67 â€” 1.06 1.06
 Source: Estimates are taken from Jacques R. Artus and Malcolm D. Knight, Issues in the Assessment of the
 Exchange Rates of Industrial Countries. Occasional Paper 29. Washington, D.C.: International Monetary Fund,
 July 1984, table 4. Unavailable estimates are indicated by dashes.
 463
 18 chapter
 Fixed Exchange Rates and Foreign
 Exchange Intervention
 I
 n the past several chapters we have developed a model that helps us
 understand how a countryâ€™s exchange rate and national income are
 determined by the interaction of asset and output markets. Using that model,
 we saw how monetary and fiscal policies can be used to maintain full
 employment and a stable price level.
 To keep our discussion simple, we assumed that e</t>
  </si>
  <si>
    <t>b'0F\x02!\x00\xb3\xf4 \xb7\xfb\xda7\x84\xb8\xf8I\x18\xb2X\xcb\xb57N\xa7Ev\xff\x13\x84&gt;\xd9B\x10\x1dP%-\x02!\x00\xa4\xb2.k\xc4\xce\xd5\x96\xee\xdbh?\xf9\xfc\x03\xc3\xdd/Ab\xb0*b\x88\xa6\xb3\xd1\xdaX`9N'</t>
  </si>
  <si>
    <t>3046022100b3f420b7fbda3784b8f84918b258cbb5374ea74576ff13843ed942101d50252d022100a4b22e6bc4ced596eedb683ff9fc03c3dd2f4162b02a6288a6b3d1da5860394e</t>
  </si>
  <si>
    <t>b'0F\x02!\x00\xb3\xf4 \xb7\xfb\xda7\x84\xb8\xf8I'</t>
  </si>
  <si>
    <t>d her
 for his own safety, that she was now only anxious to prevent the
 consequences of his just resentment. He listened to her entreaties, with
 attention, but replied to them only with looks of despondency and
 tenderness, concealing, as much as possible, the sentiments he felt
 towards Montoni, that he might soothe the apprehensions, which
 distressed her. But she saw the veil he had spread over his resentment,
 and, his assumed tranquillity only alarming her more, she urged, at
 length, the impolicy of forcing an interview with Montoni, and of taking
 any measure, which might render their separation irremediable.
 Valancourt yielded to these remonstrances, and her affecting entreaties
 drew from him a promise, that, however Montoni might persist in his
 design of disuniting them, he would not seek to redress his wrongs by
 violence. 'For my sake,' said Emily, 'let the consideration of what I
 should suffer deter you from such a mode of revenge!'</t>
  </si>
  <si>
    <t>b'G\xb5\xd1\x82\xe5\xa6t\x06\x8f\x1et\xd57&gt;\x95\xf3:\xdevz\x07\xd9\xddB\xe6\xc2\x0e\xd5`.\xdb\x1e\xaf\x90\xcb\xf4\r\x1d\xb3\xc5l\xa67y.i$\xda\xe6\xbc\x0e\xa0{\xd2\xda_\xe4\x00VK\xcb\xbe\xa3x'</t>
  </si>
  <si>
    <t>47b5d182e5a674068f1e74d5373e95f33ade767a07d9dd42e6c20ed5602edb1eaf90cbf40d1db3c56ca637792e6924dae6bc0ea07bd2da5fe400564bcbbea378</t>
  </si>
  <si>
    <t>b'G\xb5\xd1\x82\xe5\xa6t\x06\x8f\x1et\xd57&gt;\x95\xf3'</t>
  </si>
  <si>
    <t>that is, what is the
 case for free trade? With this question answered, arguments for intervention can
 be examined as challenges to the assumptions underlying the case for free trade.
 LEARNING GOALS
 After reading this chapter, you will be able to:
 â€¢ Articulate arguments for free trade that go beyond the conventional gains
 from trade.
 â€¢ Evaluate national welfare arguments against free trade.
 â€¢ Relate the theory and evidence behind â€œpolitical economyâ€ views of trade
 policy.
 â€¢ Explain how international negotiations and agreements have promoted
 world trade.
 â€¢ Discuss the special issues raised by preferential trade agreements.
 220 PART TWO International Trade Policy
 The Case for Free Trade
 Few countries have anything approaching completely free trade. The city of Hong
 Kong, which is legally part of China but maintains a separate economic policy, may be
 the only modern economy with no tariffs or import quotas. Nonetheless, since the time
 of Adam Smith, economists have advocated free trade as an ideal toward which trade
 policy should strive. The reasons for this advocacy are not quite as simple as the idea
 itself. At one level, theoretical models suggest that free trade will avoid the efficiency
 losses associated with protection. Many economists believe that free trade produces
 additional gains beyond the elimination of production and consumption distortions.
 Finally, even among economists who believe free trade is a less-than-perfect policy,
 many believe free trade is usually better than any other policy a government is likely 
 to follow.
 Free Trade and Efficiency
 The efficiency case for free trade is simply the reverse of the cost-benefit analysis of a
 tariff. Figure 10-1 shows the basic point once again for the case of a small country that
 cannot influence foreign export prices. A tariff causes a net loss to the economy measured
 by the area of the two triangles; it does so by distorting the economic incentives of both
 producers and consumers. Conversely, a move to free trade eliminates these distortions
 and increases national welfare.
 In the modern world, for reasons we will explain later in this chapter, tariff rates are
 generally low and import quotas relatively rare. As a result, estimates of the total costs of
 distortions due to tariffs and import quotas tend to be modest in size. Table 10-1 shows
 one fairly recent estimate of the gains from a move to worldwide free trade, measured as
 a percentage of GDP. For the world as a whole, according to these estimates, protection
 costs less than 1 percent of GDP. The gains from free trade are somewhat smaller for
 advanced economies such as the United States and Europe and somewhat larger for
 poorer â€œdeveloping countries.â€
 Price, P
 World price
 plus tariff
 World price
 Quantity, Q
 Production
 distortion
 Consumption
 distortion
 S
 D
 Figure 10-1
 The Efficiency Case for Free Trade
 A trade restriction, such as a tariff,
 leads to production and consump_x0002_tion distortions.
 CHAPTER 10 The Political Economy of Trade Policy 221
 TABLE 10-1 Benefits of a Move to Worldwide Free Trade (percent of GDP)
 United States 0.57
 European Union 0.61
 Japan 0.85
 Developing countries 1.4
 World 0.93
 Source: William Cline, Trade Policy and Global Poverty (Washington, D.C.: Insti</t>
  </si>
  <si>
    <t>b'0E\x02 5\xa2\xef\x80R=\xb5\xbc\x93\xe8\xd7\x04k|\r*\xc0\x93\xaa\xc99\xee\xe9vo\t\x93\x82\xe3,h\x88\x02!\x00\xd9M\xb7\x9c\xa9\xbefX\xe4\xf1\xf4`o\xc7\x90[\x96\xe4\x83\x13\x9d\x16\xcaOp\xbd\xb7o\x93\\\xabR'</t>
  </si>
  <si>
    <t>3045022035a2ef80523db5bc93e8d7046b7c0d2ac093aac939eee9766f099382e32c6888022100d94db79ca9be6658e4f1f4606fc7905b96e483139d16ca4f70bdb76f935cab52</t>
  </si>
  <si>
    <t>b'0E\x02 5\xa2\xef\x80R=\xb5\xbc\x93\xe8\xd7\x04'</t>
  </si>
  <si>
    <t>she now perceived too clearly, that she
 had hoped an impossibility, for, where no mistake had been committed
 no conviction could follow; and it was evident, that Montoni's conduct
 had not been the consequence of mistake, but of design.
 Anxious to escape from conversation, which was both afflicting and
 humiliating to her, she soon returned to the deck, and resumed her
 station near the stern, without apprehension of cold, for no vapour rose
 from the water, and the air was dry and tranquil; here, at least, the
 benevolence of nature allowed her the quiet which Montoni had denied
 her elsewhere. It was now past midnight. The stars shed a kind of
 twilight, that served to shew the dark outline of the shores</t>
  </si>
  <si>
    <t>b']\x15o-n\xd3\xb7\xba\x195\\\xc6\x1b\x8e\xaf\xd2\xbaD\x92j@5`\xe5\xf7\x855\x11\xf3+\xb1\xa0\xbb\x01&lt;]\xbcH=\xb7\xb4\xe1\xacF\xf2^h\xb7x\xd8j\xa8\x90w\x96\xe3\x96\xf8\xffC\xed\x1a\x14\x96'</t>
  </si>
  <si>
    <t>5d156f2d6ed3b7ba19355cc61b8eafd2ba44926a403560e5f7853511f32bb1a0bb013c5dbc483db7b4e1ac46f25e68b778d86aa8907796e396f8ff43ed1a1496</t>
  </si>
  <si>
    <t>b']\x15o-n\xd3\xb7\xba\x195\\\xc6\x1b\x8e\xaf\xd2'</t>
  </si>
  <si>
    <t>ambitious to assimilate the required canon of classical texts.
244 Maud W. Gleason
He would be expected to make allusion to these (in old-time Attic) for the rest of his
life. He would learn to be competitive: every rhetorical performance was a competition, whether the performers were beginners in the schoolroom or professionals in a
public place. He would experience himself as part of an endless continuum of classical
Greek culture as he improvised in traditional language on traditional themes (Webb
2001). He would learn to frame his case in terms of social status and general
considerations of equity, as he might in a future courtroom (Winterbottom 1982).
He would learn to fear humiliation in front of his peers if he made any errors as
defined by the norms and rules of grammarians. But he would also learn that those
norms and rules were to some extent arbitrary, and could be ignored with impunity
by authors of high status â€“ good preparation for an adult life that would be governed
both by norms and rules, and by arbitrary authorities above those norms and rules
(Atherton 1998).
The praises left on marble and in the pages of Philostratus give to lives of outstanding rhetorical accomplishment a triumphant sheen that seems almost designed
to distract our attention from questions about what cultural forces were at work
beneath the surface. First of all, we might wonder: what is the real meaning of
archaism of content? Why did Greeks under Roman rule elaborate in their rhetorical
exercises topics either from a fantasy world of soap-opera themes or from the classical
Greek past? Bowie (1970) initiated an ongoing discussion of how aristocrats of this
period coped with the restricted scope of their political activity in the present by
focusing their cultural productions on the past.
We might also wonder, what was the point of archaism of style? The Greeks who
claimed paideia spoke neither the Latin of their rulers nor the common Greek of their
own cityâ€™s streets. To modern readers accustomed to the rhetoric of social equality,
there is something surreal about this situation. But the ancients practiced a rhetoric of
social differentiation. Choosing to display oneâ€™s knowledge of a rarefied literary
dialect was a way of making a statement about oneâ€™s identity (Swain 1996). Elite
identity was not monolithic, however. Portrait sculptures show that there was a range
of stylized identities available to elites of the Greek east (R. R. R. Smith 1998), and
some aristocratic families emphasized athletic rather than rhetorical success (van Nijf
2001).
Scholars speculate about what might be the political implications of this educational system. Some suggest that the highly textured allusiveness of sophistic literary
production made it possible to create texts that could be read â€“ if one were sophisticated enough â€“ on multiple levels, not all of them favorable to Rome (Whitmarsh
1998b). Others wonder about the in</t>
  </si>
  <si>
    <t>b'\xa0\x99\x1b\xa5\t\x14\x11\xee\xd1\xa7)\xd5F\xa1\xe1\xfe\xddq\xbb\xfb\x98M\xb0\x9c&lt;\xf5\x1f\xfc o\xeeZZ\xacK\x8d^\xde\x1d \x87A\x9a,\x14\xbe\x99\x81{V2r[\xbf\x85\xda=\x8e\x7f&gt;\xb1\x17\xd9\xad\xe99\xbbet\x01J\x0f\xbb\xed\x9e\xec\x99\xb42\xe1*\xe0\xd6\x17\x11\x8de\x8c)\x94\xae\x05_\x87\x1a;#\xa9\x05\xe4\xb5C\xe5v\xd4Z\x1f\x0e\xaa\xb5[|\x80\xa1\x9b\xaf\xdcN\xb3i\xb7\x0c\xa6\xc4\xf0D\xcf\x92\x177-7/\xd7\x9a\x0c\x99PK\xa1\xb6\x0fC\xed3\x99\xaf\x13\x05\xa8U\xf2\xf1\xd6\r\xaf\xcaT\xae \xa7\xa8\xcd5@\xe1Hq\xde\r\x9a\x87\xb5\xa4\x98\x8d\xf8\xf1\x87\xc7wC)\x8aiA\x05xB\xef\xbfM\xe6\x14\x1c\x8c\t,\xfd[\x15\x9a\x9e\xde\xae\x80\x87\'5W\xfcm\x9c\xa3\xd9\xf0\xfb\xb8\x1f\xa9\x0b\xcc\xde\xdeK\xdf{\x0cJ\xc1A5\x03\n\x8b\xf8\xf3\xd2\xa3YH\xe5s6\xee\x13\xceh(\x8a\x8c\xfd*\x15*vA\xb7\xc3\x11yO\x8d\xced\xb9\xc2|\xe7\xd8\xc1)\x88\x91\xb0)1\x8a5\x1a=\xef\xf8\xd3\xean\xe8\xfa]K\xd2\t\xe6\xeb\x16\x12\xf8SDT}/\x93W\xbbO\x8b\n\xa2wF\xe9\xc48B\xd6\xca\xdc]8\x12\x1a:\xf6\x0c\xc75R\xc7\xbcFzt\xaf\xf3\xd3\x10\x96$\xd9\xa4\xccu8\xf19\xe9\xfe?&lt;\xf17\x9e\x8d\xe4a\x80o9\x90\xf9\xdb\t\x1dRx)\xa5\xc5z\xc94-\xd8\x15\x90\x8a\xb7\xc0\xd6\xe9\x9fE\x86\xc6\x92iu\xfb\xfb?\xeaT\xd2k\xc4\xbf\x1f\x83\xbc\x84}\xba\xa4\x8cU\xaa:\xb7\x89\xf1F\xeb6\xb7\xa6$@_o\xce\xaaT\xf3\x85S\xd3\xaf\xa5\x1d\xa6zf\xa2&lt;\x98\x99\x92\xc5\xae\x94?\x118T\x08&amp;\x8d\xa7\xf9L\x90l\xcc7\xf9Z\xe7\'\x1b\x90\x86\xeb\x127\xe5\xc4\x86z\x9b\xf6\xe8\x84\xbep\xd0\x04US\xef\xe1H|\xf6 \x889\x0f\xd1G\x17x:\xd6\xc8\x05\xb7e\xa3dIR\x92\xad\xe4\x18\xde\x87\x8b#\x03\x86~5E\xd4\xea?[\xa9\x9a\xca\x19#I\xbe~\x06i\t\xdf\x1e\x06\x92\x9d\x82iT\xc4\xa0\xc4\xb7v\xaa\x067h\x8cR/I\xd6\xc6\xc0DK\x89\xd9\xeb\xb5\x9d\x97\x06\x87\x15N\xbc\xd7U\xe3\xb9\x9a\xd7\x1d\xbd8\xfc\xe9\xf8\xab\x18I\xefFI\xbd\xe6\xaa}\xf2\x8f\'b\xd9\xc7\x06\xd9*\xee\xc6\x1dcO+\xd3\xdb&lt;\x89A\x13\x96\xdf\xec\xa2\xfb\x1e\xbeC\xee\x9e\xd1\xf7\x94\x8d\xa6\x82\x01\xca\xab\xb9\x8f\xe7y\x86+\xb6o\xa7\'\xea\xf1\xae\xcfmY\x8f\x8br\xb1&gt;#\x0f0\x8a\xad.9\xdd\xcdE\xe3\x7f\xed\x9f|\x0c\xe7\xa3H)\xcei\x9a&lt;\xf9L\xc1\x9b\xba\xa7\xc3\xe0&gt;E\xae\xa2\xeb\xec\xee\x95:\xf7\x10L\x0c\xdeD\x93\xcd\xd6\xf9\nkH\xdc\x1d\x96\x92E\xe2\xef\xdc/x\xbe\xe6\xc4\t\x8a\x80\xa9\xe7\xdb\x96}b\x00\xf4\xb1v]\xb6\x1c\xbb\x89\xaa\xe2-\xc5S\x80\xa2\xa1\x96\xd7\xf4\xf9\xac\xc4,\xdeL\x01O\x1c\x05\xad\x89&gt;\x90\x90/\x8f\xfa\xc8\xeaI\x86\n&amp;\xa2\xc0O*\xac\x0bu\xc8\x9f\xa9&amp;\xa8\xa9\x89\xd4\xff\x8b\xb2\xb3\xd3s\x935\x89\xc9\xf4\x19\x9aIi\xdfMi\xe9\x9c\x14:}\x13,\x11\x14\xde\xcaR\x17\xe0O\xdba\xe1=\x95]2^\xba\x82h\xeb\xcab\x15\n\xf3Bp#nRr\xfa\x86\xb7-\x06\xe7\x1a\x04\xb03\x1f\x95dNo\xef\xdbQ\xceux\x92)&lt;\x10\xc7\x9d/{\x1b\xa8|\xd5(F\x81\x81*|\xbc\t(`\x14K\x9a\xa7p\x1d\xf7\xc0\x9b\xe8^\xe2\xcf\xbb"\x89o\xce\xa7#\x82\xd9\xb6IuO\x89\xd4\x16F&gt;\xf9\xc4\xba\xf2\xb9\x07\xe1]|9\xea\x8e\x12\xdf\xfbb\x14\xfe`\x90KTH\x7f\xf0\\\'C|+\xf3\t\x8f=\xea7\x08\xee\xff\x8d\xaaOZ&lt;\xdc\xd9\xd8&lt;Z\xe3\xe7\xb4\x9d\x8a\n\xb9\t\x86j\x1b\x0bp\xa1\x0b\x07&amp;\xfb\xc4]D\xba\n\x80\xd57\x8f*\x1e\xbe:\xc7\x8eNgr\xf3\x00\x9fR\n\x0e\xa6q\xc7T\xf3\x04\xfe\xd2n\x1fa\xbeE\xc6\x1c\xeb|1x\xff\x13\x12\xbe\xc5B\xbd \x181f\xb7\xc3[+\xdc\x8a\x82{\xdb\xbe\xaaq\x8f\xb3\xcc_\x8b1\xbb\xcfxp\xa9\r\xb9-\x85D\xc7\xfb\xd4\xc6[\xf8DDW\xf4/\x9c\xb8K\x86B\x83;\xd4\x0c\x8f\xb3tLn&gt;{\xc7\xf2\xc9\xc0W\x17\xd2\x1d\x8c_\x81\xed\x1f\xfb\xa8w\x18\xb26\xce/;9[o6-9\xc8b\xe7\xf1k\xadSG\xa8\xe4\xea#\xa9Sn \xcf+\x8c\xb9\xd5@\xda\x19\xc2\xc5\x19\xae\xd7HM\x0c\xc2\x7fJ@\xb9K`^6of\x14\xcf\xc6\xdf-\xd0h\x89X/i\xf6\xbeb\x00\xccc\xa6\xc6\x90\x13\xffD_\x95\x8d\xe9\xd4i\xac\xf4\xb1\xaf\xac\xda\xfcZo\xcfv\x08\x93\xd7\x12\xa2\x04a~\x14\x0b\xa56!\xe6\xb6\xf4P\xd70Z\xd24\x81&gt;\x1e\xd9B\xde\xee7\x86\xab\x1cEi\xb8\xd5\'U\x85\x86\xd1;\xe8\x05\xe9\x08\xa2\xa7\xddyF^\xc0X\xaft\xe8H\xb4\x15z!\xbf{\x8b\x15\xe9\x08X"\xa0[iA\xb1X\xa5?\xb3B\'\xda/\xefn\xe4\xa6o\x93\xdf"\xfdU\xd0\x90\x8a\x8aK\xdc\xf4m\xbdRKb\x08\xe2Z\x16\xd4\xa2\xcbQl\xdb$I\x85\x063h\x86(Z\x88j\xc42E\'\xc1\xadPBd}\x95\xe7/\xf3\xf4\x83`\x85~\x82L\xfaBut\xb6S}WE\x19\xf6N%\xa5\x04\xe4\x10\xefL\xee\xfe{\r\xd77i\xd4\xca\x0bp\x8bS\xed.x\xfd\xae\xf1\x8cC\xee\r\n\xae\xe2!D\x9d\xc72n\x03\xa5|\xfd\x1e\xc1\x89h\xce\xfa\xd6\x00\x88%R\x92\x11\xc8\xb3\x03\xa1`M\x99\xea\xff\xee}\xfa\xf0\x9b\xb1\x14\x8e\xbea1\xf2\x97"\xe7\xb8\x8c\xf5\ny+\xfd\xfc&lt;\xc1\x86A\x069\x828\xadQ\x12\x8fu\x10u~\xd0\xe9U\x98wq\xcb\xf2\xab;\xa10\xbf#\xaa\xfe&gt;\x83\x84\x08T/\'\xc9]\x96q&amp;\xc7\xbb\t8Q7\x18\x9c\xc2\xfa\xbc\x04`@L\xbd\xcd\x13rt\xea\xe0\xb7\xcd\x8c\xc4\xe0+\x93\xbd\xb6\x0fu\xf9X\xc9\xa3\xe7\x18aPC?q\x085\x16\xb8\xbf_6]\xdd\xbcHit?]\xbe\xbc\xcd\xc0\xef\x01\x99\'\x16K\xc2\x7fm\x1d\x06|\xbdaA\xc17\xdf6u1\\\xbc\x12\x8f\x8a\x91\xbd\x00\xb9l\x01\x90\xb6\x01&lt;\x16\xc0\x18\xa9\xf5}\xd3\xd5\x08\xafO\xe92b\xb5T\x82\x1eh\xfb#T|\xc2\x9f\xafL\xbe\xe6a\x88q\x91\x98\x1ca\xe4\xf0\x86r{\xc25\xf5\x0b;\x15@_\xebjJ\xadZj*\xb1~\xf0HL\xec\xf7\x14R\x01\xf9^\x92\xa2\x97G&gt;ID\xf2\x80^\xe7\x80*{\xa3\xaf\xf5\x9f\x90\xfe\xf2-\x05\x1b9\xbb\x98?\x18\x8a\xc1\xc4\x95\xf1\x11\x95\x90\x94m8m\x1f\xd8\xeb\x1ao\xd0\xa4\xedl\xf8\xa2\xea`?j\xafi\x120\xeen\xb9\x87\xc5\xed}\xf9\x15\xf3\xfc\xafX\xcer\x03\xc9\xb7\x1fa\x15s\xf9 \xc8\rw\x00\x02\xa9\x8dq\xbb\x84\xeeb\xa9b\xa0\x0b\xa1\xdb\xfae\x04\x18\xd3g\xe1\x0e\x11\xc3_\x11Z\xe7\xb4\x0cI\xd1\xc1\x8b\xa7\x00\xce\x8b\x11YY\x17\xbc\x1e\xd4mq"\x1b\x8f\x80\x8d\xac\x12G\x9f`p%\\\x89\x9dI%\x8e\x01 \xe8&gt;\xdb-\xf4\xe4\xc3&gt;\x84\x04\xbe\xdd\xc6\x1d3w\x91\x12\xb4\x04\xbeg\\0\nzV\xb5\x8d\xcb4{0E)\'\xe6\xe1\xc2\xef\x86Rt\xa3~\xb3L2\xb9\x8d(\xf0\x0e\x05\xa2i\xcf\x15L\xe5Tn\x16\xf1=\x03\xe8\x86\x18\x85`\xee\xd5\xd1\xbe`\x8c\xd9:7\x0f\'\xc5\xfb\xba\xd4\xd3\x17\xa1_!x\xb0U\xdd\xcc=h\x14\x1b&lt;|U\x12\xb6\xe8%\x97\xb0j\'\x12\xf6l\xf1""\xc3q\xcb\x95\xc1\x7f{\x06wJW\x88\xa4\x1etQ:\xe8g\xd1g\x04J|\x06W8s2\xa6\xf5k\xef7\xb8?6\x7fdl\xfe`\xf9\x998\xac\xaa\xe2\xe0\x17\xd5\xd6\xda\xf6]:\t\x95\xcfo5\xec8\x9eH!.\xe6\xb1\t\xe9ox\xc8\xe7\xf3j\xc5\x06s@z\xfe\xe0\x9e\xbfL\xf7\xd9\xd8\xeb\xa6v?\xd9mo\xa2\x11B\x05\\\x02\xfb\xc0\xb99\x0f\xfcd\x0eA\x0e\xdd6\n\x1e\x86\xfa\x83\r+\xcf3\x16\x06*\x9d\xcb5L\xcby\xfe\x89Er\x836\xb3\x8dh\x19\x82\xf7\x8dG\xff\x1a\xb0\t\xed*\xd5P%\xac\xa9\x91\x17\xd5\xbcJhIHn\xdag[\x17|t\xb1\xcc\xd9P\x9f\x1d\xf6\xefP30\x90\xd8\xed\x98\x15\xe8b\xc9\xca\x8b[\xfe\xecF\xf4\xdf\x94\x19\xb7}\xbb\x14\xe2\x17\xcc?c0$\x9a\x95m\x12\xb0\x12w1\x0e\xbcR\xc2\xa2\x03\x8dQ\xd1\x8b@\xe0h\xf50#\xa6=\n\xcf:\xca\xcco5yf\xea\xc3@\xea\xb1_\x80\xf4\x82D\x13f\x13\xe3\x8f\x17o\xa8\xb9\x96\x17\xa9m\xc5t\xa5\xf6\xe09\xa7\xb5N\x0f\x06\xa5\x11\x93\x1e\xc2\x808\xad\xf0&lt;\x9a\x96\xcdIB\xea\x0fLP\xb5\xaa\xa3\xc1\x87\x03l9\xda$\x97\x1e\xd5\x95\x92\xf9\xd2\xb7X\xb8\xb6\x9b\x8f\xfcQ\xbeZ\x8d`\xdcj\t\xe6\xfb\x00\xde\'-\x1d%v\x815\xdeDy\xb9\xb5G\xf2\x93p\x18&amp;\xfe\xcf\x16\xb9\x08\xb7\xe3J\x9dz6]q\xfb\xa3\xf3q|zP\x9f\xbce\xd2Y\x98\xa1\x19\xe7\x9b\xe0^\x19\xbe\xf6\xcc\x08Rj&amp;:I\xa6I\xa1\xcb\x1a\xc9R\xf4jJP\xcd\x1e\xb1\xa0ms\xf9v\xb4\xd1\xf1\x191)\xe7o\x96x%\x86"\xa6o\x82f\xb5]\xe8{\xecd\xa4[\xaa\xf7R\xc4f\x94\xe8`F\x18\x1ej\xb1\xe2J\x12=,\x82\x8c%d\x9f\xd0\xb8:\x04\xe5\x08\xff\xb5\xe3\xed\x1e\xb7\xa6I4\x19\x95\xce\xd7\xe5\r\xf5\x0c\xd5d}\xe5\xa1\xa3\xc10\x03 \xb1\x8f\x9eC\xb0\xca:\xed.\xcd!\'\x1f\x8c\x9b~\x82\tz\xb3\x88\xe3\xf9\xda\xa7[\xce\xa6&gt;\xf5\xa6h3\x19\xb2K\xf0S\x05\x05Jz^c\xea\xd9\xd7\xde\x82Q\xfamd\xc9fQ\xac\xd6\xa1\xbdm\xc6\x95e\x04g\xcfx\x0c\x1e\x7f\x16\x95\xd4\xb0\xfa\x96\xd1+\x07\xe8\x00\xe8\x8a\\\xbd=\x11\x1a\x8c6\xab\xb4\xaf\xbbh\xe5\xab\x08Ht\xc2\xec\xf8KA\xa2V\xa7&lt;\x89\xc5C\xec\x16#\x8d6\xb5\x00\x92\xa2\x0e\xd8\x00\xa3(\x8cO\x920\xadH\xce\x18UJ\xf45\xe3i\xaf\x9c\x96:_\xd9\xed\x9a\xce`\x17\x8b\x80P\xa9Yp\xdb\x8f\xacT\xf9\xe6\x16: \xda\x1cO5iE\xc8\xc1\xfa\xf3\x98p\xfc\xd6/\xf4@\xf87\xb2&lt;{a2\x86d\xb5\t\x97pj(\xe4\x9b\x1d\xb0\x1e\xe4\x85{\x15\xf3\x01\x99-V\x0fp4\xbanK\xb9\x8b\x92g\x9d\xe1\xc4\xa7\x16\n\x08\xf72\xeb\x9c\x8d\xb1\x8d\x7fP\x998\xd3Z\x05\xc1\x02\xb7V\xb7j[\x13\x1d\xe0\xeb)u9\x1dJ?\xad\xb1\xe8\xd0\xef\x07~!\xdb(\xc08\xcd\xe5\x88\xcf\xa0\x12\x16\xaf\\}.u-r\x1b\xc9\xb7[\xffY\xa9j"\x82Et\x11\xdd\xca\xf6\xe7\x19oi\xac:\x95\xcaH\xd6W\x7f\xba;j\xdd\x8b\x84q\x02,\t\xc2\xd9%\xc8\xe2w\xbe\xa5\x994)\xfe\xd0kO\x0fD\xf9G\xccf?\xbeD\xca\xf6\x923\x8dx\xa4V\x0e-&gt;\xf69\xc2\x1f\xf2\xea=\xb4b\xa7\xc1\xc9L@*\xee\x96\xafQ\xb66\xc0\xe7% ,\xa4\xb6\xf2n\x1cS\xffx\xa9\x9c|\xfd$T5\xed\xe7\xf1\x1d\x15\xb7\xa2V\x9du\x1f\xda\xcd\xe0\xab\x88!\x08-F4\x11n\xb8N\xf5+[\r7[Q~\x01D\xfd\x8e\xafl\xedRuS\xace\x99 97\xf1y\xb0\x89\xab3\xe2\xd6\x1d%\x0b\xef\xcf\xa4\x03\x0e{\xd4\\g\xd4\x04\xcfYxM\xed\xb1\xe8\x89\xf4\xe8\xb5\xffL\xd9_\x8f\x9f+\xec%\xbcw\xe4U\xb2\xe0\x92PW\xf1t\xe6\x1e\xfe\xf5\x16\x8d\xc9\x94\xaa\xc0\xc1\xd3rR\xad\x8a~\x832x\x02y\xe1\xa9@\xe6o\xec\x95\xcb\xad\x01\x19\xab\x008Z\x97\xba\xd9\x1d\xf2\xff'</t>
  </si>
  <si>
    <t>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</t>
  </si>
  <si>
    <t>b'\xa0\x99\x1b\xa5\t\x14\x11\xee\xd1\xa7)\xd5F\xa1\xe1\xfe'</t>
  </si>
  <si>
    <t>not
being worked by the lessees; to those who have occupied them that right of possession
and enjoyment and bequest to oneâ€™s heir is given, which is included in the law of Hadrian
concerning vacant lands and those which have not been cultivated for ten consecutive
years . . . â€™â€™ (CIL VIII 25943, 26416)
This program, begun under Hadrian, continued at least until the reign of Septimius
Severus, as the republication at that time of the incentives in the lex Hadriana
indicates. Indeed, there are signs that the small-scale approach to fostering olive
culture and more intensive agriculture had a lasting impact on the North African
landscape. Thus in the Vandal period, the Albertini tablets, deeds of sale from a
private estate at a location far inland from the Medjerda valley, indicate that land
was cultivated on this estate under terms of tenure based on the lex Manciana
(D. J. Mattingly 1989; Weael 2003). The process by</t>
  </si>
  <si>
    <t>b'c\xb4\xdb\x07M\xa7\x18w^\x9e\x9c\xf6\x82\xb0\x8b\x99\\3\x0b\x86*\xee\xf2\x97\xb3\x19\x1dU\x9b\xf9\x94\x10N)M\x15g@\xa0\x84\xd6a\x97\xe4$\xbdo^E\'y\xd5\xf6z\xf4\xad\\"\x1d\xbd\x8apJr\xc5\x14\xbe\xc35\x05\xed\xf7\x17\xcd\xbc\xb1\x90\x19\xba\xe2`b\xccU\xdd\\ \xbc\xfe]\xbb6Y\xf7\xdd~2\x97\xcdoBS\xb1\x80\xe9e\r\x82\x1fY\xb7p\xd1\x90F\xc0\xf4\xa5i?\xad\x9c\xf6K\xf3\xd8\x18\xe9-B\x8cD\xc5\xd4\xb6\x11\xfa\xa9\xe4\xdaH\xf0\xe3)U\x9d\xf1\xde\xfa\xf0O\'\x12n\xc9M\xa9\xc1\xc4\xe9\xc2\x8ahBoI\xa7\xb9\xeba\xa1\xfb\x04\xbd\xb5\xa4\xb5\x10\xc0\xa3\r\xbe\xcc\x04=\xc6\xdf\x9a\xec\xab\x8clI &lt;\n\xc5N1\xe2\xce\xa3\xb4z*\xdaT\xab\xb8\x9e\xb7Q/\\\xee\x17\xc7~\x8b\x1e\xc6\x82k\x84,\x82\x0e\xdb\xf1Y&lt;,&lt;\x02\xe2\xdcv\xda\x00\xceC\xf02\xe4\x12g \x11\x93\xd6\r\rQ\xf1\xb6\x1b\xf4\xd1zPM0\xea\xccL\xe8nwU\x80\x11#\x8c#\xcd"\x137e\xf4\xbb;\xe8\xf5\xdc|m\x8f\xf9\xa7\xdb\x1c\xe0\xd7\xc8\xd8\xcb\x8e=\xc5\xa8*\xfd\x88\x06d\xc0\xa8N?ph1\xc0\xcc\xcek\x8f\xc7\xa4\xfe%&gt;\x9b\xc0\x98\xfc\x9eD\x11\xa6b\xbc\x84R\x80\xf1\xa6\xe3\x88\xb1q5g\xcd\x04\x04l\x9e\xd0\x16[Mc\x02vb\x07\xed\x1dM\xd3~\x0f=\x13\x11g\xe4\xd3\xae\xc2%#f\x08\x1f\xb7\xafA-\xc4\x8e\xbd@%\xe3O0I\xa9\xec\x9c\xecb\\1\x85Lx^\xf6\xa3\xdd\xd0\x91&amp;O#\xac\xa0\xf1\x99vsj\x08e\x08X\xb7\xb7RIk2\x92\x1fr\xeb\xbbV\x8a@\xeefT\x91+\x9f]5\xb8A\x08\x1c\xd5\x88\xe6"k\x02\x11\xd8\\\xcc`\x0f\x1a9\xa6L\xad\xe0\xc0d/\x99\xde&gt;\xcbt\x11/\x99\xc4\xbfG\xb2\ti\xb8W \xcc\n\xc5\x0e\x9c\xc6yb~w\xf5\xd4\x9b\x82\xa7[\x04\xa3\xca|\xea\xde:`/R\x1e\x0ehw\xf4\x87&amp;\xb7\xdd2\\%\x07\xf8\xc4x\x1a\x17\xf8\xd3\xf0\xae8+`OA\xf6\xb9\xcd\x84\x8a\x89\xfe[^\x18\xa3\xc9L\x1d\x1c\xc03Wj&gt;`"\xf4\x08\xab7\xaf\x84\xa3\x94\ni\xe4z\xf1\'\x8e\xafh}\xf9\x90r\xc3o\xac\xa2&amp;\x0b\x17\xc7/\x11\xe8\x00\xe9\xaami\xd4b\xfe&gt;\xc6}\xd6X\xc5\xf6\xc2\xc2\xc0\xf2\x8bA1\x02\xb5l5\x81\xae{\xf72\x95y\xf5\xdb\x94\x1e|:\xebd6A\xc6\x19%r\x82\'\xb4\xee\x85\x88L\xea\x04"\x9d\xfe\x1f\x86\xba\xbb?\xc7p\x024\xa4\x0e\xd3\xac\xca\xc8h\x0f\xe3\x9b\xeaG\xaa\x88\xe6ad\x01J\x16\xbe\x19\xc0\x15\x1b&gt;\xe1\xac[\xffP+\xcb\x17\xd0/5\x85p\x81\xc4\xc2\xb4\xb7\x84\xf9\xafwL6\xb8`\n\xdc&gt;\x84\x93b\xce\xe3\t\xf1\xaa\x92\x84M\x8cC\xea\xefY\x7f%\xd3\x0e2\xc1\xbbM*\xce\x94\xfcbO\xa3\xe7C.6\x1d\xca\xce\x14T\x0b\x14@\xf5NA\x97\x85\xd8}\xcc\xb6\x8b/?\xf4\xe8\x82\xf7Vu\xfa\xa5d\xdf\xb1\xb7\xa06\x0c\xba{X\xec\xae\xfdME\xd1c\x91\xe5\x15$bE\xcd\xfb^F\x89\x87Q~\xd8J\x07\x1a[)\xda\xd6?\xf3\xb2N;\xba\xb4\xfc*Z(zQ\xe6\x08\x9c\xe9Vvu-\xe4I\xe7g\xbb\xe8\xd9\xc7\x94\xd9\xc5\xed\xdcrE\x9b\xf8\x8cv\xef;!\xd3\x17\xe2\x05&amp;\x10\x91\x96\xecT\x0e\xd2\xf3\x01\xc5ug\x17\x8f\xf4\xdf\x1d\xa1D\x16\x89\xcf#\x17@mB\x13,\x89\xf4a(\xe2\xd4\x19\xe2\xc2\r\xd8\x07@\x98+y\xfb\xd0\xc93\xea\xd5g\t\xa8\xdc\x95\x14\x10\xa2\xa3R\xb7\x8a\xf3.]R\xa9\xd9?\x9bA\xc1t\xf3\x92\xf8K^\xcd\x8b1\x87G\xbe\x80\x9a\xc0\xb5\xb1\xe1\xf2*v\xc65'</t>
  </si>
  <si>
    <t>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</t>
  </si>
  <si>
    <t>b'c\xb4\xdb\x07M\xa7\x18w^\x9e\x9c\xf6\x82\xb0\x8b\x99'</t>
  </si>
  <si>
    <t>too diverse to reduce down to a simple
 message.â€ I asked him to explain.
 â€œI have an industrial painting company with three different
 revenue streams. In one division we powder-coat auto parts. In
 another we apply sealant to concrete, and in another we have a
 sterilized painting process used specifically in hospitals.â€
 His business was diverse, but nothing so complex that it
 couldnâ€™t be simplified so more people would hire him. I asked if
 I could put his website on the giant television screen so the entire
 workshop could see it. His website was thoughtful, but it didnâ€™t
 THE KEY TO BEING SEEN, HEARD, AND UNDERSTOOD
 13
 make a great deal of sense from an outside perspective (which is
 how every customer views your business).
 The man had hired a fine-arts painter to create a painting
 of his building (was he selling a building?) and, at first glance it
 looked like the website for an Italian restaurant. The first question I had when I went to the website was, â€œDo you serve free
 breadsticks?â€ There were a thousand links ranging from contact information to FAQs to a timeline of the companyâ€™s history.
 There were even links to the nonprofits the business supported.
 It was as though he was answering a hundred questions his customers had never asked.
 I asked the class to raise their hands if they thought his
 business would grow if we wiped the website clean and simply
 featured an image of a guy in a white lab coat painting something next to text that read, â€œWe Paint All Kinds of S#*%,â€
 accompanied by a button in the middle of the page that said,
 â€œGet a Quote.â€
 The entire class raised their hands.
 Of course his business would grow. Why? Because heâ€™d
 finally stopped forcing clients to burn calories thinking about
 his life and business and offered the one thing that would solve
 his customersâ€™ problems: a painter.
 What we think we are saying to our customers and what our
 customers actually hear are two different things. And customers make buying decisions not based on what we say, but what
 they hear.
 BUILDING A STORYBRAND
 14
 STOP SAYING THAT
 All experienced writers know the key to great writing isnâ€™t in
 what they say; itâ€™s in what they donâ€™t say. The more we cut out,
 the better the screenplay or book. The mathematician and philosopher Blaise Pascal is often credited for sending a long letter
 stating he simply didnâ€™t have time to send a short one.
 If we want to connect with customers, we have to stop blasting them with noise.
 The beautiful thing about clarifying our message using the
 SB7 Framework is it makes communicati</t>
  </si>
  <si>
    <t>b'\x05FR\xfa\x1e5OO!\xde\xb6\x019\xcd\xc8,j\x91\x97\xffv#A\x8c]\xfb\xeb\x83L\xbf\x97A=[\x84ef\xee\x15\x83\n#\xc3\x88\xe5\xa8\xe1\xd7\xea\x16\xc3!\xcd\x86\xa1k\x02\x84 Hq\xa6g\xd8/\xa0\x7f\xd8N\xb2yX\x8dQe\xf6\x9e\xebD\xe5\xdc\xa1B\xf8\xd9V\x91\xbb\x19\xb5\x8c\x18\xc4L\xe6\xb2\x14\xe2\n\xb5\x85\xdd8L\xac\xb4d\xd6\xe6\xf3$&lt;\xeaH{b,NsU\x98\xa8\xcc\x80\xea\x96kr\xc5\x00\xd3\xc4\xf5A:\x7f\xcc\x01\xe8h\xc0/\xa44nk--\xff\x88!\x06\xf4,\xcb\x01\xfd\xfd\xd2\x9f6\x9f\xad2\xab\n\xdc\x93\xed\x8e\x83\xf6\x14\x1cL\xe0\xee}\x9b\xe33\xcf\xc6?m\xaf2\x86\xeb\xbf\x17\xb8?\x14\xb43\xf3tf\xe0\\\x86J\x89T\x0e\xe8\'\x18O=\x98-\xde#=\xd4\xf6\x9d\x91\xee\xa2\x8f\x89\xb1o\xce\x0f1\xb0\xbb9kV\xb4\xa6n]\xd1\xa5\xad\x10\xbd\x01\x88F\x8e\x89\xb6\x1at\x9e\xd4\xee\x92$\x8fEe@5\xf2\x16\xdde[\xe1\xf4\x8e\x9c\xeb\xe7?A\x9d^\xb0eh5\xbd\x9c\xe5h\xda:W@)\x97D\xe78\x03\xc9f\xcc\xd43\xcaB\xe0*K\x1c\x8e98SU\xcb+5\xbeR\x8a\xa6\xa6\xcb,\x00\xbf&gt;\x92\x90\xa6\x17\xf2\x11\x92\x94h4\xbeO\x1aL\xd7\xba|\xa1\xcf\xc4\x1a\xb6\x96\x8fK_\xd5\x04\x92\xd0.\xb3\xafn\xe7.\x81PU\xf8c,BM\xf1\xdc\x1at\xadHvE\xb42:Ov\x13\xf0\xd8\x9c\x02=\xd1\x95Y\x86\x89\x9d\x01\xed\xa2)\xff\xa2+\xd6\xab{\x8d"!\xc2x\xa1e\xf6\xaf=\xe6\x8f\\\x9c\xae\xde\x12\xb2\xbe\x85\')\xce_\xd3l\x9c\x8b\x1e\xd5\xb3\x198\xb3=\xfd\x06,\xd3d/"{\xfd\\\x02\xfe\xd3\xc7,\x9f\'\xbb\x84\x8e\xad(\x8f!\xb7S\x17\x98J\x8cj\x82\x9f\x81\xb8\x90*\x11E8\xee\xf6\xfb\x8a\x9f\xa9x\x02\xd3\x8a\x05(\xd1\xff/\r\xd5\x19\x15L\x80l\xd7\r\xbe\xb0@a-\xbb\xf1W\xb95\x18Q^\x7f#\x93e0\x8f.\\\xa2]h\xa5\x08J\xb68\xc9\xae&amp;g&gt;\xfe\xd9\n\xd2#\x8f\x03\xa3\xae\xa7:\xd1\xde\xa7^\xf2$\x1a\xad\xba\xba\x8e(\xe6\x8e\xee\x1e\x07\x1a^k\xd4\x17\xb9\x12\xb4Ag\x0blj\x18Hxc\xf8R\x127T\x04\xf98\xdc(Z\x7f&amp;\xb3\x05\xdbO\xe8g\xbe\xab.\xf5\xe9\xf4s\x08s\x95.\x9d^\x83\xc9\x9d!E\xe1\x8b\x12\xc5\xa1\xb2xF\xb3\xd2\x05\xf4\xc8\x1b\xa5\x1d\xa8z\xb8\xff\xd3\x96\xd4\xf7\xed`f\xa3\xe9~\x96\xfdC\'\x9b&lt;\xb0\xb7\xbd\xb2V\x0f\xd1F%g\xd3\xc6\x1e`Y\xb6\xb3\x93r\'J6{\xed\xa5)\x84\xbf~\xaf6\xc8\x02o`$\xe5R\xa2v\t\xb8aC\xdf\r[\xfaE\x84f\x13ed\x00\xd4\xc1J*\x02V)\xfa\x08\xe7O\x7f\xcd\xbf\xc7Me=a\xbf\xfbC_+\xc0\xf8n\xd6\xee\x1b\xcb\xe3F\xc9\xe8f\xe9\xaa\xd0\xbc\xf07\xef \r\xc3\xc4Az\x02\x81[n*\xc5\xf5\xc7\x95\xee&lt;\x1e\xb5\xec\x85\x14\xb8\xf1|\xce\xac\x0f\x18jwa\x0b\xfe\xc3\x90\xf4\x11\xd3&gt;`\x9e9b\xc4!\t\x88\x95\x05\'@d\xf0f\xb7\x1b`m7M6:\xa4\xc2b\x85u"U\xff\xd1\x0c\x87\xa2\x8a\xf6\xccfA\x9c\xaek\xecz\xd2\x80\x88p\xa1\xb5\xff\xf4\x01\xfaQ_g&lt;}\x0c8^\xe9Tow\x12\xe2\xb2%@\x02\xd7\x08\x93\x10\\\xbap?\xb4+b\xea01\xd71e9Z\xb3r\x1dF\xd3k.\x98\x0e0\x8e\x10rq\xb3\xba\x18\xd0\xfb\xef\xda+\\\xa8\xe96\n\xb5\xbdz\xa7\xbe\xc6\xcd\xdb\x13\x00\xb5{\xbd\xf1H\x8e \xe1\x9d\xe4\xcb\x17\xffW\'\x19a|\xa8L=*\x9e\xed\t\xde\xca\xe8\x9a\x18R~\xd3r\x18#lQ\x17\xe9\x8a\x15\x87\xd4\xfb\xa2QM\xfc\xf7\xe3\xf1\x7f\x1b[\xe8B\xb3\x17\x06P\x938\x0b\x15\xde\x89\xdc\xb3\x8c\xbb\x95\xd5\x13T\x04\x8ei\xdc\x1d\\\xf1\xdaP,\r\xb4Y{.\xc4@\xfa\x03\x19\xc8\xa6\xf9:\xf2\xb5Y@&gt;\xc5\xe2\xb8\'\xd1f,R;\xc4/\xf6\xdc\xa1s\xf3\x0f"t\x86\xdcQk\xe0\xdbg\xcbjI\xf7\x86\xa2d\xfb\xd2\xd6dBxB\x1a\x0b\x98-\x07\x07\xfb\x160\x0fj\xe2+0\x9ab\xe3\xb0\x9a&gt;\xabo\x9br\xb6\x1blK\x1b\\\x88E\xf3\xe3\xf3\x82,S\x81\xc6\xd4\xc9\xd4\xef\x1b&gt;\xda&lt;6\xcbZ\x86\rS;\x8c\xe2A\xe7\xff\xec\x19\x15\xb4\xc6ewI\x84\xfd\xec\x94K\xa5Y\xcb\xfc\xf0\xe9\xe5\x08\xbbN\xe1\xf0?\xacJ\x03\xf5U=-\xc8Z\xe1\xf6m\xf1\xed\xb6(d*\x88\xdb\xe0U\xb9\xdb\xf2h\xb3(\x7fi9hp\xc6\x82(\xf4q\xa4*\xd5]\xa8V\xf1\xd0\x9a\xa5\xd0\xdaY\x97\xc0F\x16q\xf1WH\x8b\x98Z#2\xdf\xf3\x9a\xd8\xb4\x1c\xfb\x8b\xc1\xef\xe1\xfb\x13\x9b\x11\xdf\xf1X\xda\xeb\xb6\xa3\xff\xec#\xbf:5\xb3\x1b@\xc0\xf9\x8c^\xe0A\x99\xa28\xff\xdc\x80l\x82@^u\xac;q\n\x9d\xd5\xce\x08\x0f\x18:\x97t\xa2t\x86t\xd1X\x9f\xb2e1\x8dn\x1bZ\x19R\xaa\xbb\xba\xa8\x9b$]9\x94\x10\xa1\r\x10Ux\xad\x13a\xed\xa5e\x1b"4\x04\x19%\xea&gt;0Ik!1\xc1-\x11HJzQ\nY&lt;\xf9\xf9\xe7t\xce\x9d\xc4\x96\xfb\x01\xd0\xbd&amp;+"\'\xa5\xc2];\xed[\xacRa\xbd\x0b\x17\xe8gk\x8f\xa9/B5\xb9\x1a\xf7\xd0d\xf8\x9b2\t\xde\xcb\xf1\xeb\xd0\xef\xe5\xd3ie\xb01\x85\x03\xa4\x91\xe4\xff\xb9\x1d?\x97\xa1\x1a@}\xbf\xf4&amp;`\xe7x{j\xf9\xb7\xe4\xbf\t\xb8/\xf8f\x1c2\x18\x053\xfaL\xa6\n1\xfe\xb3V\x91u\x9e$\xa3\x11.V\x9f\xd5\xc8\xbd\xec\x08\xcaD\xb1\xd9NG\xe4h&lt;\x0b~-\xe5]B"m\x8d\xda\x7f\x1f\x95\xb4\x0c\xba\x80\x16\x8dJ\x81N4&lt;4|\xe8H\xba\xad\xba,\xec\xd2\x9d\xc7\xde\tB\x86lr}\xba\xdb\x06\x91\xf7\xf6\xd2\x992\xb2eK7e\t\x9f\t\x9b\xcbi\x8c\'k$\xb6\xe9-\xa0,\xf9\x9d@\xd5j\x10\xa4\xca\xfe\x08\xb5)\r\xe5\xe7\x89\x9eo\xa6\x92@1 a\xf8{Nu\x96w\x08w\xad\xac\x92\x06\xe1\xbd5\xec9\xea\xc4a^\x0b\xfe\xa8Kc\xb3\xba\xa1d\x0f\x7f\x02\xc0\x80\xfa\xdc\xac\nw\x99\x05\xd2v\x0e7\xba\xe2w_\x99\xcft\xc6\xca\xfc\xd2\x81\x0c\xbf\xba\x0e\r\xd3\xfe`c\x82\x1a\xd2o\x12|\x816\xd2J\xdd\xaa\xe6\x0b\x13\xbd\x02\x8f\x98\xbb\xf9\x1a6j#\x82\xc0)\x86gH\xb9Y\xe2\xa20E\xd7\xf49\xaa\xab(\x84~\x0f(\xd9aH\xf7\x9d\xcf\x87\x80\xaa"Ewc|V\xa6\x81\x16#4\x10\xd4\x1dg\x7f\x88]\xa6\x7f\x17\xb2\xd0ty\x0b\xc8\xba\xec\xcb[\xb4\x0f\x9c\xb6\xf4t\x89g\xa9:\x88\x8bE\x82k\xdaC\xed~C&amp;\xd4\xaeF\x03[\xb39\x0b\x19\x92\x89h\xa2\x8d\xea\xcc\x95\\v\xb3\x19=\r\xae\xb8{\x1d\x8d\xff\xaa\xf8x\xbd(e|\xfa\x03\x13\x960\xf2?\x19y\xaf\xd0\xf3\xfd\x06\xe5\xf8\xd7\xd8K\x8af\xfb\x01^\x8dw\xd4\xb9dP8\x12|\xf7S-\xe3*s\xe7H@\xd4\xa7O8*\x8f#\xbc&amp;\xe5\x06Vy\x8d\xf3\xd3\x0f\xaf\xcf\xcb\xdfG\x95 [5\x8e\xcd\x92\x12\x03\xaa\x82\xf0\x84\x95\x1e\xac\x01\xda\xe8K\xb3\xd1\xc4\xaa?\xe9\x03\xf0\xba\xe3\xd1;\xd1&amp;d\xc03\xff[\xcb(\xd5&amp;fe_g\x10\xb6Y\x7f\xea\xe0\xdf\xbeY\xe3)=a\xc1kYj\xbe)=F=/\xea&amp;\xe6\xa3\x0foc\xb7uhn\x1f1\xd4\xe8\xaa$\xf3\x81\x19\xa0i\xa9#\xf8b\x00\xfc^\xe80\xb4\xf4\x8e\xa8\xc8\x18n\xb9\xb2\xeep\x8a\xa5\xc1\x02cd\xba4+\x14;\x08\xd0+\xf3\xff\xeb\x11\x07\'\x0e=\x05g\x97|\xaf\xfc\xbfM\xb8U3%\xfa\x0f\xc2b@\x9a\x08q\xa5\x18\xde\x1f\xc0V\xfbL\x98\xda\x8fe\xdd\x7f)VU\xaa\xc5\xb5u\x989}k"\xf5\x8fY\x0b\xadMy\xa9\x83]\t\xc9+_#\x04\x89\xe1\x99A&lt;E\x0fW\x9f\xf2\x01\xb3\xa7\x96\x92s?,\xe5?=\xdf!\xc7\xd8\x9e.\x7f\xef\x0b\xe2M_S\x94\xa8\xef\xad\xbe\x17k\tW=\x1a\xc2\x12\xa4u\x13\xfb\xde\x01CarNI\x05J\xef\\\xb7\x8c\x13\x918\xe3h\xbbU\xaaQ\x0e\x9b\x9a\x17\xdd\xfd\xe0H\x15\x81W$\xb03\xc4\xf3\x99\xa2\xb5\xc3r\x88\x89fO\xec\x1a\xa4$\xf4mJ\x17\x92\xe4\xe9\x88\r\xd1u\n)\xdb\xf3`\x02`\xc7\xd9G\x9e\x83\xdf\xcc\x05\x9c\x8e\xc3&amp;\xb6g\x8fKF\xe5\x146\xe6\xf4^\xa3\xfa\xdc\x98\x98"\xba\x84B\xbe\xddx\xec\xe5\xff\x8a\x08\x14\xea\xab4\xb4\x88\x07\xec\xe4\x8f\x02\xf3i\x92\xa3o\xe1)\xe8f\x16t\x06\xb6\xc8\xef\xd9^\xdc\x9e\xe2f\xb5\x86\xed\x91\x0b/!\x93\xeb1\x18\xed\x07M\xc2\x95\xeb\xc8\xa0\xa2\xb4\x90\x03Md\x0b\x89\x07\x12\xcbjG\xec\xde\x90\xac\xb7\xe0\xf1#]\xa6\xa1\xff\xa3\xb9zL\xaf[\x80\x9f\xfd\xb4D\x04\x93\xdb~5\xdf3\x19D\xc5E\x84\xc1o\x80_Zx\x05\xef\xd6\x03\xfbIP\xd2\xe0\x89\x9fLk\x19p\xf1\xc2\'w\x04UHQOK8\xf5\xdc\x81\xbc\x1c?(\xda\xf0@\xa9\x1c\x95\xfc\xd2ou\xc7\x11\x93e\xb0\xf8_Q\xf9\x89\\\xa1(\xd7\xdfx\x04W)\x85\x89\x86\xb2\'\xc1\xc5p{O\xcd\x88\x86\xcb\xb9\xf0-C\xf3\x86\xbfI\x91\x14\x9b\xb5\xbf-\x18\x8a\x93\x90\xf6?\t\xd9\xab\xb1\xd3x6\xd1\x0e\xc7\xc7\x19cf\xdb\x87?\xfb\xc7KufqL\xe6vE~9\xbc\xbd\xdf\xff\x9a\x83\x0f\xff\x05]\x89\x1e8\x93~\xbd\x9d\xbbS~(\xfa.\xb1\xcf\xc8,\xd4j\x8a\xa9\xf3\xd3?k\xba\xdb\xed:2\\j\x07\xf1\xae!\xbc\x18pI0J\x1b_@\xbe\x15U\xa0\xac\x8f\xe8\x80&amp;8\xc8\xec\xf77\xd1E\xb3\xcaU\xb1L%Ta`\xa7\x91[\x93\x03\x1a\xf3tpt\xda(\xea\xb9%61\xfe\xee\x12\xb7\x92\x0eP3\xfeS\x1c@G\xd1\x983\xe6\x96\xa6\xd8m\xf7\\\xbaF\x9f \xa5\xb3+\xbc\xb0$\x97\xb4\x7f{\xf5?~\x0e\xe8:9oZb\xc4\xbb\xf6,b\x93*-\xa5\x89_\xeb\xceD\x03\xa5e\x16$\xb2)w\x1c\xc4\xe5\x85'</t>
  </si>
  <si>
    <t>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</t>
  </si>
  <si>
    <t>b'\x05FR\xfa\x1e5OO!\xde\xb6\x019\xcd\xc8,'</t>
  </si>
  <si>
    <t>very in South America and the
 relative price of gold in terms of output falls to one-fourth of a basket per ounce. With
 the dollar price of gold unchanged at $35 per ounce, the price level would have to rise
 from $105 to $140 per basket. In fact, studies of the gold standard era do reveal surpris_x0002_ingly large price level fluctuations arising from such changes in goldâ€™s relative price.19
 3. An international payments system based on gold is problematic because central
 banks cannot increase their holdings of international reserves as their economies grow
 unless there are continual new gold discoveries. Every central bank would need to hold
 some gold reserves to fix its currencyâ€™s gold price and serve as a buffer against unfore_x0002_seen economic mishaps. Central banks might thereby bring about world unemploy_x0002_ment as they attempted to compete for reserves by selling domestic assets and thus
 shrinking their money supplies.
 4. The gold standard could give countries with potentially large gold production,
 such as Russia and South Africa, considerable ability to influence macroeconomic
 conditions throughout the world through market sales of gold.
 Because of these drawbacks, few economists favor a return to the gold standard today.
 As early as 1923, the British economist John Maynard Keynes characterized gold as a
 â€œbarbarous relicâ€ of an earlier international monetary system.20 While most central banks
 continue to hold some gold as part of their international reserves, the price of gold now
 plays no special role in influencing countriesâ€™ monetary policies.
 The Bimetallic Standard
 Up until the early 1870s, many countries adhered to a bimetallic standard in which the
 currency was based on both silver and gold. The United States was bimetallic from 1837
 19See, for example, Richard N. Cooper, â€œThe Gold Standard: Historical Facts and Future Prospects,â€ Brookings
 Papers on Economic Activity 1 (1982), pp. 1â€“45.
 20See Keynes, â€œAlternative Aims in Monetary Policy,â€ reprinted in his Essays in Persuasion (New York:
 W. W. Norton &amp; Company, 1963). For a dissenting view on the gold standard, see Robert A. Mundell,
 â€œInternational Monetary Reform: The Optimal Mix in Big Countries,â€ in James Tobin, ed., Macroeconomics,
 Prices and Quantities (Washington, D.C.: Brookings Institution, 1983), pp. 285â€“293.
 CHAPTER 18 Fixed Exchange Rates and Foreign Exchange Intervention 489
 until the Civil War, although the major bimetallic power of the day was France, which
 abandoned bimetallism for gold in 1873.
 In a bimetallic system, a countryâ€™s mint will coin specified amounts of gold or silver
 into the national currency unit (typically for a fee). In the United States before the Civil
 War, for example, 371.25 grains of silver (a grain being 1/480th of an ounce) or 23.22
 grains of gold could be turned into, respectively, a silver or a gold dollar. That mint parity
 made gold worth times as much as silver.
 The mint parity could differ from the market relative price of the two metals, however,
 and when it did, one or the other might go out of circulation. For example, if the</t>
  </si>
  <si>
    <t>b'0F\x02!\x00\xc5\x17\xabW\xe2P\xe3\xa41\xd6\xad\xaf\xf5\x16\x859\x00\x80\x92\xb5\xa3\xe90\x11\xb3\xaeX\xaf\xe4\xe1\x03W\x02!\x00\xc8\x1e\xff\x82j\xd33U\x83\xb4\xc6\xd7\xed\x06\xeb\x0cw\xb7\x8c\xc4{Ew\xaa\x07\xde\xc7m\x81w\x1cx'</t>
  </si>
  <si>
    <t>3046022100c517ab57e250e3a431d6adaff5168539008092b5a3e93011b3ae58afe4e10357022100c81eff826ad3335583b4c6d7ed06eb0c77b78cc47b4577aa07dec76d81771c78</t>
  </si>
  <si>
    <t>b'0F\x02!\x00\xc5\x17\xabW\xe2P\xe3\xa41\xd6\xad'</t>
  </si>
  <si>
    <t>atters they brought forward for decision. From the start, the emperors had given rulings and benefits to all sorts of petitioners who managed to reach
them (Millar 1977: 465â€“549), and Ulpian made the necessary distinction between
general constitutions and those which, being issued to individuals, were not considered to set precedent (D. 1.4.2). That there seems to have been an increase of
rescripts during the third century may be a trick of the evidence for the reasons to
be described below, but there may also be a substantive cause, in the form of
Caracallaâ€™s enactment of 212 CE, the famous constitutio Antoniniana, to the effect
that all free inhabitants of the Roman Empire, whatever their social status, would
become Roman citizens. Caracallaâ€™s critics claimed that his motive was simply to
extend tax liability to a greater sector of the population, but whether this is true or
not, a consequence of the change was an immediate increase in the numbers of people
who fell under Roman law and reaped the benefits â€“ or were exposed to the
disadvantages â€“ of its procedures.
Our main source of rescripts consists of two legal codes of the late third century,
the Codex Gregorianus and its close successor the Codex Hermogenianus, both named
after jurists who held court office under Diocletian and his colleagues (the system of
government known as the tetrarchy). Neither code is extant in its own right, but both
were excerpted for general rules in the Codex Justinianus, published in successive
editions in 529 and 534, and can partly be reassembled from that source. The
Gregorian Code contained rescripts going back from the juristâ€™s own day to the
later second and early third centuries. The Hermogenian Code collected rescripts
issued by the tetrarchs â€“ the vast majority by Diocletian himself, under whom
Hermogenianus served as Magister Libellorum (Master of Petitions); more precisely,
he collected texts from just two years, 293â€“ 4, of the reign of Diocletian (HonoreÂ´
1994: 163â€“81). The result is a challenge to the imagination. Even in their excerpted
state, the two codes preserve more than 2,500 texts from the period they cover, and
more than 850 from these two years of the reign of Diocletian (HonoreÂ´ 1994: 189).
It is perhaps going a little too far to describe the situation, w</t>
  </si>
  <si>
    <t>b'\xa0.9vW2`B\x8f\xff&lt;\xfcf\xc0E\xb4\x06):r8\xf8\x92\x1b\x0f\xecy\x18\xf0gQ\x08\xf5\xccP\x1f@2&amp;\x02f\xa6\xa0\x7f\x17\x16\x89\xcdC\xa9\x14_\x13x\xc8&lt;\xfd\xba\xd0v\x03\xa5\xad\x0c\x97V\xfd\xb1\xf7\x07\x88\xe4\x03\xe9\xff;\x15|\xc7\xba\x93\xce\xe3gd\xa5\xff\x01\xd4\xee0aG\xe3\xc9\xce\x15\xaa\xc5\xd7\xd8\xfd=\x81\xf6si([\xb4\xa9\xc8i\xfcc\xfa\xaeW\x86\x1a\x88\x06&gt;\x92/\x99\x9b\xcbA\xd3\x1e\x02\x8d\xc8\x04\xde8\xb3\xf1\xab/b2.h\xb5\x10K%l\xbc\xab\x0c\x93\xd4\xe3*\xe6\xac7\xa7\x082#\x02\xa9\xb4\xc0\x9eIt\x1cYw\xc8N47a*vb\xd0\xc4\xad\x0b\x05\n\xe5\x00\xf6\xc6\x13X\xe7\xd4!S\n8eH\xe9\xf9P\x01\x13M,\x0ej-\xf4\xa3\x0e\x1ar5\x8f\xce\xa4"\xf5\xf0y"C\xb3\x96\xa5j\xfe\x08\x0f\xefH\xbe\xb7]%|\x80M\xf8\xbf\xa9\r\xae\xd71\xff\xb1hd)\xe6\xd0Nb\xb62*\x12\xa5.a\xa5;0\xcdx\xf4\xbb\x1d\xff\xc3W\x87\xde\xf9Q\x8e\xbdv\xed\xe3HYP\x81\xc5\xd1-`&gt;m\xc7\x02*Pd\xc8\xaa\x15\xba\xa8\x0b\xee\x89\x8c4\xff1Z\xe9K\xeb\xff\x00n\n\xc51\xbd\xab\x87\x11\xfa\x1e\xdaC\xc6\xea\xd4\x1fnY\xa7L2H\xbf\x99!\xb7m\xf9\xcd\xa2\xef\xfd\xe6{\t\xf6\x82?\x91*\xd1\xb6\xbe\x87t\x18p\x8d\x0e \x92J\xcb\x8729\x01*\xa4\x9d\x03\xa5C[2\xc0\x94\x18\\\x085\xad\xc1\xcfN\\\xe0\x99\xfd\x87\xe9b"\x84\xfc\x07r\xac\x1a\xaf\x02\x1f\x9d\xe8\xd6\xa1\xf5;\xedq\x06|\xac\xf3)\xfe6\xb2K\xc2\x8f\xcc\xe0\xc5\xf9\xe02&gt;`U\xf0\t\x05\x03\x90$\xe6\xae\x1e\x80Kz\xa3\x84\x1fF*\x15\xfb\xa1\xe8f=+\xe9^]x\xe3\xb0\xf9\x81C\x0f\xda"\x97\x888\xe1\xa5/S\x82\x1e\x885\xa6\x0e\xad\xa1\t8\x80\x80\xa1\x94\xc1$\x19\x80\x91\x05DO\x1e\xc99q\xc8#\x04\x87\xc2F9\xa1\x9f\x19\xbd\xad\xea\x8b\xc9^\xe1\xb1Lp\x1b\x90\xb8\x0e\x0c\x8c\xe6H\xbfJ\x8aa\xbcdc\xffs\x12l\xfb\x01\xee\xde\x81\xaff\xbe\xff\xe2\x15r\xd7\xe7\xc9\x9e\x8a/\xb8\xb3\x88\xb9\x17\xb6\x16z4\x83V\x1e\xfa\x86\xbf\xb9,\xb0\xa9\xd3=\xcd-\x05\xbe\x1a\x05`F\x8e\xdb\xb0\xf0\xf4@\xf8\x12\xb5H\x9c&gt; 7.\xe6&lt;\xf7\x06\xcf\xdeJ\xef\xcb\xa9\xda\x9c\xa4g\xde\xe0\x8cd3\xdbj\xbd\x94\xa0\xac\x06\x03\xbdz\x18\xb7\xf2\xa0\x9ba~\xffq\xccC\x8b\xb2n\xb1\x15\xb0\xa78+\xabb\x89\x8c,\xf7\\\x08\x1b\x14g\x8d\xf2\xd0,\x86v\xcd\x8ek\xda\xc0\xe2;[O\xbb\xf8\xe2\x1d\x13\xf1\x9e\n\xf7\xf7\x06j\x88S\x10\x9al\xeb\x0e\xe5~a~Y\x01}\x19\xf3\x85\xe4\xbc\x8e$q\x97{\xf3\xf4 7V\xca\xc5\xf4Tpz\x1e\xad\xf2\x11\xef\xf8\xad\xb9G_\xe8\xa5\xf8\x96\x83\x17\xbc\x12\xed}\x15\xb9,\x9c\xd2}\xc5,\xd7=+\xb3x \x1dS&lt;e\x15\n\xd2%\xca\xb1\\)X\x85n)q\xc3\xce\x04\x13C\xf8\xd5A\xb9\x06\xfe9\x19\x03"\xe1\xfd\xad-\x10?\xd4\xcb\x93\xddY\x04\x11g\xfa-\xa60\xd8\x05q\x17IX\xc8)z,\xbb2*\xe1\xcat\x9c\x07\r\xf1g\xb9!k\x81\n\x0ez\xff\x12uMGyP\x03\xdcr\xc9ya+\xf9X\xd3\xd5\xa7\xfc\xe9\xae2\x98.\x9d\xcf&lt;\xfd\xcaS\x9a\xfeGk\xfek\x90D\x9e\xdc\x8bA\xca"\xa4:\xe5\xee\x00\x90\n\xefm\x14\xc3\xf8\x97\x95\xaaX\xa5I\xe3On&lt;:\xf4\x00P\x11\x85^t\x1e\xf0\x9c\xe8\xb5\x95c\t\x04\xe9\xb7\x832\xa8\xd5,e\xc2;\x8d\x8dl\xf0]"\x98B\x83\xe2v1\xa7\xe6;f\x98`\xdcF\x97Y\x88\xba\xc9\xb7\xadT\xdeE\xb7k\xebwQ\x83\x91\x8f\xcdg\xaeV\xd3\x8c\xbdIg\xca\xde\xbf\xcd\xf4\x16\xe1\xb5*\x14ct\x03\x8d\xc7\x17\xce\x91\x8e\x81\x83\x8a\x17\xa3\xfc\x18\x9cJ\xee\x80H\xfau\x0b\xbe\xca\x00\xfdq#\x01\xa2:\x16MP\x135G\xc9,0\xc4{\xcdy\xa6\x8b\x1c;\x97L4G,\xa5\xd2\xed\xcb9\xee\xb5\x9b\x0f\x15\xae\xff\xac\x02\x88\xfbGtQ\'\x8c\xd1\x9c\xb7\x99oAsKsLx\xd5\xf7\xebEx\xaa\x1a\xfb\x81\xfa\x0c\xf5a\xfc\x93\xd1T\xa9t\xb9\xea\x89\x87\'\xdf\xb3"\x9bP[\xd5\x13cwoe\x0c_\x7f(\x07;7\xac~\x10H\x9e\x02~6\xbc\x87\xbb\x11\x01a/\xb4gUI\\\xe0\xb2\x83\xf5r\xa2\xb5X\xd8\xcd@\xef\tl\x11c\x10\t\x16s\x0b\\\xe3\xab\xc0\x8eH\x92y\x18\x85\xc9GgF\xc6\x7fa\xef\xd3\x9b\x1a\x96\xb7\x85\xb4\xbd\xf1\xda\x91NI\xef\x05P\x80\xa6+\x93f\xb6\xbd\x96_@6\xd1$\xce\x99Z\n\x94\xc9[1\xf5m$\x82\x84\xf8}\xbb@n&lt;\xa10d\x0f\x1c*Y\x84\xc3\xb0\x9d*%\xa9\x13\xd1\xe1y;$&lt;\xac\xf2\x9e\xc6\xbb\x19\xcd\xd3\xae\xe8*Z\x06ekOzm\xd9\x83\x00\x1cvh\x96{\xb2\xc2}\xa2\x0f&amp;X\x044\x8b{]\t\xfb\x06\xef&gt;\xbf\xceaq\x96U0\xb2\x04\x8fd\xb7\xffY\n\xef\x88\x87&gt;\xcd\xb1\x12\xf4VEE\xb9\xbb3\x19i)U\xef\xef\x15\xba\xb1J\xf8\xaf\xac\x95\xd9\xb4\xe5w.tT\xea\x04\x81W\xba\x07\xa8[\x8co\xa9\x952\xcd\x92~\x8a/c\xab\x14`\x8f#&lt;\r\x10\xfa\x95\x0f\xb1)\xf1\xd1\xd3\x19\xb8\xb6`\r\x91\x8e\x1ax\x05\xb7\xd5\xff\x9f\x175\xebNiF\x96\xb4\x17\x86@\x11\x93\xa2\x18\xf50\x97k\xb7\x1e\xe1\xa8\x94\x95\xc2a\xb7\xc3\xc7\x90-\x16\r\x93(\x88\xb9\xd0\xa9m\xb6\x97\xfdMv@\t/\xb6%\xee\\\xbb\x12\x87\x9d\xd3Y\x95\xbb\xa9\n\x92\xb2\xad\xc4\xc3*\xe0?R\x81w\xf7\x0b\x19\x05\x8f@`\xf1\xa8\x0c\x19~\x01\xcf\xfab:\xcc$\x95(\xc2\xe4\xa7\xb0\x83\x7f}0uvs\x88\xf8\x99\x7f\x1fH\x04Cu\xcc`\xe6\x87T{\xf1\x9fJ\r\x00\xd2"\xebqv\xddO\x1b=\xfbsE\x15\x83\x1f\x8b\x88b\xb0\x99\xc1)O\x027\x8f\xcc\xed*\x82\xd8\xc2?\x95\xabhg\x87\xe4\xbf\xfd]EA\xa2\xc9Z\xb9\x85\x16o1R}hJO\xc4Tp)\xc9y\xd1\xf6\xd2\xe4\x11V\x97\xdb%/\xccL\x95/\x0c\r\x1a\xa4\xc9\x1d\x94/\x07\xb5q\'\xf5a\x85\xce\x8fx\x9e\xb5\x10\x90\x0b\x80\x97\x8f\x0f\x9d\x0b\xc1\xa8\xfd\xb7\x03Y\x92\xa9jmV\xed\xed\x7f\xa1\xe8~\xc9\x0c\xb1\xee\xe1\tk\xe7\x12,\x83\xeb\x9a\x1f\xcf\x02\xa5\x84\xb8\xb8m,\xdc\x16\x1b\xfft\xac=\xf8P*q\xa2\x8f\x19.Y\xce\xc3\xf6\x0b\x1d\xf9\xeez\x82\x82\xc8vi\xe06Kp\xff\xa5`0\tIt\xdco\x1c *\xdel\xf3\xbfo\xd5\xdb\xacc\xab)&lt;Q~\xd5\x7f\x8cfk\x94\xca\xb4\xd8\xf5\x8e\xdf\x96\xa1\xdf\x97\xac;\xce\xedT\xcb\x19&lt;F\xb9\x04\x94\xa7\xb0,\xdbx`\xed\xf3-\x8bR\xbd\x04l\x87x\xcd\xf5\xaf\xa71\x88K\xf8\x06\xb9\x8f0=i\xbe!\x95\xb9:\xd7\xe8z\x99EVA\xdan\xc3\x8b\xd0%\x8cg\xdd\xa59\xedlEo\xfc\xab\xfc\xef)v5ub\x97\xdfV6hQ\xcf\xba\xec\xcc\x10H\n\xd8\x8a!/\xd1wf\xee\xb7\xe3\xf9#\x08\x17H\xa3\x88\xc8\x90\x0b\xc6\x91\xf9\xaa\x8a\xf7)o\xcc\x9c\x13\xa7\xe6\xf3\xe3\x08\xcb\x9c\xbe\x8d\x13M\x1d\x8f_\xb5\xcd\xa7\xee\xea\xad\x91S\xbb\xfe\x10\xe7\x9bV\x955[]g\x94_\xee\xefH\x92\xd8J\x8e\x14S\xb6\x95\xb2E\x11\xfaU\x02\xb0\xbck\xc1\xda\x13\xd63\xca\x8f3\x89\xa9\r\x8aG\xad\xd3\xcdO\xd0\xd3\x92!\xb4l\xb7,&gt;p\xec\\\x04\xaf\x02\xc1O\xc4\x82\x89o\x85\xd3\x9em\xbe\x08\x96\x9aJ\x80C\xb0.\xef\xc9\xaf\xfdW\x19o\xb6\x90c\x9e\xb5\x80&lt;z\xcd\xebO\x94Ou\xbd\xaf\xc0\x0c\xb4)\xb8\xf3\xc8+\x10\xfc*\xc7"\x82j\x85\xe1YN\x07\x83^\xd9r\x1e\xfc\xb5\x16\x82\xa2\xabQ\xcb4\x13\xf9[\xd8\x92\x86\x1b\xc9\xe80\x17\n`\xb5\xa5\x99\xa1\x0enB\xac\xa7\x8be\xc4\xf9s\x13\x16\xcb^U\xa4\x80m\x94\xc5\xfc\x08\xc9\xfc6\xa9\x9e\x8d\xd84\n\xea\xda\x18\xcc\xe6\x9d"\x14Ig\xde\x1e\x81\xdf+W\xfb\xedKpa\xffS:\xf1\x02\xdd\r\xbb\xdac\xf6h&lt;D\x13_\x01:\x0f\'\xda\xf9IY\xe5\x8c\xc4\xe6hg\n\xb4\xc9k\x9ee\xe4\xa3\xd8r\x10\x9dM\x0ev\xd8&amp;\x0fjpe,\xd6\x970\xb9\xe7?C&lt;\x10S\xb9\x10\xcf\xb5\xd9\x9d\xbc\xe4\xd2\xb3\x0e\xab\x0e\xe7\xdfb\xcc`\xdc\xe0&gt;\x83\xa6zQs;G_iD\x00\x95\xc1 \xf2#I\x14,\xeb*X\x8b\xa0Y\x07\xbbb\xa2\x7f\x87\xab\xb7L\xb9\x05\xf52*\x15\xf4o\x81\xcb\xa3\xe1\x90]~C+\n \r"\xcb"|\xb0vm\xad\x1f\xff\\\'-D\x1c\xdd\xb54@\x1d\xc1\xc7{\x84\x12+v\xda\x1f\xc9z\xc6\x98\t[\xa9\x12\xf6G\x12\x842Dn\x06 \xfeQro\xbf\xc6;usgI5\x93;\x99\x8b\xe2]\xd0m\xeb\xc0s\x16\xf2\xf1\xa9\x08\xfd\xd7.FMi\x8c\xfc2\x1a\x1b6\x06\x94\xd7hn\xd1tb\xe7.\xad\x9d\x9e\xc2\xf4\xac\x16\x80\x86(\xee\xad\x81\xc9=9\\e\xda\xeezK\xd4\x92c'</t>
  </si>
  <si>
    <t>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</t>
  </si>
  <si>
    <t>b'\xa0.9vW2`B\x8f\xff&lt;\xfcf\xc0E\xb4'</t>
  </si>
  <si>
    <t>ect that the feedback network (R2) returns a voltage. However, for two voltages to add
 or subtract, they must be placed in series. The proper view here is to assume R1 and R2, respectively, convert
 Vi n and Vout to current, and the resulting currents are summed at the virtual ground node, X . We study these
 commonly-used circuits in more advanced courses.
 RD
 VDD
 M 1
 Vout
 R R2 1
 X
 R
 R X
 Vin
 Vout
 1
 2
 Vin
 (a) (b)
 Inverting amplifier with feedback.
 614 Chapter 12 Feedback
 12.8.1 Review of Bodeâ€™s Rules
 In our review of Bodeâ€™s rules in Chapter 11, we noted that the slope of the magnitude of a
 transfer function decreases (increases) by 20 dB/dec as the frequency passes a pole (zero).
 We now review Bodeâ€™s rule for plotting the phase of the transfer function:
 The phase of a transfer function begins to decrease (increase) at one-tenth of the
 pole (zero) frequency, incurs a change of âˆ’45â—¦ (+45â—¦) at the pole (zero) frequency, and
 experiences a total change of nearly âˆ’90â—¦ (+90â—¦) at ten times the pole (zero) frequency.14
 Since the phase begins to change at one-tenth of a pole or zero frequency, even poles
 or zeros that seem far may affect it significantlyâ€”a point of contrast to the behavior of the
 magnitude.
 Example
 12.34
 Figure 12.61(a) depicts the magnitude response of an amplifier. Using Bodeâ€™s rule, plot
 the phase response.15
 Solution Plotted in Fig. 12.61(b), the phase begins to fall at 0.1Ï‰p1, reaches âˆ’45â—¦ at Ï‰p1 and âˆ’90â—¦
 at 10Ï‰p1, begins to rise at 0.1Ï‰z, reaches âˆ’45â—¦ at Ï‰z and approximately zero at 10Ï‰z, and
 finally begins to fall at 0.1Ï‰p2, reaching âˆ’45â—¦ at Ï‰p2 and âˆ’90â—¦ at 10Ï‰p2. In this example,
 we have assumed that the pole and zero frequencies are so wide apart that 10Ï‰p1 &lt; 0.1Ï‰z
 and 10Ï‰z &lt; 0.1Ï‰p2. In practice, this may not hold, requiring more detailed calculations.
  Ï‰
 0
  Ï‰
 0
 H
 â€“90Â°
 â€“45Â°
 (log scale)
 (log scale)
 20log H
  Ï‰ p1 Ï‰ Ï‰ z p2
 (a)
 (b)
 Figure 12.61
 Exercise Repeat t</t>
  </si>
  <si>
    <t>b')Px\x89\xc2-\xf9$n\x06m\x9c\xb3\xef\x8eX'</t>
  </si>
  <si>
    <t>29507889c22df9246e066d9cb3ef8e58</t>
  </si>
  <si>
    <t>t took twenty
 years. Today, she appears on Forbesâ€™s lists and is a sought-after keynote
 speaker. What I most admire about her is her ability to inspire entrepreneurs
 to use their entrepreneurial power to do something that really matters.
 While Suzy started with a product idea, her business crawled until she
 identified the person who would want to buy it. Once she centered her brand
 on the person, not the product, her business was off to the races.
 Thatâ€™s why, when someone asks me, â€œWhat product should I sell?â€ or
 â€œHow do I sell more product?â€ I always answer, â€œDecide who your customer
 is first.â€
 Focusing on People, Not Products
 Back when I started out as an entrepreneur in 2006, no one taught me how to
 target a person. I discovered it the hard way, and it took me ten years of
 â€œfailedâ€ entrepreneurship and over-work to finally understand that you canâ€™t
 really be happy unless youâ€™re doing something that benefits other people. To
 put it in business terms, you canâ€™t be successful until your work is valued by
 someone else, which is why starting with the person is so important.
 I learned to hand-code websites in middle school, using the shared
 computer in our family living roomâ€”on dial-up, no less. Being so plugged
 into the internet from an early age meant I knew how to do other useful
 internet things, like basic search engine marketing, internet advertising, and
 plugging into internet communities, before social media was a thing.
 In college, I discovered that I could create pages for products, get them to
 rank on Google, then run Google AdWords to drive traffic to the site. This
 was before Facebook, before Kickstarter, and before Amazon turned into the
 behemoth it is today. Even without any of those tools at my disposal, I did
 pretty well running this â€œhustleâ€ from my dorm room. Other kids at school
 knew I had a successful internet business, and they thought I was hot shitâ€”
 and, honestly, I thought I was hot shit, too.
 That all ended the moment I graduated. I had a way to make money but
 no clear life path. As a result, my internet businessâ€”something I had
 considered a side hustle, not a careerâ€”suddenly felt empty. Sure, I was
 making enough money to live on, and even invest, but there was no direction
 to it. There was nowhere else to take the business, and no way to grow it.
 On the one hand, I had solved the problem so many of my classmates
 were facing: How do I find a job? How do I make a living? I had money. But
 I had no purpose, and I had no true skills to scale.
 It seems like an overreaction looking back on it now, but at the time, I felt
 like the worldâ€™s biggest failure. All that time and money spent on college, and
 I was . . . what? A guy who sold random products online? An internet traffic
 manipulator with absolutely no idea what the hell I wanted to do with my
 life? Yes, I recognize that I had a serious case of â€œfirst-world problems,â€ but I
 felt horribly lost.
 One day, I got an email about a meetup in Austin, Texas,</t>
  </si>
  <si>
    <t>b'\xc5[\xde\xbb,\x89G\x9f0\xc2\x00Y\xda%-5\xa9\xb0\xf2)\xe0&lt;\xd1\x92l!\x96\x9d4k\xfb\xfa\x94J\xd8T\xb8\xb1\xe0P\xf5\x90\x06|\x80$\xbc~\r\x14\x99\x9f\xcd\xeb\xa5\x11\x1a\xc1.W\xfa\xda\xc2\xc1\x0c\xf8\xa0\x00u\xd0t\\\xedV\xbc\xef\xc0\x9ad?\xc5\xbe\x8f^\xb2J\xae&gt;\xf0\xd6;\x8c\x9c\xe3\x9bK\x1c+\x8a~\xa0\xe7Q"\xbe\xe4\xe1x`.\xba"\x83*\x94\xdam\\\x89P%|\xc7k\x82)\xee9\xbc\xb7\xdb\xb0z!zj\x82w\xe4\x8a\xa93\x0f\\\xaejf\x03\xb5\\\x8d\xef\x01\xbd\xc8E:\x16D\xeb\xda\xc3\xe5\xa5\xef-C,\x10\xa6P\xc7\x81\xca\x8eAV\x1c\xd5\xc4\xbd\xd5\xd16\xad\x84p\xb3\x8f\x8d\xf8`\xf8?}\x9f_\xdd\xf39\x97E\xe0\xa3\xe4\x14\x1b\x0b\xa1\xf2\xd5\x1c\xb2\xc1V\xd9\x82O\x87\x1a\xa2}\x90\xb87\xd2\xbb\xbe\xedGX\xda{\xad%\xa8%\x05\x9fX\x82\x81\x80\xfd\x00\x00\xbe\x92\\\xdd\x8d\x10S\x0f\x0b\x8f\x94\xe60\xdf\x9bNR\xa2\x97\xe6\xdcE\xee\xc1\xea\xbc\xfalo \x92\rU-.\xa4Sn/\xcb\xfb\x12\xc2t\xcb.\x88Pi\xe6l5\xc9&amp;\x82\x8d\x95\xec.\x86\xc3\xba%6(\x91\x1a+\x02\xb3\xcc\xb0\x18\xc6\x89u\xfa\x00\xc3ni\xff\xcf\x80\x91Bsg\x86\xf4\x9a]\x8d&lt;~8u\xb8\xf0\xd8v\x01\xfbL\xba\xb4Gv\xb8l\xae\x1a\xe2$\xad\x81hJ\xa7\xf8\x7f\xb2\x1dN\x8a^\xddU\xa0)\xbfi\x0f\x98#8\xc2\xc2\xce\x8e\xa9\x87\x00,H7GF0\xed\x07\xdf=\xbeA\xcf\t\xb9XL\xd4\x06\x16\x7f\x13\xbc@\x83\xdc\xd3"^&gt;\x90\xc6\x1aq\x15 \xc6\xc22\xdc\xa5\xf0g\xe0\x186N;\x1a)\x8dS\xe5\xf4v\x85\xf3\x84\xc6\xe8a\x9b\xb5\'\x14aeLo\xad\x88\xca\x95\xbc\xaa[s\\3\x10\x8eb \xd0mfA\x90\x17au\x1dul\xe7\x08\x90tpu\xcc\x10\xe1\xab\xea\xf0\xc1\xadI\xf0B\x9c\xbb\xe0\x1fP\x84 \x1c\xf2\xd6L\x94\xd5\xba\x8c\xf1\xbc\x03\xd7\x9b_U\xda\xd1W\xd7Me\xfd\xd4+lx\xf7\xd9\xbf\x04\r}\x1c/\x1eZ\xac\xc2\xa6\xf1\t-h_\t\x8e\x98\x9e\x17\xdb\x8c\x83t\xb3G\n\x07\xe9.\xb7\x1fM\x9c\xd2\x98\xb0\xd0\xd6\x8a\xe82` \x9d\x98\xb9P[\xae\x0c\x10X\xbe\t\x14\x19\x89\x05\xd7\x91\xbd^\xa7\xf1\x1c\xdd\xea[\xe3\x02\xf9\xfc\xe2\x9b\x1e5\xe8\x01ah\xf5\x8a\x17\xb6!%\xacd\xde\xa3q3\xb9\xd7\xaa\xc4\x18|u\xd62G\xac\x9bg^\x8e\xb5\xfc\x7f\xffj\xfa\x08\x99\xb9\x8b@\xe8\xb1Ws\xbbH\x8f?\x83\x92\x89\xd4\x873\xd2^v\x1ac\x9c&gt;`&gt;2\xbap\xca\x18\xa1\x10l\x1d\xfa\xcd\xfc \xa2\xc2\x1b"\x00\x80\xfe\xed"\xb3\xff\x1e|6m\xdf\x8c\xb3\x8e\xbe\xe0D\xf1\xd3hx\xa1\xc0\xe9&lt;\x9ai3.\x93\xdb\x91|\x0eRD\x08O\xda\x1b\xbb)x9\x02\xd1\xcb\xcc\xe0W*F\xcd\x82\r\xfb\xb0\xa0\xa0\x9c\x83\x18\xe9\xa0Z\\i3\xcf\xf6{\x81\xf7\x04\x95\xf7a\xc6G\xb5\xc5\xbe5\xf0A\xef\xbda\xe5\xc9\xde\xbd\x08\xa62\xf7\x13\xec\xc2\x0e\x8f\x01@\xcbN\x85SD\xbe\xf3\x85F\x12\xb7\xee\xc8\t\x01\x0c\xe9\x19e\nv\xe4\x97=P\xe3\x03;1\xd6 \xd1\x96\x9c\xbb\x93-&gt;p\x90\xd6CC\xb3V\xa8\x10\xb4\x97E\xff\x8c\x84\xbdB\x89^\xae\x07\\\xb7E\xd0\x19Jx\x84y\xcd\x13\xca\xeb\xba\xaf\xd3\x0b\xf7Pl\xe2\x13\xe7\xa1\xb6v8t\x9cw\x04\x0f\xd2\x95\x9e\x07.~\xb2\x19\xbe\xb6\x84\x10\xeb\xe9\x0f_\xd1\xfc\x9b"N\xec\x08\x12\xd7\xa9\x9aY\xae\xcf\xfa\x0f_\x01\xe5\xe5\x83\xd3\xeej%\xef\x1c&gt;\xe0\xdc\xe2\x9e\xf1H\xfb+#\x86\x86\xa0S\x81Z\x96\x1d\x1d\xf2W\xb1\xaf\xbbkb\x03\x0c\xf6K=X\x86\xa0:o\x8c\xf6zyU\xcd\x12\x0fu\xa3\xd0\xdc\xe1G\xda\xaaCf\xae\xe56W\xa1\xce&amp;79=\x00\xf0d:Ez\x1b\xd5\xc6\xb7\x19\xfd3\x92\xd8\xd8Z\xb7\x1fx\xb4\x8f\xcc\xaa\xa0*$#\xe2|r\x9f\xe1ct\xa8m\x810?\xbb\xaf_ vG6!2\xa5_+\x15(\xb9\xbc)4\xf1\xaf\x11\x1e)\xc6\xae\x8dS\x08$jc\x9f\x97\xaePn^\x8a\xbf\xed/x;Mq\x7f\x0b\xa2\xa3Ce\xe3\x1d\xc2d\xc8s\x90\xf5@\x16\x87O\x8aH\x1e\xf1y\xce\xe2\xe1\xe3\xe9o\xc9\x8bE\xb3/\x9b\xe6\xd0\xb9\xdc\xfb\xe9\x01\xa3\xed\xd5%%Lr\xc7Fs{\x067q\xaf\x9b\xf6\xe3\xbd+\xdf\x80\xf6\x1er\x8d`\xca \xbc\xdc-YW\x90z-\x1d\xd6\xbdR\xdf\xc9R\xf5-Hl\x84\xc3\xc6x \xd3\xa4\xb1\xa9\x10_u\x0e\x15\r\x8b\xb6\xf9\xf9\xf2\xd3T\xda{\xc6\x94\xf8IV\x81\xd5\xe6\xfb\xfe\x9c\xc9\xea\xad\x0f\x14\xa2\x0f,\xbcE&amp;\xf6\x1c\xdf\xd7\xe7*\xbf\xb6N\x84\xd9\xec\x08\x96\x1c\xd4\xe9\x81\x84R\xd4\xf8\xe7\xc0\xdf\x01\xd5\xde\xc7=Q\xd7\xb8:&amp;\x1b\x80\xf1\x8d\\\x14r\x9bb|qZZm\x7f\xbe\xbaQM\xdco\xac\xa4O\x01\xfe\xc7vuz\xb1\xa6\x9b\xa1,\x9a\xd0a\xa2\x85\x8ef7Bq\x1f\x15\xac\xa2\xb1\x84H=\x9e\xd9\x81\x8c\xda\x85t\x1d\xd3\xc8\x18(\xf7b\x8d\xa5\xe6e\xbfM12cR\xfa\x90\x9f\xf5\xb2q\xa1\x0c\x7f\x1d\xd0\x18K_\xe8\xf2\xcc\x02\xdd\xa8\x92\x05@\xbb\x97\x07\xfc\xbf\x88\xb2\x1c\xa9\x17\xc8e\xcc!I\x1c":\xf5\x9f}kl\xe0:\xea\xe4\xb8\xa7\xa0x"\xfa0\xd61\x01\x1a,k\xd2\xb3\xf4\x11\xe9\xcdw\xf3e\x18)\x80\x92D"\xe1\xf0s\xb7\xaf\xe5\x13\xc6\xa3\x93\x1d\xa3\x85|u\xf0\x87^\x8a3R\xc3\x90h\xb1;(\xe0s\xc9\x8c \xeb\xa0\xb1\x17\x17\x03y\xb1\x86\x1e\x96=\xb9\x08e1N)\x92\x83\xbd=\xcc\xf7\xb7\x84Od\xfa\rW\xac\x1f;z&lt;F\xa1\x8b\x05\x1f\x8e\x90\x98\xd7\x03\xd6\xa7_\xdb+\x84\xc0`?i\xdcam4\x06=;\x8aU\x82\xa9p\xc9\\\x0f\x8c\x93\x87cn\x9b\x12\xc3\xb1=)\xd4.Z\xe0\xd9\x175\xe9\xe0#0\xe3&lt;y\x1c\xc9\xf9\xb4\xc7\xc3\xad\x92\r9ik\xd1\x0f\x1a3\x8d\x11PyXe\xe9u\x06|\x87\x84\x13\xb4\xdcdj\x9dZ\x9e5M)\xf6\x94\xe2\xe2\x01\n\x85\xc2\xe5U9\xcb\xa6\xbb\x1d\xc5\xfe\xbd\xd50\xb7`\xdc\xb3\xb3HY\n\x8f\x88uJ\xab\x8a#\x9eX`\xde\x80\xe6\xa1f;h\xae\x8ft4\xec\x87\xf8\xa2\xd9\x97\xb7*\xccp\x19\xaa% \xc4\xa5\xa8h\x1c\x0b\xab\x94B\x95\x83xR\xfa\xc6T&amp;\xd5\xb0\x9dv\x94x7A8\xd5\xc5\x0c\x08\\\x194&amp;\xa4\xe7\xf9\xc0\x977\n\xaa\xf6\xa2k\xf1\xec\xab\x07\xb6m\xdb\xdf\xe89\xeb4\xd0\xe2\xd2\x1a\xd7\x8d\x93\xd5%\xd1\xd1\x8e;~\x18\xb3\xdd\x96\x15#\x92}\xa3\xa0\xc8\x10\xcd.-nk8\xb8\x11\x11;%F\xb5\x9ah\x00Blj\xd1\xd4\xdf\xa1\xfe\x7fxiW\xb83/.\x1aS\xbbO\xbc|C\x99H\x9e\xf0\xea\x9e\xd5\xd5\x1b\x88\x89\x0e\x0frFm`\xb3mp"\x10h\xdd.\xcd0\x1b\xdd\xc2\xbb\xe6h\x18\xaf\xe0\x99\xa0\x88G\x0f0\x19\xe8\x92x\xe3\xe0\xc1N\xe3\xff\xbe[\x83\xcdB\x8b\x8cd\x87\xddN\xb5\x85\xd2\xc5\x9b`\xd7\xc2\x1b\xbb!\xbd8\xb3\xde\xdc\xa3\x87+ Pr\xedg\x00\xd3\xe3\x91\xee66|7\x9bT\x90E\x0c\xd5JY\r\xf03\xc3|?\x90\xf5\x1396\t}\xfa~Q\xf0Z\x08B?2N;\x9d\x04\x8e?uR2\xbc7\x15N\xb0{\xef#T\x88\x16l\xe8Np\xdc9\xe3\'f\xaf3=\x9a]\xa9\x04\xe1\x99\xf1\xc5\xbfV-I/i\r7\r\xd9\xb1\xafe\xcasAq\xffl0d\x00c\xc1TU-yV\xa1\xc2\xe2\x98v&lt;\x8d\x93\xdd\xd3\x81\x14\xafr\x0eP\'\x1dq\xf9T\xcae\x06\xc8\x0b\x8b\xca\x0e\xcf8\x96]\xff\xee/dwy+\x07\x1fS\x0f4Z\x18\x90\x95\xc4\xcdH\x1ei\xfc\\\xd9\x89\xf2\xf0P;\x91;W\xb6\x82Q\x8f\xc8\x92\xe5g\xf1\x05\xba\xaa\xb1\xaert$\x7f\xc47x\x82\xa1o\xa5\xc4\xe3m\t\xf7\xc8\x8dhl\xdc6\x0eT\xd5\x87\x9bLuo \x07\xd9\x80\x15t\x04\x80\xbf\xc2\xdf\xe3\xbd\xcc\x90$@\xae\xbe\xe5`\x8d\xa2\xa3p\xb9\xf8\x82\x9f\xf4kH\xc1v\x9d#\'.+\xdb\xb9\xea\xe4X\x90\xd2?\x1cTF\xfa\xf1\xa4js\x95\xafr\xa1\xbd\x9d\x82\x05dQ\x07\xec\x932\xfc\xdbj\xbe}}w\xd0\xc7\xca\xdfA\x14\xf0\x93\xf6Q[\xd6\xb5\xbf\x95\xe0\x97L\xf8\x8by/=\x8c\xec\x99\xbc*t\xf6b-\xbd\x82JV\xa94Pm\xdc\xa5r\x16\xe8\x98\xd71x(\xbeH[I\xbe\xf6\xb9\x9a\xdbg\x81]b\xac\xec\xd1\xfd\x14Z?c\xc6@\x14X\xd7E&amp;\xab`\xdf\x03\x01\xf9\xf0j\xce\xdf\x7f\x1e&amp;\xe3\x12u\xc8\xe9\xf9\x1e\xe4\x06\x1c4I\x00\xc6\xbd\x929\xefC%R\x94\xd2\'\xc3|\xbe\xd8\x1e\xf2\x92~G0\xc7\x9eJu\xa9V\xc0\xd5\x9c\x7f\x92i\xab\x93U\x9a\xddi]l\x99w\xb9\xeb\x8f\x91O\xc0\x9e=\xdd\x18\xee\x04\xebZ\x88\x03\xc2\xca\xf7\xa3\x0f#\x87U\x9d\xe0\x0cP\x97O\x0e\x88\x18\xde\xc5\xd3\xf8\xfd\x8a\xb5\x1c9\xab/\x84u\xfd\x1c\xdc\xd1\xad\x87\xeb\xfa\x02y\x16\xb9(\xd9\xc3\x00\x9e\xce\xa4\x97"\x13aIVZi_\xacB]\x98\xc0kb\xe0M|p\x15_\xb5-\'\xcd\xd2e\x08y\xfa\xad\xd3\xb1\x0f\x047\x93\xf2\xb5\x1dE^\xcf\xe9\xd5g\xc4\x85q\xa0\r\xbe\xf6k89I\x1b\xa8\xfcG\xf5$B\xe7&gt;|G\x9b\x00\x13\xae\xcb\xc66\xac\x99\x07\xf5\x05\xe8\xb3\xe5\xe3\xfd"!\x8cg\xcd\xd6\xbf0\x99\xef\xb0\x84\xc0\xb3\xdd\xbf\xaa\xbe\xd34\xcbG6\x9c\xa0M\xf4}\xba\xc5\xc2\x08\x11\x0c\xe4\x07\x91\xa1IC\xaa\xa9\x1c\r\x0b\xda\x93\xca\x1d\xf8\xa3\x1c\xf9x\xb6@)\xd2-e\xf5\tzc\x10\\\xee\'ve\xb2\xa0\\\x9eU?\xc7\xe9\xde^\x80\xdd\xcb\xb1\xc3\x17 \xd1\xee"` #\xbcob\xa6U\xce\xdcz\xa8^\xd6\x1a\r\xff\xb5wK\xb4o\xc8\xec\t\x04\x99p\x1fo\xf8\xc3\x7f\x1a \r\x84\xee\xfb\x12\xf8\xc2mA\xf6\x7f\x0f\x88\xd60\xf2\xed3\x92\x10\xe7\xd8\rY&gt;\x0env\xde\x07pV\xbcm!,Tx/cC\xcb\xce\x13\x8e\x1d`\xec\\\xf4\x17\x98Ja$~*\xae(!a\xa0]\xf1g\xb5Yg\xea_S\xb0\x9ab\xadl|\xdcZ\xb2\xd3\xe5\xad2\xedGx\xc3&amp;\x16\xa8&amp;l\xff.r\xe6\xb4\xeam\xee\x9f\xcc\x92\x86"\xb5V8[\x1b\xb5\x0fu0\xb4r\x00\xafQh\xa3\x81\xe6\x93\x03\xaeG\x19\xf4uO\x16\x97L\xf9\x05\xbc\xdd\\?\xf5\xa76\xed\x08\x83\xda\xad\x81\xb5\x16\x91n&amp;\xb0x\xe7\xa1\xad\x13\xe2QD6\xd7\xe1\xd0#\xaf\xdfA\x00d\x8d-~]Mh\x1c\x14yKa\x10\x17\xfelU\xbd3\x13\xdb\xdcy\xdc@\xc5{\xeb\xff\xd5hCta\xff\xb6\x13\x8c\x92XV\x87}\x97\xb2\xcc\x10C\x90i\xc7\x8eP&lt;e)\x9c\xadA\xb3\x8a\x13\x022\x94\x82\n\xff\xf1\x87\xb4\x08\xd9!\xb9\xf9Ht\x1f\xe1\x06\x0c\xf1K\xa1P7\xda\x94\x0f\x06J\xcfC\xe3\x88\x01\xa6:\xbd\x1c\xa4\xf2\x9a\x93ykC\xe4\xa0bs \xe2\x0e5)%\xf0LX C{IC\xff\x8b\xe4\xc0g\x12e\xd7\xbb\xb5\x96!\xe2\xd5\xe8\\\xc5\x83\xa0\xaf\x8d\xcaF\'\xd6\x07\x01\xbc\xdb\x96\xda\xdc\xe0\xf5\x89\x95\xaf\xb4\\*\xef\xee(\xfdi\x95\xa1\x0bmG\x99\xf7y*\xe1\x1ao^\xc8\xbba|\xd4\xcaw\x9e6\x16\xca\xf3\xe0-\x04\x8a\x07\x11U^\x1b`V\xc4\xe2\xf7\x11\x18\xc0|\xf4`\xde\xbe\xfd\x7f]\xf6\xb3Ejw-n\xf7\xfc?\xee\xf7\xce1(\x15H?\x8c\xfcj\xd5z\xe6\xf8\xa7\xd5\xb1B\xd9@^A\x12\xd7iC\xc6\xb4\xae\xd7\x15V\xecg\xc9#\x87\x99R\x8f\xbe%\xd9z\xd8\xf5'</t>
  </si>
  <si>
    <t>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</t>
  </si>
  <si>
    <t>b'\xc5[\xde\xbb,\x89G\x9f0\xc2\x00Y\xda%-5'</t>
  </si>
  <si>
    <t>ange noise, and, on going to her, saw she was
 dying.'
 Emily, at this recital, shed tears. She had no doubt but that the violent
 change in the air, which the tempest produced, had effected this fatal
 one, on the exhausted frame of Madame Montoni.
 After some deliberation, she determined that Montoni should not be
 informed of this event till the morning, for she considered, that he might,
 perhaps, utter some inhuman expressions, such as in the present temper
 of her spirits she could not bear. With Annette alone, therefore, whom
 she encouraged by her own example, she performed some of the last
 solemn offices for the dead, and compelled herself to watch during the
 night, by the body of her deceased aunt. During this solemn period,
 rendered more awful by the tremendous storm that shook the air, she
 frequently addressed herself to Heaven for support and protection, and
 her pious prayers, we may believe, were accepted of the God, that giveth
 comfort.
 435
 CHAPTER 5
 The midnight clock has toll'd; and hark, the bell
 Of Death beats slow! heard ye the note profound?
 It pauses now; and now, with rising knell,
 Flings to the hollow gale its sullen sound.
  MASON
 When Montoni was informed of the death of his wife, and considered
 that she had died without giving him the signature so necessary to the
 accomplishment of his wishes, no sense of decency restrained the
 expression of his resentment. Emily anxiously avoided his presence, and
 watched, during two days and two nights, with little intermission, by the
 corpse of her late aunt. Her mind deeply impressed with the unhappy
 fate of this object, she forgot all her faults, her unjust and imperious
 conduct to herself; and, remembering only her sufferings, thought of her
 only with tender compassion. Sometimes, however, she could not avoid
 musing upon the strange infatuation that had proved so fatal to her aunt,
 and had involved hersel</t>
  </si>
  <si>
    <t>b'\xda\xc1\x7fuQz,\x0b\xddY\xfa\xe9\x0cou\x9002K9\xe3\x96\xcc\x02\xf9\xfd\xd4\x8d*\xed\xd9\xc97\x97\x10\xa8J\xa9\x0b\xee\x91X\x9e)\xdf\xb4\x05dj\xf5o\x92\xe6\xb0?5\xcd$\xd6\xe2\xba\x11dr'</t>
  </si>
  <si>
    <t>dac17f75517a2c0bdd59fae90c6f759030324b39e396cc02f9fdd48d2aedd9c9379710a84aa90bee91589e29dfb405646af56f92e6b03f35cd24d6e2ba116472</t>
  </si>
  <si>
    <t>b'\xda\xc1\x7fuQz,\x0b\xddY\xfa\xe9\x0cou\x90'</t>
  </si>
  <si>
    <t>owth in a trading world economy are a perennial source of con_x0002_cern and controversy. The debate revolves around two questions. First, is economic growth
 in other countries good or bad for our nation? Second, is growth in a country more or less
 valuable when that nation is part of a closely integrated world economy?
 In assessing the effects of growth in other countries, commonsense arguments can be
 made on either side. On one side, economic growth in the rest of the world may be good
 for our economy because it means larger markets for our exports and lower prices for our
 imports. On the other side, growth in other countries may mean increased competition for
 our exporters and domestic producers, who need to compete with foreign exporters.
 (PC/PF)
 1
 ,
 QF
 * - DF
 *.
 DF - QF,
 DC
 * - QC
 * QC - DC, .
 (DC + DC
 * )/(DF + DF
 *).
 (QC + QC
 * )/(QF + QF
 *).
 QC/QF 7 QC
 * /QF
 *.
 QF
 * QC , * QC QF,
 PC/PF,
 PC/PF, PF/PC.
 D3
 4For any positive numbers if then X1 /Y1 6 (X1 + X2)/(Y1 + Y2) 6 X2 /Y2 X . 1 /Y1 6 X2 /Y2 X , 1, X2, Y1, Y2,
 118 PART ONE International Trade Theory
 1
 RD
 RS *
 RS WORLD
 RS
 Relative price
 of cloth, PC /PF
 (PC /PF)1
 Relative quantity
 of cloth, (QC /QF )
 (a) Relative Supply and Demand
 Home Foreign
 Q*
 D*
 D*
 Q*
 Q* D*
 F
 F
 C C
 VV 1(PC /PF )1
 Q
 D
 DC QC
 DF
 QF
 Homeâ€™s
 food
 imports
 Homeâ€™s
 cloth
 exports
 Quantity
 of cloth, QC
 Quantity
 of food, QF
 VV 1(PC /PF )1
 Foreignâ€™s
 food
 exports
 Foreignâ€™s
 cloth
 imports
 Quantity
 of cloth, QC
 Quantity
 of food, QF
 (b) Production, Consumption, and Trade
 Figure 6-5
 Equilibrium Relative Price with Trade and Associated Trade Flows
 Panel (a) shows the relative supply of cloth in Home (RS), in Foreign (RS*
 ), and for the world. Home and 
 Foreign have the same relative demand, which is also the relative demand for the world. The equilibrium 
 relative price is determined by the intersection of the world relative supply and demand curves.
 Panel (b) shows the associated equilibrium trade flows between Home and Foreign. At the equilibrium
 relative price , Homeâ€™s exports of cloth equals Foreignâ€™s imports of cloth; and Homeâ€™s imports of 
 food equals Foreignâ€™s exports of food.
 1PC&gt;PF21
 1PC&gt;PF21
 CHAPTER 6 The Standard Trade Model 119
 We can find similar ambiguities when we look at the effects of growth at home. On one
 hand, growth in an economyâ€™s production capacity should be more valuable when that
 country can sell some of its increased production to the world market. On the other hand,
 the benefits of growth may be passed on to foreigners in the form of lower prices for the
 countryâ€™s exports rather than retained at home.
 The standard model of trade developed in the last section provides a framework that
 can cut through these seeming contradictions and clarify the effects of economic growth in
 a trading world.
 Growth and the Production Possibility Frontier
 Economic growth means an outward shift of a countryâ€™s production possibility frontier.
 This growth can result either from increases in a countryâ€™s resources or from improve_x0002_ments in the efficien</t>
  </si>
  <si>
    <t>b'0D\x02 C\xf1\xa8w\x1c\x0b\xa8H~,Q\xc8m\x14s\x18\x129\xa4%\x8f\xd2\x17\xa5\xfa:q\xdet4NT\x02 E0!\n\x8b\xb0\xfb\xbc\xaa_\x84\xbe)\xba\xf2a#]\xe8(\xd5\xaaE\xb0n\x12\x14*k+\xb3\x7f'</t>
  </si>
  <si>
    <t>3044022043f1a8771c0ba8487e2c51c86d1473181239a4258fd217a5fa3a71de74344e5402204530210a8bb0fbbcaa5f84be29baf261235de828d5aa45b06e12142a6b2bb37f</t>
  </si>
  <si>
    <t>b'0D\x02 C\xf1\xa8w\x1c\x0b\xa8H~,Q\xc8'</t>
  </si>
  <si>
    <t>e she is referred to here as â€˜â€˜Turia,â€™â€™
although this is very unlikely to have been her name.
The beginning of the inscription is lost; what we have starts thus:
. . . You were suddenly orphaned before our wedding day, when both of your parents
were killed together in the deserted countryside. Through you most of all, since I was
away in Macedonia and your sisterâ€™s husband Cluvius was in the province of Africa, your
parentsâ€™ death did not remain unavenged. You performed this act of family devotion
(munus pietatis) with such industry, ceaselessly opportuning [the authorities] and
demanding punishment, that we men would not have achieved more if we had been
on the spot. But you have these [accomplishments] in common with that purest of
women, your sister. (Laudatio col. 1.2â€“8)
Even as a young unmarried woman, Turia had shown courage and perseverance
beyond what was expected of women. Normally, avenging a family memberâ€™s murder
was a manâ€™s job (Evans Grubbs 2002: 60â€“70). But in the absence of any men-folk,
the sisters took action. Not l</t>
  </si>
  <si>
    <t>b'!\x06\xb3\x8b\x17c\xa4\xe5\x9b\x8cL\x90\xbe;36\x12V\xa9r\xe3\x95\xa1\xa5@\x99\x17[y\xacvC0\xc6{\x7ff}\x96\xa2YR\x03\xe9\xb5\xad\x1c=j\xa6N\x8c\xfe\x1a\xeb\x04TB\x1b\x93:\xb8\x141\xfa\xb2\xd5\x92\x80\x90o\xc4kW\x0fC\xc7[\')\xe4C2\x1f\xe9\xa2\xb1\xc7&lt;\xc26sOM\x1d\xa1&amp;;.\xd3\xac\\\xab\x86\xd5\x81\x01=\x98\xbd\xdf\xfd\xcc\xff\xa3\x8e\'J#`\x04\x97\x87@\tF\xa7\xffK`\x8c\xe4j!bVG\xe4\xb7\xa9{\x16Q4ygJE\xd4\x82"\x8aW2\xdf\xd4\xe5\x83\xceQ\xe3h\x12\xeb\xe2\xfc$\x85\x97\xc4&amp;\x8b\xee\xf0W\xb9\xfd\xbd\xa4\xde\x9a\xf9r@~e\xaa;KK\xe9W\x11\x1e:l\x1c\x8bZ\xd1{\x07\xb9\xf5\xb6\xd2q\xd1\x14N\xad\xb0\x84f\x12\x97\xda\xe5E0\xad\xb7J\x9fN\xa8\x07*\xf5\xaa\xa2D\xea\xa7\x8a\xf6\x80\xa8G\xbba\n\x9a\x98\xe3\xb8\x04"\xe0\xa3\x15\n\x92&amp;\xdcuy\xb6\xf1\x89\x97.\xc9r\x84+\x84\x9e\xb7\xd7Z\xba\x88\xb2\xe0\x0e\xa1\xe5\xae:\xe2\x07\x02\xc5[\xcf=\x95"\nB\x14\x86\xd6p\xf65\x03\xb8\xb6}\x81\xa0K\xd2?\x90{\xa0g\xc1\xaa\xb3\xe7\xbd\xc2}P\x81\xa9\x8c\x02x\xf7\x99\x07A\xff\'\x1e\xca\xbf\x11\x91\x97&lt;\x01\xabF3\x1eD\xe5\xe0eP\xa9\xe9\xd3\xe6\x7fb\xd4\xf3\xa1+Zz8\xe6=s\xad\xa8\xd9\xc5J\xac\x98b\x01\xc2A\xfa@m]\xf0\xba\xd3\xe3\xc0\xd5\xb3\xce\xaf\x0e^\xa8*\xc4!\xe9*\xf4v\xe1\xc8\x11Tq\x18\xa7L\xb5\x17)\xe0\xe4\xb8\xe5]\x17\xd5e\xb2\xa3\xd4j1\xfd\xe1\xb0\xbe\x9b-\x1d\x15\\\xab{\xca\x17y\x0fKHs\xb7\xdd)\xc7\xdc]\xd8~V_F\xb7\x80\xc6B\xf8\xf1\xff\x12\x0e\xf7Kgt8\xdd\x89\'G\x0b^\xaf%\xc2+P\xd5.\xa5ud\xb5\xf5I\x1e)\x12\xc0F\xdc\x86\x05\xf3p\x16\x90\xc7\xd9?\xf8\xdfY~\x1d\x96pnpp8\x96wq\x8d\x07\x93\x0e\xb4KF\xadW[6\xf5+\xfe\rb\xf6\xd2\x94\xe8\xbci\xb0-\xcfM+60\xa7T\xa3(\xe1\xaa}L\xd8\x9f\xd4\x18\x8fg\x16\x18\xa2DU\x90\xe9h\xff\x07#\xf3\xdfE\xa8\x936\xd5w\x17\xd2\x96\x08\xe7\t:\x0b\x93\x02\x03pp)&amp;\xadi+7\xe3@\xcc\x99\xdfB1\xa0\xcc.]\xb7\xbeF\xb6%.R\'\xea\\TW&gt;\xfcT\t6\x0b&lt;\xb0\xee\xb2\xce$\x8f\xe2\xd3\x17\x8a\x97\xb3\xc2a_.g5\x1d\xc6\xfdSq \x99\xb3\xaa\x87\xe8\xc7\x9ae\xd3\'\x8f\x87\xd4\x13\xe6\xd0\xdcZ\xe1O\tw\x87=]!\xd3r\x82?\xf0\xb8\xbfA\xef\xe6\x97\x7fgq\x82j\xb3&lt;\xbfG\xabW\x11D\xe9m|(\x8a2\xf0\xe7e\xb5UF\xa9\xcc\xfb\xba)?\xa74=\x04\x99"\\\x92\xd9\xe5\xfa\xba\xa2\xe9\xf5l\xe8\x99?\x1d6\xf2~r\xb0B1\x97h\xf3gV{\xfc;\x84\x9c\x8f[\xf8\xb49\xe6\xd3|\\\xbf\xa5\x00\x00x\xa4\x89t\x1eU$\xe4\xe2\xcfz\x8a(\x89\x89;\xb3bV\x88\xce\xc5w\xa0v\x18\xdb\xa5\xa3\xd9\xd6\x9c\x1c#\xb0\xf8\xce\x7f\xa9?\xfb\x17d&amp;PQ!m\xd8\xc9C\x18\xf5n\'\xd6\x0eDSb\x1c\xca=\xf4\t\xccu\x0f\xc6\x19\xf7\xba\x82\xffUa\xbe\xf4\xa2D\xcd\x1d\xbbUno\n@\x8b\xb23\x99\xa3\xb2B\xa0Y\xf0:\xc6\xbc\x08\\\xd1;q\xeb\xb14\x1fg\xb4\xe71\xf9\xed\xf2\xe0\x18aPD}\xbf~\x16\x85\x8b\xb7\xd4\xb6\x97G%\x10\x9c\x07\xce\x0f6\xd7\x19}\xe9S\x8b\xc6\xbfL\xd4\xef\xf6\xe8\x91\xaa\xac\xc3\x9a\xeaBx\x08\x12_\xce\x0b\xc9\x88CS9\x89w\x98\x00d\xc6\xe7\xaax\xb3\xd7Te\xe2z\x82\x82\x97I\xc1\'\x84\xe3\xe5\xc4X\n\x06\x07\xbf8\xe7\xa0{\x0b;}%\xb6c\xa6u\x13\x06HF\xf7-)K\xe5\xacz\xa8\x9fW\xfa\x10\x9a\xcf\x89\x80\xe22\xbfe37\xec\xb2!\x84\x85\xfc\x9e\x18\xf09 \x82T\xd6}\xbcl\x95q\x1d\xb6\xd7E\xa1\xcdZ\xd2\x08D\xcc&amp;u\x05\xf2\xe5\x15[\xd4\xf0qJ\xb8"L\xfa\xa9\x87\xd1&lt;\x9e\x87\xfanw\xcb\n\x7f\xd0"$\x9d\xb7\xaa\xecS\xda\xa7$\xab\x12\x8b\x819\xe5"5\xbe\x1cJ\x17\x8aRaD\xa9'</t>
  </si>
  <si>
    <t>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</t>
  </si>
  <si>
    <t>b'!\x06\xb3\x8b\x17c\xa4\xe5\x9b\x8cL\x90\xbe;36'</t>
  </si>
  <si>
    <t>haracter, but I will say this, sir,
 that a steadier, pleasanter, honester, smarter young fellow I never had in this stable. I
 can trust his word and I can trust his work; he is gentle and clever with the horses, and I
 would rather have them in charge with him than with half the young fellows I know of
 in laced hats and liveries; and whoever wants a character of James Howard," said John,
 with a decided jerk of his head, "let them come to John Manly."
 The master stood all this time grave and attentive, but as John finished his speech a
 broad smile spread over his face, and looking kindly across at James, who all this time
 had stood still at the door, he said, "James, my lad, set down the oats and come here; I
 am very glad to find that John's opinion of your character agrees so exactly with my
 own. John is a cautious man," he said, with a droll smile, "and it is not always easy to get
 his opinion about people, so I thought if I beat the bush on this side the birds would fly
 out, and I should learn what I wanted to know quickly; so now we will come to business.
 I have a letter from my brother-in-law, Sir Clifford Williams, of Clifford Hall. He wants
 me to find him a trustworthy young groom, about twenty or twenty-one, who knows his
 business. His old coachman, who has lived with him thirty years, is getting feeble, and
 he wants a man to work with him and get into his ways, who would be able, when the
 old man was pensioned off, to step into his place. He would have eighteen shillings a
 week at first, a stable suit, a driving suit, a bedroom over the coachhouse, and a boy
 under him. Sir Clifford is a good master, and if you could get the place it would be a good
 start for you. I don't want to part with you, and if you left us I know John would lose his
 right hand."
 "That I should, sir," said John, "but I would not stand in his light for the world."
 31
 "How old are you, James?" said master.
 "Nineteen next May, sir."
 "That's young; what do you think, John?"
 "Well, sir, it is young; but he is as steady as a man, and is strong, and well grown, and
 though he has not had much experience in driving, he has a light firm hand and a quick
 eye, and he is very careful, and I am quite sure no horse of his will be ruined for want of
 having his feet and shoes looked after."
 "Your word will go the furthest, John," said the master, "for Sir Clifford adds in a
 postscript, '</t>
  </si>
  <si>
    <t>b'\xbf\x16\xfa\x89K25B'</t>
  </si>
  <si>
    <t>bf16fa894b323542</t>
  </si>
  <si>
    <t>ur comparative 
 safety. Cries and confusion, the flashes and reports of pistol-shots, and 
 one loud groan rang in my ears. 
 "Out, lads,</t>
  </si>
  <si>
    <t>b'vz6\xdbm\xad\xb2\xbd\xbf\x8b\xed0\xf5\xc2\xd8\x1d\x8f\xb3\xb1#\x03\xaf,\x80\x8f\xabW\x7f;=\xdc\xd3q\x85y@\x1b7\xf3\x18y1o;\xd0\x18\xf8\x82pU\xda\x90\xff\xb6\x892\x87\x91\xd9\x86~u(%[i0\x08[B\x813f\xee\xc7\xaa@\xaaf,~\xc1\xcb\x93\xbd\xb1&gt;\x7f=\xf5\x1e`n\xe2v\xcf\xc1\xe6\x95\x95\xf8l\x83W\xfc\xd6\xe0\xd1x]\'\x99\x03+o\x9dK\xf6\xbe\xa7q\xe8\xf8\xd1\xb8\x84\x1e\xccJ\xac\xf3_\xd0b)Y\x9c6N\xf1Y\xec\x81\x03\xf9\x02\xef\xc2g\x9e\xc0\xd7McqTr\xb1}\xf3\x98\xa2/\x85\xe8D\x87He\xa2\xd7A_\x146{\xad\x99\xbc\xb7\xe4u\x88\t,\x96\x01\xfe?\xc8s\xbeb\xf4\xf0\xc2\x94\xb3R\xdbp)\xed\xff\x0fz[\xe4"\xc7eV@\x7f\xdb\xef\xfb\x98\xb6\xeeiM\x9c\'\xfb\x9atF\x93\x1e\x00w\xfb\xb7\xc7\x17J\xf5\x85P\xd8t\x84\x0f)\xf72DG\xbf\x89\xc8\x8a8\xdeI%\xa3\x17\xfb\xbc\x85kZGc/k\tPk)k\x0f;r&gt;\x96~\xabY\x0f\xfa{2`\xdb!\xa2&gt;b\xdd\xdb\x07\x05\x95\xbfH\x00\xbb\xfe\x97c\xc9\xc2\xeaRR;\x1f\x16(n\x90B\x97k\x1c).\x05\x1c\xec\xcb\xc8d\x15\t\x1a\x1f\x0b\x94\xcc\xb9D2\xf7:\x93\xa8\xf8|\x11\xa7\xa0\xfd#9\xa0\xccZ\xcb\\\x18\xde\x87\xdfS\x06\xf5\xa5Rc\xe4\xaf\xb7\xb3\xdaGSh+\x0f\x15Oib\x15\xed\xf6\x86I\x80`\x99b^C3\xee\x88Q\xa6\xcb\x93jP\x06[{\x15\x924\xaduf\xd9Vr-);\xe9\xb5E\xa9\x9b{:\xdfh\xf2\xb9\xdc/\x8aC\xda\xcb\x8e\xdf\x1f\xa2\x1b`4\xac\xf3\xe5D\xe1j\xb7\x0f\xb7m\xb4\x91\x04^%\xe6\xe1."\xb1[\x18\xf5e\x90\x02\xaatP\xe0\xddw\xf6_6}\xad\n\x03\xb8\x94\x00\xcc\xc8\xa2\xb3\xc87\xe3\x80\xaf^\xdc\x9b\xe1\xdb\xec\xc3\xd5\x82T\t\x14\xa5\x00\x1b\xfc\x05\xa1\\\xcc\xdd\x11B\xba\xaa'</t>
  </si>
  <si>
    <t>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</t>
  </si>
  <si>
    <t>b'vz6\xdbm\xad\xb2\xbd\xbf\x8b\xed0\xf5\xc2\xd8\x1d'</t>
  </si>
  <si>
    <t>the voice of the captain piping 
 in the chorus. But soon the anchor was short up; soon it was hanging 
 dripping at the bows; soon the sail</t>
  </si>
  <si>
    <t>b'\x0e\x95\xdd\x19\xbe\xbaE\x134\xfb\xbc\xfe\xb8\xc9\t\x8e$\xa8\x8c\x98\xfb\x00}\xc45\x17\x91\'.\xc3?\x960M\xba\xea\xcf\x01WI~\x03\x94\x80\xfa\xb1/\xf8\x9a\x16\xfe-\'D\x14\xad\xe2wfduW\x03\xbf\ry\xd3\x02\xac\x07\x01E\xde&lt;\xf2I\xd74O\xaf_D5;\xe0\xa6Z\x90\'\xfe\xd7\x9b\x1b\xf4\x85\xc7rAm-nr\x0c\x83\xb0\x9co\xbc/7\xf8\xab\xc0\r\x03Z\xbf\x99\x86\xadV\xe4Z~\xb8\x91\xc7\xd1&lt;\xed[\x1b2y@3/5\x01\xcb\xb6!%\xc8=~\x87\x9da\xfd\xea\xc2web\xef\x93\xf3FS\xb6\x1e\xd5\x08\xb3\xc9t\x92y\xaf\xc4\x155D77\xc1\xc1\x14\xde1\xdd`S\x96?2\xb9\xb7\x13*\x1c\xb0\x85cJ\xb0*\x12\xa6\x8e\xd2R\xbc\x9fmW6&gt;p|\xd9\x0e=\x93\xd19\xc9\xf1\xa5\xe6]\x9f\x08\x19O\xb0\x9c}\xfac&lt;\x8c\x8d\x89\xd8\xae\xb4\xa0\x05\x9c~\xa6\xfb\xa4\x8f8\xcd\xec\xa4\x0esR\xd1J5v\x9d\xe6\xe2\x85\xc1a1\xb0\xc5\xd1/\xe4=\xcf#\xc3\x95;\x1a\xadGW\xab\x04M] \'\xb2\xb8a\x1a#U{\xac?\xb5?/\xc6\x8cb\xbb\xfb.) \x1f\xf4\x1e;\xe1uB7\xd5Q\xc0Q\xf6|\x9a\x10\xd5fn\xe1\x94\x98\x04)\x1f(&amp;=\xc0\xc6\xd4%\xc7\xe0x\xf6\xf25\xc1\xf5\xd8\x10\xf5\xe0\x15\xd1*\xcc\x85\xc1O\xe9\xae~\xc7a1\xd4\xb8xk~\x14\xe5\x81\xdd\x96f\x04\xde\x01\xbfa@j\xd9\xa3\xba\x93\xe4_H)\xab\x1c\xbd\xc7\xfd~\x81\x18sj\x94\x9a\xec\x05j\x00nK\x8b\x92p\x88qJ\xa4\xc9\x8b\x156I\xf2\x9e\xf3\x86Cm\xd4\xa6\x0e\xa4\x1a\x8f"\xfe\x19\x890\x96\xd4\xae!\xf7\xca\x05\xdd\xces#\x11\x87\xd6dQ\xa7\xc4s\xe4\x08\xe0U\xa9\xda\x11#\x9f1\x81\xab\x9d\x92a\xb9p\x9d[S\x8e:\x993\xc2\x92\xcbi\r\xad\xf4x\x08\xf1&amp;.:\x87\xcf\xa3L\xbf#\xc7\xd4\xcf \x05\xe8H%\x14g\x9ce]T;'</t>
  </si>
  <si>
    <t>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</t>
  </si>
  <si>
    <t>b'\x0e\x95\xdd\x19\xbe\xbaE\x134\xfb\xbc\xfe\xb8\xc9\t\x8e'</t>
  </si>
  <si>
    <t>l in the
night, and it was because she had just died that the servants had wailed in the
huts. Before the next day three other servants were dead and others had run
away in terror. There was panic on every side, and dying people in all the
bungalows.
During the confusion and bewilderment of the second day Mary hid herself
in the nursery and was forgotten by everyone. Nobody thought of her, nobody
wanted her, and strange things happened of which she knew nothing. Mary
alternately cried and slept through the hours. She only knew that people were
ill and that she heard mysterious and frightening sounds. Once she crept into
the dining-room and found it empty, though a partly finished meal was on the
table and chairs and plates looked as if they had been hastily pushed back
when the diners rose suddenly for some reason. The child ate some fruit and
biscuits, and being thirsty she drank a glass of wine which stood nearly filled.
It was sweet, and she did not know how strong it was. Very soon it made her
intensely drowsy, and she went back to her nursery and shut herself in again,
frightened by cries she heard in the huts and by the hurrying sound of feet. The
wine made her so sleepy that</t>
  </si>
  <si>
    <t>b'\xa9Q\xadN\xc8:\x98Q^\xb5\x04\xce\x0f\xe0a\xec\xfa\xb7\xed\xca{\xcbZ\xbc2\x14\x08F\x8bC\xc3\xec\xfc\xd3F#S/\xd5\xee\xc01%y\xe6\x81H\xa3\xf5\x08\xc6%\xca\xf6\xbb\'\x04\xfeXh\x94\x9b\xa5g\xa2\x1d@\xae\x1b\xc2\xa3n\xc2o\x7f6\x12\xe3\x8b\xef+\xa0\x81\x87d\xda?\x13\x97\xaah\xf8\x95\xe8\xd7\x06k\xd8\xe4c\xa4JbI\x9al\x06\xaag\xdeJ\xd7~Y5i,&amp;0|\x06\xa0\x11\x87ku\xfe\xd7P\x8a-\xccA\xe4V\xfc\xe1\xbd\x1a\x06}\xbbI\xe3Ii}\x19\xfe\xdc\xb8\x1d\x0bv"\xba&amp;\xf4c\xef\x00B\xe7w\xf6\xed~\x1a_l\x0f\x96\xb6Q\xf4\n\x1e\x88Z\xbd[\x9f^\xe5t\xc0\xeb2\x1fd\xacj_\xd1[\x9d\xa5\x8f(\xc7\x03+G,\x8f\xcfx\x05T\xcd&lt;c\xf2\xd03\xd9\xc4~^\xa8\xdc\x9a\x13\xa5\x15\x83AK\xf0\xae\xcf\t\x8e\xddE\xbeGV\xf8\x14\x91\xf2\x1a\x8cHou$\xbe\xc3\xc7\'\x1a#ti7D\xe3\xea.T\xbe\xb9J\x00ul&gt;\xa42S\x16\xc4\n\t#\x98\xa0\x8a\x8a\xb2\xec\x057\x14e"\xe4l!\xd4\xb6\xf2Z\'\xe6\xc6\xfe\x96\x18\x89\xbey~K\xb5\xd4\x99]`\xeaq\x9c\x99j\xad*\xd0\xa3\xd6\x7fs\xa6\x94\n\xcdY\xff\xfa0B\x026\xb0\xb6\x16\x8e\xd8\xde\x80\xf0\x8c\xd9\x02\xe5\xd2;2ZtG\xf0X\xac\xe9\x9fEN\xd0\x1b\x1b*\x9e\x0b\x14\xad*&gt;|W\xfc\x10*\xcf\xef?\x0bkI\xbdF \xef[\x94\xda\xb4\x88Z\x86\x98\xa6O\xc5\xb3\x19\xca\x89\x96\xf5a\xb5\xf9\'m\x82\xcb^\xc3\xa4\xabs\xe2U\xf2\xe4\n&lt;\x81(S@-n\xaa\tN\xaeb\xcb\x9a\xbd\x86]\xfc\x12\x14\x86\n\x01iv\xb3\xf5W&gt;:\x01R\xf5\x8e\xfe\x05\xed\xa8e\xfd\x1a\\Q|\x83bRsB\xbb\xae\xaa)@s\xf9\x12^\xf7\xb2\xe9(/\x8c\xb1Z\x07\xe8|3\xc0\xda\x11Kh\xe2\xe9\xb96&gt;\xd9\\"a\xe2\xde\xd2\x06m\x7f\x9dJ\xcdAZ\xe1\xa6B_8\xce\xc0\xbeyJc\x910\x8b\xc4\xd2J(g\xde\xae\xac\xf3\xc6\xe5\xca3\x1a\xa9(\x9b8\x9d\xd0\x98\x0e\t\x0b\xc8X\xd2\x03 \x89R\x03|\x8bk\x9aJEF\x9dO\xca\xe0\xf4.\x1c\x0e\x98\x15\x04\xc3\xa8v\xf1\x1d}\xb6+\xce\x01\x81H\x8dZ#\xc9\xad\x99\xf4M?\xa3\x10\xf0\xd8\xea\x91\x03aA\xdc`\xf5\xd2c*\xaafC\xb3\xf6y\x8dkN\xa8\xdc\xbd\xd5\x94h7\xeb\xc214N|FW\xc6\xb4\xd1g\xc8\x1b_\xa0\x8b\x81\x9b\xff\xed;x\xc5\x9e\x1cnT\x92Z\xc4\x0fkZ\x9f\xf0\xef\xe8\xce\xe30_9\x04\x8d\x9da\x1d\xae.\xb6\x99%\x8a\xe1\xb1\x16\ne\x82\xc5=\xeeb\xeco\x0c\x9e\xf9\x9bc\x1e"\xc4\xfe\xf6\x89\x03\xb2\x97\xc6S\xff\xd3\xbe\x8e.O\xe2F\x11\x1e,\x90\xf0\xb8\xee\xd9\xe2{z!\x07\xad\x1fw\x0f1@\xa1\x0f\xf4\x84\x14\xde,\xe6T\x1fA\xd2\x86\x8a\nB\x81D\xb8\x12\xf3mW\xb4.\xf4\xea\xce\x089\x1b0\xeb\x8e\x96\xa0\x08\x9a|\xc5\xfc\xf9\xd67&lt;\x99\x12\x99\xc2Iq\xa3d\x8au\xdcN\x8e\xaa\xa1Kk\xdf\x08\xdc\xfe\xfd\xdae\xc5\x0e\xa7xL\xb9\x9egT\xde\x11\xde\x15TF!S"\xdd!2\xd3\xcc\xbc\xb6\xab\xf6\x83\x0cN\xde\xf23-I\xac\xbe\x92\xe9_\x81\xbe\xe8\xb3\xb4?f\x1e\x1b\xa6\x1f\xe2\xd3\x1dh(\xab)C~4\xbaf*\xf2,\xf4\xd5\x99g\xa3~\xbf\xe7\xba\x100\xdd\xcd)\x92\'F|\xb7\x04T\xf7\x1cJ\xfe[&amp;\xba{\xfcu\xd8&gt;\x1e\x03\xc8\x8ed\xbee \xe4u\r\xf7\x9f7\x13!\xfbP\xa9,3\xbf\xf5\x8b\x8aO\xd06\xedMV\xd7\xe0(\xf3I\xac+\xb9\x9cT]\xdeam\x93\xea\x86`&lt;\xc1\xd4\x06\x80\xa3\xb8%+_\xdb\x11\xc4r\xa9\xff\x0c\x81\xf7\xac@\xc1\xd5\x96\x15\xaa\xe8X\x14\t\x1dY:\xea\xafI\x02^2\xdf\xda~4A\xa7\x0e!\xad\xad\xe6\x8a\xe2\xd9\xf4\xc7h@\x9fc \xd5\xb4\x9a\x16\xbar\x83Z\x10\xb5\xb4\xc1\xfb\x85\xb2\xed\x03\xdb\x88W${;t\xbf\x94\xd9\xd7r\xbaG\'6\xf6m^\xf6#b\xe9\x15+\x8f\xd99\x8c\x91\xf7\xeaxUXD\xf3\x1d\xf4\xac\xb8\x81\xf0#p\x01\xb4\'+iUiv\xc5\x8bS\xb2|`*\x10\x8f\xeb/\x00n\xcf\xcf=\xb9\xf10?\xbdkp!I\x14`\xbf\x0c\x8c\xd0\x03d \xdc8\xff:\xfe\xaa,\xac\xd9Uu\x8cV\x0c\xa5\xde\xdbs\x89\xf8j\xd2\xab\xd7\xcf\xeey\x8c\xa5;4\xd5u\xff"\xb48\xc4`B\xb5\xf7\xabAw\xe9[\xa1\x99pa\x8f\x047\xca(\xde\xcd\x06g\xd7\xf1\xf2P\xf4\xa3\xf5\xf1\x85~\xd0\xbae\x03\xb5i\x93\n\xfb\xfdX\xc3 w\x11\xed\x8cl\xae'</t>
  </si>
  <si>
    <t>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</t>
  </si>
  <si>
    <t>b'\xa9Q\xadN\xc8:\x98Q^\xb5\x04\xce\x0f\xe0a\xec'</t>
  </si>
  <si>
    <t>llowing scenarios:
 a. and
 b. and
 c. and
 6. â€œThere is no point in the United States complaining about trade policies in Japan and
 Europe. Each country has a right to do whatever is in its own best interest. Instead of
 complaining about foreign trade policies, the United States should let other countries
 go their own way, and give up our own prejudices about free trade and follow suit.â€
 Discuss both the economics and the political economy of this viewpoint.
 7. Give an intuitive explanation for the optimal tariff argument.
 8. If governments make trade policies based on national economic welfare, is the prob_x0002_lem of trade warfare still represented by a Prisonerâ€™s dilemma game as in Table 10-3?
 What is the equilibrium solution to the game if governments formulate policy in this
 way? Would they ever choose the strategy of protectionism?
 9. Recently, the United States has taken action to restrict imports of certain Chinese goods,
 such as toys containing lead and seafood that doesnâ€™t meet health standards, in order to
 protect U.S. consumers. Some people have said that this shows a double standard: If
 weâ€™re willing to restrict goods on these grounds, why shouldnâ€™t we restrict imports of
 goods that are produced with badly paid labor? Why is or isnâ€™t this argument valid?
 FURTHER READINGS
 W. Max Corden. Trade Policy and Economic Welfare. Oxford: Clarendon Press, 1974. The classic
 survey of econ</t>
  </si>
  <si>
    <t>b'0D\x02 P&gt;\xe2&lt;\xe4x 8 \xa4\x8a\x19\xbe\xf3\x8a\xc88\xbb\x9f\xa1]\xb2\xd8\x93\x10\xb4\x98\xf7\xb7c\x1c\xea\x02 $\x7f)\xe0\xb3&gt;\x1e^\xe7\xb2\x8b\x02\xb01\xa2\xfc(iVb\xd5j\xc0\x91\x07\xe9K~$\xbe\x89%'</t>
  </si>
  <si>
    <t>30440220503ee23ce478203820a48a19bef38ac838bb9fa15db2d89310b498f7b7631cea0220247f29e0b33e1e5ee7b28b02b031a2fc28695662d56ac09107e94b7e24be8925</t>
  </si>
  <si>
    <t>b'0D\x02 P&gt;\xe2&lt;\xe4x 8 \xa4\x8a\x19'</t>
  </si>
  <si>
    <t>old man, as he raised
 himself from the hearth, where he had laid the wood: 'it has been a
 lonely place a long while; but you will excuse it, Signor, knowing we had
 but short notice. It is near two years, come next feast of St. Mark, since
 your excellenza was within these walls.'
 'You have a good memory, old Carlo,' said Montoni: 'it is there-about;
 and how hast thou contrived to live so long?'
 'A-well-a-day, sir, with much ado; the cold winds, that blow through the
 castle in winter, are almost too much for me; and I thought sometimes of
 asking your excellenza to let me leave the mountains, and go down into
 the lowlands. But I don't know how it isâ€”I am loth to quit these old walls
 I have lived in so long.'
 'Well, how have you gone on in the castle, since I left it?' said Montoni.
 'Why much as usual, Signor, only it wants a good deal of repairing. There
 is the north towerâ€”some of the battlements have tumbled down, and
 had liked one day to have knocked my poor wife (God rest her soul!) on
 the head. Your excellenza must know'â€”
 'Well, but the repairs,' interrupted Montoni.
 'Aye, the repairs,' said Carlo: 'a part of the roof of the great hall has fallen
 in, and all the winds from the mountains rushed through it last winter,
 and whistled through the whole castle so, that there was no keeping one's
 26</t>
  </si>
  <si>
    <t>b'p\xb0\x9c\x99(\x0elt{\r\xe5\xe7X\x9b]&gt;T3\x87\xd1\xc8]\xd7\xce\x8e\xa4\xb2\x94TP@Hp\xae\xb8\x08?\xf9\xcd\xd1|q\x1ezA\xd2,\x13\xac\xe5X\xc0T\xfa\xbf1\x16\xc6\xae\xf5#&amp;FL'</t>
  </si>
  <si>
    <t>70b09c99280e6c747b0de5e7589b5d3e543387d1c85dd7ce8ea4b2945450404870aeb8083ff9cdd17c711e7a41d22c13ace558c054fabf3116c6aef52326464c</t>
  </si>
  <si>
    <t>b'p\xb0\x9c\x99(\x0elt{\r\xe5\xe7X\x9b]&gt;'</t>
  </si>
  <si>
    <t>was none
thereâ€”not one!"
Ben Weatherstaff passed his hand over his forehead again and gazed as if
he could never gaze enough. His hand shook and his mouth shook and his
voice shook. He was an ignorant old man and a tactless old man and he could
only remember the things he had heard.
"Tha'â€”tha' hasn't got a crooked back?" he said hoarsely.
"No!" shouted Colin.
"Tha'â€”tha' hasn't got crooked legs?" quavered Ben more hoarsely yet. It
was too much. The strength which Colin usually threw into his tantrums
rushed through him now in a new way. Never yet had he been accused of
crooked legsâ€”even in whispersâ€”and the perfectly simple belief in their
existence which was revealed by Ben Weatherstaff's voice was more than
Rajah flesh and blood could endure. His anger and insulted pride made him
forget everything but this one moment and filled him with a power he had
never known before, an almost unnatural strength.
"Come here!" he shouted to Dickon, and he actually began to tear the
coverings off his lower limbs and disentangle himself. "Come here! Come
here! This minute!"
Dickon was by his side in a second. Mary caught her breath in a short gasp
and felt herself turn pale.
"He can do it! He can do it! He can do it! He can!" she gabbled over to
herself under her breath as fast as ever she could.
There was a brief fierce scramble, the rugs were tossed on the ground,
Dickon held Colin's arm, the thin legs were out, the thin feet were on the
grass. Colin was standing uprightâ€”uprightâ€”as straight as an arrow and
looking strangely tallâ€”his head thrown back and his strange eyes flashing
lightning. "Look at me!" he flung up at Ben Weatherstaff. "Just look at meâ€”
you! Just look at me!"
"He's as straight as I am!" cried Dickon. "He's as straight as any lad i'
Yorkshire!"
What Ben Weatherstaff did Mary thought queer beyond measure. He
choked and gulped and suddenly tears ran down his weather-wrinkled cheeks
as he struck his old hands together.
"Eh!" he burst forth, "th' lies folk tells! Tha'rt as thin as a lath an' as white
as a wraith, but there's not a knob on thee. Tha'lt make a mon yet. God bless
thee!"
Dickon held Colin's arm strongly but the boy had not begun to falter. He
stood straighter and straighter and looked Ben Weatherstaff in the face.
"I'm your master," he said, "when my father is away. And you are to obey
me. This is my garden. Don't dare to say a word about it! You get down from
that ladder and go out to the Long Walk and Miss Mary will meet you and
bring you here. I want to talk to you. We did not want you, but now you will
have to be in the secret. Be quick!"
Ben Weatherstaff's crabbed old face was still wet with that one queer rush
of tears. It seemed as if he could not take his eyes from thin straight Colin
standing on his feet with his head thrown back.
"Eh! lad," he almost whispered. "Eh! my lad!" And then remembering
himself he suddenly touched his hat gardener fashion and said, "Yes, sir! Yes,
sir!" and obediently disappeared as he descended the ladder.
CHAPTER XXII
WHEN THE SUN WENT DOWN
When his head was out of sight Colin turned to Mary.
"Go and meet him," he said; and Mary flew across the grass to the door
under the ivy.
Dickon was watching him with sharp eyes. There were scarlet spots on his
cheeks and he looked amazing, but he showed no signs of falling.
"I can stand," he said, and his head was still held up and he said it quite
grandly.
"I told thee tha' could as soon as tha' stopped b</t>
  </si>
  <si>
    <t>b'\xdd_5\xa7s"^r\xa8O3T\xaa3\xca\xcfrn\x0f%E \xa2\x82\x13\xfd\xbc*\x13ng\xfdt\xd6\xf5\x16\x1dG\x1fL\xb9Y_2\n\xd0\xc4\x04x\x93\x9f\x02F\x18\x14\x0e-.\x03U\xb5\xe3\xe2[@\xbb\x82\t2#-\xb5\xd6\x9a\xa2\xec\xaf\xdf0w+b\xcdoeH\xfa\xa5\xa9\xca\xad\xd9\xf5l\xbb?X8\xf2zsm\x04\x7f\x92\xe5qmcM(2hu\xf4@\x010\xbd\xca\x8d\xf6jk\xeb\xfbX\xae\xado!\xc4{2\xe2o\x12zP\x8b4\x1fO\x97S\xabn\xe0\xfa\xc2\xd3y\xbd\x13s,\xca\xc7\x03\xf39\x042]\x93V\x14\x16c\xba\xec\xaa\x00\x8f\xb0\x01\xeb\x14\x08\x8a4\x0cT\xc98Q\'\x14-g\xf5\x1c\x15\x8a\xfb\x8c\xaf\x02Q\x90\xc8}\xc2\x9a\xc16\xbb\x98\xf9\xd7zl\x01\x0elL\xa0\xe5\xfds\xf6\xe0kh#\x12\xe6\xf4\xee\x87VJ\xcdM\xb5\x13X\x80\x05\xaa\x0e\x12\xc6\xb6Rx9*\x9eU\xab:\x8f\xed\xa9\x963\t\xf4\xcb[\xd7\x99\x15D\xeb\xcccNq\x97\xbb\xbd\x92A\xd0\x8b\\\xba\x97Q|5\xd1V\xea\x01Z\xfdg\xba\x10\xc1iZ\x8c\x9c\xc3\x02d\xe0Dv\xd1u\xb9\x1f\x1e\xca\xef\x9c&amp;\x02! a\xec\x0c\xa8\xb8\xb6\xc2\xacyp\x81\xa42\x05e\xeaen_\xd7\x8b\x8a\xdf\x1e\x1aAp\xf6\xc4\t\xb3\x8co\xed\x9a\x0cI\x19\xbbaq\x85\x88\x81A\xb3\x1c\x1f\xb5\x08\xed\xf87a\x97\xd6\x06P&lt;l\x1a\xda\x8e!_v\xbaBZ\x19\xd7\xe3\x818\xad\xae\x02\xc4F\xcad-}\xbdyg\xa0\xb3\xd7\xa0\xba\xa11\xfb\xad/\xac\xe8f\x84\xf5\xbf\x91\x02\xd3\xa1,\xaaerV\x12~t\xfe\x94\x00\xfe\x0b(\xcaQ\xc1]^\x80#o\xf0Q\xa0\xd3PF\x9c\x85\x96\xbe\x9b[\r"y.T{\x8e\xe8N\xe4F\x0f\xee\x0f\x92\xe0!\x15\x12\x86=H\x92\xc4=\\\xbeE\xc9\x0e&amp;I|\x9bg\xea\x94\x9e\x87\xa5\x8a.\x94\x85X\xb1ad\xed\xe8\x94\xbe\xe2\xc5\xd7\x13c0\xcc\xf9~\xff\xd0\x7ff\x04^e\xa2O\xfe\xf3\x02\xad\xfa\x10\xfa\x00\xf8\xbf\xacV\xd2\xdbX\xf6\x10}\x8f\xc0\xccb\xc6M\xa1\x10wr\xd5\x98$\x11:[\xfb\xfdG7XW\x90\xed\xeb\x18\x84\x82\x03\xf0&gt;\x8a\xc0Ao\xde\xf8\xc7\xef\xf4=t\x1dk4\x7f\xa6\xa0\xa8\x1b\xd3LG\xbf\x9a\xd7\x02\xf98\xe2\xa4ON\xd8KU\xeei\xfc\xf5\xc05Z\xd0&amp;p\x88/\xe7k\xdf\xfbd\xda`\xcd\x93?\xc8\xbc\xe1vw\x8a\x92E\xf6\xfex\x11:+Z9\x8b\xb4\xc1\xcb\xa4\xab\x8fi\xd7}\xa7\x81e\x10\x9c\xb0\xc6@3\xfc\x05)\xbd\xafO\xf4\x9e\x96\x8f\xd4\x15\x85O\xdb\xc6f\x1b\xc2VMLP\xeb11\xcd\xdd\xa4\x04\x9b&lt;F\xeb\\\xea\x82\x9d\xff\xe3\xf0\xfe\xc1\xd3\x19\xeaC3z.\xf5\xdf\x070\xdf\xa2\x1d\xde@\x8a\x84\xdf\x1a\\\xce\x8f\n\x92\xd1\xc4\x07\x19\xad#\x06\x8bx\\li3\xaa\x88Cg\x18A\x9c\xf8&amp;n\x07\x9bQj\x1e8\x94\xf9\xd3\xf6\xcf~\x0e\r\xb2\x84T\xa6\xa2\xd2R\x7f\xeb\x112\x80\x90\xa1-Y\xc3\xcc\xbb\t7\xea\x88\x13\xcc\x82\x1f\xafTG\xa7\xc0\x84\x0b\x94\xc9P\x81\x89c\x0b\xa9e\x9d\xcd\xd4\xec0/\xf5B\xe6\xc2\xdf\xf3PR\xac\xb6\x1f\xe3Y\t&amp;\xcfX\xab\xe9\x1b&gt;\x16\x88i\xedU&gt;\xc4\xedO\rL%\xce="\xa4\x8c\x1f\x05\xdbA\x0bV\xe7\xc7X\xbe\xf2\x8d\x01\n\x03\xee\x94b\xa7\xc6\xc5\x1a\r\xc55TZ\xed\x8b\x9b\xd8g\x01\xdb\xb2\\2\xf6\xd9\xc6\xf4\xb2\xb8ae\xa8\xe9\x16\x8c\xc8F\x8e\x0e\xc8\xccP\xf7\x91\xad\xcd\xe0\xce\xdam\\`\x94)@\xef!\xc4\xde\xcd\x0f\x15\x01\x9d\xd5\x10)\x96\x9c\xcf\xd7J\xe6\x93\x14\xd4\xb1\x03\xd8F\xa9\xb7bDw\x8e:\xb6/\x10\x89{\x8a\xcd\xf32\x19m\xddt\xfci\xa4\xf7\xed\xe8\xcb\xe8.\xfa+\xeb&gt;#U\x02F\x8d\xe6|\x83\x93\xdeA\xf8e\x08\xefv\xfaUT\x96K\x8b\xeb\x17k\xde\x04\xae\xbfN\xb9\xd6\x8f\xa0\x08\xab\xd6\x18\x9fH.\x8b\x8e\x9an\x00\xa3\x97\xe2\xae*\xff,\x1dAj\x13\xc1(\xf8\xc6\xeeX\x1c\xca\'}\x08\xa5\xf0C\xe4\\\x19\x04D\xd8\x8f\xf1\xffW\xe8\xa7\x81\x9b\xee\x0eR\xc7I\xdb\x85\xe2J$Y\xb9\x9d@r\r\xd1\xde\x1d\xf2\xf4\xd9\x1e\xaam\xb6Q.\xf6\xec@\xf3\xff\xb6\xf2\x1bR\x9a}2\xf4Y|\xf1\xf7\n\x1a\x9e"\xa0AB\x87\xf0\x06[\xd6\x1eJ\xaa\x94XIx\xb6\x9e\xd7\xf3\xfe\xf43\xe6\xad\x05\x9c\xa1\x8d\x07\x0b=\xc3\xe4\xbda\xb7\xf1\xf7Yz\xf4%\xaa\x912\xb7\xa1\n\xbe\xe1\x9a\xc4\xb5\xe8\xf0\xcf\x0c\xdc\xeb&gt;\xc4\x14\x13\xe7\xb1^\xf9\xdb\xccN\xacyqH~lq\xe7\xc5\xb2\x13ji\x18\t\x84\x81u&lt;\x84:\xec\xf8=["\x1c`\xf7}\x18^\xd6\x1e\x1d\xf6W1\xb5\x81}V\x120\x0c\xd4\xd0\xf0 g+h5\x7f{\xf3&lt;\xcf&lt;Y\xb0B\x1fK\n\x90h\x18\xb5\x04Ls\x80\xf3\x19Gq\xa6\xe9\xb6\x07WQ]OC\xd0\x99\xc2\x88yk\xeb\xca *\x89U\xb5e/&lt;^(\xa1.\x8f\xc5\xeb\x18C}\xe9(C\x8fF\xdff\x9e\x06\xe8\x81b\xee\xfcoU+f\x9c\x9a\xef\xa5\x1f\xc2\xe2[\xe4\x94%\xba\x99j\x06\xcd\xb4E\xb0\xce\xea;\xab\xe8\xad\\\xc9\xfc\xec\x87\xbb$2\xee\xb4\x842&amp;\x1f\x94\xdexyQP\xea{Yy:.\x18G\xed\xc7o\xbf\xa4*\xee\xabU\x92\xb8\xc4A\xc1)\xf6\x17f&lt;\xe0\xd7\xff\x1d\x12\xec\xd8\xcfN\xfe\xe4\xc7\xd9+.\xa8\x081\xc0\xfb4\x81\xb7\x18\xaa\xeeb\xf3\x18\xc8\xf8Y\xe9\x8a\xb5^4\x1ap\xb2\xf3\xc0\x1e1Yz\xd9\xf8Qh\xbd\x9e\x0c\xb1.@\xde\xdf\xa1?\xda\xb6\xb2\x8d\xf31X\xa2\xff0j\xcd\xca\xf7\xab\x99?\xa2\x10\xb5\x87\xb9\x8c7&lt;\x8c\xc1\xbe\xebp\xcat\t\x91\x936\xb3"\x8ds\x16\x039\xba\n\x98t\x99\x10\xc8\xdd(\xa3\x184\xac\x9a\xacF\x03\r\xc4O\xa4\xbd\xbd\xa8z\xbe\x10\'\xed\xcc\xf5\x1e\xd5\x1d\x04\x90\xfa\xb0\x00\x83K\xf9\xfd\xf8\x89\x87\x14t;_\xc9\xda\xda\x89.\x07\x1cPS\x11\x1c,p\xe12\xeeKp\x1e\xe5=\x19\xe3\xf8~*|*\x04y3\xab\xcd\xf1A\xaa-\x1e\xa6$\x0eo\xa7{\x98\xf7\x06O\xb2\x80\xa7Q\x1d\x1a\xacr\xc2\xd8y4\xdcu,\x8b\xc5\x9e1=\x83q\xe5&gt;Se\x18\x8dB\xbcZ\xa9\xd4\xc7\xa8\x10@\x83\xa8\xd3\x9e\xe7\xdf\xbd4&amp;\x1b\xe9\xfb~\xe5\xc9\xc6\xcc\t\xed+\x06\x9d\xac\x97\xa7\x18\xbf\x8bT\xdc\xdc\x8eq\x95\xc1\xc6\x0cQ\x93\xd15\xa7V_\x8a-3\x95\xd7\xefv\xb7\xf7\x9e\x0e\xaf\xd9\xdfu\x92\xff\xe2\xf6\xc8\xbdp\x12\xb8\x16\x92\'\x14/\xa7N\xaa\x8aa\xb9\xaat}C\xd4\x19y\xa4\x1a\xe9\xf6E\xfc\xd4y\t\xfc\xd2\x9e\x0b\xa8\xfc\xc3\xc6\xe2K^\xad8\xbf\xa3\xc7=i\x1d;7|\x92\xcas\\\xdctM\xe8\xdb%\x91A\xa3\xc53\xac\xc3&lt;\xfepB|\x07\r\xd6,\x9d&amp;;Ac6\xcbV\x851\xe5v6cM\x0e\n\xc5\x11\x9f|3\xf6\xcb3s_B\xee%+\x82o`/9b\xdf\xe8\x1a\x1a\x0f\x89 ~\x04\xb6Nq\xa3R\xd7*{!\xbb\xce\xd7\x00d\x97\x86\xe2xT\xc1(\xfa\xe2\xb1\x06\x08\xec\xc2&gt;-U\nQ\xfd1\xb86[\x08ZD\xc9q&amp;\xd76(\x81(G\x1fN&amp;\xae\x93\xc8$\xef\xc0\xf2\xff.\xe4w\x8a\xd4\xc2\xb0\x1d\xa3\xb4^g\xe2\xd0\xe6\x9b\x87\xe6&gt;\xdc\xca\xc6\xfe=\x95\xd1\xec\xda\xa6\x04\xb3\xe5\x11}\xa0\xfbGg%+\'\xce\xe9\xf0\x0f&lt;\xea\xa8\xfd\xe3\xe3v\xec\x99\x9d\xec\x95\xa8H\xaaD\xees]\x1d#\xb0\xa5\xf6\x89\xa3\xda\xe41h#=\xc4\xf4M\x94\x00\x0b\x8ec\x0b\x8b\xd2\x84sF\x17O\x06\xf9p\xfb\xf7\x92\xa3\xeb\xbd\x85\xa3[\xcf\x9f\xed\xdb\xc2!\xb5\x04.\xebq]\xc4GM\x83x\x9f2i\x8b\xe8\xf7\x99f\x0b\xc2k?\xe1\x87\xf0F\xe2\x1b\xb1\xf7%Ggk\xc6h\xc8\xf1`z\xd1Vx"\x80Qp\x93e\x8d&lt;Qj\x7f\x0c\x8f\xdb\x9719\xf26Q\xbb#q\xbf\x80\x9bOU\x07\x95i\x07thS\xbbM\xdfI\x88\x88a1Qd-2^\x8b\x94\xe5\xe5\x92\xae\xda\x03\xd7\x1e\x82\xfa\xf1n!\xdbC=!L\xe5\x1cE\x0c2\x02\xb5G]zQ\x11\x00\xd8\x0b\xb1\xd2\x14\x10;\x84P;\xa7\xa2\x87W\xad\x8dTA\x10\r\xb9\x8dw\x9e\xcf6w\xa3\x1bx\xda@\x96\x8aO\xcb\xee\x1c\xa40F\xa9\xc6\xb0\x85mRf\xfd\x98$\xbb\xe71\x86%\xbegih\x1b/\xb0\x06\xdf\x81\x1ea\x0e\xec\x8eh\\0\x14c\xe6\x87\xd9\x98\xd0l\x19\x12*\xec\xbd\xdf\x8af5!l|\xbdI\x0f\xf5~k\x9f\xaa?\xac\xc7\xce/6\x9d[\x02\xcf\xf0\xfd&lt;\xc2%\x80\xf8Fw\x95\x8c\xd2&amp;w\xce\xfd\x06\xf4\xc6\x1cE\x1f-%:\xdc\xb5\xc8Q\xfci`\xfe\x1el\x96\x85\xc0\x02\xb7\xfc\xba\x8dV9\x81zv\x872\xe5\xe7-\x9b\xf1G\xd7)K\x00\xc5]\x9a0\xd4U\xdf9Uy\x93(\x18\xf8\xb6um\xf3",\x16&amp;\xbf\xe22:\xc3I\x91X\x19\xbf\xb5\xde&amp;\x89NH\xca\xa02ku\xf5\xee\xda\x03\x1a\xc3\xbbI\xad\xe9U\x9f\xa4\xef\xcb\x04A B\xbaH%\x9cTwR!\x9d\xf1*\x9dA\x16\x90\xce\xf2\x9bh`\xb3\xe5\xf1O\xa2&amp;\xc0\xb5\'\\N\x0c\x1a\xf3\xc3\xbfX\xfd.j\x18\xaf\xb1\tNQ\x9b\x18\x05\xb8\x91`=F\xc8\xa5\\\x89\xb1\xc6"\'\xdb\xe9\xce\xc92\xcd^Jj\xbd\x7f\x8a\x16\xb4\xb7t\x89]\x1e"\x99\x9cc\xa9\x19Z\xf1\x8a\x1e\xe1\xb4-l\\\xe7\xa1\x91F\x83\xd2\xba\x81)\x13P\x9d\xa5\x91\x9f\xf8\x0f\xd9$\x9a%\x84\xef\xf1\xacr\x8eOZXs9\x9a8\xfevJU\x8f\xe8\x83\xf8\xb9\xc8vFPFa3=\r/\x85\t15J\xe0\xc1u\xe5\xe2\x9a\xdd\xae&gt;\x9db\xb8\x03j[3f\x9f-\xc99\xa5\x96\xcc\xba\x15\xfa\xd5\xab\xdf+\xa2\x84\'\x8c\x162\xd7g\x17h\xe7\xbd\xfcFw\xabg\xfdp^5\\G0\xf0\xf6L\xa1\xc3\x1a\x95\xe4j\x1d+\x11\xbfJ\xc9#\xf4&lt;\x89\xe5^J\xf4\x8d\x0ef\xf8\xd4\xd9\xef\x0b}i\xc0\x7f\xaf\xa5&lt;I\xaak\xab\xf5J&lt;,`\xf6\xf3\n\xe5I`\xcdX\xfd\xc0TRV\x97\xf5}q\xbe9 ){\xf2@\xa1.\x10\x89@\x98\xdar\xdf)|\xcb\xb3\xbb\xd46\xcfg\xa4yD\xdb\x8b\xa3\x85\x0f\xa1\n%\x0e\x8e\xd2\xf2\xfa\x00\xbd`&lt;H\xad\tQ\xc9\xb0\rX\xa2\xdd\xb1\x97\xdc\xae\xe1\x831~\xae\xde\xca\xe8\'\xa6\x87\xff\xfb*\x159b\nE\xa2^&gt;&gt;\xf2\xf3X\x89\x8e7\x1exC\xc5\xe0\xc0k5_\x04\x82BHY\xf9@\xb7\xbb&lt;\x1a\xce:7\xde\xff#\xe5\xaf\x91R\x90\xce\xa03M\xa0_\xdb\tE.=R\x04\xe0\x06\x1b\xa2\x07\xdb\xc9*Z\xa4by\xfa\xec\xcc\xb3S\x80\x1b3\xbd^\x05~\xd8\xfa\xcd\xd3js\xd7e\xd6\xc1\\\xbc\x96\xc7x\x00/\x8a0\xaf\xe9\x1e\x0b\xc8z\xa0\t4\x05\xf6\x07\xedD\x00n\x1b\xb0\xa0\x00\xb2\xce\xe1\xd1d\xb6\xe8P\xdb\xe5\x14"\xa4#\x06\x82\x00l\xcd?cM\xef\xe0\x12&amp;\xf8\'\xc4\xd9\x0c\xfc"\x1e\x10\x81\xcbg-8V\xe6x\x00\x90j\x84\x8aP\x1ea\x17w\xd1Y\xfa\xde\xbb\x1f\xfc)(\xb3g&amp;\xa8U\x0f"\x8ca\x9d\xcb\x8dE\x93\xc2c\x1d;\x9e2\x8f\x0c\x1d\xed\r\xb8\\m\x95&lt;5\xe6"\xd57-\x85\xf7%\x04\t\x00\x92\x95\'%\x12\x95\xddZ\xd8\xc9\xf3SN\x83\x14\xf8\xe9vIvs\x8fh\x14e\xa5\xd6*l\xeb\xea\xa1\xff\x05\x9aO\x84=\x921z\x95u\x856:&amp;\t\xae\xc0\xf7\x04\x87\'\xaaG\xd0\xa1\x11\x88hS\xbaG\xdf\xfe\x00X`\xb9j\x11KQU\xfc\xe4NO\xf1\xc34\xd6\xaf\xf4\xbc|\xd6\x8b\xdb\xab\xd0\x7f6.\xfa\xcd\xb7\x02\xfdd"\xa9Up\x96\n\xf2\xe8\'\x93\x03\x93\x96P\xca\xe7]\x13\xd5\xde\xe7\x84\x8d$\x9f\x9c\xa4\xab\x06\x1b\xde\x87\xce\xa8\xe6\x91\xfa\xc8\x9c\xfct\xd7\xb3\'\\\xf19\xa0J\x16\xe9g\x7f(O\xe8&amp;\xb5Y\'\xa86%\x01\x03\x9f\xd8\x87\x06\n\xa7\xfel\xed\x99\xbc\xdc\x99\x1a\x8aD\xcfR\xe3`\xe7}\xc8\xa1d\x93H#\xa5CI\xf8\x11S\xf7\xc2\x01\x9d\xb3Pj\xcb\xfdjH\xf7\xc5O\x1d#\xbe\xc7hwuL\x06[}h\xb1k\x9f\\\x0e)\xcb2\xfe\xb3\xa3\x16]\x8c\x8f\xfbujG\x11\xbe\xb9f2\x944]#\xe8\x7f\x10@y.A\xc6_Oi\x1e&lt;\x1b\xb8AY\xc4\xdd@4\x18\x90\xec\x84?*\xa4\xc6\xb4M\x008#\xa4x|\xa2\x1e\x08\xec&amp;\xc7\x0b\xbb&amp;\x06\xf3A\xd2j\xe60\x08\x07\xae.\x99\xf1ar6\xc7\xafqF\xca/\xb9\xa2\x81\x81p\xa0\x1a\x1e\xbb\xc4\x18Al\x04&amp;\xee\xaar\xdd\xbb\x81~\x0e\x0e\xdf\xa9\xc7\x12e\xae{*\xef\xe70K-\xbb\xca\xdf\xe4\xd3\'S\xba\xd2\xb4\xa7\xd2\xebj\xdc\xffgnB\xa1\x86\xc8\xda\x81nq \xef\xf6)M\x92wK\xc8w~\xda&amp;\x1c\xcaE\xdf\xaf\x13\x13\x19\xe5+XWuC\xc4W\xf6\xbd\xb2l\x1c\x89\r\xfa\x9d\x8d\xb2\xec\xc9-\x16\xc9M\x94k$\xa1s\x93\xe3\xd6\xd0\x1a\xa2\xac%\xd0\xe7\xfc\xb4\xf9MC\x85\xda\x9f\xac\x86ons\xfd\x01[Ag\xf0zf\xf27i.\xcb\x12\x8cH\xaey\xf5\x86\xfaw\xf8\xad\x8e\x93#d|\xcb3\xe82\xde\xaa\xb0,t|\xaf_\xa3\xca\xfey\xe6\x8a\xb1L\x96R\x16\xa2\x0c\xd3\xb8\xfe\xc3\x81}\x9f&amp;;1\xb1a\x126N8\xd4i\t\xafei\x8a\xccu\xe5\xba\xa9\xdb\xb1\xa6\x18\xfa?\x14\x0e\x15\x1f\x94\x9c\xe80R\xd0\x8d\n'</t>
  </si>
  <si>
    <t>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</t>
  </si>
  <si>
    <t>b'\xdd_5\xa7s"^r\xa8O3T\xaa3\xca\xcf'</t>
  </si>
  <si>
    <t>5, 129â€“130, 132â€“133, 139, 140, 144, 147,
 152, 155â€“158, 181, 191, 195â€“196, 201â€“202, 214,
 233, 242, 252, 270, 272, 277â€“278, 281, 284â€“285,
 287, 289, 291, 295, 298, 337, 357, 370, 373â€“375,
 377â€“379, 384, 397, 399, 401â€“402, 406, 408,
 414â€“422, 424, 442â€“444, 453, 455â€“456, 463, 465,
 473, 476, 478, 480â€“484, 502, 518, 520â€“521, 529,
 542, 544, 643, 646â€“647, 652, 654, 666, 674, 678,
 680â€“681, 684, 687, 690, 692, 695â€“696, 712, 760,
 764, 775, 777, 781, 787, 789, 792â€“794, 801,
 806â€“807, 817â€“819, 822, 830â€“832, 873
 amplification properties, 175, 806
 biased, 139
 comparison of bipolar and MOS, 299
 exponential relationship, 135
 follower, 686
 high-frequency models, 502, 517â€“522
 high-power, 674
 I/V characteristics, 122, 131, 135â€“137,
 150â€“153
 model, 133â€“135, 145, 147, 153, 519, 885
 MOS, 270â€“299, 313, 384, 412, 521, 788, 801,
 806â€“807, 817â€“819, 873
 operation, 126, 133, 135, 152
 output resistance, 148â€“149, 200, 211â€“214, 244â€“245,
 822, 830â€“832
 in parallel, 129, 278, 281, 414â€“415, 823
 single, 129, 201, 317, 395, 580â€“581, 685, 823
 two-terminal device, 146
 Transistor-transistor logic, 760
 Transit frequency, 133, 502, 520â€“522
 Transition band, 708â€“709, 719, 743â€“744
 Transition region, 763, 765â€“766, 778, 780
 Transmission lines, 226â€“227, 841
 Transmitter, 2â€“5, 222, 283â€“284
 902 Index
 Triode region, 270, 284â€“287, 293â€“294, 296â€“297, 316,
 325, 374, 516, 643, 647, 762â€“763, 767, 776â€“779,
 781â€“784, 821, 835, 838
 Trip point, 666, 777â€“780, 789
 Tunneling, 423
 U
 Unilateral current conduction, 70
 Unity-gain
 bandwidth, 380, 571
 buffer, 356, 358, 370, 729
 V
 Vacuum tubes, 1, 122, 144, 354, 680
 Valence electrons, 22â€“23, 25â€“26
 Variable-gain amplifiers, 275
 Velocity saturation, 30â€“32, 292
 Vertical, 110, 466
 axis, 82, 625â€“626
 bar, 61
 dimensions, 278
 offset, 444
 Virtua</t>
  </si>
  <si>
    <t>b'\x19\rrL\xfe\x95\xc7.\x16a&lt; \xb4e\xdf['</t>
  </si>
  <si>
    <t>190d724cfe95c72e16613c20b465df5b</t>
  </si>
  <si>
    <t>this bed in a deep sleep. At the small tables which were
 arranged about the room some thirty customers were drinking
 English beer, porter, gin, and brandy; smoking, the while, long
 red clay pipes stuffed with little balls of opium mingled with
 essence of rose. From time to time one of the smokers,
 overcome with the narcotic, would slip under the table,
 whereupon the waiters, taking him by the head and feet, carried
 and laid him upon the bed. The bed already supported twenty
 of these stupefied sots.
 Fix and Passepartout saw that they were in a smoking- house
 haunted by those wretched, cadaverous, idiotic creatures, to
 whom the English merchants sell every year the miserable drug
 called opium, to the amount of one million four hundred
 thousand poundsâ€”thousands devoted to one of the most
 despicable vices which afflict humanity! The Chinese
 government has in vain attempted to deal with the evil by
 stringent laws. It passed gradually from</t>
  </si>
  <si>
    <t>b'\x83G\x19 %\xb9vl\x99\x8f\xe6b\x9f$\xda\x80q9?rB\xc3\xf1n\xb3\x9cf\r\xdeM\x11\xe8'</t>
  </si>
  <si>
    <t>8347192025b9766c998fe6629f24da8071393f7242c3f16eb39c660dde4d11e8</t>
  </si>
  <si>
    <t>b'\x83G\x19 %\xb9vl\x99\x8f\xe6b\x9f$\xda\x80'</t>
  </si>
  <si>
    <t>rn demographic methods to the
ancient evidence pioneered by Bruce Frier, and now championed by a new generation
of scholars, the originality of Bruntâ€™s questions at the time that he asked them cannot
be underestimated (Bagnall and Frier 1994; Frier 1982). Demography had previously
been the province of Karl Julius Beloch, a genius who was kept from an appointment
in his native land by Mommsen, and Arnold Toynbee, who had brilliantly, if improbably, argued that the destruction of Italy under Hannibal led inexorably to the fall of
the Roman Republic even as Brunt was writing Italian Manpower (Momigliano
1966b [1994]: 104; A. J. Toynbee 1965). Unlike either of his predecessors, Brunt
used the study of census returns as the basis for studying how Roman society
extended across Italy and into the provinces.
Moses Finley was, like Brunt, a man whose contributions to ancient history range
far beyond the Roman imperial period. His intellectual precocity is evident from the
fact that he took a degree in psychology at Syracuse University at the age of fifteen
(Whittaker 1996: 460). Moving on to Columbia, where he took an MA in public law,
he met his future wife, a classicist, and enrolled in the PhD program in ancient history
(Whittaker 1996: 461). At the time that he finished his graduate work, Jews were not
readily welcomed in the East Coast establishment that dominated American academe
in the first part of the century. The consequence was that he obtained a position at
Rutgers in 1946 rather than at a major research university, and that he was left
unprotected when the scourge of McCarthyism struck (Whittaker 1996: 462â€“ 4).
In the wake of his genuinely heroic resistance to McCarthyism, which cost him his job
at Rutgers, he moved into the little more welcoming environment of the British
university. The move was possible thanks to the intervention of the brilliant Greek
historian, Tony Andrewes, a product of Winchester and New College, who lived up to
his liberal ideals (and was, at the same time, supporting the career of another brilliant
6 David S. Potter
Jewish scholar, the epigraphist David Lewis). Indeed, Finley finished second to Lewis
for the studentship (as tutorial fellowships are termed there) at Christ Church in
1955, the same year that he was elected to a lectureship at Cambridge, conjoined,
two years later, with a fellowship at Jesus College.
Finley arrived in England with a mind unfettered by the constraints of the British
curriculum. He had initially been trained in the study of modern, and then ancient, law
at Columbia, and his first book had been on Greek boundary stones. But he had rapidly
moved beyond his training, aided by conversations with others at Columbia, and made
his reputation with a brilliant study of the economic attitudes evident in the Homeric
poems. He was a natural comparative historian. His greatest contribution to the
subject was not his use of the work of Karl Polanyi to study the ancient economy; it
was rather his ability to inspire others to take equally innovative approaches. In terms of
the study of the ancient economy, the chapters that David Mattingly and Dennis Kehoe
have c</t>
  </si>
  <si>
    <t>b'1D\x9b\xcdo^\xd7\xa8(\x86\xda\x96\xb2\xad\xe2S\xb9\xe7P\xe2n\x95\xf3\x0f\x19\xad\x03\n\xe7B\x8f2\x1dK\xdc=e.,\x16\xee\xc6\xe2/\xe6\x95\x12\xf8^\x1b\x7f\x0c\xd8\xef\xf8\xe1\x131\xde\xf5!\xc9\xc2Y\x80\xa9,[\xcc\xb2\x81\xd8h&lt;\x03\xe3A\xd1\xca(\x95\x7f\xd2\xef\x10\xee\xba\xd4\xb7\x01\xbe\x98\x95\xe01\x0b\xb3P\x9a\xdd\xc1\xa3\x9aR\xc0_\xc3\xeb\xda\n\x98f\xef.\xa3NF\xfd\xba-\xc5\xb5\x80\xd5\xa9\xe2\xd4\'\x06\xf4\x9f\x96\x1d\xd7N$w+\xe7\x068\x1cio\x06\xc2\x97\xa6I5;\xd7`\x04\xe4\xb2\xa2(Jiz\xd7+\xdb\xa66\xddg\xb7)\xa9Wj\x9c\xe4D\xfbna\xa8\x10\xdc\x0f[\x81\x13\x1a\xaf\x10g?/I\xf4]\x97\xd2\x0e[IG\x89\xfd\x80u\xc8s\x1eT\xaa\xf8Cr\xe3\x89z\xc0\xf6 \xf2\xa13&gt;\x80C+\xa5\x9f\xce-G\xaf\xce\xa2\xe7v\x82$}\x01\xc5\xc6R\xc2*ms\x95\xbc\xa8\x80\xe42\xf8\xadJ\x98\xbd\xe3~t\x18\xc3\x8a\xc8\x1e,/\xb4\x06\xd8\x18&lt;\xc1k\xb1s^\xc3f\xa34\x07y\xb6.er%\xf6l\x88t\x97\xef\xd49\xc7\xca\xabN6j$x\xf0\xe9\x01 \rvEu\xc6+\xbe\xaaB-\xd3\xbbP\x0c(m\xc9&gt;[2(\xcd\xf7\xc5R\xbeF\xb3x\xda\xea\x08F\x0f\xc6)\xccI\x94\x0f\xe6\xec\x07\x8d|\x96Q\xa9v\xe5J\xaf\xb4\xc8\xb4?\xa74,\xd5Z\x15;\xb7)\xddxkJ\x8dy\xb9(U\xdci\xa7\x1f\xe9\xdc\xbe\x10\x80\x97\xc6\x91\x15k\x10\xb9\x18f\x89Su\xa0,\xbe\x1e\x08S\x11\x9fA\xcc\xdc\xdb\xe5\x12ro\x8b\xaf\x0e6\x7f\xaa\x83\xa4\xd1\xee\xc9\xba\xe1\xa8\x91\xd1\\d\x8d\x8e\t\x99e\x148\x1c\xa7\x16dBf\xa0\x10\xbd\x1f\x94\x01\\\xd8\xd4\xad\x95\re\xf9\xe4~\x89,E\x8e\xdf\x16\x1cEf&amp;\xb2H\x89\xb9\xe8\xf7\xe1\xfb\x9d\xb3A\xba\xec\xd2\x12\x16\xf1\\\xd6\x84\x9e$\xf5L\xc2\x8b\xceq\x87k\xf3\xe1xW\xf5\x82\x1bq\xb5v\xd6\x16\xb5Im\x7f\xe1\xbd&amp;\x87\x17\xec\x08e\xe0\x1e\xe2\xf3~\x97\x8f\xe7B\xeb\xf2l\x15-\x8a\x97c\x9f\x15\xf4\xf9:\x19w\x97k&amp;3S-\x89\x85\x06\xa8\\\xb9\x18\xe6\xf1\xf0/dc$\x0b\xc8\xdc\xff\xbf\x85~X\x9dY@\t\xb5\x9e\xc1h\x01\xdcF\x1f$\xbf\xcd\xb5\xd4\x9a5\xa8:\xb0Ubb81Xe\x9e#\r6&lt;bM\xbb\xc5\xb4~\xe4^qk\xb5S$\xdb\xf3\x9a5)\xc0q\xdc\x1f\x8b?\x1b\x9d\xf5\xa7\xbb#\xe7\xe4?~u\x15n/\xaf\xb1\x7f\xa2\xc4\x85\xad\xd3\x95\x19\xe7\xc3OfY\xef\xb1\x9c\xbb\x12\x02\xbd\x91^\xfeW\xd8\x7f\xeac\t\xd72L\x1d\x06\x17\x13\xaf\xde^\x80\x15\x85\x83\xb9HRYJf}X*\xe0\x10\xd0/\xd8K\xb0\x8c8\xf8\x02\x1a[\xe4:\xbb\xe0\xa2\xc8\xdd\xde\t\xda|\xa3T\x03\xe4&amp;~\x86pE\x13d\xe2\';\xe7\xcey\xe5\x08(\xbdzt8\xc4W8Gx\xca}\xd4\xcf}\xf5&gt;Z\n\x84\xe8W\x01\x16j\x8d8[t\x87\xe5pyB&lt;\xe9\xdd\x84\xbd\xc0\xaa\x0b\xbe\x14\xb1\xb7\xab\xa2\xb4\xbb\xc7\xed8k\x8eqct\xbfa\xaa\x94\xb2d\xb5\x86\xe6\x95\xa6\xb5g|\xcc\xbe\x96\xee.L\'\xec\xbdm\xf1\x08=\xd2z8L\xfb\xfc=\xd2\x84\xa6+88\xde\xb5&gt;\xa1\x8e\x9b\x04\xc3v\x87\xd3\x01EY\xc32\xac\xacS\xdb$:\xe3t)a\xde\x8b\xd1m\x01$c.H\x02\x0c\xf8\xd0\xc7\xc6\x01)\xc5\xf0\xde\x96\xe0\xc0\xbf\xa0\xa0\xa0\x01\x01\xb3\xba\xae[\xa3\xc9"\x8f/lU\x9c\x83%#&lt;.\\Q\xd2Q\x11e\x84\x8a\x1b\x9eU\xf5vQ\x1c\x055\x97\xf7\xdd\xed\xcdm\xe5\x15\xdc\xb1\xf4\x9f\x02\xd4\x8d2\x00R\xff\xe2\xf1\xf2\xcaR\xa4\x7f\x8d\x87\xb11[-\xadj\x03\xb7\xb5\xd6\xef@\x83cJ\x05&gt;%F\xf1\x18k\x13\xf1bO\xaa_;\xc0HE\xb8ut\x12\xc7iD\x00\x10\xd3"\xd2e\x88?3G\x948\xc0]\xc7H\xaf\xb4\xc0\xde \x90Q\xfd.Zu\xae0\x0ff\xb8D\x15\xc7\xba\xe6\x08\x91=\xdaZ{\xfa\x90\x17\xd7\x87\xf1\x8b\xf7\x85G\xc5\xf2\xbc\xa9Oa\xa5\x99\xa9\xbe\x15\xa9\x16\x1e\t\xc7O@+X\x8c\x84\x8a\xd7#\xce.\x1b\'&amp;\xb2\xf6\x9f+\xdeU\xb7|u\x89\x1cM\x13\xe6\x91\xdat\xbf\x08\x8a\xd7\x04\x8e\xd5\x8c\xca\xd6:\xeb\xd8j\xde^,\'f\xde\x1dg\x9b7-+Tl\x9e\xf8O\xc5\x97\x8a\xbe\xfcO\x92w?\xfce\x08\xc8\xc7\xf8\n\x1a\xca\xcd\xedx\x07\r\x0fe%\xe1\xd5\x1cY\xf1j\xa1\nh\xdd\x1b\xd3\x13\xf5\xad\x99\xa5_.,\x8a*0r\x03\xbe\x0c\xcdI\x0f\xe7\xcd\xbd\xa6\xa5\xb5ggP\r?\xc2\x99\xdf\x8c\x84\x8d57\xa2\x1d8m\xfb\xa5\x1eB\xc4\x93\xa1g\xc7\x1fu\xd2\xb2{B\xc1\xaa\x0f\xbb\xa6\x06au\xd59\xb0\x9d\xd5\xee\xf0$-&lt;\x17Mi\xc3F%\xb1"6\x88\x07-\xb46Ikw\xb6\x07m%\x86T\xc4\xb2\xdb\\`\xe7}\xa4]MNm\xb1\x96\xa6\xee\n\x03\x9a\xad,E\xe5F\x83\xc7\x02\xe2?\xcf\xd2\xab\x96:\xc0D\xdc\xa8\xd1\xccy\xdd|F\x12FYm5uO \x05\xdf\xa6\xbbX\xb9\ry\xea\x7f\x04\x8ck\xc2\x89\xabC\xf2`\xecn\xe7\xe54)\xff\xa3\xb9\x92@4Z\x95\x04xX\x19u&lt;\x93\xfc\x1fjD\xf7E\xb0\xad\xbf\x99uM/\xf8c\x1eF\xb4\x90W\x97\x1d\xfe\xfd\xec-\x9adw\x83&lt;\xcb\xb8w\xb6\xd6\x08\xd6\xad\x90\xa6\xe1\x8c\xb9\xba\xec\xaa\x96\x8b5\xf7G\x9cB\x1b7\xcf\xe8\xfd\xff\x03t\xa5\xa8\xec\x7f\x0f\xe6\n\xa1P\xc5\xaa\x86p\xe2\xf43\x17\x08\x08j\xaa\xb4(\x82\xe0\xed\xa3\xf8&lt;\x80\xae\r\xe4\xbb\x84\xf0L`%\xd7\xd2Z{O-w\x8ax\x1e\xce\xe2\xb0\xd3u\xea\x044\x07\'\xb2&gt;\xd5\x05\xe0&gt;?P\xbe\xa0S,\xdb\xbd;\x8cC:i\xd62l+\xac \xa4\x98\x0ee(\x07\xac\xb7/:\xad\xfb:L\x8a\xa5\x02x\x8f\xe2m}\x8e\xe5\xb0\xff\xc5\x91\x84\xa0\xf2Gt\xbeD\xa4#\xc6I\x8c\xb7%\xb9\xdc\xf3;\xf5Z\xe5\x1d\xdb\xba2H\x87\x17F\xab(\x0b\xf5\xd1\x1fpypV\x82\x95\x93\xb3\x1e\x86@\xff(x\x81\\\x80\xa0G\x83\xef\x04j .7rU\xffu\xc39\xc8\xee\x165\xb6(\xd0%\xb1&amp;\xcd\x0ej\xc0ekVu\xdd\xab\x13\x8bH(\xf4),W3\xf6wxa\xd7\xa1&gt;\xa6\xd1"5\x17\x98iQZ},[_\x94\xff%\x80`\x14\x19\x90\x89\x9a\x18\xebL\xbd\x1am\x81a2\x1al\xf61Dh\xb4\xe1\xe7e\'\xc0\\\x1a\xe9Lr\xca\x8b\xb0\t\x19\x81p\x1b\x90\xfc\xb9$\xee\x93\xdd\x16.\xb7G\x85\xb5\xf8\x00\x8ci\x91]\xf5\xbdx\xdd\x90\x1a\x98a\xd4EP&amp;Mo\xfa\xeeE\xb5OM\xb4\x03#\xa4\xc3\x08\xb86x|I\x14\xea\xf43\xc2\x8a\x89\xc4\xb7W{_&amp;\xe7w\xec\xb4\x00\xd8\x085\xadGD\xf6\xbbBO\xe1j\xbd \xab\xe3\xdeo\xa5:\xb9C\x8b\xb3\n\xbc\xad\x80\x82\xfa\xe9U\x9d|\x14\xa6f~\x8f\xdf\xd7\xac( \xa8t\xf8\xca\xad\xd1\x00\xb5\xe7\xa7\xbb\x97!\x08\xa1\xe8\xe7\xc9-\tN\xc2{\xe5\x80\x0b\xc3\r\xde\xd3\x96?\xe9q\x9fv\x90\xd0\xffj\xdb\x84\x7f\x9c\x02\xf1+\x92t`,C\xba\xaa\xda\xf5\x83\xa25\xb3\xbc\xa9\xb2\xa7\xfb\x10\xc2\xecHx\x80l,\x13\xf2\xf2\xf0\xf0lP\xbb\xdc\xfa\x82%5\xaf\x1a\x96J\ti\n?np\xd0\x07\xff\xd9^\xf9\xc8\x92\xe93\x96\xb4k:&gt;p\xed\xb3!\x18\x0e:}\x8b u\xdc\xdc\xc63MQ\x0c\xcd\x08\xa1\n\x9b\x15\xdbZ&gt;d\x86\x1f.\xc7/\xb4E+?\x84\xfd\xe1!$\xdf0\x96\xa0\xdb\xb9d!!?\xd1\x0f\xbey\xc7\xb6F\t\x03\xd1\x9b\xa3_\xc1\xea\xa2\xbae)\xab\x8a[\x12\x12f\xcf\x15%#\xe8\xaa\xf8I?D?\xd4\xe6\xa4\x9c\\\x9d\xc4\x98?\x87p\'\x01\xe1\xb8\xf1\xe8\x8c\x049\xc0\x9d\x07\tA\xd9\xdfb\xd7\x86\x87\xc8m\x19h-\x91\x85\x12sf.\x0f\x0cC\x0c\xbd\x93\x8f=\xa9\xec8b\xe3\xe2\xf5\xdeL\x9a\x10WyV\x84\xe4\x94\x8c0\x8d\xb6\x0c\x0eh\xf8\xdd\xc5\xfb\xf2~\xe5\xf9\xc8\xed\x0b\xbes\x0b}\xa3\xe4\xc0L\n\x9a\x1e\x8d\xd9|\xfb\x0f\x82z\x08\x8a2\xca4T\xd2-\x04\xf5C\x8aK\xa2\x00\xe8V*\x89\x05\xdfS2?\x83\xea\x1ej`\t\xcdH\xdf\xb7\x9a\x05\x1a\x8a\t\xc2&lt;e\xa1e\x0347\xf9$tm5Dg\x80\x00\xb2\xde\n\xbb\xef\x16\x93d\xbbz\xdaX*G\xc0\xb2\x91\x17;\x0c[=KO\x01\x9b\xa8\xd5\xaa\x80\xefFa\x8a\x8e\xae\nV\x84\xf5\x19\x02\x1d\xaf\xc4\xd4\xf12\x17A\xba\x19$\x89\xa9W\xb0\xbby\xde\xd4\xd4r\x0e6\xc1\x04\x958\x15\xa8^c\n\x9dKA\xca6"\x82\xd50\xc1+\x8bz\xbf\\\xf8\xd9v\xa8\xdf\xd4{\x1d\x9e\xcfp\x83\xc2\x86M\xfe6\xde[\x83~\x86\x9e\xdf\xe3\xc3\xddr\xd9\xab\x06Ga\xad:n\xd0\x8e\n\xc5\x15\x11\x0c\x1f\xca\x1c,u\xb2\xb5S\xb77gJ\xd7\xcbR\xb8\xc1p\x1a7\xf2\xb4+\xad\xdf\x1b\xcd\x88\xe7\x98\xd0\x81\xf0\xab@\xb5\x14`\xfe\xf8\xa2\xe1\xb0\xceR|6%\xf9\xb7\xa1A)\xc1\xc6\xdb[\x1e\x9d8\xc3\x07\xd4\xc1\xc2\xfa\xba\xcd\xa1\x91\xc2\xf7`\xf1\x07pW\xddcA)H\xd6\xed\x7fz\xab@\xed\xc8+\x08\xdbrJ6?j\x9e9\xba^\x8a\xae\xa4\xe9N8v\xa9\x19\xdfG\x959\x04\x1a||\xa8\xdb\x05=\x04\x14\xcc\xa0\xaa\xcfQ\x01L\xad\xd5!\xba\xa2\x0f\xd1\x97\x02|s\xec\x1akC$g\x0f\xe1\xc9\x1f\x15\xa4\x166p\x9f1c\x1b\xa0?\x10\x13\xec\x10?\xe8\x81x\xa8x0Et\xc4\xfbX\xa98\xbd^%U\xc9Pn\xef\xab\xad\xf6\x8a\x1fu\x93\x04`\x1a=\x08\x1a\x03\xb5\xf5\x01\x86Vw\xda\x80\x7f\xc4\xf6\r\x86tL\xd2p^\x18\xba\x0c\x00Z\xf7\xd8\xb5p\xb9|7Q\x91\x12\xb8\x81\x1e-k\xcce\x8e\xa9j\xf8\x828W[9\xfc\x02/\xcct\xf9KE\xbe\x97\x9bP{\xb6\xf2x\xe4j:&amp;\x1e8\x1du\x8f\x96k\xb6\xeaC\x961\x00*B\xa8&lt;\x0e\x15P\xfa\x06&gt;\x86\xd0n\xd3\xbd\xec\xee@\x0b\x02\x8e\xb0q\x14a\xd8\xb7-\xc1\x9fO&amp;\xd3Z\xa5c\x95\xd1\xcb&gt;\xd2\x15\xa05\x8fH:\xf1\xf3\x82\x98\xcc\xa2\xc3\r\xe7Vs.7\xe6\x8e\xf7I\x1e\xd5\xc3\x8c;\x7f\xb7\xf4\xf4\x8c\xd4JK\xe9,{k\xdf\x05S\x1d\xbe\x13\xd1\x18\xda\x96\xe5U\x08\x9c\x0e\xa3\xcd\x14\xb8"gW\xe4j(&gt;Z\xf9\x9e\xfa\xa6?\xaa\x88\xfd\x8aW\xaf6\x0bn(\xd1\x15\xdd\xaf\xe8f@\xf9\xfd\x83\xd0v\xee#/\xfah\xf6\x81p&amp;\x90\xa1\x18\xf2\xe9\xe2\xf9\xb5\xb0\'\x11i$\xaa\xb9\r\xa6\xc7\xa4\xde\xab\xe1\xdd\xb1\x16\xbc\xe1T\x1d\xf6\x8cB\x99\xa3\x9b\xee\x9e\x1d#\xee\xc9\xc0\x801\x1br\xf9\x8dH\t\xf2a\x1f\xc9\x16\xd1\x14=\x88\x9b5Z\xab^.C\xd3\x9db\xf0\x06rU_\xd1\x0b\xa9\xe1&amp;\xa6\x81\x97|\xdf*)\xe8\xc1}\xcb]\xdeR\xd2\xad,%\x9c\xc2\x95\x81\xae\xe7\xc1\xbf\x99tbx\xa4%g\xfbtt\x8cw\x8f\xb6+\x034!\x17i\x9d\xa3\xfe0\xb78\x96\xdb\x8e\x18\x9d\xce\x8f\x02\x8c\xb4\x12\xc70\xf0\xc6\xaf\x87\xb97X\x91n\x88Z\x92\x99[\xda\x94\xfco\t\xb8\x0c\x06\x8a\xd0P\xbf\xf8\xdd\x04\x16\xda\x08&amp;!\x8fr\xbc;W \x93\xf9\x17\x05X@\xfe\xf9\rB\'\xa5\xd47\xa7\x9b\x8c\xcd\xc4S\xd5z\x97-{\xaec\x1a~\x9f?\xacg\xe9\x91\x17\xbd\x00\x9c\xba*)wV&amp;\x80\xbb\x7f\xc0\x8b~\xc1\xf3Ns\xd5\x0b*\xfd\x0c}\x8e\x10\x1a\x03q~%\x9aj\xca\x16\x9bDD\xf6-M\x81\x15-"\xe1\xcf$ZLj\xfde\xfct\xbc\xa3A&lt;9K\x05\x15M\x02\xfe\xa7\xd3\x13\x0e\xa7Nb}r\x9e\x82\x97\xc4\xbe\xa0\x18~\xa4\'1M1\xc9u\x11O\x93L\xad$\x11\xeb\xbav&gt;\x83%\x0c\x12\x93/\x17q\\\xf1\xb5p\x11\x11\x96y*\xc7\x9e&amp;7?"K\xa0\xa6o\xd5.\xe1\xb6\x10OO&gt;\xf5\xb4\xc7\x0f\xce\x89\x82\xd5\x1c\x15#~\x86\xbf`(\xae\xc5]@J\x86Qs\xad\xcbH\x05\xad\' ZK\xfd\xf8\xb2&amp;(\xe0\xa1\x87\xd2g/\xdc\x86g[\x9c\xb5\xa2k\r\xe4\xb0\xad5L\x05\xefD\xcb\x83\x9b\x1fJ\x17Q\x7fp\xe7\x9f\x0f\xde6\x98\x19cZ\xb4\x846\x00\t\xae\xd2\x06\xfc\xd5\xa8H\x06\xa1\x17\xf6A\xdd\x8a\xaa\xbe\x114\x15\xf6\xd0\xf2\xc1\xbe\x00\x94\xe3\xb5'</t>
  </si>
  <si>
    <t>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</t>
  </si>
  <si>
    <t>b'1D\x9b\xcdo^\xd7\xa8(\x86\xda\x96\xb2\xad\xe2S'</t>
  </si>
  <si>
    <t>n lamb was in
his arms and the little red fox trotted by his side. Nut sat on his left shoulder
and Soot on his right and Shell's head and paws peeped out of his coat pocket.
Colin slowly sat up and stared and staredâ€”as he had stared when he first
saw Mary; but this was a stare of wonder and delight. The truth was that in
spite of all he had heard he had not in the least understood what this boy
would be like and that his fox and his crow and his squirrels and his lamb were
so near to him and his friendliness that they seemed almost to be part of
himself. Colin had never talked to a boy in his life and he was so overwhelmed
by his own pleasure and curiosity that he did not even think of speaking.
But Dickon did not feel the least shy or awkward. He had not felt
embarrassed because the crow had not known his language and had only
stared and had not spoken to him the first time they met. Creatures were
always like that until they found out about you. He walked over to Colin's sofa
and put the new-born lamb quietly on his lap, and immediately the little
creature turned to the warm velvet dressing-gown</t>
  </si>
  <si>
    <t>b'\xc6\xc0\xe1T\xa3\xb3y\xdc\xcc\xb8mV\x95\x7f\xcc\xf7\xdd\xda\xc1\x8e\t\xec\xc5\x9d\xf1\xe3\xa0O\x8b\x16\x15\x89\x81y_\x1d\x8bM\xbe\x9f\xdcm?L\x90\x1b\xd5\xb3\x95\x16kz[\x8bLO\xf3\x1c\x83\x17\xfb\xa7\xeaX\x90.u9g\x0fF5d\xe1\xd2\xd1V\xa7J\x92\x97\xba\xa7\xbcW\xfe\\Z+\xd8\xb2\xe3\xc0O?\xe76\xdb\x0c(\x02\xf6\'f\x83xE\xc2\xd5\x9d\xa9\xd1Ud\xe9u\xc7B\x96&gt;\xf4\x10\xcaH\xbf\xe3\x0e.0\xdc\xa8\x16\x13\x17\xedS\xca! K\x7f\x03\x02\x94u\xf4\xbb\x03k{\xcb\xb6m\xa8]\xf9r\xd2z\x86R[\x04zH\xce0\xa1\x99:AQ\xe6\x1d\xbcs\xbb\xea\xff\x00\x1f\xdb\xf1&amp;+\x08\xb8n\x03\xef\xe2!\xb0\x9d\x9dN\xec\xceq\xc9\xbb|\x0e&gt;m\xed&gt;m\x07\x92\x06\xd5@\x1c!(1y\xd4\xc2#D\xe2\xb5I\xc5\x0eB\nV\x91[\xb7\xcf\xa6\xb9\xd2\x00t-\x14\x86]w\x98\xdc6y\xae\xe8\xf8U\x93\xce \xd9\x81^:-\x1b\x14-\x1a\x15\xc1\xb4\xe7_\x02\x9b\xcdU@\x9f%\xfaZb.\xecDr\xc2\xb1\x95]\x93e\xb9\'&lt;xF\xd4i\xf869\xf1\x9e\xb6\xcd\x88\xed\x9e\xd1\xed\xcaP\x17\\\xeb\xc9\xdc\x0b\xd3\x80\xe1\xf5\xee_i\x8a\xc6!9\x1b\xa4]\x1bB\xc9\xb2\x08\xa9\xbe\xe9\x0bz\xca\xeb8`|A\xcc\x04&gt;\xb2\xc5\xe7x2\x16\'\xae\xdd\x95\xa2t\xeaZ\xc7\x96\xab \xdb\xd3|\xbd8s\x19\xf6\xaa-\xdaf|C~\xa9w\x95\xd6\x1c\xcc"\xd6\xee\x13\x1e&lt;\x97\xe7\xd3&lt;R\xd9\xf1T@]\xeb\xe5\xc9\xe7\xcak\xe3\xfe\x15v\x92#\x18GB\xc2&lt;\x06K\xea\x1d\x17\xfe\xeas\xc5\x89\xf6\xd4\x1fU\xacB\x94\x13\x8e\xb2L\xba\xfe\xd8:,\xd5K\\\xfb~\xf8Z\x95\x8a\xac\xb9i\xdc\x03c\x1d\xc8&lt;wC\xdc\x9f\x11\xf0\xbfa\x8d\xf8`2\xe4\x81\xff\xd1ANm\xb5m\x8e\xd3\n\x95\x96tD\x95\x94{\xde\x0e\xc6w\xeb+-\x80\x91A\xa4+\xb3 \xc5O\xee\xc4\xa6\x11T\xa4\x04i\\\xc4[SS\xfa\xe0\x06\x8e\xba\xac\x04g\x84\xa5OC\xb2\x06\xe5jFh*\x15\xa6,{eS\xd7]\xc9kk\xb5u:\x05\x88\xc3\x9b\xb7,\xdc\xddD\xfc(\xdf\xc4\x08\x10\xcdy\x9b\x9dC\x10n\xfc\xd7[\x8f!\x8b\xff\xce^\xea\t\x0b\x9fx\xd3\x9e\xb8\xc7\xac\xc7 \x9e\x9cQepGI\xe2\x1b\xa6\xcb!\x8f\xda\xbdd\x95\xd4d\n\xd2\x93q\x9e*\x19\xb4\x01\x15\xe8\x88gA\xf2\x08\x99\x92\xef$\xe39\xbf=\xe7\x8c\x10\xd3\xabx\xe8l\x9af\xdfA\xe8\x00\xac\x13\xcb\x94\xc6S8\x90\xef\x1a/\xec\x8dOHV\x1eq1\xb2\xc4\x97B(\x08\x9b&lt;\x8b\x89\x15V\xc7\xd4-\x1e\xder\xe8\xe9:\xed\xb6\xc2Z\x0b\xa3\xf2\x03a6\x17\xccU\xf1\xcc\x065\x12d\x1e\xf1\xef\xfag\xbb\xbf\x85\xf4\x12\x8dz\xf4S\xa4\xbc\xfd\xf7*)\x85-E\xa1\xe3\x07\x05\xa8K]\xad&amp;Eo\xfe\xc90\xea\x9d?Y5\xf6&lt;\xad\xaf\x18\x8e\xd5\xb0\xbb\xbd\x03\x9c\xf5\xe5e\xaa.\xd3\xb6/\xfa\x83Eb\xa5\xfdj\xef\xef\xc0O\x1b\xa7k\xaf[\x0f\x98S\x1c8\xf0.\x17i]\x8b\xf4\xcbA(\xaa\xfd\xe4\xca\xc5\xf7&amp;X\xc6\xe9\xe4\x9a\xaf\x92\x02\x8a\xe8?\x8an\xabu\x16\xbb\x1d|\xea6\x00`\x0e\x06\'\x9f\xeb\x8c{W\xbc)^\xf4_\xe3\x06{N\x1bS{\x11\x03\xd1\xdc\xf2\x9e\xbb(2M\x1a\xbe9\x89\x85\xc9o\xe4\xc8\xe9\xafg\x82\x99\xf3\xb2(S\x0c\x87\xed\x11\xa1\x8e\x85\xae\x05V\xd4\xa2\x07h\x03p\xe5\xbaZ/\xf5X\xa3yC\x86!b\xb1\xa3_C\xff\x81\x0b\xf9\xe2\x06oMZ\xa3E\xca\xc6\xe5\x8b\x80\x86\xc6Z5\xf5\nv\x07\xb6 FM\xc2\x12\xe6\xb8H\xce{\xd0\xf3\xc0\xbb\x938\x82\x8d\xf1\xc4\xb93\xc9C\xc472WA\xf3\x89\xed\xba)\xeb\xdc\xb3\x97\xb6\x9a\x1b\x15\x8a\xcbzYL\x95\xc4o\xbfB`N`\xdf\xa4W\x1b\xf2o\xcd\xbc\xbd\x7f&lt;*\x18\xe1G3\xd5\xea\xcf\xde\xcd c-\xdd\xd4\xc6/\xa4\x04\x9e\xbfH\x14\xee\x80\xdd\xf0i\x00\xa2Nf}\t(\xa5dpn\x11\x84Zc#\x9a)\x1c\x8d\x0b\xff\xbb\xb4f\x9a\xf94!j0\x84\xd3\x9c\x156\x0b\xae!t\xbb\x18p\xb3#&gt;oRb\x94\xae \xbbi\xb3\\\x0b\xec\x16R*[E\xd5x\xd1\r\x86\x17\x13\xd7\x87\xd7\x81\xcc\x11P0E\xba\xfa'</t>
  </si>
  <si>
    <t>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</t>
  </si>
  <si>
    <t>b'\xc6\xc0\xe1T\xa3\xb3y\xdc\xcc\xb8mV\x95\x7f\xcc\xf7'</t>
  </si>
  <si>
    <t>nd I never wish to
 have a better partner in double harness. When we came to a hill, instead of slackening
 her pace, she would throw her weight right into the collar, and pull away straight up.
 We had both the same sort of courage at our work, and John had oftener to hold us in
 than to urge us forward; he never had to use the whip with either of us; then our paces
 were much the same, and I found it very easy to keep step with her when trotting, which
 made it pleasant, and master always liked it when we kept step well, and so did John.
 After we had been out two or three times together we grew quite friendly and sociable,
 which made me feel very much at home.
 As for Merrylegs, he and I soon became great friends; he was such a cheerful, plucky,
 good-tempered little fellow that he was a favorite with every one, and especially with
 Miss Jessie and Flora, who used to ride him about in the orchard, and have fine games
 with him and their little dog Frisky.
 Our master had two other horses that stood in another stable. One was Justice, a roan
 cob, used for riding or for the luggage cart; the other was an old brown hunter, named
 Sir Oliver; he was past work now, but was a great favorite with the master, who gave
 him the run of the park; he sometimes did a little light carting on the estate, or carried
 one of the young ladies when they rode out with their father, for he was very gentle and
 could be trusted with a child as well as Merrylegs. The cob was a strong, well-made,
 12
 good-tempered horse, and we sometimes had a little chat in the paddock, but of course I
 could not be so intimate with him as with Ginger, who stood in the same stable.
 13
 Chapter 6. Liberty
 I was quite happy in my new place, and if there was one thing that I missed it must not
 be thought I was discontented; all who had to do with me were good and I had a light
 airy stable and the best of food. What more could I want? Why, liberty! For three years
 and a half of my life I had had all the liberty I could wish for; but now, week after week,
 month after month, and no doubt year after year, I must stand up in a stable night and
 day except when I am wanted, and then I must be just as steady and quiet as any old
 horse who has worked twenty years. Straps here and straps there, a bit in my mouth,
 and blinkers over my eyes. Now, I am not complaining, for I know it must be so. I only
 mean to say that for a young horse full of strength and spirits, who has been used to
 some large field or plain where he can fling up his head and toss up his tail and gallop
 away at full speed, then round and back again with a snort to his companionsâ€”I say it is
 hard never to have a bit more liberty to do as you like. Sometimes, when I have had less
 exercise than usual, I have felt so full of life and spring that when John has taken me out
 to exercise I really could not keep quiet; do what I would, it seemed as if I must jump, or
 dance, or prance, and many a good shake I know I must have given him, especially at the
 first; but he was always good and patient.
 "Steady,</t>
  </si>
  <si>
    <t>b'\xe4\x9b\xe7l\xdb\x12\xcf\xc0'</t>
  </si>
  <si>
    <t>e49be76cdb12cfc0</t>
  </si>
  <si>
    <t>. . . . . . . . . . . . . . . . . . . . . . . . . . . . . . . . . . .86
 Resources and Output . . . . . . . . . . . . . . . . . . . . . . . . . . . . . . . . . . . . . . . . . . . . . . . . . . . . . . . . . . . .88
 Effects of International Trade Between Two-Factor Economies . . . . . . . . . . . . . . . . . . . . . . .89
 Relative Prices and the Pattern of Trade . . . . . . . . . . . . . . . . . . . . . . . . . . . . . . . . . . . . . . . . . . . . . .90
 Trade and the Distribution of Income . . . . . . . . . . . . . . . . . . . . . . . . . . . . . . . . . . . . . . . . . . . . . . . .91
 CASE STUDY: North-South Trade and Income Inequality . . . . . . . . . . . . . . . . . . . . . . . . . . . . .92
 Factor-Price Equalization . . . . . . . . . . . . . . . . . . . . . . . . . . . . . . . . . . . . . . . . . . . . . . . . . . . . . . . . .97
 Empirical Evidence on the Heckscher-Ohlin Model . . . . . . . . . . . . . . . . . . . . . . . . . . . . . . . .98
 Trade in Goods as a Substitute for Trade in Factors . . . . . . . . . . . . . . . . . . . . . . . . . . . . . . . . . . . . .98
 Patterns of Exports Between Developed and Developing Countries . . . . . . . . . . . . . . . . . . . . . . .101
 Implications of the Tests . . . . . . . . . . . . . . . . . . . . . . . . . . . . . . . . . . . . . . . . . . . . . . . . . . . . . . . . .102
 Summary . . . . . . . . . . . . . . . . . . . . . . . . . . . . . . . . . . . . . . . . . . . . . . . . . . . . . . . . . . . .</t>
  </si>
  <si>
    <t>b'0E\x02!\x00\x95\xadF\x1c\xc4i\x16\xeftWQQ\x9b\x18w\x13\x93nEgKg\x8fT\x0f\x86j\x92D\xd9\xc1\x0c\x02 t;\xa6\x1b\x94\x8e\x81Bva&amp;r\x8d\xf0&gt;\xd0Icj|\xaf\xedQ\xa7\xa0\\\x01\xc8\xffa\xd8\x17'</t>
  </si>
  <si>
    <t>304502210095ad461cc46916ef745751519b187713936e45674b678f540f866a9244d9c10c0220743ba61b948e8142766126728df03ed049636a7cafed51a7a05c01c8ff61d817</t>
  </si>
  <si>
    <t>b'0E\x02!\x00\x95\xadF\x1c\xc4i\x16\xeftWQ'</t>
  </si>
  <si>
    <t>n the marshes round their camp. The bulkheads, all painted in clear 
 white and beaded round with gilt, bore a pattern of dirty hands. Dozens 
 of empty</t>
  </si>
  <si>
    <t>b'\x8bT\x98\n\xffGV\x0e\xc9\xcc\xd8\x1eV\xd8-\xe4\xcb[\x1a\xcc\xfa=G\xc8A\x9a\x8a\x02T\xa4l\x8b\x81Go\xeb\xc4-\xba\xa0\xfd \xf6@N\xf8\xcf#\x7fh~K\x86\x93\xf5,\xf9\xb3-\x0e\xc8%\x1e\xba\xbe\x99sL\x88qa-4\x97M\xaaH\xa9\xaa\xb24\x8e\xc2:\xe3\xca\x17a\xf9\xdf\xfe\xb4\x02jv\x9ev2\xc6\xc8\xebkog\xdaO\xb5\xa4\x8e n\xab\xfd\xdb\xf3G\xa7Xz\xd5\xc9t\xab3f]e\xd2\xdb\rg\x10\xd3\xf4.1\xf7\x7f\xed\x9c\xd1K\xf9\xe1\x03\x7f\xf7e\xe5[\xf9C\xb9\x9e\xb8\xd7\xe9\xf3\\\xd9\x11\x14tb\xbf\xf0X;\xa0\'\xf9G\xf9\xd4H\xa3\x85\x15\x7f=\xa28\xdc\xd1"w\\\x97\x02`F\x1c\xcd=k\x99`\x80\xbd\x8f{i\xf1\xc2\xa0l\x9c\xc4k\xf1\xbb\xff\xba^\xee!#\x8c\x94E\xca\xef\xeak\xd6:bi\x15\xc6\xa5\xc9\xae\xc8\xa9\x03\xf4#\xba\x14\x13\xedoG\x14/\xbe\xcc\x8d.o\x7f*+\x98\x05n\xdc{L\xb9w\xbe\x84\xc6\xa8r\x86\xf4\x00\x0bE8\x8a\x8dPI\x96\xcc5Vy\xac\xb5\x83\xd2\x8a\xce\xc0\xdeQ_\xa7\xb3\x83\x0e\x92y\xa7c\x0b\x027\xd0(\xaf\xdc.\xa3\xbb@\xbb\x9a:\xf1\xbb\xda\xbd\x9c\x9bG\xac\x93[\x96\xd2\x9f\x8b\x16eg\x97JQ\x11\x1d\x03\xe7}\x80\x9f\x90?k\x86\xa8\x07\x93\x81\xce\xa7B\xb2\x1fXy\xea+n\'\xe0\x07\x8a\x86\r\xf5#\x98\xdc\x86U\x9dc\xf0W\x82\xaa\x9a\x1d\x8d\xc0\x0b\x98W\x1c\xbb\xa9\x1a\x91\xc9\xdc\x99c\xe4\xea\xae\x8b}\xb8\xe9\xf8\xea\x92!\xe3D|:\xa43\r\xc5`\x8a\xab\x93\xdc/\xf6\xaf\xe7\xa6\xf0\x9bu\xd1\x93\xe8\xbf\xe0&gt;w]\x7f\x16#$\xd4\x1c\x17\x84\xc4*\x93\r\xad\x9f\x03\x83\xe4\xba\xd8\x90\x133q\xfa\xd2}\x1fLt\xe5U\xdc7JG\x7f\xf0]\x14\xf1u\x9d\xd70(\xbdR9\xd4\xeb\x85\xdd\x9c\x95r\xe3\xdf\x07\t7!\xf3\x1e\xdf\xe6w$-4\xd7\xa0\xfcG\x94\x08\x8b\xb3\xdc\xce'</t>
  </si>
  <si>
    <t>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</t>
  </si>
  <si>
    <t>b'\x8bT\x98\n\xffGV\x0e\xc9\xcc\xd8\x1eV\xd8-\xe4'</t>
  </si>
  <si>
    <t>d a rare many of them there must be, to
 go round such a large picture.'
 'But how are we to manage this business?' said the second ruffian: 'let us
 talk of that, there is no fear of there being booty enough, but how are we
 to secure it?'
 'Aye, aye,' said his comrades, 'let us talk of that, and remember no time is
 to be lost.'
 'I am still for poison,' observed the third, 'but consider their number;
 why there are nine or ten of them, and armed too; when I saw so many at
 the gate, I was not for letting them in, you know, nor you either.'
 'I thought they might be some of our enemies,' replied the second, 'I did
 not so much mind numbers.'
 'But you must mind them now,' rejoined his comrade, 'or it</t>
  </si>
  <si>
    <t>b'\x1e\x10\xdf$\x1d-G\x85[\x11h\x1d\xefK\x04[\x99\x93\xa2f\xed\xb1\x11\x19SI\xd1as&amp;*M9\x18G.\x0e\x03\xc2|\xdb\x11\x10\xf9\xaa\xc0\x03l\x17q\x14!\x08\xfe&amp;\xe5l\x98\xe0\xc4A\x93.&gt;'</t>
  </si>
  <si>
    <t>1e10df241d2d47855b11681def4b045b9993a266edb111195349d16173262a4d3918472e0e03c27cdb1110f9aac0036c1771142108fe26e56c98e0c441932e3e</t>
  </si>
  <si>
    <t>b'\x1e\x10\xdf$\x1d-G\x85[\x11h\x1d\xefK\x04['</t>
  </si>
  <si>
    <t>and there carried out
 her self-devoted purpose.â€
 While Sir Francis was speaking, the guide shook his head
 several times, and now said, â€œThe sacrifice which will take place
 to-morrow at dawn is not a voluntary one.â€
 92
 â€œHow do you know?â€
 â€œEverybody knows about this affair in Bundelcund.â€ â€œBut the
 wretched creature did not seem to be making
 any resistance,â€ observed Sir Francis.
 â€œThat was because they had intoxicated her with fumes of
 hemp and opium.â€
 â€œBut where are they taking her?â€
 â€œTo the pagoda of Pillaji, two miles from here; she will pass the
 night there.â€
 â€œAnd the sacrifice will take placeâ€”â€ â€œTo-morrow, at the first light
 of dawn.â€
 The guide now led the elephant out of the thicket, and leaped
 upon his neck. Just at the moment that he was about
 to urge Kiouni forward with a peculiar whistle, Mr. Fogg stopped
 him, and, turning to Sir Francis Cromarty, said, â€œSuppose we
 save this woman.â€
 â€œSave the woman, Mr. Fogg!â€
 â€œI have yet twelve hours to spare; I can devote them to that.â€
 â€œWhy, you are a man of heart!â€
 â€œSometimes,â€ replied Phileas Fogg, quietly; â€œwhen I have the
 time.â€
 93
 C H A P T E R XIII
 In which Passepartout receives a new proof that fortune
 favours the brave
 HE project was a bold one, full of difficulty, perhaps
 impracticable. Mr. Fogg was going to risk life, or at least liberty,
 and therefore the success of his tour. But
 he did not hesitate, and he found in Sir Francis Cromarty an
 enthusiastic ally.
 As for Passepartout, he was ready for anything that might be
 proposed. His masterâ€™s idea charmed him; he perceived a heart,
 a soul, under that icy exterior. He began to love Phileas Fogg.
 There remained the guide: what course would he adopt? Would
 he not take part with the Indians? In default of his assistance, it
 was necessary to be assured of his neutrality.
 Sir Francis frankly put the question to him.
 â€œOfficer,â€ replied the guide, â€œI am a Parsee, and this woman is a
 Parsee. Command me as you will.â€
 â€œExcellent!â€ said Mr. Fogg.
 â€œHowever,â€ resumed the guide, â€œit is certain, not only that we
 shall risk our lives, but horrible tortures, if we are taken.â€
 94
 â€œThat is foreseen,â€ replied Mr. Fogg. â€œI think we must wait till
 night before acting.â€
 â€œI think so,â€ said the guide.
 The worthy Indian then gave some account of the victim, who,
 he said, was a celebrated beauty of the Parsee race, and the
 daughter of a wealthy Bombay merchant. She had received a
 thoroughly English education in that city, and, from her manners
 and intelligence, would be thought an European. Her name was
 Aouda. Left an orphan, she was married against her will to the
 old rajah of Bundelcund; and, knowing the fate that awaited
 her, she escaped, was retaken, and devoted by the rajahâ€™s
 relatives, who had an interest in her death, to the sacrifice from
 which it seemed she could not escape.
 The Parseeâ€™s narrative only confirmed Mr. Fogg and his
 companions in their generous design. It was decided that the
 guide should direct the elephant towards the pagoda of Pillaji,
 which he accordingly approached as quickly as possible. They
 halted, half an hour afterwards, in a copse some five hundred
 feet from the pagoda, where they were well concealed; but they
 could hear the groans and cries of the fakirs distinctly.
 Then they discussed the means of getting at the victim. The
 guide was familiar with the pagoda of Pillaji, in which, as he
 declared, the young woman was imprisoned. Could they enter
 95
 any of its doors while the whole party of Indians was plunged in
 a drunken sleep, or was it safer to attempt to make a hole in the
 walls? This could only be determin</t>
  </si>
  <si>
    <t>b'\x93\x84X\xa6\x13\x05\xd2\x84\xf4\xb8KR\x83\xa6\xedPB\x84\x81r\x86\xb3\x08\xdbO\x07H9\xb8^,\x00'</t>
  </si>
  <si>
    <t>938458a61305d284f4b84b5283a6ed504284817286b308db4f074839b85e2c00</t>
  </si>
  <si>
    <t>b'\x93\x84X\xa6\x13\x05\xd2\x84\xf4\xb8KR\x83\xa6\xedP'</t>
  </si>
  <si>
    <t>as a hole, and out of the hole peeped a tiny head with a pair of frightened
eyes in it.
Mary crept softly across the room to look. The bright eyes belonged to a
little gray mouse, and the mouse had eaten a hole into the cushion and made a
comfortable nest there. Six baby mice were cuddled up asleep near her. If
there was no one else alive in the hundred rooms there were seven mice who
did not look lonely at all.
"If they wouldn't be so frightened I would take them back with me," said
Mary.
She had wandered about long enough to feel too tired to wander any
farther, and she turned back. Two or three times she lost her way by turning
down the wrong corridor and was obliged to ramble up and down until she
found the right one; but at last she reached her own floor again, though she
was some distance from her own room and did not know exactly where she
was.
"I believe I have taken a wrong turning again," she said, standing still at
what seemed the end of a short passage with tapestry on the wall. "I don't
know which way to go. How still everything is!"
It was while she was standing here and just after she had said this that the
stillness was broken by a sound. It was another cry, but not quite like the one
she had heard last night; it was only a short one, a fretful childish whine
muffled by passing through walls.
"It's nearer than it was," said Mary, her heart beating rather faster. "And it
is crying."
She put her hand accidentally upon the tapestry near her, and then sprang
back, feeling quite startled. The tapestry was the covering of a door which fell
open and showed her that there was another part of the corridor behind it, and
Mrs. Medlock was coming up it with her bunch of keys in her hand and a very
cross look on her face.
"What are you doing here?" she said, and she took Mary by the arm and
pulled her away. "What did I tell you?"
"I turned round the wrong corner," explained Mary. "I didn't know which
way to go and I heard some one crying." She quite hated Mrs. Medlock at the
moment, but she hated her more the next.
"You didn't hear anything of the sort," said the housekeeper. "You come
along back to your own nursery or I'll box your ears."
And she took her by the arm and half pushed, half pulled her up one
passage and down another until she pushed her in at the door of her own room.
"Now," she said, "you stay where you're told to stay or you'll find yourse</t>
  </si>
  <si>
    <t>b'\xb1\x14(\xf3\x92\x87\xd0\xb4\xa6/\xa3HH`\x10\xe8\x02\xf6\xc0\x9a\xe2*+x\xab\x89{L;6\xda\x81^\xb1\x000lB\x07\x95\xcaww\x94\x96(H\xcf\xae%\xbd\xc8j\xf7X\xf5wb0f[;\x1d\xb3\xfdb\x15\x8d\xd6,\xb8H\xb3\x10x\x16U\x9f\xae;\x880#\xa5\x06\x8c\xe6@\x0c\t-(V\x8a\xa0\xf5\x9a\xbf\x1f\xb4\xbc\xfa\x95ia\xef%\x87\xdddA6\xe7\x19\xa5\xa0\x1c\xcenY}`\xf8\x16\x1c\xff\x0b=U\'Wi^7\x1aT\xb5\xd3m\xdd\x05k4Q8\x92\x9f\xc5\xf7\xafH\x97\xaacH\xcd\xceNH\xe6\xcd\xd1{9\xd6\xedi\xd7\x08\x1at\x12j\xf0\xe7\xa2\xa7\xe7\x02\xce\xec\xce-\xca\xad\x98\xaa\xf6\xcb\xc4\x9a\xa8\xb56\xcb&lt;\xdcZo\xb4\xe2h\x95_/5\xbe\x86\x1c\xf2\xe1\x11\xd7\x14\xfb\xbfTJ\x9eBntLU\x1b\xe6\x04\x8c\x02\x88e`\xb9\x01o\xf8v`\xe4\x8b\x0e\nc\x9bg0\x91\xa7\xbf\x1bO\xc4\xc7ts\xe1G\x11\x12\xc6\xd8\xd9\x85\x97\xfe\xd2\xca\xd4U\xbf\xd7\xd1q\xd1#\xf4\xe5\x03b\x93\xa92s\x99\x95\xf6 ~LI\x89\x07\xcb_o\xc6\xc9|\xaa\x95+\xbc\xe2\xf5hj&amp;\x0f4Q\x14\x87\xbe\x9f\xde\xf2\x99E\xf6u%\x80\xdb6\xf4\xe1\x19r\x81\xb6n\xfd\xce[\xdb,\x00\x02\xd0lbK\x94\x01\xbc?\x85z\xb4\xd6:\xcer\x1a\xc0Z\xf4O\xbb^\xaf= \'\x13v\xe7\xedUu\xfa9)&gt;\xb5;|\\H\x8f&gt;\xa2+\x08\n\x1a\xdcLx\xee\xecY+\xcf\xae\xbb$-YgA?\x88/\xad\xfeCS5fE\x0c\x86\x9a\xb8\xdd\xe0\x9eD\xd9\xbd-\xe0\xb0K\xbf\xbb\x17\x1f{}vB[\xc1\xefKQ\xea\x80\xc2\xbe\xfe\x17\r\x86a9G\xb9K\x83&gt;\x8b\x97\x9f\xb8V\xba\xd7\xd6\xe6n\xb4rz\x0f\x11\x077F\x86W\xf0i\xde\x99\xd0%\x9d\xb0\xf5(x~}~C;\x97\xbd\xd7\xb5Z.\xc7\xc0/\xa1\xe5\x98.\xb3\xaf\xaf,&gt;.\xf0\x05r\x8c\xab\xa5F\xe3\x80\x13\xdaz\x1b\t(-={\xc5X\xfft\xbf\xc0\xd5FL#\xb2s\xd1\x19\x16\xd1\xd3\xfe;\x8e\xa4\xa9q\x8a.y\xdb\xa3\xff\x1f\x91~]\xb0\x05\x0bX\xe0&lt;7\xe492\xd2\x87\rza\x1b\xea\xb1\x17h\x16\x90~\x17\x97\xe4\xcf\x1a\xd5a\xd4T\xd9\x94\xc3 \xae\xd3\x83-\x83\xb4lR\xe8&lt;\x0c|\x05\x7f"\xc0\xe2\x11\xd3\xb1\x8e~\x96)\xf5\x8az\xfc\x10\x9f\xdf+C\xb2i\xb4\x85\xca\x18\xe3y\xe9\xd0\xc7\x10\xed\x97\xe5U\xc5\x14\xad53\xbc/{9\x14\xc3\xac&gt;-x%\xe2\xf6\x1b\x85\xf7[\x88\xea\x19b\\\x80\x84\x9d\xf4\x8a\xe6\x0f\xd0\xd5\xa8\xe8\x14&amp;\xa4"\x98P\xb4\xbfq\'{q\r7$s\xc9A\xa2\xb4/\xcd9F\x1d\xdc\xba\xd6\x1cr\xc2_\x98\x9e4*t\x8a\xb8\x07\xd6\xa1\x1a)z\xc5\xf5\xe1[\xf6h\xf4\x98\x10\x9e\x1e&gt;\xb2y.\xcc}\xe2\xa2?\x12W\x1e\n\xb7\xde2s\xa7\x1dgA\x0eg\x8a\xabU\xbe9\x7fMn/\xfbL\x85\xa9P\xc4\xb3\xc8\xa4\x1d\xa1n\xa5\xeb\xd7\x9d\x91@P\x99\xfa\xe9\xdaLt\xee\x90\\\x81\x8b\x9c\x83\x10m7{\x9d\xb0\xdeC\x19\x08\xec\x16.\xbd\t\xe3\xf8\x0bG9\xfd\xb1\xa7\xfa-\xd81Wh/\xa4BT\x9c\xe2A\x92&gt;K\x00\x16\xdc\x92\xef\xafUeD\xfa4\xca\x01T\xeb\'\xc0\x9f\x04\x14\xa2\x01\xc8\x96ix\xb4\xce\x17\x95F\x1e\x11\xeb\xe1\x95\xf1\x9d{d\x1aftb\xc7\x98f\x8df\xef\x8b\x08\xa3\xc7a"\xa3h&lt;&amp;X\xdc\x1d\xbf\xe9\t\xe8g\x10\xd2!%$0\x88\xe8\xa4\xdf6^\xb0\x03\xe7=\xcd\xc9bt\xefx\xf7\n\x98\x8b\xa8\xb7]\x02Lk\xa2;rj\xd0\xb0\x84\x08\xed\x87\xe2\xea\xe2\x10\n\x88\xf4\xf8q:0\xf3\x9f\xe3m\xea\x01\x89\xe2T\xb68S\x10\x10_C\xf6\xdd\xd1S\xda\r\x14\xa1Q\x19\xef;\x88@\xb8F\xa6\xef\x01+\xe6K\xf5&amp;\xe7\x18\xf2\xe0\xacQ\xb1\xd4:\xc0\xc5\xadK\r\xc7\x14o\xf0!\x02\x0f\xaf]\x1eb\x9cl\xa5\x19f,i|s\xfb!up\xe4\x13\x1dv\x12\xf2x\xc4"\xc3\xa6\x8c\xd0&amp;\x86l\xa0\xb7\x81}\xa1\x02\xcf\xcdL\x81\x1e\x0c\xf4q]\xdb\xf9\x8f\xee\xf9\x8dk\xc4\xeb\x82\xc0\x8a\x8f5\x89\xd8\x92\x12\x16ye\x1c\xa8i\x86\xea\xe4\x9c3sK\x0fU\x8cN"\xa5\nAo\xb4\x97/\x14\xf3\x87]jA\xa0\xf9l\x97\x02\x11\x13R\xa8x&lt;\x11*\xb4\xe48\xf4\x14P\x1d2O\xb1\xd0\xa82\xe5\xf2\xb8\xf1#\x7f\x8a,_\x9b&amp;1M\t\xeaC\xcbMg\x19\xb4\xac\xd5\xee\x12\x9elj\x83\xdfG\xed\xa7\x156\xf3\x05(\xc2a\r\x0e\xe5\xdf\x99\x02Vo[\xc1G\xd4\xc7\xa1KO\xc9\xa5\x1bJc\x90\xd7aB|\x90Txvg[\xba2\xdd\x1e\x0c[\x13h\xd5\xce\xa7\xf2\xb2\xc9\xaa\x91\xfd\xd9\x08\x98\x83a\x12\n\x93e5W\x8f\x85\xcc2B\xec\x05\xf2\x08,\xb9\xd5\xa9p\x8b&lt;\xe2f:\x08\xfc\xc8\x13\xc4\t\x81\x16\xc2\x00\xc9\xf8\xa3\x00\xb1\x8f\xf3\xdf&lt;5W\xee\xc1&lt;\xe3\x03\x14\x91\xe1\xe7\x08\xc6R?\xf1\x9a[\xd6l\x99\xa2U\x99r\xf78\x90\xa8L\xa8\xd1\xe2U\xd8\x06_rG\xa8\n\xc9\xba\xd7\xba\xb6F\xd5\xa7^\xfc\x80&lt;\xf7\xbb!\xb6\x07\x068ywD\x0f\xf9\x14\xf7\x9a\xe3-\x9e\xe8\xa4V\xff\xc4\xa2\x80\xd1\xd3\xd1*\xefA\x9b\xae\xf2\xe3W\xc6\x7f&gt;%\x83\xb0\x9eHC\x9a\xc0/HR\xa8\xd5\x0e\x85\x08]\xa0\x00\xa3S\xebG|\x1e\xb9\xe5^\x1bT\x0b+T\x9d\xcd\xc1\xa8\xbaN\xc3\xf3Q\xf8d\x0b\xb0K\x0b\xdfU\xf8\xc6\xfa\xd3\x1e\x9c+c\xef\r\xd0=\xf7\xc3\xdced\xa8d{\x9e\xe0L\xdc&lt;\x87\xbem{\x9c\xcd\xb9c\xd1|\x9e\x8c\x1e\xeez\x8e*/\x16\xf6w\xeb\x9c~\xa3t\xd5BM2\xc2+\xd3\xae\x17\xfa\xc5O\xe1\xcaL\xa6&lt;\x8cE&gt;\x9f\x97\xf2`@5\x97\xddYEMi\x19\xc1k\r\x98{}\x9d\x950h\x92\xa7\x05\x92\xe1&amp;\xc6@a\xff\x0e~c\x18O\xccI\xc8P-\xda0\xbf\\\n$7\x02\xd9"\xc7:\xb0\x18iko\x80\xcc\x11~M\xcd\x17\xc4\xd7\x94*T\xaa2\x12f\r-\r\x10\x98\xbeoH\xa7\xc6\x05\x93\xad;hV7[\x13E\xf1\xe3\xdb\xf0\xcc$\xac\xe5\x0c\x1dY\xfb%D\xd6K#\x17\x99P@\x87\xb2\x9d7\xb9\xe6\x96\xfd\'\xf9B\xed\xb6\xbb\x01\xff\xb1\xe4\x83-\x06\x1b\xf6\x90\xee]\x14\x1b\x85\xe8\xe1"\xae/\xa0RjlB\xa0X=\x03\t\xfe\x8beH\x11\x1a\x0f\xb8NP\xd1\x06\xc42\xa3\xe7,\xc2\xcdXM)\x1c\x84\xf16\x86 B \x93\x8c\xd5\x9aeN\x8fv\x86E%\xf9?\xbc\xf1*\x95\x86\x84\xc6\x99\xbcaV\x1f\x86\x9e\xab\xc7\xbf\xbc\xc9~\xcc&amp;\xb0\xb2{\x9d\xc1\xbf\xf1\xc1I\x83\xe1\x03\xfb\xedI\xfdF\xfc\'\xed\xd3\xb8Hi\xd2U\xde&amp;&gt;\xa0t/B\xb4\xa8_\x9cB{\x0f\x92o\x96\xc9\x1e\xc4\xaa^\xa7\xf0\xdb\xcfJ\x7f\x8c#\x1a\xff\xbb\xbc\xa4\xa4\xde\x9c\xd9\xa4\x81\xc9\xbf\xcc\x98Ec\xff\x89\xb1\x17\x9f\x97QH\x05\xf3\x8d\x0b6\x1f\x8b\xc6\xe6-\xff\xf0\xf8\xb3\xa1\xa1!\x88e\x04Q^\xa5V\xf1\xe0\x8b\xd6_\xe5\xb54\xa2&amp;\x928]\xe1\xb9\xa0\x85@\xad\x10\xfa\xcb\xfa\xda^^\xbf\xa5\xfeh\xff-\xcd\xc4s?o\x0fz\xe3\x10\xc7$\x0e\x8a\x8f\xebq\x1d\xb3u\x8by\xc1P\xf6\xee\x01\x9c\x8c\xe8\x83\x19"{\xa1V!G\x88(\xb2{\xf9\x82\x87\x8d\x85\x98\x11\xac\x96\x1e\xc8\x1a\xd0\xed\'\xe5\xces\xba\xdc)\xb9\x89\xb8X\xdd\xf6\xafzP\xe48\xea\xf7\xde\xdf\x1d+\xd5\xefG\x90\xa5\x8e\x8c\xa8\x19\xb8n\xc1\x8fO.v8\xa9I\x86\xf3\x13Y\xc8\x1cP\x02\x11\x99\xdelP^\x1d*r\x06\xdaHm\x151\'=L\x1d\xc8d\x08\xe6\xdc\x91U\x1c\x9f?\xe1\x98\x0c\xa1\xa3\xa2\r.\xad`X\x19\x7f|\tD\x867R\xd1xS\xde:\x14^\x9a+S.\xb5\xcaW\x9bs\x95TC\x18\xd3\x13\x9c\x15\x860P\xaa\x93\xd5ht\x9b\xcb\xa0`\xc0\xdb6\x9c\xb7\xea\xd5[~;V\xcc\xa7\xc5)sLv\x90\r9bM\xffS\xae\xe1\xd7D_\xdbi\xe17\xbd\xa3\xde\xf9V\xdc\xe7\x85D^\xd4\xb0P\xbf\xb0\xb3\xa6\xadI+\xc5\x96\xbc\x15k\xbe\x82C\xf3\xb0u&amp;%7\xe7\x1b\x84)\xbc\xcdI\xa5c\xc8\xd6\xf3\xe3\x93DV~_\x8eKv\xd2n\x85F\xe7\xd8\xa5&gt;9\x84%\xe19\xc2\x8e\xa2\x90\x8aV\x94:\x84\xc9\xd4\xb22\xed\xdf\x19\xe1\x84\xf7\x8f\xe0\xbe&lt;\xd2\x8f\xf9\x0f\xcd\xd5\x90\xb3Y#\xad\xe8\x0eE \xb0\x06\xfd\xa4i\x92\xf2r\xec\x90\xe3\xcb\x92=\x8d\xbf\x9dm\xaa\xd9\x02M\xef:\xdb\xfc\x81""\x99cc\xe3\x98\xe1\xb6\xaa\x17\xf9\x95\x14M8\xaf\xd7\xc4!\xbb\x86\x7f\xcc\xb2\x9e\x9a\x19+_qY\xee\xa8\xe1\xa9\xcc\xea`\xd3\xf5)\tx\xa2Q\xe3\n?\xba\x89p\x04Q\xed\xce6\x9el\xdf\xc6d\xa8iZ\xcf\x0c\xa7$y\xd2K\x87$=\x94;\x88\xdc\xe4\xeb\x19\xc5\x89yP\xb8\x85\rDE\xfb\xb0\xae\x9d\xaaxF\xa8k\x7fJ7\x93\xd8\xda\xa8\xf3\xbbm \xa1\x1a\x19\xecz\x1d}\xd1\xa4\xde\x9c\xd9\xa4\x81\xc9\xbf\xba\xb1\xe3\x8ci\xce\xce\x0f\x810~\t\xab\xa6\xd0\xf7\xc2\xcf\x93\xa1\x87\x0cRG\xec\x85\xe6\x82\x00\xb9/\xef\xe0\xc2\x91H\xec/"\x91\xec\xc7\x9fi\xbb\xa0\x9f\xec\x9b\x93\xe7\x17\x05l\x8e\xda\xe52T \x15\x10\xadC'</t>
  </si>
  <si>
    <t>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</t>
  </si>
  <si>
    <t>b'\xb1\x14(\xf3\x92\x87\xd0\xb4\xa6/\xa3HH`\x10\xe8'</t>
  </si>
  <si>
    <t>1. If the input is given by Vin = V0 cos Ï‰t,
 plot the output of each circuit in
 Fig. 3.69 as a function of time. Assume an
 ideal diode model.
 **3.12. Plot the input/output characteristics of the
 circuits shown in Fig. 3.70 using an ideal
 model for the diodes.
 **3.13. Repeat Problem 3.12 with a constant_x0002_voltage diode model.
 **3.14. Assuming the input is expressed as
 Vin = V0 cos Ï‰t, plot the output of each cir_x0002_cuit in Fig. 3.70 as a function of time. Use an
 ideal diode model.
 Vout
 R1
 Vin
 D1
 VB
 D1
 VB
 R1 Vout Vin
 R1 Vout
 D1
 VB
 Vin
 Vout Vin
 VB
 R1
 D1 R1
 VB
 Vout Vin D1
 (a) (b) (c)
 (d) (e)
 Figure 3.69
 Problems 115
 Vout
 R1
 Vin
 D1
 VB
 D1
 VB
 R1 Vout Vin
 R1 Vout
 D1
 VB
 Vin Vout Vin
 VB
 R1
 D1
 R1
 VB
 Vout Vin D1
 (a) (b) (c)
 (d) (e)
 Figure 3.70
 **3.15. Assuming a constant-voltage diode model,
 plot Vout as a function of Iin for the circuits
 shown in Fig. 3.71.
 **3.16. In the circuits of Fig. 3.71, plot the current
 flowing through R1 as a function of Vin. As_x0002_sume a constant-voltage diode model.
 **3.17. For the circuits illustrated in Fig. 3.71, plot
 Vout as a function of time if Iin = I0 cos Ï‰t.
 Assume a constant-voltage model and a rel_x0002_atively large I0.
 **3.18. Plot Vout as a function of Iin for the cir_x0002_cuits shown in Fig. 3.72. Assume a constant_x0002_voltage diode model.
 R1 D1 I in Vout
 D1
 I R1 in Vout
 VB
 I in Vout
 VB
 R1 D1 I in Vout
 VB
 1 R1 D
 (c)
 (a) (b)
 (d
 Figure 3.71
 D1
 I R1 in Vout
 VB
 I in Vout
 VB
 R1 D1 I in Vout
 VB
 1 R1 D
 (a) (b) (c)
 Figure 3.72
 116 Chapter 3 Diode Models and Circuits
 *3.19. Plot the current flowing through R1 in the
 circuits of Fig. 3.72 as a function of Iin. As_x0002_sume a constant-voltage diode model.
 *3.20. In the circuits depicted in Fig. 3.72, as_x0002_sume Iin = I0 cos Ï‰t, where I0 is relatively
 large. Plot Vout as a function of time using a
 constant-voltage diode model.
 **3.21. For the circuits shown in Fig. 3.73, plot Vout
 as a function of Iin assuming a constant_x0002_voltage model for the diodes.
 **3.22. Plot the current flowing through R1 as a
 function of Iin for the circuits of Fig. 3.73.
 Assume a constant-voltage diode model.
 D1
 I R1 in
 Vout D2 I in
 Vout D2
 R1
 D1
 I in
 Vout D2
 R1
 D1
 I in Vout
 D2
 R1
 D1
 I in
 Vout D2
 R1
 D1
 I in
 Vout D2
 R1
 D1
 I in Vout
 D2
 R1
 D1
 I in Vout
 D2
 R1
 D1
 (a) (b) (c)
 (d) (e) (f)
 (g) (h)
 Figure 3.73
 (a) (b)
 Vout
 R1
 Vin
 R2 D1 Vout Vin R2
 D1
 R1
 Figure 3.74
 *3.23. Plot the input/output characteristic of the
 circuits illustrated in Fig. 3.74 assuming a
 constant-voltage model.
 *3.24. Plot the currents flowing through R1 and
 D1 as a function of Vin for the circuits of
 Fig. 3.74. Assume a constant-voltage diode
 model.
 **3.25. Plot the input/output characteristic of the
 circuits illustrated in Fig. 3.75 assuming a
 constant-</t>
  </si>
  <si>
    <t>b'"\x00/\xbaUj\xd3\x05;\xf2\xef\x84\xabI\xd8\xa8'</t>
  </si>
  <si>
    <t>22002fba556ad3053bf2ef84ab49d8a8</t>
  </si>
  <si>
    <t>â€”eightâ€”nine
 â€”tenâ€”eleven.
 I think all were gone when a group of savage boys surrounded Hook, who
 seemed to have a charmed life, as he kept them at bay in that circle of fire.
 They had done for his dogs, but this man alone seemed to be a match for them
 all. Again and again they closed upon him, and again and again he hewed a
 clear space. He had lifted up one boy with his hook, and was using him as a
 buckler, when another, who had just passed his sword through Mullins, sprang
 into the fray.
 'Put up your swords, boys,' cried the newcomer, 'this man is mine.'
 Thus suddenly Hook found himself face to face with Peter. The others drew
 back and formed a ring round them.
 For long the two enemies looked at one another; Hook shuddering slightly,
 and Peter with the strange smile upon his face.
 'So, Pan,' said Hook at last, 'this is all your doing.'
 'Ay, James Hook,' came the stern answer, 'it is all my doing.'
 'Proud and insolent youth,' said Hook, 'prepare to meet thy doom.'
 'Dark and sinister man,' Peter answered, 'have at thee.'
 Without more words they fell to, and for a space there was no advantage to
 either blade. Peter was a superb swordsman, and parried with dazzling
 rapidity; ever and anon he followed up a feint with a lunge that got past his
 foe's defence, but his shorter reach stood him in ill stead, and he could not
 drive the steel home. Hook, scarcely his inferior in brilliancy, but not quite so
 nimble in wrist play, forced him back by the weight of his onset, hoping
 suddenly to end all with a favourite thrust, taught him long ago by Barbecue at
 Rio; but to his astonishment he found this thrust turned aside again and again.
 Then he sought to close and give the quietus with his iron hook, which all this
 time had been pawing the air; but Peter doubled under it and, lunging fiercely,
 pierced him in the ribs. At sight of his own blood, whose peculiar colour, you
 remember, was offensive to him, the sword fell from Hook's hand, and he was
 at Peter's mercy.
 'Now!' cried all the boys; but with a magnificent gesture Peter invited his
 opponent to pick up his sword. Hook did so instantly, but with a tragic feeling
 that Peter was showing good form.
 Hitherto he had thought it was some fiend fighting him, but darker suspicions
 assailed him now.
 'Pan, who and what art thou?' he cried huskily.
 'I'm youth, I'm joy,' Peter answered at a venture, 'I'm a little bird that has
 broken out of the egg.'
 This, of course, was nonsense; but it was proof to the unhappy Hook that Peter
 did not know in the</t>
  </si>
  <si>
    <t>b'\x9e{\x0f\xee-!\x9f\x14'</t>
  </si>
  <si>
    <t>9e7b0fee2d219f14</t>
  </si>
  <si>
    <t>Vout
 I 1 I B1
 I B2
 I 2
 1
 2
 Figure 14.14 Stage with input applied to midpoint of diodes.
 Solution Here, we have V1 = Vin + VD1 and Vout = V1 âˆ’ VBE1. If VD1 â‰ˆ VBE1, then Vout â‰ˆ Vin, ex_x0002_hibiting no level shift with respect to the input. Also, the current flowing through D1 is
 equal to I1 âˆ’ IB1 and that through D2 equal to I2 âˆ’ |IB2|. Thus, if I1 = I2 and IB1 â‰ˆ IB2,
 the input voltage source need not sink or source a current for Vout = 0, a point of contrast
 with respect to the circuit of Fig. 14.12.
 Exercise Sketch the current provided by the input source as a function of Vin as Vin goes from âˆ’4 V
 to +4 V. Assume Î²1 = 25, Î²2 = 15, and RL = 8 _x0002_.
 684 Chapter 14 Output Stages and Power Amplifiers
 14.4.2 Addition of CE Stage
 The two current sources in Fig. 14.14 can be realized with pnp and npn transistors as
 depicted in Fig. 14.15(a). We may therefore decide to apply the input signal to the base of
 one of the current sources so as to obtain a greater gain. Illustrated in Fig. 14.15(b), the
 idea is to employ Q4 as a common-emitter stage, thus providing voltage gain from Vin to
 the base of Q1 and Q2.
 3 The CE stage is called the â€œpredriver.â€
 Q1
 Vin
 Q
 RL
 VCC
 VEE
 2
 D1
 D2
 Vout
 Q3
 Q
 Vb1
 Vb2 4
 Q1
 Q
 RL
 VCC
 VEE
 2
 D1
 D2
 Vout
 Q3
 Q
 Vb1
 4 Vin
 (a) (b)
 Figure 14.15 (a) Push-pull stage with realization of current sources, (b) stage with input applied
 to base of Q4.
 The push-pull circuit of Fig. 14.15(b) is used extensively in high-power output stages
 and merits a detailed analysis. We must first answer the following questions: (1) Given the
 bias currents of Q3 and Q4, how do we determine those of Q1 and Q2? (2) What is the
 overall voltage gain of the circuit in the presence of a load resistance RL?
 To answer the first question, we assumeVout = 0 for bias calculations and also IC4 = IC3.
 If VD1 = VBE1 and VD2 = |VBE2|, then VA = 0 (why?). With both Vout and VA at zero, the
 circuit can be reduced to that shown in Fig. 14.16(a), revealing a striking resemblance to a
 current mirror. In fact, since
 VD1 = VT ln |IC3|
 IS,D1
 , (14.15)
 where the base current of Q1 is neglected and IS,D1 denotes the saturation current of D1,
 and since VBE1 = VT ln(IC1/IS,</t>
  </si>
  <si>
    <t>b'\x15\xa6\xef\xa4MVb\xb7\xeb\xa0z\xc4V\rn\xde'</t>
  </si>
  <si>
    <t>15a6efa44d5662b7eba07ac4560d6ede</t>
  </si>
  <si>
    <t>ledictions when the train stopped, and accusing it of
 sluggishness, and mentally blaming Mr. Fogg for not having
 bribed the engineer. The worthy fellow was ignorant that, while
 it was possible by such means to hasten the rate of a steamer,
 it could not be done on the railway.
 The train entered the defiles of the Sutpour Mountains, which
 separate the Khandeish from Bundelcund, towards evening. The
 next day Sir Francis Cromarty asked Passe- partout what time
 it was; to which, on consulting his watch, he replied that it was
 three in the morning. This famous timepiece, always regulated
 on the Greenwich meridian, which was now some seventy-seven
 degrees westward, was at least five 1 hours slow. Sir Francis
 corrected Passepartoutâ€™s time, whereupon the latter made the
 same remark that he had done to Fix; and upon the general
 77
 insisting that the watch should be regulated in each new
 meridian, since he was constantly going eastward, that is in the
 face of the sun, and therefore the days were shorter by four
 minutes for each degree gone over, Passepartout obstinately
 refused to alter his watch, which he kept at London time. It was
 an innocent delusion which could harm no one.
 The train stopped, at eight oâ€™clock, in the midst of a glade some
 fifteen miles beyond Rothal, where there were several
 bungalows and workmenâ€™s cabins. The conductor, passing along
 the carriages, shouted, â€œPassengers will get out here!â€
 Phileas Fogg looked at Sir Francis Cromarty for an explanation;
 but the general could not tell what meant a halt in the midst of
 this forest of dates and acacias.
 1 Both Towleâ€™s translation and the original French edition say
 four hours, but, actually, at this point Passepartoutâ€™s watch
 would have been at least five hours behind (one hour for every
 15 degrees of longitude between his location and the Greenwich
 meridian).â€”J.M.
 Passepartout, not less surprised, rushed out and speedily
 returned, crying: â€œMonsieur, no more railway!â€
 â€œWhat do you mean?â€ asked Sir Francis.
 78
 â€œI mean to say that the train isnâ€™t going on.â€
 The general at once stepped out, while Phileas Fogg calmly
 followed him, and they proceeded together to the conductor.
 â€œWhere are we?â€ asked Sir Francis. â€œAt the hamlet of Kholby.â€
 â€œDo we stop here?â€
 â€œCertainly. The railway isnâ€™t finished.â€ â€œWhat! Not finished?â€
 â€œNo. Thereâ€™s still a matter of fifty miles to be laid from here to
 Allahabad, where the line begins again.â€
 â€œBut the papers announced the opening of the railway
 throughout.â€
 â€œWhat would you have, officer? The papers were mistaken.â€
 â€œYet you sell tickets from Bombay to Calcutta,â€ retorted Sir
 Francis, who was growing warm.
 â€œNo doubt,â€ replied the conductor; â€œbut the passengers know
 that they must provide means of transportation for themselves
 from Kholby to Allahabad.â€
 Sir Francis was furious. Passepartout would willingly have
 knocked the conductor down, and did not dare to look at his
 master.
 â€œSir Francis,â€ said Mr. Fogg, quietly, â€œwe will, if you please, look
 about for some means of conveyance to Allahabad.â€
 â€œMr. Fogg, this is a delay greatly to your disadvantage.â€ â€œNo, Sir
 Francis; it was foreseen.â€
 79
 â€œWhat! You knew that the wayâ€”â€
 â€œNot at all; but I knew that some obstacle o</t>
  </si>
  <si>
    <t>b'\xc5\xc1\t3\xb0\x06c\xd38\xe4"\xd3f[W+\xf4\x03\x99Xo\x92\xa0\x85\n\x08\x96.\x90J\xe2X'</t>
  </si>
  <si>
    <t>c5c10933b00663d338e422d3665b572bf40399586f92a0850a08962e904ae258</t>
  </si>
  <si>
    <t>b'\xc5\xc1\t3\xb0\x06c\xd38\xe4"\xd3f[W+'</t>
  </si>
  <si>
    <t>g him most liable to stumble and fall.
 Whether the man was partly blind or only very careless I can't say, but he drove me
 with that stone in my foot for a good half-mile before he saw anything. By that time I
 was going so lame with the pain that at last he saw it, and called out, "Well, here's a go!
 Why, they have sent us out with a lame horse! What a shame!"
 He then chucked the reins and flipped about with the whip, saying, "Now, then, it's no
 use playing the old soldier with me; there's the journey to go, and it's no use turning
 lame and lazy."
 Just at this time a farmer came riding up on a brown cob. He lifted his hat and pulled up.
 "I beg your pardon, sir," he said, "but I think there is something the matter with your
 horse; he goes very much as if he had a stone in his shoe. If you will allow me I will look
 at his feet; these loose scattered stones are confounded dangerous things for the
 horses."
 "He's a hired horse," said my driver. "I don't know what's the matter with him, but it is a
 great shame to send out a lame beast like this."
 The farmer dismounted, and slipping his rein over his arm at once took up my near foot.
 "Bless me, there's a stone! Lame! I should think so!"
 At first he tried to dislodge it with his hand, but as it was now very tightly wedged he
 drew a stone-pick out of his pocket, and very carefully and with some trouble got it out.
 Then holding it up he said, "There, that's the stone your horse had picked up. It is a
 wonder he did not fall down and break his knees into the bargain!"
 "Well, to be sure!" said my driver; "that is a queer thing! I never knew that horses picked
 up stones before."
 "Didn't you?" said the farmer rather contemptuously; "but they do, though, and the best
 of them will do it, and can't help it sometimes on such roads as these. And if you don't
 want to lame your horse you must look sharp and get them out quickly. This foot is very
 much bruised," he said, setting it gently down and patting me. "If I might advise, sir, you
 had better drive him gently for awhile; the foot is a good deal hurt, and the lameness
 will not go off directly."
 Then mounting his cob and raising his hat to the lady he trotted off.
 When he was gone my driver began to flop the reins about and whip the harness, by
 which I understood that I was to go on, which of course I did, glad that the stone was
 gon</t>
  </si>
  <si>
    <t>b'\x1b!\x123\x9b6\x12\x9a'</t>
  </si>
  <si>
    <t>1b2112339b36129a</t>
  </si>
  <si>
    <t>redible accuracy and nimbleness, skipped 
 out of the parlour and into the road, where, as I still stood motionless, I 
 could hear his stick go</t>
  </si>
  <si>
    <t>b'g\x8dxR\xa8\x8e\xa6\xd4?\x0f\x92b\x0c\x94\x03{t\x8dvt\xf3\xd71`\xd4\xe0\xbcZ?\x8f\xa6\x19\tj\xd0\xf6\xa0\x89[\xa7dL\xba}\x18\xdf\x02\t\xe3g\x1b\x04\xc1y\x16`\x15aL\xee\\\xbd\xb89$\xf4\r*A\x1c\xd6F\xa3r+M\xf1[\x1aM\xfac\xedJ!\x11ux\x05\\\x17\xc8\xda\xfc6\x0cj\xebM` \xcal\xcez5c\xf5(\x88\xf4\xfc\x928c\xaf)\x10\xf7S\x0b(7t\x14g^\x94\xea\xa2\xc4\xceV\x92\x05U\x8bq\x13\xbf\xcb\x98\x11\xce\xf6\x16zS\xce\xf8\xf9\\8\x85\xe6L\r\x06}V\xd3,J\xd2\n\x8d\xc9J\xb5u*\xc0\x01{\xbe0\xfcO\x06N\x87\x1a3\xb1y\xda\x8e\xef\x1f\xf7G\xa2\xa3\xbd\xc5\xb2"\xaa\xd1p\x14o\xee\xae\x8a\xba\xea\xb35\xb3\x98\xec\xa9\x9c\xb9?\x9e% |\x14\xd3\xe2V\x08E\xa8I\xfdnE\xdd[\xc7\x95\xae\xa7N-y\xa8\xee\xb4~\x8c\x0b\xfe\xc6n&gt;S\xf4&gt;\xc4\xd48'</t>
  </si>
  <si>
    <t>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</t>
  </si>
  <si>
    <t>b'g\x8dxR\xa8\x8e\xa6\xd4?\x0f\x92b\x0c\x94\x03{'</t>
  </si>
  <si>
    <t>ore than I ought to take, but the other always
 overruled him. "'Twas no use going twice when once would do, and he chose to get
 business forward."
 Jakes, like the other carters, always had the check-rein up, which prevented me from
 drawing easily, and by the time I had been there three or four months I found the work
 telling very much on my strength.
 One day I was loaded more than usual, and part of the road was a steep uphill. I used all
 my strength, but I could not get on, and was obliged continually to stop. This did not
 please my driver, and he laid his whip on badly. "Get on, you lazy fellow," he said, "or I'll
 make you."
 Again I started the heavy load, and struggled on a few yards; again the whip came down,
 and again I struggled forward. The pain of that great cart whip was sharp, but my mind
 was hurt quite as much as my poor sides. To be punished and abused when I was doing
 my very best was so hard it took the heart out of me. A third time he was flogging me
 cruelly, when a lady stepped quickly up to him, and said in a sweet, earnest voice:
 "Oh! pray do not whip your good horse any more; I am sure he is doing all he can, and
 the road is very steep; I am sure he is doing his best."
 "If doing his best won't get this load up he must do something more than his best; that's
 all I know, ma'am," said Jakes.
 "But is it not a heavy load?" she said.
 "Yes, yes, too heavy," he said; "but that's not my fault; the foreman came just as we were
 starting, and would have three hundredweight more put on to save him trouble,</t>
  </si>
  <si>
    <t>b'\x86\xe6)\xc9\xc0\xce\xc9\xe8'</t>
  </si>
  <si>
    <t>86e629c9c0cec9e8</t>
  </si>
  <si>
    <t>t.
 We can understand the economic forces causing these results by recalling our earlier
 discussions of asset market equilibrium and output determination. At the initial output
 level and given the fixed price level, an increase in money supply must push down the
 home interest rate, . We have been assuming that the monetary change is temporary and
 does not affect the expected future exchange rate, , so to preserve interest parity in the
 face of a decline in (given that the foreign interest rate, , does not change), the
 exchange rate must depreciate immediately to create the expectation that the home cur_x0002_rency will appreciate in the future at a faster rate than was expected before fell. The
 immediate depreciation of the domestic currency, however, makes home products cheaper
 relative to foreign products. There is therefore an increase in aggregate demand, which
 must be matched by an increase in output.
 Fiscal Policy
 As we saw earlier, expansionary fiscal policy can take the form of an increase in government
 spending, a cut in taxes, or some combination of the two that raises aggregate demand.
 A temporary fiscal expansion (which does not affect the expected future exchange rate)
 therefore shifts the DD schedule to the right but does not move AA.
 Figure 17-11 shows how expansionary fiscal policy affects the economy in the short
 run. Initially the economy is at point 1, with an exchange rate and output . Suppose
 the government decides to spend $15 billion to develop a new space shuttle. This one-time
 increase in government purchases moves the economy to point 2, causing the currency to
 appreciate to and output to expand to . The economy would respond in a similar way
 to a temporary cut in taxes.
 Y2 E2
 Y1 E1
 R
 R R*
 Ee
 R
 Y1
 Y2
 E2 Y1 E1
 AA2 AA1
 Exchange
 rate, E
 Output, Y
 2
 E2
 Y2
 DD
 1
 E1
 Y1
 AA2
 AA1
 Figure 17-10
 Effects of a Temporary Increase in
 the Money Supply
 By shifting AA1 upward, a tempo_x0002_rary increase in the money supply
 causes a currency depreciation
 and a rise in output.
 CHAPTER 17 Output and the Exchange Rate in the Short Run 439
 What economic forces produce the movement from point 1 to point 2? The increase in
 output caused by the increase in government spending raises the transactions demand for
 real money holdings. Given the fixed price level, this increase in money demand pushes
 the interest rate, , upward. Because the expected future exchange rate, , and the for_x0002_eign interest rate, , have not changed, the domestic currency must appreciate to create
 the expectation of a subsequent depreciation just large enough to offset the higher interna_x0002_tional interest rate difference in favor of domestic currency deposits.
 Policies to Maintain Full Employment
 The analysis of this section can be appli</t>
  </si>
  <si>
    <t>b'0E\x02 \x04Z\xe4\x8d\xfc\x99\x9c\x96|V\xe2\x13\xa57\x1a\x08\xaa\x1b33_9\x9cT\xf8|i}\xff\x0fJe\x02!\x00\xa4\xb1\xa1h@\x81\x05\xa9\x7f\xfc\x87E\x1c\xf0\x16\x0b\xbd\xa6\xaa\x0bp\xcfM\xaa\x06q\\\x00\xf2\xb5\x8d\xc8'</t>
  </si>
  <si>
    <t>30450220045ae48dfc999c967c56e213a5371a08aa1b33335f399c54f87c697dff0f4a65022100a4b1a168408105a97ffc87451cf0160bbda6aa0b70cf4daa06715c00f2b58dc8</t>
  </si>
  <si>
    <t>b'0E\x02 \x04Z\xe4\x8d\xfc\x99\x9c\x96|V\xe2\x13'</t>
  </si>
  <si>
    <t>ws me to hopeâ€”'
 'O! is that all?' interrupted Madame Cheron. 'Well, I will take upon me to
 answer for her. But at the same time, sir, give me leave to observe to you,
 that I am her guardian, and that I expect, in every instance, that my will
 is hers.'
 As she said this, she rose and quitted the room, leaving Emily and
 Valancourt in a state of mutual embarrassment; and, when Valancourt's
 hopes enabled him to overcome his fears, and to address her with the
 zeal and sincerity so natural to him, it was a considerable time before she
 160
 was sufficiently recovered to hear with distinctness his solicitations and
 inquiries.
 The conduct of Madame Cheron in this affair had been entirely governed
 by selfish vanity. Valancourt, in his first interview, had with great
 candour laid open to her the true state of his present circumstances, and
 his future expectancies, and she, with more prudence than humanity,
 had absolutely and abruptly rejected his suit. She wished her niece to
 marry ambitiously, not because she desired to see her in possession of
 the happiness, which rank and wealth are usually believed to bestow, but
 because she desired to partake the importance, which such an alliance
 would give. When, therefore, she discovered that Valancourt was the
 nephew of a person of so much consequence as Madame Clairval, she
 became anxious for the connection, since the prospect it afforded of
 future fortune and distinction for Emily, promised the exaltation she
 coveted for herself. Her calculations concerning fortune in this alliance
 were guided rather by her wishes, than by any hint of Valancourt, or
 strong appearance of probability; and, when she rested her expectation
 on the wealth of Madame Clairval, she seemed totally to have forgotten,
 that the latter had a daughter. Valancourt, however, had not forgotten
 this circumstance, and the consideration of it had made him so modest
 in his expectations from Madame Clairval, that he had not even named
 the relationship in his first conversation with Madame Cheron. But,
 whatever might be the future fortune of Emily, the present distinction,
 which the connection would afford for herself, was certain, since the
 splendour of Madame Clairval's establishment was such as to excite the
 general envy and partial imitation of the neighbourhood. Thus had she
 consented to involve her niece in an engagement, to which she saw only a
 distant and uncertain conclusion, with as little consideration of her
 happiness, as when she had so precipitately forbade it: for though she
 herself possessed the means of rendering this union not only certain, but
 prudent, yet to do so was no part of her present intention.
 From this period Valancourt made frequent visits to Madame Cheron,
 and Emily passed in his society the happiest hours she had known since
 the death of her father. They were both too much engaged by the present
 moments to give serious consideration to the future. They loved and
 were beloved, and saw not, that the very attachment, which formed the
 delight of their present days, might possibly occasion the sufferings of
 161
 years. Meanw</t>
  </si>
  <si>
    <t>b'\xb73B\x95K\xb9\x1a\xc5\xcb\xcd\x1fe"\x80\xc2V\x15hm\xf9\xd6\x08\xfe\x15\xe6&amp;JU\xf5&gt;\xcb\x15\x1d}\xaa.\x93\n\x0c\xe0Y\x19\xa3\xbf\xd7\xa2\x94RD\x19\xad\x90\x8buL\xbe\x03\x00\x07\xbb"\xd4\xc5]'</t>
  </si>
  <si>
    <t>b73342954bb91ac5cbcd1f652280c25615686df9d608fe15e6264a55f53ecb151d7daa2e930a0ce05919a3bfd7a294524419ad908b754cbe030007bb22d4c55d</t>
  </si>
  <si>
    <t>b'\xb73B\x95K\xb9\x1a\xc5\xcb\xcd\x1fe"\x80\xc2V'</t>
  </si>
  <si>
    <t>firms in the same
 industry that do not export. In the United States in a typical manufacturing industry, an
 exporting firm is on average more than twice as large as a firm that does not export. The
 average exporting firm also produces 11 percent more value added (output minus interme_x0002_diate inputs) per worker than the average nonexporting firm. These differences across
 exporters and nonexporters are even larger in many European countries.16
 Dumping
 Adding trade costs to our model of monopolistic competition also added another dimen_x0002_sion of realism: Because markets are no longer perfectly integrated through costless trade,
 firms can choose to set different prices in different markets. The trade costs also affect how
 a firm responds to competition in a market. Recall that a firm with a higher marginal cost
 will choose to set a lower markup over marginal cost (this firm faces more intense compe_x0002_tition due to its lower market share). This means that an exporting firm will respond to the
 trade cost by lowering its markup for the export market.
 Consider the case of firm 1 in Figure 8-8. It faces a higher marginal cost in the
 Foreign export market. Let and denote the prices that firm 1 sets on its domestic
 (Home) market and export (Foreign) market, respectively. Firm 1 sets a lower markup
 on the export market relative to its markup on the domestic market.
 This in turn implies that , and that firm 1 sets an export price (net of trade
 costs) that is lower than its domestic price.
 That is considered dumping by firm 1, and is regarded by most countries as an â€œunfairâ€
 trade practice. Any firm from Foreign can appeal to its local authorities (in the United
 States, the Commerce Department and the International Trade Commission are the rele_x0002_vant authorities) and seek punitive damages against firm 1. This usually takes the form of
 an antidumping duty imposed on firm 1, and would usually be scaled to the price differ_x0002_ence between and .17 P1
 X P - t 1
 D
 P1
 X - t 6 P1
 D
 P1
 D P1 - c1
 X - (c1 + t)
 P1
 X P1
 D
 c1 + t
 ci
 ci 7 c*
 c* - t 6 ci â€¦ c*
 ci â€¦ c* c - t i
 c1 + t â€¦ c*
 c2 + t 7 c*
 c2 â€¦ c*
 16See A. B. Bernard, J. B. Jensen, S. J. Redding, and P. K. Schott, â€œFirms in International Trade,â€ Journal of
 Economic Perspectives 21 (Summer 2007), pp. 105â€“130; and Thierry Mayer and Gianmarco I. P. Ottaviano,
 â€œThe Happy Few: The Internationalisation of European Firms: New Facts Based on Firm-Level Evidence,â€
 Intereconomics 43 (May/June 2008), pp. 135â€“148.
 17 is called firm 1â€™s ex factory price for the export market (the price at the â€œfactory gateâ€ before the trade
 costs are incurred). If firm 1 incurred some transport or delivery cost in its domestic market, then those cos</t>
  </si>
  <si>
    <t>b'0E\x02!\x00\xbd\xfd_\xba\xe9]\x8c\x98\xb3\xeaGS\x8e6\xde\x82\xc1`\xd9\xe2\nS`\xfd\xf8\xa8f\x13\xb4\xd1\xd8\x9d\x02 AFHL\x8b\x04\x92\x07S\xca\x80\x84\xd5\x03\x86\xe6\xc8!\\\x8b\x89\\\x17\xed[]\x8b^\xf3R\xfb\xac'</t>
  </si>
  <si>
    <t>3045022100bdfd5fbae95d8c98b3ea47538e36de82c160d9e20a5360fdf8a86613b4d1d89d02204146484c8b04920753ca8084d50386e6c8215c8b895c17ed5b5d8b5ef352fbac</t>
  </si>
  <si>
    <t>b'0E\x02!\x00\xbd\xfd_\xba\xe9]\x8c\x98\xb3\xeaG'</t>
  </si>
  <si>
    <t>at
 Av = âˆ’ RC
 RE
 2 +
 1
 gm
 . (10.98)
 The two circuits provide equal gains if the pair in Fig. 10.21(b) incorporates a total
 degeneration resistance of 2RE.
 Exercise Design each circuit for a gain of 5 and power consumption of 2 mW. Assume VCC = 2.5 V,
 VA = âˆž, and RE = 2/gm.
 I/O Impedances For a differential pair, we can define the input impedance as illustrated
 in Fig. 10.22(a). From the equivalent circuit in Fig. 10.22(b), we have
 vÏ€1
 rÏ€1
 = iX = âˆ’vÏ€2
 rÏ€2
 . (10.99)
 458 Chapter 10 Differential Amplifiers
 Q1 2 Q
 R
 V
 I EE
 CC
 RC C
 i X
 v X
 g v Ï€ Ï€v r
  Ï€1 1 m1 1 g Ï€v m2 2 v Ï€ 2 r
  Ï€2
 RC RC
 P
 v X
 i X i X
 (a) (b)
 Figure 10.22 (a) Method for calculation of differential input impedance, (b) equivalent circuit
 of (a).
 Also,
 vX = vÏ€1 âˆ’ vÏ€2 (10.100)
 = 2rÏ€1iX. (10.101)
 It follows that
 vX
 iX
 = 2rÏ€1, (10.102)
 as if the two base-emitter junctions appear in series.
 The above quantity is called the â€œdifferential input impedanceâ€ of the circuit. It is
 also possible to define a â€œsingle-ended input impedanceâ€ with the aid of a half circuit
 (Fig. 10.23), obtaining
 vX
 iX
 = rÏ€1. (10.103)
 This result provides no new information with respect to that in Eq. (10.102) but proves
 useful in some calculations.
 v
 i X
 X
 R
 VCC
 C
 Q1
 Figure 10.23 Calculation of single-ended input impedance.
 In a manner similar to the foregoing development, the reader can show that the dif_x0002_ferential and single-ended output impedances are equal to 2RC and RC , respectively.
 10.3 MOS DIFFERENTIAL PAIR
 Most of the principles studied in the previous section for the bipolar differential pair apply
 directly to the MOS counterpart as well. For this reason, our treatment of the MOS circuit
 in this section is more concise. We continue to assume perfect symmetry.
 10.3 MOS Differential Pair 459
 RD
 M 1
 I SS
 R D
 DD
 M 2
 V
 X Y
 VCM
 Figure 10.24 Response of MOS differential pair to input CM variation.
 10.3.1 Qualitative Analysis
 Figure 10.24(a) depicts the MOS pair with the two inputs tied to VCM, yielding
 ID1 = ID2 = ISS
 2 (10.104)
 and
 VX = VY = VDD âˆ’ RD
 ISS
 2 . (10.105)
 That is, a zero differential input gives a zero differential output. Note that the output CM
 level is equal to VDD âˆ’ RDISS/2.
 For our subsequent derivations, it is useful to compute the â€œequilibrium ove</t>
  </si>
  <si>
    <t>b'G\xf6\r\xed4C\x9c:\'"\xf2\x1e\x9fJ\xc3\xc2'</t>
  </si>
  <si>
    <t>47f60ded34439c3a2722f21e9f4ac3c2</t>
  </si>
  <si>
    <t>days when she had
 been a princess, Sara had never looked as she did now. She did not seem
 the Sara they had seen come down the back stairs a few hours ago. She
 was dressed in the kind of frock Lavinia had been used to envying her the
 possession of. It was deep and warm in color, and beautifully made. Her
 slender feet looked as they had done when Jessie had admired them, and
 the hair, whose heavy locks had made her look rather like a Shetland
 pony when it fell loose about her small, odd face, was tied back with a
 ribbon.
 "Perhaps someone has left her a fortune," Jessie whispered. "I always
 thought something would happen to her. She's so queer."
 "Perhaps the diamond mines have suddenly appeared again," said
 Lavinia, scathingly. "Don't please her by staring at her in that way, you
 silly thing."
 "Sara," broke in Miss Minchin's deep voice, "come and sit here."
 And while the whole schoolroom stared and pushed with elbows, and
 scarcely made any effort to conceal its excited curiosity, Sara went to her
 old seat of honor, and bent her head over her books.
 That night, when she went to her room, after she and Becky had eaten
 their supper she sat and looked at the fire seriously for a long time.
 "Are you making something up in your head, miss?" Becky inquired with
 respectful softness. When Sara sat in silence and looked into the coals
 with dreaming eyes it generally meant that she was making a new story.
 But this time she was not, and she shook her head.
 "No," she answered. "I am wondering what I ought to do."
 Becky staredâ€”still respectfully. She was filled with something
 approaching reverence for everything Sara did and said.
 "I can't help thinking about my friend," Sara explained. "If he wants to
 keep himself a secret, it would be rude to try and find out who he is. But I
 do so want him to know how thankful I am to himâ€”and how happy he
 has made me. Anyone who is kind wants to know when people have been
 made happy. They care for that more than for being thanked. I wishâ€”I
 do wishâ€”"
 164
 She stopped short because her eyes at that instant fell upon something
 standing on a table in a corner. It was something she had found in the
 room when she came up to it only two days before. It was a little writingcase fitted with paper and envelopes and pens and ink.
 "Oh," she exclaimed, "why did I not think of that before?"
 She rose and went to the corner and brought the case back to the fire.
 "I can write to him," she said joyfully, "and leave it on the table. Then
 perhaps the person who takes the things away will take it, too. I won't
 ask him anything. He won't mind my thanking him, I feel sure."
 So she wrote a note. This is what she said:
 I hope you will not think it is impolite that I should write this note to you
 when you wish to keep yourself a secret. Please believe I do not mean to
 be impolite or try to find out anything at all; only I want to thank you for
 being so kind to meâ€”so heavenly kindâ€”and making everything like a
 fairy story. I am so grateful to you, and I am so happyâ€”and so is Becky.
 Becky feels just as thankful as I doâ€”it is all just as beautiful and
 wonderful to her as it is to me. We used to be so lonely and cold and
 hungry, and nowâ€”</t>
  </si>
  <si>
    <t>b'J\xa7\x10?7B\x8b\xb5'</t>
  </si>
  <si>
    <t>4aa7103f37428bb5</t>
  </si>
  <si>
    <t>not do better. If in any way I can help you,
 write to me. I shall speak to my agent in London, and leave your character with him."
 Master gave John the name and address, and then he thanked him for his long and
 faithful service; but that was too much for John. "Pray, don't, sir, I can't bear it; you and
 my dear mistress have done so much for me that I could never repay it. But we shall
 never forget you, sir, and please God, we may some day see mistress back again like
 herself; we must keep up hope, sir." Master gave John his hand, but he did not speak,
 and they both left the stable.
 The last sad day had come; the footman and the heavy luggage had gone off the day
 before, and there were only master and mistress and her maid. Ginger and I brought the
 47
 carriage up to the hall door for the last time. The servants brought out cushions and
 rugs and many other things; and when all were arranged master came down the steps
 carrying the mistress in his arms (I was on the side next to the house, and could see all
 that went on); he placed her carefully in the carriage, while the house servants stood
 round crying.
 "Good-by, again," he said; "we shall not forget any of you," and he got in. "Drive on,
 John."
 Joe jumped up, and we trotted slowly through the park and through the village, where
 the people were standing at their doors to have a last look and to say, "God bless them."
 When we reached the railway station I think mistress walked from the carriage to the
 waiting-room. I heard her say in her own sweet voice, "Good-by, John. God bless you." I
 felt the rein twitch, but John made no a</t>
  </si>
  <si>
    <t>b'\xcc%b\x0f\x7f\xc7y\xb5'</t>
  </si>
  <si>
    <t>cc25620f7fc779b5</t>
  </si>
  <si>
    <t>tuation, and to entreat that he would allow
 her to return to France with him and Madame Quesnel. Then, suddenly
 remembering that her beloved La Vallee, her only home, was no longer
 at her command, her tears flowed anew, and she feared that she had
 little pity to expect from a man who, like M. Quesnel, could dispose of it
 without deigning to consult with her, and could dismiss an aged and
 faithful servant, destitute of either support or asylum. But, though it was
 236
 certain, that she had herself no longer a home in France, and few, very
 few friends there, she determined to return, if possible, that she might be
 released from the power of Montoni, whose particularly oppressive
 conduct towards herself, and general character as to others, were justly
 terrible to her imagination. She had no wish to reside with her uncle, M.
 Quesnel, since his behaviour to her late father and to herself, had been
 uniformly such as to convince her, that in flying to him she could only
 obtain an exchange of oppressors; neither had she the slightest intention
 of consenting to the proposal of Valancourt for an immediate marriage,
 though this would give her a lawful and a generous protector, for the
 chief reasons, which had formerly influenced her conduct, still existed
 against it, while others, which seemed to justify the step, would not be
 done away; and his interest, his fame were at all times too dear to her, to
 suffer her to consent to a union, which, at this early period of their lives,
 would probably defeat both. One sure, and proper asylum, however,
 would still be open to her in France. She knew that she could board in
 the convent, where she had formerly experienced so much kindness, and
 which had an affecting and solemn claim upon her heart, since it
 contained the remains of her late father. Here she could remain in safety
 and tranquillity, till the term, for which La Vallee might be let, should
 expire; or, till the arrangement of M. Motteville's affairs enabled her so
 far to estimate the remains of her fortune, as to judge whether it would
 be prudent for her to reside there.
 Concerning Montoni's conduct with respect to hi</t>
  </si>
  <si>
    <t>b'\x15\xedGZ\xbeZe\xc9go\x11\xeb\x8a\xad?\xb6_!M\x08\xd9\x90\x8b\xc8\x0e\\&gt;}\x02\xd7\x03\xea\xe7\xb7E\x8cq\x8fH\xcd!\xae\xeb&amp;\x84h\xf1u\xcf[\r\x7f\x96g\xe1\xfeB=\xe28g\xa2\x81\x10'</t>
  </si>
  <si>
    <t>15ed475abe5a65c9676f11eb8aad3fb65f214d08d9908bc80e5c3e7d02d703eae7b7458c718f48cd21aeeb268468f175cf5b0d7f9667e1fe423de23867a28110</t>
  </si>
  <si>
    <t>b'\x15\xedGZ\xbeZe\xc9go\x11\xeb\x8a\xad?\xb6'</t>
  </si>
  <si>
    <t>wasn't."
If she had been Ben Weatherstaff she could have told whether the wood
was alive by looking at it, but she could only see that there were only gray or
brown sprays and branches and none showed any signs of even a tiny leaf-bud
anywhere.
But she was inside the wonderful garden and she could come through the
door under the ivy any time and she felt as if she had found a world all her
own.
The sun was shining inside the four walls and the high arch of blue sky
over this particular piece of Misselthwaite seemed even more brilliant and soft
than it was over the moor. The robin flew down from his tree-top and hopped
about or flew after her from one bush to another. He chirped a good deal and
had a very busy air, as if he were showing her things. Everything was strange
and silent and she seemed to be hundreds of miles away from any one, but
somehow she did not feel lonely at all. All that troubled her was her wish that
she knew whether all the roses were dead, or if perhaps some of them had
lived and might put out leaves and buds as the weather got warmer. She did
not want it to be a quite dead garden. If it were a quite alive garden, how
wonderful it would be, and what thousands of roses would grow on every side!
Her skipping-rope had hung over her arm when she came in and after she
had walked about for a while she thought she would skip round the whole
garden, stopping when she wanted to look at things. There seemed to have
been grass paths here and there, and in one or two corners there were alcoves
of evergreen with stone seats or tall moss-covered flower urns in them.
As she came near the second of these alcoves she stopped skipping. There
had once been a flowerbed in it, and she thought she saw something sticking
out of the black earthâ€”some sharp little pale green points. She remembered
what Ben Weatherstaff had said and she knelt down to look at them.
"Yes, they are tiny growing things and they might be crocuses or
snowdrops or daffodils," she whispered.
She bent very close to them and sniffed the fresh scent of the damp earth.
She liked it very much.
"Perhaps there are some other ones coming up in other places," she said. "I
will go all over the garden and look."
She did not skip, but walked. She went slowly and kept her eyes on the
ground. She looked in the old border beds and among the grass, and after she
had gone round, trying to miss nothing, she had found ever so many more
sharp, pale green points, and she had become quite excited again.
"It isn't a quite</t>
  </si>
  <si>
    <t>b'(\x92\'\xfc{&lt;\xd7\x98\x9e1y\xdc\xb1I^\r\xdf\xddB\x9a\xfe\xc5M\xf9\x10\xa7\xde\x00O\xf1{\xe8\xaf\xf4\x13\x994\x98\xdc]\xb2\xe1q:S\xbe\xe2W\xf1\xc6=\xf8\xb9\xa9\x87C\x95K\x92\xc1"\xcac\xfc0"S&amp;\r\xc5\xab\xfaz\xd8\xbf\x117\x14\xfcA\xf6\x83\xe4\xeb\xa4$\r\xc2\x7f\x04\x8f\xddl\xde\xc7id\x88\xdd\xec\x88\xc7\xf2\xba\x10(\x15K\x8c?:1\xfc\xda\xc3@\xf9\xf4\x0b\xdf\xbf6,\xee\x03\xaa\xb8\xe0\x0bJ\xff\xd2N\x19\x18\x17\x02~|O\xff]\x81\xae\xe5l?7\xc1y\xeb\xd1\xe5b2u%\x90\x92\xe3\xc5\xc3\xb1\x17c\x9d\xa73E\x16\x97c\x01C\xf6\xb5@\'L\x90\x07\xbfZe\xb3\xbc\xcc+,\xc8w\xe4\xcf\xa8\xec\x8b\xd1!\x18\x83!\xab\xe9\x95\xc3\x8a\x9c\xfb\x9c\xe9\xb5\xfb\x05\xf2\xa8t\xe1(\xd3\x08*\xed1\xa8P\xb9\xf0\xef \xab`\x93x\xad2\x07A\xb0,d\xdc*\x8ao\x88\xa5Iuj\xf99\xf1\x0f\xa2(j~\x94\x87\x95\x1c\x92"\xe1]\xdeh\xeac\xb4H\x96\x84g9\xef\x8bEg\xd7\x0b\x89\xc5B\xea(p8\x1cq\xbab\xa9L\xd1\xb9\xa0[\x87\xab\x12\x0f\xeb\xe9F\xbf\xc0W\xbe\x18\xa5M\xec\x8em\x98\xea\x04\xefTjr\xa4\x8b\xed\x07\xe0\xa0\xa1\xf3E\xc5!I \xa8\x19kWY\xdc\x9e\xd5\x0cv\x99\xa8i\x1aDy\xeez?\xcd\xa9\xbd}\xf1\x1bh3\x9aEm\xb6w\xe2\xa0\x95a\x9fR`U\xfa{\xedk\xb4\xd9\x9bc\x7f\x0ep\xc6\x026}j\\\xeb4\xc9}\x1c\x18\xbe\xa4\xae\x19\x1f\x9b\xff0 \xd2\xce\xb7r\xf6U\xca\xbd\x95\xdb\x8a\x85\xce\x96SH\xf6\x1a\xd3\xe40\x8a\x0cl^\xd4|\x00\xbaSg\xb6\x0b(\xb93\x82\xd2\xf9\xea\xa3}\xd79\xe2\xb9U[\xc2\x9a\x1ab\xa7\xe2\xf7H\xc0C\xfa\xde\xf6\xcb\'=\xc1\xc6kJ9\xcc\xd4\xe8OM\xbe3\x1f]\x9cd5!\xe6\x7f\xbf8\x08\xd6\xa3\xae\xd4\xecg{k\xf5\xab\xa7\xafV\xe0T\xc3\x12\xaaB\x1c\xe3\x06k+\xa2\xce\xb8\x95+\xfa\x8b\x02\x01\xe0\xef\xcbD.C#\x11\xb0\x15\x13?\xeb|\xe7PL=\xe5?0[\x95]\xdd\x9d\x0b^\x8cE\xb7\xf8\x0c\x92\xff\xe2\xac\xb7I\xf2\xcb\x99\xcf\xab\xc5\x91\xa7\x1e\xdcL\x96\x82\x8a%o\x06\x14v\xa9\xe1\x94~\xa0\xffg\xbb\xec9;\x06\xc5\x9f\x16\xf3]\x81\x96\x1c\x00\xc2\xf9\x03\x9c0\xa0\xc0}\xbc\xb8\xe0\x8a@\xf5/\x0c#DL\x96\xe2\x7f,&gt;^\xae\xbb\xafP\xb1\xcfJ\x8f\x98\xfc\x95\xfeN\xdc\xc1\xfd\x0c+\xbf\r\xe7B}\xb6\x87%\xeb\xb4\xdf\r\x0f\xd0\x11v@sk\x18\xb2\x95i\xd6\xd3c\xbf"l\xc3F\x97w\t\x82E\xfd\xb9dHr)\xe1\x8c\x8a$\x91\xe7\xd6\xc0\x0e\x02\xae\x1e\x0c&gt;\xa0\x8b\xebla\xac\xdd\x94\x07\x99\x80\xe8\xb9\xa5\x15[\x02\xbc0VB\xe6\xdbW\xdb\xf6\xc9\xe4\xe6\xb5\xb6@\xb5\xea\x80\xdb\x9d0\x10\'\xdf\xc1\xe8\xd1sw\xd0B\xfb\xca\xc4\xec\xe75a\x13\x89\xdcL.\xaa\x02\xf6\\\xcd&gt; \x92hH3\x1d\xc5\xaap\xff\xb4\x07\x7f\xb7#\xe2\xbb\x07=\xcc\xa5v\x99\xa8i\x1aDy\xeeI\xae\xb6\x0c\xa8\x02\xeb\x8f&amp;8\xf6\xfc&lt;\xdb\x94g\xb0\x9b\xad\xfd&gt;\xcd\xcal\t\x0eP?\xca \x8d\x8c\xe9!r\x9f&lt;\x95\xcdN\xa4\x10&lt;\xd4\xce\xf2\x83\xa2\xe0\xb5g\xf0\xfb\xfc4J\xd2a\xddG3\xd1\x9a\x9b\xb5\x83\x14k3\x0c\x83\xe4o&lt;\x15\x1f90@\xdb\xfc\x0b\xcd5\x80W\xb7\xdd\x10}g\xc7\x17\x1a$\xc1\xae\xbb~\xc5\xa4\xab\xf9\xd99C\x12c\xb1\xd0p\xdaB8\xc7F"}s\x89\x8f\x98\x86}R\xc4{\x04\x98\xc3\x96\x82=Vp/&amp;)\r\n\n\x96Z\x00\xc9\r\x10J\xb9\t\xeb\xc7#\xbd\xdb@}q\xc1\x16\x1e\x85\x88\xaa\xce^\x8c\xa3\x1e$\x02u\x08\x82\x19\x18\xf5\xbb#\x91"\x1b\xc6\xddn*\x0c4\x8f\x7fy\xb2\x95]`\x0f\x10\xe7\xbf\x06c\xc84\xc9\x00d8\'\xeb\x05\x05~\xbc\xa6%\x83\x9e\xb9x\x87!:\xd7\x82\xb5\x08\xfc\x82\x1f\xd1\xea\xfe\x80\xeb\xea\xa4y\x83:5m\x90\xec\xf3\x9eiop\xfbe\xb7\xd5\xd0\xde\xdcL\x1a\xcewM\xcb\xfb\xdc\xb7\x9b\xb3\xe4\xebF[\x12\xf8\xb9Y+Cn\xc2\xe70\x9a]!\x83\x96\x13\x9eyZz\x87\xc6b\xca\x8a\x97\xfd\r\x00IvQ\xedm\x84h\'\xaef#o_\x85G1[&lt;\xb2=Qt!\x16\x95\x96Fo\xc5C\x8e\xaat\x8e\x96\x88\xec\xc5\xe2\xfb\xb5 \x91rH\x92\xc6~\x14\xee\x01\x0bt\xde^B\xe1\x87l\x11\x0f]\xdc\xbd\xe4\xc2\xb6qu\'\x8e\xda\x16\xa2\xfa\x8c\x19;\xe1\xfcN\x1bqe_\xa4O\x1a-o\xa2G\x088\x02\x94]H]\xde\xae\xd2L|\x01\x0fe\xb7\x0by\xd8R\xb7\xd8\xea\xdf~\x19z\xcc\xe8\xdd\xa37\x8c\x8d\xe16\xc4m\xe6\xec\xa2au:z\x07&amp;\xa8\x93a\xc9\xbb\x03\xf1\xff\x04\xbavB\xcco\xbf(\x91M$A\xe9z\x83\tQb\xc5&gt;\xc7MC&amp;\x14\x8e5\x93g\xd8r\xe4\x8a^g\\\x01y\x06\x82\x89\x82\xd3a\r+Z(\xd1\xc4V\xe8\xc0\\\x83\xab9fG\xf8$+zZ\xca@\xee%\x8c\xb7T\xa4\xce\'D[\xf2\xb6\x06=\x1d\x15\xd5\xdfx\x9c\x0c\xc3\x872\xba5 \x19\t\xde\x95\tZ\x05\x14u\xe9K\xc3\xfc\x059c\xe4\x9f\xf6\x9a\'8\xc4\xbf\xec\x9b.\xb1\x11m\x85\xd0E;\xa5|\xda\x8b\xa9h\xb4Sr\x95u\x1c\xe8\xfb\xe6\xf4\xfe\x92\x13\xfaI\x0fY8\xfd\x89\x1aq\xdc\xdc\xee\x16*\x08dW\x02D\x12\x94\xa5\x02.\xa3\x1c\xcb\xa7BA@8|\x86\x98?*(h\x12\xa4\x0c L\x8d\x14\xff\xda\xa0\xf9\xde\xc68h\xaa\x17\xd1,0\xfd\x96B:\xd3\x80\xafY"wM\'\xcer\xfeu\xf2\x9c\xf6\xd6%G\x16\xed\x0f\x1a^\x00\xda\xcb\xba\xb1\x97\x034\xa7\xdew\xd7f\xfc\x03\xeb\x0e\xd4\xb5\x1fG\xf3\x00\x9a\x9azD\xe2\x8a\x8dcSp\n\xb0V\x072\x18\xfa\xe3?\xb5P\xf4.\x9c\x1c+\x01\x14&lt;\xe3\x85\xc4a\x9e\x85\x9d9\xf7\xef\x7f\xce`]~\xcc\t\xad\xab\x98Q\x88S\xd4\x121\xd5\xe9\x0c\xbe\x98\xcc\xc8\x8c\xda\xf7&lt;\x02\xa6\xa9\\\xef\xeb\xd0\x81[I\xf7J\nJRB\x9c\xd7\xc8lk\xa0\xf2iO\xf3?l!\xec\xdb\xfe\x00\xb7pm4\xf6\xf4{q\xa7\xa27Xo\t\x83\xa5u\xa3\x1fh\'\xa1\xdf\xe3d\xab\xf2\xad\x89\xbd\'\x02E\xbe\xd92\x85\x15\xc4:\x9a\x1b\xe9w\xe1\x87;]\xea5\xdc6\xe47K\xfb:7\x83D\xe9x\xf1\x18i1\xeca\xe8\xe4\xd4]\xec\x1a\x1eN\x80\xfdAP\xa1\xbd\xffV\x99\tuwO\x14\xb4\xf24L/\xf8\xb75\x1f\xe2\xd6\x13\xd1.26fx\xbf\x84k\x92\xba5 \x19\t\xde\x95\t\x196\x0f\x19\xa5\x1a\xb0\xc6\x87\t\xd5n\r7\xa9_[\x8f\x8f\x97A\x97\xfd\xee\xd5.D\xe3e\x9d\x1f\xd3\xb0\xe84\xba\x02\xbc\x11\x84K\x0e\xbf\x86"\xe3%\x81]R\xfa\xbc\x1f\x13zY\xb7\xce\xa7WPO%G\xc1\xd8\xb1\xa9\x8dR\x81\xed\'\x06~U\r\xd4\x01\x07\xc3C\x01\x99\xd8\x94\xf3*G\x01\xff\x9c\xe1A\x1c\xe7\x1e\x18X&gt;c\x8c\xc1\xd1S%\xaf\x98\x1fV\x80\xdd\xc2\xf1\x9b\x00\xae\xf7T{]J6Zt1\xb8\x8b\xbc\x04\x1e\x05\xd2\xbb\xd8t\xc6\xb1.\xcc4\xe3P\x8e\x1cja\x10h\x0b\xedj\x18\xc6F\xf8\x92\t\xef\xf4$ \xa3\xec\t\xac\xba/\xfe\x88\x9b\xb7\x82&gt;\x1cj9\xc6\xec\x9e\xf6\xbf\xdbsFU\x9f1rv0\xac\x15FI\x0b\xc4F\xf8\x04@R\xf0\x00\x96\xea&gt;\xa1G\x16\xed\x0f\x1a^\x00\xda,\xab]8\xb2\xe5\x84\xfc\x02\xbe\x04\xae\xeeV\xa8\xf8\xaa\xb1[\xb4\x01\x8d\xa0\x19;nky\xfe\x95-\x9f\x82\x16\'\xb9CY\x85\x93\x8f*\x98\xdeP\xdf\xa3\xee\xbd\xdb\x88\xad\xb3\xa8\xdd\x92Z\xd3\xb5\x1a\x18\x15H\x97\xf8]\xe7\xf5r\xfc\xf5\xd2\x84D`h\xc8\xc9\xd5\x9f-M\x94s\xc1\xf8\x90\xb0S\xc19n\xd9a\xe4\xff\xb0\xabK\xff\xed\xb3\xd8\x9e\x9f@\x01\xea\xa9a\x8d\xdb\x94\xc5\x0e\xe1\xd6j\x08\xf4zP\xb2P\x978a\x82Nv\x17M\xf5W\xa1\xe9\xb4!6\x0b\xc8\xe62\xe1X\xa7\xb2\xdfJ\xdd\xffG\x1a\x8d\xbc\xf5\xeb\'\xc5\xe4d\x8d(\xa9\x84\xbcGZ\x9f\xef\xc3{\xec\xb6\x11\xf6f\x18\x04\x0ct\x07\xc0\x8d\xe8j\xc0T\xfbl\xabt^=h=\xa4:yu\x89\x16\n&gt;\xf6~\x11WhB|\x8bE\xef\x19\x93\x1a\x801\xa4N\x92\x0b\xe4\x80m\xc9\x03\x03\xb6\x8f\xb6\x85\x0fA\xb2\xe7\x08\xb8s&lt;?\x93\xcc\x88lQ\xd1K\xb7\xb4\xc3\xee\\\xab\xad\xc2\xe3\x90\xf0,\x01^i\x8c)j\xbb\xd27\x90pv\xf3\x87\x91U+\xc3\x120\xe9\xa3d\xd4\xa8\xe6\x8a~\xdc\xb8\xde\xb4\xfd\xbfXs\x84\xf3\xef\xbe\xec\xbb\x9d\xe8w\xf3y`\x94\x01\xe2\xc9\xa3\xe5\xbe\xf9,\xd0l\xfa\xab\xda0!s\xa6\x04\xb2\x13\xbc-\x08\x17\xc5\x18\x19\xa7\x13\xb2.\x1b\x1b\xb5\xd9\x971v\xe5j\xf0P\xd1\xb3\xdeyF\x01\x1eG9\xfe\x81-\x8b\xbc\xbe\x96T\xc4q \xe3\xd8f{B1I\xda\x03\xb50\x03[\xda1\xdd\x12y:\x1e;\x84wbg9\x92\x00\xa4\'A\xae\x91\x1b #\xad\xebZ\x04~5\xd30o\xb9\xc1b\x86\xfb\xc6\t\x8d\xfd9[\xa0;\x8d\x11\x91b\xa7\x88\x99\xd3\x8f\x81*"\xd1?;\xb7:\x9ah\xc3\xc8\x91\x15\xe9\np\r\xdd\xf8\x97\x86\xa1@2\xb4\x04\xcf\xae\xf3\xee\xdbj\xfb\nTy\x90uT&lt;\xab4\xff\x84\xbd\xe1,\xc3\xc2=\x99\xd1\x88v(\x1b\x8b\xbcg\xd1\x06P\xc5$\xf6\xd4MmS\xf9,\xc7?\n\x1b\x95\x83\x1b\x82\xcb\x14\xe6\x94c\xc0\x92\x1a\xccG\x9e\x0f-a\x11\xd1ZO A\x1dQ\x87\x7f\x96\x8a$\x9b\x162a\xea\xd9\xa7\xd0\x83\x9e,\xbc\x95\xcaG\xf2\xed@\x054\x0c\xfc\x03U\n\xe9=|\xf4p\xe6uA~\xa8\x03+!'</t>
  </si>
  <si>
    <t>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</t>
  </si>
  <si>
    <t>b"(\x92'\xfc{&lt;\xd7\x98\x9e1y\xdc\xb1I^\r"</t>
  </si>
  <si>
    <t>that (1) microelectronics is very heavily
 based on intuitive understanding, requiring that we go beyond simply writing KVLs and
 KCLs and interpret the mathematical expressions intuitively, and (2) this course offers
 many applications of microelectronic devices and circuits in our daily lives. In other words,
 microelectronics is not as dry as arbitrary RLC circuits consisting of 1-_x0002_ resistors, 1-H
 inductors, and 1-F capacitors.
 First Quiz Since different students enter each course with different levels of preparation,
 I have found it useful to give a 10-minute quiz in the very first lecture. Pointing out that
 the quiz does not count towards their grade but serves as a gauge of their understanding,
 I emphasize that the objective is to test their knowledge rather than their intelligence.
 After collecting the quizzes, I ask one of the teaching assistants to assign a binary grade to
 each: those who would receive less than 50% are marked with a red star. At the end of the
 lecture, I return the quizzes and mention that those with a red star need to work harder
 and interact with the teaching assistants and myself more extensively.
 The Big Picture A powerful motivational tool in teaching is the â€œbig picture,â€ i.e., the
 â€œpracticalâ€ application of the concept under study. The two examples of microelectronic
 systems described in Chapter 1 serve as the first step toward creating the context for the
 material covered in the book. But, the big picture cannot stop here. Each new concept may
 merit an applicationâ€”however brief the mention of the application may beâ€”and most of
 this burden falls on the lecture rather than on the book.
 x
 Suggestions for Instructors xi
 The choice of the application must be carefully considered. If the description is too
 long or the result too abstract, the students miss the connection between the concept and
 the application. My general approach is as follows. Suppose we are to begin Chapter 2
 (Basic Semiconductor Physics). I ask either â€œWhat would our world look like without
 semiconductors?â€ or â€œIs there a semiconductor device in your watch? In your cellphone?
 In your laptop? In your digital camera?â€ In the ensuing discussion, I quickly go over
 examples of semiconductor devices and where they are used.
 Following the big picture, I provide additional motivation by asking, â€œWell, but isnâ€™t this
 stuff old? Why do we need to learn these things?â€ I then briefly talk about the challenges
 in todayâ€™s designs and the competition among manufacturers to lower both the power
 consumption and the cost of portable devices.
 Analysis versus Synthesis Let us consider the background of the students entering
 a microelectronics course. They can write KVLs and KCLs efficiently. They have also
 seen numerous â€œrandomâ€ RLC circuits; i.e., to these students, all RLC circuits look the
 same, and it is unclear how they came about. On the other hand, an essential objective
 in teaching microelectronics is to develop specific circuit topologies that provide certain
 characteristics. We must therefore change the studentsâ€™ mentality from â€œHereâ€™s a circuit
 that you may never see again in your life. Analyze it!â€ to â€œWe face the following problem
 and we must create (synthesize) a circuit that solves the problem.â€ We can then begin with
 the simplest topology, identify its shortcomings, and continue to modify it until w</t>
  </si>
  <si>
    <t>b'\xb6%\xa5G\xb51P\xbe\xc7\x02\xf5l$%S\xca'</t>
  </si>
  <si>
    <t>b625a547b53150bec702f56c242553ca</t>
  </si>
  <si>
    <t>e.
â€œWell, then,â€ the Cat went on, â€œyou see, a dog growls when itâ€™s angry,
and wags its tail when itâ€™s pleased. Now I growl when Iâ€™m pleased, and
wag my tail when Iâ€™m angry. Therefore Iâ€™m mad.â€
â€œI call it purring, not growling,â€ said Alice.
â€œCall it what you like,â€ said the Cat. â€œDo you play croquet with the
Queen to-day?â€
â€œI should like it very much,â€ said Alice, â€œbut I havenâ€™t been invited
yet.â€
â€œYouâ€™ll see me there,â€ said the Cat, and vanished.
Alice was not much surprised at this, she was getting so used to queer
things happening. While she was looking at the place where it had been, it
suddenly appeared again.
â€œBy-the-bye, what became of the baby?â€ said the Cat. â€œIâ€™d nearly
forgotten to ask.â€
â€œIt turned into a pig,â€ Alice quietly said, just as if it had come back in a
natural way.
â€œI thought it would,â€ said the Cat, and vanished again.
Alice waited a little, half expecting to see it again, but it did not appear,
and after a minute or two she walked on in the direction in which the
March Hare was said to live. â€œIâ€™ve seen hatters before,â€ she said to herself;
â€œthe March Hare will be much the most interesting, and perhaps as this is
May it wonâ€™t be raving madâ€”at least not so mad as it was in March.â€ As
she said this, she looked up, and there was the Cat again, sitting on a
branch of a tree.
â€œDid you say pig, or fig?â€ said the Cat.
â€œI said pig,â€ replied Alice; â€œand I wish you wouldnâ€™t keep appearing and
vanishing so suddenly: you make one quite giddy.â€
â€œAll right,â€ said the Cat; and this time it vanished quite slowly,
beginning with the end of the tail, and ending with the grin, which
remained some time after the rest of it had gone.
â€œWell! Iâ€™ve often seen a cat without a grin,â€ thought Alice; â€œbut a grin
without a cat! Itâ€™s the most curious thing I ever saw in my life!â€
She had not gone much farther before she came in sight of the house of
the March Hare: she thought it must be the right house, because the
chimneys were shaped like ears and the roof was thatched with fur. It was
so large a house, that she did not like to go nearer till she had nibbled
some more of the lefthand bit of mushroom, and raise</t>
  </si>
  <si>
    <t>b'\xfbV%|\x1e\xb5\x1a\xfd\xe5\xa5\xc3\x9e\xc9;`\xb0\x1b\xd42\xb53\x9cZ\x0cb\x95\xc1\xfb`\x01\r@\x1c\xb6\x9f\xb9\xc7\x8f\xb9\xd9\xe8n\x1d\x94^\xbd\xd7\xf8@\x01o/\xad\xe4\x93\xd2\xf3\xb4\xe7\xa2[|\x06\xcc\xd8\x85\xd4\xc4\xaeu4hT\xe9BR\xb3\xc22 \x19\x10\xb3\x9d\x9a\xea\xe7@\x91\xd4\x00F \x98aXH\xce\xa7\xb0\xbd\xb5\xf8\xe83\xcf\tx N\x8b\xa5\xf3p\xe8\xe1\xf7\x83X\x0f\xb3\xa3\x18ag\xa9\xfc\x8b\x7f\xe6?\xdc\xda\x10\x9b\xf0\xcd\xe3\xf0\x9a\xe9\x1b\x86\x15\xd3\x9f\xcbx\xfdYl\xb2\xdeE\x06YW\xb0K\x8e\xcd$\xcc\x92?\xe1\xcf\xcft\'-4\x0c\xfa\xd0\x03LN\xc7K+pv.\xeb\xcb"\xa1\x88\xaa\xb6\xd6\xd47k\xef|DV\x92\x1b\xae\x91h\x94z\xbf\xd0\xabI4\x1f\xb7dmaw]!\xe2\x17\xab\x9e\x0c\x93jQ\x85\xd3M\xac&amp;f[\x0c\xa1\x16\xda\x8c\x9c-`\x88k$\x81\xe6\xd7\'\xf4\xc0.\xb2m\x9f(\x9e\x89[?s\xd69p\x06|O\xbbE\x97\x90\x8b\x8a\xf0~\xc7h\xdf\xd4\x10O\x82\x86\xbf\x1a1\x98z\xde\x92\xe1\xcf\x07)\xd1\x18\xb54\x92\xdd\xcd%\xc5\xeb\x14\x86Q\x96\xcb\xf8\x19\xa9]e0\xc1Z\x99\xd3\x9f0\xb8\xf3\x18\xe6\x85\x98\xf0\x8fqb\xde6?w\xb9\xe0\xd3\x14\xf6\xdb\xbf\xdc\xb6\x9c\xbe\x96\xa3\xbd\x1a\xd5)\x92\x1a\x84\xa1\x92\x88\xc6\xf2]\xf4y\xbb\xf1\x18B\x84\xf2\x7f\xc7\xa8n3\x82)\xc9\xd6\xe3\x0f[\xd5\xf5\xb2\x84)Vc\x839%\xd4\x8b\xd1:\x83\x02\xdf#\x14\xb7\x92n\xdd\x16H(w,3\xdd\x01\xa2\x8bs\x9e\xa5&amp;\xffY\x97HO{P\rB8}\xc6)\x87Zz.\xbf\x01\xea\x80\'\x1e\x1f\xa0\xe6\xbc\xd5\xd2\xd5E F9e\xf6eM\xe9\xbb/\xff\xe1!\xfb\xa0\xe2\xaeC\xdf\x9f\xf1\xd8\xe1\xe0\xe0\t\x1f\x90\xad\x02\x81\xd1f=\xf7\x1f\x14\x14V%\x14\xf6\xcd\xb5/\xd5\xc2~\x08\x19\xf9\xe4\x993\xec\xa8SI\xe2\xac0\xea7\xce\x80\xa4\xd8ch\xc4\xb7\xac\x868\x14\xbfP\xbb\x0b\xf1\x107\xb0S\x15\x00\xd6\x1e\x0b\xe9\xe7b?\xea\x8f\xb7\x11,\x96\xcan\n\xacv\x9b\x98hz \xb2\x08\xd3\x9af\x9a\x89\xec_W\x1bF\xc5\xde\xf3\xb0\x9f?\xdc2\xc3\x02\xbdTA.\x16\t\xb4\xd6y"\x1bh-\xe0\xf8&gt;\xe6\xd9\x8eX\x91\x19oU\x13 `e\'?v\xf7X}f\x01\xd2V\x1a\rqJw)\xf2\x93t\xfa\xb0g\xfcs\xce\xd5&amp;v\xad\x92\xb6\xf1\rR\x9b\r\xe0n\xe2\x9a\xf7\x8e\xc7\x95\xe5\xa9\xc5*\xfc7:\xf9\xfb~\x00\xb6%\x96\x10\x8b3\xb2\xb4\xe2\xd78\xc7/8!\xcah\xd9&gt;i\xdb\xa2h\x1b\xd1d\x0e\x852\xd2u\xf4\xde\xa7\x9d\x0b\xf7\x11h\x18oP\xfb9\xb8^&amp;\x9br\x8ai\xe7\x9f\x85\xba\xe0w\xb6\xec-\xd4\xe6*\x0b\xb20X\xfe\xb4\xd4\x94\x1c\xf6f\xe4\xb3R\x0f\xd4\xf3&amp;\xa7N\xac\xfe\xf3\n\xf8\xf0#\xaf\xcb\x98YE\xea)%\xd1\xa9;\x07@{\x90\x99\xc9nOj\x1bQ\xeeYdU\xe7#\x86\x15\xb4\x0fI\xbbbkM\x86\x1cE\xc4q\x9ae\xbd{j"O\x14{X\x01\x81\x98Vw\xed\xcc\xda\xe6\xb8x\x048\xef\xe2"m\xfbfe\xb6B\x8b6m\xbe\x93-\xfax\x83\xf4\x92V\x00x;\xef%\x91qx\xc877\xaa\xcc\xcbqmT\xe7\x11\xc2\xd2\xc5\xcb\x1cR\xa5\xba\x1e\xf8\x9b\xd3\xc8+\xda\x18\x08!\x85r\xcc\x98\xcf3]\xe5\x0f`o\xa0\xe0]\x15\x86\xa4\xb8\x94=\x05\xf2\x9a\xf2W\xbc\xd7\xc5{\x1dUJ&lt;\xba\x8e\xde~\xeej" @\xd0N\x14\xe9\xef\xcc\xf4\xb0\xc4\xa8\xbd\xc2\x92\xb4[Rp\xcf\xb3\xee\xe7\xafP\xaa\x83DO_\xd3V\x1f\xfdE\xb2\xb2\xc6+?\xe9\xaf&amp;\xfc\xa1\x8c\x17fH\xed\xaf0\x0c*\xad\xbcr\x15&gt;[6\xfd\x94\xb21z5\xc1\x80\xafR\x88\xbccb\xe5K\xaa\x01\xfe&gt;ehC!j\xef\x12\x83l\xd7\xbdE\xd4O\xb8\xa3\x04H%\xa7\x99\xe2\tvR\x12QZ\xeeW\x0e\x04\xf2K(\x11\xec\x13\xf9\xc1eT\x82#\xf0,\x87|\x97\x95\x9f_\x9c[G6\xaeq\x11\xc8\xcb\x95\x9d\xfa\x1f\x0f\xa0\x101d\xbc]E\xad\x85yi\xd7\x0cC*Y\xc93f\xf5\x07\xc9H\xf5\xa3\x86\x0b\xc5\xee\x10s\xd1\x95[\xeeS\xee\xee\xa4\xc6\x8bg\xb7\xe6\xccz\xb1\x07\x17\x94q\x1d\xb5\xfdo?P\xb4\xc6\na\xa8\xa4\xaf\x05\xaf\x1d\x80;\x93\x89\x95\xeb\xe6\xc2\x12E\x0c\xb2\xc5\xaa\xa1\x867\x10\xf4\x81?\xa4\x8e\x0b\xdd\xf1\x99\x99\xaf\xa4\x81\x82qmG\xb61\xff!\xd3\xb2\xd5\xd0\xf2\xa0\x7f*C\xd5\xc2\xdc\xd7^^\xf3\xad\xef\xfb(\x84x\xda\x7f\n;\x150\xbe\xafi\x89o\xaa\x13L\xfe\xeb\xf6M&amp;\xc53\xfe\xc8\xe6\x0e\x12y\xdb\x1f\x05$L^^1\x8a\x1a#IYv9B\xd0\xd2\xac\xa1\xbf\xfbA\x04\x04\xe2\xf9\x8f\xb6\x8d\xfd\x9e\x9a\x87\xcf\x00T\x17V\x8b\x1e\xd9:\x8e\x95\xb3e\xee\x0c\xf8\xe6\xe0\xd9G\x0e`\xc9\xe6\x11\x86\xa5$LVL{*\xa2\xed\xe5\xdec]\x9c\xd0\xb7S =k\xac\x00\x91\xde*\xc1\x90KEw\x7fV\x0b\x81\xe7Q&lt;\xdb\xc9\xff\x9b\xd4d\xe5\x10Q\xd3\xb1\xd1lFA\xa5+\x83\x82\xa6\x8b\x0e~[\xf7\xefh\x9c\xa1`\xcd\xc7\xd2\x0b\xd4rfO\x90\x00\x8f\x9f\xfe\x10\x19\x13\x9a\xba]\x7f\x94\x89\x8a)X\xf9\xce\xfb\xbd(\xc4W\xe5\x9a\\*\x8f\x8cnC\x94\xea\xe4\x02\x8e\x1b3$F\xf3\xa1g7\xd6\x0b\xf4\x1c\xae:\xd1\r8\x03\x14Rv0\xdf\xa7\xb1b\xe1\x06X8\x18\x02\x98\xdb\x1e.o.C\x8fp3\x8b1\xa0\x86\x9dDE\xef\x8eQ\x05;\x891,\xc37\xe7`RQ%\xc6]\xe9O\x83\xf9b ;\x0f\x95\x18\x18d_\xc2\xb33\xb4\x0e\xa7\xd49\xf1\x8f\x12\xce\x1e\x96B\x87\x12bC\xc22\xd4d\xd0F\x82T\xb0\x93\xaf\x9b\xe6\xc1\x85\x80\xc1\x95\x96\x0b\x07\xb1\xa3\xbbpf\xb7\xa6\x82\xe3\xb8\xf9\xed\xef\x91d\x94U\xbe\xe1\x01\x80\x8b0\xd4\x9a:R\x85\xac\x13\xd4\x92\x94\xfe\xa4u\x8eZ[Q\xe0\xe2N\xba\x7f\t\x00o\xadL\x0f\xefv2:\xe8\xf3\xe0\xbd\xea\xcc\x1b\xe2\x80\nkQP&lt;\xf1\x88p\xfe\x81\x14\x89J\xa6\x97r\x83\xe2\xb2)X\xc4\xa2\x02\x9a\xb31\x07\xcb\xe33\xb5\xd5\x92\x13\xd7\xdd\xb4\xfb!\n\x00PX&gt;\xc4\x19\xa9\xb3\x019/#\x85q\x06\xd6\x99\x92\xec\x8d&amp;:3\xc5\x19\x8c\xe3Q\x8bW\x17\xa6\xa2\xa7H\xd1\x19\x8e1\xae\xd5\xceh\xa4E\xbd\xbbb \x92\x062\xb9%\xdf\x08\xd9\xcej\x94\xc2\x1f\xc6z\x1cY\x14b\x0e\x05\xc4\xcc9%\x95\xed\xb0=D\x98&gt;\xa1\xf8u\x86v\x11q\xd1\xb3\xee\xef\xf3?\xb4\x17\xc2\x8b\xed\xb9t\x92@\xd9:1\x8d\xf8\x1a\xad\xe3\x91?l\xc4\x13\xca6\xeaZ\xaa\xd4v\x1b\x7f\xd5nt\xedk\xedoj\x19\x8eL\xf1\xd0\xdd\xd1f\xc1\xd51)Yi\xbb\x87\x05*\x11\x06\xbe\x00\'\xfe\xfb4\xd1P\xca\x92U\xdd)Gj\x14\x89\xf1\xe1\x92\xbd\xc6\xc7\xe5U\xfd\xba\xe7\xbe\xd2\x02\x8cS,\xf0\x1b\xbcC\xce?\xe0\xa0?\xe9_\xb0\x04\xd1\x91w\\\x1b\xecaP`\xaf)_\x87\xb3\xca\xc3\xf4}S\x00\xca\xd7w)\x11\xe3\x8e\xd3h\t\xe6!\xa7&amp;\xb7h,\x7f\xfd\xb6\xfd\x9e\x86\xfa0\xc8\x0eQ\x96\x16\xefaD\x15/O\x14j\xa5\xcb\x03\x10\x00\x19\x98v\xdblr4\xc79^\x8b\xdfB\x95\xd1\x9a\xbd\x1bU\x0f\x1a\x1c1C\x0f\x01\xe2\xe5\xd9p\xf3\xae&gt;w\x8d\xb9\' \x14\xe1\xf7&gt;L\xa1\xda\x18\xaf\xa2\x89\xe8R\x00m\xc0\xad\xf4b\xedB\xebY)\xda\xe5m~\x11\xfd:w\xcc\xccU\xc0GI(&amp;\xbb\x14\xf2\xa8Ie\xd1\x85&amp;\xb9E\x192#\x02\xdfzb\x19\xa6\xf5\xf4tQ@\xbd\xc2^\x9cc\xee\x97K\xb6\xdb\x12}^-\xa9\t \x19\xa0\x8f\x97\xfa\xc0\x08\xc9\xa1\xb1ZZ\xa10\xcf\x9f\xdd\x9dM\xb9x\x1e\xeb\xaa9a\r\x01\x85\x02=\xd8\x97\x91\xa8\x05=\xe5QF\x1e\xdb\xe7\xf5\xa6[p\x1e\x0c\xe6\xee\xa0F\xf0\xfe\xe2\x82\xd3A\xb3\xf9\xaeO\xfb\x02\xf4\x1d\xc0w\x85\x95\xf4l)\xcd\xbe&lt;4/`\xdd\x99\x96jC\xf5`t\x1c\xaf\xa7\xf5Rc/\xab\xc8 ^\xd6N\xfd\x87g\xb2n\xf0\xac!\x0c\x04\x0f3F\x9c\x8a&gt;\xa4\x06C\xc9\xb2\xc7\x81\xc5p\xfe0r\xdc\xd3v\x06\xf29\x01\xcf\x1a;B\xbeFd,*e\t\xe6\x9e\xbf\xdaq\xe5\xf6/V\xe57\xec\x16\xf1\xac%\xcc\xc6Aa\x03yhy\x11tB\x9b\xca\x83\xabe\xe5M!\x11-\xfd\x13\xb9\xab~oI\xb5\x83!\xba\xd4\x9f\x8e\xc6\xbd,OL\xd7\xf9\x175\x1c\xae\x14Ks\xf4\xa6_\x97\xcb6\xf4\xe1\xe6\x91\x97w\xc3\x18\xa7\x8e\xe6\x9c\xad\xcd0\x83\xa6\xf3\x8d"E\x1e\xf4z3\xf0O=N\xa0$P\x82\''</t>
  </si>
  <si>
    <t>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</t>
  </si>
  <si>
    <t>b'\xfbV%|\x1e\xb5\x1a\xfd\xe5\xa5\xc3\x9e\xc9;`\xb0'</t>
  </si>
  <si>
    <t>ly, 'and, therefore, at least, suffer
 me to be happy in my humility.'
 'Nay, niece, it cannot be denied, that you have pride enough; my poor
 brother, your father, had his share of pride too; though, let me add, his
 fortune did not justify it.'
 Emily, somewhat embarrassed by the indignation, which this malevolent
 allusion to her father excited, and by the difficulty of rendering her
 answer as temperate as it should be reprehensive, hesitated for some
 moments, in a confusion, which highly gratified her aunt. At length she
 said, 'My father's pride, Madam, had a noble objectâ€”the happiness
 which he knew could be derived only from goodness, knowledge and
 charity. As it never consisted in his superiority, in point of fortune, to
 some persons, it was not humbled by his inferiority, in that respect, to
 others. He never disdained those, who were wretched by poverty and
 misfortune; he did sometimes despise persons, who, with many
 opportunities of happiness, rendered themselves miserable by vanity,
 ignorance and cruelty. I shall think it my highest glory to emulate such
 pride.'
 'I do not pretend to understand any thing of these high-flown
 sentiments, niece; you have all that glory to yourself: I would teach you a
 little plain sense, and not have you so wise as to despise happiness.'
 'That would indeed not be wisdom, but folly,' said Emily, 'for wisdom can
 boast no higher attainment than happiness; but you will allow, Madam,
 that our ideas of happiness may differ. I cannot doubt, that you wish me
 238
 to be happy, but I must fear you are mistaken in the means of making me
 so.'
 'I cannot boast of a learned education, niece, such as your father thought
 proper to give you, and, therefore, do not pretend to understand all these
 fine speeches about happiness. I must be contented to understand only
 common sense, and happy would it have been for you and your father, if
 that had been included in his education.'
 Emily was too much shocked by these reflections on her father's
 memory, to despise this speech as it deserved.
 Madame Montoni was about to speak, but Emily quitted the room, and
 retired to her own, where the little spirit she had lately exerted yielded to
 grief and vexation, and left her only to her tears. From every review of
 he</t>
  </si>
  <si>
    <t>b'\x03\xcfny\xb9w\x8f\xa6\x146!\x0f\x9ex\x15\x16\xbd\xde8\xf0\xf0\xf9C\x8b\x8c\xaf!7@\xad\x98\x9e\xb3mW\xe7]\x07U%\x1d\x15\xa5\x8e\x81D\xff\x9d &lt;\xd4\xc6|5\xd41QE\xf1L\xdc\xc6M\x00'</t>
  </si>
  <si>
    <t>03cf6e79b9778fa61436210f9e781516bdde38f0f0f9438b8caf213740ad989eb36d57e75d0755251d15a58e8144ff9d203cd4c67c35d4315145f14cdcc64d00</t>
  </si>
  <si>
    <t>b'\x03\xcfny\xb9w\x8f\xa6\x146!\x0f\x9ex\x15\x16'</t>
  </si>
  <si>
    <t>e correct date, the
 5th.â€”J.M.
 On landing, he conducted her to a palanquin, in which they
 repaired to the Club Hotel. A room was engaged for the young
 woman, and Mr. Fogg, after seeing that she wanted for nothing,
 set out in search of her cousin Jejeeh. He instructed
 Passepartout to remain at the hotel until his return, that Aouda
 might not be left entirely alone.
 Mr. Fogg repaired to the Exchange, where, he did not doubt,
 every one would know so wealthy and considerable a
 personage as the Parsee merchant. Meeting a broker, he made
 the inquiry, to learn that Jejeeh had left China two years before,
 and, retiring from business with an immense fortune, had taken
 145
 up his residence in Europeâ€”in Holland, the broker thought, with
 the merchants of which country he had principally traded.
 Phileas Fogg returned to the hotel, begged a momentâ€™s
 conversation with Aouda, and, without more ado, apprised her
 that Jejeeh was no longer at Hong Kong, but probably in
 Holland.
 Aouda at first said nothing. She passed her hand across her
 forehead, and reflected a few moments. Then, in her sweet, soft
 voice, she said, â€œWhat ought I to do, Mr. Fogg?â€
 â€œIt is very simple,â€ responded the gentleman. â€œGo on to Europe.â€
 â€œBut I cannot intrudeâ€”â€
 â€œYou do not intrude, nor do you in the least embarrass my
 project. Passepartout!â€
 â€œMonsieur.â€
 â€œGo to the Carnatic, and engage three cabins.â€
 Passepartout, delighted that the young woman, who was very
 gracious to him, was going to continue the journey with them,
 went off at a brisk gait to obey his masterâ€™s order.
 146
 C H A P T E R XIX
 In which Passepartout takes a too great interest in his master,
 and what comes of it
 ONG KONG is an island which came into the possession of the
 English by the treaty of Nankin, after the war of 1842; and the
 colonizing genius of
 the English has created upon it an important city and an
 excellent port. The island is situated at the mouth of the Canton
 River, and is separated by about sixty miles from the
 Portuguese town of Macao, on the opposite coast. Hong Kong
 has beaten Macao in the struggle for the Chinese trade, and
 now the greater part of the transportation of Chinese goods
 finds its de</t>
  </si>
  <si>
    <t>b'G\xc0\xfa\x8f\xc1T\xa9}\x02\x1e\xfc\x81\xde\x05n*\xa2(\x87p\xc2A\x9c\xa0\xcay\x00\xb5\x08\xfa\xcb2'</t>
  </si>
  <si>
    <t>47c0fa8fc154a97d021efc81de056e2aa2288770c2419ca0ca7900b508facb32</t>
  </si>
  <si>
    <t>b'G\xc0\xfa\x8f\xc1T\xa9}\x02\x1e\xfc\x81\xde\x05n*'</t>
  </si>
  <si>
    <t>towards the bows. As I did so, I let go of the tiller, which sprang sharp to 
 leeward, and I think this saved my life, for it struck Hands across the</t>
  </si>
  <si>
    <t>b'\xa8\xf6\xd7\xb5\xddc]\xf3\\!x\x19\xfa:u\xde\x15\xa2\xc8!N\xa6\xfd\xa4{\tZ-\xc9\xae\xfa\xf0\xe5\xd478\xf8nb\xb0\xdb\xfd\xd8c\xceN\xff\xfd*/\xaa6\xc4\xfb\x86\x10\x8b\xa5;\xba\x04\xa9 y\xe5\r8\x15sF\t*I\xf0\xa2U\xdaZ\xaa\x89\'\xb3\x17\x14\x9c\xff\xe0\xa0"\xb5CX\x1d@\xa2^v\xb1\xae\x05\xb8-\xe2\xa0\xa3\x87{Wx\x0f\xe6*7=\xffzgF\xb2\xd9zF\xee\xe3\xc9[\xfa\xf8~\t\xd5\xed\x8c\x88\xf5\xf0\x01O\xf5"\x90\xb3\xef\x17e\x9f"aq\x0c\xe0\r9MKi\xe7{\x9a"O\xd3\xfdUI\x97\xd5\x15\xfd_\xf6!\x80\\\x15\x8e\xd8\\\xe4N-&amp;\xad\xa8I\xd5\xce,\xcf}\xc7\xe1\xc1:\xa5*\xfcK\x1c\x8a\xb3\xd1m\tT\x03s\xd6LU\x1ahPj\xe1\xba\xee\x07m\x1e\\\x9e\x8d\xe2ge\xe6X\x17\x0f%5\xadH\x11\xc8\xf6\xce/\xc0\xb2\xab9\xfa\xd2\xf4\xe4\x99\x13\x97\x94\xd6\x95C\xf8o'</t>
  </si>
  <si>
    <t>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</t>
  </si>
  <si>
    <t>b'\xa8\xf6\xd7\xb5\xddc]\xf3\\!x\x19\xfa:u\xde'</t>
  </si>
  <si>
    <t>d in the third century CE: â€˜â€˜ . . . The best surgeon needs
at times to be one who consolesâ€™â€™ (P.Oxy. 3.437.12â€“13). Galen was certainly one of
the most accomplished of the surgeons at Rome, yet once he left his position in the
gladiatorial school at Pergamum, he seldom operated on human beings, except in
emergencies, and perfected his skills largely by cutting open and stitching up the
animals he vivisected (Meth. med. 6.4).
4 Gynecology and Pediatrics
Celsusâ€™ attention to diseases of women was jejune and scattered throughout Books
2â€“ 4, with a short section in his seventh book on gynecological surgery, including the
procedure for removing a dead fetus from the motherâ€™s womb (Med. 7.28â€“9). His
gynecological material was drawn for the most part from the fifth book of â€˜â€˜Aphorisms,â€™â€™ an extensive gnomic treatise in the Hippocratic Corpus that remained popular
throughout antiquity and beyond, but there is no indication Celsus ever consulted
the larger gynecological works of the Corpus, such as â€˜â€˜Diseases of Women,â€™â€™ with its
elaborate discussion of dystocia and excision of the dead fetus (Morb. mul. 1.68â€“70).
In the next century Soranus and Galen also drew considerable gynecological material
from â€˜â€˜Aphorisms 5â€™â€™ (A. E. Hanson 2004a: 281â€“2). Nonetheless, both amply
demonstrated that the join between childbearing and womenâ€™s health that characterized Hippocratic gynecology had been severed, at least in medical theory. Male health
in the Hippocratic Corpus largely involved an esthetic balancing of the food and drink
ingested against what was expended in exercise as sweat or evacuated as urine and
feces. In the case of women, however, the refrain â€˜â€˜If she becomes pregnant, she will
be healthyâ€™â€™ was oft repeated in the gynecological treatises (e.g. Hippoc. Morb. mul.
2.137), and â€˜â€˜old virgins and widows too young in their widowhoodâ€™â€™ were declared
particularly prone to illnesses (A. E. Hanson 2000: 149â€“50; cf. Hanson and Flemming: 1998). Quotations from Herophilusâ€™ now lost treatises suggest that he was an
important figure in the assimilation of menâ€™s and womenâ€™s bodies, whether one
looked to his employment of the same nomenclature for male and female generative
parts that underscored similarity, not difference, or his judgment that the</t>
  </si>
  <si>
    <t>b')0\xd4V\x1dY\xebE\xb2Jy\x9b\x7fs\xb7\xa9U\xbb\xf6\x98\xfb\x13\xd6&lt;} \x8f\x0f\x1edU\xf8;1j\x7fh\xebx\xde\xe2\x87\x80\xaf\xe4\xa5\xd6\xa3X\xe6\xb2\xebG\xec;\xfe\xdc\xc8\xffc\x85\xa4\xe9-K\xden\x0f\x1a|`\x84\xc0\xec\x7f\xb4\xbb\'y\x88\x88\x947)\xaf\x88\xf9\x8c\x98\x88\'\x0eP3A\xfe\xafk\x11\x8c\xcf\x9b\xaa\x1b\xc5\x82\n\x92#\x9d|d&lt;s\xd0\x8dq\xd7\xc7\x9c\xd6\xa2\x07\xfb\xb2r;\xfd\xda\xcf\xba\x1e\x905&lt;\xca\x90\x80^F6p\xbd+f\xfc\xffl\x04f\xd8Mu\xb7\xd20\x91\x18a\n\xae%\x7f\'\xe0\xf5\x925\xe8\x15\n\x1aydt\xff\x8eA\xceP\x03\xc7tp\x90\xe0\x94\xa2\xb6\x92\xc1\xc2,\xa2\xce,\xdd\n\x8dI\xe9\xfa \xbf\x18\xb7\x1bM\x88%m\xcc\xfa2p\xd1j\xab\xbdU\xcb7\xd2\x98v\x14qD\x83u\x83KP\xccA\xb3\xc8\xeb\nX;+&amp;\xd4;\x93T\x8b\xeb\x04p\x0f\x93\xcb\xb1\xcd\t\xd34\xd1\xe2\xda\xfdv\xfa\xa5\x12\x15\xa3\x99\xceR\xa3&amp;v\xf4r\xbb\xbb\x0fxo%\x12;\xd1\xc2\xeb\xfd\'\x82\xe5\xa4\xf6J\x89\xb6\x11#\x0c\xd1\xbes\x82\xb1\x94_U\xc4\x0f)\xcf\x84\x1f\xac\x1e\xed\xb93Q\xcaC\xc41(\x80\xf1\xf9u\xa2I\x975`\xed\x01HF\xdeNWz\xadc2\x92\x07\xbc\x82P\xd9y\xf7\x97\x1b\x8a\x95 \xfd\xec\xeb\xae\xf3\x92\xb1\xc1\x87\x9bJ\x84,\xb0\x0c\x92\x1cj\x15\x92j\xf00\x06\x98SE\x0e\x95Ho\xd9d\xd2Q\xd0I\x84o\xca\x80\xae\xf1\xb3\x0e]gt$\x8a\xd1N\xad\xcbc\xe8\x86\x01\xa5{\x05\xdd^O\x06N\r\xd2LDQ\xc6\xf4\xd5\x12|T\xaa\xbeq\x1f\x0e\x9f\t3\x99b\x14\x8f\x0e\xdb1N\xdb7\x99\x11\xb6K\xbdl(%T\xe9\xb3\xed&lt;\xce}6\x9f\xfd\xbc\x17(\xf4\xb33\xe9\xd0D7\xd2]7\x16\xfa\xb1l\x07\xc8a\xb3*9\x06W\xd9\x9b\xe1\x84\x9d\xa724\xe5\x07\r\xbd\x07\r\xcf[\xaf\xeeh\xde\xbfC\xa4\x13\xc0\xcb\xf8\xee\xd4cLJe@\x0c\xf0\xc9q5{:\xe4\x0c\xd0\x9f\x94y\x82~\x1e\xe8\x9e\xb04#\x12\xae\xb5!\xef\x95kk[\x87~\x02z\xd1\xbf\xb5\x88\xb8K\xfaL/V|\xb3_\x94&gt;\x94\x8a\x16o\xa0\x1d\xb4\x00\xe2Dmt]\x80\x81&gt;\xae\xef\x1e\xca\xa93e\xb4\x9f\x06[\xe7\xb8\x8c\xaf\xf0\xfc\x9c\xe3\xc3\x92\xe8m\xde\xe6\x11e\xca**\xbc\x1b\xc5\xb5j\x15G3\xe9\xd4^^\r\x9b\x9f\xd0\xc5-\xb1\xfb\xc5=\x85\x1b\xff\xce\xf5\xdf\x18\xff\xe1&amp;\x0fb\x81\xa7&gt;&lt;\xe3:\xfe\xf3&amp;f\xa5;\xb9\xee\x85:n;a\xb4\x9bY\xa6\xc9^\x8a=#n\xca\xc7\xe3\x0c\xac\xf0\xfb\x8a\x02\xd8\xc9\xb1\xa9s\x1f\xc8\x92\xab\xe2\'%\x10\x82\xd3\xd7Nr\xfc\xee\xad\x11\x8d\x03\x93\x98\x99\xf2{\x14\xfc\x17S9\x92?\xfa\x98\xacD\xb7\xc3\x92\x10sQS\xa1`\xc2\xb2_\xc4V\x9a\xc0\xbe`\xd1\xe8^\x11\x913\x85A\x0e\xff\xedI\xfc\xd8yU\xc7e\t\xdc&gt;\x9a\xbd\xf83\xae\x06\x83\xff`4\xe6R\x03\x91\x11\x84\xed\x8b\x9a\xed:\x1d\x8c\x88tY!0\xff\x06\xaf3gs\xb41\x13\x07\xfa\xde\x13O\x81E\xaa\xf6G\x82\xdfa6\x00)\x8dI\xf0\xe8#I\n\x91G\x80\xec;\xe3&amp;\\n\x03\xed\xf0Y\x91O\xd1O\x81`\xa3}\x13\xa4{\xf5\x17\xf2\xd8\xfa\x07\xb9\x89:x\xfavV\xdd\xe89\xa7M\xbe\x1e\xf0\xda\xd7\x10&amp;a\xd0\xc0#\xf3\\u0\x89\x19!Z\xa4\xef-\xd8\x19b\x97\xd4\xc4\x07BN\xb7[\xb7\x9b#\x8f(\xb6#*f{\x03\x89\xdbtu5O\xffa\xdd\x8f\xdaH\x8e\xc7\xe5\xec\x9b\x18\x9d\x0f\xf5\xb1\x8b\xec\xdd`\x84\xf8C\xba\xe8\xa9\xd1\x97\x9c\xda?\x8e\xe8N\xf6\x7f\xf6\x94\xd0\xbd%\x00\x1f\xd9\x8e\x94\x85\xd1\xa8\xc2b\x0bt\xffy\xb2\x1e\xe8\xe6&lt;\x83\x1a\x99\xa3\'t\xf1N\x85h%\x0b\x1cl\x9e\xb4\x14@\x854^\xb3\xdd\x9f\xd9ur\xd1\x1cRubo\x0e\xd4\x0e`w\xe3\xc6\xa7$%)\t\xce\x7f\x10R\xea\xfc\xf0T\x19\x99\x07\xc1j\xa7p\x14\xf5z\x1c\xf6d\x08L\x8f\xc5DSf\x84\xff\xa5-[@\x11K\xb7o\x1a\xa6\x9f\xb1\x94\x0f\xcf\r\\\xe3Q\xe7\x90\xc6\x95\xd4\xe2\x949"\x0e\xaa\xb3\xf7\xe5E\t\xb6%\xfe=g\xf9XObU&lt;E(\x17\xa0\x14\x86ROQ\xd1\x1e,m\x90\x83\x9b\xe8\x18\x0cE\x8e\x0e\x9a\xb4[\x8c\xda?\xc5]\x0b\x90(&amp;G\xf5\xaa\'A\x89p&lt;#\x89\xf7\xf2\x12.C\x0c\xe5\xe9\xe3\x9fvtG\xf2\xd2\xe2\xab#\x87O\xbf\xafM\xd0\xa6\x94\xc3.LX\t\x81O\xdf\xd95@\xef}\xa8\x07\xf3\xaa\x17A\x8c{\xd6\xd0I\xc2\xc0\x1e\xb4(\xa8\x1b\x90\xe7\xecT\x1a\x10F\xff\xac\x8d\xe3&gt;^&lt;\x8e\xe6\xfe\xc0\xc1\x9c)\x06d\xee\xd7\x12\x93\xb1S\x1b\xbe\x95O[%|\xcd\xe3W\xf7\x96\xe7&amp;5\xd6\xf7\xab\x8d\x0b\x058\xc3\x04\xc2\x91#\x0e\xdd\xa3Q\x87/\xda\xc4d\xa0\xdf\xdf\x8f\xbe\xd0\x98\xda\xff:a\x7f\xfbhO\xf9\xc6C\x89V\xd0&amp;\xffY\x8d\xfe,\x0c\x8f!\x91\xa2\xe9\xf1Q\x1d/\xfd\xbc\xb6i\x0c\xe0\xaf\xf8\xad\xcf6\xcb\xb1\x8b\n\x0c\xf0\x97\xb9\xc0#\x938"N\x02\x07uR\xa7=\x98a\xb1+\x08_\x0c\xcej-\xc4\xd6f\xed\xf9\xb8\xf6\x1d\xbe\xce\xeaZ",\xb8_Be\xc9W\xd8\x8e]\x15\xd2\xadL\x9b0\x15\xdd0\x1a\xf0\x81\x903\x1e\x88{\x02_t\xf1\x87\x10\x95\xcf|\xba\xe3\xe1b\xd7G\x90\xa6tC\xf4\xd5we\xd71\xcb\xd6%\x0b}Y\x19\x97V\x063E\xbc\xf6\xef\xbf\xc5]\xaff\xd4\x02\xd6(Q\x15\xa5k{j\xde\x0f\xf1\xc5O\xb1d\x92\xf0\xd2\xfe\x0f\x91\xc5Jp\xa43\x91\xe0v\xa4\xa8\n\x15\xcb3\xf0\x1dJ\xa12J\xae\xefW\xd5\xef\xd4\xf5\x97\xf5I\x1f)\xcc\xbfm\xf6\xfa\x8f\x14&gt;x\x07\xddSC\xf4L\x1c\xa6\xb7\t\x90E\xce\x99-\x1f\xdfN\x0cC\xe5-\x91p\xd4\xd4^6\x1f[\x85b\x13\xfe\x16D_6\xde\xf6\x8a\x81\xa3\x17\xc5\xc6\xf1\xbap\xc0Q\x80\xef\xd1\xf7\x92\xb0:$\xb9Sk41rO\x86\xdeI\x8el_\x88\xcdOp\xff\xc2K\x904YF\x02\xd5\xa8l&gt;\xc2\x92\xd7\xfe+\xa5\xbdS\xf9#&lt;\rM\x1f$\x07s\x0b[\xd0\xec\x84\x85\xd6\xeb\xcdT9\x83\xc6\x94\x920w^[4_\xdf|=\x12R\xb0t\xa3|A\x89T\xfd\xd6bjA\xdd\xa7\xd2)\rX\x9f\n\xcc\xf3\xd9\xbf\xa7\x07zU\x8dYd\xb5\x83\xef\xefH\xb2B\xdeD\xcb%*\x97\x91\x0c\xf1v\xda\x18\x9e\xcd\xd1\xbb\xe1\xcc\x87\x90\x1f\x8d\xe7\x11\xac* \xddW\xf1\xdf\x9d\xcc\x8234#\xd5\xe3\xe9R\x93C\xa8\xef\x00\x95\x0e\xb3\x05\xb6J)\xb7\x7f4\xc6\xbb\x8f(\xbc\xb5\xdd\t\xf7\xf2O\xb4\x0fe\xf0\x97\xc4e\xb3\xf7\x91c\xb2\xadW\xe3yU,\x9b\x10\xf8\x00H\xe2/*Q\x92\xc5\xa9\xaf\x9aBw39c\xc6r\x19,\x17WR\x98\x93Z\x93\xd6\t\xdfI\xbc\x1du\x95_[\xa8\x0b\xf2\x86\xfc\xdc\xaa\xab\x93"\xafIl\x83\xf8\xb2\x82EpY\xd9\xc1{^\x03F\xbe/\n\x8eS&gt;\xd8\xbe\xd9\xc5\x93\xd5m\xf4QAE\xf1Q\xe0\xea\x11\x1dl\xf9}B=\xbaA\xb1\x082\x0f\x117J\rw\x11V\xab\xcaZ\xd3\xc1\xcc\x0b\x17\xcb\x1b!\xae.\x02~\x07\n^\x9b\xb7\x15\xae6\x1c:G\xc0\xe8\xcemW\x06n_\xc3\x9b*\xea\x13\xa0\xa6\x8f}\xb4WF\xaa\x9f\xd3\x8a\x10\x1f6\xc10\xc1\xcb\xe6$\x08\x0e\xe6\r\xf8\x01#J\xfc\xd1\xe3\x1f\xcfN7\xc6\x89[Mm\x8ee\xc8jp\xf8\xad\xf0j\x84\x0e\xee\xfc"se\xf0\xe5)\x03\x129\xd4\x1aXX\xe5\x95\tz&amp;:E\x7fR9 \xd4mOO\x9e\xc9\xf9\xb1y\x0e\x94\x9daD\x13\xba\xd3\xc6\xfe+x9\x8d\x19\t\xcdB\xd8\xffQ$\xbf\x0f\xbe\x8cq.\x19\xc2\x12\xcf8\xc9\xbc\x8b\x1a\xea\r\x8e$\xdd&lt;\x82z\x93\r\xdd\x9b\xd9L\x1d\xfa\xf1)\x11\x11\x9d\x8d\x85V\xa0.C\x1b\x184\x14\x92\xa0\x8a\xd0f\x05\xdb\x80\xea\xcf"A\xdc\xc1#\x92\x85\x91\x9e\x1a\xd4\xb8\xc3\x1e\x96\xc88%\xeb\x1e\xcc\xbc\x8c\xccP&lt;9A&lt;ad\x7f\x97Pd\x10\x04\x84/\xf1\xb0\t^b\xd9\xdf\xcf\xfeAn\xc7\xd8\xe5\x8e\t;\x1b3\xa9\xc8\xddNa9:!\xab\xa7\xb6\xf6r\xbd\xb9Xw\x87\x90\xf2\xe54\x9f\xe2)\x9e3\xc8\xd4YA\x8eu\xc9&gt;V\xd4O\x81\xef\xdaP{\x9e\xcd\t\xe9\xf8^*\x02\xd1\xb1#&gt;:\x18\x99\x8b\xc6\x12\xfb\x02\xd6\xdf\xac\x0f\xbb/\r\x08`}\xe49m\xb58\x8e\xccJ\x9c{\xf9M\xe9\x07\xcc0x\x8a\xb7\xcf\xf5\xf2j\xe7\x8fb+@r\x8c\x9d\x05T\xa1\xb3\x18\xc6.w\x9cV\xfby\xd7\x94\xb2x\x8dh\x14\xab7\xc9\x80\xa7\x8e\xa2\xb5\n?\x8bo\xee\xcf\xc1\x97F\x0c\x1f&amp;\xfb\x1cr\x9d\x8f\xe1\x1c\x7fu\x86dF\xc7\x12\xca\xa9\xba\x8e\x84\xe4]\xe9;B?\xd6\x15aE\xce\x08\xf6\xfbF\x85\xd6;\xa1\x0eP\xdd\x0f\x93b\xa7QQe_\xbb\x86\x03\xe9OD\xf5\xef\xc7\xcf\x13]D\xae&gt;\x1d\xaf\xf5\xeb\xbc\x87\\0\xed \x0fS\x1b\xf1\x1c;\xcc\x84\xa2\x84\x05e_\xd3X\x83\x06 \xac\x0c\xa9]jS\x1d\xa0C'</t>
  </si>
  <si>
    <t>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</t>
  </si>
  <si>
    <t>b')0\xd4V\x1dY\xebE\xb2Jy\x9b\x7fs\xb7\xa9'</t>
  </si>
  <si>
    <t>were listening for the whistle agreed upon, when
 suddenly savage cries resounded in the air, accompanied by
 reports which certainly did not issue from the car where the
 duellists were. The reports continued in front and the whole
 length of the train. Cries of terror proceeded from the interior of
 the cars.
 Colonel Proctor and Mr. Fogg, revolvers in hand, hastily quitted
 their prison, and rushed forward where the noise was most
 clamorous. They then perceived that the train was attacked by
 a band of Sioux.
 This was not the first attempt of these daring Indians, for more
 than once they had waylaid trains on the road. A hundred of
 them had, according to their habit, jumped upon the steps
 without stopping the train, with the ease of a clown mounting a
 horse at full gallop.
 255
 The Sioux were armed with guns, from which came the reports,
 to which the passengers, who were almost all armed, responded
 by revolver-shots.
 The Indians had first mounted the engine, and half stunned the
 engineer and stoker with blows from their muskets. A Sioux
 chief, wishing to stop the train, but not
 knowing how to work the regulator, had opened wide instead of
 closing the steam-valve, and the locomotive was plunging
 forward with terrific velocity.
 The Sioux had at the same time invaded the cars, skipping like
 enraged monkeys over the roofs, thrusting open the doors, and
 fighting</t>
  </si>
  <si>
    <t>b'\xf7f\x86\xd2\xcf\xe3\x93Su\xd0\x13\x1e\xdaGw\x05\xbem\xf0[)\xaei\x85\x7fU\xcf\xa7Yvt\xad'</t>
  </si>
  <si>
    <t>f76686d2cfe3935375d0131eda477705be6df05b29ae69857f55cfa7597674ad</t>
  </si>
  <si>
    <t>b'\xf7f\x86\xd2\xcf\xe3\x93Su\xd0\x13\x1e\xdaGw\x05'</t>
  </si>
  <si>
    <t>d given to the horse every day.
 19
 Chapter 9. Merrylegs
 Mr. Blomefield, the vicar, had a large family of boys and girls; sometimes they used to
 come and play with Miss Jessie and Flora. One of the girls was as old as Miss Jessie; two
 of the boys were older, and there were several little ones. When they came there was
 plenty of work for Merrylegs, for nothing pleased them so much as getting on him by
 turns and riding him all about the orchard and the home paddock, and this they would
 do by the hour together.
 One afternoon he had been out with them a long time, and when James brought him in
 and put on his halter he said:
 "There, you rogue, mind how you behave yourself, or we shall get into trouble."
 "What have you been doing, Merrylegs?" I asked.
 "Oh!" said he, tossing his little head, "I have only been giving those young people a
 lesson; they did not know when they had had enough, nor when I had had enough, so I
 just pitched them off backward; that was the only thing they could understand."
 "What!" said I, "you threw the children off? I thought you did know better than that! Did
 you throw Miss Jessie or Miss Flora?"
 He looked very much offended, and said:
 "Of course not; I would not do such a thing for the best oats that ever came into the
 stable; why, I am as careful of our young ladies as the master could be, and as for the
 little ones it is I who teach them to ride. When they seem frightened or a little unsteady
 on my back I go as smooth and as quiet as old pussy when she is after a bird; and when
 they are all right I go on again faster, you see, just to use them to it; so don't you trouble
 yourself preaching to me; I am the best friend and the best riding-master those children
 have. It is not them, it is the boys; boys," said he, shaking his mane, "are quite different;
 they must be broken in as we were broken in when we were colts, and just be taught
 what's what. The other children had ridden me about for nearly two hours, and then the
 boys thought it was their turn, and so it was, and I was quite agreeable. They rode me by
 turns, and I galloped them about, up and down the fields and all about the orchard, for a
 good hour. They had each cut a great hazel stick for a riding-whip, and laid it on a little
 too hard; but I took it in good part, till at last I thought we had had enough, so I stopped
 two or three times by way of a hint. Boys, you see, think a horse or pony is like a steamengine or a thrashing-machine, and can go on as long and as fast as</t>
  </si>
  <si>
    <t>b'\xee\xce\xf7\xd1\xd2\x18\xb7r'</t>
  </si>
  <si>
    <t>eecef7d1d218b772</t>
  </si>
  <si>
    <t>âˆ’ v1t),
  down string number 1. It gives rise to a reflected wave, hR(z + v1t), and a transmit
 ted wave, gT(z âˆ’ v2t). By imposing the boundary conditions 9.26 and 9.27, find hR
  and gT.
  Problem 9.6
  (a) Formulate an appropriate boundary condition, to replace Eq. 9.27, for the case
  of two strings under tension T joined by a knot of mass m.
  (b) Find the amplitude and phase of the reflected and transmitted waves for the case
  where the knot has a mass m and the second string is massless.
  Problem9.7 Suppose string 2 is embedded in a viscous medium (such as molasses),
  which imposes a drag force that is proportional to its (transverse) speed:
  Fdrag =âˆ’Î³ âˆ‚f
  âˆ‚t z.
  (a) Derive the modified wave equation describing the motion of the string.
  (b) Solve this equation, assuming the string vibrates at the incident frequency Ï‰.
  That is, look for solutions of the form Ëœ f(z,t) = eiÏ‰t Ëœ F(z).
  (c) Show that the waves are attenuated (that is, their amplitude decreases with in
 creasing z). Find the characteristic penetration distance, at which the amplitude
  is 1/e of its original value, in terms of Î³,T,Î¼,and Ï‰.
  (d) If a wa</t>
  </si>
  <si>
    <t>b'\tA\xb6F\x0c\xcdeR(\x7f&amp;\xa0\tW\xe7\xda\x92\xf2\xb6/\xab\x8f\xcd&lt;lZcd\xb3\x8f2v'</t>
  </si>
  <si>
    <t>0941b6460ccd6552287f26a00957e7da92f2b62fab8fcd3c6c5a6364b38f3276</t>
  </si>
  <si>
    <t>b'\tA\xb6F\x0c\xcdeR(\x7f&amp;\xa0\tW\xe7\xda'</t>
  </si>
  <si>
    <t>es, are irrelevant to the actions and thoughts of the actors. Rather,
Charitonâ€™s Syracuse is like any Roman provincial city: there are popular acclamations
at the theater (1.1.11, 8.7.1), the pirate Theron is interrogated and crucified outside
the walls (3.4.7â€“18), and the civic assembly grants honorary citizenship and farmland
to the veterans from Chaereasâ€™ Egyptian campaign (8.8.13â€“14). But the novelist,
who was from Aphrodisias in southwestern Asia Minor and had probably never been
to Roman Syracuse, portrayed the cityâ€™s topography imprecisely. His picture of the
harbor is unusually specific, if inaccurate (3.3.18, 3.4.2, 8.6), presumably because it
was the site of the great battle of 413 BCE, one of the most memorable episodes in
Thucydides (Thuc. 7.31â€“41).
In order not to disrupt this historicizing ambience the novelists eschewed direct
references to Roman rule. The capital city itself never appears among the many cities
both large and small mentioned in the novels. Provincial institutions and administrative officials that were well known to the novelists and their readers were cited only
obliquely and in classicizing language. For instance, Xenophon of Ephesus includes
two characters who are unequivocally identified by their activities as a municipal
policeman from Tarsus (Xen. Eph. 2.13.3; cf. 3.9.5) and the governor of Egypt
(3.12.6, 4.2.1, 4.2.9, 4.4.1, 4.4.2, 5.3.1, with Rife 2002). But when the novelist
refers to their posts, he does not use the technical terminology abundantly attested in
papyri, inscriptions, and Roman literature. He instead chooses oblique periphrases
from the classical Attic lexicon, â€˜â€˜the one presiding over the peace in Ciliciaâ€™â€™ (ho teË†s
eireË†neË†s teË†s en Kilikiai proestoË†s) and â€˜â€˜the ruler of Egyptâ€™â€™ (ho archoË†n Aigyptou). The
novelist Achilles Tatius referred to the same provincial governorship using a word
with stronger connotations, â€˜â€˜satrap,â€™â€™ the title of the Persian official (Ach. Tat. 3.13â€“
4.14 passim). The novelists invented dramas of contemporary life familiar to their
readers but fictionalized them by infusing historical reminiscences and classicizing
geography and language.
Homeric revisionism also confounded past and present, but its method turned the
novelistic creation of a classicized present upside-down. The revisionists relocated
the fictional world of Homer in the present through the depiction of concrete details,
familiar settings, and personal emotions. These devices validated the basic premises of
this type of literature, namely, that the Trojan War was an historical event, that the
Homeric heroes were historical persons, and that the truth about what happened to
these people in that place and time could be uncovered through historical research.
Moreover, if his veracity was accepted, Homer could provide historical data just
like the classical historians or even eyewitness reports. This was the assumption of
472 Joseph L. Rife
Philostratus in his description of Apolloniusâ€™ Indian travels. The biographer cited
Homer (Il. 2.308) as a source for the species of dragons like those indigenous to
India (VA 3.6), while Apollonius and the Brahmans revered Achilles and Ajax as
philosophical luminaries (3.19), and considered an Indian youth the reincarnation of
the hero Palamedes (3.22).
Three speeches by Dio illustrate how the historical truth of mythical subjects was a
matter for rhetorical contestation (SaÄ±Â¨d 2001: 174â€“86). In two works (D.Chr. 60â€“1)
Dio rewrote the original version of the death of Hercule</t>
  </si>
  <si>
    <t>b'\xe0O\xb7v\x99\xd2Z\xe3\x1b\x96\xa7p\xbbSc\x0bG_\xe1\x9e\xa0i\xf3\xf4\xcb\xccr\xd2o\x1f\x05\x05\x80Y\x19\xee\x14\x91q\x92\xfd\t/l-\x90\x07&lt;?\xa9\xdf\xbe\xcb\x8bd\xae{\xed\x8f\xec\x84o&lt;b\xcdiI7\xc3\xe7\x1c\x80\x82:11\x90\x16\xf4`7\x18H\r\xaf\x9b\x8c\xd3m\xec\x9f \x1a\xb3X\xf74@\xc0\xf63\x15x\x980\xbaC\xd0\'\xd9\xcc\x98\xb9\xe2\x1dE\xe3\xaa\x97\x87\xa6\xfaw\x81\xb8\xac\xef%\xc7\xab\xad\x07\xd6\xf1h\x93\xd9\x1cLZ\x18\xcd$\x8f\xc8\xad\x86) \x1e\x19\xbe\x91\xb5YU*c\x9d\x9f\xa6\x11;\x9c\xa7\xe8\xd2\x0f\xfe\xa4\xf9:wz"m&lt;c\x7f\\Ei`\x1dXr`\x94\x13Q\x1bY\x82\x9e\xc2]\xd2\xe3zn\xd0\xff\xd6`\x99\x17\xd2P\x81\xc0cK\x87\x10\xf5\x7fd\x95 \x1f2Sc\x1b\x99\xffA\x90x\xc4C@3q\xadT\x04\xea5\xdd"\x04\xd62\x05x\x02\xa4R\x03\xa6l\xfe\xc8\xf1\xf8\xf6(0JwY\xf9\xc0n\xcd\x11\xa1\xb3=\xa7\xde\xc7%M\xfa\x07\xd2\xd2\x11^\xa5\xb7\x87^\x06\x80\x98\xb3\x8aY\x94\xcb-\x8c\x8d\xc1\x19\xcc\xbd\xdc{\xa3q\x03\x18px9\xef\xd7\x80\xb6\xc0\xcf@\xc2\xdf\xcd\\\xbd}\xe0l\nA\xf5\x85I\xb7X\x02|=X(\xa0\xbcTl\x89\xc6o\x04\xba\x0f\xa0\xc3``p\xbb\xb0[\xc0\x9e\x84\xc2`\xfc\x9e\xd1\x81qu\x11\x81\x84\xa1\x7f\xe8\xa3\x14x\x1d\xaf\x93\xc9\xca/z~&lt;@|\xcf\xf7]&amp;\x87\xba\xfd\x82\xcc\xeb\xa3_q\xf4\x8bP\x92\xe8\xbe\x1f\xb7\n\xd9\xde\xed\x91\xe1\xd0bm\x14\xac\xb0|@\xe3\xed\xaf\xb6` $#\r\x06P\xe4Ed\xb3\xc3\xd1\xa3(t\xb3\xfe\xd3.\xf3e\x91\xda\x80\x0e\x05\xde0\xfeYBVx\x85 \xac\xc3\xd0\x82\xf8\xf9\x98J\x86\xffP\x88b\x93\x99\xadhe\x8f\xfcN\xd5\xbf*p!\xc2 \xbb\x1ev\xab7\x9a\xfb\xf6\x0b\xe3~\x04{m"\xb6n\xfe\xa9\xfeP\x83f\x1f\xadrh\xcd\xe5\xbd6-\x9cD\x8a\x96\xa5\xb9\xb4\xb9&lt;\x10w\x0c\xce\xfa]\xf3K!\xb9\xe2\x1a\xceA\xcbH\x8b\xa1`Y\xc5\x07z\xe0\xa9\xf1]\x12b\xdf\xf5\x0e\xc2:\x01\x07\xe3uH\x8c\xf0\xb2$4j\xa9\x92\xd4\xd7\x89\xef\xb8\xbd\xfa\xe1L\x05\\\xf7w\x1e\x0fF\x95\x13&amp;\xf2\x82\x97\x03\xdak\x1b\xd1\xc9\xb3ra\xac\xd0\x82|\x8a\x0e\x19\x05\xa3\xa1\xe3\x16\x92\xd1Rl\xb6\x90\xe1\xf2w\x06\xfeE\xf2Z\xfdz\x87\x02\x89\r\xd2\xcf-AQ\xe6L,P%\x1b2\xa0\xcb2\xe7!\x91\x19\xc4\xa5\x81\xfbz\xed\xf6T\x9a%\xce8/q\xcb(\xec\xf4\xe1\xe8\r\xe8\x80\xe1)\xe8\xa7\x8e[\xf3\xc5\x89s\x99\x06(\xae\xf4\xbb\xd8\x94\xdb\xa0t\xcaW\xf3\xdf*\xde\x14\x98\xfd\x07V\xc3Q\x85\x0e\x9e\xb4\xcb\xc1\xbcd\x0e\xdbmSAz)\xff\xc3\xb1i\x16\x90z/IF\xf6\xfez\xc4\x13u[\xfe\xbc\x8a\xf9\xb5\xf5JvX\x0cr\x107\x81s\x8b\xb5\xa1?\x9a7\xfc\xb3\xcb"\xe70\x7f[\xd3k\xdb \xcb\x00\xe9\xb9H\xef\xc3+\xd9\xc6\x07\xf9\x89\xf2p}\xa4\x02Y\xe9\xf9\x94\xdaK\x8cl\x01\xe0r\x9b\xb9]Y$v\x86a\x81\x8ev+\xea\x1a\'\xd7\x8aV#\xcb\x1c\xbb\xc6\xa2"3&gt;l\xc8\xe8\xa6$_\xdd\x81\x08\xfdF\x8e\xc6\xf3}\xa5\xf32=\x0f.\xa5\x15\xebY$\xfa\xe4\xdd}=_\xf5P\xd0\x08bb\n\xbf8G\xe3\xcd\xf2\xd3(\xf1-Z\xc8\xb2\x7f\x03\xa2j\x14\xf6\xfe\xd2\xb0\xc9R\xe8\r\x95\xa6;\x81\xa6&amp;\x13`K\xab\xc8\xdd\xe7\xc9{\x00\'\x04\xb7\x1df\x8aZ\xc0AJ}\x82\xda^d\xb5^\x96\x04\xf3(\x8a\x92\x89U\x99\x95Y\x9e\xf8\xd5\x06\xf5L8\x07\x00\xc6\xf4\xbdA?\x99\x0c\xea\xb1\xdb\xe34\x8bSG|\xa6\xe0\x16t\x9b\x85\x87s@8@\x9a\xa5\t]Q\x05\x8a\xb8\\\xceX,B\xb6\x8b\xb9\xa3x&lt;\x83\x17\x9b\xb9\x00u\xdaZ\x1a_\x0fi\xc4B\xaf\xe4\x1a0\xa5&lt;\r\xc6O\xcd\x95\xd6C\x8d\x8b|\x90\xab\x03\x10Az\xc9\xccD\xb5\xb7A7\xdb\xf8\x17\xd7@\xdd\x8b\xc03\x97\xacd \x11\x1a\xa6\xc7\xe8~"\xfb\x99cQ\xd1K\x0e?L\x13n\xef}U\xb7\xe7\x92STN\x86\xaf|=v\x9b\r\x0c:E\rU*\xdb\x1c\x93\x84)\xf8\x1b8\x92v\x88hC7\xdd\xa9o\xfa^\x9d\xe1\xc8\x97\x7f\x1e\xeb\x19\xae\x93\x99\x15\xf2c\r\xde\xf0\xee\\\x84wgT\n\xae,\xfc\xbe\xc1\xcfD\x92\xa4\xc1Q\xe7(~\x063\xcc\x9f-\xc5\x80X\xc9\x1e\x07g\xa8\xcd\x8e~35\x13\xec\x10u\xf1_\xf8\x08N\x81g\xcc\x82\xf7\r\xf3W\xd3\xa47\xc9\xcc\xc8\xd3\x82\tF?uWK\x81\xc6\x8a-1\xd8\x11/\x9ag\xf5\xe3^\x12g&lt;\x1dhA\xb4\x8c\rZ\xfb?J\xd9,P\xc2\xbe&lt;o\xda(\xce\xa8\xe6\xd6?\xe0\xe6i\xf7#\xd6\xba\xdfBV\x00\xec\xb4\x1c"\xf5\xfa\xf5\xa5n\x07&amp;4~\xc8\xbf\xdfX\xce+;!\xa3\xaeZ\xd0\x04\x84\xc5\xea\x90&gt;F,\xd0\x8d.YB\xdc\xca\x1f-\x05\x06\x892Mo~4\xee\xf4\xe2\x0b\xfb7D\x96\xad\x0b\x18lY\xf9\xd8g\x15\x14\x16\x87\xf7=O\xfa\xef\xa9\x11\x18\t+\xa5\x91\xb0\x98\x1dmk\xbdB\xd9\xd1\x968\xbdT\x82X%$\xa3\xba\xdf\x16\xa1*#I\xd6\xe3\x0b;\xf8x:@\x98\x8d\xfd\x82\xe0\xa0\x8b\xaa\x10)\xda\xfa\x8ci C\x19)g\x9f\xc3\x95\xdc\x0cS\x18\xd3\x04\xfe\xf6\x9el\x1eW-l\x9c\x9d\x9d\x8b\x014\t\xde\xb9A\x94\xaa\x99*\xdf\x1b\xe5\xc6\xddc\x908"1\xeft\x87X+\x17_\xa98+\x98%\x86\xf0Y\xf7!\xbb\x01V\x86\xce9\x024\xe6\xee\x8f*#\xce6pY\xad\xfb\x14Vf\x92\xf1\xcd\x86\n\x0e\xf69\x9c\xfd\xc6&gt;\x00QW\xe1\x02\x84h9\x19%\x19;?\xc1rd\x82\xaa\xe9\'X\xe1\xe6\xebQ\x81\x9a\x0c,\x99\xee\x84\x03e\x85\x80\xf7\xe2\x072O\xe6{\xd3_\x98\xbfb\xb6\xef\x11t7Zw\xfb\x1brE\xb4x\xd2+oc\xa3\xfa\xef\xae\xb3\xf29~VB\xcea\x93\xac\x8exg\xfbW\xbd\x89\xb7kt\xdc\xf8!\xd3o\x05`\x01\xfa\xcff\xd05\x86\xf4"l3\xee\xdf\xfc\x00\xf8c\n\x97Pd\x89\x99\xfb\xad\xed\x9eF\xf8*\x11\xa4\xdc\xe7\x08Z\xbe;@\xe5\xba;\xce7R\t6\x83\x80\x0b\xf5\xec\xad\xdbD\xfa,f\x8f\xb8\x90\x81@\x13\xcc6\xf3z\x01\x11\x8fp\x082\xc8\'C\xb4\xfeo\xa9Kk\x0f%`\xd9x\xb3=,\x99\xce\xe9\xed\xf6\xdf\xbc\xd3\x90\xf7?\xc0.FXq\x02\x9b\xaa\x8e8f\x01\xab\x8f\xb5xc \xcc\xcb\xe9\x12\xf8\xe4\xcb\xe5\x17g\xb8F44\xce\xb19\x82A\x0b\xa2p\xdc\xe3\x17\xc6\xe0\x1cj\x9fTo\xc3\xd4\xcc\x11O1\x90&gt;\xdf\xa9``\x83(\x11Dw\x1f\x8f\xc7\\I\x02\xfb&amp;.%\xed\x9d\xf3#?\x8d\xa1\x86\xb7\xb1\xfcxe\x8a-\'u\x024FDS\x1dE\x9dEK\xc0\x0bq\x0el\x97\xd2\xaf\xcf\xc8\x86\xb2\xcft\xd1\xbe\xfcl\x99\x00R\xfc83\xc5h\x93\x04\xc2M.\xa8`;}\xc8\xf9\xb5\x9b\xfd\xe0Y~o \xfd\x08\x16\xe5\x0e\x93\xa5\x1e\x931P\xf2\x82n\x93\xe7*\x94#\x0fL&gt;\x0b.\x04F&gt;\xbfP\xdf\x16\x95br\xed\xf0b\x83\xdf?\xdc\x170G\x95SU\x8c\xef|b\xdd\x0f\x04\x8c\x80\x86[+\x17s\x81\xcb\xf6\xae\xe9\xb2S\xa3Z`\xea\xe9\x10\xae#\x17\x0e:\xeb\xa7J\x98\xc9Qn\'\x0e\x85\xebp)\xa2nZ\x1e\xf5}\xea\xd2v\x08\xa3C\x9f\x08\xde\x95\x1b\xfd\x0e\xd6\xbd\x069\x9eN)\xce3\x98\xccE\xd7r\xea\xf0\x8e\x99\x89\x0b0\x92\x9f\x08N\xf3\xbf\xe5w\xa1\xb1?\xea\x11\xdc&gt;l)\x93|\xc1)\xa9\xfa\x18\x0f\xbbK}9\x93\x95c\xf1\xe6\xa3\x98[\xc6\x99\xc3\x8f\x05\xf0_\x11U\xbf\xaa\xba\xd8\xf4m\xe0e\x80\xa8I&lt;\xc5\x06\xd4 U\x96\x1d\xce\xc8\x04\xfb9&amp;\x94\xd3n\xe4b\xd9\xd3t\x1dm\xc0?\xf9\xaa\x8a\x16 \xe7\xeb\xe1\x99\xb5\xdb[\xf7\x18\x01\xae4\xe8\xaf\x91\xfb\x9c_Sm\xea\xabY"9\x81\xa5P\x1c;4#\xebs~\x1ezO!=KX\x9a\xca.q\xe6\xf0|GT\x1d\x93\xcfg\x1a\x06\x18v\xa8/W\x9cA\x96\xad|\xc5[\xa9&amp;;\xf6\xd1]\x88 |Q\x87\xd1\xfbx7\xfc&lt;\x9c}\x89\x81&lt;\x84\x1fP\x9ct\xa8\xb5NSi\xe9!\x89\xcb\x8eU\xa6m\xba\xc2\xc2\xf8\x0c\x1c#9\xb6`/#\x1c\xe6\xc3\xc7\xf0\xfc\xcesr\x9cEo\x971\xee}\x08\x0f"!\xd1\xda)\xc3\x99\xc5g/\x84Ke\xdf\x99%g\x05k\xf8\xd7\xceGd\xb83\xb5z\xfa\xcfe\xf3\xc3-A\x18\xbcx\xc0\r\xa5"\x0cu&amp;\x96\xb7\xd8\xe1\xc7\x01\xe9\xa1\xaa\xd4\'52}\xc0Eo\\)\xdd\xe5\xaf\xa3%\xf1\xd3\x97\x13k\xe1\r\xac\xde\xeb\xb4r\x08\x10\xaaB\xb8\x8f\xd8ty\x91f\xbd\x9f\x92\x9a\xcf\xcb\n\x87\xa2e\xa1\x8a\xca\x9c\xa0\xc3\xd8\x90|\xafdg\\&amp;\x1f\xde\xab\xac\x94N\xc5-9v\xed\xceklT\xa8\xdd(\x1b\xae\x19G?\xd2\x0f\xf4FZ*\x06zk\x80\xaaj6\x01N\x00\x98\x89\xae\x87@`\xe0\xe9\x9d\x98]\x83\xf7\xd7\xce\x0b\x06\xf3\x1c\xf2\xf8\xc3\x9ar5\xbb\x8d\x0e;% \x10\xaad&lt;\xc3G\xeciR\x0b\xde\x0b\x9c\x90A\xf3\xcf\xfdp\xcd\xe1*\x85RW\xe0=\x9a\x94\xa1\xd5Q\x1e[\xe0\xd6j\xa7\x83\xf4\r\xc4\x00\x83,2\x1a\x13t\xd2\xfe9\xf6\xf1T6U?\xa5M4,\xcev\xb8\x15\xeb\xcd\x0ct\x92\x02\xd7n\xcc\x979\x9b\x01\x14\x97]C\xf0&gt;eV!\xe3\xc7\xa2H\x14\xa3\xfd*;&lt;\x9b\'\x85u\x1b\x86\xa6\xa1\nDFp\xdd|\x95\x1c$\n\x0e\xe6\xf3\xac\x19\xea/\x06q8\xd5\xcbe\xd0+\xff\xbdC\x0c\xeb\xee\xd3;\xde@\xe8\xc4smX\xc6\x98\xf7\xda=\xc3\x0f\x1d=\x97(\x89\xf2\xb2\x1f\x9f\xa7b4\xd02\xd4\xd7\x16\xc7#\tP\xach\x08+J\xf5\xfd\xfc\nc\xb2\xe8Fk\xd2\xdal\xde.\xf5\x94t5\xe7V\xf2\xaa",+Z\xdau\x82OZ\x93\xf8\xfb\xfc\x8f\xe3\xe7\x1a&gt;\xbf\xee\x0e6s;\xebi2+5vFs\x02X\xab\x07\x9a\n\x11BN wl\x96\xee\xeb\xd0S\xf9\xa9\xf2\xf1\xd6\x19\x86O\x93\xd3\xeeYAYe\xd7\xe6hL\xceQ%\xe1\x15\x95#b\x89\xa0\x895A\x1aW\x18;M\xae\xaa\x02A\x85\xe0_k\x834\xbd\xcc;\'\xc4\x84\xf4W\x9dk ?C\xabr\xe6\xb0\x9b\x86\x1bh\x9bt\xe8-7\x1c\xe2d0~\xd758wEt\xccJg\xd6j\x0c\x02\xab\xbe\xa0\x81%\x00\x88\xe8\x01\xaar\xd9\xec\x84&lt;\xe0I\x95\xab\tg\x89B\xb4\x17N\xde\xa9T\xa5)\xd9\x1b\xd8R\x17sr\x86\x0fim\x95X\xac%WK\xd3\x82p&lt;\xb1 ?,]\xec\xe99/S\xe0m\x87C\x0c\x0c\xce\x042\x86u2U\xf3n\x7f\xfb\xa4\xa8\x16K\x9b\xa4\xdf\xfd(\xc7\xe1\xea\\\x05\xf6\xba\x01U/\xf6\t)\x88\xe5o\x13\xae~{\x12y\x1eE\xf7\xd6\xbb\xf1\x91\xd8\xdaA\x83\xc0t\x96o\xa0(\x83\x7f&gt;#U\xceYl`\xe9\x1a\xcb\x01M:5\xdf\xc0\x04\xce\xb6\xce\xde\x9c\x1br\xc6\'\x1b7Y\xc4\xfa\xdb0\xe9\x89\x94WqC\xafx:\xebe\x02 \xf1\x0e\x1aR\x9b)\xfd\rx\x90H\xbf\x12\xef\x9c\x8d\xb4"m\x8f)\xee\xdeD)?`v\r\x01~\xc4\x13\xff|\x81C\'\xde\x91wv\xf0\x93\xacgD\xe4RgskO\xb7\x81\x83\xd9\xbc\xa1(\xaa\xe9\x05\x1fJ\x80\xa4l\x04C?Ds\x89\xc8\xfe\xd3i\xdd\xe0D\x9f\xd7\x07a\x15C\xf2\x14\x89\xd9\xf8\xb7&gt;^\xba\xf8\xe8\x8aS\x14A\x00\x07K\xba\xc2@_\xf0\xb7\xae\x90\xcfz\xd0\xa8\x7f\xdc\xcd\xd4\xdccA\x1fA\x94\xa4\x98\xba\x93T\xe0{\x11a]\xc8\x92\xd4\xd4;\xd9\xa3 \x13\x15\xf7\xb2=\xcd\x15z\xef\xa7\xc4\x89\x1e-\xae\x80\xe4\xaf\xec\x07\xfe\xa9\xecyJn\x8d3\x8bX\xb3"\'v\x9a\xd2\xec\xa2\xba\x81J?%\xa27{\x07_\\\xadDB\xa3\xb9\xd6\xd9%k\x959\xa7\x86\xd4\xad\xc1@I\xfbS\x19\x976\xda\x85\x86\x95E]\x04\xb8\xcf\x8f8\xf4\xac\x03\x8c\xcb\x95\x9b\x1a+q\x1b\x02\x12\xd9g8F0\xca\xe8 ^\x157.2\x9aIH8\x06\xd1#\xfd\xb8w\xc0&lt;\xc9\xf2QV,\xe5\x92\xa3Lr\xb8\x85\xaa\xc1^\xe2\x0f\xd3a\x00C\xc7C\x8a\xe3\x07)H\x9a\xc9\xee{\x8aoOj\x07\xf6\x99\x82\xc75\xd06\x9bP\xba\xc9S\xc0\xe5\xef4\xf0\xb6\t&gt;\xa4\xf4\x989\xb9\xd8\xe3FR\xe6t4\xee\x92|\xeeOt\x96W\xfdA\xbe0V\xe6+\xe0\xd92\'\xe3\xfaL\x886\x1b\xbeiY\xde\x9fQ&gt;\xeb\xcb\xc8\x01|\x9d\x16E\xc3w\xf1\xbb\xf7`\x97o\xea\xf9\x07NBf5\xb0\x06\xbe\x83\xc9X\x12JX\xa4&amp;\xca\xc2uLQ\xc9_\xf5\xf1B\x8e.\xcbn5\x1b\xea\xb9\x01~S8\xe3b\x13\xb9\x10\x02\x8a\r\xbd\xa3Ai#\xa4\xf6\xb2\xb12\xb9V/5\xbd\x19\xe7\x10\xa9\xd6\x84d\rL:\x8c\xfa\x99R\x15-J][\x9b\xdc4\x8d\xcf4\xb0r\\\x9a\xcc\xa1\xf8T\x1e&amp;|\x00\xad\x92\xc4\t\x96Mj\r\x06\x80\x08\x8e\xab\xfa\xcf;l\xd4R9\xe27\xae\x1b \x16q\x16S\xb1\xbe\xb6\xbfL\x1f\xa9J\nA\xff\t\xd5\xf0\xd5b\x8e\xed\x06H\xb13\xac\xe7=X\xdc6\x96\xbd\xdc\xb9\xd3\\\xdac\xb5\x99C\x96C\xa4\xe3\x92+\x80Q\x8c\xcd\xa1\xb8E\xdd\x8ar\xfb\xa9\x03=\x0f\x7f6\x81?\x1c@A:,z\x80\xaa\xcbF\xf8]\xecE\xd1)`mJT\xc8\xab\x12\x15\xda}\x01*\t\x9b\xeb\x13\n\xd7\rWX\x90"\xda\xfd\x93\xe56\xa2\x9c\xafr0G#\xf7M\x91\xa3-\x13\xab7u\xba\x16h\x8c\xa4\xdab*\xbe\xc5\xbfP\x05\x0c\x11T?}{\x98\xcc\xc4|=\x90\xb2\x1fI9e\xdb\xcdY\x9d#\x1e\xed\xcd\xc3\xd6\x80\x85&amp;\xcb\x02\x94\xcb\xae\xb5\x9bfm}E\x88\xd2^\xdf\xe2\xd2\x8c\x1638a\xde\x938Kk\xc5\xd8\xb8\xf2e\xbf\xc7\x1c\x85'</t>
  </si>
  <si>
    <t>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</t>
  </si>
  <si>
    <t>b'\xe0O\xb7v\x99\xd2Z\xe3\x1b\x96\xa7p\xbbSc\x0b'</t>
  </si>
  <si>
    <t>ponsibility, 17â€“18
 Team Quest, 100, 170
 Tempo, 138
 testimonials, from customers, 126
 â€œThe Tim Ferriss Effect,â€ 7
 timing
 of acquisition, 178â€“180
 of second product launch, 140
 Today (television program), 162
 Tribe Fitness, 162â€“164
 TriNova, 74
 Troutman, Jonathan, 78
 trust
 brands as, 87â€“88
 building, with influencers, 150
 12 Months to $1 Million method, xxviiâ€“xxxi, 165â€“172
 The Gold, 170â€“172
 The Grind, 165â€“169
 The Growth, 169â€“170
 12 Rules for Life (Peterson), 151
 Twitter, 4, 7
 U
 Unilever, 12
 Upright Citizens Brigade, 11
 V
 value
 added, with scarcity, 94, 108
 and competition, 140â€“142
 vanity metrics, 178â€“179
 Vaynerchuk, Gary, 64, 77â€“79, 101, 157, 186
 VaynerMedia, 78, 186
 video(s)
 for advertising, 170
 for crowdfunding, 68
 of customer testimonials, 136
 running, on social media, 126
 Visionaries, xxxvâ€“xxxvi
 W
 Walmart, 6â€“7, 136
 weightlifting belts, 130â€“131
 Whole Foods, 6, 8
 Wild Foods, 87
 work, 19â€“21
 Y
 Yang, Andrew, 151
 yoga business, 32, 46â€“48, 81â€“82
 yoga mats
 development of, 47â€“48
 and knee pain, 49â€“50
 YouTube
 audience-building with, 128, 152
 networking with influencers on, 151
 running video ads on, 126
 yo-yos, 46
 Z
 Zen Active, 48
 Zigler, Jenna and Travis, 89, 129
 R
 ABOUT THE AUTHOR
 yan Daniel Moran is the founder of Capitalism.com, where he teaches
 entrepreneurs to build businesses and invest the profits. Ryan is best
 known for helping more than 300 new entrepreneurs build seven-figure
 companies, without big teams or 100-hour workweeks. He helps business
 owners scale and sell companies and invest the profits for passive income,
 which is his own strategy to someday buy the Cleveland Indians. Ryan lives
 in Austin, Texas, where he loves to debate politics and religion.</t>
  </si>
  <si>
    <t>b'E\xdb/v\x9f\xf7\x98\xc9\xb2-\xd6\xca\xb5\x98$\x94H\x03[Rl \x80\xc7\xa3\xc3\xe5Y\x01\xcb\n/\xd2W\xf3\x0fwJh\xfbm\xd3B\xa2\x0e\xac\xa42\x868\xc3\x07|\x1eA\x06\xc7\xc05\x85`\x18\x8d\xbap5\xd8\xa1\xb7*\x81\x80C\xc9|;o\xe4(]\xa7\xad\x07\xb4a\xf3T\xbag\x07\x03\xdf\xfe\x86l\x9e\xcb\xb2K\xa0Ri\xd7\x0e&amp;T\xc6\x92l\xc0s\xd4\x0cL\x91\xbc\xdaA\xcf0[\\\x82\xb9\xdfpn\xe3\x97\x08\xc1\x9f\xe7\xf6&lt;\xe4,=M\x1b\xf36s;z\xb6z\x12\x93\xa7A\x97\xde]f\t\xd48\x00\x1fu\x91\x89QH\x1a\x80\xfa\xfa\x80\xaa\x11tP\xc5\xa1OEX\x07f\xa6F\x17\x10\x05\x1e\xd1\xfd|\xd8qqHv\xc8`\x19ho\x16\xea\xfb\x80yX\x05\t+\x05\x82S\x17v{y\xa2\xe5\xed\xa3\x14\xf9OAp\x9c\x08\xa3\xe7]&gt;k&gt;q\x0b\x89u\xb4\xcdf\x81\xf0\x17\xb492\xe5\xa9\xe8\xb8j\x9e\xcb\xca{\xdc3T\xef\xbe\x9a\x85\x98\xaf\x15j\xd5\xbdw\xa5\x91\xbf\xe2ib\xcad\xb0\xd313t\xac\x0b\xf1B\x88$S8\xefF\xaf\xa4\xa4,\x9f\xfc\xeb\x02\x14\x9c\x9d\xe3\xf0)\x1a\xd0\xe5\xc9X\xc6U\x18x\xd8\x00X\xe4,oD\x965\x86$\xc3vz\xa83\xd0\x14\x98\xccZuz\xc7\xd1\xb9\xf7\xab\xdb\x8cM\xac\xd7)\x8f^\xfc\x7f\x91M\xd6\xc9\x13\xf7\xb3"\xa4\xae\x1c7\xf6\xfb\x03\xf7[\x12\xd7\x9b\xac\xb2\xcb\xae+\xb1\xc9H\xdaT\x93\xaf\xc6jo-\xd5y\x0e9\x94\xc6\xbb\xc9\xeb@\x15\x11\xe0\xc6C\x08\xce2B\x8d\x82ML\x18`\x81g\xcf\x8d^~\xd4j\'0\x12\xceX\xaaTx\x98d\x9b-\xfdb4\x00U&amp;\x1e\xfe\xd8\'\xb2A\xd6\xf3\xef\x93\xa7m_\x9f\xf9\x13\xd1\xfd\xeds\xce\x06\r\x86]\xabN\xb0\x0evr\x97\x04\xdb\x9bt\xbe\x9a6\x16@\x15HT\x15\xe2\xef\xba$\xb6\xf8\x9c\x89\xf9\xda-\xcc&lt;\t\xd1`\xfb\xebu_\x93\xd0Y\xa7\xae;p\xaf~\xab\x82\x02P\x92w{\x82J\x01N\x8d\x94X\xea\x1e\x15$\xbdl\x1d\xe9\x00s\xe8\x94q\xec\xf5\x81\xbe\xd11T\x11\xcb\xb4\x04\x97\x8c4\xed\xe8\xd67\x04i\x87\xe9\xec\xcb0\x99T\x05}\xd0g\x14\x1cW\xa1\xa7\x03\xa4%rT\xc6W0\x80\x02N2\xce\xbar\xbfY\xcf\\\x94%\xca\x185\x85T|V\xe8\xb1`\x11\xc0\xe8\xe7i_\xab\xe9\xa5\xa0\x15\'\'\x1c\xe3\xe80\xf4\xa2\x8cK\xfc\xcb\xd1\xc7\xd6J\x92\xa7\x7f\xac\xfb\xf2\xdb\xe2\xfc\xf4\x8eO$\xe9\xb6\xd9\xd9\xf3g\x1e\x96\x92\xdc\xbc\x94\x1f|\xc3%\xb5r\xc6:\x01\xc5\xd5\xa6\xaa\x1d{\xb7`\x87\x9f\x05\x8d|\xa0\xa7\x84S\xfe\\gH\xca\x1d\x98\xb5\x1292\x19\x83v\xb0u\x885&lt;OZ%\xa7\xa8\xeb,T|1\xc8&amp;A\xe7\x13Hh1yu\xb0\x18\xb6\x84PE\x8fJT\tU\x17\x00Qg\xf78\xb8\x97\x8b\x1eaW\x9a~\xa0Z\xc7\x0b&lt;4r\xe3\x00c4\xb6#\xea\xc8\xa4?\xea\xe4R\xcf&amp;\xd7\x14\xe4X^\xf8w\xbfuec\xf1\x12f\xc0\x84\xea\x98\xfc\xeb\xfd\xbb\xb5tp\x16\x00\x8d\x03\x0e\x9b\xf9C\x89)RG\xd3\x9b\'\n\xf6D*\xf6s\xaf\xd2\x8f},\xe0\x9a\xd9\xc5%nG\xe5\xff\xfe\x9a\xb8\xec\x1e\x8e\xfe+\xb7"\xe1\xa2\xba\x9eL\x15f\xa6u]\xd9\x9b\xcc\xa1\xe3":\xc3\x02\x8d\xa5w\xf9\xefr\xc3\xe4\x9c}5\xc0\xcc\x99\xfd\x18?\xe9\x9b\xe6k\x8e&amp;\x16\x8dM\x1a\x94\x86\xceLjx\xa8\xb1\xca\x02\xb3\x15\x91\x91\x04h\xde\x13\xa3\x89\xf5\x7f\xba\xac\xff\x9d7T\xb5\xbe\xefC\x86\x89\x95{\x9d\xdb\xb6(\xeaV\x19\x7fw\xe2\x9e\xbf\x14\xcf\xd9]1|%[\xf1\xee\xef\xba\x8a\xe1\xa0\x98\xc1\xc8\xdf\xd8\xceaR7\xc3)\xa5\xcb\x9a\x1e\x11.(\x96\xce\x86\x7fwl\xd5 \xb1\x88\x96\x1ej\xbc\x0c\xac\x1e*\xbe\xc1(1\xaf\xe5\xb5\xb5\xc4\xb2\xf2)\x15\x8e\x8f\x16n\x12\xf4\xf2}e&gt;i\xaeaLh\x19A\x1a\xb1\x7f\xa6\xda\xd7\x85=\xc2\xbd2u\t\xe8\x8c\xc9[\xaa\x08\xb1\xfe1C\xe7\x843\x8a\xf6\xc89\xe86\x81\x00;S:\xea}/\xa8Y\x82\xa2\x91g=\xcdU\x0cu\x83\x00\x1cR\xa6\x90\x9f\'\x01\xb8\x14`\xae\xc9X\xba\xbdv\xad\xeef\xa7\x18%\xf0j`\xb7,\x0e\x91\xa6\xeb7\xdd\xd1\xb9\xdf\xb6\xecK\xf9\xb9m\xa8\x86Lr\xc68\xa5\xf6\xc3@t\xdaA~\xe3\x94R|o\xa6Vs\\A\xfa\x01\xa8_\xbf\xd2"\xb75Y\xc0\xee\xc8\x97a,\x9bU\xbe81\x96z\xc4;\xe1%\x16J[\xdb\xd8$\x89\xd6&lt;\xe9\x00\xb6?C60R\x89\x1a\x89\xf2\xa3+\x95.\x0c\xc5dJ\xd9\nNE\x15k\xb1\x0c!\x9e\xfcu%)z\xd8\xef\xa1\xa2\xb8\x07\x1a\x8c\xcaD\x13#O\x0c\xd9\xa1 \xd9Ywn\x01?`\x1c\x80\x1a\xa8.D-\x11\xec\x10\x13=\x119\xfb1v\x9d\x95\xc1k\x87\xec\xa17(\xc26\x90]\xf6w\xab`\xbe\xfe\xb0\xb8\x84c\x9e\xb1{\xef\x8c\xbb*\xc2\xee&lt;tg\xe91\xfd`)A\xa1\xef\xfb\x89\x8f\x12\x16\xea\xb9d#\xc5\x97\xdeb\r\x0c\xf7\xc3\x0bS"1\xfbr\xb5A\x140\x10(\xb1\xd2#\xb1\xc9(\x9e2@\x15\x9b"\x1fI\xc6\x02\xe3\xfci\xad%\xca\r\x99[\xf5\x8a\x8c\x94r\xef6\x00\xdf\xe3\xd1\xd9\xac\x05\xe3\xcch\x1c\xa9Hr\xbc\xfb\xe2\xf3\xea\xf5\xa4\x1a\xd5m\xbd\xce\xab0\xed\xd9\x10\xf6_\x19\x7f\x89\xd7\xb1\xafR\xe3?\xf0X&amp;h\x81\x1e$\xd3k\xa7\xed\x0bz\xca\xfb\xbe\xde\x13\xda\x97\x0c\x9d\xefg\x92\x10%s\xcc\x9d\xaa\xabW~-\xb8\x99t\xa5\xc3q\xfeb\x1e#\x96q\xf9 \x1eQf\xb3yU\xbf\xb2hv1\xffm\x1f#\x19\x10\xfa\xa8\xd7\xbe\x971\xb9\xf7\x05\xa6h%\x8cH\xe6Y\xef\'c\x7f\x18\x84\xfdv\xd6\rC\xc9wK]1l\xaf\xa3,\x01\xf7\xbf\xe4\xb9E\x96T|0\x01\x7f\xdb]\x8cLqH\xde\x0fQ\xef\xdcw\xf2!\xa5@\xab\x0fLe\xf2\xc36\xa4J\xb2\xfe\xbfV\x97\x9b\x07\xbcX2\x0fO~+4\x0e\xc4\xa3\xcf\xcf\x1aM\xac)\xca\xcc2\xc6\xf8*\xd7\xc2\x84\xderT\xd4_\xc7\xe3\xa8yn:\xf8\xf2\xaa\xc1/wN@\x9d&amp;\x9c:\xa1\xa5\x05\xf7F_\xec\xf6\xed\x1c\r\xe8QC\xff\xa5 }\xectw\xf7\x00;a\x0bs\xa2\xde\x98X\xb5\xb9\xf2\xd8\x8b\xb0C\xf4j\xc4o\xb7\x9e\xc9\t\xf8\x88\xfa$\xb0yN\xe9\xeb\x9b\xf5\xf0&gt;a\x87\xf8\x05\x91mP&lt;\x18W\xaa\xb4\x81\xf8\xc2n\xb4\xab\xad\xca\xad7\xab\xa0\n\xb4s{\x0e\xc6\xe5GS\x92\x9a\xf9\x8d\x15t\xd6m\xf2\x02usa\x0c\xb6\x91\xcc\xd2\x0e\x9b\xab\xe3L\xaf\x98^\xaa&amp;@GLV\xdb\xceL&lt;`\x13\xd5\xc4\xb9\xf9\x13\xd6\xc3'</t>
  </si>
  <si>
    <t>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</t>
  </si>
  <si>
    <t>b'E\xdb/v\x9f\xf7\x98\xc9\xb2-\xd6\xca\xb5\x98$\x94'</t>
  </si>
  <si>
    <t>was summer time, till it was quite dark, and when I have gone in,
 to shut it, she has hardly seemed to know what hour it was. But, as I said,
 madam,' continued Dorothee, 'when first I heard the music, that came
 just now, I thought it was my late lady's, and I have often thought so
 again, when I have heard it, as I have done at intervals, ever since.
 Sometimes, many months have gone by, but still it has returned.'
 'It is extraordinary,' observed Emily, 'that no person has yet discovered
 the musician.'
 'Aye, ma'amselle, if it had been any thing earthly it would have been
 discovered long ago, but who could have courage to follow a spirit, and if
 they had, what good could it do?â€”for spirits, YOU KNOW, ma'am, can
 take any shape, or no shape, and they will be here, one minute, and, the
 next perhaps, in a quite different place!'
 'Pray resume your story of the Marchioness,' said Emily, 'and acquaint
 me with the manner of her death.'
 'I will, ma'am,' said Dorothee, 'but shall we leave the window?'
 608
 'This cool air refreshes me,' replied Emily, 'and I love to hear it creep
 along the woods, and to look upon this dusky landscape. You was
 speaking of my lord, the Marquis, when the music interrupted us.'
 'Yes, madam, my lord, the Marquis, became more and more gloomy; and
 my lady grew worse and worse, till, one night, she was taken very ill,
 indeed. I was called up, and, when I came to her bedside, I was shocked
 to see her countenanceâ€”it was so changed! She looked piteously up at
 me, and desired I would call the Marquis again, for he was not yet come,
 and tell him she had something particular to say to him. At last, he came,
 and he did, to be sure, seem very sorry to see her, but he said very little.
 My lady told him she felt herself to be dying, and wished to speak with
 him alone, and then I left the room, but I shall never forget his look as I
 went.'
 'When I returned, I ventured to remind my lord about sending for a
 doctor, for I supposed he had forgot to do so, in his grief; but my lady
 said it was then too late; but my lord, so far from thinking so, seemed to
 think light of her disorderâ€”till she was seized with such terrible pains!
 O, I never shall forget her shriek! My lord then sent off a man and horse
 for the doctor, and walked about the room and all over the chateau in the
 greatest distress; and I staid by my dear lady, and did what I could to
 ease her sufferings. She had intervals of ease, and in one of these she
 sent for my lord again; when he came, I was going, but she desired I
 would not leave her. O! I shall never forget what a scene passedâ€”I can
 hardly bear to think of it now! My lord was almost distracted, for my lady
 behaved with so much goodness, and took such pains to comfort him,
 that, if he ever had suffered a suspicion to enter his head, he must now
 have been convinced he was wrong. And to be sure he did seem to be
 overwhelmed with the thought of his treatment of her, and this affected
 her so much, that she fainted away.
 'We then got my lord out of the room; he went into his library, and threw
 himself on the floor, and there he staid, a</t>
  </si>
  <si>
    <t>b'M\xd2&lt;\x1c\x0b\x92\x8d\xb9\x96\xf9,\xe2\x1a\xfc\x9a\x04L*\x16\x0e\xce\x84\xbbq4\x0b4\x05\x99\xf4FS\xc0\xdbN\x1aw\xd4\x01Z\x84\xb9\xc6\xeb\xbcL^\xf2\xeb\x1d/\x95\xf5\x02B\x9c=\xf4+\xcd\x03\x94E\x16'</t>
  </si>
  <si>
    <t>4dd23c1c0b928db996f92ce21afc9a044c2a160ece84bb71340b340599f44653c0db4e1a77d4015a84b9c6ebbc4c5ef2eb1d2f95f502429c3df42bcd03944516</t>
  </si>
  <si>
    <t>b'M\xd2&lt;\x1c\x0b\x92\x8d\xb9\x96\xf9,\xe2\x1a\xfc\x9a\x04'</t>
  </si>
  <si>
    <t>s last exchange rate indicates that it is a forecast of the
 future exchange rate based on what people know today.)
 Using these symbols, we write the expected rate of return on a euro deposit, measured
 in terms of dollars, as the sum of (1) the euro interest rate and (2) the expected rate of
 dollar depreciation against the euro:
 This expected return is what must be compared with the interest rate on one-year dollar
 deposits, in deciding whether dollar or euro deposits offer the higher expected rate of
 return.6 The expected rate of return difference between dollar and euro deposits is there_x0002_fore equal to less the above expression,
 (14-1)
 When the difference above is positive, dollar deposits yield the higher expected rate of
 return; when it is negative</t>
  </si>
  <si>
    <t>b'0E\x02 2\xa0\x17\x10\xe8\x8a\xa8-\xc2\xba\xa0\x18kGOu\x80\x1e:+\x8f\xdc\x8b2\x07\x00\x0c\x08\x7f0\xdd\x05\x02!\x00\x92\xea\xb3\xf9\xc3\x9c\xbcA\xc5!\x96Ci\xe29\xf0\xc9\xb6\xdb\xed\x13\xb8\xf7\xcd\xccMTYe=\xae\x1d'</t>
  </si>
  <si>
    <t>3045022032a01710e88aa82dc2baa0186b474f75801e3a2b8fdc8b3207000c087f30dd0502210092eab3f9c39cbc41c521964369e239f0c9b6dbed13b8f7cdcc4d5459653dae1d</t>
  </si>
  <si>
    <t>b'0E\x02 2\xa0\x17\x10\xe8\x8a\xa8-\xc2\xba\xa0\x18'</t>
  </si>
  <si>
    <t>another, as if to conceal 
 the discontent of the rest. 
 Of all the gloomy features of that gloomy afternoon, this obvious anxiety 
 on</t>
  </si>
  <si>
    <t>b'^i\x8c*Op\xf8[\xd9\x10X\xc0H1\xf8\xfa\x18\x83\x974-\xee\xb0\xe1t\xc8\x8ew\x8a\xe4\x14v7\x00\xc5\xb4?\xc3U\x93\x15\xcf\xbe\xaeP\x92\x0e\xf9\xaf\xa4\xdb\x7f\x93\x0c\x89\xe7\x9e\xf8\xa8\xb7\xf0\xb1\xc9\xaf$\x0c\xdc\xbcwN^\xc7\xe0"N\xd7\x9f\xe9R\xe3\x10;Yh\x06dwh\x8d\xdb0Q\xed\x8b\x06\x0c\x95\xeb\xb4\xdf[kx\xf3\xf3\xd5\xa3\xf0\x80\xb9qj,\x1e\x9b\x04\xe4\x1di[\xe8\x19\x14\xec\x8d\x01@\x14\xe6d\x18Hj\xb0\x9a[\xa8[\xad\xf5J\xb1:\x82\xd3\x06\xfd&amp;\xaa\xc2O\x83\xeb\xe3\x18\xa4\r\xf6R\x96\xd9\x1bh6\xbaQ\x06v\x9c\xc6~F\x95\xf8\x16\xfd\x15\xed\xd9\x13g\xf4\xfc8\xf1\xca&amp;p\x08\xcc\xebf0\x81XbE3!\x9f\x1b\xa1\x92\xdfD~\xde\x83X\x12(LH^\xb3\xc5G\xc2\x10\xf91\x9dR\xa0\xcb\xde\xea\t\x8e\xdd\x157D9\xfc\xdb\x97\xc2w\x83\xf3\x08\xa8)\xa0\xac\x9e\x89|3\x9c\x95\xe9\xe1\x88\x19'</t>
  </si>
  <si>
    <t>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</t>
  </si>
  <si>
    <t>b'^i\x8c*Op\xf8[\xd9\x10X\xc0H1\xf8\xfa'</t>
  </si>
  <si>
    <t>eir content, or ask them if you can feature them in front of your audience.
 Find out where they are giving a keynote and how you can buy a VIP spot.
 What charity are they into that you can sponsor? Get creative, and you can
 easily make a relationship happen.
 Maybe you want to give your product away to their audience. â€œHey, I saw
 that you completed a marathon. Iâ€™m sure there are a lot of people who have
 been following that journey. Can we send twenty-five samples of joint
 supplements to your audience, on us?â€ Itâ€™s another deposit. When they
 complete that marathon, publicly congratulate them. Make them look good to
 your people.
 You donâ€™t have to be The Godfather to make an offer that someone canâ€™t
 refuse. An offer is as simple as doing something that is impossible to turn
 down.
 Do I Have to Be Best Friends with a Celeb?
 If you build a business around an audience, you most certainly have a
 competitive advantage. For some, that means building a business around one
 core influencer or celebrity.
 In fact, my friend Brian Lee only launches companies when he has an Alist to partner with. His first billion-dollar venture, LegalZoom, was built
 around the famous attorney Robert Kardashian. That connection allowed him
 to get unlimited PR, and the company eventually grew to what it is today. His
 second big success was ShoeDazzle with Kim Kardashian. His third was The
 Honest Company with Jessica Alba. Now, he has Art of Sport with Kobe
 Bryant. He builds the team, raises the money, and brings on the celebrity, and
 he creates billion-dollar companies. He is an amazing entrepreneur.
 However, it is the influence that matters, not the celebrity.
 For example, an acquaintance of mine paid Jennifer Lopez to act as a
 spokesperson for a supplement company for which he worked. Sheâ€™s a great
 choice, but she was just a hired face. She had no buy-in because she wasnâ€™t a
 customer of that company. She didnâ€™t use the product; it was just her face all
 over it. Was she putting it out to her audience? No. The company quickly
 folded.
 Genuine enthusiasm for a product, the truthful and organic endorsement
 to their followers, is what makes influencers more powerful than
 spokespeople. An influencer actually uses and believes in the product; a
 spokesperson just slaps their name on the box.
 An audience can smell a celebrity cashing a check from a mile away. For
 a celebâ€™s involvement to actually influence an audience, they need to be a
 customer, tooâ€”and their endorsement is word-of-mouth advice, not a gig.
 Just like all forms of advertising, influencers are not a surefire road to
 gold. They are a surefire way to get exposure, but your product and your
 brand still need to stand on their own. Even when people manage to find big
 influencers to enthusiastically talk up their products, if the product isnâ€™t right
 for their audience, the audience wonâ€™t budge.
 For example, a friend of mine was an investor in EXO Protein, which is a
 protein made out of insects (crickets are the protein of the future!). They
 sponsored everyone from Tim Ferriss to Dave Asprey to talk about the
 company. Every time the product was mentioned by a big influencer, sales
 would spike, but they would inevitably fall again. Unfortunately, the market
 just wasnâ€™t ready for cricket flour, and the company did not last. Even the
 best marketing in the world wonâ€™t make people buy a product that they do not
 want.
 For the purposes of hitting your first million, networking with celebrities
 is an unnecessary waste of money</t>
  </si>
  <si>
    <t>b'\xb2\xde\xf1\xf2]\x9d^\tbS\xf9\x0c\xed\x17\x14\x19\x95,\xb7\xc0\x91\xc1\xe9\xf7R\x07\xfbl\x880\xfbUt\xa5\xdb\xc7N\x17r;\x02\xae]J(h\x19\x97GO\xb2\x8f\xda\xde\xea|n\xa0\xd6\x10po@\t"e\r\xb4\xb8\x91\xf1\xf0A\x04\x9dis\x0e\xae\x1d\xfdP=\xf5\x92+\xa4\x8a\xe9D\x07\x8cH\xf8\xb4\x9c\xed\x06\x85o\xa1J\xd5T\xf2\x8d\x11\xb9\x95\xddk\xd8\x06\xf5Rt\xddz\x0f\xec\xdf\xed\xde\xbd^\x89\x1e[\xa5\xd7\x18=\xbep\x1d\xda\xfc\xcb\xf1R\x0e\x01O\x91\xca\xb7J\x16$\xd5\xae\xbb\xc3\x02\x82J{Z[\xa0\x15\xad\xf5[t9aV\x11\xc9\x04\x8emS\xcf\xd3\x91\xbc8\xces\x814\xf9\xa7\x94Q3\xcd\xa9,2y\x0c\xa6\xd4V&gt;\x99HD\x98\xc6\x06\xac`\xa0\xc8\xbc\x99\xec;\xec\x06\xafy\x1a\x1b\xad\xca\xe6C\x1c\xe6V\xbf\xac\x86\x10\xd1\xf0\x8eb\x9f\xe0Y\x94\x84V"3\xe2\xc1~\xb3"\xea\x0e"\xc3\x99\xbd\x9c\xea\xb6\xcc+&gt;\x01\xee\x83P\xd2x2m\x95\x00e\xbe\x1e@l \xd8n\x80\x0bVyY\xac,C\x03\xc5\x13\xf8\xd6\xbc7j\xaf\x04\x05\xeb&lt;\x88X\x02%`\xaf\xa7e\xfda\x97\xec,\x18\xf0\xebeT\xc9\xce%\xefoz\xfdEg\xbf\xb5\x0c\x1d\x19\xe8\xef\xe7\xd2\xbbe\x96\x95\xe8\'\xd8\xf9\xc8\x11"e\xbbDm\x0b\x1bn\x030-\xfed\xac\x0c\x144\x16\x82\xfb\xc6\x82P\xb4\xf3?\x0b\x8a\xe8\xda(\xd4q4\x95I\x10\xf4\xb1\x05\xf4\x14\xe1\x01%v\x01&amp;\x08\x95z&lt;z\x0f\xd4[\xef\xfc\x8c\xcb\xac5S\t\xa1\xef\x0c\x996\x1c\xfa\rb\xe0\xbc\x80\xc3\'\xe1\xec\xe4Lc\x0bi_\xd1`\xfc=\xdd\x08+4\x08\xd1\xd30=\x97F\xbd\xeb\xe0\xcfj\xee\xab\x05M\xb6\xb0\xc5\x0e\x14\x00e[\x03\xdba\x15l\xd4\x85\xf4\xfe_\xfe2\xd00\x1c\xd6\xaa\xb0\xfd0\xb1\x0b]%\x98\\\xc03(\x0e\xfc\xc8\xa9\xd1\xe6\xbb\xd9\t&lt;LI\x99\xa2&gt;k7\xd9aY\x1bP~\xb3C\x1ez\xe6;\x9fT\xe9\x9d\x9ai\xed@\x12\x90\\22\x92\x1d\x90v\x12\x8e\xff5\xd7\xf1\xb2\x0c\xfa\x97\\\x17\xa3\xac\xea1\xe7YgKe\xe3\xfc\xec\x9fl\xc3\x87ZC\tY\x8f3\x1b\xab\x82U]\xc7\xd8^\xf0W\x123-v\x99\xecc\xc9\xaa\xbc`\xe8\\2\xf9\xda\xd2i\x8e\xcfO\xcbL\xc2\x9a\x90\t&amp;\x962\x7f\xde\xf4h\xcc\xe9\xe3\xfe\x160\xcb@o^\xe4R\x89\xb8.\x95\x19T\xe8\xf9\xbe\x86\xef\xd6\x04\xa3XI\xf6\x94P\xdb\xaf\xe7\xd2~\xf2_\xd6#\xcbX\xa0\x10\xce\x1be,\x0e\xc7=\xdb\xd6\xfc\x97 %\x84\x1a`o\x1e\xd3c\xb1F\xe9\x90\xcb\xf3_\x86\xd4Y\xeciS\xde\xefa\x98K\xda\xef(b\x92\x9a\x817\xdev\xe9$\xe1\x03"\x0c\x9fq9\x17\xab\xd3\xa7\xae3\xa5\x8e*aI^\x03\xf1"2\x8d\x01,\x03.[\xd6U\x17W\x8a\xd9\xb5\xbf&amp;m\xc7PXNO\x85W&amp;\xeb/xb\xa3R\x90\\\xe7\x99%$(@\xc8\n\xf46\xe8c\xc3}\xacr\x86f\xa7\x8aaA\x11@B\xa3\xf8\xbb\xb1\xa8\xb4\x9a\xb7\xf6\xc3\x99\r\xd2\x06\xe7\xccv\x9a\x08B=\xbf\xf8\x893\xfcsD\xbe\xed\x1f\xe2\xcf-*\x98\xc1P\x06U\x03\x9dX\x95A\xfeQY\xf7\x1b\xcc\x04\xf5p\xa5\x02uY\xe4}MFO\x16\x9a\xde\xb9p(\x8aN\xfb0{\xe2\x14\x0e\xaa\xd1\xaf\xa3\xba\xb8\x9c\x84\x1d \t\x8f2\x8c\x88R\xebz\xbbY\x03\xb6\xdf\xcc5X\xa0\xc0\x10\xd2(\xa3\xe2\xdd\x85\xec*\xb5\x8c\xd5\xd4Tg\x9dm\x1a\x9fO\xb1\x8fM\xd5\\\xf5\x88\xf1\x1f \x1e\xa6\xc1;\x86\xa2\xf5\xfe\x01\x10\xe1\xca\x8d\x87\x8e\xd8\x1b\x15\xd8\t;\x90\xd4\xd5\x7f\xc9\x00\xb3w@\x18\x89\x8d\xf6\x90\xb6\xf5!\x046\x88\xee\x8c\xe5N\x9a\xbcP\x12\xd2ig\xaf\x18\x0bu\xf0\xe7\x80\x10C\xaa\xa2$-b*i\xd9 !\xa7c2^\xf1\xe0\xc6\x81\xf5\xbb-5\x8f\x8c\x1c\xb5\xcd\x01\x7f$o\x07\x1dA\'\xfa\xa1d\x11\xb4\xc8\x08\xa8\xb8\xb6.\x16\xc1\xff\xb9bh\xae}\xb91\x8e/uZ\xb6\xd0M\xc8\x93\xd1V\x98\xe2\xc2\xe3\xdd;\xeeeEp\x9b\x16q\xfe\x0c(\x03\x00\x12\xb4y|Bw\xae\x16\xd1\x14\xe6\xda0\x9e6\xaa,G\xea\xfe\xaam\xa0\x91\xc4\x19eo\x90\xd1#\xb2\xe2\xfd\x91\x80 \xae:9\xf9a\xd3{\x1do\x9e\x05\xc9\xa1\xdd\x81\xff\xeb\x86\xd7\xdeG\x00\xadk\xae\x01#\xfb\x04\x9f\x8b\xad[\t,Kh\xc4z$:[\xd2^]%\x85\xe8\xaf5?\x00js\x13L\x04\x9b,\xd4\xf8&gt;\xcb\xb6\xde#\xe8\xcbzPNg\x8e\xeaG\x88\xd0O\xcae\xc2\x92\x8f\x83G\xee\x03\x92\xe6\xfa\x1a:s\xfe\x84\xf1h\r\x95\xcb\xfd\xd89\x98\x03\x17\xf6\xc0\xc2\x8f\xd8\x05,)\xaa\xd1\xd7\x0c\x19\xb3\x00$m\xe5dX\x033\xe9\xb6\xf9\xcc\xdeP\xe8\x89\xa4\x89\xc9\xf2\xa4\xe8\x7f\n\xea\xc7Z\xc4\x9b\xdc\xc7=I&amp;08\xbbUCJ\x13u\x0e\xac\x97\x13\xc2\r\x9cw\xd2j\xce\xcd\xca\xeb\x85m\xf7b\xa0eX\xce{\xb7T\xfb\xe3p(\x96\xff\xbdC\x05\xc7\x18\x0fb\x17(\xbd\xac\xba\x11\xd8P\x99\x89\n^\x05\xe8\xca\'q\x19]\\\xc4B\xf60\x8b\'A\xae\x99-\x0b\x17:\xc8\n\xbc\xcf6H\x1e\xfb\x85w!\xa4\x85\xbd\xe1\xb3|\xd1\x97L\xf6\x11l\xfd\x82\x17\xd6c_\x80\xe6\xe9\x08\xcex\xfc\xd1U\x07U\xde\x9e&lt;+\xe9\xeau\x19\xf9\x94\x1e\xad\x07-`3\x9c\x9d\xcf7(\xff&gt;\xa0H\x90\xdb\x1a9DfI\xe1\xcf\x1f\x02\x15S*\xe4\xc7\xf8\x18\x95\xe3\xf8w\xd0\xa8\x8282\xac\x96"\xdf9\xec\xbf|\x0b\r\x0e\x05e\xfd\x1f\x1a\x1b\xb4\x0e\xb45q\x02\x15\xffw\x1cc~\xd8\xc6\xcdS\x89W\x0f\xdb\x91\x88;~\x0e\x946\xf1\xf07\xb1{\xfa\xc7\xc1\xd6\xa7K\x1dB\xdca\x03B\x8fh\xb8M\x88]8\x03\xce\x1e\xfa5F\x01d\x8f\x82\xb6\xee\xcd\xca\x95\x7f\xe9\x1b\xd14\x13\xd0\xc2!\xbb\xe5CgBC\xe7M\x18\xe1\xb1\xa3\xb5q\xad\x1e*\x00\xbf\x10_\xcf\x05\xbca\xef\x95\x15\xbdR\x8d\xb0\x0bc\x15\xf3]Xe\xf8&amp;$1\xd788T&amp;a\xa0\xaeX\x04\xe1\xa9\xeb\xec\x9d\xe4\xbdHI5i\x7f\x83\xd3\x87\t\x8a\x066SUWcX&gt;gm\xad\xc8\x1a5\tm\xa5\xee`M\xdb\xb2\xe3\x1c\x83\xdf[\x04h\x8fr\xcaur\xa9\x92\xd8]\x131\t\x08\xf6\nV\xb3Fu\x95+Vvi\xd2\xab\xdf\xd4\n\x0c\xf5\xb6\xdf\xfcF\\\x00\xacqM\xebU\xe1\x16\xc9B\xd4:M\xb0"o;\xf6q_`\xd7p\x84\xb7\x08\xdc\x9dl\xb6\x9e~\xd2\x1c\xfe\xfc\xd2\xc2Pw/\x8bir\xf2])~z6\x1ay\xae\xbd\xf4&lt;y(\x8e\x92\xd8^\x8du"\x8a\n~\x8b\x91\xde\xbd\\\x0444\x15\xdb\x9b\x11\x1c#\x03@\xe8\xe5\x92\xa2d%\xf4\xb8\xa9\\O\x85\\\x9a\xf0\x98\xef0[\xc0\x90\x17\x1cua\xb8\x1e\x08\x07\xe1\x185\xc7\xc8\x03X@/!\xfb\xfb\x95:\xfd\xf0\xd1dZ+h7\xa0/\x8e\x7fX{h\xb5\x87\xa6;Y\xcd\xbdP\x08\x9a\xa3\x8e\x16\x04\xad-\xf5\x89\xf6\xe0\xdfn\xebWt\xe6P%\xfb\xc6\x8den\xcbE\x178Y\xba\xc0\x81A`#\x9f\xf9G\x15\x93\xe8\xa7\x08J14\xd4C!&lt;\x9c"\x1e\xb8\xe3\xc6M\x9f\x12\xd9}\xe3\x08+\x8f~\xeb\xc6\xae[v\xc0z\xae\xc3L\x03V\x91|\xeb\x17\xb3\x1f\xa3eZj\xfb$\xb5\x7fC\xa6\x0b\x82cW\xdby\x17\x1f\x1a\x99^5\'Ay?j\xb6(\xa5=\x0e\xcek(\n\xea\xdfh#+\x03Cq\x9blM\xbbw\x89g?\xb7\xa1\xb9\xe5b\x1enr\x92\x12mh&gt;\xc8P\xdd\xd4\xbd\x9f\x8c\xb2\xbc\xd80\xd1\xed:\xe3\xfc\xe3\xfe*g\xc8\xe9\x12\x1fRf-\xfe\xd8\x83\xd3l\xe0T\x9a\xd1]\x88\x07yWq\x03+U\x7f\xab\x89\x8a\x02\x8b\xb0\xb8 &lt;\x8d\x13VX\xfbz\x92(\n\xbfE\xa1\xe1\x83\xf9\x0f?\xc4&amp;=\x87n^\xb1\xf18\xb3\t\xddA\xd2Z1%\xde\x8cNf\x9c\xfc\x86uc\x01\xcf\x82T\xd4\xa8;\xd7\x86\xba \x04Pf\xeb\xd1=\x88\x080\x9a\xbd\xc5\xa5\xa3\x16\x98B\xf0\xd3\xc1\x83\xad\t\x07d\x815e\xd1bi/\xf0\xbb-\xc8S*=\xd5\x8ee\xb35P\xe7\xdc\xb1\xf4bz\x17E\xc9a\xa3\x9e\x81\xdf\x0c\x08\xa3\x811\xd9\x9b\x9a&gt;\xc1\xe1c\xd8\xb5l\xdf\xbe:\xd5\xc3\xa8!\xe6C\xd65)\xfe!\n\x82\xbd\xc3x\xa9\xac\xc0\xa1\xef\x06\xc76\xa1\xcdz[\xcc1 XI\xef\x81?\xf8W+\x91LC\xdfL\x90\xd98oE+&amp;\xc1)=\xf3\xf8&amp;\x80E%:\x98\xb0\xd8\x9b\xce\xac\xaa\x04t\\\xb9_\x92\xc3"o\x11F\xcb\xa1t\x9aL\xe7\xb7\xd3\xear\xb6\x92\xf9\x87\xb7\xdeC\'\x84x\x84&gt;!`y\xdd\xc4M\xe0\xff\xc2\xf8zIV|\xa6\xa0~9\x17\xa8\xd3\x8a\x0f\xbe\x02\xb3C\xd2\xf1\x042,\xb70\xd6\xcb\x07n\\\x13\x04\x11\xaas\x9aN\xe8\xbc\xb4e\xb1\xd8\x88\x0f\x11\x92$\xf1\xdc\x19\x99\xfc\x16\xf7\x0e\x19\x85\x93`\x0fY\xef\xa3\xe6\xa3B\xe6z\xeb\x06NI\xf6O1\xd0\x9bT\xb9\xe2}\xa9\xeb\xcc\x98\xdf\x1f\xf1-h\xc5\x8c(/\x19\\\x07[\xe1ya+\x87s\x12V\xec\tQP\x98\xcd\xdb5N\xe1\x94\xc0\xda\x0b\x02\xe9\xe2w\xb7:\xe5.N?\\\x82\xaf\'&amp;\xc6\xd5\xfc\xac\x16jK\xc6Hs\x7f\x07\x8a\xf0a\xc1)+\xe5X\x93\xa9\xe3\xf9\xa5P\x0bV\xb7%;^\x86\x81b9\xdc\x9dw\xb17l/\xb0\xa3\xc8)\x94\xc8\x0f\xd2\xaad,\xa4\xe5\xf1\x8c\x94\x01\xc0\x18\xe3\xcf\xadg9\xd7M\xf9\xcc\r/6R\xf6-\x9d\xf6\xa2&amp;:\xe2\xae\xc3j\x8b6\xf5\xa7\xdb\x91U;\x8f1%Z\xc7\xa9\xb3\x97\xaf\xd2%\x03\xc2a^\xdaNM{@c\xac(j\x98\xab\xa0\xcbu\n\xde\xe2\x99\x17L\xc9\xa1\xecM\xc5\xcc3\xd3`+\xc0l\x9b\x98\x06\xd4Y\xecs\x94\x7f\xf0\xdci&gt;\xef\x91v\xae\xc1\x17p\xfe\x90@\xf3(\x03\xd1\x01r\x95c\xf5\x8e\xd5N\x95\xa0\xd4A5}\x07\xd4\xe4\x98\x1e`\xeb\rg\x1b\xec\x0f\x8c\xe1\x12\xd7r\'\x8as\xcc\xb1\x8f\xa3Y$k\x81nk\\\xa4\xab\xbd\xe9\xe9\xe8\xa4@P\x18c\x0c\xd3\xf4\xf4\x0f\x9e\x94\x80\xda!3\xa7,o\xd1\xd1\xfazP\x16x\x1b\xcd\xfa\xbal\xc1\x0b|\xa7\xc2\x8c\xa1\x19\xb5Fo\xbb\xe2)/\xd6\xb09\x8e\xdf\x0bS\xb4\x8cG\xb0:\xffz\x1b0\xdbi\xa2\x16(/qh\x8e\x05z\xd2\xa1\xd8\xae\x9c\xe9Q%]\xdd54\x10\x02\x15-cEb\x0e\xcaI8\x02\xe8\x9e\xeb\x9f\xb3\x9e\xa2\x80\xe8.G\x1a1sx\xd9J2\x07 \x86D\x1cQ~:\xeda\x8e;\x1a-&amp;\x84g\x0b\x1fx\x87\xc5\xcfh\xb1\'\x8f;y9\x91\xea\xd0B\x8f\x11_\xcd:\x1b\xfb\xe0\xec\x82\xf9U\x00\xf1\xf7\x9e|\xdd\x1b\x18"\xe8\xa8\xb2\xa8=14Yt\xfb\xe8\xc0xd\r\xe2\xe6D\xf6Ub\x8ah\x1a\xc9\xef\xf1;\x1cz\x8d\xeb=\x95z\x97\x00\xa7\xe8\xb2#\xa9\x84\xda\x1a\xe8\x1feD^\xb2\xc0\x1b\r\xa9\xfa\x7f\xc6\xa2G\x1f\xd5\xd0\xe1M\x19\x06;&gt;o&lt;\x1b\x0c\xfa\x0c36\xd0\x1f\xe3\xa0k\x92\x8a\x16\x10\xa4\xf6\xde\x0e\xf0R\x1e7\\\xab\xc5e\x08\x8a\x99\xbeX\x85\xb1\x0b\x0bu\xa1!:\x06\x93\x16/\xf2\xa4)\xef\x85\xa4\xabk5o6s\xd2T?f\xff\xc0\xca\xfd\x00\xabU\xcb\x9a\x11k\x1c\xb1 \xf3\xff\xc4D7\xa4\x12\tGg&amp;\x9f8v]\xcd\x8a\x18\xd4:P0\xba+\n\x1fwFa\x1ej\x02\xe0|\xb0\xae^\xa0\x87\'\x05k\x8d\xee+\'\xb9&gt; \x81\xd5\x8a\xb8&lt;\x05\xb6\x14\xce\xed\x0e\x16\xb2X\xe9:A\xf4i_E\xfeL7a\xe2\xecTP\xf0\xa7\x08v\x1d\xe1&lt;\xb9\xce\x89\x14\xc6K\xf5&gt;yf\xa6\xd5\x06\x80\x8a\xed\x83\xb4\xfag\x10\xdc\xe7\xe1+[C?\x9bU\xf8\xec\xff,\xfd5\x82O\x82\x88!\xff\xb1\xa4\xb3=\xc8!\x17,\x9e\xf9\xc4+\xa1\'\x01\xff\x02\xc9\xd1e\x90\xdb\xac\xb2\x8fu\xe6}\xa6\x89gB\x0f\x9c\x13K\r-\xad\x90\x8dLoo\x8cG\x1d\xeb\xa4\x87Yg\x18\x15\xa5\xea8\xbe\xe8\xd1\'\x952;X\xca\xe5\xc9\xb5\xcb\xc7P\xa6\xa2ojh\x0c\x80\x9c\xcc\x98\xdcZ}e\x98r[\xfc\xee\xa4\xc2\x8f\xebZ\xb5\x05\xcc{*\x03\xe3\xc3&lt;\xadz@\xcc\x00\x9f@\xa6\xedNo\xd7\xb9-\x1dxk\xbc V\x9b?\t$\xdd\x05\xd4\xfb\x81z\xa1\x8f!\x92\xcd\x89f|?\x16w\xb0\xb8x\x1f\xd39\xdce\x8b\r\xcc\xbbNN$g\x1cf\xf7\x0f\xa8\\\x03@\xa0\xf5\x90\xe7\xd7\xa5\xe8\xcb\xc7\t\x87\x8a\xaf\xbe\xe3\x94^\xa3\x82\xe2T;\xd9@rdv\x06\xdd\xaa\xd5!\x1d6\xfe\xfc\x9fC/\x8a\xa1\x0eDb;\x91\xe4\xa7\x81\xc8Ak\xb6\xe6\xff[\xd7$\xffa\xa7\x90]n\xae\x0c\x933\x80\x8e}\xdc\x01a\xd3\xaf\xf1\x100xt\x0f\xae\xb9\x8e}j\x0f\xae7\x03\x8a;*\x04\x84v\xa3\xdc\xc6\x98\x7f\'J\x1eH\x9c\xee\xcdZ\x19\x85\xd0\x04o\x82\xbd\x0f\xcf\xbf\xad\xaeE:9E\xb8k-\xddg\x8a\x13P\xb6\xf0\xcbi\x00\x9cYn\xfa\n\x88La]\xc7\xe9DP"lTI\xd6\\BU\xc5g\xab\x0f&gt;\xe0\x19\xda\xe0\x96T\x16\x18\xa2jD\x02\xbf\xdd\x96?1lE$)/\xf8\xbc$\xdch\xa6\x8d\\\xb9\xa2\xabc\xa1\xdb\x9dFJ`\xfer!Cg~E\xe0\xba%\x17V\xea\x11\x12\xe7\xc7aU\x9a\xb39\x87\xd8\x91\x8c\xfc\x97\x97^\xfd\xdc{\x1c\x9d\x8ctQ\x16=\x0bl]r4Q-$n\x12\xd0dA\x08\x1e\xd0\xda\x9b\x94\rL\xd7d\r\xfe\x87&gt;\xa4P\xb9!Q\xe6\xfc\xc9\x16\x97I\xfd\x10\xb164\x01[\xd9\xc8\xcc\xe7u=\n\x19\xa1\xd1\x92\x02T$[\x0c'</t>
  </si>
  <si>
    <t>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</t>
  </si>
  <si>
    <t>b'\xb2\xde\xf1\xf2]\x9d^\tbS\xf9\x0c\xed\x17\x14\x19'</t>
  </si>
  <si>
    <t>fer function of Eq. (15.47) can provide a voltage gain greater than
 unity.
 Solution If the Q of the network is sufficiently high, the frequency response exhibits â€œpeaking,â€
 i.e., a gain of greater than unity in a certain frequency range. With a constant numerator,
 the transfer function provides this effect if the denominator falls to a local minimum.
 Writing the squared magnitude of the denominator as
 |D|
 2 = (R1 âˆ’ R1C1L1Ï‰2
 )
 2 + L2
 1Ï‰2 (15.48)
 and taking its derivative with respect to Ï‰2, we have
 d|D|
 2
 d(Ï‰2) = 2(âˆ’R1C1L1)(R1 âˆ’ R1C1L1Ï‰2
 ) + L2
 1. (15.49)
 The derivative goes to zero at
 Ï‰2
 a = 1
 L1C1
 âˆ’ 1
 2R2
 1
 C2
 1
 . (15.50)
 For a solution to exist, we require that
 2R2
 1
 C1
 L1
 &gt; 1 (15.51)
 or
 Q &gt;
 1
 âˆš
 2
 . (15.52)
 Comparison with Eq. (15.41) reveals the poles are complex here. The reader is encour_x0002_aged to plot the resulting frequency response for different values of R1 and prove that
 the peak value increases as R1 decreases.
 Exercise Compare the gain at Ï‰a with that at 1/
 âˆšL1C1.
 The peaking phenomenon studied in the above example proves undesirable in many
 applications as it disproportionately amplifies some frequency components of the signal.
 Viewed as ripple in the passband, peaking must remain below approximately 1 dB (10%)
 in such cases.
 Example
 15.15
 Consider the low-pass circuit shown in Fig. 15.30 and explain why it is less useful than
 that of Fig. 15.29.
 728 Chapter 15 Analog Filters
 C
 in Vout V
 L1
 1
 R1
 Figure 15.30
 Solution This circuit satisfies the conceptual illustration in Fig. 15.28(a) and hence operates as
 a low-pass filter. However, at high frequencies, the parallel combination of L1 and R1
 is dominated by R1 because L1Ï‰ â†’ âˆž, thereby reducing the circuit to R1 and C1. The
 filter thus exhibits a roll-off less sharp than the second-order response of the previous
 design.
 Exercise What type of frequency response is obtained if L1 and C1 are swapped?
 High-Pass Filter To obtain a high-pass response, we swap L1 and C1 in Fig. 15.29,
 arriving at the arrangement depicted in Fig. 15.31. Satisfying the principle illustrated in
 Fig. 15.28(b), the circuit acts as a second-order filter because as s â†’ 0, C1 approaches an
 open circuit and L1 a short circuit. The transfer function is given by
 V</t>
  </si>
  <si>
    <t>b'\xc4\x81\xe4\xcb\x0bdi\x94\xaa\xa0\xc2\xe7\xe7\x9c\x06\xab'</t>
  </si>
  <si>
    <t>c481e4cb0b646994aaa0c2e7e79c06ab</t>
  </si>
  <si>
    <t>bor than production of the other.
 2. As long as a country produces both goods, there is a one-to-one relationship between the
 relative prices of goods and the relative prices of factors used to produce the goods. A rise
 in the relative price of the labor-intensive good will shift the distribution of income in
 favor of labor, and will do so very strongly: The real wage of labor will rise in terms of
 both goods, while the real income of capital owners will fall in terms of both goods.
 3. An increase in the supply of one factor of production expands production possibilities,
 but in a strongly biased way: At unchanged relative goods prices, the output of the
 good intensive in that factor rises while the output of the other good actually falls.
 4. A country that has a large supply of one resource relative to its supply of other
 resources is abundant in that resource. A country will tend to produce relatively more
 of goods that use its abundant resources intensively. The result is the basic Heckscher_x0002_Ohlin theory of trade: Countries tend to export goods that are intensive in the factors
 with which they are abundantly supplied.
 5. Because changes in relative prices of goods have very strong effects on the relative
 earnings of resources, and because trade changes relative prices, international trade
 has stro</t>
  </si>
  <si>
    <t>b"0D\x02 o&lt;\x99\xf8=btj\xa5y\x84\x12^\xb2\xf3\xa0\xd4\xa4/X\xb56\x93-\xaa\x87\x85\x10G\xad\x8b#\x02 84\xd5\x14\xb5\xeaD\x93\x13\xf7I\x01C\x88\x13+\x88\xa4\xe6\xb8\x02\xd8'^K\x07\xe3\x97P|\x98\xe4"</t>
  </si>
  <si>
    <t>304402206f3c99f83d62746aa57984125eb2f3a0d4a42f58b536932daa87851047ad8b2302203834d514b5ea449313f749014388132b88a4e6b802d8275e4b07e397507c98e4</t>
  </si>
  <si>
    <t>b'0D\x02 o&lt;\x99\xf8=btj\xa5y\x84\x12'</t>
  </si>
  <si>
    <t>ere scattered all over the world lacked a strong center to look to. Other
religious systems, like Christianity, were eschewing animal sacrifice and creating
Jews and Judaism 70â€“ 429 CE 583
spiritualized forms of worship. In this context, the rabbis felt that an existential mode
consisting of two conflicting registers â€“ longing for the past and strong assurance
about the present â€“ epitomized the formula that could keep Judaism going.
Stepping back from Rabbinic sensibilities, the ancient synagogue emerges as a
multi-functional cultic and communal establishment, diversified in its appearance
and substance. Alongside the worship of God through prayer and the housing of
the Torah scroll in a special ark, some communities in the Bosporan kingdom, for
example, practiced and documented the manumission of slaves in this institution (E.
L. Gibson 1999). Other synagogues housed the public archives of the people associated with it (non-Jews included?) and other functions of community life such as
schools for the youth. Most of all, the building embodied the spatial</t>
  </si>
  <si>
    <t>b'\xb3\xe2\r\xcf\x16+_\xb0(\xf6\xa4a\xfbkO\xfb\x10b\x8f5\xc1\xba\x1d.\xbc\x01N\xfe-\xb8\xc67R\xaf`\x16\xd3\xad\xcf\xb7\xd7t\xb2\x83\x0b\xe9\xce\x03E\r\xbf*\xe9\x12V\xb1\xdf\x99\x0c\xb7\xee\xb7\x98\x0b\'\xfa\xd1:\xcf\x1ad7#\xe9\xbf\xaa\x85P\x9f+\x97\xce\x8c\x84B\'\xff\xf60\xa0\x11\x94\xb3`^&amp;.\x90e\xa1\x99\x18\xdf\xa5\\n2 \x8e\x87\xf2\xcc\xb0\x07\x9e\x19]e\x9e@\xd3\xcc\x01\x83\xe8&lt;?\xd3 \xdf\xe8&gt;"\x8c\x88\x06\xf0n!\xa8\xda\x9fO~\xc9\xfdy\xa8\x15\xe27L\x06\x88h\x80W\x9d\xb0\x93\xbb\x8f\xab\xa1\xef8\xc1"\x14\xeb-\xf7\x0e\xef0\xe9B\xfc\xe4\xafl\x16P\xaeKx\x10\xfer\\lM\x19\xa7\xe0\xa2\x04R\xfe\xe7\x06\x80\xcd\x0f\x1e|\xb6\xae8PHh\x17\x1e5\x9a?\x84"\x9f\x9a\xf4\xabtXBU7\xca\x19\x02\xac\xcd\xb9\x11H\x96T\xbe\xcd\xa5\xe1\xa2\xdb*\xe2c\xd9\xa9\xa8\x1c\xd7 \xf1?)j\xb8D1\x17*U\x12\xb2\x0e\xc3\xcd2\x89\xda\xe1\xfcwF\xa0\xc2\x10\x99\x17\xd9\t 3\x8f$~\x0c\xd4"\x83\x1f\'g \xa8{\xf83F\xd9\x97\xc4\xa8bE\x95\x16$\x8a\xc9e\xb9jT\xb2\xb9\x87`\x1b\x9a\x92l&gt;\xb2\xe5n&lt;_(+ \xb2$M\xcb\xe1^\xef\xb6\xc5\xc5\x1b\xda^\xdc^&gt;\x17\xde\x8c\x1f\r\xd7\xb9i\xde\x06\x04\xfe\xf6\x1b\x1b@\xf8c|^\xecR\xe1\xa3L\x04l\x00\x14/\xa5\x11\x82\xb3\xb6z\x90\xd2S\xe50\xa2\x03\xbcZ\xb7!\xb3\xd8\xaa\x189\xfb\xd4\xd5ge\xc4\xcb_\xc0S\xf3\xb0!\x9e\xcd/\x12\xdbA\xfeF\\}75r\xe9\x0e\n\x99 \x0c\ryY\x07\x976\x05L?\x99\xf6=p\x0ec\xf0\xc0;\xaf\xb6\xf2\xc2\x94\xdf%\x8dm,\xf5m\x18;\xde\n\xb3\xb7L\xec\n\x8f6\x0e8\x04\x04&gt;\x06%Y\xc9q7"\x88\xd5\xac\xbc\x86\xd3\xe85\x84Ur\xac\x07wo\r\x12\xf2\x96\n5\xb4R\xf7t\x911\x81O\x05}j\xb5\xc8\xbc\xd5\xd5\xe0\xf3\xbc\xd5v\xb2\xe7\xaf\xfd\x0fL\xfb r-\xc7\x8b\xf8$\x17E\x07\x01o \xcd?\x999\xe7~\x90\xa8\x0eI\xbb\xb0\xc8 \xaew\xa4\x17\xebB8\x15\xe7\x1d\x9fU\xc4\xa8B\xf9\x8c\xd0 \xad\xd5\x8bV\xf8!\xb9\x9eM\x10x-r\xa4\x98Zw\xf5\xb0x\x15\xc9\xc9\xdf\xf3Y\xd75\xd7\x9a\xe4\x1a\xe4\xd8\x14/&gt;\x88\x97\xfd\xa5\x7f[)\x9a\x06\xf8b\x1f,M_\xcc\x97\xa0\xc3\x9fn\xed_\r\x1cE\xd7\xfa\xf4\xb0A\xfd\x92F\x05p\xba\xa8\x1e\xb7\xa9\x0cr\xef\x88\xe4\xc1i\x12^Q6\xf8\x0cn \xa2\x14\xd8|6!\x96\xc1P\xa6d\x12\t4\xd3\xdfh\x03\xf19\xb0\xf8\xf0\x80i\xeb\x8a\xfdu\xbe\x99O~{2\x9e\x85\xb2\x0f\xf4~]\xf2\x99\x7f\x81\x00U\xae\x02\x07\x9a\t\xe9[\x97R\x92X\x003\x97\x0fT\x9b\x05\xf7\x11\xa9i\x98\xf1\xec`\xb7\xa1\xf6\xd0\xeb#\xdf\xf9\x00+J\xaf\x834\x8f\x11-JU\xc0{bQ\xc6l\x13-\x1c[e\x88\xf0\x83U.\xc4!d\x95\x91N\x8d\xcfL*T\x83\xb6\x8c\\\xe8X\xf6S|4A&gt;]\xcdbkS-\xa7{S`\xafmO1\x11g\xcf\nnR\x9d\xd3\xe5k\xf2_\xff\xc1\xef\xcd`\xe7\xa1\x02\xba=]\x85\xa1TDwe\xa7KM\xe8[hg\x13\x82\xfdL\x98\xbf\xb3\xda\x85\x8d\x90d\x99\xb0\x0e\xd3\xe8\x11I\xd3\x8c\xf0\x9b\xe1\x9b\x183\x9d\xb0\x15\x80\xd6\xc9\xea3\x16\xbd]\x83*\x06\xbd\xd58=y \xf8,\xc1\xb3\x8e^5\xc1\xc9\xf4\x1f\xad-+\xd9D\xe7{\x8dR\xe5MF\\\t\xc8s\x991\x16\xa5#\x81\xa3\xf5\xd4\xaaH\xa9\xf5e\xcey\x8d\xa0\x00:~\x97j}\xb2*~\xc2\xfe\xd3\xcd\x17@\xb9|h!\xb0\xe0\x91\xd1\x95o\xdbq\xb8#\x95\xe7[\x9f:UE\xd3=\xe4\xa9\xdd.\xe2\xc2\xb6T\xa1!\xc7\x7f\xee\xad\xa0\xab#\xe0t\x13\x11\x9dz\x85\xef\xa20\xf3\xb4\xa1P\xa2\xf2\x18Ko9\x15\xb5_\xe4\x91\x80\xd7w7\x19\xb1\n\x8c\xecSx\xa4\xc7\x80\x9akE\x13\xfcP\x80\xd04\xce\xa3\xfc]\x93\xb3+\x02g\xabg\x1e\x82\x1d\x12:\x0ev.\x96\xbd\xc4\x81\x15\x07G\xa0{\xa0\x12\xfb\x0f\x9e\xab9\xa5&amp;\xc4\xfe\xa3\xdc\xe5)|\x16Y\x1dx\xd7\xfb\x07\x92\x03\x8c\xb6\x84m\x97\xb8'</t>
  </si>
  <si>
    <t>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</t>
  </si>
  <si>
    <t>b'\xb3\xe2\r\xcf\x16+_\xb0(\xf6\xa4a\xfbkO\xfb'</t>
  </si>
  <si>
    <t>pacitance, 771
 Interference, ac line, 707
 Interferer, 708, 709
 Intrinsic gain, 823, 831
 Intrinsic semiconductors, 22, 25â€“27, 33, 55
 Intrinsic silicon, 33
 Inverter, 761, 762, 764, 765, 766, 773, 777, 779, 780, 791
 Inverting, 354
 circuits, 368
 half-wave rectifier, 94
 input, 356, 357, 360, 370, 371, 373, 377, 735
 negative half cycles, 93â€“94
 Inverting amplifier, 354, 359, 361, 369, 375â€“376, 378,
 381, 384â€“385
 topology, 360
 Inverts, 14, 94
 Ion
 acceptor, 38, 42
 donor, 38, 42
 positive, 38
 I/V characteristics, 48â€“53, 62â€“65
 K
 KHN biquad, 707, 736
 Kirchoffâ€™s Laws (KCL and KVL), 12â€“13, 15â€“ 16, 33,
 75, 131â€“132, 134, 158, 179, 194, 197, 203, 216, 231,
 233, 246, 384, 417â€“419, 448â€“449, 453, 463,
 484â€“485, 527, 535, 591, 595, 597â€“598, 663, 687,
 689, 731â€“731, 777, 811, 820, 827, 835
 L
 Large-signal analysis, 437, 448â€“450, 463â€“466, 569
 Large-signal considerations, 673, 687â€“691
 898 Index
 Large-signal model, 77, 122, 133â€“135, 140, 147â€“150,
 154â€“156
 Large-signal operation, 77â€“86, 176, 674, 687
 Lateral, 278
 Layout, 277, 527
 Leakage, 49, 51, 54, 86, 788, 806
 Level shift, 86, 103, 107, 110â€“112, 239, 332, 683, 849
 Limiters, 69, 103, 452
 Limiting circuits, 101â€“105
 Linearity, improvement, 202, 211, 575â€“576
 Linear models, 79
 Linear region; see Triode region
 Line regulation, 100â€“101
 Load, 17, 89â€“90, 92â€“93, 99, 101
 Loading effects, 600
 Load regulation, 100â€“101
 Load resistor, 122â€“123, 170, 242, 317, 357, 443,
 461â€“462, 467, 476â€“477, 481, 605, 621, 646, 773,
 801, 824
 Logarithmic amplifier (Logamps), 354, 371â€“372
 Long-tailed pair, 442
 Loop gain, 355, 358, 361, 380, 384, 386, 563, 565â€“567,
 569â€“571, 575, 585, 587â€“589, 593â€“596, 600,
 607â€“608, 610â€“612, 616, 618, 643â€“644, 647, 652
 Loop transmission, 616â€“617
 Lossy, 364, 649â€“651, 661, 664, 725, 737, 829
 Low-field, 31â€“32
 Low-noise amplifier, 4â€“5, 531, 542
 Low-pass filter, 4, 59, 362, 364, 504, 507, 666, 709, 712,
 716â€“717, 720, 726, 728, 741, 743, 745
 M
 Magnitude, 26, 37, 39, 41, 105, 135, 150, 203, 273, 295,
 362, 366, 502, 506, 508â€“510, 521â€“522, 533â€“534,
 540, 544â€“545, 571, 614â€“615, 623, 625â€“626, 646,
 649â€“652, 654â€“655, 658, 660, 708, 720â€“724, 744,
 746, 748, 750, 779, 806, 827
 Majority carriers, 26â€“27, 30, 37, 46, 48, 154
 Maximall</t>
  </si>
  <si>
    <t>b'o1\nd#\xc1uz\xb6\xe6q\xf83\xbd\xbb\x9d'</t>
  </si>
  <si>
    <t>6f310a6423c1757ab6e671f833bdbb9d</t>
  </si>
  <si>
    <t>MYECONLAB CAN HELP YOU GET A BETTER GRADE
 If your exam were tomorrow, would you be ready? For each chapter,
 MyEconLab Practice Tests and Study Plans pinpoint which sections you have
 mastered and which ones you need to study. That way, you are more efficient
 with your study time, and you are better prepared for your exams.
 To see how it works, turn to page 9 and then go to
 www.myeconlab.com/krugman
 capital-intensive industries choose to integrate with their suppliers. What could be some
 differences between the labor-intensive apparel and footwear industries on the one hand
 and capital-intensive industries on the other hand that would explain these choices?
 10. Consider the example of industries in the previous problem. What would those
 choices imply for the extent of intra-firm trade across industries? That is, in what in_x0002_dustries would a greater proportion of trade occur within firms?
 FURTHER READINGS
 A. B. Bernard, J. B. Jensen, S. J. Redding, and P. K. Schott. â€œFirms in International Trade.â€ Journal of
 Economic Perspectives 21 (Summer 2007), pp.105â€“130. A nontechnical description of empirical
 patterns of trade at the firm level that focuses on U.S. firms.
 A. B. Bernard, J. B. Jensen, and P. K. Schott. â€œImporters, Exporters, and Multinationals: A Portrait
 of Firms in the US that Trade Goods,â€ in T. Dun</t>
  </si>
  <si>
    <t>b'0E\x02 o\xb4A\r\xf5L\xc6=\xe3d\xa7\xa8\xc8Q\xe3\x14\xb3\xafo\x05\xbb\xc7\xf2\xd9#\x8a\x85\xf7\x9c\x81\xd4\xc8\x02!\x00\xf2neks8\x93\xf0\xed\xc4\xa0\xd2\xdb\xd18,6&lt;\xbd\x806\xf4\x9b\xaaw\xfbb\xcf\x89N\xf1\xb6'</t>
  </si>
  <si>
    <t>304502206fb4410df54cc63de364a7a8c851e314b3af6f05bbc7f2d9238a85f79c81d4c8022100f26e656b733893f0edc4a0d2dbd1382c363cbd8036f49baa77fb62cf894ef1b6</t>
  </si>
  <si>
    <t>b'0E\x02 o\xb4A\r\xf5L\xc6=\xe3d\xa7\xa8'</t>
  </si>
  <si>
    <t>o Ben Weatherstaff, Mary stopped to
notice this and wondered why it was so. She had just paused and was looking
up at a long spray of ivy swinging in the wind when she saw a gleam of scarlet
and heard a brilliant chirp, and there, on the top of the wall, forward perched
Ben Weatherstaff's robin redbreast, tilting forward to look at her with his small
head on one side.
"Oh!" she cried out, "is it youâ€”is it you?" And it did not seem at all queer
to her that she spoke to him as if she were sure that he would understand and
answer her.
He did answer. He twittered and chirped and hopped along the wall as if he
were telling her all sorts of things. It seemed to Mistress Mary as if she
understood him, too, though he was not speaking in words. It was as if he said:
"Good morning! Isn't the wind nice? Isn't the sun nice? Isn't everything
nice? Let us both chirp and hop and twitter. Come on! Come on!"
Mary began to laugh, and as he hopped and took little flights along the
wall she ran after him. Poor little thin, sallow, ugly Maryâ€”she actually looked
almost pretty for a moment.
"I like you! I like you!" she cried out, pattering down the walk; and she
chirped and tried to whistle, which last she did not know how to do in the
least. But the robin seemed to be quite satisfied and chirped and whistled back
at her. At last he spread his wings and made a darting flight to the top of a tree,
where he perched and sang loudly. That reminded Mary of the first time she
had seen him. He had been swinging on a tree-top then and she had been
standing in the orchard. Now she was on the other side of the orchard and
standing in the path outside a wallâ€”much lower downâ€”and there was the
same tree inside.
"It's in the garden no one can go into," she said to herself. "It's the garden
without a door. He lives in there. How I wish I could see what it is like!"
She ran up the walk to the green door she had entered the first morning.
Then she ran down the path through the other door and then into the orchard,
and when she stood and looked up there was the tree on the other side of the
wall, and there was the robin just finishing his song and, beginning to preen
his feathers with his beak.
"It is the garden," she said. "I am sure it is."
She walked round and looked closely at that side of the orchard wall, but
she only found what she had found beforeâ€”that there was no door in it. Then
she ran through the kitchen-ga</t>
  </si>
  <si>
    <t>b'\x9e\x85P\xba&gt;\x85\x1d3\x97%6\x84E\xbe\xd0\xa5\x1fl\x18\xff\xd6`\xc8\xd4J\xec\xb7\x08e\x0f\xef\xac\xddX"s\xb1.u \xa8!?\xc6\xa7\n\xff\xbb\xae*\x8c\x0c8(\xcb\x861a2f\xb1\x8d\x1b\xe17 8\x1anP\xc3\xb2&amp;\xb5D\x98\x94(\x9fT\xe7\xc7\x02\xc0\x0f\xa4\x17\x80\x83\x01\xe1\xb3\xc1f5 .K\xed\xd7\x86^XX\xb5\xbeK-\xaa\xa3P\x87\x01\xf2\x07\xbe\xb0\xcflT&gt;\xd0\xe5\xd7\x01&amp;\x8a\xc4\xe6\xd7.\xea\x8b&amp;q\xd8\xd1\x7ft\xe8\x1e\xbb9\x10n\x1c\xba\xc3\xaf(Of\xbfKO\r7C\xae\xf9\xba\xce+#n\xeb\x14\xd2\xf0\x15\xaaH\xcb\xa8\x01z\x9c\xd2\xda&amp;\xf1\x8d\xec\x82\x83\xcf\xfc\xe9A19\\\x95\x81\xacI\x1c\xe6|\x8e=&lt;\xdd$\xc5\x97a\x1b\xa6&amp;p\xd4\xd8\xcb/\xcdiW\x80\x0f\x1b\xdd\x1d\xf0\xcd\xa2\xfce\x15X\x1a\x9a\x06\xcaK\x19\xfbq\x9e\xc4\xd7L\xdf\xf4\xa8?\x1b\x83\x1b\xc9}\xb2\x8aB\xea\x9dI\xad\xeaB\xe2w\x1c\x8e\x1d?^B]\xea\xef\xf4h\x9a\xd3\xf18\xa2\xc1\xfe\n\xc1\xbaT(Mdv\x0f?\r\x10\x8a\xf1\x0fX\x04\xb0L$\x12z?$\xc0\xd7\x11\x8d\xc1\xb4\x00\xa7\xac\xca\x99\xa4\x98\xa1Z,\xfd\xc0t\x96\xdb\x84\xac@(\xcc\xe7\xa8M\xf3Z]\x98\xcdw\xc4\x057\xb1\xf2\x91\xb8K\x07\x94\xa3b\xe3#\xa0\x84\xdaE1\xc4\x9a\xb1G\xeab\xbfp\x81\x1br\xceo\x95\x89}0\x16\xf0\xdc\x8b\x0c\xa3\x92\xc6=\x90l\x96t\x17p\xdd=\xf2\xea4\xea\x17\xe9\xbeU\xa7\xdc\xb6Z\x03\x1a\x98\x96\x8b\xb6\xe8&gt;^\xe5\x83\xb2\xaf\xfe\xda_1i\x87\xa3Do_\xa5t\xf1\xa1)\x1a\\%\xc6\xe8\xad#\xdf\xaf\xb1\x86\x19\xa6;\xf5\xcag\xd8\x1b\xc0)\xa0\x03[\xdf\xc3\xcf5\xd5\x9f=\x1f\xdcFP\x87\x8cO\x8bp\xa4\x13\x01\x9dP%\'\x00\x91\x1c\xad\xfb\xbb\xf8\xc6\xad7\x13\x94\x0e\xd95,\x80\xe2\x9c{\x0c=\xe6\xe2\xa5\x9c\x1f\x98\xe9\x85\x8f\x9d8\x8b\x1a\r\xcb]9Ea\xe5\x98\x03\xc8\x024oi2\xd3?\xf9\xdb\\J\xe5^\xceN\xa0\xa2\x81b\x0cR\xd9f\xc3\x08\xe2\'\xa5\xbc\xcbyk\xe6#j\r:\xb9J&gt;\x11\xb5L`\xa5\x93\x9dz\x91\x9e\xb9;;\xf1\x06\xebN\xe1\x9dgj\xc4\xbc\x1a\xaaig/\xc6\xec\xf1\xed\xf4s\xee\xd3vb+\x8bxc\x8bU\x86\x98\xf8\x0b\xa7\xf4[\xadr\xeb\x95\xf0@\xa8R\xb8\xdb\x11_\xeaW\x1e\x9421L3B\xc1\x031\xf4b\xccs)T\xad\xcc\x074\xb9TVL\xad\x82\x0ep\xcf\xcd\xf6\xcc\xfc\xab\xb4*\x8a\x08.\xc6+\xb9\xbc\xd1\xec\xb2\x1bv? \xa9\xfc\x855\xa5\x85\xf3%\xbb("Zo?\x03,\x0b-\xc4\xc7)\xd3NF\x97Y&lt;\xb1\xae\xbe\x00n%\xaey\xd5RQ(\x04\x18\xcd:\x19\x08*\xe0\xe6&amp;\tWD\xe7Y\xfb1\xd3\x8a\x81\'\xee\x8f\xc0\x9c\x90\x89\x1dNw\\Pt"\x99S-A \xed\xbc\xbb\x8b\xb20\x9e\xadX\x1b\x91\\\xbb\xe9F\x91\xfc4$\x91\xf5\xa8\x84\xee\x9eN\xe6\x05G_\xe0\xa2W\xd3\xdd\xf8\xdf\xa5\xb3nd\xd2\x16\x91L\x1eM+P\xc8\xf0\xdf\xa7\x9fU\x98\ne\xde8\x1e\xd2\xf2S\x8e\xe7\x87\xd2\xeaZ\x9a&amp;=\xbf\xf27\xba\x8e\x9d\xb5U\xed0w]\xbaL"J\xb1\xc2\xdc\x93\xa7\x8a\xb3\xa8\xc4O\\5\x9f?\r\x9f\xcb\x0c\x06\x1ar\xb1\xef\x82/R\xdc.\x80\xf08e\x87\xdd\xf0\x82h\x9d\xa3\xe2T\xd9\xa1\xc1\x12G\x98U7&lt;U\x1c\x0f0X\xf0\xba\xf55\xb1\'\x89\xbb5\x95\xdc\xc5\xcc\x9b\xed.A\xda]\xff\x85\xd9%?uX=\xad\xb1\xa1\xc6f\x11\xdc\xba\xb2dp[\x87\xadA\xd1\xee\xa5\xc4~\xff\xf8\xc6\xc1\xaa\x04\xaa\xc6\x06^\x94T6\xad\xcb\x7f\xa1*\xdc\x8d^\xb1B\x90\xf9\xe3 \x0fqG\xbc\x92\x87\xcduH\x8a\x08\x9eW\xee\x7fk\xd6\xb2\xb1e\xc2\x034&gt;4\xb8~A\xba\xf3&lt;mP\xf2+\xf6\xc7\xb6^\x10\x0ev\xc2\xacl\x95\xb5\xf9\xfb\x16\xd2\xf8\xc0\xa4\x8a\x11\xb9\xdfL\xdd\xe7\xda\r\x11\x9aa\n\xcb}\xfd\x85\xc0\xc7\x06\xff\xce+m}j\xf1\xdd\xd6\x06\x81\xb8\x12 \\\n\xa9Vi\x9f\x06F\xc7y1\x0b\xb7\'\xc7qS\x84\xa1\x1b\x1fpm\x14U\x90\xcc\xec\x16\x11\xdc"\xb2\x06\xc66}\x04\t[\xd4\xc8\xad\xa3%\x81\x123\xe3GjQ\xb7\xc4/_\\p\x84\x93\xf6a\xc4\xf4|\xd0\xef\xab\x1a\xa3\xe6\x9d\xed\xd4\xbf\xed\r\xdc1oy\xef\x04\xe2=\x1a\xf6\x0c-?\xe5\xc3)!2j\xf7\xb2\xe9y9A;L\x1cb\x15\xb1E\x01\xe1\xfe\xf5\x90\xdbc\xeb%\xd7\x9d\xe4\xaaD\xb3\x0fd\xa2S\xea\xd9\xfe\xfc^\x9d\xab\x05\xc8H\x865K\xb0g\xde\xb8\xb9PB\xd06\xc3Sr\xfb\xb0\xe59\xeb\xf6&amp;\x02\xf0\x96^\x15\xc9=\xc1)\xbeqP\n\xdc\x82\x8a\xc6\xbc\x99\x03\x9a\x1c\xbf(\xf0\t\xd5\xc3_z3\xa1\x1b}\x92O\x96\x17\xd8\xd9\xae\x8c\x86\xd8\xf2\x9ezjR!\xd5P\xb5\xc97bqAun\xc9\x97xD1g\xdc\xcf\xef\xfb/J\x80\xd4\\\xa8\xde\x81\xaf\x88M9\x12^JW\xe3~\xd9\xa1\xfa;\xa1Mj\x82R\x9d\xb75\t\x9b\xc6_l\xd5\xf0\x1b\xdf\xd8[n\xa2\xe0\x10\xf6\x00\xc3\x9b]&gt;\xdd8\x89\xca\xd1aM\x0c\x13\x80*\x0fn\xa2M?\xbf\x17\x7f\xa9\xea3]M\xdd@\xc4eNS\xe7d\xad\xb2\xb4\xa3On\xb9\xd3\xb3\xfa8w\xcc\xaf\x02\xec\xde\xaeD\xea\'}~\xaf\x19l\x8d\xd7\xa9\xae\xe8&gt;\x1a\xbf\xd3\xe8^\x1cP\xd5V\x05\x85\xf8R(n\x7f^t\x13\xab\x1e\x03\x08*\xb0\xdd\xa6\x16\xe2&lt;\xa0\xd3\xde\xcd\x9b}\xac\r@\xae\xf0\xd8_5\xe0\'\xe4\xc7D\xf0\xd4R\xd5\x92z\xbe\xc1x\xdc(\xe7\x80P0\xcb\xa8D\xc3\xae\x1e\xc3\x89\xfb\xb2\xb0\xcaYiCHqBU\x03\xc3\x7f\x0c\xd4\x088\x1f.m\xa2\\\xb8\xed\xcdK\x07=\xd5\x04\xbb+\xc29\xe3\xd0V\xfa\xd2Mi\xf5S\x0c\xb5\x1fw~s\x88\xe7\x94\xfcG\x1a\xf1\xc5\xa4U\xd3\xe9\x07\xce\xaaP\x19*\xe2\xff\xdb\xce\x11\x1b\xc56\xcdd\xba\x9c@\xe2_\xe4\xae\ruL\x8cd\xb3n\x9e\x06\x843d\xb5F\x16i8\xa6,\xd6\xab\xa6Q\xf3\xf5\xd1\xc6\x7f/~\xd6\xb3\x81\x06\xcf\x12\xa5\x0cEQ\xed\x823\xe0\xb9O\xba\xa7(\x9e\x00=\xab\x0e\x07\xc5xwX|2\xef\x9d@SC\xea\xa1I\x95\xaa\x1f\xden8\xc8\x8c\xb3\x88\xb2\xb7\x88C\x01N\xd1\xd2]{\x02d\n\x8d\'\x8b~|\x06k\x90\xa3\x98\x99\x90\xde\x92t\xfc&amp;21\xaf\x9d\x0e\x12r\xda\xbbc\x82\xb6\xf2\x16\x04P\xee/D\xfa\xc0L\xc8\xac\x0f\x07\x0b\x81 \xe9\xa1\xe80\xd2\xe0Drf\xe0\x93T\x8c\x12\x9e\x82\xa9:\xb4\xd3=\x06\xb7\tL\xadV\x9b]"\xd4S\xb0&lt;&gt;\xbf\xaf\xdaK\x96Q\xe0\x10\xa2\xd8\xcd\xca\x04\x8c\x9e\xd6yY\xf1\x87\x02\x10a\x82\xa9\x86\xc3\xa4\x97\xc7\xa9\xdc`\x10\xa8Ri\x93\xc6\xb0b\x8cl\'\x05Z\x82K\\\x08\t\xb4/Y\t\x12\x96\xf2\x17R8&gt;w\x10\xa6[\x830\xb9E\xaa\x1c\x8b\xbbpH\x91\x83+\x0f\x94\x80\x92Hi p\x88\x11\x14&lt;\x1aD3\xba\xa9\xccG\x9a\x89bR\xa4f\x9evH\x8e\xc4\x8f\x90r\x12\n\xcc+`\xe4sx{y\xcc\x11L\xbf\xfa\x9c\xc3s"\x96\xb6\xa2dF3\n2\xb1\xc0t\xc9\xaa\xddB\xd7\xee\xe2\xdb\xe0\x86\xa5c\x83\xc0\xa0\xd2\xd1+0\xbfQn\xc1)\xb2\xb0j\xf6\xaes\xd4\x9bE\x80\xc8\xba\x07\xb4\x9e\xe6\xb9\xca\xfa\x98R7\xb1\xa2\x84\t@:\xe2\x8fFA\xc1\n~\xedi6\x95\xdc\xf0\xa6,\x8d\x17\x98w\x7f\x93\xc1-=\xf2\x87\xf0\xb9YpN\xda\xc69\xc8\xd0\xf3\x9d\xd6\xea\x0b\xf6\x1f\x0e}\x89\x94\xdb\x90Y\xd4ge\x94SSKh\xba\xd7&lt;a\x9b\x8b\xef\xe2\x86#42\xacg\xd0\x02\xf2\xe2\xfa\xcb\x99e\xfc\x0c@,\xd1Wf\xf4b\xc0$\x06\xe8=\xc8\x9e\x97J\xbah\r\x97\xc11\xc9\x03\xe0e\xad\xee\x7f;\'\x90acO@g\x90\x15\xab\xa6!m\xb7\xab\x01yJz\xbd\x17\x02M7\xa8{\xc9]\x16\xc7\xf1k\xa9\x98\xbf\xd3\xd5\x93QLT\xfa\x14\xa1o\x1d=j\x0e\x1dsG*\x85 \xcbQ\xb2\x12\xdc4\xeb\xb5\x13\xd4\x90+\xf6@\xd0!\x96\xd68k:UpvX\xc3.\x89\x0f\xfc\x15"5m\xd0Zj\xe1Y\x9b\x92!\xf5\x07\xd1J\x02\x13\x9f\x01v\xcbc|\xb1\xf1C[\x1c\xf5\x15*\x02$\xb4\x917\x80[\\?\xad\x9b\xdd\xa2\t\x04lGY\xae\xa9\xf4\xc0&gt;\xc5T\x0b\xd8\x0eo1H\xd0O\xd1J\rj\xb4\xf2X\xd0\x18D\x08s\x1e8\xbd\xd4-\xc63M+UX\xc8\xdan\xdbqt\x10-?\xc1\x19\xd2\xa6\x08\x1f\x9f\xba\xa0\x8b=@LKc^\xce\xb0F!\xe9\xd3\x9f|a\xe9\x1c\x85\xb0\x0c\x8d\x98\x98\xec\x01\xf4#\xcb\x04\xcc\xb6\x7f\xf1-\xff\xc2\n\x04H\x8a)XH\r\xddO\xa6\x1aD\x92\xbe\r-{\x07\xf5\xde~\xff\x1c\x02\xfd\x0e\x00\xccA\x1c\x8f\xd9v\x9c\x80\x90\xf2\x99\xe8@\x9fr\xf2s51\xean\x81\x0f\r\x90\x87/\xd0\x8d\x8f\x82r\xcd\xd3\xa3\xbeh&amp;0\x06\r\xe0\xc9i\xcc\xb7\xdf$.l\xa2\x8b_\x82\x19\x8f@\x18\x8fXnp\x05\xafr1\xc9f\xf3`\x05\xca\xf2\x16\x02\xcc\x99\xba\x83\x01\xf5\x9d\xde\xef\xdc\x06G\xb1\xdb\xe3\x00}\xc2\xf8Y\xe7\x19\xa2\x8b3\r\xa3aE\xb5B\xa7\x8a\x17\xf3.\xe4\x0e\x81H\xd2Sn\xe7\xe2\xc3W\xf6\xa5\x87R\xa2\xf0\x95\xe8\xd8\xe8\xeb\x9f\xea&amp;\xb0\xac\x15g'</t>
  </si>
  <si>
    <t>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</t>
  </si>
  <si>
    <t>b'\x9e\x85P\xba&gt;\x85\x1d3\x97%6\x84E\xbe\xd0\xa5'</t>
  </si>
  <si>
    <t>hat would equate demand and supply even without
 imports. To export the resulting surplus, an export subsidy is paid that offsets the differ_x0002_ence between European and world prices. The subsidized exports themselves tend to
 depress the world price, increasing the required subsidy. A recent study estimated that
 the welfare cost to European consumers exceeded the benefits to farm producers by
 nearly $30 billion (21.5 billion euros) in 2007.2
 Despite the considerable net costs of the CAP to European consumers and taxpay_x0002_ers, the political strength of farmers in the EU has been so strong that the program has
 2
 See Pierre Boulanger and Patrick Jomini, Of the Benefits to the EU of Removing the Common Agricultural
 Policy, Sciences Politique Policy Brief, 2010.
 CHAPTER 9 The Instruments of Trade Policy 205
 been difficult to rein in. One source of pressure has come from
 the United States and other food-exporting nations, which com_x0002_plain that Europeâ€™s export subsidies drive down the price of
 their own exports. The budgetary consequences of the CAP
 have also posed concerns: In 2009, the CAP cost European tax_x0002_payers $76 billion (55 billion euros)â€”and that figure doesnâ€™t
 include the indirect costs to food consumers. Government sub_x0002_sidies to European farmers are equal to about 36 percent of the
 value of farm output, twice the U.S. figure.
 Recent reforms in Europeâ€™s agricultural policy represent an
 effort to reduce the distortion of incentives caused by price sup_x0002_port while continuing to provide aid to farmers. If politicians go through with their
 plans, farmers will increasingly receive direct payments that arenâ€™t tied to how much
 they produce; this should lower agricultural prices and reduce production.
 Price, P
 Quantity, Q
 D
 S
 = cost of government subsidy
 Exports
 Support
 price
 World
 price
 EU price 
 without
 imports
 Figure 9-12
 Europeâ€™s Common Agricultural
 Policy
 Agricultural prices are fixed not
 only above world market levels
 but also above the price that
 would clear the European market.
 An export subsidy is used to
 dispose of the resulting surplus.
 Import Quotas: Theory
 An import quota is a direct restriction on the quantity of some good that may be imported.
 The restriction is usually enforced by issuing licenses to some group of individuals or
 firms. For example, the United States has a quota on imports of foreign cheese. The only
 firms allowed to import cheese are certain trading companies, each of which is allocated
 the right to import a maximum number of pounds of cheese each year; the size of each
 firmâ€™s quota is based on the amount of cheese it imported in the past. In some important
 cases, notably sugar and apparel, the right to sell in the United States is given directly to
 the governments of exporting countries.
 It is important to avoid having the misconception that import quotas somehow limit im_x0002_ports without raising domestic prices. The truth is that an import quota always raises the
 domestic price of the imported good. When imports are limited, the immediate result is
 that at the initial price, the demand for the good exceeds domestic supply plus imports.
 This causes t</t>
  </si>
  <si>
    <t>b'0F\x02!\x00\xe2\\\xaag3\x17\x15\x19\x97\x11X\xf0Z;\x9b\x90s`\xd2\xc1\\h\xd5\x86\xdb\xad\xc7J\x19\xa2\xfbq\x02!\x00\x99t\x8aP\xe9\xf1`c\x12\xfd\x0bc\x82X\x18\x9a\x1a\x97\xbcI\xe4\xb2\x93zv\x93\xe5?\x94\xd6\xb4e'</t>
  </si>
  <si>
    <t>3046022100e25caa6733171519971158f05a3b9b907360d2c15c68d586dbadc74a19a2fb7102210099748a50e9f1606312fd0b638258189a1a97bc49e4b2937a7693e53f94d6b465</t>
  </si>
  <si>
    <t>b'0F\x02!\x00\xe2\\\xaag3\x17\x15\x19\x97\x11X'</t>
  </si>
  <si>
    <t>to bring some wood and light a fire.
 'Aye, lady, it's many a year since a fire was lighted here,' said Caterina.
 'You need not tell us that, good woman,' said Annette; 'every room in the
 castle feels like a well. I wonder how you contrive to live here; for my
 part, I wish myself at Venice again.' Emily waved her hand for Caterina
 to fetch the wood.
 'I wonder, ma'am, why they call this the double chamber?' said Annette,
 while Emily surveyed it in silence and saw that it was lofty and spacious,
 like the others she had seen, and, like many of them, too, had its walls
 lined with dark larch-wood. The bed and other furniture was very
 ancient, and had an air of gloomy grandeur, like all that she had seen in
 the castle. One of</t>
  </si>
  <si>
    <t>b'\xf0m\xb0]\xc7\x95/\xde\xb1\xb9UPW=t\xa1\x93\xbb\xdf\x0c\xc9b\xccD*\xe5\xe7\x85\xad\xdb\xde\xcc\xfd\xb2\tp\x93\x1dY\x07\x99\xf7\xeb A-aAF\xef\xce\xbd\xfc\x08\x99i\xe9\x9c&gt;\x84&lt;\x9c\xd1i'</t>
  </si>
  <si>
    <t>f06db05dc7952fdeb1b95550573d74a193bbdf0cc962cc442ae5e785addbdeccfdb20970931d590799f7eb20412d614146efcebdfc089969e99c3e843c9cd169</t>
  </si>
  <si>
    <t>b'\xf0m\xb0]\xc7\x95/\xde\xb1\xb9UPW=t\xa1'</t>
  </si>
  <si>
    <t xml:space="preserve"> screen by applying the voltage on vertical and/or horizontal deflection plates. The dc or peak-to-peak ac voltage applied to the deflecting plates to displace the spot by 1mm on the screen is termed the deflection factor. The reciprocal of the deflection factor is called the deflection sensitivity. The deflection factor is expressed in V/mm and deflection sensitivity in mm/V.
Instead of electrostatic deflection, magnetic deflection can also be employed. The electrons are deflected by a magnetic field applied perpendicular to the beam over a short distance of its path. The electrons experience a magnetic force in a direction perpendicular to both the direction of the motion and direction of magnetic field. Consequently, on emerging from the magnetic field, the electrons travel at an angle to their original direction. The deflection of the spot on the screen per unit magnetic field is termed the magnetic field sensitivity. It is expressed in mm/gauss.
(i) Electrostatic Deflection
The electrostatic deflection of an electron beam is depicted in the figure. Let s be the separation between the deflecting plates, D be the distance from the screen S and l be the length of each deflection plate. Suppose that the deflecting voltage applied between the plates is Vd. If m and e be respectively the mass and charge of an electron entering the deflecting system with a velocity v and Va be the final accelerating anode voltage, then we have
12 mv2 = eVa
(1.22) (1.23)
 Or v2 =
2e Va Vy V mR
Î¸
V
Î¸
  S
+ B d1
Vd V A C â€“
Figure-4
S D
d2
 Basic Electronics
13
                 The force exerted on the electron towards the positive deflection plate
F = e Vd (1.24)
 s
The acceleration of electron is a = F = e Vd (1.25)
 m ms
The time taken by electron to move through the deflection plate is l/v. the upward velocity vy acquired by electron on emergence from deflecting system is
v = al = e Vd l (1.26) y v ms v
The electron leaves the region of the deflecting plates, no deflecting force exi</t>
  </si>
  <si>
    <t>b'\xe88w+Vn\xf7\xe6\xd9\x83\x97\x1b`\x83\xd8\xe3TE\xd8_\xc0\xb1\xcb\xa8\xf5\xb2\x02\x1c^\x80\x97\x860\xdb\x14q\xc69\xb8)P\x17\xf4\x92\x90\x1a\x97\x89W%2\xccP\xd2\x00&amp;x\xd1Q\x915\xbdm\x93\x8b\ts\xd5\\.\xd2r\x15$\x92~\xd2\xc8\xb7&lt;\xa3\xcd\xad*UmRm|\xe1/%ch|\xba_]\xe0\x91\x9b\x82&amp;\x073\xd9\xb9A\xd43\x19\xe8w\xb04\xd2\x8e\xdaE/\xa2\x8e\x12Dq\\i\x18w\xf32\xed0\x01\x14TH\xf4\x92(a\xa6t\xf6ZV\xec\xbe\xdcg\x17\xc6\xe0\xa1\xfd\xa7\x1d\xaa;4\xaa\xebP\xf5i\x86&gt;G-\x1a\xa0\n\xd8&amp;\x99\xfb{\xedW\x13`\xc47\xfd\x9f\x02\xc7\xf5\x83\xef$=I\ttO\xadZ\x92e\x13\xbc3\xdc\xd0\x85\xe8@f\xa6@\x1fS\xa7n\xf4\'|"\x00\x81x\xd5\xc10\x82\x89\xd8\x9d\x06[\xd8\x8e\xb4\xbc&gt;\x91\x8a\x97\x01V#\xb3a\x01\xab2\x8ax\x0e\xdf\x8e\xe9UfU\x1d\x95I\x81\xa0\xef\xd12\xb4|\x845ve\xe6\xd0\xda\xd2;\xc6j\t;y\xae\x1a\x95\xbdar\xe4"\t^\xefe{\xe8C\xf3\xdf\xa5\x82\xa3^\xbf5\x87\xd9I\xc1U\x1eU\xff@\xd2\xd63\x83\x99\xca"ZE$\xbd\xdb\xfe\xc3w\x8c\x99\xec\x10A\xbe\'\xca\xaaJ\\\xf2\xb7\x8eH\xd9\xbf\xef\x13rB\xaer\x16\x95\x08\xf2\xcb\xbf\xc9\xe1\x91\x8f\x02\x08\x8e$6\xb8\xa7\xf5w\x08\xb7\xd3\xb0 \tn\x8e*\x1cD\xc8\xd9\xc6\xe5\xaf\x13&amp;@0o0\xd2\xd1\x16\xcb\x07q\x9f\xad\x13\xb3\xc7\x89;"y2\xc2\xd7)\xf5\x1e\x9c\xf5\x86\x13\xaf\x8eZ{\xd0\xd0rK\xb4\xfd\xf4\xa2\xe2\xc8\xff\xc9\t\xa2\x95r\x05\x9f\xcdf\xc6\x19\x93G\x9e\x8b\xe0\xde\x7fT\xabP\xe4pYxI\xad$\xafr\x95=\xd7~\x02\x8d\xddWwk"\xb8\x83R&lt;\x10z&lt;CL\x05D&lt;\x9a{\xc3\xcf\xf7\xbf\x1d,\xbe0\xf7h\xa3q\xffx\x9eo\x88]\x96s\xc4\xc8\xf5\xc6\xd9v\xa7\x17\x91\xabG&lt;M)\x08+\xf6\xeb\xedi\x98\xfd\xd2\xcf\x1c\xe8\x8cb\xa7o\x98[\x84\x85r\x9aG\xa8\xd4B\xd7\x99\x8f\x91\xe8v\x14\xd4PN\xe6F\xad\x9e\rJ;\xdc\xda\xf6\xe9\xd6\xe9\x13\xab\xaf]}\x84\x96P\xc3\x1b\xf2y!\xca\t\xbd#\'\x19X[G\xa6Q(&lt;\x1b&amp;\x82\xf9&lt;b\x991\x19b\x02\xa0\x87\x97\xd1"DZ.f\xe0D\xf93;0i\xff\x95\x88\x84\xc7j\xe9\x87\x0b\xf8\r\x85\xbf\xba\x05\x9e\xa0\x81/\x96_T\xaa\xf5\x1b\r\x08\xb0\x99b\xcd\xe3T\xd74a\x01lSab\xf6\xf4=\x82\xd4&amp;9\x0c\x07\xfb\xff\x9e\x7fj\xc5{&lt;\xc4(\xac9\xcc\x00\x94\xe5\x9b\xea!\x83\x1cH\xce\xfd@\xf2\'6\x0e\xe3\x10\n\xc1\xdb\xd2v\xc6*Ka\x1f\xac(\xfd%\x9f\xecF:\x12F~a\xfb\x08\x8f\x84w]kbt\xc3\xb5\x97\xd0\x8c\xe6\x88\xe7\x8a,\x00#\x9d\x98\xd8(dX\xf0\x9cp\x94\x92\xba\xf2w\x7f\x9bn0\xaf\x8f\xf4\x90k\xc7\x0eH\x92JF\x83x\x86\xb6\xa7D\x87U\t~\x1dK\x05"\xe4\xd4,\xfe\xfd7\xb8\xfa\xec\x15\xa3GP+1\x91\xd8\xbb\xe4\x03\x92!\x1e\x83p:WH\xdc\xc2\xca\x00\xc0-\xc1\xce\xc0\x9f\xe2\xd8M\xc9G&lt;GL\x88\x7f\xd4\x0e\x0c0\x08\x98\xac\xea\t\x14\xf1\x87\x80x\xf0\x10\x1c\xe68\x0b\xf02\xd7~\x17\xe2e\x80L\xac\t\'\xd9\xbd\xcc$i\xccf\xb7\xf6\x19\x15\x93C\xd5\xe9\xb1\xe6+\x9aEw\xd2\xa0\x88\x03\x1dPg\xe0\x96\xfdG\xfc\xcf C\x01\xd7\xd4E\x0cq,/8s&gt;\x96g.\xb1\x95\x91b"1F\xaf\x87\r\xf1\rva\x9c\x87s\x9a\x82\x81A\xc8\x05j\xb2\x9f\x88\x8d\xff\x82\x10\xb8\x1aF!\x9f\xe1/\xde\xb9$\xd5`\xffD\xfcJ,\xef\xe8\xf5\xb8\x85\x04\xe0\xc2O\x05\x01\xba\xc7\xb0\xc7?\x8a\xed\xdf9[pWr`\x0b@\r\'u\xaa\xb9H\xcd\xcc\x8f\xf3\x0c\x8e\xc5F\xa8\xf5\x943\xce\xd2\xaeT\xee\x0e\xbb\xcf\x9b\x90%\x96\xb1\xe1U\xb5X\xe1\x96-\x92\xbfi\x90\\\x13\x04}\x7f\xb9\x12!C\xd9*T\x08\xb9]\xea\x9f\xc0\xb4\xae\xd1B\xcc%\x9a&lt;\xeck\xaa9\x03a,&gt;\xc6o\xf7\xc1\xf1\xe4\x81\xe6Y\xdb\x99\x16\xbf%\xffZ#\x14\xeeS\x9a\xc7\x95\xbbr42B\x8b,\x0b\t&lt;\xe3m\x8d\xce+F\x8b\x19S\x80\xae\xaa\xc7\x0b\x0f\xf5\xa1\xdf:\x82+\tJP\xb8\xaa\'\x90X\x9ei_\x05\xd1X\xee\xcb\xea\xbb\'d\xf6 \xccr\xa1k\xbd\x181\x92Hr\xe3\xd9s\xc0\xcdo6\xe9\xbf\xf4B`\xdb\x19\xb1t?N\xb1\t\xb7\xc3\x9b1{\xa3\xdb*\xe5\x0e\x98\xbc\x1a\xa2\xa62\x1b\xf6\xb1\xeb\xdeW\x94\xcev\xf8\xbb`D-\xec\x97\x19\x0e\n\xef\xea\x90\xa2ZY$\xber\x01_b.o\x7f}J\xc4\x96\xb6-\x94#(\xfa\xd2\xb5\x00\xcd\xc0fN\x1e\xe1lKBH\x80\x86\xa6S\xde79oZ\x96U-Pu~\xec\xc7\xadLpef\xbf\xdc\xa8\xc9A\xbd\x06\xc9\x7f\xc3\xa3%1\xf2\x11tZ&lt;\xb5\xcd_U5S:\x8c\x92\xa5\xdf\x80\xaa&gt;\x91|[$\x82Y\x9e\x97&gt;B\x7f\xf01\xcb\xa5\x1cg\x98\x03\xa7\xf0\xc3\xfa\x93\xb04\xfc\xfe?\xb05\xeb*\xb0\x1don\xf9\xdaF\x979\x1a+y\xa2\x81\xd8\x01h,\xa4\xdb\xc3\xd1\x15e\x1d/1\xd0\x95\xb8(+\x9c\xdd\xd7\x1b\x96\x96\xc6\x1cCD\xb5\x1ce\x81\xbfW\xca\xa6\x80b\xdd-\xd0\xeb\x0bd\xcb\xa6X\xe5M\xc2-\xe6\xb3\xdd\xa2-_\xb7i\x15c\xca;\xc7\x0bI\xf8\xc8\xf4\xe2\xf7\xec\xcd\xbe\x00l]\xec\xbfF\t\x8a\xa2\xab\xe3\xcf\xd1\'\x0f\x8f\x1f&amp;\x19 k\x8df\\\xf1\xca\xde,\x01\x99\xdc\xfc\xe9 \x81\xe0\x19V4\xf8\xba\x0f\xfc\xacT5\xc9\xd50t^+\xba\x98\xafVV\xc9\xa5&amp;\xc6\xd3\t\x08\xf4\x92\xee\xf4\xef\xa3\x02\x15O\x91\n1G\x00Y?\xf7\x18\x1d\xf8\xd8\xaa5?\x12\xeda\x93\xc3&lt;\xa1\xea\xf1\x85\xff\x88\x19\xd2n\xacIC:+\x13\x95u\xf9\xde[\x9b\x94wg\x13d\xf9\xf2\xa1%DYWf\xb9In\xb7\xd3\x8c,\x9b\xc4u\x99+\x06\xaat/6\xfd\x88&gt;\x11\x8f\xec\x075\x10R~b\x7f\x13\xf8\xb3\x1dH!\xb9\n\xc4A\xd1Z&lt;\x9d?\xe4\xb8K\xf1!e~\x92^\x0e&lt;\x17\x91\x1b{X\xda\x1e\x9a\xb8(\xd6\xdb\xb4g\x99\xf9f\xf4\x90;{\xeb&amp;;\xc6\xec\x92\x95\x00~\xea\xd0\xdb\xb4\x18\xbbQ$\xd8X\x9c?\x18\x0e\xa3l\x9c0M\x8b\xcf\x87\x87\xe4\xbd(1\xcc\x0efG\xbe\x99\xff\x1dk0a\x15K\xc4\xd7\x85I\xfe\xb9\x02\xa3\xd6\x01D\xf6\n\xb6\x8bE\xda\x19h\xab\x89\xe9\xf4f^\xdek\xc8\xa7Rw\x81\xc4N\xccwx\xd2\xa5z\xe4\xe9\xd4\x04_\x93#\xdd,\xc9\xe4\xf8}\x15Y\xe7\x86\x80#AvyY\xf9\x8b\xfaIb\xe9\xb8\xd1\x01q\x98\xe2\xff\x92\xeeEX`\xd1\xbf\xc8\xcc-tS\x00\xba&lt;\xf7\x1e4F\xc8\x02\xef\'\xca\xcdL;M\xe4\xf3\x8b\xc2X\xe63\xe2\x06\xb6\xa6\xf7\x04\xc0\x9c\x11\xe3\r\x80,\xa6&lt;\xc7X\x80\xeaJ\\U\xd2s\xed\x1c\x1eK\xc0\x9f\xd6\x90\xb2Le\x15@Y\x01\xd7"\xa4m\xd6\xc3jP\xb9\x9b+\x93X\xff\xb2k2\x90\xb2\xb8\x1bz&lt;z\xe8\xf3\xc9"\xcc\xa3 \t\xbb:\x94\xe7?\xf4\xc0\xc0L\xa1\xbd\xa9qE\xa5\x94TmF$Rz\xc1F\x92\xdb\x93.\xe2\xfe\xea\xa6O\x94\xc1\xc6\x83\xc5I\x9c\x93n,?\x86\x80\xa1D\xf6py\xc9\r\x85\x84\xfe\xa3\xb1\xffE\xd3D\x86\x88\xe5\xe7\x00o\xa9\xf4{\x18\x12\xa3\x8f\xf9H\xfd\xc0\xb4\xd2lb\xf5W7\x1e\xd0\x8aA\xd8\x96\x8c\x86{\xa9;\xf3\xc9\xb9\x12i\xe6I\xb0\x9f\x8c\x8e\x8c&amp;\x0e#\x91\xfa1\x13`{\r7\xfcb\x843\xc4\x18\xc4\x18-\xd8\x91A\xe6\xb3\xaf&amp;\xe1w\x14,4\x91\xeb'</t>
  </si>
  <si>
    <t>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</t>
  </si>
  <si>
    <t>b'\xe88w+Vn\xf7\xe6\xd9\x83\x97\x1b`\x83\xd8\xe3'</t>
  </si>
  <si>
    <t>For my part, I must do my best to save this fellow's 
 trebly worthless life; Jim, you get me a basin." 
 When I got back with the basin, the doctor had already</t>
  </si>
  <si>
    <t>b'\xc0\xf5%U\x1f\xb6@\xe8&amp;0\x05\x1f\xc1H`g\xf2\xc7\xfa\x91\x10\x17 \xc2\xca\xcc\xed\xc0\x04H\n \xb7\x08\x86\x07\xda\xd8\xb7Z\x07\xe4\x93\xe5\xe2\xdb=\x88%\x99\x9e\x9a\xab\xcc\xa7\x94\xa3\x95a\xdb\xc2+\xcbh\xd0\x1a.\xff\x8d\x14\x03\xca\x91\x89\xa6\xef1\x16y\x81\x10\xe4\x1f\xb3\xb6\xaa\xcf\xe3@~\x87+z\xd8\xf2P(\xe5\x0f\x03\xbd\xda\n\x80\xa7L\xa8\x8c\xb5rT\xf2\xb6\x89\x87-\t\xbd\x1b0QP7\xa5\x1c\x81\x9e\x82C4\xf9\t\xf4\x8bg\xd1|\xfaF,\x1d\xa6\xcd*r\x9c\xbe\xd0v\x12\xf8\xda\xa8\xf5w\x99\x98\xa6\x006\x90a~Y\x1bC\n\x07\x1b\xd1\xdb\xfc26\xc7\xf1"\xdbL\xf7&lt;\xa1\x1f5\x98\xc4\xf9\xc5\xe9\x10\x86\xa2\xb8\xb7\xb9 \x91\xc7\xb9\xfc\xd2\x07\x1f\x9c\xc5\xc8\xbbN\x00\n-E\xf1\x14\x1c:\tX\xf1M\xec\x10c&lt;\xab{\x9b\xe6-\xeeiR`L{\x01a\x15\xd3\x07\x92r0\x0c\xe3\x99*\x9c\xfcF\x16\x93\\\xd8\xd4\xd5'</t>
  </si>
  <si>
    <t>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</t>
  </si>
  <si>
    <t>b'\xc0\xf5%U\x1f\xb6@\xe8&amp;0\x05\x1f\xc1H`g'</t>
  </si>
  <si>
    <t>ou or me or Jenkins minor. It is sad to have to say that
 the power to fly gradually left them. At first Nana tied their feet to the bedposts so that they should not fly away in the night; and one of their diversions
 by day was to pretend to fall off 'buses; but by and by they ceased to tug at
 their bonds in bed, and found that they hurt themselves when they let go of the
 'bus. In time they could not even fly after their hats. Want of practice, they
 called it; but what it really meant was that they no longer believed.
 Michael believed longer than the other boys, though they jeered at him; so he
 was with Wendy when Peter came for her at the end of the first year. She flew
 away with Peter in the frock she had woven from leaves and berries in the
 Neverland, and her one fear was that he might notice how short it had become;
 but he never noticed, he had so much to say about himself.
 She had looked forward to thrilling talks with him about old times, but new
 adventures had crowded the old ones from his mind.
 'Who is Captain Hook?' he asked with interest when she spoke of the arch
 enemy.
 'Don't you remember,' she asked, amazed, 'how you killed him and saved all
 our lives?'
 'I forget them after I kill them,' he replied carelessly.
 When she expressed a doubtful hope that Tinker Bell would be glad to see her
 he said, 'Who is Tinker Bell?'
 'O Peter,' she said, shocked; but even when she explained he could not
 remember.
 'There are such a lot of them,' he said. 'I expect she is no more.'
 I expect he was right, for fairies don't live long, but they are so little that a
 short time seems a good while to them.
 Wendy was pained too to find that the past year was but as yesterday to Peter;
 it had seemed such a lo</t>
  </si>
  <si>
    <t>b'\xc9\xc7\x12\xb7\x96;\x12\xe1'</t>
  </si>
  <si>
    <t>c9c712b7963b12e1</t>
  </si>
  <si>
    <t>t was more than a
ring, however; it was an old key which looked as if it had been buried a long
time.
Mistress Mary stood up and looked at it with an almost frightened face as
it hung from her finger.
"Perhaps it has been buried for ten years," she said in a whisper. "Perhaps
it is the key to the garden!"
CHAPTER VIII
THE ROBIN WHO SHOWED THE WAY
She looked at the key quite a long time. She turned it over and over, and
thought about it. As I have said before, she was not a child who had been
trained to ask permission or consult her elders about things. All she thought
about the key was that if it was the key to the closed garden, and she could
find out where the door was, she could perhaps open it and see what was
inside the walls, and what had happened to the old rose-trees. It was because it
had been shut up so long that she wanted to see it. It seemed as if it must be
different from other places and that something strange must have happened to
it during ten years. Besides that, if she liked it she could go into it every day
and shut the door behind her, and she could make up some play of her own
and play it quite alone, because nobody would ever know where she was, but
would think the door was still locked and the</t>
  </si>
  <si>
    <t>b'L\x02\rB\xfd\xc2\x17\x9a7&amp;\xb5\xc1\xa8\xe9LgC\xae\xa9Aw;\n5\xe2\x84;\xfc\x7f\x87\xf7(u\x00\xe0wCY\x06&amp;\x96]*\x98E\x98\x8a\x13\xcd\xfd\x83l\x92/\x1b\xf3\xc6{\x89(0w\x008\x1cty\x07\x04^Y\x892|\xe9/\xbb\x170\x0b\'\xd6p\x1a6y\x82\xabmsV\xd1\xab\xecM\x93\xd4\x9c\x00\xfb\xe3\x99=\x10\xb8kw\xe2u \xe6\xabZ\x8f\x00\xb1\x9ef\xe8\xec\xd5?\xff\xcd\xeca\x97;\xb8\x83\xa4\xd1\xcd\x80\xbb#\xb4\xcaZ\xe5#*2\x81DB\xaf-\xc3\xdc\xe2\xa8x&gt;\x12\x03\x14\x859\xfd\x11\x0c,\xd7\x07\xf1Fqa\r\x11\xae\xe4/\xb4d\xe4\xe9\xe7\xb2\xf9\xebh8^&lt;\xda\x81\x92\xfb\x1b\xce\xb7\xbe\x15\xe2\x1c$\x8b\n\x81\xef;\xb7/\x14\xf0A\xa0:x\x92P\x03\xe8\xee(z\xef]\x130\xcc; \xdb\xc4e:K\xce\x91\x94$\xad\x8a6\x7f\xf0\xe0I\x98\xfb\x9c\x02-\x9b.\xdf\x02\xd8\x01\x1b\x93!\xc0eQIT\x0eFW\xf5sM\x93B\xd6#\xad\xb1\xbc,\xcf\xba\x966\xc8\x88k#\xa7\xa3\xce\x1c\xb7@No\xed\x1d\xc3l\xc38Qa\x1f\xeeo\xe5\x9aE\xcc\xbe`\xa2\xb9\xd9\x1d\xf7"~&lt;\x12,\xc3\r\x9eI"\xd8\x07\xac\xe2\x8a3\x17\x8f\x8c\x14E\xc0\xae\xf2\xfbb}\xbe\x83\x7f\x94+\x9f;\xe58\x1b/\x8az\xd7\xc1\xfa\xc7eW(\x85\xe2\xbb\xae\x85\xdb\x85\xe5\x8aj\xcfz\x1cp\x02\xae\r\x90\x04\xa5h\xc8\xed\x8d\x9f\xc9\xe7\xa28?C\x0e\xef\xc7\xfaU&lt;\xc7q\x8cU\x94uJ\xc3\x07A\t*\x07\xfe\x98ofgJ\tB\xbb\x83\xd7\xd5[l\xb0\x1etJ\x95\xb9P\xf8\x84\x9e\x0eU\xa5\x01\xc9k\x93\x0eJ\xd1\xa4*\xbe\r\xc0\x81\xb82\xa5O}\xed\x19\x11w\x04\xd4\x82\xcf\xa3m\x80\x17\x05\x02l\x84\xa1\x00\x8e\xf3\x03\xdfp\x08\x9a(&gt;\xe1\xdb\xf4\x9f\x16\xe20\x9d{\x02!xI\x07\x1c\xa8\xac)\xf7\xcf\xfc\xf7.\x0b\xdco\xba\xcd[\xb2V\x88s\x95w\xeck&gt;R\xd8W\xf8}}\x1a\xd5\xa8\x98\xbc\x17\x8dUH\xc1J\xd2`6\x84\n(nN\xd2\xf9p\xdf\xb2\xe7\x88\xd6\xae\x1aC1M\xe6d*\xf3q\xa3\xe6F\xcd\xf6S\xa5x\xb2/g\xd5e?\x15V\x17~#\xc8\xaa\xbdW\\:*\xc8$\xa2}\xb0\xb3pB-\x8dI\xe9\x9b9C;7\xdb1\'\x84\xa5\x95\xfa\xf8I\x12\xeb\xf9\x03_+\xfa\xca\xcdPhO\xa2lC9f\xb2 3{\x91\xc4\x9c\x8c\xc3\x13\xc7\xf2\xb10\x8ab"\xecC\xbf$\xaf\xd6\xba-/ru&gt;1\x06\x8c\'\xd8\xa8\x18"\xa5FF\x1e\xbew\x8b\xfe$#pQ\xe709\x87\xeb@\xd0\xe9\x07\xb6Y\xeds.\xb8\xa6\x85\x15\x7f\xaf\xc5\x06\x82\xa6\x01{\xa7\xe6\x06y\xd9\xbdI"0\x14\xfd0\x9b\x913Y\x92\x10\x90\xc0\rW!\xec\xa7\xda\xcf\x8b\x0f\xb8[$\x80\xba\xc6\xd6\x86\xc9\xd72\xe0\x05\x9ea\xc1Z\xe7I{c_\x12i\xe6\xd3\xd32\xb8K\xb7\xe2\x89\xb3\x1eG\xb1\x89T\x90\x97\x98h\xd3\xf6\xb3`\xf2A\xcb\xb12\x93\x9e#\x148\xb9Z\xe3S\x9c\xc5`\x06\xfc\xd3\xe9w\xe83\x9d\xd1[\x9b\x13Vy\x05\xb9\x8b\xc2M=\xdf\xc7\xc8\x93\x86\x8c\x9d\x8a\x0e\x93j\xd0m\x9c\x92\xe88\x06@e\xfa\xafZ\xa7\xae\xf5\x93\x03^K\x01\xca\x0c$F_E\x10\x98\x98\xe9#a\xdb\xf17;y\xdc\x80w\xa7\\#\xa7\x9e\x04%b&gt;|\xd7\xa9\xcb\x13\xc3zZ*\xdb\x9d\xad(\x1c\xa0b\xb4\x13\xf7z|\xe6\xacnj\x9fj\xe3\xc8\xac\xdb\xd7\x95\xd72m7\x12\xac\xc3\xef\xcez\x9d=\xeb\xea\xc2\xbcc\x9f\x14jr\xb4\xc0\x9b\xc9\xb8z\x86H\xb4\x03\xa4\xa8.yd\x90v\xf1\xad\x05y\xb6\'\xaa\x95]\xf9-\x15\xd6\x90\x1a-wG\x18\x03\xfaK\xee\xe5\x06\x90\x13\xcd\xa9q\x8c\x0c\xf8s\xa0\xfeX\x8c$-\xf5\xb7\xa1\x16\xdc\x87\x1f\xf1\xc4\x1e\xbd;\xc0\xf1\r\x80\xc3-\n\x85\xb4pL\xde\x1fK\xf4|\xb4\x94\xd0\x86\x87N\xde"\xef \xf6\xd5tGR\xec{d\xdcb\x03\x8b\xd9\xbdN\xa6\xa6\xca\x1fI%\x00\xbb\xfd\xba\x10\x13\x10\xad\xe5%Z4\x01\xef\xac\xb0\x89\xe9\xad\x02s\xc2\xc1\x18.\x94\xb2\x1e\xed\xff\xd9\x0c\xf3pQ\xc3\xa9&gt;}+\t\xcd\xa9_R\xa0\x95x2\xb2I\x0b\xab\x03\x02c\xd0\x9b\xb5w\x80XU\xa7Q\x15\x1bz\xc6[\x99\x1f\x03\x9b\xc376e\xf7\x89\x13\xcd7\x0f/\xaf{\xe7\x8cDe\xe5\x8b&lt;\x14Nv\xbb\xa6\x8e\xf9 \xea#\xe1*u\x03+\xf1FR\r\x94\xcd\xc3\x12\x1fuz1Ox\xc12q\xf6\x1aL&lt;@\xe2\xee\x00\x0f\x00\xef\x85\xe5\xc0\x1d\xf3HD\xbc\x81&lt;\xf5J\x1f&gt;x\x910`t\xc5\x10\x8eG5\xbf\tu\xab$5q\x109\xf3\x83!\xab\xf3\xa6\xb8\xa3\x9f\xb9\xc4\x98\xd0\x84\x1c\xb3\xbc\xb0,\xf2s'</t>
  </si>
  <si>
    <t>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</t>
  </si>
  <si>
    <t>b'L\x02\rB\xfd\xc2\x17\x9a7&amp;\xb5\xc1\xa8\xe9Lg'</t>
  </si>
  <si>
    <t>ting what she
 wants?
 3. What will the heroâ€™s life look like if she does (or does
 not) get what she wants?
 If youâ€™ve ever started daydreaming in a movie, it was likely
 because you couldnâ€™t answer one of these three questions, or
 worse, you didnâ€™t care. Hereâ€™s the kicker: if these three questions
 BUILDING A STORYBRAND
 24
 canâ€™t be answered within the first fifteen to twenty minutes, the
 story has already descended into noise and will almost certainly
 fail at the box office.
 At StoryBrand our Certified Guides have reviewed thousands of pages of marketing copy that had nothing to do with
 the story of the customer. We tell our clients the same thing
 my filmmaker friends told me when I was writing screenplays:
 anything that doesnâ€™t serve the plot has to go. Just because a
 tagline sounds great or a picture on a website grabs the eye, that
 doesnâ€™t mean it helps us enter into our customersâ€™ story. In every
 line of copy we write, weâ€™re either serving the customersâ€™ story or
 descending in</t>
  </si>
  <si>
    <t>b'Z\xc2.\xf5\x15Ggo&gt;\xef\x98w+\xb6bh\xfc\x1d4\x01v\xc6~\xf0\x8d\xe5M\xb1\x9d\xbc\x9euMN\xc9a\xb1\x17G*\xff\x9d\xde\xf6Y#u\xf8\xc9/\x00&gt;\xcc\xe8\r\x0ba\xcf\n\xd1\xc5\xb9\xc9\xb8\x8b\x1c\xc3\x11vt\x01!\x1eei,\xe2\xd6\xd5R\xbb\xb7\xb3\xb5\xdc\xb2\xa2\x8a\x1f\x8e\xa3\x0b%\xcf\x87a0\xdfZ[ \x8e0h\xbdh\xdf\xae\xdeG55K*.\xf9\xeeN\xb0\x1e*\xdb\x83\xf2\xdb\xb8\x15\n9\xf0\xac\xacXG\xb0\xb5\x99(\xd70\xd6E\xf3\xf4\x87\xd3\xb3\x00\xe6\xa9\xef\x0b\x84\x8a\xaf\xd6+\xe4y\xe1\x18\xa8$\x15&amp;\xa6\x8f;\xd805\xe9\xd5"\xc0A\x8eM\xb8\xa6\xfel$;\t\x90\xe1\xd7q\x12\x0e\xdf1\xc2\x9b\xe4\x17\xf6r\xee\xd6\x82\x7f\xefSa\x8a\xf6\r5cZ\xb1\xaa\xaa\xa1{\x7f\x93\x1d\xb9\xcc\xad\xa4~\xab\x17\xf7\xd6\xb5\xdf\xd6\x92/\'\xb9\x0f\xc6\x14\xb7\xb9\x92B\x18\x0f\xbe\xbc\xaf\xa9`\r\xe0"/YF\xec\xb0\xbf&amp;\'\x9b\xdf\x94B\x14vN\xf4\xe4\xf6:i\x99s\xdc5\x19+[Qso`1h\x8eQ\xd9`\xd7S\x96\x1dL\x92=\x05\xb9\x99~9\xd4\x01\xfe\xc4\n\x84m\x17a\xeb=\xcf`\xde\xfa+f\t\x9b\xd2\xcaD\x91\xdc`\xd6\xd0\x1e\x813\xcf\x96\x92\x86a\xe9\xd0\xa7\n\xbe\xdaP\xbc\xf5\xc1$c\xb9{-\x19\xe5 \xc3\xd2\x1e!\xaf\xf1\xf1\xf3\\\xe3\x80;\x1e\xd6\xf5\x95~d&lt;\x05\x0cAk\xb4s\xd4\xff\x8d\xfd\xd9\xe4\x95\xcf\xde\x89\x81&amp;\x8d\x8b\xe1\xf7h\xc8/O3\xbf|_D\x8e:d\xd1\x9f\xad\xbe\xb6\x83\xbe\x99q/4-\xfc\xc0\t\xcf\xf1\xbbh_\x87\x1f{\x1by\xd7\xd8\xb4mf~\xf6\xc9\xe8\xd6\xdd\xb3\x1az\xf7\x16D\xe8\x87\x11\rv&lt;\xd1\xe3Lb\r\x1bX\x19\xe3\xeb\xa3\nr\x97\xd4\xe9\x1f\xfd%\x8f^\x16`\xfe\x027)\xfa\x8a\x06!\x1b\xb9\xfa\x8ad6x8\x17\xf4\xf7Cn\xadQ`\xf2\x88V\x93xm:\xd2\xc9&amp;\xaa_Pu\x0c\x85\x8f\x83\xbe\xb3\x93?u:\x98`\xfeJ\xaa\xfc\xa7&amp;n\xe9\xe8\xe1oX\x82\t\x08\x1c\xf3?\x16\xec\x8a\xed\xd0\xb6_@\x13.\xfal\n\x1a\xf5\xe8\x18\x00\xadU\x89\xf1\xc1\xe1\xa2\x89\x9a;lR\xe0}\r\x0fmq\xe7g)\x9c\x1f \xb9FB\x96\x8d\x1b\xe4\x18\x1b\x98\xb3\x18*\xf3\x03\xb3h\xebi\x82zJ5\x82\x1d\xf6`\xbc\x0b52\xb2v|\xf3a\x7f\x1d\xa2\xd8S\xfa\xa3\xcc\xc5g\xe1f]\xb4YNW\x05\xc1&gt;PW\x15\x053 Vd\xe33\x10=\x0b\x8b\xda\xd2\x96\x8b~\x0c\xf9kO\x18\xd9\xe8~\xd2\xf2!\t\xa83h\xe9p\\-\xa1M_\xedBI\xef\x14\r\x17\xab\xec]nM;\xcb@;\x05I?\xcb\x8aS\xefeH~oc\xf6\xa6@\xc1\xa0&lt;Lh\x1ee\xe3F\xa1\xa6\xb8\xb6j\x9ep\xcb\x1fc\xd9\x0f\xea\xcb\x9c\'\x0f\x8bX\xc3\x00\xc9\xbb|P&amp;\x83\x00\xd1b;h\xdc\xb1:\xea\xca\xc6\xe2Yfiw\xca`\x91\xb9K\xc3P\xe4\x05\x80\x98\xc2\xdc\xfb\xb5\xc5\xd4i\xd8\x9b\x02\x0b\x9eG6\n\x88*\x1fB\xfc\x16.\xa4\xdb\xfd`\xa4!n\xf5\xcc\xf9p&amp;\xfaX&gt;K\xfa\'\x10\xbb~\xd7\xeb\x17\xb4\xaf\xde6e\xfc\xe3\xe6y\xff\x99\xc7\xd7mp\xa1f\x18\xbe\x1a\x9bdj\xf0|\xa0b\x03\x80\x8a\x1eJ#\xb6=\x1a\x8b\x12x#\xa9\xa9B\xf6\tQ\x9e`\x10nB\x97\xfc\x87\x96\xa2\xe7\xda?\x96\xcf\x13\x0c\xe5\x10Yi?f\x0cW\x86u\xd5\x87\xd4\x0fH\x02\xcb&lt;\x13\x82u\x18\xc0Pk\x16a\xfb\x93\x87\x948\xe7\x8e\xb36t\x1aD$\x9e/\x8d\xe6\xeb\xdb\xae=7l\xdb\x9fk\x967\xa2\xea^y\x8ex\x02\xba}\xf1\\\x911\x80\xd5\xff\xb3\xbe\x82fC\\h\xaam\xa8\xdeWk\xbc\xb8\xb9e\xde\xa5\x0bl\xb9\xa2\x92%\xb2V\x9f&lt;\xcf8K||\xa5\x1fFs\x88(\x07\xa6\x84\xb3\xc2\xe3\xe9\x17\xc4\xc4\xc0LaP'</t>
  </si>
  <si>
    <t>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</t>
  </si>
  <si>
    <t>b'Z\xc2.\xf5\x15Ggo&gt;\xef\x98w+\xb6bh'</t>
  </si>
  <si>
    <t>he gain of the circuit consisting of M1-M4, we write from
 Chapter 10
 A0 = gmN(rON||rOP), (12.55)
 where the subscripts N and P refer to NMOS and PMOS devices, respectively.7 With
 K = R2/(R1 + R2), we obtain
 Vout
 Vin
 = gmN(rON||rOP)
 1 +
 R2
 R1 + R2
 gmN(rON||rOP)
 . (12.56)
 As expected, if the loop gain remains much greater than unity, then the closed-loop gain
 is approximately equal to 1/K = 1 + R1/R2.
 Exercise If gmN = 1/(100 _x0005_),rON = 5 k_x0005_, and rOP = 2 k_x0005_, determine the required value of
 R2/(R1 + R2) for a closed loop gain of 4. Compare the result with the nominal value
 of (R2 + R1)/R2 = 4.
 A0
 VF
 Rin
 Feedforward
 System
 in
 K
 V
 in I in I
 Figure 12.31 Calculation of input impedance.
 In order to analyze the effect of feedback on the I/O impedances, we assume the
 forward system is a nonideal voltage amplifier (i.e., it exhibits finite I/O impedances)
 while the feedback network remains ideal. Depicted in Fig. 12.31 is the overall topology
 including a finite input resistance for the forward amplifier. Without feedback, of course,
 the entire input signal would appear across Rin, producing an input current of Vin/Rin.
 8
 With feedback, on the other hand, the voltage developed at the input of A0 is equal to
 Vin âˆ’ VF and also equal to IinRin. Thus,
 IinRin = Vin âˆ’ VF (12.57)
 = Vin âˆ’ (IinRin)A0K. (12.58)
 7We observe that R1 + R2 must be much greater than rON||rOP for this to hold. This serves as the
 definition of R1 + R2 being â€œvery large.â€
 8Note that Vin and Rin carry equal currents because the feedback network must appear in series with the
 input [Fig. 12.21(a)].
 12.6 Feedback Topologies 587
 It follows that
 Vin
 Iin
 = Rin(1 + KA0). (12.59)
 Interestingly, negative feedback around a voltage amplifier raises the input impedance by
 the universal factor of one plus the loop gain. This impedance modification brings the
 circuit closer to an ideal voltage amplifier.
 Example
 12.16
 Determine the input impedance of the stage shown in Fig. 12.32(a) if R1 + R2 is very
 large.
 Vin
 R
 R
 Vout
 VF
 M 1
 R D
 VDD
 1
 2
 R
 R
 Vout
 M 1
 R D
 VDD
 1
 2
 R in
 (a) (b)
 Figure 12.32
 Solution We first open the loop to calculate Rin in Eq. (12.59). To open the loop, we break the
 gate of M1 from the feedback signal and tie it to ground [Fig. 12.32(b)]:
 Rin = 1
 gm
 . (12.60)
 The closed-loop input impedance is therefore given by
 Vin
 Iin
 = 1
 gm
 _x0004_
 1 +
 R2
 R1 + R2
 gmRD
 _x0005_
 . (12.61)
 Exercise What happens if R2 â†’ âˆž? Is this result expected?
 The effect of feedback on the output impedance can be studied with the aid of the
 diagram shown in Fig. 12.33, where the forward amplifier exhibits an output impedance of
 Rout. Expressing the error signal at the input of A0 as âˆ’VF = âˆ’KVX, we write the output
 voltage of A0 as âˆ’KA0VX and hence
 IX = VX âˆ’ (âˆ’KA0VX)
 Rout
 , (12.62)
 where the current drawn by the feedback network is neglected. Thus,
 VX
 IX
 = Rout
 1 + KA0
 , (12.63)
 588 Chapter 12 Feedback
 A 0
 VF
 Feedforward
 System
 K
 R out
 I X
 VX
 Figure 12.33 Calculation of output impedance.
 revealing that negative feedback lowers the output impedance if the topology senses the
 output voltage. The circuit is now a better voltage amplifierâ€”as predicted by our gain
 desensitization analysis in Section 12.2.
 Example
 12.17
 Calculate the output impedance of the circuit shown in Fig. 12.34 if R1 + R2 is very large.
 M 1
 I SS
 DD
 M 2
 V
 M 3 M 4
 R1
 R2
 v F
 X
 i X
 v
 Figure 12.34
 Solution Recall from Example 12.15 that the open-loop output impedance is equal to rON||rOP
 and KA0 = [R2/(R1 + R2)]gmN(rON||rOP). Thus, the closed-loop output impedance,
 Rout,closed, is given by
 Rout,closed = rON||rOP
 1 +
 R2
 R1 + R2
 gmN(rON||rOP)
 . (12.64)
 If the loop gain is much greater than unity,
 Rout,closed â‰ˆ
 _x0004_
 1 +
 R1
 R2
 _x0005_ 1
 gmN
 , (12.65)
 a value independent of rON and rOP. In other w</t>
  </si>
  <si>
    <t>b'X\xa5\xba&gt;i\xf6{\xa6\\\x82"\x8cA5\x16X'</t>
  </si>
  <si>
    <t>58a5ba3e69f67ba65c82228c41351658</t>
  </si>
  <si>
    <t>for hustlers like
 me. It was a three-day event about internet traffic and advertising. I had
 nothing better to do, I had never been to Texas, and I was looking for
 direction in my life, so I decided to attend.
 While I was there, I met other entrepreneurs who were selling way more
 than me. But they were doing something differentâ€”they had real businesses,
 not just side hustles.
 On one of the breaks, I approached the leader of the summit and asked
 him for advice. â€œWhat would you do if you were me?â€
 â€œYou know what I would do?â€ he said. â€œI would sell real stuf . Real
 products.â€
 It was a huge â€œahaâ€ moment for me. And the thought of going back to my
 apartment and staring at a computer screen all day, alone, sounded empty. I
 decided that I absolutely must be around people who were thinking bigger
 than me.
 With no relationship or responsibilities keeping me in one place, I sold
 almost everything I had, packed the few possessions I had left into the Kia
 Sportage Iâ€™d proudly purchased brand new a few years prior, and drove to
 Austin, Texas.
 I rented an apartment, sight unseen, on a month-to-month basis, and six
 weeks into my life in Austin, I signed a year lease. I was there to stay. I met a
 sweet girl at the grocery store. I tried my hand at a bunch of different
 businesses, thinking that eventually Iâ€™d find something I wanted to stick with.
 A year into my new life in Austin, the greatest forcing function known to
 man dropped into my lap: I found out I was going to be a dad. Itâ€™s incredible
 how fast a plus sign on a pregnancy test can spin you from lost and depressed
 to â€œI have to figure my life outâ€”now.â€
 Until this point, I had been bouncing around, trying my hand at any
 business opportunity that came my way in a search for purpose and deeper
 meaning. But that day the plus sign on a pregnancy test announced Iâ€™d soon
 have a daughter named Esther, I decided to put all of my effort into one
 business model: this one. In a way, I was lucky; my hand was forced. I didnâ€™t
 have the choice not to go all in.
 Many of you reading this book are probably stuck at the point right before
 you get into the game, where you have to pick what youâ€™re going to sell.
 Perhaps, like me, youâ€™ve dabbled in a dozen different business models, and
 nothing has stuck.
 Thereâ€™s a common startup model called â€œscratch your own itch,â€ and it
 involves finding a problem you yourself have, solving that problem, and then
 allowing that solution to form a business. Thatâ€™s what inspired Suzy to start
 Poo-Pourri.
 For years, I did the opposite of this; I sold whatever I could to make
 money. I did that because it was what everyone on the internet said to do to
 get rich. They werenâ€™t wrong. I made money. And I picked up some useful
 skills over those years. But thereâ€™s a difference between making money and
 building a real business.
 You can sell things and make money, and your business will be purely
 transactional. You can follow a formula that produces profits, and it can work
 for a while. But once you start thinking about people, you start building a real
 business. If you create something that people actually want, and you
 communicate to the person, you can create a million-dollar business in one
 year. Thatâ€™s how you become a real entrepreneur.
 Youâ€™re Going to Eat It for a Year
 As you build to a million-dollar business in the next year, itâ€™ll help you to
 know the following up front: Youâ€™re going to eat it for that entire year.
 In the first year, youâ€™re going to be working for very little money, not
 drawing a salary, and reinvesting every dollar, until you have a million-dollar
 business at yearâ€™s end. By then youâ€™ll have a proven concept. Until then,
 youâ€™re figuring it out. Fortunately, Iâ€™m g</t>
  </si>
  <si>
    <t>b'Y]7\x9ec\xae\xcb\x91\xeb\x81\xd6\xcc5\xb0\xa7AeA\xf4R\x1b\x05\xa9\x02N\xf1o\x18.4\xcd\x0b\xb1\xd4U(%\x8894\x82\x89z5n:\xbc\xaa\x95\xdc\xe1\xdb\xcb\xbe\x03\x98\xd1\x8b\x94p\xf7Q\xe1\xf26(m\x93\xfc\xadm\x94I5\x83\x9ea\xf9$\x9f\xc9\xf0|\xb1\xe5i|k*\x99W=X\xf6\xcf\r\x97\x05\x03C\xbc\x11\x02\x8f\x8b\x9d^\xab\xb1\xa5\xdaB\xfa\x1f\xb4\x1a\xe9\xc6\x08]=\x81G|b,\xf5Z%\xf2\xce\x00\xdf\xd5{[%Oe\x05\x0b\r=\x14\x1a\x13$\xc2\xecs\x90\xa9\x10\xb7\x0b\x92\xbdt\xee\x90\xfb\'\x81\xc9\xb9F\xc6R\xc0s!J\xf5\xee:\x83\x88[#\xc1\xe4\xa8\xd0\xf8m\x8d\xa7\x18-\xdfw\xa2\xaax\x9cxB\x9a\xa4\tg]C1\xf6\xbe\xb1Q\x1a\xe8N\x0c\xb8\xfd\xba\x92\x08F\x08\x85p\xd55\x16\xa5\x15\xfe\x84\xc8I\xbc\x9f+\x92B\xde\xeef\xd9j(\xcbow\x80\x01\x08\xe2\xe2\x82n\xe2*\x97.=\x02\xe3y&lt;\xf8i\xf3\xbd\xa7\xbd\xe7*L.\xf4\x81\x97Y\xe4\x00#\xec\xff\xf4\xe5P\x80\xa9\x96j\xfb\xea\xe8q\x84D7y\xb5\x1f\x045a\xc2\xccD\x96&lt;Wf\xed\xdf\xd5\xbb&amp;\xf7\xf5\x94y\xb1\xcbU/R\x9bt9\xe3\x99\x03\xa1\x8e\xee\xec\x13\x1d%\xe1j$9\x1d,U.5\t\x89q\xcb\x85\xdb\xec\x18\x97\xec\xc3\xa9;\x06Klu~\xa8\x1e\xa7\x0f\x88+\x19\xa8\x16\x99;+_da6\n\x158\xe10\x9cB\xaf\x06\x11\x8a\xb3\xdb\x08\x8bE\xb5+ \x8d@\xc3fo\xc2\xb1\xbf6\xa5$\x82],\x04\xc8T\x19\x05\x8b\xbd\xc3\xb1a\xf5^Vk\x82\xfa\x05\x9c\xfa\x82IL\x16\xb4bc\xe3.\t\xb9\x04\xa2\x0b\xd6J\x91\xaek0*\xed \x7f\xd9\xdc\x83\xc4\xac\xbf\xf9 d\xfc\xd3\xb2S\x0e&amp;\xa9\x80\xd3m\xad\xd9\xa3\xb4\xaco&gt;\xe4\xb4\xf8\xff9Dz?\xa7\xde|t\xf6X\x99\xaaI\xf1r\x9c\xd1\xad\xce\x05\xd9\'\xc3z\x82\xd7\xc54v\x8eY5\xdd{R\x8c\xf6@\xd6\x8f\xa8\x1dM8\x17\x897@b\xe3\x13\x1d\x83w\xa8\xd5\xb3eau\xff^\x8f\xd4\xe8\x1a\xdfm/\x11\xb3+\x8b\x01\'\xf1\x81\xc3\xe1d\x03\x8al\xf1(\x976w\x87\x1f\x1d\xd3\xe5\x18.Jz\xcc/\xad\x87\xfeh\xadt{9\x1e\xd8\xecSe7\x82\x1ec\xaf\xca-\x8aC\xaa[\x1e\xd0\xdcZH\xfa\x89\xbdp[rU(\x08r\xfa\xe1\xdb\xaf\xdbU\xb9\n\xbd\xff\x0bo\x82\x9b\xbbx\x19\xea\xf9;Q\xe5w\xe5\x197\x93\xd8\xa9\xfbY\xc1\xf5pT\xb5\xaf\xc1\xf9\x17\x9a\x97\xf9\xc7\xb5\xbc5\xaay\xa3\xfd17\xf2\x83\xd0\xe5rLe\x9a&amp;\x0f\xa3\xb1\xd7\xab\x9c[&amp;\xa7\xdap\xd6} \xc7\x1dl3t\xc2%\xe4\xef\xb1\x81\xe7\x1c6,\x8bm\x08\x1b\x91\xbc\xcc9L\x81\x94\xe2\xdc\t\xea\x1d\xa3\x19\'\x89\x87\xe8lI\xd8\x85H\xa0\xd8_9\x85\x89\xd6\xf9\x8dQ\xc0\x06\xa9=\x19lK*\xa8\xb8\x0e\xdb\xa1\x88\x97\x04+\x0cn\x8cw\'\x8fLO\rB\x0f\xb6\x15B\xf8\xd9F\x91\x0c\xc8\xe5\xb3lm\x80T&lt;#\x18\xa3\xeb\x97!iI\r\xce\x19\xba\x02~\x1c\x9e\xd2\xaaI\xaa\xa5\x8b!R\xba\xa9\xc9P\xf0\xdc\xc9/\xd8\x81iI\xb9t?y\x7f\x02\xb3\xa7U\xce2#\xf9\x92{_E\xea\xd0\xe04\x85\x1f\xe8\x1b\xc2\x901\xe04\xca+|d\xd4\x8e\xe1\xcf\xc0\x04\xcf\xd4d\x80\xcb\xf4mT\xba3.\xb2n\x7f\xc7\xdc\x89\xda~\xde8\xbf\xe5\xb2\xa6m`\x02(^\x820\\1\xf1\x1f[\xfe\xa2\xd5\xc7\x81\xc54S\x10\xe4\x0e\x1d7\xdf\xf7\xe9\xe0\x89p\xc2YX\xcc\x1b&lt;\xddw\xac\xcf\x89,&gt;\x89\xa0\xd6g\xd3\\\x9b\xe5dF\x9a_\x95\x03\xd4\xd34\xa4\xac\x99*\xcc\xd89\r\x98\xb4Vi\xb4\xedZ\x1d\x9dHH\x17,w|%mc\xf8_|\xb1\xa3\xd6\x0f\xb9\xb0\x93\xfe\xe5k\x88\xd5\xa4\xb3\x95\x1d\x02\nN\xd1\x9a\xd4\xbb\xf7\xbdb9l\x86\t;\xc1\x1f\x1b\xa5(\x81Ra\x8d\x1b\x1a\xce\x06g\xb8\xfe\x1eH|j\xd9\x07}\x8e\xba\xb5\x89\xf1I\xa6\xa7\x0f\x04\xaaq\x91\x83\xe3-\x832\x89\x10\x7f&amp;\xb91|r\xaa\x17\xc6\xe15\x91\xc3\xf0\xa9\x99\x02+s\xccX\x0c\xe5\xbd*\xbfei2Vu\x8e\xbeC\xe7,\xa46Y\xf0-%\xe2sw^{\x06\xd0\x90B\xa2\xfb%\xa4\x85\xb18\xc4t^\xec:\xfc\xa0\'E\xbc\x17x\xca5\x9a\x10\x9a\xea\xfa\x02\xc3\x05\xf4\xfb\xd6y\x19\xc5&lt;S \nbk\x1c(\xbb\xf4\xd4\x02=\xcb\xca}\xcdC&amp;\x06\xe1\xe3\xb4\xa6\xc1\x9d\xc8\xb0\xa2\x96_\xf9\xab\x1a{BB\x0en\xd1\xde\x9d\x03\x11\x16{\xdft;\xb5\x85C?\xc1jW~\xd7\xd0 \x8f\xf7}U]q\rAZO\x18\x12\x17\xf2er\xd0^$\xe1D\x06\x0f\xa7J\xf3LY\xdf\xf8\xae\xf5\xb2\x93\xa9i?\xac\xfcZ\x8e\xb3\xbf\xf0f\x04\x91\xfdQ\xc4\xcf\x9b\xdc\xa0eSL\'\xf9\x82\xa6D\x9d\x9ep/DH\xa7\xa5\r\xab\xf2_\xa5\xf1\x1d\xc3&lt;z\xbf\'\xeeDR\xe0\xfc~\x97\xed\x8a\xc5\x89\xdd\xe4\xdaZ25\xf2\xdc\nC\x16\x9f:\xab\xee\xb6\xf6\x80^\x90\x9e\xf4\xbb~\xa3x\xd4\x857\xb6\xd5\xf2\x8eL\x9b{\xbd\xec\x7f\xe6\x08\x87\x1c\x88\xa7\x11\x05\xbdlf\x1b\x9a&gt;#\xca\xdaoD\x9e\xb65\x18I\xe2=\xe9\xb0\x0b\xed\x02uaJ\x1d\xb02\xeaP\xfd\xed\xcc\x8aM\xa9\xdc\x89\x1c\xb1\xce\xdd\xb3\xea\x92h7\xb6G}\xbe\xfba\xd7#o\xba\xb9\xd5\xed\xa1c\x14l\x17\xaa\x9al]\x1a\xe3v\x9bz\xcc\xe1H\x97\xbf\xbd\x8b\xa6\\\x8e\x91O\x9b\r;\n\xe4.\x7f\x96\xe3I\x8c\xdcn\xe1S\xac\xf2S\x1bM5\xce\xca\x12\xe6\r\xd3Y\xc6\x99uHl\xf2m\xf4,\xd5\'/\xfbe\x03N\xc066\xc1V\x86\x84B\xd4Kd/U\xe0\xfe&amp;@J\xd5d\xa3\x00\x93\xf2\xc6\xd2\x86\x98 \xd8\xeas%\x91\xd1h\x1dhm\xc8\xcc\xea\xa6\x9e=\xab\x0cu\xcd\xef\xe7A\x05-YZ\xbb%f\x99\xa0c}i\x1fB\x02D\xf4\xee.\xf8\xef\xe2\x84~=\xb60K\x0es\xdf;\x89\xc2\xb0\xf1\x1a\xda|m7\x87\t\xc8P\xb38\xf1\xc2\x9dQq\xbd0\x8ac\xcc%_"\x88\x9f\xf6jG\x92!\x1c\x8bs\xf5\xbd\xacH},\xcc\xcc\x89\x8a\x80\xa2\xce\xa2m\xf5\xe6\xc3\xae\x1a\xc7)S\x93,:J3]\xdbr^\xb4hc\xd2\xbc;\x17G \x83\x8f\x91\xd0D\xaf&gt;\x1as\xc6\xab\xd4\xecu\xa4!\xfe\x94f\x86\xa9(/\xf5\x80\xec\x94ht\xb0\xb6$CU7o\xba\xab\x88\x00`\x1d\x12\xb6 \t\x9br^\xf3\xbf\xe3GZ\x03\xe6\xf5\xeb\x97\x14\xd3\x03/\xef=\x16"n\x9c\x0c.\xeaP\xd94J\xe9&lt;\x97/nT\xdeD\x95h\xde\x84\x93p\x90&lt;\x02\x8f\x81\xf2\xafkE\xdb\x03\x10\x15\xad\xcd\xd1\xa9I\x15\x85\xcb\x10\x16b\x05\xb6\xe8\x01}\x82(\xf7\xa3\xf1&gt;\xff-\xdd\x1e\x04\xf7\xf0p&gt;\xd1\x8b\xb9\x1b\xae\x1b\xb5M\xc31\xe8\x92W\x8ex\x91\x05K\x94\t`K\x17\xe2\xa8\x19W\x1bE\xed\xa4\xe9_\xf5,5\xfcm\xd7Q\xbe\x08\x82\xa6m\x02\x9e_\xa6\x1c\xb1\x0f%I\xe7\xd6\xbb\x08\xb1\xb6m_\x02\xbaB\x04b \xd9\xc5\xa5\xbc\x16\x04L//An\xd22\xf5R\x9f\xae\xedX\xd3\x0b2\x1e\xcd\x8dw\xf0G7\xcd}\xcb\xdb\xba\xa8gYz\xfe\x8f\x0e\x1eE0\xads\xa9)\x106,vF\x1f\xa7c\xe2\\4/\xea\xe1Z5\'\xfe\xc8\xe5+#\x06\xaeL\x81\x96\xb5}\xc3\xe7\x1a@q\xda\x87\x11.\x97\x0b\xe1\x82W3c2]2\xbf\xe4\xca\x8f\xee]Y\xea\xd0\xfa\xda\xeds\x9e\xcd#2=\xfc\xd4Ec\xef`\x96f#vG\xb5\xe6\x94J\xc7\x08I#`\x90\xe2Z^1\xa5\xb1\xf2&lt;:1v\x86!\x9f[\x8d6\xd8\xf7\x0ft\xf7\xe7\xb7\x06\xcb\x15\x94\xbc\xf6q\xb2\xca\xe0\xb4\xdbcI\x8dWf\\\xb2\xf4\x171/\x19\xae\xf7\x86\x02(\x01#\x05,XL\xf9A\x82\xfa\xdf%\xd4\xa0m(F\xf4\\\x7fmx\xa6\x04\xf5\xb6\'\xed&amp;k%J\xfb\x10\xcb\x94\xa3YRg\xe9\xb7\xbcc\xc8?\xe6\x975\xa2\xcf\x95\xd6\xb6\xbe\xdd&lt;+(\xdb\xf0\xb5Mr\x1a\xaf\x95\xda\xacE\xdf\xf4r@\x8dn\x8e\xadO_\x91\xd8\xb88\xd6\xf3d.\x18\x1bA\xcf\x18u\xe1.\x1b\xfd\xc2z7a\x96i(&gt;\xe0\xf8/\xa1g\xb2x\xf8niPB \x01\t\xde(@\'\x18\xec\x9bx!|u\xdb[\x84\x93\xfc\xed\xd9e&amp;\xe1s\xe9\xe1\x99Q\xe8\x83\xec\x96\x05B\x99$\xd2\xd9\x908\xce \xdf\x99\xfa\x9a\xc1\x7fS\xda\xe6\x02l\x9bl\xe2\xb9\xbd\x8b\xbc\xe0-\xca\x05\x9bs\x84\xb1\x8aET\x9e\xb8\xeb\xc2$\x90\x19\xa9\x04\xc6\x9d]\xe3\xe3\xb1a\x08q\xc785\xa7\x1e\x830\xa9\xcb\xd3\xb2\x07l\x0f\xae\xc8\xe0ot\xc3\xee\x05\x05M\xe8X\xd9\x19\xdc\xf9g\x14\x010\xce\x96\x94\xc8\xdf\xa2E\xc4\xefJ\x92/\xdc\xbfS\xc4\x1f\x96\x8a\xb6H+Wd\xf26\xdc\x81\xc4M\xd2P\xb5\xf1\x81=\xe5\xdc\x0f\xea\xdb\xa9wsW\x843\x18D\xdfaH\xd9\x96\xe1y\xa5\x92\x909\xdf\xccc\x87\xc5`\x10$\xf4\xce\x914\x931_\xde,6]W\x07\xb5-\xbat\x87r|n5\xac\x9bVM\xaf\xf2\x87fUC\x07\x02z9a\xa7\xd1\x9f\xd8\xfc\xde\xa3U\xcb\n\xb6^BbG\xca\x02y\xeb/\xb2\xa4\x9d\x97\xf4z\xb0\x0c\xb0o\xeb\xc1\xb3\xff\xf13Al\xc8&amp;kOPX\xe7\xf5\x1a\xcd\xe8\xb1\x0bskL\x81-\xe5\xfa\x17q.\xbd5\xe81\xfb.?E\x17EJ\x18\xcb\x1eH\x1be\x97~c\xefgQ\xc4\t0\x85\xe9\xe5\xa2\xcbB\x89Q2\xb8\xf05\xbe\xbf\x19[\xe7\xb4]\x1b\'#\x1fh\xee\xddoTdF-\x12\xe4\xdf|\x96\x97S\xbdB\x7f{\xaf#\x8f\x1a_\xc2u\x99\xf7\x910\xfd\x91\x89}\xb9\xc1\x04\xc9\x85\xe4\xd7\x96\xd9&amp;\xfb_\r\x94\x05\xf6V#\x11?5QA\x8f\xcbw!p\x80\x81|\xd4\xee\xe6\xd0\xfc\x178\x9dt\xb4w\xb9\xe9~\xbc\x82\x93:\xa6]\x9f\x1f\x04z\xb2\xe4\xa6\xdeq\x94h&gt;U\xa2\x84;\x85\x95\xc4)\xf8\xe9x\x93i\xc4\x81\xa8\x8b\xab\xdf^(\xb8Nu&amp;\x15Z\xb2;\xd3\xa0\xc4\x1a\xb6`\xa4\x0bx\xb7\xaa\x0eY\xeb*\xf26\xc4I\xb9h;\x1ep\xc25\xcdL[\x9d\x0e\x11r\xd1\xce\xd0\xa5\xbb\x9b\x8e\xfb\x856\x1a2\r#\xf0\xd2\xf9\x1bEX\x92\x84\xec\xf0\xb9[\x90\xf3H\x87v\xef\xa4\x1a^:\x01\x8fW\xeb\xb4\xc24H\xff\xa5\xe1\xe9\xc9T\x96\x88C\x87C\x86\x99\x87^\x8e\xd1\xfc\x14\xe7\x90\\\xef\xc0\xad\x15\x90\xb1\x16\xf7x\xbf\xe5\xc6y\\\x04T\xe3\xd2ubH\xe8\xd1\xfa\xee\x07kO\x934~\xeevja\x8fk\xfb\x0c\xd1-\xb5)\xb2]i\x97q\xe4\xef=\x7f\x1df8-o^c\x99\xb4r[\xda\xe7O\xb9MtX\x1d\x06\xaa\xa3i\x87\x8ds%\xad\xef\x95~+\xb2#7Td5\xa5\x93\x90\xcd\x19\xff\x89\x0c~\xde&lt;\xabR\x96|*\x17\xa3\'*C\xb9u\x91\xf2\xfc\xca`\xb6\x91\x95\xdaR\xdan\xb7.\xf5\xb58\xae\x9d\x8e\x87\xaf\xbf\xb6\xd5\xf5\xe9\x0f\x11\x17x\xf3O\xeb\x82\x11l\xc0\xc0\x9a\xf9\x96\xc1\xd8\x05\xd8\xbd\x91@\x8f\xb6\x17\xcd\x8c\x1a\x98\xd4J\x08\x17\x81\xc1wsp\xa3Z\x9b\x1d\x90|\x8d\x19\xc2%\x03\x1b\xd8=7\x885&amp;\xc7j_xQ\xa7\xf0\xc3\x93\x80E0\xd7H\x95\xbb\xb3Q\xf8\x0e\x90\x08S+\x16\xc2\xf0\xac\xf6(?\xfa\xe8\x88ki\'&gt;\xa3\xcc\xb6\xa5\xc1\xc0DP\xc0Z\xc4\xd5^\t\x97\x02\xe99q\xa8\x83B\xa2J\x04ACB=\xd9M9;m\xeb_\xb8\x05\x11\xb7\xe6r\xeb\xe0f\xff\xdf$;5\x1b!\xa7\x02\xa6\x02\xb3C\x8b1\xa6\x0c\x1f\xa4\x81\xc8\xeb\x9d\xa2,\xca"\x12\xb3Tp\xaaP\x01|\xab\xe8\x9dE\x84\x9e\xdd\xbb\xa9h\xf8k)cbV\x7fg^X\xb1\x91\xaaJ\xc0A\xcc\xacFI\x84OKd\x1a\x10?@\r[\x8b*\xfd\xe06\x91nW;t\x88T\xe1\x81\xea\xe8\xcf\xc9\xef\\\xe8\xe6\xc5|[^\xe9/\xd3\xbb\xf5\x12=_D\xd8\'@\x06\xfa\xeeW\xd0\x0f.\xae\xf2\xca!\xe3\x8e\x07\xb9B\x13\xe1M\xb0:\xb0\x87\x8b3\x98X\xea\x13\x9f3\xed\xbf\r\xd34\xfa\xc1\xb7\xee.\xb6\x7fuL\xc6\xcd\xe1\x05\xde\xe4y\xa1\xa9\xac\xc7\x0c\xf6\xa5\xd3\xa3\xd1\xeb\x01\xac\xc2\x94\xdb:\xd1\xd9\x07l\xfcwP\x1c8\t\xf6$\x88\xee\xdf\x87\x07$\xf1G\x12\x10\xc2{\xae\x1e\xb9)x\x8c\xefo\xcb\x8b\xd2s\xdeo\x1d\xe5P&amp;\xaf\xf8\xd6%\xcbxY`;\xe0\xb3\xcc\xf4\xeaL\x8b\x0e%\x87\xa2\xcb$\xdf\xd5\xf9\xec\x00\xf8\x1b\xe2\x9a\x87\x88)\xa1h\xab\xec\xcd\x97:\xe9ok\xb5K[8\tK\x12\xca4@?\x1b\x99\x9f,;\xf3I\xbc\xc1z\xa1$\xdc\xac\xf3\xa3\xeb\x8b`\x84\xe6\xf3\x8dQ.\xa1]\xb5\xe0}\x86M\xd8M\xdbE\xc6\xf9\xef\x18J\xa5_j#\xf7\xf2D$\x08^SG\x83\xf8\xbe\x94\x06\xf8\xe28\\\x10\xcd-v7\xf0\x08\x13\x17g\xdb\x03e8\xb3\xfe#\x93\x8d\x7fK\xed\xd1(\x15\xed,\x83\xcc\x16\x0b\xa1\xff\xb6z\xba\t\xd3\xe3#O\x00"5\x15\x81\x122\x12sgJ\xdd\xcb\x9fnX\x8b\xa4\xd9\n]]a\x04\xf0\xf1\xc1mB!#6\xe7\xacl`t\xd3\xb7V\'\xaeX\xf2r\xf6\xa0V\x02e\xff%\'Mv\x91k\xa1\xf5.\xf1m\xfd\x84\x13@\xda\x87*\x0f\xa8\x12)\\S\xd9C\xf3\xa1\xac\x00a\xd7N\xfa\x85\x8d\xef5t\x9f\xac%\xaa\x8e\x9e\xf5\xaf\x8a\xf6\x8d\xf8\xe8\xea\x9c,j\x1b+6D#\x95v\xf7Q$r\x9c~\x87g\x08\xa9\xde\xf4\x9d&gt;\xaa\xf1\xad\x87\xae\xb2D\x10J\x0cX\xc5\x10K\xf3\xca\xb7\x85\x9b1\x83XS\xcd\x81H\x9f\x95:h\xa0\t1\x88@\xcf\x92?E\x9f\xb2H\x07c\xe8}D\xcf~\xf4b;\xa6\\\x04\xde\x91R\xb6\xe9M\xd4\xea\xb7Q\xa8\xd6\xc9\x83w/&lt;T7\xebF\x9b\xe0\xcc\xdc\x0e-%\xfe\x9e\x10\xda=HD\xdc\x9e@\x9a(I\x9c\x0c\x11F\xcdX\xaa\xf3\x02%\xe4\xc2\xc4\xb6\xee\xf6\xe3\x87\xcc\xdf-LO\xdf\xbd\xff\x1bh\x99\xc2s\xda2h;\x8cQ \x97Kv\xdcX@\xca\xf8.\n`Dq\xe8\xd17M\xde\xcf(H\xc1\x1b\xbf\xc8\xaf\xb4 aTE\xa1\x0b\xef\x8b~\xe6\xa1\xa1\xcd\x9d\xba:\x14\x96\xd2c\x7f~\xc1\xda\xb0\xb1L\x11{\x8e\xa8hJ\xe8@!\tp\xfa\xf0F\x1b\xa8t\x1aO\xb7hhh\x0f7\xeb\x9e\xc1\x17\x0e\xdf\x18\n\x06\x9b\xe4\x83\xce-\xa5\'x%R\xc0S\xad\xb4`\xdc\xc0\x04`\x15\xec,\xcc\x9f\xcc\xdc\xac\x08\x83\x06~\x93h\t\x88=\xf9DdP~r)\xe6\xabUK\xb2w'</t>
  </si>
  <si>
    <t>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</t>
  </si>
  <si>
    <t>b'Y]7\x9ec\xae\xcb\x91\xeb\x81\xd6\xcc5\xb0\xa7A'</t>
  </si>
  <si>
    <t>ilently as sand into which a
 mole has dived. Not a sound is to be heard, save when they give vent to a
 wonderful imitation of the lonely call of the coyote. The cry is answered by
 other braves; and some of them do it even better than the coyotes, who are not
 very good at it. So the chill hours wear on, and the long suspense is horribly
 trying to the paleface who has to live through it for the first time; but to the
 trained hand those ghastly calls and still ghastlier silences are but an
 intimation of how the night is marching.
 That this was the usual procedure was so well known to Hook that in
 disregarding it he cannot be excused on the plea of ignorance.
 The Piccaninnies, on their part, trusted implicitly to his honour, and their
 whole action of the night stands out in marked contrast to his. They left
 nothing undone that was consistent with the reputation of their tribe. With that
 alertness of the senses which is at once themarvel and despair of civilised
 peoples, they knew that the pirates were on the island from the moment one of
 them trod on a dry stick; and in an incredibly short space of time the coyote
 cries began. Every foot of ground between the spot where Hook had landed his
 forces and the home under the trees was stealthily examined by braves
 wearing their mocassins with the heels in front. They found only one hillock
 with a stream at its base, so that Hook had no choice; here he must establish
 himself and wait for just before the dawn. Everything being thus mapped out
 with almost diabolical cunning, the main body of the redskins folded their
 blankets aroun</t>
  </si>
  <si>
    <t>b'\x9cL|\x89\xf1\xffI\xc4'</t>
  </si>
  <si>
    <t>9c4c7c89f1ff49c4</t>
  </si>
  <si>
    <t>urse everything you see looks green to you. The
Emerald City was built a great many years ago, for I was a young man
when the balloon brought me here, and I am a very old man now. But my
people have worn green glasses on their eyes so long that most of them
think it really is an Emerald City, and it certainly is a beautiful place,
abounding in jewels and precious metals, and every good thing that is
needed to make one happy. I have been good to the people, and they like
me; but ever since this Palace was built I have shut myself up and would
not see any of them.
88
"One of my greatest fears was the Witches, for while I had no magical
powers at all I soon found out that the Witches were really able to do
wonderful things. There were four of them in this country, and they
ruled the people who live in the North and South and East and West.
Fortunately, the Witches of the North and South were good, and I knew
they would do me no harm; but the Witches of the East and West were
terribly wicked, and had they not thought I was more powerful than they
themselves, they would surely have destroyed me. As it was, I lived in
deadly fear of them for many years; so you can imagine how pleased I
was when I heard your house had fallen on the Wicked Witch of the East.
When you came to me I was willing to promise anything if you would
only do away with the other Witch; but, now that you have melted her, I
am ashamed to say that I cannot keep my promises."
"I think you are a very bad man," said Dorothy.
"Oh, no, my dear; I'm really a very good man; but I'm a very bad Wizard,
I must admit."
"Can't you give me brains?" asked the Scarecrow.
"You don't need them. You are learning something every day. A baby has
brains, but it doesn't know much. Experience is the only thing that
brings knowledge, and the longer you are on earth the more experience
you are sure to get."
"That may all be true," said the Scarecrow, "but I shall be very unhappy
unless you give me brains."
The false wizard looked at him carefully.
"Well," he said, with a sigh, "I'm not much of a magician, as I said; but if
you will come to me toâ€“morrow morning, I will stuff your head with
brains. I cannot tell you how to use them, however; you must find that
out for yourself."
"Oh, thank youâ€”thank you!" cried the Scarecrow. "I'll find a way to use
them, never fear!"
"But how about my courage?" asked the Lion, anxiously.
89
"You have plenty of courage, I am sure," answered Oz. "All you need is
confidence in yourself. There is no living thing that is not afraid when it
faces danger. True courage is in facing danger when you are afraid, and
that kind of courage you have in plenty."
"Perhaps I have, but I'm scared just the same," said the Lion. "I shall
really be very unhappy unless you give me the sort of courage that makes
one forget he is afraid."
"Very well; I will give you that sort of courage toâ€“morrow," replied Oz.
"How about my heart?" asked the Tin Woodman.
"Why, as for that," answered Oz, "I think you are wrong to want a heart.
It makes most people unhappy. If you only knew it, you are in luck not to
have a heart."
"That must be a matter of opinion," said the Tin Woodman. "For my
part, I</t>
  </si>
  <si>
    <t>b'\xfa\xf9\xcag2\x08\xe0\x17\x88\xb7\xcc\xfe\xecE\xc0\xdd\x1c\x18\xcc\x1d\x97\xc1\xf47\x9cD\nI\xd0\xf9D\x99r\x86\x8a\xbe\x8c\x1b\x8fs\x90\x1b\xec\xec9G\x1a\xff\xcf\nD\xc7\x97BH\xeaK\xb4\xf1\x82&amp;\xb2\x0fU\x0c\xac\xc4\x00\xf0\xdb\xf2\x80E\xab\t\xaa\x84)Cr\x06-\x05-tLRQ\xc6\x14\xc2\xecau\xa5C9\xc7\xb7\x84#\xca\xa8\xde\xe6\x95\xe6\x9f\x0c\x9e\x01\xcc\x80\x1e\x1c\x1e&gt;\xe9-\xa1\xb8j\x9b\x1b%\xe9`\xe0\xec\xf8g\xed9\xb2\x81\xd8\xd56f6\x96\xfd\xcc\x8bkiJ\x14\xe0\xa0\xc8~\xe2O\x91\xd6\xd0\xbd\x8cq\xe4\xc7\xf82\x176\xfe\x7f\xa5\xbfiDO\n6\xccU\xee\xae[ _\x9b\xc1\x08\x0f\xa7\xbb\x98\x13smyD\xd0\x1c6@\xff\xfe?d\r\xc7\xb1\xcd\xab\x19\xc9\x00\xf5ox\\t\xf4\x1b\xca\xe8\xe9\x13\x83"R\xfbm0\xa5\xa4\x9a+\xa0\x9d\x85\xf8_\xd5\xc5V:\xb3\x8d\x13\t\xedJ\x8e0\x18@TL\x05}\x95soS$\x1eq\x97\x9cs\xcc\x83&lt;\x9f\x14\xe4\x8ejH&lt;vH.\xc9\xeb\x07\xda\xa5\xadh\xbf|g\xcd~\x8b\x82\xcd(\xfd\xc9"\x91L\xb7\x944\xb5x6I\xc8\'\xc0\xb5\x18XWFI\xa1,\x91bPA\x95\xab\xc7\xb9\xc9(\xfdB\xae}&lt;&gt;\xefY\xeb\xde\xb2\xe9XP\xe9\xd0^x\xba \x16\x1f{\x13\x88\x93*!\xfb\x05%\xcb\xbbR\xa9\xe0h3}.\x13\x8b\x88\x85o\x84\xf3Vp\xbb\x12\xc3\x195\xe2\xf0I\xbdPT\x95!i\xcd\xe94\xd3\x98\x07\xf8\xa4\xf4,\xa7\x1a\\\xfcu\nR\xc7\xd72`\x11\x86f\x13V\x9d!~q\x8f\xa6\xe5\x81\xac\xc2\'aN\r\'\xbc\x0e\xfd\x8d_\x18d\xc5Z\xef\xdc\xd9\xf6\x81\xb0\xdb(\x9a69~\xad\x08r\xea5\xbb\x03\xff\xb8]G\x08LPe\x0b\x9b\xc5$\x97\xe0\xc0\x07^\xcb\x86\xe3\xca\x04&lt;J_\xd1\xc0y%\xc7k\x82\x9b\xf0I\xeaw:\xab\xc9\xb2\x05!\\\x15Q\xe5\xd1\x1b\xc9\xd2\xecm_\x15""\x86\x89\x85\xe0\x94\xa7\xbe\xcb\xceG\x12U\xb2\'\xa9dE\xa0`\xf4U,\xbb:\x16\xd1A\x0bK\xd3\x0cp\xfc\x1d\xc9\x01\x84\xb4a\xd9\xd2\x91\xdbK\xba\xf5\r\xec3\xd0\xc3\x17\xa6V&amp;\xfd\xcc\xff\x0c\x7f\xc1\x94C\xedX\x8f#i#\xd1\xa1\xd2\xab\x8f\xa2\xfe %\xf9a\x18%\x13\xfe\x90i\x16\xb2\x87\x8e.]\x8a\x05\x03\xa8k\x06p\xf7X:\x9b\xbdSZ\xd6\x16XD\xf4\x95\x7f\xd8\xfbo@@6\x17\xa3\xdc#)\xde!\x82g\x97\x0e\xd6\xd6/|X\xf86\x80\xcak\xe5d\x07^\xc8\x04o5\xdb\x05\xc4_\x95\xee\xe6\x1cBU\xd6\xc9\x8d+-\xbeJ\xb3&amp;\xe8\x1dj\xf4\x1a\x7f\xa6\xc3\xd8p.\xd6C\xf8C\xf0\x96]\xd0\x8d\t\xeb\x1d0\xbd\xda\x85\xb3\xd4\xbc\x80\x13\xde\x0f\x8d\x18\xe6\x16l/\xe3\x11\xe9^5\xcd\xad\xe1\xbc3&amp;\xb7]r\xebKy9\t\x8c\xc8\xcb\xaf\xe1DtP\x94\x7f\xb9\xbd\xa07\xb9O\x19\x02\xcfU\x02&amp;4u\xf4D\xaaTS\xf2t\xa3w\xb5\xc7\xa1\x8b\xa9v-\x8a\x93\x87\xaa\x8e2\x8bd!\x07*\xa9\x14\xcbN\xf2\xd4e\x98(\xb5=F\xda\\\x7f$\xbd\xfa\x97\x8a\xb5NDM\xe7_a\xf0\xc8\xa8\x93\xbb\xaf\x0e\xb7t\x1c\xc80\xd1\xe86\xe4\xfcSp[u\x0bB\xea\x8f\x15\xfc0z\xb20T\x1f\\|\x9f\xd0\xe9\xd5T\xea\xbd\x99\x94\x83\xce5\x7fb\xe2\xf6v\t,\x16\xc3q\xa4\xb3\xb6\x0eoW\xd4\xa9\x8b\xf8\xe2\xf0\xe3-\xaf\xebL\x03WIT"\xf1\x94\xd4\xd3cKE\xfd\xa1\x1f\x81\xe4\x0e\xe0\xce\xf4\x9bh\xd3\x17\xd8y\x98\xf2\x8a\x8fVk\r\xc3\xa7I\xdc\xb2\xa4\xef\x9c!&lt;\x18\x08\xebPg\x9cp\xdbI\xf5\xac\x8b\xad\xab)\xb3\xe4PL`A\xb3\xcf}\xfa\xa6&gt;\x13\xdd\xb3\xc3\xe1\xfcg\xd3\xde\xca\xf0t\x94\x7f\x1d\xddD+v\xac\xabF\x9eNF\xd2\xed%\xce\'\x02@\xbe\xfa\x9c\x17\x12\\\x1eZ\xf5\xdbg\xe2\xb9\xf9\x95@Q\x07\xbe\xb0k\xce\xbf\x9c\x81\x0f\x90\xdc\x005\xc8\xce\x80\xb5@\x99-%\xfe\x9b\x1d#\xc0\xf7\x9c\xd7"\xbc!x\xd2q\xc0\xcdsz?\x89\xde\x01\x06\x18"z\xdb\xca\xe3\x15(0\xf1\xa4\xab\xe8\x03\x0f\xa5w\xc5u\xc4bNB\x17\xcbQ\x03\x18\xac\x12\n\x1b\xec\xe57\xf9\xb9o\x07\xd4\xb3&gt;\x16t4\x1eq\xce}\xdch\xb9"\xa1\x80\xa8\xc9?&lt;&amp;\xfa"\xd0\xd7\xc0\xa1s&amp;i\x92\xdc*\xef\x96nF\xb7&lt;\x0c/_y\x8e&gt;\x84\xf9\x04\xd1\xf8C\xd1&gt;\x0e\xfc$4c\xfe\xb3}E\xfb\xb6\xc6\x8f\x82\x0cd\xa5M&gt;z \xcd\xd0b\xdd+H\x02\xe6\x19\xcaH\xe6\x06)\xeb\x82\xeao4\xe7\xbd\xb2\xb0_RCw\xf15\x87\xc3\xad\xa3P/\x8b\xf6L\xa5\xa5\xa3\xa9\xd2\x91w-\xf5f\xdc\xe3^^%\xd67\xa7\xadF3y^\xa1\xf6\x03\xb1\x81\xad\xdb\xc7\x95\xac\xb2-,\xc4\xdf\xd7\xdb-\xaa\xf4\x8f\xe3\xe9\xe9\xd6\xaa]]w+\xf3\x93\xa7.[-o0]_\xd9H\xa7\x99\x89N\x9d\x1e\x81Dj\x12\xa8\xc0\x19F\xd5\xee\xd8\xd8U\x9c\x16\xe5l\xce\xf1\xd3\xf1\xf2p\xdd\xef\x85\xdd\xd7AF\\\xdeI\xeb\xe9\x17N1_\x05\xa9\x150\xbb~l\xe5\xb5\xf5\x08E\x90Y\xcaef\xaan\xcfh\x89\xa4\xc9\xb3\xae]\x07\x86S\xc3\xd1/8\xf3\xab\xd1\xf8\xa0P\xf28\xb8\xe2yPJp#\x9dO\xfb\x8b\xdc8\xa3f\xbb\xfer6\xc9\x1a1\xb5\x7f\x8f\x0e\xd7dh\xd1BD\x8a\x06\xee\x1e\x10\x01K \xcc0n\xbf\xe0\xe0\xf8=N7\xed"64\x13\xa4\xe0{#\x04\xd7\xde\xb7Y\xc6\xdbOM]\x93J\xcb\xdd\xfb\x0e\xf5\xa6N\x9a\xd1\xd1\xa7\xfc\x86b\x91\xbe&amp;\x8bSA\xb9\x88T`EJ~\x1bC\x19\xc9\xde\xfd\x12\xbc4\x8e\xdf\xa1%)\xc1$,\x18\xb1\xd7\x9cf\xbb\xf7N/"\xa6\xcf\x88\x16Y\xbc\xca\x0e\xb7`\x06/\xce\x06\xb8\xd8\xa7h\xa8\xcf\x7f{&gt;u\x85TLR\xa1\xf2\xc4\xc9\x83\x1c\xf7z\xd2\x91\x1aw?\x17U\xe2\x08a\xa54\x03\x02J\x97\x83?IM\xff0\x1a\xa3^\x8b\xb3.\xb0[\xba\x07\x88\x1fn\x91E\x88\xf6B\xf5\x06\xc4\x11g\xb7*4ji\x03\xc0\x87d\xb6|\x06\xdd\xe6\x84]\x83\xe9x\x08\x91\x06\x9f\xf22\x8c|8\x8d\xe8/\x8b\x8e\xbb\x81\xbe\r\x8e\xcf\xf2\x8a\xf9\xffEB~\x07\xae\xa1\x16\xe2J2\xbd \x1d/\xa8\x07\xb0\xbb\xd47\xdf#L@\xbd\x15\x8c\xca\xeb\x84\xb4\x86/v\x01\x875=\xb5\xdf\xde\x15\r\x11\xddB[\x90\'\x8b\xb7\x01p0\xb7\xea?]2\xf3\xcb\xcft^\x14\xf8\xce~\x17\xd6*\x95ZS9\x12p\xa4\\\xceS\x1b\x97p\xb6\x19\xc58\x99\x02\x10\xe8\xde\xc0\xb7\x17\x0e\xb3\x8b\xa6\t\xab\\x\xf9\\\xd7l\xbfW\xd1N\xe7\xff\xdc\xe5\xf6\x99\x8cF*\x97,s\x81\xf9\xe5\xaf\x934~\x1aD)5MEc\xc3\xb2\xa3\x10\xd8\xb0&gt;#}\xc0\xcc\x0f\x7f\xd9\xf4\xcc\xaalRW\x03\x1b\xf2)&gt;\x11\xd8\xca\xcaA]\xad\xe6n{\x8f\x13y\x91\x13\x03p\xda\xf7\xad\xaf\'O,\xd3\x92\x96\xeed\xc1\xbcT/\xe9\xf4}\xa9\x99!&lt;.\xa1\x9e\xd4/z\x0ej\xb0\xe7vM\xc4\x96.\x95\xed\xff\x95\xe4\xc6\x05\xd4\x17&gt;\x1f\xa1\xdaZ\x8aS(o\x87\x83\xc5\x87\xbf\xd1V\xd5Q\xff{\x07\xb4\xef[\x1bf\x1f-\x13\xcd)\xd0\xd9Q\xb4@3\xe4,q\\\x02\x89\xbe\x19\xac\xddO\xd5k\x97Z\xfas\x14\x19\xbb\x16A\xcc~\xa1\xf4\x8b\xe6\x8cA\xc9\xae\xcd\x9d~\xe4\x81\xfe\xd2pP\xbf\xf0\xd2%\x1ct\'\x17\xe1\x82\x99\xb8!&lt;J(\x81\x04X\'\xc4\xf7\xdbY\xeb\x0e\x08\x19\x88u\x0fb\x00\\\xe6\xc6t\x08\xbf6}\xb2\xeb_hM\xa9\xaa\x0b\x1fU\x93K\xac\xd8\xa6\xd8\xce\x8a\xda?X\x92\xa0\xcf`\xea\x98+\x89\x16\xaeh\x89\xcc kC\xa7\x82f\xf3\xc0\xd7nrg\x8b\x85\xce\t-@RLzy`k\xe9\x98\x9b\xd4\x1e\xc7u/\\K\x9d\xa9\xb2Y$S?\xb4]4=k\x13\xd1\xd0F\x02\xaaa\x12d.\xabM\xa2C&gt;\xd1\xec\xd6\xca\xfd\xc0Y\xf8\xb9\xcd\xf8tD3\xfd\xd1H\xf0\xf4\xbbN\x7f\x19\x98WC\r`JQ\xfa\rv.\xed{\x80U\x13\xd8\x17\xa6/\xc9\x92\xfd\x80\xa0E\x12\x9d\xbb\xb1\xc5\x0f\x8b2\xcc\xe0\xe3#\x93\xd7Ql)\xc2d\xfd\xc3h\xce\x04\xe3_\xe7\xb0\xb8Z\xaa\x15\x16\x83v+\xca\xe0\x8a\'\xb7\x1bq\r\xaa\x04=\t8\x10\xd4\xcc\xa0\x0c^]a\x7f\xccQ\xfebISC\xc0o{\xab\xb4\x81\n\x97\x80\xc4\xa5\n\x1cR\x8a\xda\x03\xc7\xd8\xd03HP\xf7\xc7R_\xc0M\x8b\x83\xc4\x08.\xba\xde\x02bZ]\xf8D\x08\xaf\xcc\xf8l\xec\xfd\xff\xe1S\xb1\xf0\x94?\xbcN\xd0X?\x1dr\x90\xea\xc5w&amp;\xfb%p\xbf\x13\xf4\x1aF\x1fb\xa1\x82k\xe2\x17\x020\xbb\xd8.^S0\x0bH\xda17\n\xd7\xde:\xa3\x14d\xf013\xb4\x8ce\xf3\xb4\xa7\x1d\x98\xe3\xcd\xfc\x8a_mv\x08\xb9\x9c\x1c\xa0\xca\xbf\x9d\xf4\xb1N\xff\x90\x9e\x91\x15\xc9\xed\x19\xe4\x0cgK\x8b\xfd\xe4\xa3\x9a\xe2X|\xf6\xbf\xee\xb0G\xb6\xbe\xa7\x88\xf2\x12j\xb06_\xdd\xbbQ\xeaE8\xef6\xfb0\xe1\xe0\x96x\x18\xa1\x8ao\xf8\x00eh\x8b/\xa0\xd3\x86[\xa6\xcf\xcc\x0e\x93\xd5\xb3\xb9\xa1\x85{\xfc\xa1!\xc9\xd4\'qD\xfb~\x83\x01B\xb6\x1c\xf2\xe3\xc7o\xcc\x8c~\r\x99]/\x06\x05\xb5\xa3\xea\x85\xf8\x19\x17\xd3\xd3\x80"\xf1\xa1\x15J\x8c\x81\xe6F\x9em\x1b\xa6"MW"\x87\xe7\xe6\xc1&amp;v\xd7\xacY\xecqU\xa1\xb7\x80\x1f\xf3G\xb1\xc1\xc5{\x8e_\x87\xf2\xd4r\x94;\x14\x17\xbd%\xa6\'/\x10@\x01\x00)\xcf\xfc+\xeb\x05\xee\xc1t\x0cm/\xa1\ta\n\x0cm\x84!\x05Y\x8d\xed\xe1\x8b\x84\xa3\xc7++\xffP\xd1\xd7\xef\xa3\xf7\xfd6g\xbb\x9f\xd8\xc4\xfa*.\xff\x80\x9f\x85\x1b{\x8f\xba[\xe8K\xb6\x11\x94M\xfbH\x8eR\x8f \xd8\xfa\xa1Y1\x91\xccP\xcaD\x0c{\xc2\xc6\xc2\xdc=\xcd\xdcB\xd7\xe6\xae\xa7\xd1\xa9\xf8Jg\x01eo\x13/\xce\x9d\x80\xba\xc9\xbb\x18\xbf\xa1!\x81\xd5\xeb\xc4\x15\x94\x13~\xf7%\xbcbZ\x0c\xc9_tu8\x11j\xd0}g\xf6\xe5\xb6h\x83W\xc2SR6\x1e\xe69c\xa6\xb9\xc6s\xee\xdc\x0b\n\x10\xa2\xce\xef\xa8}P&lt;G\xa1_Q\x87\xc7\xbeM\xdf\x82\x10\x04\xdb\x17\xee\xf1L\x8f\xeb\x86\xc3\xfb\xfdPL\x84\xfe\x0c )\xf2^\xbbvo:l\x87\xc1)#\x9e\xae\xd0F\xcfa\x03\xad\x82\x1c\xf0\xe4\xb2\xbfc\xc2\xa3q\xb3/&lt;M5\xc2P\xbf\\N\x9e\xd8\xb7bf\xbf};\x1f\x0f_4z\xee\xf8]\xdc\xe4\xabe\xc1\xf6\xdf\x95\xab\x1f\x00\xad\xf7\x85\x93y\xae"\x9f}\xdb\t\x90\xdb\xea\x8b\xab\\5\xed\xd3\xa5X\x06\rz\xdb/\xc5K\x9e\xe2^\xe6O~\x99\xde\xa26\ng\xaaQ{$\xe5b\xd6\xfd=\x12x\xdd\x81\xfa\xa8l\xd2\x15\x1b\x0bi{\xdd=\xb8\x89\x12\x9d\x04\xeas{\x1a\x9f\xb5\xcfC7\x88\xa8V\xde\xe7\x90\xd5\x88\x80\x14~\x92\x88\x9e\xd2\x12U\xb9\xd8)4\xe1\x9d\xe3e&lt;\xec\x1c\xceS\x0f\xd0k\x1c\x14O\xc7\x07\x93\x05\xcc\x94\xda-\xfd\xf8E\'"\xbc\\\xf5\xcc*\xfe)hK\xf5\xc5\x81\x8a\x91\xe5\xe8\x95\xa0\xbe\xfb\xdb\x9b\xe1\x98\x8a\x81\xc6&gt;\x19\xbb\xab\xf9_\x9d{\xce\xb5O\xd4\x8fI=\xc0\xdd!\x03\x96\xff\xac\xd4U\x8c+\x9f\xa2\x89(\x82\xef\x93\xa3ey\xb1\xa3\xe8,\xd2U\x81b\xff\xdd&amp;\xffn\xb1\xd8\x1a\xad\xc7\xa5\xe5\x86\xc3\xcc+S\xa4\xd8R~d\x91\xd1\xdd\xf7\x1dA/^H\xc7_\x12be&gt;\xa0\xdc\x90\x8d\xf0\x9c\xf0qi\xbb\xfd\xc2*eE\x19\t\x96|\x01;U`\xb5Es\xca\n\xd6\xafQ\x06\xb5\t\x1a\xb7\xe0\xf9\xaf\xf5zzW\xee\x94"\x08\x14\xbe\xa8lx\xd7\x85`6\x9a\x00U\x9b\xe5c[NaC\xce\xb4\xaf#\x05 \xf4\xa3\x15\\*\x8bx\xad\xe2\xaej{\x12\xa3\x9e\xd5\xd5\xb5\xc9M\x1cp\\\x0e\xd2\xf2\xfd~!*\x84\xf1\xc3\xfc\x02&lt;b\xc2\x1c,\xeb\x14B\x16{.\x02HV\xfd\x8a\xc2\xad:D\xb9\x91\t\x87\xc9"&amp;H\xbcM\x1b\x1bB$\xda\xaf\xac0M63\x97t\xc0\x17\xeb;Zu5\x83\xbd\x85|/J\xe6\n\x03\x94\xf1\x9dG\xbd\xce};\xa4\x04h\x12E\xe1p\x94\x0e\xd3\xd9y\xbeu\'\xc0W\x04p\xc2\xb9\x02D\xb7*\x03\xa1\xe2\x9a\xcd=\xf8\x1dTG\xb7Mi\x1e\x1f\xd0^jg\xb7\xe1\x02BQZ\xfaS\x86\xed\xd2\xe3\x1b\xde\xa4\xb9\xab'</t>
  </si>
  <si>
    <t>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</t>
  </si>
  <si>
    <t>b'\xfa\xf9\xcag2\x08\xe0\x17\x88\xb7\xcc\xfe\xecE\xc0\xdd'</t>
  </si>
  <si>
    <t>tome 222, Zosimus 4
Philip the Arab (244â€“9): Victor 222, Eutropius 50, Festus 9, Epitome 72, Zosimus
477 Diocletian (284â€“305): Victor 1058, Eutropius 775, Festus 126, Epitome 176,
Zosimus 0 (lost)
Some patterns emerge (e.g. Festus is always briefer than Eutropius, Zosimusâ€™ detail
increases as time goes on; his narrative on Diocletian is a particularly unfortunate
loss), but variation is also evident, as in Victorâ€™s surprisingly voluminous (relatively
speaking) narrative on Philip the Arab and the Epitomeâ€™s surprisingly brief section on
Diocletian. All of these accounts are interrelated by derivation from common sources,
but each contributes unique information â€“ sometimes erroneous or fictitious, but
more often useful â€“ to our understanding of the imperial period.
Even briefer than the summary history is the â€˜â€˜chronicleâ€™â€™ genre, the most influential representative of which for our period is Jeromeâ€™s Latin translation of (and
supplement to) Eusebiusâ€™ (lost) Greek Chronological Canons with an Epitome of
Universal History, both Greek and Barbarian. For a period running from the birth
of Abraham (2016 BCE) to 378 CE Jerome gives synchronized timelines (e.g., for the
imperial period, Olympiads, an emperorâ€™s regnal year, years from the birth of Abraham) accompanied by brief notes on political and cultural history. His criteria for
selection are somewhat broader than those of the summary historians â€“ the emperors
yield a little historiographical territory here â€“ but his reports are generally very brief.
Under Tiberiusâ€™ reign, for example, consecutive entries include: a fire in the Theater
of Pompey at Rome, the political advancement of Tiberiusâ€™ son Drusus, Drususâ€™
death by poison, the death of a noted orator at the age of 90, the suicide of
someone on trial, city foundations by a client king in the Near East, and the
appointment of Pontius Pilate as governor of Judaea. Jeromeâ€™s report is complete
in 57 words, exactly as many as I have used here. Eusebiusâ€™ chronicle ended at 326; in
about 380 Jerome supplemented the historical portion of the work and added the
years 327â€“78.
Somewhat different in nature from both summary history and chronicle is the
epitome, an abbreviated version of (generally) a single source. An early example is
the book-by-book epitome of Livy known as the Periochae (Summaries). Livyâ€™s books
on the triumviral and early Augustan periods are lost, but the Periochae give us a
glimpse of them â€“ only the merest glimpse, however, since a whole book of Livy is
sometimes summarized in as little as a sentence or two. From book 138, for instance,
all that remains is â€˜â€˜The Raeti were defeated by Tiberius Nero and Drusus, Augustusâ€™
stepsons. Agrippa, Augustusâ€™ son-in-law, died. A census was conducted by Drusus.â€™â€™
Another epitome source for the triumviral period is Florusâ€™ Epitome of Seven Hundred
Yearsâ€™ Worth of Wars, which begins with Romulus and ends in the reign of Augustus
(2.13â€“34 is the portion relevant to this book). Florus, who wrote in the second
century, focuses on Romeâ€™s wars and applauds their renewal under Trajan after a toolong period of peace (pr. 8). Where possible he arranges his material by the theater of
war: under Augustus, for example, he has separate sections on wars in Noricum,
30 Cynthia Damon
Illyricum, Pannonia, Dalmatia, Dacia, Sarmatia, Germany, Spain (two sections), and
Armenia. On the Alpine campaign mentioned in the epitome of Livy 138 he reports,
â€˜â€˜Augustus pacified all the peoples in that part of the world â€“ the Breuni, Ucenni, and
Vindelici â€“ through the</t>
  </si>
  <si>
    <t>b'\x0e\x16\x9b\xb3x\xd9\xa1\xa4\xf8\x89\x16\xca\xb7 \xd9\x1fe\xff\x90\xf2\xf7\rz\xcd\xc1\x03\xad\xc3\xad\xdaZ\x06Y\x88\x99\xb8\x9b}E\x80\x14\x18\xebG\xadp0Y\xc8c8\xb4\x1dt!x\xf7SR\xa6\xb9&amp;\\\xbebM\xb2\x9e\xc8\xe7\t\x1a\xb5H\xccaOFI\xec\xc1F&lt;\xdcz\xa6\x1f\x91\x83\xa8\x9f\xb4\x98\xb8Au^\x88B\x02\xa4\xd1\xc5Yf\x97\x17\xf0\x9c:\xd3\xc2\x87\x0e\xb3\x91\t\xb34\xa9\xa9\x9fS5\xf1s$"\xcf9\xd4\xba\x9c\xb2\x95\xdf\xa3\xf0\x97\n\x00\x94\xb81\xdd\x96\xa4n\x89\x02&amp;\xb4c\xacM\x8fF\xbc\xffwDh\xe3\xea\x030sU\xcd\x18\x97:R\xc28\xbc\xe2\xa7\xads\x83w&amp;F\x94\xcfN\xddpz\x0fc\xc0\xfc\xf3\xa3\xd1s\r6\xfez\xc2h\x85\xf8\r_]\x98\x15\xe1\xc5=\xc6[*\xfci\t0\xf7\xf3q\\%\xf7\xd5\xef2W\x1e\x94Fh\xa9\xe8v\xfc\xdd[P\xd4\x1b\xbe\xda/\xae\x03\x8b\xde\x1b\xad2\x07nyH\x97\xba\xefe\x95\xf6\xfb\x80k\xa2Pa\xf7\x8aU\x998{\xbf\x8c\xe6\x8ao\x93\xb4\xfd\x07\xab\xf3\x93&amp;\xfb\xaa\xdc!\xd01\xa8\x11\xb1\n4S\xdf\xd9\xd4\xbb\n\xa9\xddC\x91L\xed\xb4JY\xcd8~\x01\xcak\xe6\x05\xd5\xf2\x07\x1d\x99\x99\xd7:,\xa6\xa5\x0b_\x0e\xbc-\x15\xf3F\xbd\'\xef\x8ec\x13\xc4\x83[\x9acC\xc9 \xfe\xcd`\x03QK\xe4\x9e\x8cg\xcb\xf49\x04\xbbfz\x11[\xda4mvc\x8f\xc1\xdc\xfb\xda`\xbe\xf3Z\xed0\x03\x86UX-\'p\xd3\xdf\x15\xd4\xb427\xd4\xd6\x9eU\xc3\x9e\xfa\xda\x1e\xddT\xbb\xcd\x9e\x1f\xb9\xd0\x97\x87\x94\n\xfd\x92[A\xf4\xc9\x9d\xe87\xc65\x1a\xcd\xd3\x8e\xfe\xce\x14Q\xd0"\x97E.%O\xa5gw\x1f\xa8\xe0%B\xa5\xcf\xa3B,O\x02\xef\x85\xb0\x93\xee\x91\xc3w\xc6\xb3H\xf5\x08\xac\x9d\x88{;\xe9;XK=\x8b\x1fuJ\xfd\x19\n\xda\\1+\xf5\xf4z:Z\x12~\xde\xa7\xfd\xd5\x1d;\xa7\xbfk\x83&gt;\x9e\xc4G\x98\xd4\x93\xe3\xb6\xb2\\{\x1aS\x85g\xa8\x0c\xd8,\xea\x18w\xd8\r\x84&gt;\xa9\xb4\x9d "-\xc2TD\xa7P\xfc\xc7\x90)\x88\xedD\x0c\xcbM\x03\x1eN\xcf\xa5\xa3I^\x1d\x84\x13\xe2\xd2\x05z\x05n\xbf\x01\xc1\xf08\xba\x11\x18z7F\xfd\x98\x9a0\x18\xa8\x1c\x1a\xfc\xb7\xdf\x99\xe2\\L\xe5\xb7\x9e\x9f\xaa&lt;\x8f{3~H"\xf6O\x9b\xfa\xa9\x94\x86)(\x82\n\xb8\xcf\x97!$?\x88\xf7\xe5H\x00\xe8\x19\xd9\x15\xfeK5\xd9\xfc\x95\xa5\xd5\xce\xbfO\xe9\xdf\x87\x81\xa2[V\xc2\x1f[\xce\xd9\xc5\x92)Ra\xea\xfa\x84j\xb7 \x9e\xff\xfa\xebk7\xb6 \xfa\x03\xdd\xb9\xd0g\xbd\xd0\n\xcb\x9f\x1e\x15\x05q\xd6\xc4\x1e\xb3\xef+\xbaR\x9a\xbdR.\xec\xcfB\xb7\x08OTj\x0c\x1d\x9f\x195\x15\x1c\x08\x1a\xe5\x89\xee\xd5\xa5\xc7\xd7\x07\xd3\xfb\xea\x1c\xb5\x062&lt;\xbd\x95\x11Q\x91\xe2\x84\xec\x98\x83\xa4\x06\x96Uk\xa5aa\x1f\xd4\xd0\xdaW\x07\x9e\x8b\xf5\xca\xbcV\xd4}\xf9h\xa2\xea\x80\xb6\xf1\xd6t|\xe6\xa6\xcd\x98\xb3\x80\x07\x18\xcc\xaci\x14\xc4\xef\xc4W.?v|\x02\x8a\x8b\xf9\xac?\x8eJ\x03\x06\xd1\xad\xec[\xaa\xc2\xbd\x9d\x11\x1b\xe6o\xf3ir\x15\x02o6\xfd\x84\xb8 \xa8\xe0\xfe]\x871"9\x19\xa8\x08\xd1l"\xda7\xc3\xf6\xcb\xe3A\xbd\xe3\xacC\xcf\x92\x98\xbe\xb3\x9f{\xf4\xd1\xc1\xd6?n"Y\x98\xa6\x91t\x12\'\xc3\x90\x1d\xb8\xf7\x87\xf5{\xa9%\xf9\xd6\x8c\xd2\xe5\x056o\x8fg=8\xa8\x83=\xae\x8dM\x05\x8f8Il\xa6ra\xb0\xa1\xc9x2\x86\xc5\xf7`\xd8\xffYIUL^Z&gt;\xc0/\x8a\x94\xfc\x18\x16\x04\xbc\xd2\xceg\x12l\xcb\x8b\x0b\\[\xca\x89\xf0\xaf.\xc8\xe1\x1c\xad\xbd&lt;\xe6\xa0c\xcf:\x1f\xdbWNI\x98!=P\t1ar&gt;\x81[KP\xcaA]n\xe2\xc2\xca\xb8d\x1c\x9a#;|\xb9,\x00u\xc2y\x03\xbb`\x86\xff-\xf4\xf9\x7f:\xde\xeb?|\xd3\xd6\xe8\x9bO\xb2\xdd\xce/X\x1avY\xaeWt.\xa0\x1aR\xe7|\xa8[\t\xc0\xa5g\xc3C|\x9f\xcb\xe6\xc9\xc7),\x99\xef\xad\xa9F&gt;|K\xb0\x90dd\xefC\x84\xe7!Q0\x98\xc8Sl\x1b\xa2\\&lt;\x7f\xe25H\xf9\xf7W\xef\t~+\x009j\x15\x02\xb5\xdc5\xb9\x94\xf8\'\xe9E\x8c\xd5Qr\x98\xf7\x9b"W\xe2z\x83\xae\x81\x9a\x7f\xba\xb9\x90kY\t\x8fw\xc9\\.@\xb8\xe6!\xd8$\xeb\xd2\xf5=f\xee\x9e\xa1\xb1\x85\x943\xd7\x82Q\x9a\x86\x81\xc6Cr\x86\x82/\x06`\xc9-/\xf1[U\x9bk\x7f\x18f\xdf\x88n\xfd\x99\x04.~X[\xabA\xde\xb6\xae\xeb\xfb\x1f4\x8c\xe6\x1f|\x1a\xd2\xacv\xc1\xc8\xba\x1f\xfe\xe7x\xae\xa6\x8d\x03A\xfa7\xc0\xd4rAc\xc7\x0cf\xd4W\x95^\x83\xeb\xef\xad\xb0\x95\x94$\x80\x18\x02\x07\xfbp\xb67\xb5A\x87\x81woy\xc2\xa8`\xd0\xabne^\xa3\x1c1HC$\x93\xe5\x04\xfbJ\x16\x06\x8d\xefD9gi\xcb\xa0\xd5\x95\x9d\xf0\x02XVyS\x92\x90E\xa8\xe6\xf5\x0e&amp;:\xf5[\x8e\xf8\xbd\x98\xcapq#\xa7\xc1\xbe#P\x94F\tG\x0c\xbc\xc7q\x90\xbc\x00\xb0gC\xd0+\xbb\xc1\xd2\xb0\xc0}\x08\xad\x94\xd4\xbd\xe2\xe8\x9c\xb4\x84\xe1\x87\xcb\x0f\x9b\xf6\xadf\xca\x9et~\xf2\x95Yo6U\xc7/l\xa8\x10\xf4I\x14\xeb\xd8e\xebq\x15\xc0\x87|k.t\xfa\r\xa1\xe5F\x90\xf6\xb7\xa8g\xd6\xec\xec\x0cmng\xc2\xe3x\xf1\t\x1a\xc8t\x9b|~\xc6\xef\x7f\xf5v\x84\x8a\xb5#\x95\xa0N\x81\'6\x1f\xf4N\x9a\x0c-\xa4\xa0\x04YR\xf6\xab\xff-ga\n\xdb\xbe\xd7\xd0fS\xb3\x9f\xe7\xaa\x15\x9d\x8d:\x18\xc7\xa9\r\\\xac\xe4\xb8\xb8\xba!\x85\xa8\xc39V\xf7\xaf\x01\xf1!\x05\xbb\xbb\x9dUc]5l\xaf\x18\x82\t\x9d\xcd\x89\x82\x18(R\xce\x84\xec\xf1\x1b\x02\xc0\xd4\x10\xe1\xd8h\xd6\xd8\x1e:k2\x0c\x08\tz1b\xbbu\x9a"\x89\xf2\xe05U9\x8e;yDu\x90\x7f_\x14\x1fum\xd8\xdf\xf6.5g\x13\xac\xc5\x84\x7f\xdeW\xc7\xe2\xc1\x17\xf0\xea\xb49\xb8\xea\xeb\xe3\x83y\x11)\xda\x1c\x19\xe0\x98\xa0wW\xbdC\x92\xad2\x14\xb09\xb1h\x87\xad\xe0Y{\x87|\x9ce\x87\xae\nH\x15p\xaf\xe7\x01\xc2\xf6,n\xd7\xe2\x0b\xba\xf0\xe4\xf0\xe1\xa7\xd7\x81\xbf\x8d\xd9\x0e\xa7,&amp;Y\xda\xda\xa5\xb6w\x9c\xd8\xc0\x92\x88\xccu&lt;1k)\x86\x96\x1d*T7\x04\x8f\xdd\xab\xcf\x91\x8e@\xed2\x1e\xbd\x0ftD\xc4\x8fHdU.\x0c\xc6X\xf1\xbd\x8cHY&gt;\xb1\x19Q\x0b\xb1\x08\xe6,Ql*X\x98\\o\x00Vr6\x12T7\xf6\x94&amp;p\x90\x11=7\xc2\xd3D\x92\xed\x15+\x8a\xa2\xe4(?k\x04~\x97;\xd5\x0c\xf4\xf4\x8c\xb1\xf8[\x1fQ%T\xd2P\x13D\xa7\xdb\x1f\xdb\x0c\xe4\xb4\xf8#\x0f\x05\xf6$?\x9f\x95`\x12\x19\xbe\xab\xcdZ(yj?\x81\xa9\xf35\xed\x1b\x0bpJ\xee\xe3\xb2\xd1\x05\xc2q\xfc\xeb~\r43\x1e\xec\xfc\x81\xf4\xb76\xe0\xd1\xce\x8a\x17\tkGX\xe4\x1a\xd2U\x1b\xe0\xfa\x10\x08E\xe4\x907\x159A\xc2\xf0\x9b\xce\xfe\x8c&gt;d\xd2Bf\x89\xf8\xaa\x15q\x9c\x1e\xa3\xaf\xe3\x14\xb5\xac\xf5\xe1\x02\xbb\xca\x08\xe0\xe7|q\x9fh\xe88K\x1f\xe1;\x04\x98nY\xef\xa0\xc9\x9c$\xe07\x83\xe0\x80\xf7C\xaf\xe8O\x9d\x81C7h\x909\x92]\xab=\xed \xb8\x85\xec\x87\xd4\xad\xc2Zi\xd0E\xd7p\xbb\xb8\xd5!\x1a,\xfc\x18\xc45\xb3\xb9\xd1\x99\xae\xaf\x8a\xe6%\x81\xcb\x92W\x89\xc1/)B~\xf8\xc6\xbdCXh\xe8\x86\x9fL\x83\xf5\xddm6\x1f1\xe8\xc4\xd2[\x97\x95R\x96b\n\xe4|\xafU\xba:\x03\xd9P{\'\x930&amp;\xab\x82\xf3Pl/\xddL\x9f\xf5\x06\x955)\xaf\xe9\xeb\x00l\x1cm\xbe\xc4\xf5\x9d\xf1r\xf1\xba\xe8\x13\xf1\xb3\x0cp\xf2\xd5\xba\xe6X\x8b\xe3\xebH\xe4d\xd9\xf85\x01\xa5\xc1\xa4\x17\x0c:\xf3\xf6\xeaK+\xb0\x18\x92\x02\xa2\xad\xa4aSR&amp;]\xb16\xc1\xe0q\xf5W!\xbd\xb9\xfa\xa0\x07Bm_\xc6M\xacN4Ju\x98\xb8\xd7^u0\x7f*9\xab\xee\x7f\'\xda\xeb~\xdf\x14\x8e\xeb\xb9K\xeb\xb7\n\xc1Wo\xde\x9b\x96ro\x9b\x17\x07N\x92\x1e#\x04\x8a\xb7\x07R\xb8\x98\xce\x8b\xf2\x8e%\'@\xd6S\x02G]}\xf9Z\xea\xdd\xf2\x14\r\xe1\x05: \x08\x8b\xdc\xc3\xd3\xca\x80\xed\xe9\x7fb\x93J\xf0\x10\xc4Aa\xc6\xe7nn;\t\xb2\xa0Y\x00G\xb6Uz\xce\xd0\xf3Lc\xd0\xe3\xdbK\x17\xb0.\x9d&gt;T-\x82`Kj\x11Jy\x1c\x1f\xfe8\xd5\xf18W\x95\xe0\xe4qI\xdd\x9e\x9fm\x11\xa1\xc1\xb7\xc2\x03\xc0\xc7\xe7\x05fq\x99\x94\x85Z\xf6\xf6%\xed\x05\x84\xc9T1\xdd\x04Kx\xb3\xc4\xac7\xef$\xc7\x94\x06i\xa0\xd7o\xec\xea?\x92\x9f\xda\x97\xe9\xc1\xeb\xff \xdbVC\xad&amp;\xeb\xe8\x1c\x80\x97(\x8f\xca\xc9\xd16q\xac\nB\x14\'\xa7\x96p3\xca\xb4\xbe\xa3p\xa9\xd0\xa4\xe5NU\x03\x1c\x05\xc1,jx\xa5\xe7[\xf1OM\xda\x1a\x0f\x0c}\x7f\x0e\x92\x97\x9d\x8b0\xbc\x7fV\xad2hl\xb5@\xc1\xee\xc0V`\x8d\x0c\xea\xb7\xdfa\x04\x89\xdf\xfa7O\'\x8ci\x10\xfad\xcd\xc4p\xde\xeb\xb9\x13\x9b\x808\xb0a\xb5\xc4Q\x1e\xa1\xb3E\x9a\xf1\xe2\xca7@j\xe2Z\x1fQ\xc6i\x89\xef\xeal\xffy\xc96\xeb\xff\x11\x13\xab\xb80k{{\x01@\x9d,\xb6\xeb\xc2\x01fjS\xa1\x7f\xd2\x19\x1f83\xf1\xe4\xb7\xfeJm\xb4\xef\xf2\\\xc55nL\xee\xea\xd4\x85h\x8c\x86\xe0\xf6\x04\x19\xfbeq\xd7\xe1\x1f\xd0\xc4\xa4\xee\xc0\xbb\xa3g!\xb5\x96Z\x02\xc1\xf6\x1eP\xa2\xf1\xc6\x01=\xec\x83 \xb03K\xc4\xe9kA\xfa\x83\x80\xbc\xe8cJ\xd5;\xea\x0c\xee\x94\xe2\x96\x11\xe9&amp;\x88\xd2\xcc\x10\xf1\n\xb7\xcbb\xb6p\xc4\xd7\xcf\x9bB\xf4\xa6\xff\x1aAr\xe4\xab\xe5\x924\xb8\xb9\x82N\xdb\x07\xa9\xc5\xc1\x94c\xa1\x95j]\xab\x83MA\xaf\x8f^CV\x9b\xd3x\xc4\xfdG\xd4G;\xff$\xc5\xd5Y\x88_\xd7\x983#O\xab\xf1\x14j_\xb7\xaf~|\r.\xaa\x95\xd0\x87\x10:\xb4\xe7\xfe0\xf8\x16j_\xe4\x14O\x81\xf5B\x95\xee\x1c\xe9\xa8\x9f\x19h\xe9\x989\xe1\xaa[\x0e\x92\xe6\x8a\xf9;h\xcf\x0c\xa1}\xdf\xe1|B\x07/\x08\x10\x8eN\xa2\xbb\xcbS\x9f\xed5\n\t\x8d\xfe\xa9\x8e\xe1]\xa47@\x9f3\xfe\'6\xc7\xa2=@\xda\xd2\xe6RT/\x89-\xbc\x7f\xf0\xf5\xc3v\x08\x85=8%\xb1\xec\x05\xa0\xe0\xab\xbb\x9a\xc1\x03\xb9\x95|\x82D\x0eX\x9a\xee\x86\x92\xc9\xaf\xbc\x0e\x05\x02\xdd\xe8\x1c}\xe9\xc8Th(j\x13QV\xd7.S\xf1\x80X\xc5\xb7\xef\xe2P["\xd9\xc9\x0b6&gt;ew\xf1\xa1Pf\xf5\xce\x9c\x9c|\xcf\x1f{9\x9a\xbb\x9c:\x01\xd9\xb7}\x0b\x1ckp!\x13A\x99\x17\xbdK\xe8|Pt=\x96\x81h6\xdcB"\xe01!\x1c7\xe2\xfat\x7f\xae\x89\xdbCd@.\xfb\xa5\xa97\xfa\xe3\xb3pk\xd0\xce\xbe5S\xbar\x7f}Lc\xad\x86\xb7v\t\x99\xd1\xef\xa1\xd1\xa8\xcbm\xfe\x9c&lt;\x1f\x1c8\x1d\xf7\xb4\xb495\xefU^\n\xc0&lt;\x0b\xcd\xe0+\xc1\xbc\r\x10S\x13\xfe\xdaE\x83\xfa0\x90\x93\x94\xcd\xe6\x96\xe8\x88!\xb2\xc1Rb\x9d\x14\x96f\x1e\x9b\xda&gt;u\r\xd7Wx2\xe8\x9a\x03\x97!g`5[\xad\xf9\xad\xc6\xe93\x19Xc~\x13\xd9B\x08\xf1\x00\x97]\xcb\x0e\xbdW\xf93\x18hpi\xba\xc1z\x81\x9f\x17\x0f\xb6vKr\x91\xe1\x12\xc3\x9a\n&amp;L\xa0$4\x1c\xe3\xbdG\x0e\x05$\x1a\xfa\x9a\xfc\x8b\x1e\x1c\xd0m?\xd0\x91\xa3&gt;=v\x14\xff\xb5[\x15{\x08\xd9\x9a_\x9f\x9dM\xadm\xda\x12w$\xdcy\x86s\x02\x81\x1a\xe5\x16gp\xfc\xb0\xf6\xd8\x13\x8b\x1b\x82\xa4\xc4P:\x8d\xbe\x82j\xf8\xcc\xc7\x19U\x99-I\x16[O \x07B\xf1\xd8bS\x9amx\x87\x9675\x1aev\xfa\xd3\xd8A\x92\x99\xf8\xde\xb8)U\xff\x1d&gt;\x84\xffB\x91\xf1\xce\xe8\x16X\xd8\xce\x9d\x00\xec\x0e\xd2 \xb5\xf6;\xa8\xbb\x7f\x13\xc8\xfb\xb2d\xa8\x1f\xe1\xb3\rjV\xfc\x11\x19\x88Q\xfbRT&gt;cW\x05\x02\xc8\xcc\xf3\x81.\xbd\xe8\xbb\xd2\xce\x00\x08\xeaX\xd0\xe3|\x16--~\x14\x07\xf31\xca\x0bh\xf0\x1b\xb4\xa2\x98\xe6\xf41\x8b\xb4\xb3\xc3\x0b6\x1e\xa4-\xa4\xebo\x80\xe3\x18\xc4\xdc\x16=\xe4=\xf8#\x7f\xb2\x93V\xb9\x0f\xc5.\xa3a\xd9F;\xd9\x81n\xf1\xee\xd9\x80\xa1\x00\xd6\xbd\xb5\xf6\x9ab\xdc\xfb\xdd\xdb\x19\xb1j]\xc9\x84\x91\xab\x18\xbc\xb3\x07\xc6Y\x81/xx\xf0RM\xdd-\xe26|J\x1f+\x84\xf8\xc4\x02\xe1\xa7\x98Sl\xea\x82\xf3\r\xcc\xcb^5\x8bc\x7f\xcd&gt;P\xc8\xed\x03Vz?\x16\x1e=\xfb\xd2;\xb8\xbd\x00\xa2\x9d\xd4\xffz?Y5\x9cx3q(\x1e\xe2r\xef\x87\x18\xdd\x84\xcf\x03\xee)\xd5\xd6\x9c\x94\x11\x9b\xf6\xdd\xc9\x7f\x80\x80\xb2\xa5\x04\x8f\xcf\xe0\x16#\xd4v\xa5+X*J^\xbc_\xb4\xff\xf8\xc2n\xc7\xea\x8a)\xea\xa9\xbf\xa8\xd0])\xcd\x7fJG[\x81\xe1m\xdd\xe5\xd0\x1f\xbd\x00\x10\x8b\x972\x85&gt;ku\x966\\\xe0\xa8y\x93\xcfWW\xd1\x1a\xe1\xc1\xd9?D\xe1\xa59\xb8j\xbc\xbd\xa1M;s\xa56\xbb\\\x8d\xa4\xe6z4\x82L2\x0fa`(\x97R\xcc\xf7\x0e\xdc&lt;\x1a&amp;\xd3\x0ef1\xac\x07b\xa0\x8fG\x86\xe5\'\x96\xa8\xb9\r\xf5\xd7\xfb4w+|\xd1m\n\xf4\xd3\xf5?\x1e\xad\xe3&gt;\x99O\xfc\xc6\t8\xcaiM^[*\xa6F\x02\xfb\xf5U\xe4O7N\x1f[\xea-\x7f\xb9\xb8\xbe\xec\x8f\x9dL\xcdd\x12BB\x1c\xd1 \x9f\xc9z\x19\xd6jG\x00\xa2\xa9?\x99&lt;\xe1!Q\x05\x0cZ\x99j|\\L\x85L$\xb0\x94\xbd\r\'\xc4\xe4T\xe3.h\xf8\xb0\xa7g\xb0\xc1\x04\xd45\xda"\xec\x8c\\Gy\x9dvC^G!\x07\xde \x02\x19\xdf\r\xb7\x1f@Uph\xf2\xa9$\x9eU\x99 v\xees.\x9c\xc4\xa3F\xd7\x8c\xd9\xa5%`\\\xd3\x92]\xe0\x0fFS\xcf\x869\x0f\xae\xac\xee\x8f\x90\xde\xb6\xcc(.\xa0n\xf1k@\xcd\x98N\xe7'</t>
  </si>
  <si>
    <t>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</t>
  </si>
  <si>
    <t>b'\x0e\x16\x9b\xb3x\xd9\xa1\xa4\xf8\x89\x16\xca\xb7 \xd9\x1f'</t>
  </si>
  <si>
    <t>nd the drain bias current) and the drain resistor, RD.
 It is worth noting that the voltage gain of the stage is limited by the supply voltage. A
 higher drain bias current or a larger RD dictates a greater voltage drop across RD, but this
 drop cannot exceed VDD.
 Example
 17.14
 Calculate the small-signal voltage gain of the CS stage shown in Fig. 17.25 if ID = 1 mA,
 Î¼nCox = 100 Î¼A/V2, VTH = 0.5 V, and Î» = 0. Verify that M1 operates in saturation.
 R Î©
 M 1 W
 L =
 VDD
 D
 0.18
 1 k
 10 in v
 v out
 = 1.8 V
 Figure 17.25 Example of CS stage.
 Solution We have
 gm =
 _x000F_
 2Î¼nCox
 W
 L
 ID (17.58)
 = 1
 300 _x0002_. (17.59)
 Thus,
 Av = âˆ’gmRD (17.60)
 = 3.33. (17.61)
 17.4 Common-Source Topology 821
 To check the operation region, we first determine the gate-source voltage:
 VGS = VTH +
 _x0005__x0006__x0006__x0006__x0007_
 2ID
 Î¼nCox
 W
 L
 (17.62)
 = 1.1 V. (17.63)
 The drain voltage is equal to VDD âˆ’ RDID = 0.8 V. Since VGS âˆ’ VTH = 0.6 V, the device
 indeed operates in saturation and has a margin of 0.2 V with respect to the triode region.
 For example, if RD is doubled with the intention of doubling Av, then M1 enters the
 triode region and its transconductance drops.
 Exercise Suppose we double W and choose RD to place M1 at the edge of saturation. Is the resulting
 gain higher or lower than the above value?
 Example
 17.15
 Design a CS core with VDD = 1.8 V and a power budget, P, of 1 mW while achieving a
 voltage gain of 5. Assume VTH = 0.5 V, Î¼nCox = 100 Î¼A/V2, W/L = 5/0.18, and Î» = 0.
 Solution Since P = IDVDD, the core can draw a maximum bias current of 556 Î¼A. With such a
 current, the transistor transconductance reaches gm = _x000E_
 2Î¼nCox(W/L)ID = 1/(569 _x0002_),
 requiring RD = 2845 _x0002_ for a gain of 5.
 Does such choice of bias current and load resistor conform to the supply
 voltage? That is, does M1 operate in saturation? We must first calculate VGS =
 VTH + _x000E_
 2ID/(Î¼nCoxW/L). With ID = 556 Î¼A, VGS = 1.133 V. On the other hand, the
 drain bias voltage is equal to VDD âˆ’ RDID = 0.218 V. Unfortunately, the drain voltage
 is lower than VGS âˆ’ VTH = 0.633 V, prohibiting M1 from operation in saturation! That
 is, no solution exists.
 Exercise Is there a solution if the power budget is reduced to 1 mW?
 Writing the voltage gain as
 Av = âˆ’_x000F_
 2Î¼nCox
 W
 L
 IDRD, (17.64)
 we may surmise that the gain can become arbitrarily large ifW/L is increased indefinitely. In
 reality, however, as the device width increases (while the drain current remains constant),
 an effect called â€œsubthreshold conductionâ€ arises, which limits the transconductance. This
 effect is beyond the scope of this book, but the reader should bear in mind that the
 transconductance of a MOSFET cannot be increased arbitrarily by increasing only W/L.
 Let us now calculate the I/O impedances of the CS stage. Using the equivalent circuit
 depicted in Fig. 17.26(a), we write
 Rin = vX
 iX
 (17.65)
 = âˆž. (17.66)
 The very high input impedance proves essential in many applications.
 822 Chapter 17 CMOS Amplifiers
 R v
 i X
 X
 R X v
 i X
 (a) (b)
 g m v v 1 1 D g m v v 1 1 D
 Figure 17.26 (a) Input and (b) output impedance calculation of CS stage.
 The output impedance is obtained from Fig. 17.26(b), where the input voltage source
 is set to zero (replaced with a short). Since v1 = 0, the dependent current source also
 vanishes, leaving RD as the only component seen</t>
  </si>
  <si>
    <t>b'Z\xc2\x89\x9f\xe5OC\xe3\x9f\x86$\n\x92pLx'</t>
  </si>
  <si>
    <t>5ac2899fe54f43e39f86240a92704c78</t>
  </si>
  <si>
    <t>lized as shown in Fig. 7.30(a), where M2 serves as a current
 source. Calculate the voltage gain of the circuit.
 M 1
 VDD
 Vout
 Vin
 M 2 Vb
 M 1 Vout
 Vin r
 r O2
 O1
 (a) (b)
 Figure 7.30 (a) Follower with ideal current source, (b) simplified circuit.
 Solution Since M2 simply presents an impedance of rO2 from the output node to ac ground
 [Fig. 7.30(b)], we substitute RL = rO2 in Eq. (7.131):
 Av = rO1||rO2
 1
 gm1
 + rO1||rO2
 . (7.132)
 If rO1||rO2 _x0008_ 1/gm1, then Av â‰ˆ 1.
 Exercise Repeat the above example if a resistance of value RS is placed in series with the source of
 M2.
 Example
 7.17
 Design a source follower to drive a 50-_x0003_ load with a voltage gain of 0.5 and a power
 budget of 10 mW. Assume Î¼nCox = 100 Î¼A/V2, VTH = 0.5 V, Î» = 0, and VDD = 1.8 V.
 Solution With RL = 50 _x0003_ and rO = âˆž in Fig. 7.28, we have
 Av = RL
 1
 gm
 + RL
 (7.133)
 and hence
 gm = 1
 50 _x0003_. (7.134)
 The power budget and supply voltage yield a maximum supply current of 5.56 mA.
 Using this value for ID in gm = _x000E_
 2Î¼nCox(W/L)ID gives
 W/L = 360. (7.135)
 Exercise What voltage gain can be achieved if the power budget is raised to 15 mW?
 334 Chapter 7 CMOS Amplifiers
 M 1
 r O
 RL R out
 M 1
 r O
 RL
 g
 1 r O m
 Figure 7.31 Output resistance</t>
  </si>
  <si>
    <t>b'Z\t\x9f\xe5\xc3\xd1W\x13(\x8d\x05\x07\xb01:\xa0'</t>
  </si>
  <si>
    <t>5a099fe5c3d15713288d0507b0313aa0</t>
  </si>
  <si>
    <t>mpiricus, Skeptical philosopher and physician, probably late
2nd c. CE, Adversus Mathematicos (Against the Professors)
Sid. Apoll., Carm. Sidonius Apollinaris, politician and writer, 5th c. CE, Carmina
Sirm. Sirmondian Constitutions
Socr. Hist. Eccl. Socrates of Constantinople, Greek historian, 5th c. CE, Ecclesiastical
History
Sopater Sopater, Greek rhetorical writer, 4th c. CE
Soranus Soranus, Greek doctor, c.60â€“130 CE
Gyn. Gynecology
Quaest. med. [Soranus] Medical questions
Soz., Hist. Eccl. Sozomen, Greek historian, 5th c. CE, Ecclesiastical History
Stat. P. Papinius Statius, Latin poet, c.45â€“96 CE
Silv. Silvae
Theb. Thebaid
Stob. Joannes Stobaeus, Greek anthologist, probably early 5th c. CE
Strabo Strabo, c.64 BCEâ€“after 20 CE, Geography
Suet. Suetonius, Latin biographer, c.70â€“c.130 CE
Aug. Augustus
Cal. Caligula
Claud. Claudius
Dom. Domitian
Gal. Galba
Jul. Julius Caesar
Nero Nero
Otho Otho
Tib. Tiberius
Ves. Vespasian
Vit. Vitellius
Tac. Tacitus, Latin historian, c.56â€“after c.118 CE
Agr. Agricola
Ann. Annals
Di</t>
  </si>
  <si>
    <t>b'\x9ef\xc3\x10\xa3\xd9\x93\xb6\x9bS5,lm\x9fa\xddF\x94OD 87\x1c\x89\x9e&lt;\xa3\xab\x87h}\xa5\xd6O\x1a\x7f\xde\xaf\x1c^\x82 \xc3,\xecT\x1a\x05A\xba\xbf\xe2H\xa3\x81\xb7\xe3A\x1fUY\xc2\xa3\x0e\x02\x9d\x05\x9c\x97F}\x92\x1a\x99\xea]\x87\xda\x9a\xce\xeb\x1b\x06\x97\x12\xd7n\xc3?\xd7Y\xd2\xe3\x17g:H\xf2Ht\xcb\x1d\xd6\xd61\xf1\xf6d\x8d\xbd\xd8\x80\xedg\nX\x91F\xe9\n\t\x98.i\x81\xee/\x0e\xb0l\xdb\x0b\x0c;\xf9\x8f\x7f\xd9\x1d\xeb\xcf^[\xe1\xf02q#\x92\xf6\x03!\xdd\x95\xeeP\xa0\x92\x8c/\xea;\xcc\xb0\xa1\x19\x04\xc0I7a\xe8\x9a\xf96\xa5\xcd-\xffE\x03F-\x927\xc2\xa6\xd6^\x05\xfa\xfe\xc3\xcc\xabp\x8e=r\xd3\xf2\xd2j\xb1\xd1\x07\xfd\xa9\xb3\xb8-\xc7u\t,`\xc4\xf1\xe0\xb7\x91g\xa9|\x90%?\xc1\x8f\xb4@\xc7\xd6\xc8\xd5\xd5\xb9\xfb\x985\x91$HQB|7\xca\x04\xffE#\xf4\xb0\xf4M\x9c\x93F\xf4\x92\x93\xc4\xc7\xb6a\xe4k\xcf\x16\x10E\xb3\x9f!\xca\xddl\x99\xe0b\xf4z\x8d\xd7B\x11}$\xca\x02\x15\xc5x\t\xe0\x151\xb1sN\xc6\xd5\xa6\xf9Me\xe6z\xf8\xc9sz\xd8\xd4\xa60\x01\'aE\x9e\xc9\xb8G\x9d\x85\xd6\xb9z\xba\xaa4\xb2 1pz\x12\x92\x00\\9K\xad3w2\x8c\x83RuH\xfb\x19A\xebr\xf9m\x9e\x8e#\x13\xbb\x99q\xd9\x86\xb3J\x881\xc0\x0e\x88\x8dU\xacZ\xfd\x81\xd0n{\xb5\x0cP\xd4\'\x8aM\xb2\x80\x03Ton:\xeb\xd3\x98\xb9\xf6)\xceI\xa7\xf9\\\xcb\x82\xa7\x80,\x9e\x06\\\x9b\x1648K\xe9\xfb\x08+\x16\x13T\xbc\x89\xf2\x14(\x99\xf7h4\xdc\x8b\x06\x11\x1f\xec\x9a_\xf5v\x01\x13\x8cb9\x1a\x13\xf5\x19\xfa:\xaf\xa4@b\xab\x8c\tn\xcefL\xc5\xfa\xac_p\xc1\x00\xb0\xb1i\xc6S\x0eh\x01T\xba\xda9\xca\x8e!S\x12\xab\x00\x0e\xffo\xd27\nv\xe20OO\x9bc@\xadF\xee\xca*[iy]\x14L\x99\xb9qr\n \xbd\xff\xfa\xee\x95f\x9b&lt;\x97}\x80\xe0o\x94\x15\xad\xect\x1c\xbf\xb80v\xde\x0c{\xec\xb3L\x11\x0c\x96\xe5A3\xc0\x9ck\xc0\xc0i\xa1\xfa\xc8\xbb=\x95\x7f\x82(n\xf95\x1a\x03=\xf2\xa6,\x05\x1f\xf4\x82\xa1\xcf\xd9\xb3\x85x\xb0\x8297\x00\x01\xf3\xb1@\x84R\xfdB\xd9@\xa3!=p\xc3A.*M\xa5\x15\xc4\xd1.~9g\x02\xddW\xe8X\x13\x88VN\x8fM\x8a\xea\x94%e\x02\x15\\cX\xf2\x98\x07~\x17\xf1\x00\xac\x1f\xa3\xd3\xa1\xe7n0\xc7\xf8\xb3+\xdf\xe8\xfd\xc8\x16`\xadT\x13\xa7\xa3zBa\xb9\xc3w-\xd4\xc6o\xd0\x80S\x1f\x9d\xdc9\xe0\x07\x93\x9f\xb0&amp;\xf6\xa0\xfddL8hOE\x94\xa8\xaa\x12l\x92@\xdf\xb4\x1e\'\xedd1J\x9f\xc6\xd8\xc6\xe2\x83g\xe2(y\xe27m\xe36N\xa2\x04\xb3nj#\xc2\x80\x9da\x841\x94\x96\x0c\xdb\xdey\x00\xad\x14\x12N%&amp;\x91\x88\x9aQ\xc4|\x183\xfb\n&gt;({\xb7K/\xed\xe5\xac\x87\x18\xf0)\xb3\xe5\xaf\x10H\xa81\xcf,\x11u\xf8\xf6*E\x19\xa7;.`3\x96\xec|\x86M]\xfd\xce\x9d9g\x84\xf7_b;\xd9\x9c\xc3\xd5\xb5@\xe1\x04,\xc0\x14\xf8MU\x1f#\xf9\xc9\x17\x08\xd8\xc1\xfb\xda{\x12\xed\xbb\xf6"y%\xd1\x1b\xc3\xc2\xa4\xc1{\x02\xb0\'\x00rI\xac\'\xf4\xa4&amp;\xef:\x82\xad\xf1,\xdd\xb3v4+\x98\xfbQg\xc0\xfe\xad_:\xde\xe2v\xb7\xf7\xdf\xc7[\x87\x9f\x91\xfe\xe5n&gt;\xc2P\x06\xcfyF\xdc\xe7\x10\xf0\x89\xb1\xb7\xc1~R\xee\xee\xe05\x988S\xff)\xe1\x97X\x83/K\x90\x9dD\x8b\x99&amp;\xbft\xd3\xb6\xe6\xf6UM\xf4\x89H\xd7\xb9\x95_;{$&lt;\xde\x814d\xd6\xfa\xe2x\xc9\x06\xd1WS$\xa9\xd0\x1e\x14G\xa4\x15\x0b4\x1cn,\x81\x0c\x9dg,\x0b&amp;\'\xcd6,I\xcd\xe9\x96\xb0p1\xc294fEfX\xb3\xd1\xd5\x94\xd5!A\t\x81\xb9~\x0f%\xc2\xad\x08Go\xb7\x91\x979\x04t\x93f\xe3\xda\x02\xb3\xb9K\xc7\xd5S\xc2&lt;\xd2\xab\t\xf3\xd2\x84vi\xce\xb4\x17\xcb\xda'</t>
  </si>
  <si>
    <t>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</t>
  </si>
  <si>
    <t>b'\x9ef\xc3\x10\xa3\xd9\x93\xb6\x9bS5,lm\x9fa'</t>
  </si>
  <si>
    <t>SHA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 x14ac:knownFonts="1">
    <font>
      <sz val="11"/>
      <color theme="1"/>
      <name val="Calibri"/>
      <family val="2"/>
      <scheme val="minor"/>
    </font>
    <font>
      <b/>
      <sz val="11"/>
      <name val="Calibri"/>
    </font>
  </fonts>
  <fills count="2">
    <fill>
      <patternFill patternType="none"/>
    </fill>
    <fill>
      <patternFill patternType="gray125"/>
    </fill>
  </fills>
  <borders count="2">
    <border>
      <left/>
      <right/>
      <top/>
      <bottom/>
      <diagonal/>
    </border>
    <border>
      <left style="thin">
        <color auto="1"/>
      </left>
      <right style="thin">
        <color auto="1"/>
      </right>
      <top style="thin">
        <color auto="1"/>
      </top>
      <bottom style="thin">
        <color auto="1"/>
      </bottom>
      <diagonal/>
    </border>
  </borders>
  <cellStyleXfs count="1">
    <xf numFmtId="0" fontId="0" fillId="0" borderId="0"/>
  </cellStyleXfs>
  <cellXfs count="2">
    <xf numFmtId="0" fontId="0" fillId="0" borderId="0" xfId="0"/>
    <xf numFmtId="0" fontId="1" fillId="0" borderId="1" xfId="0" applyFont="1" applyBorder="1" applyAlignment="1">
      <alignment horizontal="center" vertical="top"/>
    </xf>
  </cellXfs>
  <cellStyles count="1">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BE2792"/>
  <sheetViews>
    <sheetView tabSelected="1" workbookViewId="0">
      <selection activeCell="I9" sqref="I9"/>
    </sheetView>
  </sheetViews>
  <sheetFormatPr defaultRowHeight="14.4" x14ac:dyDescent="0.3"/>
  <sheetData>
    <row r="1" spans="1:57" x14ac:dyDescent="0.3">
      <c r="A1" s="1" t="s">
        <v>0</v>
      </c>
      <c r="B1" s="1" t="s">
        <v>1</v>
      </c>
      <c r="C1" s="1" t="s">
        <v>2</v>
      </c>
      <c r="D1" s="1" t="s">
        <v>3</v>
      </c>
      <c r="E1" s="1" t="s">
        <v>4</v>
      </c>
      <c r="F1" s="1" t="s">
        <v>5</v>
      </c>
      <c r="G1" s="1" t="s">
        <v>6</v>
      </c>
      <c r="H1" s="1" t="s">
        <v>7</v>
      </c>
      <c r="I1" s="1" t="s">
        <v>8</v>
      </c>
      <c r="J1" s="1" t="s">
        <v>9</v>
      </c>
      <c r="K1" s="1" t="s">
        <v>10</v>
      </c>
      <c r="L1" s="1" t="s">
        <v>11</v>
      </c>
      <c r="M1" s="1" t="s">
        <v>12</v>
      </c>
      <c r="N1" s="1" t="s">
        <v>13</v>
      </c>
      <c r="O1" s="1" t="s">
        <v>14</v>
      </c>
      <c r="P1" s="1" t="s">
        <v>15</v>
      </c>
      <c r="Q1" s="1" t="s">
        <v>16</v>
      </c>
      <c r="R1" s="1" t="s">
        <v>17</v>
      </c>
      <c r="S1" s="1" t="s">
        <v>18</v>
      </c>
      <c r="T1" s="1" t="s">
        <v>19</v>
      </c>
      <c r="U1" s="1" t="s">
        <v>20</v>
      </c>
      <c r="V1" s="1" t="s">
        <v>21</v>
      </c>
      <c r="W1" s="1" t="s">
        <v>22</v>
      </c>
      <c r="X1" s="1" t="s">
        <v>23</v>
      </c>
      <c r="Y1" s="1" t="s">
        <v>24</v>
      </c>
      <c r="Z1" s="1" t="s">
        <v>25</v>
      </c>
      <c r="AA1" s="1" t="s">
        <v>26</v>
      </c>
      <c r="AB1" s="1" t="s">
        <v>27</v>
      </c>
      <c r="AC1" s="1" t="s">
        <v>28</v>
      </c>
      <c r="AD1" s="1" t="s">
        <v>29</v>
      </c>
      <c r="AE1" s="1" t="s">
        <v>30</v>
      </c>
      <c r="AF1" s="1" t="s">
        <v>31</v>
      </c>
      <c r="AG1" s="1" t="s">
        <v>32</v>
      </c>
      <c r="AH1" s="1" t="s">
        <v>33</v>
      </c>
      <c r="AI1" s="1" t="s">
        <v>34</v>
      </c>
      <c r="AJ1" s="1" t="s">
        <v>35</v>
      </c>
      <c r="AK1" s="1" t="s">
        <v>36</v>
      </c>
      <c r="AL1" s="1" t="s">
        <v>37</v>
      </c>
      <c r="AM1" s="1" t="s">
        <v>38</v>
      </c>
      <c r="AN1" s="1" t="s">
        <v>39</v>
      </c>
      <c r="AO1" s="1" t="s">
        <v>40</v>
      </c>
      <c r="AP1" s="1" t="s">
        <v>41</v>
      </c>
      <c r="AQ1" s="1" t="s">
        <v>42</v>
      </c>
      <c r="AR1" s="1" t="s">
        <v>43</v>
      </c>
      <c r="AS1" s="1" t="s">
        <v>44</v>
      </c>
      <c r="AT1" s="1" t="s">
        <v>45</v>
      </c>
      <c r="AU1" s="1" t="s">
        <v>46</v>
      </c>
      <c r="AV1" s="1" t="s">
        <v>47</v>
      </c>
      <c r="AW1" s="1" t="s">
        <v>48</v>
      </c>
      <c r="AX1" s="1" t="s">
        <v>49</v>
      </c>
      <c r="AY1" s="1" t="s">
        <v>50</v>
      </c>
      <c r="AZ1" s="1" t="s">
        <v>51</v>
      </c>
      <c r="BA1" s="1" t="s">
        <v>52</v>
      </c>
      <c r="BB1" s="1" t="s">
        <v>53</v>
      </c>
      <c r="BC1" s="1" t="s">
        <v>54</v>
      </c>
      <c r="BD1" s="1" t="s">
        <v>55</v>
      </c>
      <c r="BE1" s="1" t="s">
        <v>56</v>
      </c>
    </row>
    <row r="2" spans="1:57" x14ac:dyDescent="0.3">
      <c r="A2" t="s">
        <v>57</v>
      </c>
      <c r="B2">
        <v>1592</v>
      </c>
      <c r="C2" t="s">
        <v>58</v>
      </c>
      <c r="D2" t="s">
        <v>59</v>
      </c>
      <c r="E2" t="s">
        <v>60</v>
      </c>
      <c r="F2">
        <v>256</v>
      </c>
      <c r="G2">
        <v>129.3203125</v>
      </c>
      <c r="H2">
        <v>133.5</v>
      </c>
      <c r="I2">
        <v>5550.6786499023438</v>
      </c>
      <c r="J2">
        <v>74.5028767894391</v>
      </c>
      <c r="K2">
        <v>-6.4565192007017463E-2</v>
      </c>
      <c r="L2">
        <v>-1.2142037324243731</v>
      </c>
      <c r="M2">
        <v>7.1661522578807499</v>
      </c>
      <c r="N2">
        <v>7</v>
      </c>
      <c r="O2">
        <v>1</v>
      </c>
      <c r="P2">
        <v>6</v>
      </c>
      <c r="Q2">
        <v>0.83756560651118372</v>
      </c>
      <c r="R2">
        <v>4.9671982330133266</v>
      </c>
      <c r="S2">
        <v>2</v>
      </c>
      <c r="T2">
        <v>1</v>
      </c>
      <c r="U2">
        <v>1</v>
      </c>
      <c r="V2">
        <v>6.2621943781838052E-2</v>
      </c>
      <c r="W2">
        <v>5.5358270966834446</v>
      </c>
      <c r="X2">
        <v>1</v>
      </c>
      <c r="Y2">
        <v>1</v>
      </c>
      <c r="Z2">
        <v>0</v>
      </c>
      <c r="AA2">
        <v>0</v>
      </c>
      <c r="AB2">
        <v>5.5373342670185366</v>
      </c>
      <c r="AC2">
        <v>1</v>
      </c>
      <c r="AD2">
        <v>1</v>
      </c>
      <c r="AE2">
        <v>0</v>
      </c>
      <c r="AF2">
        <v>0</v>
      </c>
      <c r="AG2">
        <v>5.5333894887275203</v>
      </c>
      <c r="AH2">
        <v>-5.1623788771058832E-2</v>
      </c>
      <c r="AI2">
        <v>3.6659114302852777E-2</v>
      </c>
      <c r="AJ2">
        <v>0.1208661026993247</v>
      </c>
      <c r="AK2">
        <v>9.3044948187158052E-3</v>
      </c>
      <c r="AL2">
        <v>1187.5887432412319</v>
      </c>
      <c r="AM2">
        <v>2071.6865054652239</v>
      </c>
      <c r="AN2">
        <v>33106</v>
      </c>
      <c r="AO2">
        <v>181.42165030624071</v>
      </c>
      <c r="AP2">
        <v>998.19416251576195</v>
      </c>
      <c r="AQ2">
        <v>1.08984375</v>
      </c>
      <c r="AR2">
        <v>3.86328125</v>
      </c>
      <c r="AS2">
        <v>256</v>
      </c>
      <c r="AT2">
        <v>71.031250000000014</v>
      </c>
      <c r="AU2">
        <v>4.5986519607843168E-2</v>
      </c>
      <c r="AV2">
        <v>-5.1671245481903598E-2</v>
      </c>
      <c r="AW2">
        <v>0.3671875</v>
      </c>
      <c r="AX2">
        <v>89.172549019607843</v>
      </c>
      <c r="AY2">
        <v>64.5</v>
      </c>
      <c r="AZ2">
        <v>134.5</v>
      </c>
      <c r="BA2">
        <v>0.57611117193549233</v>
      </c>
      <c r="BB2">
        <v>0.5078125</v>
      </c>
      <c r="BC2">
        <v>4.8571897727476898</v>
      </c>
      <c r="BD2" t="s">
        <v>61</v>
      </c>
      <c r="BE2" t="s">
        <v>62</v>
      </c>
    </row>
    <row r="3" spans="1:57" x14ac:dyDescent="0.3">
      <c r="A3" t="s">
        <v>63</v>
      </c>
      <c r="B3">
        <v>3957</v>
      </c>
      <c r="C3" t="s">
        <v>64</v>
      </c>
      <c r="D3" t="s">
        <v>65</v>
      </c>
      <c r="E3" t="s">
        <v>66</v>
      </c>
      <c r="F3">
        <v>72</v>
      </c>
      <c r="G3">
        <v>131.2222222222222</v>
      </c>
      <c r="H3">
        <v>142.5</v>
      </c>
      <c r="I3">
        <v>6958.2839506172841</v>
      </c>
      <c r="J3">
        <v>83.416329040645778</v>
      </c>
      <c r="K3">
        <v>-0.1211850391696704</v>
      </c>
      <c r="L3">
        <v>-1.3696976027765979</v>
      </c>
      <c r="M3">
        <v>5.9372182305789343</v>
      </c>
      <c r="N3">
        <v>3</v>
      </c>
      <c r="O3">
        <v>1</v>
      </c>
      <c r="P3">
        <v>2</v>
      </c>
      <c r="Q3">
        <v>0.375</v>
      </c>
      <c r="R3">
        <v>4.1153660768948921</v>
      </c>
      <c r="S3">
        <v>2</v>
      </c>
      <c r="T3">
        <v>1</v>
      </c>
      <c r="U3">
        <v>1</v>
      </c>
      <c r="V3">
        <v>0.16776575221435111</v>
      </c>
      <c r="W3">
        <v>4.2236293316576567</v>
      </c>
      <c r="X3">
        <v>2</v>
      </c>
      <c r="Y3">
        <v>1</v>
      </c>
      <c r="Z3">
        <v>1</v>
      </c>
      <c r="AA3">
        <v>0.11951030798891769</v>
      </c>
      <c r="AB3">
        <v>4.2286910368905044</v>
      </c>
      <c r="AC3">
        <v>1</v>
      </c>
      <c r="AD3">
        <v>1</v>
      </c>
      <c r="AE3">
        <v>0</v>
      </c>
      <c r="AF3">
        <v>0</v>
      </c>
      <c r="AG3">
        <v>4.2341065045972579</v>
      </c>
      <c r="AH3">
        <v>0.20925288348809651</v>
      </c>
      <c r="AI3">
        <v>5.4110854437448001E-2</v>
      </c>
      <c r="AJ3">
        <v>-7.8858227031600614E-2</v>
      </c>
      <c r="AK3">
        <v>0.12238245105211561</v>
      </c>
      <c r="AL3">
        <v>735.50776485383267</v>
      </c>
      <c r="AM3">
        <v>1095.3594514312281</v>
      </c>
      <c r="AN3">
        <v>9448</v>
      </c>
      <c r="AO3">
        <v>19.69076700196041</v>
      </c>
      <c r="AP3">
        <v>530.47291387776124</v>
      </c>
      <c r="AQ3">
        <v>1.319444444444444</v>
      </c>
      <c r="AR3">
        <v>3.958333333333333</v>
      </c>
      <c r="AS3">
        <v>71</v>
      </c>
      <c r="AT3">
        <v>7.9999999999999991</v>
      </c>
      <c r="AU3">
        <v>0.1027777777777778</v>
      </c>
      <c r="AV3">
        <v>0.2112699093334052</v>
      </c>
      <c r="AW3">
        <v>0.27777777777777779</v>
      </c>
      <c r="AX3">
        <v>82.676056338028175</v>
      </c>
      <c r="AY3">
        <v>71</v>
      </c>
      <c r="AZ3">
        <v>158.75</v>
      </c>
      <c r="BA3">
        <v>0.63568752020813879</v>
      </c>
      <c r="BB3">
        <v>0.51388888888888884</v>
      </c>
      <c r="BC3">
        <v>4.0014816398818356</v>
      </c>
      <c r="BD3" t="s">
        <v>67</v>
      </c>
      <c r="BE3" t="s">
        <v>68</v>
      </c>
    </row>
    <row r="4" spans="1:57" x14ac:dyDescent="0.3">
      <c r="A4" t="s">
        <v>69</v>
      </c>
      <c r="B4">
        <v>1496</v>
      </c>
      <c r="C4" t="s">
        <v>70</v>
      </c>
      <c r="D4" t="s">
        <v>71</v>
      </c>
      <c r="E4" t="s">
        <v>72</v>
      </c>
      <c r="F4">
        <v>1504</v>
      </c>
      <c r="G4">
        <v>126.4660904255319</v>
      </c>
      <c r="H4">
        <v>130</v>
      </c>
      <c r="I4">
        <v>5228.3419352471419</v>
      </c>
      <c r="J4">
        <v>72.30727442828379</v>
      </c>
      <c r="K4">
        <v>-3.7195486503657831E-2</v>
      </c>
      <c r="L4">
        <v>-1.1333622193721691</v>
      </c>
      <c r="M4">
        <v>7.8779433895267283</v>
      </c>
      <c r="N4">
        <v>14</v>
      </c>
      <c r="O4">
        <v>1</v>
      </c>
      <c r="P4">
        <v>13</v>
      </c>
      <c r="Q4">
        <v>2.2609533882458628</v>
      </c>
      <c r="R4">
        <v>5.4605742490613061</v>
      </c>
      <c r="S4">
        <v>2</v>
      </c>
      <c r="T4">
        <v>1</v>
      </c>
      <c r="U4">
        <v>1</v>
      </c>
      <c r="V4">
        <v>7.2955709455175835E-2</v>
      </c>
      <c r="W4">
        <v>7.3078395774516052</v>
      </c>
      <c r="X4">
        <v>1</v>
      </c>
      <c r="Y4">
        <v>1</v>
      </c>
      <c r="Z4">
        <v>0</v>
      </c>
      <c r="AA4">
        <v>0</v>
      </c>
      <c r="AB4">
        <v>7.3145528323240789</v>
      </c>
      <c r="AC4">
        <v>1</v>
      </c>
      <c r="AD4">
        <v>1</v>
      </c>
      <c r="AE4">
        <v>0</v>
      </c>
      <c r="AF4">
        <v>0</v>
      </c>
      <c r="AG4">
        <v>7.3138868316334626</v>
      </c>
      <c r="AH4">
        <v>3.4946281688358997E-2</v>
      </c>
      <c r="AI4">
        <v>-3.317653653729194E-2</v>
      </c>
      <c r="AJ4">
        <v>1.6633818252366071E-2</v>
      </c>
      <c r="AK4">
        <v>-3.7416423998074509E-2</v>
      </c>
      <c r="AL4">
        <v>2626.2890477095152</v>
      </c>
      <c r="AM4">
        <v>5002.0510631021198</v>
      </c>
      <c r="AN4">
        <v>190205</v>
      </c>
      <c r="AO4">
        <v>137.07260354969151</v>
      </c>
      <c r="AP4">
        <v>2402.7761879049672</v>
      </c>
      <c r="AQ4">
        <v>1.0152925531914889</v>
      </c>
      <c r="AR4">
        <v>3.9873670212765959</v>
      </c>
      <c r="AS4">
        <v>1497</v>
      </c>
      <c r="AT4">
        <v>219.28191489361711</v>
      </c>
      <c r="AU4">
        <v>2.806372549019609E-2</v>
      </c>
      <c r="AV4">
        <v>3.4965767822538671E-2</v>
      </c>
      <c r="AW4">
        <v>0.35505319148936171</v>
      </c>
      <c r="AX4">
        <v>81.823020625415836</v>
      </c>
      <c r="AY4">
        <v>60</v>
      </c>
      <c r="AZ4">
        <v>122.25</v>
      </c>
      <c r="BA4">
        <v>0.57175227118182392</v>
      </c>
      <c r="BB4">
        <v>0.51329787234042556</v>
      </c>
      <c r="BC4">
        <v>5.2387523674809007</v>
      </c>
      <c r="BD4" t="s">
        <v>73</v>
      </c>
      <c r="BE4" t="s">
        <v>62</v>
      </c>
    </row>
    <row r="5" spans="1:57" x14ac:dyDescent="0.3">
      <c r="A5" t="s">
        <v>74</v>
      </c>
      <c r="B5">
        <v>2208</v>
      </c>
      <c r="C5" t="s">
        <v>75</v>
      </c>
      <c r="D5" t="s">
        <v>76</v>
      </c>
      <c r="E5" t="s">
        <v>72</v>
      </c>
      <c r="F5">
        <v>2216</v>
      </c>
      <c r="G5">
        <v>124.7712093862816</v>
      </c>
      <c r="H5">
        <v>123</v>
      </c>
      <c r="I5">
        <v>5376.1087559381067</v>
      </c>
      <c r="J5">
        <v>73.321952755897783</v>
      </c>
      <c r="K5">
        <v>3.1712165207386393E-2</v>
      </c>
      <c r="L5">
        <v>-1.2141669299882629</v>
      </c>
      <c r="M5">
        <v>7.9220003817725209</v>
      </c>
      <c r="N5">
        <v>17</v>
      </c>
      <c r="O5">
        <v>2</v>
      </c>
      <c r="P5">
        <v>15</v>
      </c>
      <c r="Q5">
        <v>2.8268729963512689</v>
      </c>
      <c r="R5">
        <v>5.4911122290204224</v>
      </c>
      <c r="S5">
        <v>2</v>
      </c>
      <c r="T5">
        <v>1</v>
      </c>
      <c r="U5">
        <v>1</v>
      </c>
      <c r="V5">
        <v>0.10833509590770431</v>
      </c>
      <c r="W5">
        <v>7.6867351527324574</v>
      </c>
      <c r="X5">
        <v>1</v>
      </c>
      <c r="Y5">
        <v>1</v>
      </c>
      <c r="Z5">
        <v>0</v>
      </c>
      <c r="AA5">
        <v>0</v>
      </c>
      <c r="AB5">
        <v>7.7025561132685816</v>
      </c>
      <c r="AC5">
        <v>1</v>
      </c>
      <c r="AD5">
        <v>1</v>
      </c>
      <c r="AE5">
        <v>0</v>
      </c>
      <c r="AF5">
        <v>0</v>
      </c>
      <c r="AG5">
        <v>7.7021043400510507</v>
      </c>
      <c r="AH5">
        <v>1.0281117832011809E-2</v>
      </c>
      <c r="AI5">
        <v>-1.7162942341144401E-2</v>
      </c>
      <c r="AJ5">
        <v>-1.6388691427599331E-2</v>
      </c>
      <c r="AK5">
        <v>1.1227163722255121E-3</v>
      </c>
      <c r="AL5">
        <v>3167.5644217807549</v>
      </c>
      <c r="AM5">
        <v>6031.4474741863378</v>
      </c>
      <c r="AN5">
        <v>276493</v>
      </c>
      <c r="AO5">
        <v>38.977833450629689</v>
      </c>
      <c r="AP5">
        <v>2877.129330925764</v>
      </c>
      <c r="AQ5">
        <v>1.0103790613718411</v>
      </c>
      <c r="AR5">
        <v>3.9684115523465699</v>
      </c>
      <c r="AS5">
        <v>2211</v>
      </c>
      <c r="AT5">
        <v>236.33212996389901</v>
      </c>
      <c r="AU5">
        <v>2.1136830183336841E-2</v>
      </c>
      <c r="AV5">
        <v>1.028208539433296E-2</v>
      </c>
      <c r="AW5">
        <v>0.3844765342960289</v>
      </c>
      <c r="AX5">
        <v>83.872234762979687</v>
      </c>
      <c r="AY5">
        <v>65</v>
      </c>
      <c r="AZ5">
        <v>130</v>
      </c>
      <c r="BA5">
        <v>0.58765121470369774</v>
      </c>
      <c r="BB5">
        <v>0.49503610108303248</v>
      </c>
      <c r="BC5">
        <v>5.2765239517903568</v>
      </c>
      <c r="BD5" t="s">
        <v>77</v>
      </c>
      <c r="BE5" t="s">
        <v>68</v>
      </c>
    </row>
    <row r="6" spans="1:57" x14ac:dyDescent="0.3">
      <c r="A6" t="s">
        <v>78</v>
      </c>
      <c r="B6">
        <v>1611</v>
      </c>
      <c r="C6" t="s">
        <v>79</v>
      </c>
      <c r="D6" t="s">
        <v>80</v>
      </c>
      <c r="E6" t="s">
        <v>66</v>
      </c>
      <c r="F6">
        <v>70</v>
      </c>
      <c r="G6">
        <v>106</v>
      </c>
      <c r="H6">
        <v>117.5</v>
      </c>
      <c r="I6">
        <v>4632.7714285714283</v>
      </c>
      <c r="J6">
        <v>68.064465241206648</v>
      </c>
      <c r="K6">
        <v>8.1348721184789488E-2</v>
      </c>
      <c r="L6">
        <v>-1.0916073026538251</v>
      </c>
      <c r="M6">
        <v>5.8327846240569219</v>
      </c>
      <c r="N6">
        <v>3</v>
      </c>
      <c r="O6">
        <v>1</v>
      </c>
      <c r="P6">
        <v>2</v>
      </c>
      <c r="Q6">
        <v>0.41499665326629109</v>
      </c>
      <c r="R6">
        <v>4.0429782169784536</v>
      </c>
      <c r="S6">
        <v>2</v>
      </c>
      <c r="T6">
        <v>1</v>
      </c>
      <c r="U6">
        <v>1</v>
      </c>
      <c r="V6">
        <v>0.1203728348804772</v>
      </c>
      <c r="W6">
        <v>4.2140152819723324</v>
      </c>
      <c r="X6">
        <v>1</v>
      </c>
      <c r="Y6">
        <v>1</v>
      </c>
      <c r="Z6">
        <v>0</v>
      </c>
      <c r="AA6">
        <v>0</v>
      </c>
      <c r="AB6">
        <v>4.2195077051761087</v>
      </c>
      <c r="AC6">
        <v>1</v>
      </c>
      <c r="AD6">
        <v>1</v>
      </c>
      <c r="AE6">
        <v>0</v>
      </c>
      <c r="AF6">
        <v>0</v>
      </c>
      <c r="AG6">
        <v>4.2046926193909648</v>
      </c>
      <c r="AH6">
        <v>7.3285352180428864E-2</v>
      </c>
      <c r="AI6">
        <v>4.2868508205517221E-2</v>
      </c>
      <c r="AJ6">
        <v>-9.2702917722807088E-2</v>
      </c>
      <c r="AK6">
        <v>-0.1181767161896304</v>
      </c>
      <c r="AL6">
        <v>609.38852072232055</v>
      </c>
      <c r="AM6">
        <v>859.91838613432503</v>
      </c>
      <c r="AN6">
        <v>7420</v>
      </c>
      <c r="AO6">
        <v>62.487587466202889</v>
      </c>
      <c r="AP6">
        <v>472.25120422545342</v>
      </c>
      <c r="AQ6">
        <v>1.328571428571429</v>
      </c>
      <c r="AR6">
        <v>3.6714285714285708</v>
      </c>
      <c r="AS6">
        <v>70</v>
      </c>
      <c r="AT6">
        <v>8.8571428571428559</v>
      </c>
      <c r="AU6">
        <v>0.15918367346938769</v>
      </c>
      <c r="AV6">
        <v>7.372191324342045E-2</v>
      </c>
      <c r="AW6">
        <v>0.41428571428571431</v>
      </c>
      <c r="AX6">
        <v>79.565217391304344</v>
      </c>
      <c r="AY6">
        <v>55.5</v>
      </c>
      <c r="AZ6">
        <v>116.5</v>
      </c>
      <c r="BA6">
        <v>0.6421175966151571</v>
      </c>
      <c r="BB6">
        <v>0.54285714285714282</v>
      </c>
      <c r="BC6">
        <v>3.9376627749855562</v>
      </c>
      <c r="BD6" t="s">
        <v>81</v>
      </c>
      <c r="BE6" t="s">
        <v>68</v>
      </c>
    </row>
    <row r="7" spans="1:57" x14ac:dyDescent="0.3">
      <c r="A7" t="s">
        <v>82</v>
      </c>
      <c r="B7">
        <v>3521</v>
      </c>
      <c r="C7" t="s">
        <v>83</v>
      </c>
      <c r="D7" t="s">
        <v>84</v>
      </c>
      <c r="E7" t="s">
        <v>85</v>
      </c>
      <c r="F7">
        <v>8</v>
      </c>
      <c r="G7">
        <v>130.25</v>
      </c>
      <c r="H7">
        <v>141.5</v>
      </c>
      <c r="I7">
        <v>6863.9375</v>
      </c>
      <c r="J7">
        <v>82.848883516918917</v>
      </c>
      <c r="K7">
        <v>-3.057959977456357E-3</v>
      </c>
      <c r="L7">
        <v>-1.6285949838362259</v>
      </c>
      <c r="M7">
        <v>3</v>
      </c>
      <c r="N7">
        <v>1</v>
      </c>
      <c r="O7">
        <v>1</v>
      </c>
      <c r="P7">
        <v>0</v>
      </c>
      <c r="Q7">
        <v>0</v>
      </c>
      <c r="R7">
        <v>2.0794415416798362</v>
      </c>
      <c r="S7">
        <v>1</v>
      </c>
      <c r="T7">
        <v>1</v>
      </c>
      <c r="U7">
        <v>0</v>
      </c>
      <c r="V7">
        <v>0</v>
      </c>
      <c r="W7">
        <v>1.945910149055313</v>
      </c>
      <c r="X7">
        <v>1</v>
      </c>
      <c r="Y7">
        <v>1</v>
      </c>
      <c r="Z7">
        <v>0</v>
      </c>
      <c r="AA7">
        <v>0</v>
      </c>
      <c r="AB7">
        <v>1.791759469228055</v>
      </c>
      <c r="AC7">
        <v>1</v>
      </c>
      <c r="AD7">
        <v>1</v>
      </c>
      <c r="AE7">
        <v>0</v>
      </c>
      <c r="AF7">
        <v>0</v>
      </c>
      <c r="AG7">
        <v>1.6094379124341009</v>
      </c>
      <c r="AH7">
        <v>0.40039313258607029</v>
      </c>
      <c r="AI7">
        <v>3.6492811159775283E-2</v>
      </c>
      <c r="AJ7">
        <v>-0.1561979275743697</v>
      </c>
      <c r="AK7">
        <v>0</v>
      </c>
      <c r="AL7">
        <v>294.39484552567671</v>
      </c>
      <c r="AM7">
        <v>322.43398537981841</v>
      </c>
      <c r="AN7">
        <v>1042</v>
      </c>
      <c r="AO7">
        <v>36.715119501371639</v>
      </c>
      <c r="AP7">
        <v>123.37061010059151</v>
      </c>
      <c r="AQ7">
        <v>3.5</v>
      </c>
      <c r="AR7">
        <v>4</v>
      </c>
      <c r="AS7">
        <v>8</v>
      </c>
      <c r="AT7">
        <v>0</v>
      </c>
      <c r="AU7">
        <v>0.32719123505976089</v>
      </c>
      <c r="AV7">
        <v>0.47835906454480731</v>
      </c>
      <c r="AW7">
        <v>0.375</v>
      </c>
      <c r="AX7">
        <v>62.428571428571431</v>
      </c>
      <c r="AY7">
        <v>80.5</v>
      </c>
      <c r="AZ7">
        <v>160.75</v>
      </c>
      <c r="BA7">
        <v>0.63607588112797631</v>
      </c>
      <c r="BB7">
        <v>0.5</v>
      </c>
      <c r="BC7">
        <v>1.945910149055313</v>
      </c>
      <c r="BD7" t="s">
        <v>83</v>
      </c>
      <c r="BE7" t="s">
        <v>68</v>
      </c>
    </row>
    <row r="8" spans="1:57" x14ac:dyDescent="0.3">
      <c r="A8" t="s">
        <v>86</v>
      </c>
      <c r="B8">
        <v>156</v>
      </c>
      <c r="C8" t="s">
        <v>87</v>
      </c>
      <c r="D8" t="s">
        <v>88</v>
      </c>
      <c r="E8" t="s">
        <v>60</v>
      </c>
      <c r="F8">
        <v>256</v>
      </c>
      <c r="G8">
        <v>126.05859375</v>
      </c>
      <c r="H8">
        <v>130.5</v>
      </c>
      <c r="I8">
        <v>5277.1489105224609</v>
      </c>
      <c r="J8">
        <v>72.643987435454434</v>
      </c>
      <c r="K8">
        <v>4.0437556563348867E-2</v>
      </c>
      <c r="L8">
        <v>-1.1632352646560109</v>
      </c>
      <c r="M8">
        <v>7.1640106700455277</v>
      </c>
      <c r="N8">
        <v>5</v>
      </c>
      <c r="O8">
        <v>1</v>
      </c>
      <c r="P8">
        <v>4</v>
      </c>
      <c r="Q8">
        <v>0.85149393088989533</v>
      </c>
      <c r="R8">
        <v>4.9657137974434216</v>
      </c>
      <c r="S8">
        <v>1</v>
      </c>
      <c r="T8">
        <v>1</v>
      </c>
      <c r="U8">
        <v>0</v>
      </c>
      <c r="V8">
        <v>0</v>
      </c>
      <c r="W8">
        <v>5.541263545158424</v>
      </c>
      <c r="X8">
        <v>1</v>
      </c>
      <c r="Y8">
        <v>1</v>
      </c>
      <c r="Z8">
        <v>0</v>
      </c>
      <c r="AA8">
        <v>0</v>
      </c>
      <c r="AB8">
        <v>5.5373342670185366</v>
      </c>
      <c r="AC8">
        <v>1</v>
      </c>
      <c r="AD8">
        <v>1</v>
      </c>
      <c r="AE8">
        <v>0</v>
      </c>
      <c r="AF8">
        <v>0</v>
      </c>
      <c r="AG8">
        <v>5.5333894887275203</v>
      </c>
      <c r="AH8">
        <v>-7.2223171194309863E-2</v>
      </c>
      <c r="AI8">
        <v>1.4898109259763131E-2</v>
      </c>
      <c r="AJ8">
        <v>7.430564993387857E-3</v>
      </c>
      <c r="AK8">
        <v>4.9555034404988832E-2</v>
      </c>
      <c r="AL8">
        <v>1144.594867054941</v>
      </c>
      <c r="AM8">
        <v>2027.039612417942</v>
      </c>
      <c r="AN8">
        <v>32271</v>
      </c>
      <c r="AO8">
        <v>13.99995346528733</v>
      </c>
      <c r="AP8">
        <v>936.28278237561869</v>
      </c>
      <c r="AQ8">
        <v>1.08984375</v>
      </c>
      <c r="AR8">
        <v>3.93359375</v>
      </c>
      <c r="AS8">
        <v>252</v>
      </c>
      <c r="AT8">
        <v>74.328125</v>
      </c>
      <c r="AU8">
        <v>4.0533088235294112E-2</v>
      </c>
      <c r="AV8">
        <v>-7.2661408921149168E-2</v>
      </c>
      <c r="AW8">
        <v>0.3515625</v>
      </c>
      <c r="AX8">
        <v>86.827450980392157</v>
      </c>
      <c r="AY8">
        <v>64</v>
      </c>
      <c r="AZ8">
        <v>125.25</v>
      </c>
      <c r="BA8">
        <v>0.57627159937641648</v>
      </c>
      <c r="BB8">
        <v>0.51953125</v>
      </c>
      <c r="BC8">
        <v>4.8495174135047314</v>
      </c>
      <c r="BD8" t="s">
        <v>89</v>
      </c>
      <c r="BE8" t="s">
        <v>62</v>
      </c>
    </row>
    <row r="9" spans="1:57" x14ac:dyDescent="0.3">
      <c r="A9" t="s">
        <v>90</v>
      </c>
      <c r="B9">
        <v>1591</v>
      </c>
      <c r="C9" t="s">
        <v>91</v>
      </c>
      <c r="D9" t="s">
        <v>92</v>
      </c>
      <c r="E9" t="s">
        <v>93</v>
      </c>
      <c r="F9">
        <v>1593</v>
      </c>
      <c r="G9">
        <v>129.80539861895801</v>
      </c>
      <c r="H9">
        <v>135</v>
      </c>
      <c r="I9">
        <v>5701.403436014989</v>
      </c>
      <c r="J9">
        <v>75.507638262728022</v>
      </c>
      <c r="K9">
        <v>-9.3768664914412728E-2</v>
      </c>
      <c r="L9">
        <v>-1.2277872330332289</v>
      </c>
      <c r="M9">
        <v>7.8654776728722524</v>
      </c>
      <c r="N9">
        <v>15</v>
      </c>
      <c r="O9">
        <v>1</v>
      </c>
      <c r="P9">
        <v>14</v>
      </c>
      <c r="Q9">
        <v>2.5800405028874631</v>
      </c>
      <c r="R9">
        <v>5.451933672708603</v>
      </c>
      <c r="S9">
        <v>2</v>
      </c>
      <c r="T9">
        <v>1</v>
      </c>
      <c r="U9">
        <v>1</v>
      </c>
      <c r="V9">
        <v>0.1002457749143731</v>
      </c>
      <c r="W9">
        <v>7.3588137597599079</v>
      </c>
      <c r="X9">
        <v>1</v>
      </c>
      <c r="Y9">
        <v>1</v>
      </c>
      <c r="Z9">
        <v>0</v>
      </c>
      <c r="AA9">
        <v>0</v>
      </c>
      <c r="AB9">
        <v>7.3721180283377858</v>
      </c>
      <c r="AC9">
        <v>1</v>
      </c>
      <c r="AD9">
        <v>1</v>
      </c>
      <c r="AE9">
        <v>0</v>
      </c>
      <c r="AF9">
        <v>0</v>
      </c>
      <c r="AG9">
        <v>7.3714892952142783</v>
      </c>
      <c r="AH9">
        <v>-2.400085883703646E-3</v>
      </c>
      <c r="AI9">
        <v>-2.772123231093649E-2</v>
      </c>
      <c r="AJ9">
        <v>3.1528569107271483E-2</v>
      </c>
      <c r="AK9">
        <v>-6.3638887482147027E-3</v>
      </c>
      <c r="AL9">
        <v>2774.5692750545568</v>
      </c>
      <c r="AM9">
        <v>5312.7451790880414</v>
      </c>
      <c r="AN9">
        <v>206780</v>
      </c>
      <c r="AO9">
        <v>118.4483099892029</v>
      </c>
      <c r="AP9">
        <v>2476.2021245787928</v>
      </c>
      <c r="AQ9">
        <v>1.01443816698054</v>
      </c>
      <c r="AR9">
        <v>3.975517890772128</v>
      </c>
      <c r="AS9">
        <v>1590</v>
      </c>
      <c r="AT9">
        <v>271.71751412429381</v>
      </c>
      <c r="AU9">
        <v>3.7716480189062478E-2</v>
      </c>
      <c r="AV9">
        <v>-2.40074159798455E-3</v>
      </c>
      <c r="AW9">
        <v>0.33145009416195859</v>
      </c>
      <c r="AX9">
        <v>87.798366834170849</v>
      </c>
      <c r="AY9">
        <v>66</v>
      </c>
      <c r="AZ9">
        <v>137</v>
      </c>
      <c r="BA9">
        <v>0.58169875110032754</v>
      </c>
      <c r="BB9">
        <v>0.52354048964218458</v>
      </c>
      <c r="BC9">
        <v>5.291667713134796</v>
      </c>
      <c r="BD9" t="s">
        <v>94</v>
      </c>
      <c r="BE9" t="s">
        <v>68</v>
      </c>
    </row>
    <row r="10" spans="1:57" x14ac:dyDescent="0.3">
      <c r="A10" t="s">
        <v>95</v>
      </c>
      <c r="B10">
        <v>1296</v>
      </c>
      <c r="C10" t="s">
        <v>96</v>
      </c>
      <c r="D10" t="s">
        <v>97</v>
      </c>
      <c r="E10" t="s">
        <v>98</v>
      </c>
      <c r="F10">
        <v>16</v>
      </c>
      <c r="G10">
        <v>99.6875</v>
      </c>
      <c r="H10">
        <v>75.5</v>
      </c>
      <c r="I10">
        <v>4561.21484375</v>
      </c>
      <c r="J10">
        <v>67.53676660715999</v>
      </c>
      <c r="K10">
        <v>0.40431294360775649</v>
      </c>
      <c r="L10">
        <v>-1.303574478186543</v>
      </c>
      <c r="M10">
        <v>4</v>
      </c>
      <c r="N10">
        <v>1</v>
      </c>
      <c r="O10">
        <v>1</v>
      </c>
      <c r="P10">
        <v>0</v>
      </c>
      <c r="Q10">
        <v>0</v>
      </c>
      <c r="R10">
        <v>2.7725887222397811</v>
      </c>
      <c r="S10">
        <v>1</v>
      </c>
      <c r="T10">
        <v>1</v>
      </c>
      <c r="U10">
        <v>0</v>
      </c>
      <c r="V10">
        <v>0</v>
      </c>
      <c r="W10">
        <v>2.7080502011022101</v>
      </c>
      <c r="X10">
        <v>1</v>
      </c>
      <c r="Y10">
        <v>1</v>
      </c>
      <c r="Z10">
        <v>0</v>
      </c>
      <c r="AA10">
        <v>0</v>
      </c>
      <c r="AB10">
        <v>2.639057329615258</v>
      </c>
      <c r="AC10">
        <v>1</v>
      </c>
      <c r="AD10">
        <v>1</v>
      </c>
      <c r="AE10">
        <v>0</v>
      </c>
      <c r="AF10">
        <v>0</v>
      </c>
      <c r="AG10">
        <v>2.5649493574615372</v>
      </c>
      <c r="AH10">
        <v>0.44892220282939288</v>
      </c>
      <c r="AI10">
        <v>0.25426243779283719</v>
      </c>
      <c r="AJ10">
        <v>-0.15387023613671999</v>
      </c>
      <c r="AK10">
        <v>-8.2318242895473126E-2</v>
      </c>
      <c r="AL10">
        <v>321.74283245392661</v>
      </c>
      <c r="AM10">
        <v>358.41672640171879</v>
      </c>
      <c r="AN10">
        <v>1595</v>
      </c>
      <c r="AO10">
        <v>3</v>
      </c>
      <c r="AP10">
        <v>195.00844636153781</v>
      </c>
      <c r="AQ10">
        <v>2.25</v>
      </c>
      <c r="AR10">
        <v>3.875</v>
      </c>
      <c r="AS10">
        <v>16</v>
      </c>
      <c r="AT10">
        <v>0</v>
      </c>
      <c r="AU10">
        <v>0.33944954128440358</v>
      </c>
      <c r="AV10">
        <v>0.46602036221452159</v>
      </c>
      <c r="AW10">
        <v>0.375</v>
      </c>
      <c r="AX10">
        <v>60</v>
      </c>
      <c r="AY10">
        <v>55</v>
      </c>
      <c r="AZ10">
        <v>100.5</v>
      </c>
      <c r="BA10">
        <v>0.67748480609063311</v>
      </c>
      <c r="BB10">
        <v>0.4375</v>
      </c>
      <c r="BC10">
        <v>2.7080502011022101</v>
      </c>
      <c r="BD10" t="s">
        <v>96</v>
      </c>
      <c r="BE10" t="s">
        <v>62</v>
      </c>
    </row>
    <row r="11" spans="1:57" x14ac:dyDescent="0.3">
      <c r="A11" t="s">
        <v>99</v>
      </c>
      <c r="B11">
        <v>3353</v>
      </c>
      <c r="C11" t="s">
        <v>100</v>
      </c>
      <c r="D11" t="s">
        <v>101</v>
      </c>
      <c r="E11" t="s">
        <v>72</v>
      </c>
      <c r="F11">
        <v>3376</v>
      </c>
      <c r="G11">
        <v>126.1845379146919</v>
      </c>
      <c r="H11">
        <v>124</v>
      </c>
      <c r="I11">
        <v>5402.922403104013</v>
      </c>
      <c r="J11">
        <v>73.504574028450861</v>
      </c>
      <c r="K11">
        <v>2.7692237983427959E-2</v>
      </c>
      <c r="L11">
        <v>-1.1940541567737919</v>
      </c>
      <c r="M11">
        <v>7.9546962451992709</v>
      </c>
      <c r="N11">
        <v>22</v>
      </c>
      <c r="O11">
        <v>6</v>
      </c>
      <c r="P11">
        <v>16</v>
      </c>
      <c r="Q11">
        <v>3.2781235104858388</v>
      </c>
      <c r="R11">
        <v>5.5137752745706523</v>
      </c>
      <c r="S11">
        <v>3</v>
      </c>
      <c r="T11">
        <v>1</v>
      </c>
      <c r="U11">
        <v>2</v>
      </c>
      <c r="V11">
        <v>0.14808344452669861</v>
      </c>
      <c r="W11">
        <v>8.0944212871156989</v>
      </c>
      <c r="X11">
        <v>1</v>
      </c>
      <c r="Y11">
        <v>1</v>
      </c>
      <c r="Z11">
        <v>0</v>
      </c>
      <c r="AA11">
        <v>0</v>
      </c>
      <c r="AB11">
        <v>8.1238542631059136</v>
      </c>
      <c r="AC11">
        <v>1</v>
      </c>
      <c r="AD11">
        <v>1</v>
      </c>
      <c r="AE11">
        <v>0</v>
      </c>
      <c r="AF11">
        <v>0</v>
      </c>
      <c r="AG11">
        <v>8.1235578350616535</v>
      </c>
      <c r="AH11">
        <v>-1.8429861386278709E-2</v>
      </c>
      <c r="AI11">
        <v>6.8317043378900728E-3</v>
      </c>
      <c r="AJ11">
        <v>3.6783228055139811E-2</v>
      </c>
      <c r="AK11">
        <v>2.5508537811770059E-2</v>
      </c>
      <c r="AL11">
        <v>3896.8080527282882</v>
      </c>
      <c r="AM11">
        <v>7537.216993041392</v>
      </c>
      <c r="AN11">
        <v>425998.99999999988</v>
      </c>
      <c r="AO11">
        <v>55.409422683132227</v>
      </c>
      <c r="AP11">
        <v>3549.0598491880869</v>
      </c>
      <c r="AQ11">
        <v>1.0068127962085309</v>
      </c>
      <c r="AR11">
        <v>3.9546800947867302</v>
      </c>
      <c r="AS11">
        <v>3365</v>
      </c>
      <c r="AT11">
        <v>208.6066350710901</v>
      </c>
      <c r="AU11">
        <v>1.859957253043398E-2</v>
      </c>
      <c r="AV11">
        <v>-1.843583616034641E-2</v>
      </c>
      <c r="AW11">
        <v>0.38329383886255919</v>
      </c>
      <c r="AX11">
        <v>86.333629629629627</v>
      </c>
      <c r="AY11">
        <v>63</v>
      </c>
      <c r="AZ11">
        <v>127</v>
      </c>
      <c r="BA11">
        <v>0.58251648928765121</v>
      </c>
      <c r="BB11">
        <v>0.48992890995260657</v>
      </c>
      <c r="BC11">
        <v>5.3198432829271738</v>
      </c>
      <c r="BD11" t="s">
        <v>102</v>
      </c>
      <c r="BE11" t="s">
        <v>62</v>
      </c>
    </row>
    <row r="12" spans="1:57" x14ac:dyDescent="0.3">
      <c r="A12" t="s">
        <v>103</v>
      </c>
      <c r="B12">
        <v>2331</v>
      </c>
      <c r="C12" t="s">
        <v>104</v>
      </c>
      <c r="D12" t="s">
        <v>105</v>
      </c>
      <c r="E12" t="s">
        <v>106</v>
      </c>
      <c r="F12">
        <v>2357</v>
      </c>
      <c r="G12">
        <v>127.50275774289349</v>
      </c>
      <c r="H12">
        <v>126</v>
      </c>
      <c r="I12">
        <v>5515.2928434767373</v>
      </c>
      <c r="J12">
        <v>74.265017629276414</v>
      </c>
      <c r="K12">
        <v>3.3003036396563643E-2</v>
      </c>
      <c r="L12">
        <v>-1.2266588606672411</v>
      </c>
      <c r="M12">
        <v>7.9093082156473287</v>
      </c>
      <c r="N12">
        <v>19</v>
      </c>
      <c r="O12">
        <v>2</v>
      </c>
      <c r="P12">
        <v>17</v>
      </c>
      <c r="Q12">
        <v>3.235561282300714</v>
      </c>
      <c r="R12">
        <v>5.482314689855551</v>
      </c>
      <c r="S12">
        <v>3</v>
      </c>
      <c r="T12">
        <v>1</v>
      </c>
      <c r="U12">
        <v>2</v>
      </c>
      <c r="V12">
        <v>0.15966884444555379</v>
      </c>
      <c r="W12">
        <v>7.7313253917535469</v>
      </c>
      <c r="X12">
        <v>1</v>
      </c>
      <c r="Y12">
        <v>1</v>
      </c>
      <c r="Z12">
        <v>0</v>
      </c>
      <c r="AA12">
        <v>0</v>
      </c>
      <c r="AB12">
        <v>7.7642960064505182</v>
      </c>
      <c r="AC12">
        <v>1</v>
      </c>
      <c r="AD12">
        <v>1</v>
      </c>
      <c r="AE12">
        <v>0</v>
      </c>
      <c r="AF12">
        <v>0</v>
      </c>
      <c r="AG12">
        <v>7.7638712878202254</v>
      </c>
      <c r="AH12">
        <v>2.639246352916098E-2</v>
      </c>
      <c r="AI12">
        <v>2.871573873306708E-2</v>
      </c>
      <c r="AJ12">
        <v>3.470653009606426E-2</v>
      </c>
      <c r="AK12">
        <v>1.9595161030603221E-2</v>
      </c>
      <c r="AL12">
        <v>3327.3521079166389</v>
      </c>
      <c r="AM12">
        <v>6343.9665785644447</v>
      </c>
      <c r="AN12">
        <v>300523.99999999988</v>
      </c>
      <c r="AO12">
        <v>2.3162569366651748</v>
      </c>
      <c r="AP12">
        <v>2982.4403260046352</v>
      </c>
      <c r="AQ12">
        <v>1.009758167161646</v>
      </c>
      <c r="AR12">
        <v>4.0148493848112006</v>
      </c>
      <c r="AS12">
        <v>2348</v>
      </c>
      <c r="AT12">
        <v>291.08485362749258</v>
      </c>
      <c r="AU12">
        <v>2.1309907076958901E-2</v>
      </c>
      <c r="AV12">
        <v>2.640680097901844E-2</v>
      </c>
      <c r="AW12">
        <v>0.38268985999151461</v>
      </c>
      <c r="AX12">
        <v>84.360780984719867</v>
      </c>
      <c r="AY12">
        <v>64</v>
      </c>
      <c r="AZ12">
        <v>130</v>
      </c>
      <c r="BA12">
        <v>0.5824581283099004</v>
      </c>
      <c r="BB12">
        <v>0.49469664828171411</v>
      </c>
      <c r="BC12">
        <v>5.3008766603055637</v>
      </c>
      <c r="BD12" t="s">
        <v>107</v>
      </c>
      <c r="BE12" t="s">
        <v>68</v>
      </c>
    </row>
    <row r="13" spans="1:57" x14ac:dyDescent="0.3">
      <c r="A13" t="s">
        <v>108</v>
      </c>
      <c r="B13">
        <v>1777</v>
      </c>
      <c r="C13" t="s">
        <v>109</v>
      </c>
      <c r="D13" t="s">
        <v>110</v>
      </c>
      <c r="E13" t="s">
        <v>66</v>
      </c>
      <c r="F13">
        <v>70</v>
      </c>
      <c r="G13">
        <v>107.1571428571429</v>
      </c>
      <c r="H13">
        <v>93</v>
      </c>
      <c r="I13">
        <v>5826.5038775510193</v>
      </c>
      <c r="J13">
        <v>76.33153920596007</v>
      </c>
      <c r="K13">
        <v>0.30431128603166202</v>
      </c>
      <c r="L13">
        <v>-1.179887356599242</v>
      </c>
      <c r="M13">
        <v>5.8042131954854916</v>
      </c>
      <c r="N13">
        <v>3</v>
      </c>
      <c r="O13">
        <v>1</v>
      </c>
      <c r="P13">
        <v>2</v>
      </c>
      <c r="Q13">
        <v>0.4307886449877571</v>
      </c>
      <c r="R13">
        <v>4.0231740118195969</v>
      </c>
      <c r="S13">
        <v>2</v>
      </c>
      <c r="T13">
        <v>1</v>
      </c>
      <c r="U13">
        <v>1</v>
      </c>
      <c r="V13">
        <v>0.1203728348804772</v>
      </c>
      <c r="W13">
        <v>4.2140152819723324</v>
      </c>
      <c r="X13">
        <v>1</v>
      </c>
      <c r="Y13">
        <v>1</v>
      </c>
      <c r="Z13">
        <v>0</v>
      </c>
      <c r="AA13">
        <v>0</v>
      </c>
      <c r="AB13">
        <v>4.2195077051761087</v>
      </c>
      <c r="AC13">
        <v>1</v>
      </c>
      <c r="AD13">
        <v>1</v>
      </c>
      <c r="AE13">
        <v>0</v>
      </c>
      <c r="AF13">
        <v>0</v>
      </c>
      <c r="AG13">
        <v>4.2046926193909648</v>
      </c>
      <c r="AH13">
        <v>0.14414144146961139</v>
      </c>
      <c r="AI13">
        <v>3.2331375771186312E-2</v>
      </c>
      <c r="AJ13">
        <v>-0.11265297374419279</v>
      </c>
      <c r="AK13">
        <v>-0.12870081070124301</v>
      </c>
      <c r="AL13">
        <v>670.25765123392728</v>
      </c>
      <c r="AM13">
        <v>873.15272487828781</v>
      </c>
      <c r="AN13">
        <v>7501</v>
      </c>
      <c r="AO13">
        <v>99.179653205917347</v>
      </c>
      <c r="AP13">
        <v>485.85680280227979</v>
      </c>
      <c r="AQ13">
        <v>1.328571428571429</v>
      </c>
      <c r="AR13">
        <v>3.5571428571428569</v>
      </c>
      <c r="AS13">
        <v>69</v>
      </c>
      <c r="AT13">
        <v>9.2285714285714278</v>
      </c>
      <c r="AU13">
        <v>0.15306122448979589</v>
      </c>
      <c r="AV13">
        <v>0.1450097075926251</v>
      </c>
      <c r="AW13">
        <v>0.42857142857142849</v>
      </c>
      <c r="AX13">
        <v>79.971014492753625</v>
      </c>
      <c r="AY13">
        <v>61</v>
      </c>
      <c r="AZ13">
        <v>135</v>
      </c>
      <c r="BA13">
        <v>0.7123327215594194</v>
      </c>
      <c r="BB13">
        <v>0.45714285714285707</v>
      </c>
      <c r="BC13">
        <v>3.9577539976104821</v>
      </c>
      <c r="BD13" t="s">
        <v>111</v>
      </c>
      <c r="BE13" t="s">
        <v>68</v>
      </c>
    </row>
    <row r="14" spans="1:57" x14ac:dyDescent="0.3">
      <c r="A14" t="s">
        <v>112</v>
      </c>
      <c r="B14">
        <v>2339</v>
      </c>
      <c r="C14" t="s">
        <v>113</v>
      </c>
      <c r="D14" t="s">
        <v>114</v>
      </c>
      <c r="E14" t="s">
        <v>115</v>
      </c>
      <c r="F14">
        <v>2395</v>
      </c>
      <c r="G14">
        <v>129.38329853862211</v>
      </c>
      <c r="H14">
        <v>131</v>
      </c>
      <c r="I14">
        <v>5501.0530822302908</v>
      </c>
      <c r="J14">
        <v>74.169084410084849</v>
      </c>
      <c r="K14">
        <v>-4.2961055181904698E-2</v>
      </c>
      <c r="L14">
        <v>-1.189216081340154</v>
      </c>
      <c r="M14">
        <v>7.9294833119111656</v>
      </c>
      <c r="N14">
        <v>20</v>
      </c>
      <c r="O14">
        <v>3</v>
      </c>
      <c r="P14">
        <v>17</v>
      </c>
      <c r="Q14">
        <v>2.9252753234137532</v>
      </c>
      <c r="R14">
        <v>5.4962990009483654</v>
      </c>
      <c r="S14">
        <v>3</v>
      </c>
      <c r="T14">
        <v>1</v>
      </c>
      <c r="U14">
        <v>2</v>
      </c>
      <c r="V14">
        <v>0.1292972660620394</v>
      </c>
      <c r="W14">
        <v>7.7584976472430967</v>
      </c>
      <c r="X14">
        <v>1</v>
      </c>
      <c r="Y14">
        <v>1</v>
      </c>
      <c r="Z14">
        <v>0</v>
      </c>
      <c r="AA14">
        <v>0</v>
      </c>
      <c r="AB14">
        <v>7.7803030879083757</v>
      </c>
      <c r="AC14">
        <v>1</v>
      </c>
      <c r="AD14">
        <v>1</v>
      </c>
      <c r="AE14">
        <v>0</v>
      </c>
      <c r="AF14">
        <v>0</v>
      </c>
      <c r="AG14">
        <v>7.7798851150705222</v>
      </c>
      <c r="AH14">
        <v>3.1152794445556309E-3</v>
      </c>
      <c r="AI14">
        <v>-8.1485316678896209E-3</v>
      </c>
      <c r="AJ14">
        <v>-8.6525354356680288E-3</v>
      </c>
      <c r="AK14">
        <v>-3.4670779396394347E-2</v>
      </c>
      <c r="AL14">
        <v>3343.4959735002358</v>
      </c>
      <c r="AM14">
        <v>6487.5609958741579</v>
      </c>
      <c r="AN14">
        <v>309873</v>
      </c>
      <c r="AO14">
        <v>62.75065608018231</v>
      </c>
      <c r="AP14">
        <v>3014.4382409308032</v>
      </c>
      <c r="AQ14">
        <v>1.0096033402922751</v>
      </c>
      <c r="AR14">
        <v>3.9853862212943629</v>
      </c>
      <c r="AS14">
        <v>2381</v>
      </c>
      <c r="AT14">
        <v>234.15741127348639</v>
      </c>
      <c r="AU14">
        <v>2.1220680338941419E-2</v>
      </c>
      <c r="AV14">
        <v>3.117599394317824E-3</v>
      </c>
      <c r="AW14">
        <v>0.34822546972860119</v>
      </c>
      <c r="AX14">
        <v>85.812447786131997</v>
      </c>
      <c r="AY14">
        <v>64</v>
      </c>
      <c r="AZ14">
        <v>128</v>
      </c>
      <c r="BA14">
        <v>0.57325083876992577</v>
      </c>
      <c r="BB14">
        <v>0.50814196242171195</v>
      </c>
      <c r="BC14">
        <v>5.3029283706805508</v>
      </c>
      <c r="BD14" t="s">
        <v>116</v>
      </c>
      <c r="BE14" t="s">
        <v>68</v>
      </c>
    </row>
    <row r="15" spans="1:57" x14ac:dyDescent="0.3">
      <c r="A15" t="s">
        <v>117</v>
      </c>
      <c r="B15">
        <v>1843</v>
      </c>
      <c r="C15" t="s">
        <v>118</v>
      </c>
      <c r="D15" t="s">
        <v>119</v>
      </c>
      <c r="E15" t="s">
        <v>72</v>
      </c>
      <c r="F15">
        <v>1912</v>
      </c>
      <c r="G15">
        <v>129.17677824267781</v>
      </c>
      <c r="H15">
        <v>129</v>
      </c>
      <c r="I15">
        <v>5572.7480381558453</v>
      </c>
      <c r="J15">
        <v>74.650840840246701</v>
      </c>
      <c r="K15">
        <v>-2.0857256860239509E-2</v>
      </c>
      <c r="L15">
        <v>-1.222104674327982</v>
      </c>
      <c r="M15">
        <v>7.9127654877678397</v>
      </c>
      <c r="N15">
        <v>15</v>
      </c>
      <c r="O15">
        <v>1</v>
      </c>
      <c r="P15">
        <v>14</v>
      </c>
      <c r="Q15">
        <v>2.538569663708286</v>
      </c>
      <c r="R15">
        <v>5.4847110882783099</v>
      </c>
      <c r="S15">
        <v>2</v>
      </c>
      <c r="T15">
        <v>1</v>
      </c>
      <c r="U15">
        <v>1</v>
      </c>
      <c r="V15">
        <v>0.1072880968298249</v>
      </c>
      <c r="W15">
        <v>7.5394225115115248</v>
      </c>
      <c r="X15">
        <v>1</v>
      </c>
      <c r="Y15">
        <v>1</v>
      </c>
      <c r="Z15">
        <v>0</v>
      </c>
      <c r="AA15">
        <v>0</v>
      </c>
      <c r="AB15">
        <v>7.554858521040674</v>
      </c>
      <c r="AC15">
        <v>1</v>
      </c>
      <c r="AD15">
        <v>1</v>
      </c>
      <c r="AE15">
        <v>0</v>
      </c>
      <c r="AF15">
        <v>0</v>
      </c>
      <c r="AG15">
        <v>7.5543348237257497</v>
      </c>
      <c r="AH15">
        <v>9.0749113462372591E-3</v>
      </c>
      <c r="AI15">
        <v>-3.1833456629703199E-3</v>
      </c>
      <c r="AJ15">
        <v>4.1036048665184413E-2</v>
      </c>
      <c r="AK15">
        <v>-1.0223596931204769E-2</v>
      </c>
      <c r="AL15">
        <v>3015.991820246084</v>
      </c>
      <c r="AM15">
        <v>5784.785505116738</v>
      </c>
      <c r="AN15">
        <v>246986</v>
      </c>
      <c r="AO15">
        <v>83.246913922165632</v>
      </c>
      <c r="AP15">
        <v>2707.9237854792109</v>
      </c>
      <c r="AQ15">
        <v>1.012029288702929</v>
      </c>
      <c r="AR15">
        <v>4.0543933054393309</v>
      </c>
      <c r="AS15">
        <v>1903</v>
      </c>
      <c r="AT15">
        <v>220.88702928870291</v>
      </c>
      <c r="AU15">
        <v>2.5682992862416931E-2</v>
      </c>
      <c r="AV15">
        <v>9.076645730543887E-3</v>
      </c>
      <c r="AW15">
        <v>0.36035564853556479</v>
      </c>
      <c r="AX15">
        <v>85.882783882783883</v>
      </c>
      <c r="AY15">
        <v>66</v>
      </c>
      <c r="AZ15">
        <v>133</v>
      </c>
      <c r="BA15">
        <v>0.57789675401258256</v>
      </c>
      <c r="BB15">
        <v>0.4989539748953975</v>
      </c>
      <c r="BC15">
        <v>5.2785592896109437</v>
      </c>
      <c r="BD15" t="s">
        <v>120</v>
      </c>
      <c r="BE15" t="s">
        <v>68</v>
      </c>
    </row>
    <row r="16" spans="1:57" x14ac:dyDescent="0.3">
      <c r="A16" t="s">
        <v>121</v>
      </c>
      <c r="B16">
        <v>715</v>
      </c>
      <c r="C16" t="s">
        <v>122</v>
      </c>
      <c r="D16" t="s">
        <v>123</v>
      </c>
      <c r="E16" t="s">
        <v>72</v>
      </c>
      <c r="F16">
        <v>720</v>
      </c>
      <c r="G16">
        <v>128.4041666666667</v>
      </c>
      <c r="H16">
        <v>124</v>
      </c>
      <c r="I16">
        <v>5328.7435937500004</v>
      </c>
      <c r="J16">
        <v>72.998243771682624</v>
      </c>
      <c r="K16">
        <v>1.3027585690973341E-2</v>
      </c>
      <c r="L16">
        <v>-1.1657474098807481</v>
      </c>
      <c r="M16">
        <v>7.7312658443132189</v>
      </c>
      <c r="N16">
        <v>9</v>
      </c>
      <c r="O16">
        <v>1</v>
      </c>
      <c r="P16">
        <v>8</v>
      </c>
      <c r="Q16">
        <v>1.5638626153296551</v>
      </c>
      <c r="R16">
        <v>5.3589051221451047</v>
      </c>
      <c r="S16">
        <v>2</v>
      </c>
      <c r="T16">
        <v>1</v>
      </c>
      <c r="U16">
        <v>1</v>
      </c>
      <c r="V16">
        <v>9.8665105560019534E-2</v>
      </c>
      <c r="W16">
        <v>6.5643647505891431</v>
      </c>
      <c r="X16">
        <v>1</v>
      </c>
      <c r="Y16">
        <v>1</v>
      </c>
      <c r="Z16">
        <v>0</v>
      </c>
      <c r="AA16">
        <v>0</v>
      </c>
      <c r="AB16">
        <v>6.576469569048224</v>
      </c>
      <c r="AC16">
        <v>1</v>
      </c>
      <c r="AD16">
        <v>1</v>
      </c>
      <c r="AE16">
        <v>0</v>
      </c>
      <c r="AF16">
        <v>0</v>
      </c>
      <c r="AG16">
        <v>6.5750758405996192</v>
      </c>
      <c r="AH16">
        <v>1.208431309585487E-2</v>
      </c>
      <c r="AI16">
        <v>-2.090644363620477E-2</v>
      </c>
      <c r="AJ16">
        <v>1.316006545051642E-2</v>
      </c>
      <c r="AK16">
        <v>2.4589889726567601E-2</v>
      </c>
      <c r="AL16">
        <v>1857.362402706988</v>
      </c>
      <c r="AM16">
        <v>3501.141800186123</v>
      </c>
      <c r="AN16">
        <v>92451</v>
      </c>
      <c r="AO16">
        <v>132.35127181082109</v>
      </c>
      <c r="AP16">
        <v>1641.939301157013</v>
      </c>
      <c r="AQ16">
        <v>1.031944444444445</v>
      </c>
      <c r="AR16">
        <v>4.05</v>
      </c>
      <c r="AS16">
        <v>718</v>
      </c>
      <c r="AT16">
        <v>198.92777777777769</v>
      </c>
      <c r="AU16">
        <v>2.254901960784314E-2</v>
      </c>
      <c r="AV16">
        <v>1.209118907412909E-2</v>
      </c>
      <c r="AW16">
        <v>0.3972222222222222</v>
      </c>
      <c r="AX16">
        <v>83.044506258692635</v>
      </c>
      <c r="AY16">
        <v>62</v>
      </c>
      <c r="AZ16">
        <v>125</v>
      </c>
      <c r="BA16">
        <v>0.56850369942576595</v>
      </c>
      <c r="BB16">
        <v>0.4861111111111111</v>
      </c>
      <c r="BC16">
        <v>5.1588874222518886</v>
      </c>
      <c r="BD16" t="s">
        <v>124</v>
      </c>
      <c r="BE16" t="s">
        <v>62</v>
      </c>
    </row>
    <row r="17" spans="1:57" x14ac:dyDescent="0.3">
      <c r="A17" t="s">
        <v>125</v>
      </c>
      <c r="B17">
        <v>700</v>
      </c>
      <c r="C17" t="s">
        <v>126</v>
      </c>
      <c r="D17" t="s">
        <v>127</v>
      </c>
      <c r="E17" t="s">
        <v>128</v>
      </c>
      <c r="F17">
        <v>32</v>
      </c>
      <c r="G17">
        <v>134.78125</v>
      </c>
      <c r="H17">
        <v>140</v>
      </c>
      <c r="I17">
        <v>4412.1708984375</v>
      </c>
      <c r="J17">
        <v>66.424174051601881</v>
      </c>
      <c r="K17">
        <v>-0.38154092638219128</v>
      </c>
      <c r="L17">
        <v>-0.88972374178519065</v>
      </c>
      <c r="M17">
        <v>4.9375</v>
      </c>
      <c r="N17">
        <v>2</v>
      </c>
      <c r="O17">
        <v>1</v>
      </c>
      <c r="P17">
        <v>1</v>
      </c>
      <c r="Q17">
        <v>0.1766846959694085</v>
      </c>
      <c r="R17">
        <v>3.422414204014729</v>
      </c>
      <c r="S17">
        <v>1</v>
      </c>
      <c r="T17">
        <v>1</v>
      </c>
      <c r="U17">
        <v>0</v>
      </c>
      <c r="V17">
        <v>0</v>
      </c>
      <c r="W17">
        <v>3.4339872044851458</v>
      </c>
      <c r="X17">
        <v>1</v>
      </c>
      <c r="Y17">
        <v>1</v>
      </c>
      <c r="Z17">
        <v>0</v>
      </c>
      <c r="AA17">
        <v>0</v>
      </c>
      <c r="AB17">
        <v>3.401197381662155</v>
      </c>
      <c r="AC17">
        <v>1</v>
      </c>
      <c r="AD17">
        <v>1</v>
      </c>
      <c r="AE17">
        <v>0</v>
      </c>
      <c r="AF17">
        <v>0</v>
      </c>
      <c r="AG17">
        <v>3.3672958299864728</v>
      </c>
      <c r="AH17">
        <v>4.4906737411585448E-2</v>
      </c>
      <c r="AI17">
        <v>-0.16073039762836419</v>
      </c>
      <c r="AJ17">
        <v>6.7249027680667581E-2</v>
      </c>
      <c r="AK17">
        <v>9.8641137806179321E-3</v>
      </c>
      <c r="AL17">
        <v>471.61260519500212</v>
      </c>
      <c r="AM17">
        <v>707.16515088144934</v>
      </c>
      <c r="AN17">
        <v>4313</v>
      </c>
      <c r="AO17">
        <v>61</v>
      </c>
      <c r="AP17">
        <v>436.05989019714309</v>
      </c>
      <c r="AQ17">
        <v>1.71875</v>
      </c>
      <c r="AR17">
        <v>3.96875</v>
      </c>
      <c r="AS17">
        <v>32</v>
      </c>
      <c r="AT17">
        <v>0.93749999999999978</v>
      </c>
      <c r="AU17">
        <v>0.16290983606557369</v>
      </c>
      <c r="AV17">
        <v>4.7036698057759063E-2</v>
      </c>
      <c r="AW17">
        <v>0.28125</v>
      </c>
      <c r="AX17">
        <v>74.451612903225808</v>
      </c>
      <c r="AY17">
        <v>51.5</v>
      </c>
      <c r="AZ17">
        <v>101</v>
      </c>
      <c r="BA17">
        <v>0.4928294851962115</v>
      </c>
      <c r="BB17">
        <v>0.53125</v>
      </c>
      <c r="BC17">
        <v>3.3276698862269418</v>
      </c>
      <c r="BD17" t="s">
        <v>129</v>
      </c>
      <c r="BE17" t="s">
        <v>62</v>
      </c>
    </row>
    <row r="18" spans="1:57" x14ac:dyDescent="0.3">
      <c r="A18" t="s">
        <v>130</v>
      </c>
      <c r="B18">
        <v>3050</v>
      </c>
      <c r="C18" t="s">
        <v>131</v>
      </c>
      <c r="D18" t="s">
        <v>132</v>
      </c>
      <c r="E18" t="s">
        <v>98</v>
      </c>
      <c r="F18">
        <v>16</v>
      </c>
      <c r="G18">
        <v>128.625</v>
      </c>
      <c r="H18">
        <v>153.5</v>
      </c>
      <c r="I18">
        <v>6235.609375</v>
      </c>
      <c r="J18">
        <v>78.965874749793031</v>
      </c>
      <c r="K18">
        <v>-0.31559154470039452</v>
      </c>
      <c r="L18">
        <v>-1.399442240603695</v>
      </c>
      <c r="M18">
        <v>4</v>
      </c>
      <c r="N18">
        <v>1</v>
      </c>
      <c r="O18">
        <v>1</v>
      </c>
      <c r="P18">
        <v>0</v>
      </c>
      <c r="Q18">
        <v>0</v>
      </c>
      <c r="R18">
        <v>2.7725887222397811</v>
      </c>
      <c r="S18">
        <v>1</v>
      </c>
      <c r="T18">
        <v>1</v>
      </c>
      <c r="U18">
        <v>0</v>
      </c>
      <c r="V18">
        <v>0</v>
      </c>
      <c r="W18">
        <v>2.7080502011022101</v>
      </c>
      <c r="X18">
        <v>1</v>
      </c>
      <c r="Y18">
        <v>1</v>
      </c>
      <c r="Z18">
        <v>0</v>
      </c>
      <c r="AA18">
        <v>0</v>
      </c>
      <c r="AB18">
        <v>2.639057329615258</v>
      </c>
      <c r="AC18">
        <v>1</v>
      </c>
      <c r="AD18">
        <v>1</v>
      </c>
      <c r="AE18">
        <v>0</v>
      </c>
      <c r="AF18">
        <v>0</v>
      </c>
      <c r="AG18">
        <v>2.5649493574615372</v>
      </c>
      <c r="AH18">
        <v>-0.26220388068527778</v>
      </c>
      <c r="AI18">
        <v>6.3750222387046168E-2</v>
      </c>
      <c r="AJ18">
        <v>0.10693418471029539</v>
      </c>
      <c r="AK18">
        <v>-7.3776432736375505E-2</v>
      </c>
      <c r="AL18">
        <v>410.74336874131598</v>
      </c>
      <c r="AM18">
        <v>442.45890773611438</v>
      </c>
      <c r="AN18">
        <v>2058</v>
      </c>
      <c r="AO18">
        <v>96.53126829175747</v>
      </c>
      <c r="AP18">
        <v>302.85487394588432</v>
      </c>
      <c r="AQ18">
        <v>2.3125</v>
      </c>
      <c r="AR18">
        <v>3.625</v>
      </c>
      <c r="AS18">
        <v>16</v>
      </c>
      <c r="AT18">
        <v>0</v>
      </c>
      <c r="AU18">
        <v>0.16393442622950821</v>
      </c>
      <c r="AV18">
        <v>-0.27034123893206807</v>
      </c>
      <c r="AW18">
        <v>0.1875</v>
      </c>
      <c r="AX18">
        <v>112.06666666666671</v>
      </c>
      <c r="AY18">
        <v>53.5</v>
      </c>
      <c r="AZ18">
        <v>134.5</v>
      </c>
      <c r="BA18">
        <v>0.61392322448818681</v>
      </c>
      <c r="BB18">
        <v>0.5625</v>
      </c>
      <c r="BC18">
        <v>2.7080502011022101</v>
      </c>
      <c r="BD18" t="s">
        <v>131</v>
      </c>
      <c r="BE18" t="s">
        <v>62</v>
      </c>
    </row>
    <row r="19" spans="1:57" x14ac:dyDescent="0.3">
      <c r="A19" t="s">
        <v>133</v>
      </c>
      <c r="B19">
        <v>2914</v>
      </c>
      <c r="C19" t="s">
        <v>134</v>
      </c>
      <c r="D19" t="s">
        <v>135</v>
      </c>
      <c r="E19" t="s">
        <v>98</v>
      </c>
      <c r="F19">
        <v>16</v>
      </c>
      <c r="G19">
        <v>140.375</v>
      </c>
      <c r="H19">
        <v>153.5</v>
      </c>
      <c r="I19">
        <v>4213.359375</v>
      </c>
      <c r="J19">
        <v>64.910394968756734</v>
      </c>
      <c r="K19">
        <v>-0.4912832410726759</v>
      </c>
      <c r="L19">
        <v>-0.96800442267789411</v>
      </c>
      <c r="M19">
        <v>3.75</v>
      </c>
      <c r="N19">
        <v>2</v>
      </c>
      <c r="O19">
        <v>1</v>
      </c>
      <c r="P19">
        <v>1</v>
      </c>
      <c r="Q19">
        <v>0.3499271061118826</v>
      </c>
      <c r="R19">
        <v>2.5993019270997948</v>
      </c>
      <c r="S19">
        <v>1</v>
      </c>
      <c r="T19">
        <v>1</v>
      </c>
      <c r="U19">
        <v>0</v>
      </c>
      <c r="V19">
        <v>0</v>
      </c>
      <c r="W19">
        <v>2.7080502011022101</v>
      </c>
      <c r="X19">
        <v>1</v>
      </c>
      <c r="Y19">
        <v>1</v>
      </c>
      <c r="Z19">
        <v>0</v>
      </c>
      <c r="AA19">
        <v>0</v>
      </c>
      <c r="AB19">
        <v>2.639057329615258</v>
      </c>
      <c r="AC19">
        <v>1</v>
      </c>
      <c r="AD19">
        <v>1</v>
      </c>
      <c r="AE19">
        <v>0</v>
      </c>
      <c r="AF19">
        <v>0</v>
      </c>
      <c r="AG19">
        <v>2.5649493574615372</v>
      </c>
      <c r="AH19">
        <v>-0.37008608221616512</v>
      </c>
      <c r="AI19">
        <v>-0.12717036583782981</v>
      </c>
      <c r="AJ19">
        <v>-9.1097189000760234E-2</v>
      </c>
      <c r="AK19">
        <v>2.9520591125697649E-2</v>
      </c>
      <c r="AL19">
        <v>364.71693580082791</v>
      </c>
      <c r="AM19">
        <v>499.67745270329618</v>
      </c>
      <c r="AN19">
        <v>2246</v>
      </c>
      <c r="AO19">
        <v>37.213526392518602</v>
      </c>
      <c r="AP19">
        <v>245.04411322772259</v>
      </c>
      <c r="AQ19">
        <v>2.3125</v>
      </c>
      <c r="AR19">
        <v>3.8125</v>
      </c>
      <c r="AS19">
        <v>16</v>
      </c>
      <c r="AT19">
        <v>1.5</v>
      </c>
      <c r="AU19">
        <v>0.18997797356828189</v>
      </c>
      <c r="AV19">
        <v>-0.40582609927893909</v>
      </c>
      <c r="AW19">
        <v>0.3125</v>
      </c>
      <c r="AX19">
        <v>89.066666666666663</v>
      </c>
      <c r="AY19">
        <v>45</v>
      </c>
      <c r="AZ19">
        <v>119</v>
      </c>
      <c r="BA19">
        <v>0.46240708793415303</v>
      </c>
      <c r="BB19">
        <v>0.5625</v>
      </c>
      <c r="BC19">
        <v>2.7080502011022101</v>
      </c>
      <c r="BD19" t="s">
        <v>134</v>
      </c>
      <c r="BE19" t="s">
        <v>62</v>
      </c>
    </row>
    <row r="20" spans="1:57" x14ac:dyDescent="0.3">
      <c r="A20" t="s">
        <v>136</v>
      </c>
      <c r="B20">
        <v>136</v>
      </c>
      <c r="C20" t="s">
        <v>137</v>
      </c>
      <c r="D20" t="s">
        <v>138</v>
      </c>
      <c r="E20" t="s">
        <v>60</v>
      </c>
      <c r="F20">
        <v>512</v>
      </c>
      <c r="G20">
        <v>133.12890625</v>
      </c>
      <c r="H20">
        <v>136.5</v>
      </c>
      <c r="I20">
        <v>5335.8427581787109</v>
      </c>
      <c r="J20">
        <v>73.046853170952616</v>
      </c>
      <c r="K20">
        <v>-0.1017890017475897</v>
      </c>
      <c r="L20">
        <v>-1.1429887418218141</v>
      </c>
      <c r="M20">
        <v>7.592631680139843</v>
      </c>
      <c r="N20">
        <v>8</v>
      </c>
      <c r="O20">
        <v>1</v>
      </c>
      <c r="P20">
        <v>7</v>
      </c>
      <c r="Q20">
        <v>1.3271681150389369</v>
      </c>
      <c r="R20">
        <v>5.2628112421190512</v>
      </c>
      <c r="S20">
        <v>2</v>
      </c>
      <c r="T20">
        <v>1</v>
      </c>
      <c r="U20">
        <v>1</v>
      </c>
      <c r="V20">
        <v>7.6620080535545504E-2</v>
      </c>
      <c r="W20">
        <v>6.2282308757548588</v>
      </c>
      <c r="X20">
        <v>1</v>
      </c>
      <c r="Y20">
        <v>1</v>
      </c>
      <c r="Z20">
        <v>0</v>
      </c>
      <c r="AA20">
        <v>0</v>
      </c>
      <c r="AB20">
        <v>6.2344107257183694</v>
      </c>
      <c r="AC20">
        <v>1</v>
      </c>
      <c r="AD20">
        <v>1</v>
      </c>
      <c r="AE20">
        <v>0</v>
      </c>
      <c r="AF20">
        <v>0</v>
      </c>
      <c r="AG20">
        <v>6.2324480165505216</v>
      </c>
      <c r="AH20">
        <v>-1.366527204951524E-2</v>
      </c>
      <c r="AI20">
        <v>2.251574809655724E-2</v>
      </c>
      <c r="AJ20">
        <v>0.1097381646615882</v>
      </c>
      <c r="AK20">
        <v>3.5729822694391303E-2</v>
      </c>
      <c r="AL20">
        <v>1587.686016539627</v>
      </c>
      <c r="AM20">
        <v>3047.21792999525</v>
      </c>
      <c r="AN20">
        <v>68162</v>
      </c>
      <c r="AO20">
        <v>82.194345280433993</v>
      </c>
      <c r="AP20">
        <v>1394.677752361069</v>
      </c>
      <c r="AQ20">
        <v>1.044921875</v>
      </c>
      <c r="AR20">
        <v>4.021484375</v>
      </c>
      <c r="AS20">
        <v>510</v>
      </c>
      <c r="AT20">
        <v>175.7109375</v>
      </c>
      <c r="AU20">
        <v>4.7901348039215703E-2</v>
      </c>
      <c r="AV20">
        <v>-1.368378720953081E-2</v>
      </c>
      <c r="AW20">
        <v>0.33984375</v>
      </c>
      <c r="AX20">
        <v>84.172211350293537</v>
      </c>
      <c r="AY20">
        <v>60.5</v>
      </c>
      <c r="AZ20">
        <v>120.5</v>
      </c>
      <c r="BA20">
        <v>0.5486926560771066</v>
      </c>
      <c r="BB20">
        <v>0.5078125</v>
      </c>
      <c r="BC20">
        <v>5.090559776634171</v>
      </c>
      <c r="BD20" t="s">
        <v>139</v>
      </c>
      <c r="BE20" t="s">
        <v>62</v>
      </c>
    </row>
    <row r="21" spans="1:57" x14ac:dyDescent="0.3">
      <c r="A21" t="s">
        <v>140</v>
      </c>
      <c r="B21">
        <v>791</v>
      </c>
      <c r="C21" t="s">
        <v>141</v>
      </c>
      <c r="D21" t="s">
        <v>142</v>
      </c>
      <c r="E21" t="s">
        <v>128</v>
      </c>
      <c r="F21">
        <v>32</v>
      </c>
      <c r="G21">
        <v>130.40625</v>
      </c>
      <c r="H21">
        <v>134</v>
      </c>
      <c r="I21">
        <v>4095.3037109375</v>
      </c>
      <c r="J21">
        <v>63.994560010500109</v>
      </c>
      <c r="K21">
        <v>-0.16447183853930561</v>
      </c>
      <c r="L21">
        <v>-1.0446057761335501</v>
      </c>
      <c r="M21">
        <v>4.875</v>
      </c>
      <c r="N21">
        <v>2</v>
      </c>
      <c r="O21">
        <v>1</v>
      </c>
      <c r="P21">
        <v>1</v>
      </c>
      <c r="Q21">
        <v>0.24944382578492941</v>
      </c>
      <c r="R21">
        <v>3.3790925052297318</v>
      </c>
      <c r="S21">
        <v>1</v>
      </c>
      <c r="T21">
        <v>1</v>
      </c>
      <c r="U21">
        <v>0</v>
      </c>
      <c r="V21">
        <v>0</v>
      </c>
      <c r="W21">
        <v>3.4339872044851458</v>
      </c>
      <c r="X21">
        <v>1</v>
      </c>
      <c r="Y21">
        <v>1</v>
      </c>
      <c r="Z21">
        <v>0</v>
      </c>
      <c r="AA21">
        <v>0</v>
      </c>
      <c r="AB21">
        <v>3.401197381662155</v>
      </c>
      <c r="AC21">
        <v>1</v>
      </c>
      <c r="AD21">
        <v>1</v>
      </c>
      <c r="AE21">
        <v>0</v>
      </c>
      <c r="AF21">
        <v>0</v>
      </c>
      <c r="AG21">
        <v>3.3672958299864728</v>
      </c>
      <c r="AH21">
        <v>0.108631652144904</v>
      </c>
      <c r="AI21">
        <v>4.9520431892380541E-2</v>
      </c>
      <c r="AJ21">
        <v>-0.1075027121743632</v>
      </c>
      <c r="AK21">
        <v>-7.8285129021881242E-2</v>
      </c>
      <c r="AL21">
        <v>441.46361537770491</v>
      </c>
      <c r="AM21">
        <v>693.06917136577772</v>
      </c>
      <c r="AN21">
        <v>4173</v>
      </c>
      <c r="AO21">
        <v>77.751462692676327</v>
      </c>
      <c r="AP21">
        <v>283.37164579295558</v>
      </c>
      <c r="AQ21">
        <v>1.71875</v>
      </c>
      <c r="AR21">
        <v>4.59375</v>
      </c>
      <c r="AS21">
        <v>32</v>
      </c>
      <c r="AT21">
        <v>1.75</v>
      </c>
      <c r="AU21">
        <v>0.1404979674796748</v>
      </c>
      <c r="AV21">
        <v>0.1144824093113956</v>
      </c>
      <c r="AW21">
        <v>0.375</v>
      </c>
      <c r="AX21">
        <v>66.096774193548384</v>
      </c>
      <c r="AY21">
        <v>49.5</v>
      </c>
      <c r="AZ21">
        <v>98.75</v>
      </c>
      <c r="BA21">
        <v>0.49073230777282612</v>
      </c>
      <c r="BB21">
        <v>0.5</v>
      </c>
      <c r="BC21">
        <v>3.25511051272774</v>
      </c>
      <c r="BD21" t="s">
        <v>143</v>
      </c>
      <c r="BE21" t="s">
        <v>62</v>
      </c>
    </row>
    <row r="22" spans="1:57" x14ac:dyDescent="0.3">
      <c r="A22" t="s">
        <v>144</v>
      </c>
      <c r="B22">
        <v>1681</v>
      </c>
      <c r="C22" t="s">
        <v>145</v>
      </c>
      <c r="D22" t="s">
        <v>146</v>
      </c>
      <c r="E22" t="s">
        <v>72</v>
      </c>
      <c r="F22">
        <v>1688</v>
      </c>
      <c r="G22">
        <v>127.52014218009479</v>
      </c>
      <c r="H22">
        <v>130</v>
      </c>
      <c r="I22">
        <v>5638.3585990319179</v>
      </c>
      <c r="J22">
        <v>75.08900451485502</v>
      </c>
      <c r="K22">
        <v>-4.4493848716399597E-3</v>
      </c>
      <c r="L22">
        <v>-1.237812543842074</v>
      </c>
      <c r="M22">
        <v>7.8988765755516033</v>
      </c>
      <c r="N22">
        <v>15</v>
      </c>
      <c r="O22">
        <v>2</v>
      </c>
      <c r="P22">
        <v>13</v>
      </c>
      <c r="Q22">
        <v>2.4189626368279979</v>
      </c>
      <c r="R22">
        <v>5.4750840279346038</v>
      </c>
      <c r="S22">
        <v>2</v>
      </c>
      <c r="T22">
        <v>1</v>
      </c>
      <c r="U22">
        <v>1</v>
      </c>
      <c r="V22">
        <v>0.1061184949804253</v>
      </c>
      <c r="W22">
        <v>7.415093808769277</v>
      </c>
      <c r="X22">
        <v>1</v>
      </c>
      <c r="Y22">
        <v>1</v>
      </c>
      <c r="Z22">
        <v>0</v>
      </c>
      <c r="AA22">
        <v>0</v>
      </c>
      <c r="AB22">
        <v>7.4301141385617981</v>
      </c>
      <c r="AC22">
        <v>1</v>
      </c>
      <c r="AD22">
        <v>1</v>
      </c>
      <c r="AE22">
        <v>0</v>
      </c>
      <c r="AF22">
        <v>0</v>
      </c>
      <c r="AG22">
        <v>7.429520842786463</v>
      </c>
      <c r="AH22">
        <v>2.402841330536843E-2</v>
      </c>
      <c r="AI22">
        <v>-1.752719811071329E-2</v>
      </c>
      <c r="AJ22">
        <v>2.2458730687154988E-3</v>
      </c>
      <c r="AK22">
        <v>-1.7413369814508851E-2</v>
      </c>
      <c r="AL22">
        <v>2870.2772075827311</v>
      </c>
      <c r="AM22">
        <v>5359.8767478022364</v>
      </c>
      <c r="AN22">
        <v>215253.99999999991</v>
      </c>
      <c r="AO22">
        <v>132.3080148744717</v>
      </c>
      <c r="AP22">
        <v>2559.8575716501732</v>
      </c>
      <c r="AQ22">
        <v>1.0136255924170621</v>
      </c>
      <c r="AR22">
        <v>4.0225118483412334</v>
      </c>
      <c r="AS22">
        <v>1681</v>
      </c>
      <c r="AT22">
        <v>225.40639810426541</v>
      </c>
      <c r="AU22">
        <v>1.7075550599386698E-2</v>
      </c>
      <c r="AV22">
        <v>2.4048021302230011E-2</v>
      </c>
      <c r="AW22">
        <v>0.35485781990521331</v>
      </c>
      <c r="AX22">
        <v>85.679905157083581</v>
      </c>
      <c r="AY22">
        <v>66</v>
      </c>
      <c r="AZ22">
        <v>132.25</v>
      </c>
      <c r="BA22">
        <v>0.58884034499277726</v>
      </c>
      <c r="BB22">
        <v>0.50829383886255919</v>
      </c>
      <c r="BC22">
        <v>5.2778572826307251</v>
      </c>
      <c r="BD22" t="s">
        <v>147</v>
      </c>
      <c r="BE22" t="s">
        <v>68</v>
      </c>
    </row>
    <row r="23" spans="1:57" x14ac:dyDescent="0.3">
      <c r="A23" t="s">
        <v>148</v>
      </c>
      <c r="B23">
        <v>2378</v>
      </c>
      <c r="C23" t="s">
        <v>149</v>
      </c>
      <c r="D23" t="s">
        <v>150</v>
      </c>
      <c r="E23" t="s">
        <v>72</v>
      </c>
      <c r="F23">
        <v>2400</v>
      </c>
      <c r="G23">
        <v>126.0741666666667</v>
      </c>
      <c r="H23">
        <v>125</v>
      </c>
      <c r="I23">
        <v>5366.303665972222</v>
      </c>
      <c r="J23">
        <v>73.255058978695956</v>
      </c>
      <c r="K23">
        <v>3.5370374448292392E-2</v>
      </c>
      <c r="L23">
        <v>-1.1733575738325881</v>
      </c>
      <c r="M23">
        <v>7.9233053566432083</v>
      </c>
      <c r="N23">
        <v>20</v>
      </c>
      <c r="O23">
        <v>2</v>
      </c>
      <c r="P23">
        <v>18</v>
      </c>
      <c r="Q23">
        <v>3.038811445285805</v>
      </c>
      <c r="R23">
        <v>5.4920167686727348</v>
      </c>
      <c r="S23">
        <v>2</v>
      </c>
      <c r="T23">
        <v>1</v>
      </c>
      <c r="U23">
        <v>1</v>
      </c>
      <c r="V23">
        <v>0.13540521762440591</v>
      </c>
      <c r="W23">
        <v>7.7573812720563371</v>
      </c>
      <c r="X23">
        <v>1</v>
      </c>
      <c r="Y23">
        <v>1</v>
      </c>
      <c r="Z23">
        <v>0</v>
      </c>
      <c r="AA23">
        <v>0</v>
      </c>
      <c r="AB23">
        <v>7.7823903355874577</v>
      </c>
      <c r="AC23">
        <v>1</v>
      </c>
      <c r="AD23">
        <v>1</v>
      </c>
      <c r="AE23">
        <v>0</v>
      </c>
      <c r="AF23">
        <v>0</v>
      </c>
      <c r="AG23">
        <v>7.7819732344343846</v>
      </c>
      <c r="AH23">
        <v>2.2174952059096611E-2</v>
      </c>
      <c r="AI23">
        <v>4.1049812564472057E-2</v>
      </c>
      <c r="AJ23">
        <v>-2.1326620584177221E-2</v>
      </c>
      <c r="AK23">
        <v>-7.0843145217569566E-3</v>
      </c>
      <c r="AL23">
        <v>3305.5393330775109</v>
      </c>
      <c r="AM23">
        <v>6332.4408972747224</v>
      </c>
      <c r="AN23">
        <v>302578</v>
      </c>
      <c r="AO23">
        <v>57.467492958358903</v>
      </c>
      <c r="AP23">
        <v>3050.4194592177842</v>
      </c>
      <c r="AQ23">
        <v>1.0095833333333331</v>
      </c>
      <c r="AR23">
        <v>3.998333333333334</v>
      </c>
      <c r="AS23">
        <v>2396</v>
      </c>
      <c r="AT23">
        <v>252.16</v>
      </c>
      <c r="AU23">
        <v>1.607843137254894E-2</v>
      </c>
      <c r="AV23">
        <v>2.2181962563797689E-2</v>
      </c>
      <c r="AW23">
        <v>0.38250000000000001</v>
      </c>
      <c r="AX23">
        <v>83.491871613172151</v>
      </c>
      <c r="AY23">
        <v>63</v>
      </c>
      <c r="AZ23">
        <v>125</v>
      </c>
      <c r="BA23">
        <v>0.58104733836852085</v>
      </c>
      <c r="BB23">
        <v>0.49458333333333332</v>
      </c>
      <c r="BC23">
        <v>5.2901876586095593</v>
      </c>
      <c r="BD23" t="s">
        <v>151</v>
      </c>
      <c r="BE23" t="s">
        <v>62</v>
      </c>
    </row>
    <row r="24" spans="1:57" x14ac:dyDescent="0.3">
      <c r="A24" t="s">
        <v>152</v>
      </c>
      <c r="B24">
        <v>1636</v>
      </c>
      <c r="C24" t="s">
        <v>153</v>
      </c>
      <c r="D24" t="s">
        <v>154</v>
      </c>
      <c r="E24" t="s">
        <v>72</v>
      </c>
      <c r="F24">
        <v>1648</v>
      </c>
      <c r="G24">
        <v>127.9375</v>
      </c>
      <c r="H24">
        <v>127</v>
      </c>
      <c r="I24">
        <v>5294.9214578276697</v>
      </c>
      <c r="J24">
        <v>72.766210962421766</v>
      </c>
      <c r="K24">
        <v>1.904245730503399E-2</v>
      </c>
      <c r="L24">
        <v>-1.145499361954285</v>
      </c>
      <c r="M24">
        <v>7.8869873456209918</v>
      </c>
      <c r="N24">
        <v>13</v>
      </c>
      <c r="O24">
        <v>1</v>
      </c>
      <c r="P24">
        <v>12</v>
      </c>
      <c r="Q24">
        <v>2.507021390016448</v>
      </c>
      <c r="R24">
        <v>5.4668430417291454</v>
      </c>
      <c r="S24">
        <v>2</v>
      </c>
      <c r="T24">
        <v>1</v>
      </c>
      <c r="U24">
        <v>1</v>
      </c>
      <c r="V24">
        <v>0.1129084965372269</v>
      </c>
      <c r="W24">
        <v>7.3890348457917767</v>
      </c>
      <c r="X24">
        <v>1</v>
      </c>
      <c r="Y24">
        <v>1</v>
      </c>
      <c r="Z24">
        <v>0</v>
      </c>
      <c r="AA24">
        <v>0</v>
      </c>
      <c r="AB24">
        <v>7.4061033812370134</v>
      </c>
      <c r="AC24">
        <v>1</v>
      </c>
      <c r="AD24">
        <v>1</v>
      </c>
      <c r="AE24">
        <v>0</v>
      </c>
      <c r="AF24">
        <v>0</v>
      </c>
      <c r="AG24">
        <v>7.4054956631994724</v>
      </c>
      <c r="AH24">
        <v>-1.419409753600092E-2</v>
      </c>
      <c r="AI24">
        <v>-6.4438672784559144E-3</v>
      </c>
      <c r="AJ24">
        <v>-5.3738927015275391E-2</v>
      </c>
      <c r="AK24">
        <v>3.0529691768713649E-2</v>
      </c>
      <c r="AL24">
        <v>2767.798552843813</v>
      </c>
      <c r="AM24">
        <v>5295.261293918903</v>
      </c>
      <c r="AN24">
        <v>210841</v>
      </c>
      <c r="AO24">
        <v>160.8426878477608</v>
      </c>
      <c r="AP24">
        <v>2471.1096046485281</v>
      </c>
      <c r="AQ24">
        <v>1.0139563106796119</v>
      </c>
      <c r="AR24">
        <v>4.0351941747572813</v>
      </c>
      <c r="AS24">
        <v>1640</v>
      </c>
      <c r="AT24">
        <v>249.9417475728155</v>
      </c>
      <c r="AU24">
        <v>2.2789358461831329E-2</v>
      </c>
      <c r="AV24">
        <v>-1.420617495461479E-2</v>
      </c>
      <c r="AW24">
        <v>0.38046116504854371</v>
      </c>
      <c r="AX24">
        <v>84.687917425622345</v>
      </c>
      <c r="AY24">
        <v>61</v>
      </c>
      <c r="AZ24">
        <v>123</v>
      </c>
      <c r="BA24">
        <v>0.56876373981375095</v>
      </c>
      <c r="BB24">
        <v>0.49757281553398058</v>
      </c>
      <c r="BC24">
        <v>5.273794109433247</v>
      </c>
      <c r="BD24" t="s">
        <v>155</v>
      </c>
      <c r="BE24" t="s">
        <v>62</v>
      </c>
    </row>
    <row r="25" spans="1:57" x14ac:dyDescent="0.3">
      <c r="A25" t="s">
        <v>156</v>
      </c>
      <c r="B25">
        <v>2530</v>
      </c>
      <c r="C25" t="s">
        <v>157</v>
      </c>
      <c r="D25" t="s">
        <v>158</v>
      </c>
      <c r="E25" t="s">
        <v>85</v>
      </c>
      <c r="F25">
        <v>8</v>
      </c>
      <c r="G25">
        <v>176.5</v>
      </c>
      <c r="H25">
        <v>187</v>
      </c>
      <c r="I25">
        <v>4021.5</v>
      </c>
      <c r="J25">
        <v>63.415297838928417</v>
      </c>
      <c r="K25">
        <v>-0.3608695697946509</v>
      </c>
      <c r="L25">
        <v>-1.274627650622588</v>
      </c>
      <c r="M25">
        <v>3</v>
      </c>
      <c r="N25">
        <v>1</v>
      </c>
      <c r="O25">
        <v>1</v>
      </c>
      <c r="P25">
        <v>0</v>
      </c>
      <c r="Q25">
        <v>0</v>
      </c>
      <c r="R25">
        <v>2.0794415416798362</v>
      </c>
      <c r="S25">
        <v>1</v>
      </c>
      <c r="T25">
        <v>1</v>
      </c>
      <c r="U25">
        <v>0</v>
      </c>
      <c r="V25">
        <v>0</v>
      </c>
      <c r="W25">
        <v>1.945910149055313</v>
      </c>
      <c r="X25">
        <v>1</v>
      </c>
      <c r="Y25">
        <v>1</v>
      </c>
      <c r="Z25">
        <v>0</v>
      </c>
      <c r="AA25">
        <v>0</v>
      </c>
      <c r="AB25">
        <v>1.791759469228055</v>
      </c>
      <c r="AC25">
        <v>1</v>
      </c>
      <c r="AD25">
        <v>1</v>
      </c>
      <c r="AE25">
        <v>0</v>
      </c>
      <c r="AF25">
        <v>0</v>
      </c>
      <c r="AG25">
        <v>1.6094379124341009</v>
      </c>
      <c r="AH25">
        <v>-0.45033724978241951</v>
      </c>
      <c r="AI25">
        <v>8.4607733432798704E-2</v>
      </c>
      <c r="AJ25">
        <v>-0.1049903642919309</v>
      </c>
      <c r="AK25">
        <v>0</v>
      </c>
      <c r="AL25">
        <v>317.72650852982798</v>
      </c>
      <c r="AM25">
        <v>424.78213919307512</v>
      </c>
      <c r="AN25">
        <v>1412</v>
      </c>
      <c r="AO25">
        <v>52.402290026295603</v>
      </c>
      <c r="AP25">
        <v>168.8479323895705</v>
      </c>
      <c r="AQ25">
        <v>3.5</v>
      </c>
      <c r="AR25">
        <v>4.25</v>
      </c>
      <c r="AS25">
        <v>8</v>
      </c>
      <c r="AT25">
        <v>0</v>
      </c>
      <c r="AU25">
        <v>0.30952380952380948</v>
      </c>
      <c r="AV25">
        <v>-0.55446139862417343</v>
      </c>
      <c r="AW25">
        <v>0.25</v>
      </c>
      <c r="AX25">
        <v>94.857142857142861</v>
      </c>
      <c r="AY25">
        <v>52</v>
      </c>
      <c r="AZ25">
        <v>99</v>
      </c>
      <c r="BA25">
        <v>0.35929347217523189</v>
      </c>
      <c r="BB25">
        <v>0.625</v>
      </c>
      <c r="BC25">
        <v>1.945910149055313</v>
      </c>
      <c r="BD25" t="s">
        <v>157</v>
      </c>
      <c r="BE25" t="s">
        <v>68</v>
      </c>
    </row>
    <row r="26" spans="1:57" x14ac:dyDescent="0.3">
      <c r="A26" t="s">
        <v>159</v>
      </c>
      <c r="B26">
        <v>3873</v>
      </c>
      <c r="C26" t="s">
        <v>160</v>
      </c>
      <c r="D26" t="s">
        <v>161</v>
      </c>
      <c r="E26" t="s">
        <v>106</v>
      </c>
      <c r="F26">
        <v>3951</v>
      </c>
      <c r="G26">
        <v>127.40622627182989</v>
      </c>
      <c r="H26">
        <v>128</v>
      </c>
      <c r="I26">
        <v>5505.9724137771982</v>
      </c>
      <c r="J26">
        <v>74.202239951211709</v>
      </c>
      <c r="K26">
        <v>-8.9902815768655234E-3</v>
      </c>
      <c r="L26">
        <v>-1.208791172165657</v>
      </c>
      <c r="M26">
        <v>7.9506621774982769</v>
      </c>
      <c r="N26">
        <v>26</v>
      </c>
      <c r="O26">
        <v>6</v>
      </c>
      <c r="P26">
        <v>20</v>
      </c>
      <c r="Q26">
        <v>4.0033536203988946</v>
      </c>
      <c r="R26">
        <v>5.5109790719175313</v>
      </c>
      <c r="S26">
        <v>3</v>
      </c>
      <c r="T26">
        <v>1</v>
      </c>
      <c r="U26">
        <v>2</v>
      </c>
      <c r="V26">
        <v>0.1771360218985637</v>
      </c>
      <c r="W26">
        <v>8.2385211970849426</v>
      </c>
      <c r="X26">
        <v>1</v>
      </c>
      <c r="Y26">
        <v>1</v>
      </c>
      <c r="Z26">
        <v>0</v>
      </c>
      <c r="AA26">
        <v>0</v>
      </c>
      <c r="AB26">
        <v>8.2812176612866466</v>
      </c>
      <c r="AC26">
        <v>1</v>
      </c>
      <c r="AD26">
        <v>1</v>
      </c>
      <c r="AE26">
        <v>0</v>
      </c>
      <c r="AF26">
        <v>0</v>
      </c>
      <c r="AG26">
        <v>8.2809644005533727</v>
      </c>
      <c r="AH26">
        <v>3.641103069774635E-3</v>
      </c>
      <c r="AI26">
        <v>6.8485114175414344E-3</v>
      </c>
      <c r="AJ26">
        <v>-9.5671921172945339E-3</v>
      </c>
      <c r="AK26">
        <v>3.6858908244631679E-2</v>
      </c>
      <c r="AL26">
        <v>4265.0294327381716</v>
      </c>
      <c r="AM26">
        <v>8227.8564606996588</v>
      </c>
      <c r="AN26">
        <v>503382</v>
      </c>
      <c r="AO26">
        <v>143.037583220306</v>
      </c>
      <c r="AP26">
        <v>3898.8380523396609</v>
      </c>
      <c r="AQ26">
        <v>1.005821311060491</v>
      </c>
      <c r="AR26">
        <v>4.0121488230827644</v>
      </c>
      <c r="AS26">
        <v>3941</v>
      </c>
      <c r="AT26">
        <v>265.84029359655779</v>
      </c>
      <c r="AU26">
        <v>1.283963851296022E-2</v>
      </c>
      <c r="AV26">
        <v>3.6429126028699882E-3</v>
      </c>
      <c r="AW26">
        <v>0.36826119969627941</v>
      </c>
      <c r="AX26">
        <v>85.451139240506336</v>
      </c>
      <c r="AY26">
        <v>65</v>
      </c>
      <c r="AZ26">
        <v>129</v>
      </c>
      <c r="BA26">
        <v>0.58240670116777604</v>
      </c>
      <c r="BB26">
        <v>0.50063275120222728</v>
      </c>
      <c r="BC26">
        <v>5.3310706315713787</v>
      </c>
      <c r="BD26" t="s">
        <v>162</v>
      </c>
      <c r="BE26" t="s">
        <v>68</v>
      </c>
    </row>
    <row r="27" spans="1:57" x14ac:dyDescent="0.3">
      <c r="A27" t="s">
        <v>163</v>
      </c>
      <c r="B27">
        <v>2197</v>
      </c>
      <c r="C27" t="s">
        <v>164</v>
      </c>
      <c r="D27" t="s">
        <v>165</v>
      </c>
      <c r="E27" t="s">
        <v>10622</v>
      </c>
      <c r="F27">
        <v>64</v>
      </c>
      <c r="G27">
        <v>109.953125</v>
      </c>
      <c r="H27">
        <v>98</v>
      </c>
      <c r="I27">
        <v>5370.294677734375</v>
      </c>
      <c r="J27">
        <v>73.282294435520882</v>
      </c>
      <c r="K27">
        <v>0.26799565919815288</v>
      </c>
      <c r="L27">
        <v>-1.1051380360886689</v>
      </c>
      <c r="M27">
        <v>5.75</v>
      </c>
      <c r="N27">
        <v>2</v>
      </c>
      <c r="O27">
        <v>1</v>
      </c>
      <c r="P27">
        <v>1</v>
      </c>
      <c r="Q27">
        <v>0.3499271061118826</v>
      </c>
      <c r="R27">
        <v>3.985596288219686</v>
      </c>
      <c r="S27">
        <v>1</v>
      </c>
      <c r="T27">
        <v>1</v>
      </c>
      <c r="U27">
        <v>0</v>
      </c>
      <c r="V27">
        <v>0</v>
      </c>
      <c r="W27">
        <v>4.1431347263915326</v>
      </c>
      <c r="X27">
        <v>1</v>
      </c>
      <c r="Y27">
        <v>1</v>
      </c>
      <c r="Z27">
        <v>0</v>
      </c>
      <c r="AA27">
        <v>0</v>
      </c>
      <c r="AB27">
        <v>4.1271343850450908</v>
      </c>
      <c r="AC27">
        <v>1</v>
      </c>
      <c r="AD27">
        <v>1</v>
      </c>
      <c r="AE27">
        <v>0</v>
      </c>
      <c r="AF27">
        <v>0</v>
      </c>
      <c r="AG27">
        <v>4.1108738641733096</v>
      </c>
      <c r="AH27">
        <v>3.2201284280838689E-2</v>
      </c>
      <c r="AI27">
        <v>3.124436279770168E-2</v>
      </c>
      <c r="AJ27">
        <v>9.2204867427549561E-2</v>
      </c>
      <c r="AK27">
        <v>-0.22874327649972651</v>
      </c>
      <c r="AL27">
        <v>590.23762915296356</v>
      </c>
      <c r="AM27">
        <v>876.9598286876593</v>
      </c>
      <c r="AN27">
        <v>7037</v>
      </c>
      <c r="AO27">
        <v>57.417430754816849</v>
      </c>
      <c r="AP27">
        <v>428.43104257530553</v>
      </c>
      <c r="AQ27">
        <v>1.359375</v>
      </c>
      <c r="AR27">
        <v>3.546875</v>
      </c>
      <c r="AS27">
        <v>64</v>
      </c>
      <c r="AT27">
        <v>6</v>
      </c>
      <c r="AU27">
        <v>0.14526857429718881</v>
      </c>
      <c r="AV27">
        <v>3.3151098400784743E-2</v>
      </c>
      <c r="AW27">
        <v>0.46875</v>
      </c>
      <c r="AX27">
        <v>83.269841269841265</v>
      </c>
      <c r="AY27">
        <v>60.5</v>
      </c>
      <c r="AZ27">
        <v>119</v>
      </c>
      <c r="BA27">
        <v>0.6664866909014262</v>
      </c>
      <c r="BB27">
        <v>0.4375</v>
      </c>
      <c r="BC27">
        <v>3.9587918211102049</v>
      </c>
      <c r="BD27" t="s">
        <v>166</v>
      </c>
      <c r="BE27" t="s">
        <v>62</v>
      </c>
    </row>
    <row r="28" spans="1:57" x14ac:dyDescent="0.3">
      <c r="A28" t="s">
        <v>167</v>
      </c>
      <c r="B28">
        <v>1912</v>
      </c>
      <c r="C28" t="s">
        <v>168</v>
      </c>
      <c r="D28" t="s">
        <v>169</v>
      </c>
      <c r="E28" t="s">
        <v>85</v>
      </c>
      <c r="F28">
        <v>8</v>
      </c>
      <c r="G28">
        <v>119.25</v>
      </c>
      <c r="H28">
        <v>118</v>
      </c>
      <c r="I28">
        <v>6882.6875</v>
      </c>
      <c r="J28">
        <v>82.961964176362173</v>
      </c>
      <c r="K28">
        <v>-4.4348905004953372E-2</v>
      </c>
      <c r="L28">
        <v>-1.648926772637956</v>
      </c>
      <c r="M28">
        <v>3</v>
      </c>
      <c r="N28">
        <v>1</v>
      </c>
      <c r="O28">
        <v>1</v>
      </c>
      <c r="P28">
        <v>0</v>
      </c>
      <c r="Q28">
        <v>0</v>
      </c>
      <c r="R28">
        <v>2.0794415416798362</v>
      </c>
      <c r="S28">
        <v>1</v>
      </c>
      <c r="T28">
        <v>1</v>
      </c>
      <c r="U28">
        <v>0</v>
      </c>
      <c r="V28">
        <v>0</v>
      </c>
      <c r="W28">
        <v>1.945910149055313</v>
      </c>
      <c r="X28">
        <v>1</v>
      </c>
      <c r="Y28">
        <v>1</v>
      </c>
      <c r="Z28">
        <v>0</v>
      </c>
      <c r="AA28">
        <v>0</v>
      </c>
      <c r="AB28">
        <v>1.791759469228055</v>
      </c>
      <c r="AC28">
        <v>1</v>
      </c>
      <c r="AD28">
        <v>1</v>
      </c>
      <c r="AE28">
        <v>0</v>
      </c>
      <c r="AF28">
        <v>0</v>
      </c>
      <c r="AG28">
        <v>1.6094379124341009</v>
      </c>
      <c r="AH28">
        <v>-0.37776508994487978</v>
      </c>
      <c r="AI28">
        <v>6.7267964003886557E-2</v>
      </c>
      <c r="AJ28">
        <v>0.29906899557767219</v>
      </c>
      <c r="AK28">
        <v>0</v>
      </c>
      <c r="AL28">
        <v>321.16381802906682</v>
      </c>
      <c r="AM28">
        <v>256.28070935790788</v>
      </c>
      <c r="AN28">
        <v>954</v>
      </c>
      <c r="AO28">
        <v>20</v>
      </c>
      <c r="AP28">
        <v>248.08466296810849</v>
      </c>
      <c r="AQ28">
        <v>3.5</v>
      </c>
      <c r="AR28">
        <v>3.125</v>
      </c>
      <c r="AS28">
        <v>8</v>
      </c>
      <c r="AT28">
        <v>0</v>
      </c>
      <c r="AU28">
        <v>0.32454128440366969</v>
      </c>
      <c r="AV28">
        <v>-0.49172205840969091</v>
      </c>
      <c r="AW28">
        <v>0.375</v>
      </c>
      <c r="AX28">
        <v>124.1428571428571</v>
      </c>
      <c r="AY28">
        <v>88</v>
      </c>
      <c r="AZ28">
        <v>168.5</v>
      </c>
      <c r="BA28">
        <v>0.69569781279968279</v>
      </c>
      <c r="BB28">
        <v>0.5</v>
      </c>
      <c r="BC28">
        <v>1.945910149055313</v>
      </c>
      <c r="BD28" t="s">
        <v>168</v>
      </c>
      <c r="BE28" t="s">
        <v>68</v>
      </c>
    </row>
    <row r="29" spans="1:57" x14ac:dyDescent="0.3">
      <c r="A29" t="s">
        <v>170</v>
      </c>
      <c r="B29">
        <v>1841</v>
      </c>
      <c r="C29" t="s">
        <v>171</v>
      </c>
      <c r="D29" t="s">
        <v>172</v>
      </c>
      <c r="E29" t="s">
        <v>128</v>
      </c>
      <c r="F29">
        <v>32</v>
      </c>
      <c r="G29">
        <v>139.65625</v>
      </c>
      <c r="H29">
        <v>171.5</v>
      </c>
      <c r="I29">
        <v>7286.5380859375</v>
      </c>
      <c r="J29">
        <v>85.361221206924512</v>
      </c>
      <c r="K29">
        <v>-0.40337397294807709</v>
      </c>
      <c r="L29">
        <v>-1.4196300991076769</v>
      </c>
      <c r="M29">
        <v>4.8125</v>
      </c>
      <c r="N29">
        <v>2</v>
      </c>
      <c r="O29">
        <v>1</v>
      </c>
      <c r="P29">
        <v>1</v>
      </c>
      <c r="Q29">
        <v>0.3045434781492361</v>
      </c>
      <c r="R29">
        <v>3.335770806444736</v>
      </c>
      <c r="S29">
        <v>1</v>
      </c>
      <c r="T29">
        <v>1</v>
      </c>
      <c r="U29">
        <v>0</v>
      </c>
      <c r="V29">
        <v>0</v>
      </c>
      <c r="W29">
        <v>3.4339872044851458</v>
      </c>
      <c r="X29">
        <v>1</v>
      </c>
      <c r="Y29">
        <v>1</v>
      </c>
      <c r="Z29">
        <v>0</v>
      </c>
      <c r="AA29">
        <v>0</v>
      </c>
      <c r="AB29">
        <v>3.401197381662155</v>
      </c>
      <c r="AC29">
        <v>1</v>
      </c>
      <c r="AD29">
        <v>1</v>
      </c>
      <c r="AE29">
        <v>0</v>
      </c>
      <c r="AF29">
        <v>0</v>
      </c>
      <c r="AG29">
        <v>3.3672958299864728</v>
      </c>
      <c r="AH29">
        <v>0.17621271819755371</v>
      </c>
      <c r="AI29">
        <v>-0.21263574838016649</v>
      </c>
      <c r="AJ29">
        <v>0.13865400781889231</v>
      </c>
      <c r="AK29">
        <v>-0.2017338283020044</v>
      </c>
      <c r="AL29">
        <v>563.58361084069611</v>
      </c>
      <c r="AM29">
        <v>734.61997903117424</v>
      </c>
      <c r="AN29">
        <v>4469</v>
      </c>
      <c r="AO29">
        <v>27</v>
      </c>
      <c r="AP29">
        <v>388.87373540451779</v>
      </c>
      <c r="AQ29">
        <v>1.71875</v>
      </c>
      <c r="AR29">
        <v>4.28125</v>
      </c>
      <c r="AS29">
        <v>32</v>
      </c>
      <c r="AT29">
        <v>2.4375</v>
      </c>
      <c r="AU29">
        <v>0.24089068825910931</v>
      </c>
      <c r="AV29">
        <v>0.18089988370893989</v>
      </c>
      <c r="AW29">
        <v>0.21875</v>
      </c>
      <c r="AX29">
        <v>85.58064516129032</v>
      </c>
      <c r="AY29">
        <v>57.5</v>
      </c>
      <c r="AZ29">
        <v>157.75</v>
      </c>
      <c r="BA29">
        <v>0.611223781298184</v>
      </c>
      <c r="BB29">
        <v>0.59375</v>
      </c>
      <c r="BC29">
        <v>3.3445488586064429</v>
      </c>
      <c r="BD29" t="s">
        <v>173</v>
      </c>
      <c r="BE29" t="s">
        <v>62</v>
      </c>
    </row>
    <row r="30" spans="1:57" x14ac:dyDescent="0.3">
      <c r="A30" t="s">
        <v>174</v>
      </c>
      <c r="B30">
        <v>3481</v>
      </c>
      <c r="C30" t="s">
        <v>175</v>
      </c>
      <c r="D30" t="s">
        <v>176</v>
      </c>
      <c r="E30" t="s">
        <v>106</v>
      </c>
      <c r="F30">
        <v>3533</v>
      </c>
      <c r="G30">
        <v>127.4774978771582</v>
      </c>
      <c r="H30">
        <v>128</v>
      </c>
      <c r="I30">
        <v>5486.4136600852626</v>
      </c>
      <c r="J30">
        <v>74.070329147947376</v>
      </c>
      <c r="K30">
        <v>-9.9140467726888584E-3</v>
      </c>
      <c r="L30">
        <v>-1.213596543868773</v>
      </c>
      <c r="M30">
        <v>7.954380923582467</v>
      </c>
      <c r="N30">
        <v>27</v>
      </c>
      <c r="O30">
        <v>6</v>
      </c>
      <c r="P30">
        <v>21</v>
      </c>
      <c r="Q30">
        <v>3.4803240710670091</v>
      </c>
      <c r="R30">
        <v>5.5135567102810006</v>
      </c>
      <c r="S30">
        <v>2</v>
      </c>
      <c r="T30">
        <v>1</v>
      </c>
      <c r="U30">
        <v>1</v>
      </c>
      <c r="V30">
        <v>0.1698625441962274</v>
      </c>
      <c r="W30">
        <v>8.1295850133562872</v>
      </c>
      <c r="X30">
        <v>2</v>
      </c>
      <c r="Y30">
        <v>1</v>
      </c>
      <c r="Z30">
        <v>1</v>
      </c>
      <c r="AA30">
        <v>1.6828721518729901E-2</v>
      </c>
      <c r="AB30">
        <v>8.1689437891990959</v>
      </c>
      <c r="AC30">
        <v>1</v>
      </c>
      <c r="AD30">
        <v>1</v>
      </c>
      <c r="AE30">
        <v>0</v>
      </c>
      <c r="AF30">
        <v>0</v>
      </c>
      <c r="AG30">
        <v>8.1690531499273398</v>
      </c>
      <c r="AH30">
        <v>-1.490218250297772E-2</v>
      </c>
      <c r="AI30">
        <v>-1.231477836908576E-2</v>
      </c>
      <c r="AJ30">
        <v>1.487010415646341E-2</v>
      </c>
      <c r="AK30">
        <v>-5.796396530256113E-3</v>
      </c>
      <c r="AL30">
        <v>3996.1214269454908</v>
      </c>
      <c r="AM30">
        <v>7799.2033914437134</v>
      </c>
      <c r="AN30">
        <v>450378</v>
      </c>
      <c r="AO30">
        <v>90.093122292814101</v>
      </c>
      <c r="AP30">
        <v>3574.3595672565939</v>
      </c>
      <c r="AQ30">
        <v>1.0065100481177469</v>
      </c>
      <c r="AR30">
        <v>3.97594112652137</v>
      </c>
      <c r="AS30">
        <v>3516</v>
      </c>
      <c r="AT30">
        <v>224.68581941692611</v>
      </c>
      <c r="AU30">
        <v>1.377266445780123E-2</v>
      </c>
      <c r="AV30">
        <v>-1.4909879861936219E-2</v>
      </c>
      <c r="AW30">
        <v>0.36711010472686101</v>
      </c>
      <c r="AX30">
        <v>86.268403171007932</v>
      </c>
      <c r="AY30">
        <v>64</v>
      </c>
      <c r="AZ30">
        <v>128</v>
      </c>
      <c r="BA30">
        <v>0.58104630528067103</v>
      </c>
      <c r="BB30">
        <v>0.50155675063685257</v>
      </c>
      <c r="BC30">
        <v>5.3296922207758861</v>
      </c>
      <c r="BD30" t="s">
        <v>177</v>
      </c>
      <c r="BE30" t="s">
        <v>68</v>
      </c>
    </row>
    <row r="31" spans="1:57" x14ac:dyDescent="0.3">
      <c r="A31" t="s">
        <v>178</v>
      </c>
      <c r="B31">
        <v>651</v>
      </c>
      <c r="C31" t="s">
        <v>179</v>
      </c>
      <c r="D31" t="s">
        <v>180</v>
      </c>
      <c r="E31" t="s">
        <v>115</v>
      </c>
      <c r="F31">
        <v>688</v>
      </c>
      <c r="G31">
        <v>124.7122093023256</v>
      </c>
      <c r="H31">
        <v>121</v>
      </c>
      <c r="I31">
        <v>5326.0857811654951</v>
      </c>
      <c r="J31">
        <v>72.980036867389259</v>
      </c>
      <c r="K31">
        <v>5.5695095818318822E-2</v>
      </c>
      <c r="L31">
        <v>-1.1894493613942321</v>
      </c>
      <c r="M31">
        <v>7.7170386732726826</v>
      </c>
      <c r="N31">
        <v>8</v>
      </c>
      <c r="O31">
        <v>1</v>
      </c>
      <c r="P31">
        <v>7</v>
      </c>
      <c r="Q31">
        <v>1.521244947228398</v>
      </c>
      <c r="R31">
        <v>5.3490435986510363</v>
      </c>
      <c r="S31">
        <v>2</v>
      </c>
      <c r="T31">
        <v>1</v>
      </c>
      <c r="U31">
        <v>1</v>
      </c>
      <c r="V31">
        <v>3.815233914956969E-2</v>
      </c>
      <c r="W31">
        <v>6.5303163965001971</v>
      </c>
      <c r="X31">
        <v>1</v>
      </c>
      <c r="Y31">
        <v>1</v>
      </c>
      <c r="Z31">
        <v>0</v>
      </c>
      <c r="AA31">
        <v>0</v>
      </c>
      <c r="AB31">
        <v>6.5308776277258831</v>
      </c>
      <c r="AC31">
        <v>1</v>
      </c>
      <c r="AD31">
        <v>1</v>
      </c>
      <c r="AE31">
        <v>0</v>
      </c>
      <c r="AF31">
        <v>0</v>
      </c>
      <c r="AG31">
        <v>6.5294188382622256</v>
      </c>
      <c r="AH31">
        <v>-3.848319887870047E-2</v>
      </c>
      <c r="AI31">
        <v>-2.347518490390111E-2</v>
      </c>
      <c r="AJ31">
        <v>-4.3014699606831783E-2</v>
      </c>
      <c r="AK31">
        <v>-4.3798439973641447E-2</v>
      </c>
      <c r="AL31">
        <v>1815.326756518986</v>
      </c>
      <c r="AM31">
        <v>3327.0847249606149</v>
      </c>
      <c r="AN31">
        <v>85802</v>
      </c>
      <c r="AO31">
        <v>34.592548331001503</v>
      </c>
      <c r="AP31">
        <v>1624.750223269941</v>
      </c>
      <c r="AQ31">
        <v>1.033430232558139</v>
      </c>
      <c r="AR31">
        <v>3.8880813953488369</v>
      </c>
      <c r="AS31">
        <v>687</v>
      </c>
      <c r="AT31">
        <v>196.98837209302329</v>
      </c>
      <c r="AU31">
        <v>3.2484040127679033E-2</v>
      </c>
      <c r="AV31">
        <v>-3.854881002989638E-2</v>
      </c>
      <c r="AW31">
        <v>0.40116279069767441</v>
      </c>
      <c r="AX31">
        <v>86.703056768558952</v>
      </c>
      <c r="AY31">
        <v>64</v>
      </c>
      <c r="AZ31">
        <v>128.5</v>
      </c>
      <c r="BA31">
        <v>0.58518758729124976</v>
      </c>
      <c r="BB31">
        <v>0.48401162790697683</v>
      </c>
      <c r="BC31">
        <v>5.1672309917618051</v>
      </c>
      <c r="BD31" t="s">
        <v>181</v>
      </c>
      <c r="BE31" t="s">
        <v>62</v>
      </c>
    </row>
    <row r="32" spans="1:57" x14ac:dyDescent="0.3">
      <c r="A32" t="s">
        <v>182</v>
      </c>
      <c r="B32">
        <v>3373</v>
      </c>
      <c r="C32" t="s">
        <v>183</v>
      </c>
      <c r="D32" t="s">
        <v>184</v>
      </c>
      <c r="E32" t="s">
        <v>98</v>
      </c>
      <c r="F32">
        <v>16</v>
      </c>
      <c r="G32">
        <v>123.3125</v>
      </c>
      <c r="H32">
        <v>120.5</v>
      </c>
      <c r="I32">
        <v>5912.83984375</v>
      </c>
      <c r="J32">
        <v>76.894992319071079</v>
      </c>
      <c r="K32">
        <v>9.0269196416793054E-2</v>
      </c>
      <c r="L32">
        <v>-1.478760307452488</v>
      </c>
      <c r="M32">
        <v>3.875</v>
      </c>
      <c r="N32">
        <v>2</v>
      </c>
      <c r="O32">
        <v>1</v>
      </c>
      <c r="P32">
        <v>1</v>
      </c>
      <c r="Q32">
        <v>0.24944382578492949</v>
      </c>
      <c r="R32">
        <v>2.6859453246697882</v>
      </c>
      <c r="S32">
        <v>1</v>
      </c>
      <c r="T32">
        <v>1</v>
      </c>
      <c r="U32">
        <v>0</v>
      </c>
      <c r="V32">
        <v>0</v>
      </c>
      <c r="W32">
        <v>2.7080502011022101</v>
      </c>
      <c r="X32">
        <v>1</v>
      </c>
      <c r="Y32">
        <v>1</v>
      </c>
      <c r="Z32">
        <v>0</v>
      </c>
      <c r="AA32">
        <v>0</v>
      </c>
      <c r="AB32">
        <v>2.639057329615258</v>
      </c>
      <c r="AC32">
        <v>1</v>
      </c>
      <c r="AD32">
        <v>1</v>
      </c>
      <c r="AE32">
        <v>0</v>
      </c>
      <c r="AF32">
        <v>0</v>
      </c>
      <c r="AG32">
        <v>2.5649493574615372</v>
      </c>
      <c r="AH32">
        <v>3.259838394595448E-4</v>
      </c>
      <c r="AI32">
        <v>1.9334826156266121E-2</v>
      </c>
      <c r="AJ32">
        <v>4.8015334411935888E-2</v>
      </c>
      <c r="AK32">
        <v>-0.2383218095947181</v>
      </c>
      <c r="AL32">
        <v>403.94161169041848</v>
      </c>
      <c r="AM32">
        <v>418.0097778102172</v>
      </c>
      <c r="AN32">
        <v>1973</v>
      </c>
      <c r="AO32">
        <v>59</v>
      </c>
      <c r="AP32">
        <v>308.12094808537</v>
      </c>
      <c r="AQ32">
        <v>2.3125</v>
      </c>
      <c r="AR32">
        <v>3.875</v>
      </c>
      <c r="AS32">
        <v>16</v>
      </c>
      <c r="AT32">
        <v>0.87499999999999989</v>
      </c>
      <c r="AU32">
        <v>0.1682489451476793</v>
      </c>
      <c r="AV32">
        <v>4.4339339839842987E-3</v>
      </c>
      <c r="AW32">
        <v>0.3125</v>
      </c>
      <c r="AX32">
        <v>94.4</v>
      </c>
      <c r="AY32">
        <v>70.5</v>
      </c>
      <c r="AZ32">
        <v>143.5</v>
      </c>
      <c r="BA32">
        <v>0.62357824485815372</v>
      </c>
      <c r="BB32">
        <v>0.5</v>
      </c>
      <c r="BC32">
        <v>2.615630577027551</v>
      </c>
      <c r="BD32" t="s">
        <v>183</v>
      </c>
      <c r="BE32" t="s">
        <v>62</v>
      </c>
    </row>
    <row r="33" spans="1:57" x14ac:dyDescent="0.3">
      <c r="A33" t="s">
        <v>185</v>
      </c>
      <c r="B33">
        <v>2313</v>
      </c>
      <c r="C33" t="s">
        <v>186</v>
      </c>
      <c r="D33" t="s">
        <v>187</v>
      </c>
      <c r="E33" t="s">
        <v>128</v>
      </c>
      <c r="F33">
        <v>32</v>
      </c>
      <c r="G33">
        <v>124.6875</v>
      </c>
      <c r="H33">
        <v>119.5</v>
      </c>
      <c r="I33">
        <v>4408.08984375</v>
      </c>
      <c r="J33">
        <v>66.393447295271542</v>
      </c>
      <c r="K33">
        <v>2.545006663491698E-2</v>
      </c>
      <c r="L33">
        <v>-0.82594416730185616</v>
      </c>
      <c r="M33">
        <v>4.9375</v>
      </c>
      <c r="N33">
        <v>2</v>
      </c>
      <c r="O33">
        <v>1</v>
      </c>
      <c r="P33">
        <v>1</v>
      </c>
      <c r="Q33">
        <v>0.1766846959694085</v>
      </c>
      <c r="R33">
        <v>3.422414204014729</v>
      </c>
      <c r="S33">
        <v>1</v>
      </c>
      <c r="T33">
        <v>1</v>
      </c>
      <c r="U33">
        <v>0</v>
      </c>
      <c r="V33">
        <v>0</v>
      </c>
      <c r="W33">
        <v>3.4339872044851458</v>
      </c>
      <c r="X33">
        <v>1</v>
      </c>
      <c r="Y33">
        <v>1</v>
      </c>
      <c r="Z33">
        <v>0</v>
      </c>
      <c r="AA33">
        <v>0</v>
      </c>
      <c r="AB33">
        <v>3.401197381662155</v>
      </c>
      <c r="AC33">
        <v>1</v>
      </c>
      <c r="AD33">
        <v>1</v>
      </c>
      <c r="AE33">
        <v>0</v>
      </c>
      <c r="AF33">
        <v>0</v>
      </c>
      <c r="AG33">
        <v>3.3672958299864728</v>
      </c>
      <c r="AH33">
        <v>-4.1875494585151059E-2</v>
      </c>
      <c r="AI33">
        <v>0.1397275051817902</v>
      </c>
      <c r="AJ33">
        <v>1.17379511746425E-3</v>
      </c>
      <c r="AK33">
        <v>-1.5687875452714339E-2</v>
      </c>
      <c r="AL33">
        <v>475.71851036831941</v>
      </c>
      <c r="AM33">
        <v>642.07001089674566</v>
      </c>
      <c r="AN33">
        <v>3990</v>
      </c>
      <c r="AO33">
        <v>181.15751681268591</v>
      </c>
      <c r="AP33">
        <v>339.78781402269158</v>
      </c>
      <c r="AQ33">
        <v>1.65625</v>
      </c>
      <c r="AR33">
        <v>4.09375</v>
      </c>
      <c r="AS33">
        <v>32</v>
      </c>
      <c r="AT33">
        <v>0.93749999999999978</v>
      </c>
      <c r="AU33">
        <v>0.13348765432098761</v>
      </c>
      <c r="AV33">
        <v>-4.5576622458197422E-2</v>
      </c>
      <c r="AW33">
        <v>0.4375</v>
      </c>
      <c r="AX33">
        <v>78.225806451612897</v>
      </c>
      <c r="AY33">
        <v>49.5</v>
      </c>
      <c r="AZ33">
        <v>91.75</v>
      </c>
      <c r="BA33">
        <v>0.53247877530042342</v>
      </c>
      <c r="BB33">
        <v>0.4375</v>
      </c>
      <c r="BC33">
        <v>3.2829507132875908</v>
      </c>
      <c r="BD33" t="s">
        <v>188</v>
      </c>
      <c r="BE33" t="s">
        <v>62</v>
      </c>
    </row>
    <row r="34" spans="1:57" x14ac:dyDescent="0.3">
      <c r="A34" t="s">
        <v>189</v>
      </c>
      <c r="B34">
        <v>1212</v>
      </c>
      <c r="C34" t="s">
        <v>190</v>
      </c>
      <c r="D34" t="s">
        <v>191</v>
      </c>
      <c r="E34" t="s">
        <v>98</v>
      </c>
      <c r="F34">
        <v>16</v>
      </c>
      <c r="G34">
        <v>110.9375</v>
      </c>
      <c r="H34">
        <v>94</v>
      </c>
      <c r="I34">
        <v>4230.55859375</v>
      </c>
      <c r="J34">
        <v>65.042744358998263</v>
      </c>
      <c r="K34">
        <v>0.2045726363023892</v>
      </c>
      <c r="L34">
        <v>-1.079715974814665</v>
      </c>
      <c r="M34">
        <v>3.875</v>
      </c>
      <c r="N34">
        <v>2</v>
      </c>
      <c r="O34">
        <v>1</v>
      </c>
      <c r="P34">
        <v>1</v>
      </c>
      <c r="Q34">
        <v>0.24944382578492949</v>
      </c>
      <c r="R34">
        <v>2.6859453246697882</v>
      </c>
      <c r="S34">
        <v>1</v>
      </c>
      <c r="T34">
        <v>1</v>
      </c>
      <c r="U34">
        <v>0</v>
      </c>
      <c r="V34">
        <v>0</v>
      </c>
      <c r="W34">
        <v>2.7080502011022101</v>
      </c>
      <c r="X34">
        <v>1</v>
      </c>
      <c r="Y34">
        <v>1</v>
      </c>
      <c r="Z34">
        <v>0</v>
      </c>
      <c r="AA34">
        <v>0</v>
      </c>
      <c r="AB34">
        <v>2.639057329615258</v>
      </c>
      <c r="AC34">
        <v>1</v>
      </c>
      <c r="AD34">
        <v>1</v>
      </c>
      <c r="AE34">
        <v>0</v>
      </c>
      <c r="AF34">
        <v>0</v>
      </c>
      <c r="AG34">
        <v>2.5649493574615372</v>
      </c>
      <c r="AH34">
        <v>8.1039772470206078E-2</v>
      </c>
      <c r="AI34">
        <v>0.10267822105347719</v>
      </c>
      <c r="AJ34">
        <v>-0.22089125761872089</v>
      </c>
      <c r="AK34">
        <v>-0.15641830782910429</v>
      </c>
      <c r="AL34">
        <v>341.65596523704278</v>
      </c>
      <c r="AM34">
        <v>384.54414755388569</v>
      </c>
      <c r="AN34">
        <v>1775</v>
      </c>
      <c r="AO34">
        <v>59</v>
      </c>
      <c r="AP34">
        <v>268.33002068348588</v>
      </c>
      <c r="AQ34">
        <v>2.25</v>
      </c>
      <c r="AR34">
        <v>3.75</v>
      </c>
      <c r="AS34">
        <v>15</v>
      </c>
      <c r="AT34">
        <v>0.87499999999999989</v>
      </c>
      <c r="AU34">
        <v>0.21063829787234051</v>
      </c>
      <c r="AV34">
        <v>8.6168117186908144E-2</v>
      </c>
      <c r="AW34">
        <v>0.4375</v>
      </c>
      <c r="AX34">
        <v>71.13333333333334</v>
      </c>
      <c r="AY34">
        <v>51.5</v>
      </c>
      <c r="AZ34">
        <v>97.25</v>
      </c>
      <c r="BA34">
        <v>0.58630079422195613</v>
      </c>
      <c r="BB34">
        <v>0.5</v>
      </c>
      <c r="BC34">
        <v>2.7080502011022101</v>
      </c>
      <c r="BD34" t="s">
        <v>190</v>
      </c>
      <c r="BE34" t="s">
        <v>62</v>
      </c>
    </row>
    <row r="35" spans="1:57" x14ac:dyDescent="0.3">
      <c r="A35" t="s">
        <v>192</v>
      </c>
      <c r="B35">
        <v>2</v>
      </c>
      <c r="C35" t="s">
        <v>193</v>
      </c>
      <c r="D35" t="s">
        <v>194</v>
      </c>
      <c r="E35" t="s">
        <v>85</v>
      </c>
      <c r="F35">
        <v>2</v>
      </c>
      <c r="G35">
        <v>165.5</v>
      </c>
      <c r="H35">
        <v>165.5</v>
      </c>
      <c r="I35">
        <v>7140.25</v>
      </c>
      <c r="J35">
        <v>84.5</v>
      </c>
      <c r="K35">
        <v>0</v>
      </c>
      <c r="L35">
        <v>-2</v>
      </c>
      <c r="M35">
        <v>1</v>
      </c>
      <c r="N35">
        <v>1</v>
      </c>
      <c r="O35">
        <v>1</v>
      </c>
      <c r="P35">
        <v>0</v>
      </c>
      <c r="Q35">
        <v>0</v>
      </c>
      <c r="R35">
        <v>0.69314718055994529</v>
      </c>
      <c r="S35">
        <v>1</v>
      </c>
      <c r="T35">
        <v>1</v>
      </c>
      <c r="U35">
        <v>0</v>
      </c>
      <c r="V35">
        <v>0</v>
      </c>
      <c r="W35">
        <v>0</v>
      </c>
      <c r="X35">
        <v>0</v>
      </c>
      <c r="Y35">
        <v>0</v>
      </c>
      <c r="Z35">
        <v>0</v>
      </c>
      <c r="AA35">
        <v>0</v>
      </c>
      <c r="AB35">
        <v>0</v>
      </c>
      <c r="AC35">
        <v>0</v>
      </c>
      <c r="AD35">
        <v>0</v>
      </c>
      <c r="AE35">
        <v>0</v>
      </c>
      <c r="AF35">
        <v>0</v>
      </c>
      <c r="AG35">
        <v>0</v>
      </c>
      <c r="AH35">
        <v>-0.5</v>
      </c>
      <c r="AI35">
        <v>0</v>
      </c>
      <c r="AJ35">
        <v>0</v>
      </c>
      <c r="AK35">
        <v>0</v>
      </c>
      <c r="AL35">
        <v>250</v>
      </c>
      <c r="AM35">
        <v>81</v>
      </c>
      <c r="AN35">
        <v>331</v>
      </c>
      <c r="AO35">
        <v>169</v>
      </c>
      <c r="AP35">
        <v>250</v>
      </c>
      <c r="AQ35">
        <v>11</v>
      </c>
      <c r="AR35">
        <v>4.5</v>
      </c>
      <c r="AS35">
        <v>2</v>
      </c>
      <c r="AT35">
        <v>0</v>
      </c>
      <c r="AU35">
        <v>0.5</v>
      </c>
      <c r="AW35">
        <v>0.5</v>
      </c>
      <c r="AX35">
        <v>169</v>
      </c>
      <c r="AY35">
        <v>84.5</v>
      </c>
      <c r="AZ35">
        <v>84.5</v>
      </c>
      <c r="BA35">
        <v>0.51057401812688818</v>
      </c>
      <c r="BB35">
        <v>0.5</v>
      </c>
      <c r="BC35">
        <v>0</v>
      </c>
      <c r="BD35" t="s">
        <v>193</v>
      </c>
      <c r="BE35" t="s">
        <v>68</v>
      </c>
    </row>
    <row r="36" spans="1:57" x14ac:dyDescent="0.3">
      <c r="A36" t="s">
        <v>195</v>
      </c>
      <c r="B36">
        <v>1844</v>
      </c>
      <c r="C36" t="s">
        <v>196</v>
      </c>
      <c r="D36" t="s">
        <v>197</v>
      </c>
      <c r="E36" t="s">
        <v>93</v>
      </c>
      <c r="F36">
        <v>1872</v>
      </c>
      <c r="G36">
        <v>129.0347222222222</v>
      </c>
      <c r="H36">
        <v>127</v>
      </c>
      <c r="I36">
        <v>5570.6638584698476</v>
      </c>
      <c r="J36">
        <v>74.636880015645403</v>
      </c>
      <c r="K36">
        <v>-3.266696478720842E-3</v>
      </c>
      <c r="L36">
        <v>-1.250598577501592</v>
      </c>
      <c r="M36">
        <v>7.9008076224201922</v>
      </c>
      <c r="N36">
        <v>18</v>
      </c>
      <c r="O36">
        <v>2</v>
      </c>
      <c r="P36">
        <v>16</v>
      </c>
      <c r="Q36">
        <v>2.7221602175478208</v>
      </c>
      <c r="R36">
        <v>5.4764225276270926</v>
      </c>
      <c r="S36">
        <v>2</v>
      </c>
      <c r="T36">
        <v>1</v>
      </c>
      <c r="U36">
        <v>1</v>
      </c>
      <c r="V36">
        <v>0.11787091450251989</v>
      </c>
      <c r="W36">
        <v>7.5149639471243734</v>
      </c>
      <c r="X36">
        <v>1</v>
      </c>
      <c r="Y36">
        <v>1</v>
      </c>
      <c r="Z36">
        <v>0</v>
      </c>
      <c r="AA36">
        <v>0</v>
      </c>
      <c r="AB36">
        <v>7.5336937098486292</v>
      </c>
      <c r="AC36">
        <v>1</v>
      </c>
      <c r="AD36">
        <v>1</v>
      </c>
      <c r="AE36">
        <v>0</v>
      </c>
      <c r="AF36">
        <v>0</v>
      </c>
      <c r="AG36">
        <v>7.5331588074555649</v>
      </c>
      <c r="AH36">
        <v>-3.1320304154032093E-2</v>
      </c>
      <c r="AI36">
        <v>3.524203776172216E-3</v>
      </c>
      <c r="AJ36">
        <v>1.352176071997448E-2</v>
      </c>
      <c r="AK36">
        <v>1.460830249145792E-2</v>
      </c>
      <c r="AL36">
        <v>2991.4066987467941</v>
      </c>
      <c r="AM36">
        <v>5713.8859773968907</v>
      </c>
      <c r="AN36">
        <v>241553</v>
      </c>
      <c r="AO36">
        <v>95.391894895389427</v>
      </c>
      <c r="AP36">
        <v>2669.4136541466059</v>
      </c>
      <c r="AQ36">
        <v>1.012286324786325</v>
      </c>
      <c r="AR36">
        <v>4.0293803418803424</v>
      </c>
      <c r="AS36">
        <v>1867</v>
      </c>
      <c r="AT36">
        <v>259.41880341880341</v>
      </c>
      <c r="AU36">
        <v>2.5339366515837129E-2</v>
      </c>
      <c r="AV36">
        <v>-3.1332180957262597E-2</v>
      </c>
      <c r="AW36">
        <v>0.37873931623931623</v>
      </c>
      <c r="AX36">
        <v>87.979155531801169</v>
      </c>
      <c r="AY36">
        <v>65</v>
      </c>
      <c r="AZ36">
        <v>130</v>
      </c>
      <c r="BA36">
        <v>0.5784247738148075</v>
      </c>
      <c r="BB36">
        <v>0.49252136752136749</v>
      </c>
      <c r="BC36">
        <v>5.3063494323798022</v>
      </c>
      <c r="BD36" t="s">
        <v>198</v>
      </c>
      <c r="BE36" t="s">
        <v>62</v>
      </c>
    </row>
    <row r="37" spans="1:57" x14ac:dyDescent="0.3">
      <c r="A37" t="s">
        <v>199</v>
      </c>
      <c r="B37">
        <v>3321</v>
      </c>
      <c r="C37" t="s">
        <v>200</v>
      </c>
      <c r="D37" t="s">
        <v>201</v>
      </c>
      <c r="E37" t="s">
        <v>98</v>
      </c>
      <c r="F37">
        <v>16</v>
      </c>
      <c r="G37">
        <v>113.375</v>
      </c>
      <c r="H37">
        <v>95.5</v>
      </c>
      <c r="I37">
        <v>4869.359375</v>
      </c>
      <c r="J37">
        <v>69.780795173170674</v>
      </c>
      <c r="K37">
        <v>0.35419769011176122</v>
      </c>
      <c r="L37">
        <v>-1.1273985818996799</v>
      </c>
      <c r="M37">
        <v>4</v>
      </c>
      <c r="N37">
        <v>1</v>
      </c>
      <c r="O37">
        <v>1</v>
      </c>
      <c r="P37">
        <v>0</v>
      </c>
      <c r="Q37">
        <v>0</v>
      </c>
      <c r="R37">
        <v>2.7725887222397811</v>
      </c>
      <c r="S37">
        <v>1</v>
      </c>
      <c r="T37">
        <v>1</v>
      </c>
      <c r="U37">
        <v>0</v>
      </c>
      <c r="V37">
        <v>0</v>
      </c>
      <c r="W37">
        <v>2.7080502011022101</v>
      </c>
      <c r="X37">
        <v>1</v>
      </c>
      <c r="Y37">
        <v>1</v>
      </c>
      <c r="Z37">
        <v>0</v>
      </c>
      <c r="AA37">
        <v>0</v>
      </c>
      <c r="AB37">
        <v>2.639057329615258</v>
      </c>
      <c r="AC37">
        <v>1</v>
      </c>
      <c r="AD37">
        <v>1</v>
      </c>
      <c r="AE37">
        <v>0</v>
      </c>
      <c r="AF37">
        <v>0</v>
      </c>
      <c r="AG37">
        <v>2.5649493574615372</v>
      </c>
      <c r="AH37">
        <v>-0.17567782755046699</v>
      </c>
      <c r="AI37">
        <v>-0.15073570701998151</v>
      </c>
      <c r="AJ37">
        <v>-0.45784966740363048</v>
      </c>
      <c r="AK37">
        <v>0.22121709734660941</v>
      </c>
      <c r="AL37">
        <v>339.79049877919749</v>
      </c>
      <c r="AM37">
        <v>410.01758125644341</v>
      </c>
      <c r="AN37">
        <v>1814</v>
      </c>
      <c r="AO37">
        <v>84.77027781009096</v>
      </c>
      <c r="AP37">
        <v>207.8730729330606</v>
      </c>
      <c r="AQ37">
        <v>2.25</v>
      </c>
      <c r="AR37">
        <v>4.125</v>
      </c>
      <c r="AS37">
        <v>16</v>
      </c>
      <c r="AT37">
        <v>0</v>
      </c>
      <c r="AU37">
        <v>0.24166666666666661</v>
      </c>
      <c r="AV37">
        <v>-0.1791304027420223</v>
      </c>
      <c r="AW37">
        <v>0.5</v>
      </c>
      <c r="AX37">
        <v>96.6</v>
      </c>
      <c r="AY37">
        <v>62.5</v>
      </c>
      <c r="AZ37">
        <v>112.5</v>
      </c>
      <c r="BA37">
        <v>0.61548661674240945</v>
      </c>
      <c r="BB37">
        <v>0.4375</v>
      </c>
      <c r="BC37">
        <v>2.615630577027551</v>
      </c>
      <c r="BD37" t="s">
        <v>200</v>
      </c>
      <c r="BE37" t="s">
        <v>62</v>
      </c>
    </row>
    <row r="38" spans="1:57" x14ac:dyDescent="0.3">
      <c r="A38" t="s">
        <v>202</v>
      </c>
      <c r="B38">
        <v>663</v>
      </c>
      <c r="C38" t="s">
        <v>203</v>
      </c>
      <c r="D38" t="s">
        <v>204</v>
      </c>
      <c r="E38" t="s">
        <v>10622</v>
      </c>
      <c r="F38">
        <v>64</v>
      </c>
      <c r="G38">
        <v>113.890625</v>
      </c>
      <c r="H38">
        <v>107</v>
      </c>
      <c r="I38">
        <v>5061.409912109375</v>
      </c>
      <c r="J38">
        <v>71.143586584521969</v>
      </c>
      <c r="K38">
        <v>0.1178735881396749</v>
      </c>
      <c r="L38">
        <v>-1.1918886003474549</v>
      </c>
      <c r="M38">
        <v>5.675704882778696</v>
      </c>
      <c r="N38">
        <v>3</v>
      </c>
      <c r="O38">
        <v>1</v>
      </c>
      <c r="P38">
        <v>2</v>
      </c>
      <c r="Q38">
        <v>0.43350740410072691</v>
      </c>
      <c r="R38">
        <v>3.9340988371883689</v>
      </c>
      <c r="S38">
        <v>1</v>
      </c>
      <c r="T38">
        <v>1</v>
      </c>
      <c r="U38">
        <v>0</v>
      </c>
      <c r="V38">
        <v>0</v>
      </c>
      <c r="W38">
        <v>4.1431347263915326</v>
      </c>
      <c r="X38">
        <v>1</v>
      </c>
      <c r="Y38">
        <v>1</v>
      </c>
      <c r="Z38">
        <v>0</v>
      </c>
      <c r="AA38">
        <v>0</v>
      </c>
      <c r="AB38">
        <v>4.1271343850450908</v>
      </c>
      <c r="AC38">
        <v>1</v>
      </c>
      <c r="AD38">
        <v>1</v>
      </c>
      <c r="AE38">
        <v>0</v>
      </c>
      <c r="AF38">
        <v>0</v>
      </c>
      <c r="AG38">
        <v>4.1108738641733096</v>
      </c>
      <c r="AH38">
        <v>2.1759905109534822E-2</v>
      </c>
      <c r="AI38">
        <v>-2.1087079719374371E-2</v>
      </c>
      <c r="AJ38">
        <v>0.21107424857228371</v>
      </c>
      <c r="AK38">
        <v>-4.9795090245367747E-2</v>
      </c>
      <c r="AL38">
        <v>591.53230814532469</v>
      </c>
      <c r="AM38">
        <v>896.75444153919</v>
      </c>
      <c r="AN38">
        <v>7289</v>
      </c>
      <c r="AO38">
        <v>46.933769840524072</v>
      </c>
      <c r="AP38">
        <v>418.2271485382397</v>
      </c>
      <c r="AQ38">
        <v>1.359375</v>
      </c>
      <c r="AR38">
        <v>3.75</v>
      </c>
      <c r="AS38">
        <v>64</v>
      </c>
      <c r="AT38">
        <v>8.5625</v>
      </c>
      <c r="AU38">
        <v>0.1143353174603174</v>
      </c>
      <c r="AV38">
        <v>2.1923747613648539E-2</v>
      </c>
      <c r="AW38">
        <v>0.390625</v>
      </c>
      <c r="AX38">
        <v>83.777777777777771</v>
      </c>
      <c r="AY38">
        <v>71.5</v>
      </c>
      <c r="AZ38">
        <v>133.5</v>
      </c>
      <c r="BA38">
        <v>0.62466587205507007</v>
      </c>
      <c r="BB38">
        <v>0.453125</v>
      </c>
      <c r="BC38">
        <v>3.9807964935089331</v>
      </c>
      <c r="BD38" t="s">
        <v>205</v>
      </c>
      <c r="BE38" t="s">
        <v>62</v>
      </c>
    </row>
    <row r="39" spans="1:57" x14ac:dyDescent="0.3">
      <c r="A39" t="s">
        <v>206</v>
      </c>
      <c r="B39">
        <v>2373</v>
      </c>
      <c r="C39" t="s">
        <v>207</v>
      </c>
      <c r="D39" t="s">
        <v>208</v>
      </c>
      <c r="E39" t="s">
        <v>106</v>
      </c>
      <c r="F39">
        <v>2409</v>
      </c>
      <c r="G39">
        <v>126.96720630967209</v>
      </c>
      <c r="H39">
        <v>126</v>
      </c>
      <c r="I39">
        <v>5344.3530134074153</v>
      </c>
      <c r="J39">
        <v>73.105081994396357</v>
      </c>
      <c r="K39">
        <v>2.728216681950842E-2</v>
      </c>
      <c r="L39">
        <v>-1.1687554847601149</v>
      </c>
      <c r="M39">
        <v>7.9215531594017454</v>
      </c>
      <c r="N39">
        <v>18</v>
      </c>
      <c r="O39">
        <v>2</v>
      </c>
      <c r="P39">
        <v>16</v>
      </c>
      <c r="Q39">
        <v>3.0694650349182901</v>
      </c>
      <c r="R39">
        <v>5.4908022380950499</v>
      </c>
      <c r="S39">
        <v>2</v>
      </c>
      <c r="T39">
        <v>1</v>
      </c>
      <c r="U39">
        <v>1</v>
      </c>
      <c r="V39">
        <v>0.12724631180603621</v>
      </c>
      <c r="W39">
        <v>7.7640993645334966</v>
      </c>
      <c r="X39">
        <v>2</v>
      </c>
      <c r="Y39">
        <v>1</v>
      </c>
      <c r="Z39">
        <v>1</v>
      </c>
      <c r="AA39">
        <v>2.0382709618020332E-2</v>
      </c>
      <c r="AB39">
        <v>7.7855604949658224</v>
      </c>
      <c r="AC39">
        <v>1</v>
      </c>
      <c r="AD39">
        <v>1</v>
      </c>
      <c r="AE39">
        <v>0</v>
      </c>
      <c r="AF39">
        <v>0</v>
      </c>
      <c r="AG39">
        <v>7.7857208965346238</v>
      </c>
      <c r="AH39">
        <v>5.4759243672308451E-2</v>
      </c>
      <c r="AI39">
        <v>-1.5062356952737039E-3</v>
      </c>
      <c r="AJ39">
        <v>-3.1262188674253823E-2</v>
      </c>
      <c r="AK39">
        <v>-8.7551897440536052E-3</v>
      </c>
      <c r="AL39">
        <v>3287.211429932021</v>
      </c>
      <c r="AM39">
        <v>6395.5832427484102</v>
      </c>
      <c r="AN39">
        <v>305864</v>
      </c>
      <c r="AO39">
        <v>65.55150832740226</v>
      </c>
      <c r="AP39">
        <v>2963.837947122734</v>
      </c>
      <c r="AQ39">
        <v>1.009547530095475</v>
      </c>
      <c r="AR39">
        <v>3.9655458696554589</v>
      </c>
      <c r="AS39">
        <v>2396</v>
      </c>
      <c r="AT39">
        <v>256.31174761311752</v>
      </c>
      <c r="AU39">
        <v>1.838204771323226E-2</v>
      </c>
      <c r="AV39">
        <v>5.4774694330735049E-2</v>
      </c>
      <c r="AW39">
        <v>0.38480697384806972</v>
      </c>
      <c r="AX39">
        <v>81.953073089700993</v>
      </c>
      <c r="AY39">
        <v>63</v>
      </c>
      <c r="AZ39">
        <v>126</v>
      </c>
      <c r="BA39">
        <v>0.57577924346932241</v>
      </c>
      <c r="BB39">
        <v>0.49854711498547122</v>
      </c>
      <c r="BC39">
        <v>5.2584844559776922</v>
      </c>
      <c r="BD39" t="s">
        <v>209</v>
      </c>
      <c r="BE39" t="s">
        <v>68</v>
      </c>
    </row>
    <row r="40" spans="1:57" x14ac:dyDescent="0.3">
      <c r="A40" t="s">
        <v>210</v>
      </c>
      <c r="B40">
        <v>158</v>
      </c>
      <c r="C40" t="s">
        <v>211</v>
      </c>
      <c r="D40" t="s">
        <v>212</v>
      </c>
      <c r="E40" t="s">
        <v>60</v>
      </c>
      <c r="F40">
        <v>256</v>
      </c>
      <c r="G40">
        <v>132.6015625</v>
      </c>
      <c r="H40">
        <v>135.5</v>
      </c>
      <c r="I40">
        <v>5087.8881225585938</v>
      </c>
      <c r="J40">
        <v>71.329433774274378</v>
      </c>
      <c r="K40">
        <v>-0.15892984235962049</v>
      </c>
      <c r="L40">
        <v>-1.1399026656193409</v>
      </c>
      <c r="M40">
        <v>7.2786394902328189</v>
      </c>
      <c r="N40">
        <v>5</v>
      </c>
      <c r="O40">
        <v>1</v>
      </c>
      <c r="P40">
        <v>4</v>
      </c>
      <c r="Q40">
        <v>0.74948610814939798</v>
      </c>
      <c r="R40">
        <v>5.0451684409671564</v>
      </c>
      <c r="S40">
        <v>1</v>
      </c>
      <c r="T40">
        <v>1</v>
      </c>
      <c r="U40">
        <v>0</v>
      </c>
      <c r="V40">
        <v>0</v>
      </c>
      <c r="W40">
        <v>5.541263545158424</v>
      </c>
      <c r="X40">
        <v>1</v>
      </c>
      <c r="Y40">
        <v>1</v>
      </c>
      <c r="Z40">
        <v>0</v>
      </c>
      <c r="AA40">
        <v>0</v>
      </c>
      <c r="AB40">
        <v>5.5373342670185366</v>
      </c>
      <c r="AC40">
        <v>1</v>
      </c>
      <c r="AD40">
        <v>1</v>
      </c>
      <c r="AE40">
        <v>0</v>
      </c>
      <c r="AF40">
        <v>0</v>
      </c>
      <c r="AG40">
        <v>5.5333894887275203</v>
      </c>
      <c r="AH40">
        <v>-3.2055355979196801E-2</v>
      </c>
      <c r="AI40">
        <v>-0.10900540774393259</v>
      </c>
      <c r="AJ40">
        <v>-8.9951535374210662E-2</v>
      </c>
      <c r="AK40">
        <v>6.677048507710398E-2</v>
      </c>
      <c r="AL40">
        <v>1152.855900646196</v>
      </c>
      <c r="AM40">
        <v>2115.352280908608</v>
      </c>
      <c r="AN40">
        <v>33946</v>
      </c>
      <c r="AO40">
        <v>170.78290656980079</v>
      </c>
      <c r="AP40">
        <v>966.16851719266992</v>
      </c>
      <c r="AQ40">
        <v>1.08984375</v>
      </c>
      <c r="AR40">
        <v>4.0625</v>
      </c>
      <c r="AS40">
        <v>255</v>
      </c>
      <c r="AT40">
        <v>65.671875</v>
      </c>
      <c r="AU40">
        <v>6.4108455882352922E-2</v>
      </c>
      <c r="AV40">
        <v>-3.2293228603622492E-2</v>
      </c>
      <c r="AW40">
        <v>0.34375</v>
      </c>
      <c r="AX40">
        <v>84.392156862745097</v>
      </c>
      <c r="AY40">
        <v>59.5</v>
      </c>
      <c r="AZ40">
        <v>119.25</v>
      </c>
      <c r="BA40">
        <v>0.53792302616550525</v>
      </c>
      <c r="BB40">
        <v>0.51953125</v>
      </c>
      <c r="BC40">
        <v>4.9097035447913893</v>
      </c>
      <c r="BD40" t="s">
        <v>213</v>
      </c>
      <c r="BE40" t="s">
        <v>62</v>
      </c>
    </row>
    <row r="41" spans="1:57" x14ac:dyDescent="0.3">
      <c r="A41" t="s">
        <v>214</v>
      </c>
      <c r="B41">
        <v>1562</v>
      </c>
      <c r="C41" t="s">
        <v>215</v>
      </c>
      <c r="D41" t="s">
        <v>216</v>
      </c>
      <c r="E41" t="s">
        <v>93</v>
      </c>
      <c r="F41">
        <v>1577</v>
      </c>
      <c r="G41">
        <v>127.0310716550412</v>
      </c>
      <c r="H41">
        <v>127</v>
      </c>
      <c r="I41">
        <v>5373.539300880725</v>
      </c>
      <c r="J41">
        <v>73.304428930868326</v>
      </c>
      <c r="K41">
        <v>2.963544883161413E-2</v>
      </c>
      <c r="L41">
        <v>-1.193438187432909</v>
      </c>
      <c r="M41">
        <v>7.8933882673514217</v>
      </c>
      <c r="N41">
        <v>13</v>
      </c>
      <c r="O41">
        <v>1</v>
      </c>
      <c r="P41">
        <v>12</v>
      </c>
      <c r="Q41">
        <v>2.3472337390183231</v>
      </c>
      <c r="R41">
        <v>5.4712798225795947</v>
      </c>
      <c r="S41">
        <v>2</v>
      </c>
      <c r="T41">
        <v>1</v>
      </c>
      <c r="U41">
        <v>1</v>
      </c>
      <c r="V41">
        <v>0.1154228872571737</v>
      </c>
      <c r="W41">
        <v>7.3441730739815814</v>
      </c>
      <c r="X41">
        <v>1</v>
      </c>
      <c r="Y41">
        <v>1</v>
      </c>
      <c r="Z41">
        <v>0</v>
      </c>
      <c r="AA41">
        <v>0</v>
      </c>
      <c r="AB41">
        <v>7.3620105512597336</v>
      </c>
      <c r="AC41">
        <v>1</v>
      </c>
      <c r="AD41">
        <v>1</v>
      </c>
      <c r="AE41">
        <v>0</v>
      </c>
      <c r="AF41">
        <v>0</v>
      </c>
      <c r="AG41">
        <v>7.3613754289773468</v>
      </c>
      <c r="AH41">
        <v>3.6650776705465793E-2</v>
      </c>
      <c r="AI41">
        <v>-4.4291633110742273E-2</v>
      </c>
      <c r="AJ41">
        <v>-1.354633477474982E-2</v>
      </c>
      <c r="AK41">
        <v>-3.5224227275688781E-2</v>
      </c>
      <c r="AL41">
        <v>2710.7414633802978</v>
      </c>
      <c r="AM41">
        <v>5154.9813499867141</v>
      </c>
      <c r="AN41">
        <v>200328</v>
      </c>
      <c r="AO41">
        <v>51.126163027673712</v>
      </c>
      <c r="AP41">
        <v>2416.004852789592</v>
      </c>
      <c r="AQ41">
        <v>1.014584654407102</v>
      </c>
      <c r="AR41">
        <v>3.9968294229549781</v>
      </c>
      <c r="AS41">
        <v>1572</v>
      </c>
      <c r="AT41">
        <v>228.96068484464169</v>
      </c>
      <c r="AU41">
        <v>1.499496437763442E-2</v>
      </c>
      <c r="AV41">
        <v>3.6690922663726977E-2</v>
      </c>
      <c r="AW41">
        <v>0.3823715916296766</v>
      </c>
      <c r="AX41">
        <v>83.634517766497467</v>
      </c>
      <c r="AY41">
        <v>63</v>
      </c>
      <c r="AZ41">
        <v>126</v>
      </c>
      <c r="BA41">
        <v>0.57705904528562835</v>
      </c>
      <c r="BB41">
        <v>0.49778059606848452</v>
      </c>
      <c r="BC41">
        <v>5.2418742692673392</v>
      </c>
      <c r="BD41" t="s">
        <v>217</v>
      </c>
      <c r="BE41" t="s">
        <v>68</v>
      </c>
    </row>
    <row r="42" spans="1:57" x14ac:dyDescent="0.3">
      <c r="A42" t="s">
        <v>218</v>
      </c>
      <c r="B42">
        <v>3128</v>
      </c>
      <c r="C42" t="s">
        <v>219</v>
      </c>
      <c r="D42" t="s">
        <v>220</v>
      </c>
      <c r="E42" t="s">
        <v>85</v>
      </c>
      <c r="F42">
        <v>8</v>
      </c>
      <c r="G42">
        <v>135.75</v>
      </c>
      <c r="H42">
        <v>163</v>
      </c>
      <c r="I42">
        <v>8563.6875</v>
      </c>
      <c r="J42">
        <v>92.540193969971767</v>
      </c>
      <c r="K42">
        <v>-0.26802007320593729</v>
      </c>
      <c r="L42">
        <v>-1.6136502057915141</v>
      </c>
      <c r="M42">
        <v>3</v>
      </c>
      <c r="N42">
        <v>1</v>
      </c>
      <c r="O42">
        <v>1</v>
      </c>
      <c r="P42">
        <v>0</v>
      </c>
      <c r="Q42">
        <v>0</v>
      </c>
      <c r="R42">
        <v>2.0794415416798362</v>
      </c>
      <c r="S42">
        <v>1</v>
      </c>
      <c r="T42">
        <v>1</v>
      </c>
      <c r="U42">
        <v>0</v>
      </c>
      <c r="V42">
        <v>0</v>
      </c>
      <c r="W42">
        <v>1.945910149055313</v>
      </c>
      <c r="X42">
        <v>1</v>
      </c>
      <c r="Y42">
        <v>1</v>
      </c>
      <c r="Z42">
        <v>0</v>
      </c>
      <c r="AA42">
        <v>0</v>
      </c>
      <c r="AB42">
        <v>1.791759469228055</v>
      </c>
      <c r="AC42">
        <v>1</v>
      </c>
      <c r="AD42">
        <v>1</v>
      </c>
      <c r="AE42">
        <v>0</v>
      </c>
      <c r="AF42">
        <v>0</v>
      </c>
      <c r="AG42">
        <v>1.6094379124341009</v>
      </c>
      <c r="AH42">
        <v>0.1478982841795663</v>
      </c>
      <c r="AI42">
        <v>-0.5053550967384085</v>
      </c>
      <c r="AJ42">
        <v>0.29492533882162331</v>
      </c>
      <c r="AK42">
        <v>0</v>
      </c>
      <c r="AL42">
        <v>366.41449403705082</v>
      </c>
      <c r="AM42">
        <v>285.78736599012228</v>
      </c>
      <c r="AN42">
        <v>1086</v>
      </c>
      <c r="AO42">
        <v>149.22996903545061</v>
      </c>
      <c r="AP42">
        <v>279.62549301106009</v>
      </c>
      <c r="AQ42">
        <v>3.5</v>
      </c>
      <c r="AR42">
        <v>4</v>
      </c>
      <c r="AS42">
        <v>8</v>
      </c>
      <c r="AT42">
        <v>0</v>
      </c>
      <c r="AU42">
        <v>0.247</v>
      </c>
      <c r="AV42">
        <v>0.19189536856805511</v>
      </c>
      <c r="AW42">
        <v>0.125</v>
      </c>
      <c r="AX42">
        <v>88.857142857142861</v>
      </c>
      <c r="AY42">
        <v>74.5</v>
      </c>
      <c r="AZ42">
        <v>184.75</v>
      </c>
      <c r="BA42">
        <v>0.68169571985246236</v>
      </c>
      <c r="BB42">
        <v>0.625</v>
      </c>
      <c r="BC42">
        <v>1.945910149055313</v>
      </c>
      <c r="BD42" t="s">
        <v>219</v>
      </c>
      <c r="BE42" t="s">
        <v>68</v>
      </c>
    </row>
    <row r="43" spans="1:57" x14ac:dyDescent="0.3">
      <c r="A43" t="s">
        <v>221</v>
      </c>
      <c r="B43">
        <v>3676</v>
      </c>
      <c r="C43" t="s">
        <v>222</v>
      </c>
      <c r="D43" t="s">
        <v>223</v>
      </c>
      <c r="E43" t="s">
        <v>98</v>
      </c>
      <c r="F43">
        <v>16</v>
      </c>
      <c r="G43">
        <v>120.375</v>
      </c>
      <c r="H43">
        <v>135.5</v>
      </c>
      <c r="I43">
        <v>4746.984375</v>
      </c>
      <c r="J43">
        <v>68.898362643824854</v>
      </c>
      <c r="K43">
        <v>-0.13967884134179551</v>
      </c>
      <c r="L43">
        <v>-1.431951727956148</v>
      </c>
      <c r="M43">
        <v>4</v>
      </c>
      <c r="N43">
        <v>1</v>
      </c>
      <c r="O43">
        <v>1</v>
      </c>
      <c r="P43">
        <v>0</v>
      </c>
      <c r="Q43">
        <v>0</v>
      </c>
      <c r="R43">
        <v>2.7725887222397811</v>
      </c>
      <c r="S43">
        <v>1</v>
      </c>
      <c r="T43">
        <v>1</v>
      </c>
      <c r="U43">
        <v>0</v>
      </c>
      <c r="V43">
        <v>0</v>
      </c>
      <c r="W43">
        <v>2.7080502011022101</v>
      </c>
      <c r="X43">
        <v>1</v>
      </c>
      <c r="Y43">
        <v>1</v>
      </c>
      <c r="Z43">
        <v>0</v>
      </c>
      <c r="AA43">
        <v>0</v>
      </c>
      <c r="AB43">
        <v>2.639057329615258</v>
      </c>
      <c r="AC43">
        <v>1</v>
      </c>
      <c r="AD43">
        <v>1</v>
      </c>
      <c r="AE43">
        <v>0</v>
      </c>
      <c r="AF43">
        <v>0</v>
      </c>
      <c r="AG43">
        <v>2.5649493574615372</v>
      </c>
      <c r="AH43">
        <v>0.12427606177606181</v>
      </c>
      <c r="AI43">
        <v>-5.0430454202832722E-2</v>
      </c>
      <c r="AJ43">
        <v>-6.5159171776818833E-2</v>
      </c>
      <c r="AK43">
        <v>0.12357310726875941</v>
      </c>
      <c r="AL43">
        <v>373.70577285037189</v>
      </c>
      <c r="AM43">
        <v>410.04633316042009</v>
      </c>
      <c r="AN43">
        <v>1926</v>
      </c>
      <c r="AO43">
        <v>145.4851458343322</v>
      </c>
      <c r="AP43">
        <v>299.36685151284172</v>
      </c>
      <c r="AQ43">
        <v>2.3125</v>
      </c>
      <c r="AR43">
        <v>4.125</v>
      </c>
      <c r="AS43">
        <v>16</v>
      </c>
      <c r="AT43">
        <v>0</v>
      </c>
      <c r="AU43">
        <v>0.18245515695067269</v>
      </c>
      <c r="AV43">
        <v>0.13069993999680249</v>
      </c>
      <c r="AW43">
        <v>0.3125</v>
      </c>
      <c r="AX43">
        <v>72.599999999999994</v>
      </c>
      <c r="AY43">
        <v>55.5</v>
      </c>
      <c r="AZ43">
        <v>138.75</v>
      </c>
      <c r="BA43">
        <v>0.57236438333395512</v>
      </c>
      <c r="BB43">
        <v>0.5625</v>
      </c>
      <c r="BC43">
        <v>2.615630577027551</v>
      </c>
      <c r="BD43" t="s">
        <v>222</v>
      </c>
      <c r="BE43" t="s">
        <v>62</v>
      </c>
    </row>
    <row r="44" spans="1:57" x14ac:dyDescent="0.3">
      <c r="A44" t="s">
        <v>224</v>
      </c>
      <c r="B44">
        <v>1876</v>
      </c>
      <c r="C44" t="s">
        <v>225</v>
      </c>
      <c r="D44" t="s">
        <v>226</v>
      </c>
      <c r="E44" t="s">
        <v>98</v>
      </c>
      <c r="F44">
        <v>16</v>
      </c>
      <c r="G44">
        <v>115.125</v>
      </c>
      <c r="H44">
        <v>100</v>
      </c>
      <c r="I44">
        <v>6651.234375</v>
      </c>
      <c r="J44">
        <v>81.55510023904084</v>
      </c>
      <c r="K44">
        <v>0.1335488838416142</v>
      </c>
      <c r="L44">
        <v>-1.6754178360117991</v>
      </c>
      <c r="M44">
        <v>3.875</v>
      </c>
      <c r="N44">
        <v>2</v>
      </c>
      <c r="O44">
        <v>1</v>
      </c>
      <c r="P44">
        <v>1</v>
      </c>
      <c r="Q44">
        <v>0.24944382578492941</v>
      </c>
      <c r="R44">
        <v>2.6859453246697882</v>
      </c>
      <c r="S44">
        <v>1</v>
      </c>
      <c r="T44">
        <v>1</v>
      </c>
      <c r="U44">
        <v>0</v>
      </c>
      <c r="V44">
        <v>0</v>
      </c>
      <c r="W44">
        <v>2.7080502011022101</v>
      </c>
      <c r="X44">
        <v>1</v>
      </c>
      <c r="Y44">
        <v>1</v>
      </c>
      <c r="Z44">
        <v>0</v>
      </c>
      <c r="AA44">
        <v>0</v>
      </c>
      <c r="AB44">
        <v>2.639057329615258</v>
      </c>
      <c r="AC44">
        <v>1</v>
      </c>
      <c r="AD44">
        <v>1</v>
      </c>
      <c r="AE44">
        <v>0</v>
      </c>
      <c r="AF44">
        <v>0</v>
      </c>
      <c r="AG44">
        <v>2.5649493574615372</v>
      </c>
      <c r="AH44">
        <v>-0.10361460748592249</v>
      </c>
      <c r="AI44">
        <v>0.15088922638889871</v>
      </c>
      <c r="AJ44">
        <v>0.19586516483077621</v>
      </c>
      <c r="AK44">
        <v>-0.16812228228312881</v>
      </c>
      <c r="AL44">
        <v>380.76650933739688</v>
      </c>
      <c r="AM44">
        <v>416.52954921231458</v>
      </c>
      <c r="AN44">
        <v>1842</v>
      </c>
      <c r="AO44">
        <v>2</v>
      </c>
      <c r="AP44">
        <v>278.14680256521768</v>
      </c>
      <c r="AQ44">
        <v>2.25</v>
      </c>
      <c r="AR44">
        <v>3.375</v>
      </c>
      <c r="AS44">
        <v>15</v>
      </c>
      <c r="AT44">
        <v>0.87500000000000011</v>
      </c>
      <c r="AU44">
        <v>0.24225663716814161</v>
      </c>
      <c r="AV44">
        <v>-0.10617361129139589</v>
      </c>
      <c r="AW44">
        <v>0.3125</v>
      </c>
      <c r="AX44">
        <v>98.333333333333329</v>
      </c>
      <c r="AY44">
        <v>73.5</v>
      </c>
      <c r="AZ44">
        <v>165.25</v>
      </c>
      <c r="BA44">
        <v>0.70840477949221137</v>
      </c>
      <c r="BB44">
        <v>0.5</v>
      </c>
      <c r="BC44">
        <v>2.7080502011022101</v>
      </c>
      <c r="BD44" t="s">
        <v>225</v>
      </c>
      <c r="BE44" t="s">
        <v>62</v>
      </c>
    </row>
    <row r="45" spans="1:57" x14ac:dyDescent="0.3">
      <c r="A45" t="s">
        <v>227</v>
      </c>
      <c r="B45">
        <v>1119</v>
      </c>
      <c r="C45" t="s">
        <v>228</v>
      </c>
      <c r="D45" t="s">
        <v>229</v>
      </c>
      <c r="E45" t="s">
        <v>106</v>
      </c>
      <c r="F45">
        <v>1163</v>
      </c>
      <c r="G45">
        <v>125.6233877901978</v>
      </c>
      <c r="H45">
        <v>127</v>
      </c>
      <c r="I45">
        <v>5464.609667972577</v>
      </c>
      <c r="J45">
        <v>73.92299823446406</v>
      </c>
      <c r="K45">
        <v>5.1905493432824593E-2</v>
      </c>
      <c r="L45">
        <v>-1.1877385191896079</v>
      </c>
      <c r="M45">
        <v>7.8338583906587331</v>
      </c>
      <c r="N45">
        <v>11</v>
      </c>
      <c r="O45">
        <v>1</v>
      </c>
      <c r="P45">
        <v>10</v>
      </c>
      <c r="Q45">
        <v>2.090402889293947</v>
      </c>
      <c r="R45">
        <v>5.4300168563909796</v>
      </c>
      <c r="S45">
        <v>2</v>
      </c>
      <c r="T45">
        <v>1</v>
      </c>
      <c r="U45">
        <v>1</v>
      </c>
      <c r="V45">
        <v>9.7291174138449482E-2</v>
      </c>
      <c r="W45">
        <v>7.0447746689330959</v>
      </c>
      <c r="X45">
        <v>1</v>
      </c>
      <c r="Y45">
        <v>1</v>
      </c>
      <c r="Z45">
        <v>0</v>
      </c>
      <c r="AA45">
        <v>0</v>
      </c>
      <c r="AB45">
        <v>7.0570369816978911</v>
      </c>
      <c r="AC45">
        <v>1</v>
      </c>
      <c r="AD45">
        <v>1</v>
      </c>
      <c r="AE45">
        <v>0</v>
      </c>
      <c r="AF45">
        <v>0</v>
      </c>
      <c r="AG45">
        <v>7.0561752841004104</v>
      </c>
      <c r="AH45">
        <v>-8.6576684908280313E-3</v>
      </c>
      <c r="AI45">
        <v>6.2926894773713521E-2</v>
      </c>
      <c r="AJ45">
        <v>2.0736741412888341E-2</v>
      </c>
      <c r="AK45">
        <v>-1.279225012500469E-2</v>
      </c>
      <c r="AL45">
        <v>2370.8221726663769</v>
      </c>
      <c r="AM45">
        <v>4368.9953336657936</v>
      </c>
      <c r="AN45">
        <v>146100</v>
      </c>
      <c r="AO45">
        <v>84.776713541245059</v>
      </c>
      <c r="AP45">
        <v>2091.8407662390819</v>
      </c>
      <c r="AQ45">
        <v>1.019776440240757</v>
      </c>
      <c r="AR45">
        <v>3.9733447979363721</v>
      </c>
      <c r="AS45">
        <v>1158</v>
      </c>
      <c r="AT45">
        <v>242.408426483233</v>
      </c>
      <c r="AU45">
        <v>3.4525314855090812E-2</v>
      </c>
      <c r="AV45">
        <v>-8.6593160071922869E-3</v>
      </c>
      <c r="AW45">
        <v>0.36285468615649191</v>
      </c>
      <c r="AX45">
        <v>85.751290877796905</v>
      </c>
      <c r="AY45">
        <v>64</v>
      </c>
      <c r="AZ45">
        <v>127</v>
      </c>
      <c r="BA45">
        <v>0.58844932886161327</v>
      </c>
      <c r="BB45">
        <v>0.50472914875322439</v>
      </c>
      <c r="BC45">
        <v>5.2492493095393682</v>
      </c>
      <c r="BD45" t="s">
        <v>230</v>
      </c>
      <c r="BE45" t="s">
        <v>68</v>
      </c>
    </row>
    <row r="46" spans="1:57" x14ac:dyDescent="0.3">
      <c r="A46" t="s">
        <v>231</v>
      </c>
      <c r="B46">
        <v>2812</v>
      </c>
      <c r="C46" t="s">
        <v>232</v>
      </c>
      <c r="D46" t="s">
        <v>233</v>
      </c>
      <c r="E46" t="s">
        <v>66</v>
      </c>
      <c r="F46">
        <v>71</v>
      </c>
      <c r="G46">
        <v>123.4647887323944</v>
      </c>
      <c r="H46">
        <v>116</v>
      </c>
      <c r="I46">
        <v>6586.783971434239</v>
      </c>
      <c r="J46">
        <v>81.159004253589998</v>
      </c>
      <c r="K46">
        <v>0.1652085291299695</v>
      </c>
      <c r="L46">
        <v>-1.374573120775838</v>
      </c>
      <c r="M46">
        <v>5.9807330349976358</v>
      </c>
      <c r="N46">
        <v>2</v>
      </c>
      <c r="O46">
        <v>1</v>
      </c>
      <c r="P46">
        <v>1</v>
      </c>
      <c r="Q46">
        <v>0.28945981111118119</v>
      </c>
      <c r="R46">
        <v>4.1455282408903393</v>
      </c>
      <c r="S46">
        <v>1</v>
      </c>
      <c r="T46">
        <v>1</v>
      </c>
      <c r="U46">
        <v>0</v>
      </c>
      <c r="V46">
        <v>0</v>
      </c>
      <c r="W46">
        <v>4.2484952420493576</v>
      </c>
      <c r="X46">
        <v>1</v>
      </c>
      <c r="Y46">
        <v>1</v>
      </c>
      <c r="Z46">
        <v>0</v>
      </c>
      <c r="AA46">
        <v>0</v>
      </c>
      <c r="AB46">
        <v>4.2341065045972579</v>
      </c>
      <c r="AC46">
        <v>1</v>
      </c>
      <c r="AD46">
        <v>1</v>
      </c>
      <c r="AE46">
        <v>0</v>
      </c>
      <c r="AF46">
        <v>0</v>
      </c>
      <c r="AG46">
        <v>4.2195077051761087</v>
      </c>
      <c r="AH46">
        <v>0.1205166038229465</v>
      </c>
      <c r="AI46">
        <v>0.13397958894996451</v>
      </c>
      <c r="AJ46">
        <v>-1.298033296314211E-2</v>
      </c>
      <c r="AK46">
        <v>9.7675453818163269E-2</v>
      </c>
      <c r="AL46">
        <v>731.05815291836063</v>
      </c>
      <c r="AM46">
        <v>1007.724157223391</v>
      </c>
      <c r="AN46">
        <v>8766</v>
      </c>
      <c r="AO46">
        <v>204.81924623519981</v>
      </c>
      <c r="AP46">
        <v>536.41716969960066</v>
      </c>
      <c r="AQ46">
        <v>1.323943661971831</v>
      </c>
      <c r="AR46">
        <v>4.028169014084507</v>
      </c>
      <c r="AS46">
        <v>71</v>
      </c>
      <c r="AT46">
        <v>4.9859154929577469</v>
      </c>
      <c r="AU46">
        <v>0.10969345484672741</v>
      </c>
      <c r="AV46">
        <v>0.1228849567019768</v>
      </c>
      <c r="AW46">
        <v>0.42253521126760563</v>
      </c>
      <c r="AX46">
        <v>84.385714285714286</v>
      </c>
      <c r="AY46">
        <v>76</v>
      </c>
      <c r="AZ46">
        <v>154.5</v>
      </c>
      <c r="BA46">
        <v>0.65734534588237392</v>
      </c>
      <c r="BB46">
        <v>0.46478873239436619</v>
      </c>
      <c r="BC46">
        <v>3.9488114493783288</v>
      </c>
      <c r="BD46" t="s">
        <v>234</v>
      </c>
      <c r="BE46" t="s">
        <v>68</v>
      </c>
    </row>
    <row r="47" spans="1:57" x14ac:dyDescent="0.3">
      <c r="A47" t="s">
        <v>235</v>
      </c>
      <c r="B47">
        <v>3865</v>
      </c>
      <c r="C47" t="s">
        <v>236</v>
      </c>
      <c r="D47" t="s">
        <v>237</v>
      </c>
      <c r="E47" t="s">
        <v>128</v>
      </c>
      <c r="F47">
        <v>32</v>
      </c>
      <c r="G47">
        <v>123.46875</v>
      </c>
      <c r="H47">
        <v>137</v>
      </c>
      <c r="I47">
        <v>3465.4990234375</v>
      </c>
      <c r="J47">
        <v>58.868489223331522</v>
      </c>
      <c r="K47">
        <v>-0.3173286595828203</v>
      </c>
      <c r="L47">
        <v>-1.196036270254965</v>
      </c>
      <c r="M47">
        <v>4.8125</v>
      </c>
      <c r="N47">
        <v>2</v>
      </c>
      <c r="O47">
        <v>1</v>
      </c>
      <c r="P47">
        <v>1</v>
      </c>
      <c r="Q47">
        <v>0.3045434781492361</v>
      </c>
      <c r="R47">
        <v>3.335770806444736</v>
      </c>
      <c r="S47">
        <v>1</v>
      </c>
      <c r="T47">
        <v>1</v>
      </c>
      <c r="U47">
        <v>0</v>
      </c>
      <c r="V47">
        <v>0</v>
      </c>
      <c r="W47">
        <v>3.4339872044851458</v>
      </c>
      <c r="X47">
        <v>1</v>
      </c>
      <c r="Y47">
        <v>1</v>
      </c>
      <c r="Z47">
        <v>0</v>
      </c>
      <c r="AA47">
        <v>0</v>
      </c>
      <c r="AB47">
        <v>3.401197381662155</v>
      </c>
      <c r="AC47">
        <v>1</v>
      </c>
      <c r="AD47">
        <v>1</v>
      </c>
      <c r="AE47">
        <v>0</v>
      </c>
      <c r="AF47">
        <v>0</v>
      </c>
      <c r="AG47">
        <v>3.3672958299864728</v>
      </c>
      <c r="AH47">
        <v>-7.8923076061432576E-2</v>
      </c>
      <c r="AI47">
        <v>-0.1779973580250184</v>
      </c>
      <c r="AJ47">
        <v>3.7656870346673442E-2</v>
      </c>
      <c r="AK47">
        <v>0.29938579471018872</v>
      </c>
      <c r="AL47">
        <v>407.50976812528069</v>
      </c>
      <c r="AM47">
        <v>657.76651547679148</v>
      </c>
      <c r="AN47">
        <v>3951</v>
      </c>
      <c r="AO47">
        <v>91.514907481945045</v>
      </c>
      <c r="AP47">
        <v>253.4396013549746</v>
      </c>
      <c r="AQ47">
        <v>1.71875</v>
      </c>
      <c r="AR47">
        <v>3.625</v>
      </c>
      <c r="AS47">
        <v>32</v>
      </c>
      <c r="AT47">
        <v>2.4375</v>
      </c>
      <c r="AU47">
        <v>0.12230861244019139</v>
      </c>
      <c r="AV47">
        <v>-8.0680648480898995E-2</v>
      </c>
      <c r="AW47">
        <v>0.34375</v>
      </c>
      <c r="AX47">
        <v>73.354838709677423</v>
      </c>
      <c r="AY47">
        <v>48.5</v>
      </c>
      <c r="AZ47">
        <v>100</v>
      </c>
      <c r="BA47">
        <v>0.4767885738158969</v>
      </c>
      <c r="BB47">
        <v>0.5625</v>
      </c>
      <c r="BC47">
        <v>3.3892680315457948</v>
      </c>
      <c r="BD47" t="s">
        <v>238</v>
      </c>
      <c r="BE47" t="s">
        <v>62</v>
      </c>
    </row>
    <row r="48" spans="1:57" x14ac:dyDescent="0.3">
      <c r="A48" t="s">
        <v>239</v>
      </c>
      <c r="B48">
        <v>2633</v>
      </c>
      <c r="C48" t="s">
        <v>240</v>
      </c>
      <c r="D48" t="s">
        <v>241</v>
      </c>
      <c r="E48" t="s">
        <v>115</v>
      </c>
      <c r="F48">
        <v>2672</v>
      </c>
      <c r="G48">
        <v>127.0924401197605</v>
      </c>
      <c r="H48">
        <v>128</v>
      </c>
      <c r="I48">
        <v>5612.5786554230608</v>
      </c>
      <c r="J48">
        <v>74.917145270111973</v>
      </c>
      <c r="K48">
        <v>-6.6205530585299764E-3</v>
      </c>
      <c r="L48">
        <v>-1.24181199166576</v>
      </c>
      <c r="M48">
        <v>7.9391798981682786</v>
      </c>
      <c r="N48">
        <v>21</v>
      </c>
      <c r="O48">
        <v>4</v>
      </c>
      <c r="P48">
        <v>17</v>
      </c>
      <c r="Q48">
        <v>3.033021389637732</v>
      </c>
      <c r="R48">
        <v>5.5030201623735264</v>
      </c>
      <c r="S48">
        <v>3</v>
      </c>
      <c r="T48">
        <v>1</v>
      </c>
      <c r="U48">
        <v>2</v>
      </c>
      <c r="V48">
        <v>0.1607956299139254</v>
      </c>
      <c r="W48">
        <v>7.8560803097927314</v>
      </c>
      <c r="X48">
        <v>2</v>
      </c>
      <c r="Y48">
        <v>1</v>
      </c>
      <c r="Z48">
        <v>1</v>
      </c>
      <c r="AA48">
        <v>1.935282363453722E-2</v>
      </c>
      <c r="AB48">
        <v>7.8893145400230917</v>
      </c>
      <c r="AC48">
        <v>1</v>
      </c>
      <c r="AD48">
        <v>1</v>
      </c>
      <c r="AE48">
        <v>0</v>
      </c>
      <c r="AF48">
        <v>0</v>
      </c>
      <c r="AG48">
        <v>7.8894591494045274</v>
      </c>
      <c r="AH48">
        <v>1.0764994504084141E-2</v>
      </c>
      <c r="AI48">
        <v>1.322366471332451E-2</v>
      </c>
      <c r="AJ48">
        <v>-1.2096307904547359E-2</v>
      </c>
      <c r="AK48">
        <v>3.3730297602661461E-3</v>
      </c>
      <c r="AL48">
        <v>3562.7810303338279</v>
      </c>
      <c r="AM48">
        <v>6742.614502542272</v>
      </c>
      <c r="AN48">
        <v>339590.99999999988</v>
      </c>
      <c r="AO48">
        <v>123.1881125272606</v>
      </c>
      <c r="AP48">
        <v>3235.1070693754809</v>
      </c>
      <c r="AQ48">
        <v>1.0086077844311381</v>
      </c>
      <c r="AR48">
        <v>4.0018712574850301</v>
      </c>
      <c r="AS48">
        <v>2659</v>
      </c>
      <c r="AT48">
        <v>225.62874251497001</v>
      </c>
      <c r="AU48">
        <v>2.381853939180462E-2</v>
      </c>
      <c r="AV48">
        <v>1.077105268975311E-2</v>
      </c>
      <c r="AW48">
        <v>0.36040419161676651</v>
      </c>
      <c r="AX48">
        <v>86.323099962560832</v>
      </c>
      <c r="AY48">
        <v>67</v>
      </c>
      <c r="AZ48">
        <v>134.25</v>
      </c>
      <c r="BA48">
        <v>0.58946972140527631</v>
      </c>
      <c r="BB48">
        <v>0.50187125748502992</v>
      </c>
      <c r="BC48">
        <v>5.3141711633143807</v>
      </c>
      <c r="BD48" t="s">
        <v>242</v>
      </c>
      <c r="BE48" t="s">
        <v>62</v>
      </c>
    </row>
    <row r="49" spans="1:57" x14ac:dyDescent="0.3">
      <c r="A49" t="s">
        <v>243</v>
      </c>
      <c r="B49">
        <v>1436</v>
      </c>
      <c r="C49" t="s">
        <v>244</v>
      </c>
      <c r="D49" t="s">
        <v>245</v>
      </c>
      <c r="E49" t="s">
        <v>66</v>
      </c>
      <c r="F49">
        <v>71</v>
      </c>
      <c r="G49">
        <v>113.9718309859155</v>
      </c>
      <c r="H49">
        <v>118</v>
      </c>
      <c r="I49">
        <v>5505.7738543939704</v>
      </c>
      <c r="J49">
        <v>74.200901978304614</v>
      </c>
      <c r="K49">
        <v>8.2879934667233895E-2</v>
      </c>
      <c r="L49">
        <v>-1.1329940190522021</v>
      </c>
      <c r="M49">
        <v>5.9312995842324661</v>
      </c>
      <c r="N49">
        <v>3</v>
      </c>
      <c r="O49">
        <v>1</v>
      </c>
      <c r="P49">
        <v>2</v>
      </c>
      <c r="Q49">
        <v>0.39989012162717902</v>
      </c>
      <c r="R49">
        <v>4.1112635838671139</v>
      </c>
      <c r="S49">
        <v>1</v>
      </c>
      <c r="T49">
        <v>1</v>
      </c>
      <c r="U49">
        <v>0</v>
      </c>
      <c r="V49">
        <v>0</v>
      </c>
      <c r="W49">
        <v>4.2484952420493576</v>
      </c>
      <c r="X49">
        <v>1</v>
      </c>
      <c r="Y49">
        <v>1</v>
      </c>
      <c r="Z49">
        <v>0</v>
      </c>
      <c r="AA49">
        <v>0</v>
      </c>
      <c r="AB49">
        <v>4.2341065045972579</v>
      </c>
      <c r="AC49">
        <v>1</v>
      </c>
      <c r="AD49">
        <v>1</v>
      </c>
      <c r="AE49">
        <v>0</v>
      </c>
      <c r="AF49">
        <v>0</v>
      </c>
      <c r="AG49">
        <v>4.2195077051761087</v>
      </c>
      <c r="AH49">
        <v>2.3382171004768412E-2</v>
      </c>
      <c r="AI49">
        <v>-4.4947822810961748E-2</v>
      </c>
      <c r="AJ49">
        <v>2.7241810541639769E-2</v>
      </c>
      <c r="AK49">
        <v>-1.4077251299488161E-2</v>
      </c>
      <c r="AL49">
        <v>673.7452458026122</v>
      </c>
      <c r="AM49">
        <v>926.95056165815947</v>
      </c>
      <c r="AN49">
        <v>8092</v>
      </c>
      <c r="AO49">
        <v>12.91706654096525</v>
      </c>
      <c r="AP49">
        <v>569.05048298799318</v>
      </c>
      <c r="AQ49">
        <v>1.323943661971831</v>
      </c>
      <c r="AR49">
        <v>3.535211267605634</v>
      </c>
      <c r="AS49">
        <v>70</v>
      </c>
      <c r="AT49">
        <v>9.225352112676056</v>
      </c>
      <c r="AU49">
        <v>8.394813324390793E-2</v>
      </c>
      <c r="AV49">
        <v>2.3970967000762219E-2</v>
      </c>
      <c r="AW49">
        <v>0.36619718309859162</v>
      </c>
      <c r="AX49">
        <v>81.457142857142856</v>
      </c>
      <c r="AY49">
        <v>61</v>
      </c>
      <c r="AZ49">
        <v>129.5</v>
      </c>
      <c r="BA49">
        <v>0.65104597632966232</v>
      </c>
      <c r="BB49">
        <v>0.52112676056338025</v>
      </c>
      <c r="BC49">
        <v>4.1098658059373703</v>
      </c>
      <c r="BD49" t="s">
        <v>246</v>
      </c>
      <c r="BE49" t="s">
        <v>68</v>
      </c>
    </row>
    <row r="50" spans="1:57" x14ac:dyDescent="0.3">
      <c r="A50" t="s">
        <v>247</v>
      </c>
      <c r="B50">
        <v>1657</v>
      </c>
      <c r="C50" t="s">
        <v>248</v>
      </c>
      <c r="D50" t="s">
        <v>249</v>
      </c>
      <c r="E50" t="s">
        <v>66</v>
      </c>
      <c r="F50">
        <v>71</v>
      </c>
      <c r="G50">
        <v>120.9577464788732</v>
      </c>
      <c r="H50">
        <v>108</v>
      </c>
      <c r="I50">
        <v>6797.6742709779801</v>
      </c>
      <c r="J50">
        <v>82.448009502825357</v>
      </c>
      <c r="K50">
        <v>0.17413566827829399</v>
      </c>
      <c r="L50">
        <v>-1.4280766444987789</v>
      </c>
      <c r="M50">
        <v>5.970100816657304</v>
      </c>
      <c r="N50">
        <v>3</v>
      </c>
      <c r="O50">
        <v>1</v>
      </c>
      <c r="P50">
        <v>2</v>
      </c>
      <c r="Q50">
        <v>0.33846153846153842</v>
      </c>
      <c r="R50">
        <v>4.1381585487246424</v>
      </c>
      <c r="S50">
        <v>1</v>
      </c>
      <c r="T50">
        <v>1</v>
      </c>
      <c r="U50">
        <v>0</v>
      </c>
      <c r="V50">
        <v>0</v>
      </c>
      <c r="W50">
        <v>4.2484952420493576</v>
      </c>
      <c r="X50">
        <v>1</v>
      </c>
      <c r="Y50">
        <v>1</v>
      </c>
      <c r="Z50">
        <v>0</v>
      </c>
      <c r="AA50">
        <v>0</v>
      </c>
      <c r="AB50">
        <v>4.2341065045972579</v>
      </c>
      <c r="AC50">
        <v>1</v>
      </c>
      <c r="AD50">
        <v>1</v>
      </c>
      <c r="AE50">
        <v>0</v>
      </c>
      <c r="AF50">
        <v>0</v>
      </c>
      <c r="AG50">
        <v>4.2195077051761087</v>
      </c>
      <c r="AH50">
        <v>5.5534323186473097E-2</v>
      </c>
      <c r="AI50">
        <v>-7.2267743344110472E-2</v>
      </c>
      <c r="AJ50">
        <v>6.0044118330877819E-2</v>
      </c>
      <c r="AK50">
        <v>0.15137806716844959</v>
      </c>
      <c r="AL50">
        <v>720.99889343945313</v>
      </c>
      <c r="AM50">
        <v>1000.789985790767</v>
      </c>
      <c r="AN50">
        <v>8588</v>
      </c>
      <c r="AO50">
        <v>81.219458355924957</v>
      </c>
      <c r="AP50">
        <v>559.82456143252443</v>
      </c>
      <c r="AQ50">
        <v>1.323943661971831</v>
      </c>
      <c r="AR50">
        <v>3.873239436619718</v>
      </c>
      <c r="AS50">
        <v>70</v>
      </c>
      <c r="AT50">
        <v>6.816901408450704</v>
      </c>
      <c r="AU50">
        <v>0.14528113563269379</v>
      </c>
      <c r="AV50">
        <v>5.6140223125542482E-2</v>
      </c>
      <c r="AW50">
        <v>0.36619718309859162</v>
      </c>
      <c r="AX50">
        <v>92.342857142857142</v>
      </c>
      <c r="AY50">
        <v>69</v>
      </c>
      <c r="AZ50">
        <v>158.5</v>
      </c>
      <c r="BA50">
        <v>0.6816265340825105</v>
      </c>
      <c r="BB50">
        <v>0.47887323943661969</v>
      </c>
      <c r="BC50">
        <v>4.0429782169784536</v>
      </c>
      <c r="BD50" t="s">
        <v>250</v>
      </c>
      <c r="BE50" t="s">
        <v>68</v>
      </c>
    </row>
    <row r="51" spans="1:57" x14ac:dyDescent="0.3">
      <c r="A51" t="s">
        <v>251</v>
      </c>
      <c r="B51">
        <v>3339</v>
      </c>
      <c r="C51" t="s">
        <v>252</v>
      </c>
      <c r="D51" t="s">
        <v>253</v>
      </c>
      <c r="E51" t="s">
        <v>72</v>
      </c>
      <c r="F51">
        <v>3352</v>
      </c>
      <c r="G51">
        <v>126.77386634844871</v>
      </c>
      <c r="H51">
        <v>129</v>
      </c>
      <c r="I51">
        <v>5413.0419423305866</v>
      </c>
      <c r="J51">
        <v>73.573377945630483</v>
      </c>
      <c r="K51">
        <v>-2.010740774087548E-2</v>
      </c>
      <c r="L51">
        <v>-1.1865585537326591</v>
      </c>
      <c r="M51">
        <v>7.9408900852844102</v>
      </c>
      <c r="N51">
        <v>25</v>
      </c>
      <c r="O51">
        <v>4</v>
      </c>
      <c r="P51">
        <v>21</v>
      </c>
      <c r="Q51">
        <v>3.692131625159103</v>
      </c>
      <c r="R51">
        <v>5.504205573751328</v>
      </c>
      <c r="S51">
        <v>3</v>
      </c>
      <c r="T51">
        <v>1</v>
      </c>
      <c r="U51">
        <v>2</v>
      </c>
      <c r="V51">
        <v>0.16019598914763239</v>
      </c>
      <c r="W51">
        <v>8.082107500307341</v>
      </c>
      <c r="X51">
        <v>1</v>
      </c>
      <c r="Y51">
        <v>1</v>
      </c>
      <c r="Z51">
        <v>0</v>
      </c>
      <c r="AA51">
        <v>0</v>
      </c>
      <c r="AB51">
        <v>8.1167156248191112</v>
      </c>
      <c r="AC51">
        <v>1</v>
      </c>
      <c r="AD51">
        <v>1</v>
      </c>
      <c r="AE51">
        <v>0</v>
      </c>
      <c r="AF51">
        <v>0</v>
      </c>
      <c r="AG51">
        <v>8.1164170727942064</v>
      </c>
      <c r="AH51">
        <v>1.64186262600804E-2</v>
      </c>
      <c r="AI51">
        <v>-1.5937322317114831E-2</v>
      </c>
      <c r="AJ51">
        <v>7.3793172161222586E-4</v>
      </c>
      <c r="AK51">
        <v>2.669003742924916E-2</v>
      </c>
      <c r="AL51">
        <v>3911.6818989630842</v>
      </c>
      <c r="AM51">
        <v>7530.9566936296069</v>
      </c>
      <c r="AN51">
        <v>424946</v>
      </c>
      <c r="AO51">
        <v>229.2282562227135</v>
      </c>
      <c r="AP51">
        <v>3545.7995237401042</v>
      </c>
      <c r="AQ51">
        <v>1.006861575178998</v>
      </c>
      <c r="AR51">
        <v>3.996121718377089</v>
      </c>
      <c r="AS51">
        <v>3334</v>
      </c>
      <c r="AT51">
        <v>266.5202863961814</v>
      </c>
      <c r="AU51">
        <v>1.2900697271748789E-2</v>
      </c>
      <c r="AV51">
        <v>1.642473625252985E-2</v>
      </c>
      <c r="AW51">
        <v>0.36127684964200479</v>
      </c>
      <c r="AX51">
        <v>84.279618024470309</v>
      </c>
      <c r="AY51">
        <v>63</v>
      </c>
      <c r="AZ51">
        <v>127</v>
      </c>
      <c r="BA51">
        <v>0.58035129845616473</v>
      </c>
      <c r="BB51">
        <v>0.508054892601432</v>
      </c>
      <c r="BC51">
        <v>5.3052197409268356</v>
      </c>
      <c r="BD51" t="s">
        <v>254</v>
      </c>
      <c r="BE51" t="s">
        <v>68</v>
      </c>
    </row>
    <row r="52" spans="1:57" x14ac:dyDescent="0.3">
      <c r="A52" t="s">
        <v>255</v>
      </c>
      <c r="B52">
        <v>2628</v>
      </c>
      <c r="C52" t="s">
        <v>256</v>
      </c>
      <c r="D52" t="s">
        <v>257</v>
      </c>
      <c r="E52" t="s">
        <v>66</v>
      </c>
      <c r="F52">
        <v>71</v>
      </c>
      <c r="G52">
        <v>113.9014084507042</v>
      </c>
      <c r="H52">
        <v>113</v>
      </c>
      <c r="I52">
        <v>5739.0184487204924</v>
      </c>
      <c r="J52">
        <v>75.756309629762796</v>
      </c>
      <c r="K52">
        <v>-6.2277300413315383E-2</v>
      </c>
      <c r="L52">
        <v>-1.397904656239874</v>
      </c>
      <c r="M52">
        <v>5.8186235278944389</v>
      </c>
      <c r="N52">
        <v>3</v>
      </c>
      <c r="O52">
        <v>1</v>
      </c>
      <c r="P52">
        <v>2</v>
      </c>
      <c r="Q52">
        <v>0.46517619123176213</v>
      </c>
      <c r="R52">
        <v>4.0331624930997956</v>
      </c>
      <c r="S52">
        <v>1</v>
      </c>
      <c r="T52">
        <v>1</v>
      </c>
      <c r="U52">
        <v>0</v>
      </c>
      <c r="V52">
        <v>0</v>
      </c>
      <c r="W52">
        <v>4.2484952420493576</v>
      </c>
      <c r="X52">
        <v>1</v>
      </c>
      <c r="Y52">
        <v>1</v>
      </c>
      <c r="Z52">
        <v>0</v>
      </c>
      <c r="AA52">
        <v>0</v>
      </c>
      <c r="AB52">
        <v>4.2341065045972579</v>
      </c>
      <c r="AC52">
        <v>1</v>
      </c>
      <c r="AD52">
        <v>1</v>
      </c>
      <c r="AE52">
        <v>0</v>
      </c>
      <c r="AF52">
        <v>0</v>
      </c>
      <c r="AG52">
        <v>4.2195077051761087</v>
      </c>
      <c r="AH52">
        <v>0.251139953784904</v>
      </c>
      <c r="AI52">
        <v>-0.15157479996405471</v>
      </c>
      <c r="AJ52">
        <v>-2.6132568501118999E-2</v>
      </c>
      <c r="AK52">
        <v>3.354424297436237E-2</v>
      </c>
      <c r="AL52">
        <v>684.75258256135089</v>
      </c>
      <c r="AM52">
        <v>927.2027290056692</v>
      </c>
      <c r="AN52">
        <v>8087</v>
      </c>
      <c r="AO52">
        <v>42.463248745179307</v>
      </c>
      <c r="AP52">
        <v>561.76409101571812</v>
      </c>
      <c r="AQ52">
        <v>1.323943661971831</v>
      </c>
      <c r="AR52">
        <v>3.732394366197183</v>
      </c>
      <c r="AS52">
        <v>70</v>
      </c>
      <c r="AT52">
        <v>10.971830985915499</v>
      </c>
      <c r="AU52">
        <v>0.12718010188792331</v>
      </c>
      <c r="AV52">
        <v>0.25510556983444438</v>
      </c>
      <c r="AW52">
        <v>0.28169014084507038</v>
      </c>
      <c r="AX52">
        <v>69.342857142857142</v>
      </c>
      <c r="AY52">
        <v>77</v>
      </c>
      <c r="AZ52">
        <v>148</v>
      </c>
      <c r="BA52">
        <v>0.66510423936109297</v>
      </c>
      <c r="BB52">
        <v>0.49295774647887319</v>
      </c>
      <c r="BC52">
        <v>4.0033698066607419</v>
      </c>
      <c r="BD52" t="s">
        <v>258</v>
      </c>
      <c r="BE52" t="s">
        <v>68</v>
      </c>
    </row>
    <row r="53" spans="1:57" x14ac:dyDescent="0.3">
      <c r="A53" t="s">
        <v>259</v>
      </c>
      <c r="B53">
        <v>3395</v>
      </c>
      <c r="C53" t="s">
        <v>260</v>
      </c>
      <c r="D53" t="s">
        <v>261</v>
      </c>
      <c r="E53" t="s">
        <v>98</v>
      </c>
      <c r="F53">
        <v>16</v>
      </c>
      <c r="G53">
        <v>135.25</v>
      </c>
      <c r="H53">
        <v>160.5</v>
      </c>
      <c r="I53">
        <v>7340.5625</v>
      </c>
      <c r="J53">
        <v>85.677082700101309</v>
      </c>
      <c r="K53">
        <v>-0.21911054668404981</v>
      </c>
      <c r="L53">
        <v>-1.595535819270641</v>
      </c>
      <c r="M53">
        <v>4</v>
      </c>
      <c r="N53">
        <v>1</v>
      </c>
      <c r="O53">
        <v>1</v>
      </c>
      <c r="P53">
        <v>0</v>
      </c>
      <c r="Q53">
        <v>0</v>
      </c>
      <c r="R53">
        <v>2.7725887222397811</v>
      </c>
      <c r="S53">
        <v>1</v>
      </c>
      <c r="T53">
        <v>1</v>
      </c>
      <c r="U53">
        <v>0</v>
      </c>
      <c r="V53">
        <v>0</v>
      </c>
      <c r="W53">
        <v>2.7080502011022101</v>
      </c>
      <c r="X53">
        <v>1</v>
      </c>
      <c r="Y53">
        <v>1</v>
      </c>
      <c r="Z53">
        <v>0</v>
      </c>
      <c r="AA53">
        <v>0</v>
      </c>
      <c r="AB53">
        <v>2.639057329615258</v>
      </c>
      <c r="AC53">
        <v>1</v>
      </c>
      <c r="AD53">
        <v>1</v>
      </c>
      <c r="AE53">
        <v>0</v>
      </c>
      <c r="AF53">
        <v>0</v>
      </c>
      <c r="AG53">
        <v>2.5649493574615372</v>
      </c>
      <c r="AH53">
        <v>8.4001885924954667E-2</v>
      </c>
      <c r="AI53">
        <v>-0.1963139320045296</v>
      </c>
      <c r="AJ53">
        <v>0.1719187689976075</v>
      </c>
      <c r="AK53">
        <v>-1.487773416546757E-2</v>
      </c>
      <c r="AL53">
        <v>449.54699360350588</v>
      </c>
      <c r="AM53">
        <v>456.1112808756755</v>
      </c>
      <c r="AN53">
        <v>2164</v>
      </c>
      <c r="AO53">
        <v>217.7229896011884</v>
      </c>
      <c r="AP53">
        <v>303.13833382898912</v>
      </c>
      <c r="AQ53">
        <v>2.3125</v>
      </c>
      <c r="AR53">
        <v>4.25</v>
      </c>
      <c r="AS53">
        <v>16</v>
      </c>
      <c r="AT53">
        <v>0</v>
      </c>
      <c r="AU53">
        <v>0.2021604938271605</v>
      </c>
      <c r="AV53">
        <v>9.1388441096555931E-2</v>
      </c>
      <c r="AW53">
        <v>0.3125</v>
      </c>
      <c r="AX53">
        <v>100.93333333333329</v>
      </c>
      <c r="AY53">
        <v>74.5</v>
      </c>
      <c r="AZ53">
        <v>165.75</v>
      </c>
      <c r="BA53">
        <v>0.63347196081405777</v>
      </c>
      <c r="BB53">
        <v>0.5625</v>
      </c>
      <c r="BC53">
        <v>2.7080502011022101</v>
      </c>
      <c r="BD53" t="s">
        <v>260</v>
      </c>
      <c r="BE53" t="s">
        <v>62</v>
      </c>
    </row>
    <row r="54" spans="1:57" x14ac:dyDescent="0.3">
      <c r="A54" t="s">
        <v>262</v>
      </c>
      <c r="B54">
        <v>2615</v>
      </c>
      <c r="C54" t="s">
        <v>263</v>
      </c>
      <c r="D54" t="s">
        <v>264</v>
      </c>
      <c r="E54" t="s">
        <v>85</v>
      </c>
      <c r="F54">
        <v>8</v>
      </c>
      <c r="G54">
        <v>157.5</v>
      </c>
      <c r="H54">
        <v>186.5</v>
      </c>
      <c r="I54">
        <v>6660.25</v>
      </c>
      <c r="J54">
        <v>81.610354735168258</v>
      </c>
      <c r="K54">
        <v>-0.75675376222825141</v>
      </c>
      <c r="L54">
        <v>-0.88923998097840729</v>
      </c>
      <c r="M54">
        <v>3</v>
      </c>
      <c r="N54">
        <v>1</v>
      </c>
      <c r="O54">
        <v>1</v>
      </c>
      <c r="P54">
        <v>0</v>
      </c>
      <c r="Q54">
        <v>0</v>
      </c>
      <c r="R54">
        <v>2.0794415416798362</v>
      </c>
      <c r="S54">
        <v>1</v>
      </c>
      <c r="T54">
        <v>1</v>
      </c>
      <c r="U54">
        <v>0</v>
      </c>
      <c r="V54">
        <v>0</v>
      </c>
      <c r="W54">
        <v>1.945910149055313</v>
      </c>
      <c r="X54">
        <v>1</v>
      </c>
      <c r="Y54">
        <v>1</v>
      </c>
      <c r="Z54">
        <v>0</v>
      </c>
      <c r="AA54">
        <v>0</v>
      </c>
      <c r="AB54">
        <v>1.791759469228055</v>
      </c>
      <c r="AC54">
        <v>1</v>
      </c>
      <c r="AD54">
        <v>1</v>
      </c>
      <c r="AE54">
        <v>0</v>
      </c>
      <c r="AF54">
        <v>0</v>
      </c>
      <c r="AG54">
        <v>1.6094379124341009</v>
      </c>
      <c r="AH54">
        <v>0.1955303854960399</v>
      </c>
      <c r="AI54">
        <v>-0.47043091475545212</v>
      </c>
      <c r="AJ54">
        <v>8.0754288502683833E-2</v>
      </c>
      <c r="AK54">
        <v>0</v>
      </c>
      <c r="AL54">
        <v>351.4376222624947</v>
      </c>
      <c r="AM54">
        <v>358.08322727891641</v>
      </c>
      <c r="AN54">
        <v>1260</v>
      </c>
      <c r="AO54">
        <v>62.886083555287733</v>
      </c>
      <c r="AP54">
        <v>292.93231384583947</v>
      </c>
      <c r="AQ54">
        <v>3.5</v>
      </c>
      <c r="AR54">
        <v>4</v>
      </c>
      <c r="AS54">
        <v>8</v>
      </c>
      <c r="AT54">
        <v>0</v>
      </c>
      <c r="AU54">
        <v>0.29216867469879509</v>
      </c>
      <c r="AV54">
        <v>0.20168244824271639</v>
      </c>
      <c r="AW54">
        <v>0.125</v>
      </c>
      <c r="AX54">
        <v>84.714285714285708</v>
      </c>
      <c r="AY54">
        <v>43</v>
      </c>
      <c r="AZ54">
        <v>94</v>
      </c>
      <c r="BA54">
        <v>0.51816098244551279</v>
      </c>
      <c r="BB54">
        <v>0.625</v>
      </c>
      <c r="BC54">
        <v>1.945910149055313</v>
      </c>
      <c r="BD54" t="s">
        <v>263</v>
      </c>
      <c r="BE54" t="s">
        <v>68</v>
      </c>
    </row>
    <row r="55" spans="1:57" x14ac:dyDescent="0.3">
      <c r="A55" t="s">
        <v>265</v>
      </c>
      <c r="B55">
        <v>687</v>
      </c>
      <c r="C55" t="s">
        <v>266</v>
      </c>
      <c r="D55" t="s">
        <v>267</v>
      </c>
      <c r="E55" t="s">
        <v>93</v>
      </c>
      <c r="F55">
        <v>719</v>
      </c>
      <c r="G55">
        <v>127.89568845618911</v>
      </c>
      <c r="H55">
        <v>128</v>
      </c>
      <c r="I55">
        <v>5179.5537922589901</v>
      </c>
      <c r="J55">
        <v>71.969116933994613</v>
      </c>
      <c r="K55">
        <v>2.6141671583923029E-3</v>
      </c>
      <c r="L55">
        <v>-1.144596797381193</v>
      </c>
      <c r="M55">
        <v>7.7098145073817248</v>
      </c>
      <c r="N55">
        <v>8</v>
      </c>
      <c r="O55">
        <v>1</v>
      </c>
      <c r="P55">
        <v>7</v>
      </c>
      <c r="Q55">
        <v>1.4992756558084881</v>
      </c>
      <c r="R55">
        <v>5.3440361884318044</v>
      </c>
      <c r="S55">
        <v>2</v>
      </c>
      <c r="T55">
        <v>1</v>
      </c>
      <c r="U55">
        <v>1</v>
      </c>
      <c r="V55">
        <v>3.7319632246191503E-2</v>
      </c>
      <c r="W55">
        <v>6.574538796957528</v>
      </c>
      <c r="X55">
        <v>1</v>
      </c>
      <c r="Y55">
        <v>1</v>
      </c>
      <c r="Z55">
        <v>0</v>
      </c>
      <c r="AA55">
        <v>0</v>
      </c>
      <c r="AB55">
        <v>6.5750758405996192</v>
      </c>
      <c r="AC55">
        <v>1</v>
      </c>
      <c r="AD55">
        <v>1</v>
      </c>
      <c r="AE55">
        <v>0</v>
      </c>
      <c r="AF55">
        <v>0</v>
      </c>
      <c r="AG55">
        <v>6.5736801669606457</v>
      </c>
      <c r="AH55">
        <v>-4.9263416319836009E-2</v>
      </c>
      <c r="AI55">
        <v>1.7051296577704461E-2</v>
      </c>
      <c r="AJ55">
        <v>-3.2806402091276013E-2</v>
      </c>
      <c r="AK55">
        <v>1.2626488632428511E-2</v>
      </c>
      <c r="AL55">
        <v>1852.1328352861699</v>
      </c>
      <c r="AM55">
        <v>3471.9745045801828</v>
      </c>
      <c r="AN55">
        <v>91957</v>
      </c>
      <c r="AO55">
        <v>62.57519661187753</v>
      </c>
      <c r="AP55">
        <v>1721.800255190959</v>
      </c>
      <c r="AQ55">
        <v>1.0319888734353271</v>
      </c>
      <c r="AR55">
        <v>4</v>
      </c>
      <c r="AS55">
        <v>718</v>
      </c>
      <c r="AT55">
        <v>174.12378303198889</v>
      </c>
      <c r="AU55">
        <v>2.393302244402629E-2</v>
      </c>
      <c r="AV55">
        <v>-4.9339921627101282E-2</v>
      </c>
      <c r="AW55">
        <v>0.36995827538247572</v>
      </c>
      <c r="AX55">
        <v>86.651810584958213</v>
      </c>
      <c r="AY55">
        <v>61</v>
      </c>
      <c r="AZ55">
        <v>121</v>
      </c>
      <c r="BA55">
        <v>0.56271730347382065</v>
      </c>
      <c r="BB55">
        <v>0.50904033379694025</v>
      </c>
      <c r="BC55">
        <v>5.1787290074435592</v>
      </c>
      <c r="BD55" t="s">
        <v>268</v>
      </c>
      <c r="BE55" t="s">
        <v>68</v>
      </c>
    </row>
    <row r="56" spans="1:57" x14ac:dyDescent="0.3">
      <c r="A56" t="s">
        <v>269</v>
      </c>
      <c r="B56">
        <v>3409</v>
      </c>
      <c r="C56" t="s">
        <v>270</v>
      </c>
      <c r="D56" t="s">
        <v>271</v>
      </c>
      <c r="E56" t="s">
        <v>93</v>
      </c>
      <c r="F56">
        <v>3433</v>
      </c>
      <c r="G56">
        <v>126.405476259831</v>
      </c>
      <c r="H56">
        <v>126</v>
      </c>
      <c r="I56">
        <v>5396.2031975083937</v>
      </c>
      <c r="J56">
        <v>73.458853772083827</v>
      </c>
      <c r="K56">
        <v>3.5460878390504567E-2</v>
      </c>
      <c r="L56">
        <v>-1.170124372552698</v>
      </c>
      <c r="M56">
        <v>7.9487259656977596</v>
      </c>
      <c r="N56">
        <v>25</v>
      </c>
      <c r="O56">
        <v>5</v>
      </c>
      <c r="P56">
        <v>20</v>
      </c>
      <c r="Q56">
        <v>3.5914033608863729</v>
      </c>
      <c r="R56">
        <v>5.5096369921670378</v>
      </c>
      <c r="S56">
        <v>2</v>
      </c>
      <c r="T56">
        <v>1</v>
      </c>
      <c r="U56">
        <v>1</v>
      </c>
      <c r="V56">
        <v>0.1535825796472243</v>
      </c>
      <c r="W56">
        <v>8.1081799748121899</v>
      </c>
      <c r="X56">
        <v>1</v>
      </c>
      <c r="Y56">
        <v>1</v>
      </c>
      <c r="Z56">
        <v>0</v>
      </c>
      <c r="AA56">
        <v>0</v>
      </c>
      <c r="AB56">
        <v>8.1406070428584503</v>
      </c>
      <c r="AC56">
        <v>1</v>
      </c>
      <c r="AD56">
        <v>1</v>
      </c>
      <c r="AE56">
        <v>0</v>
      </c>
      <c r="AF56">
        <v>0</v>
      </c>
      <c r="AG56">
        <v>8.1403155401599854</v>
      </c>
      <c r="AH56">
        <v>2.5466892254125521E-2</v>
      </c>
      <c r="AI56">
        <v>8.6206588404959944E-4</v>
      </c>
      <c r="AJ56">
        <v>-3.318369762201151E-3</v>
      </c>
      <c r="AK56">
        <v>1.5825131677878631E-2</v>
      </c>
      <c r="AL56">
        <v>3949.5752012669809</v>
      </c>
      <c r="AM56">
        <v>7601.2944772280007</v>
      </c>
      <c r="AN56">
        <v>433950</v>
      </c>
      <c r="AO56">
        <v>66.565624497984572</v>
      </c>
      <c r="AP56">
        <v>3616.854891511497</v>
      </c>
      <c r="AQ56">
        <v>1.0066996795805421</v>
      </c>
      <c r="AR56">
        <v>3.989804835420915</v>
      </c>
      <c r="AS56">
        <v>3425</v>
      </c>
      <c r="AT56">
        <v>246.2263326536557</v>
      </c>
      <c r="AU56">
        <v>1.8265622590428521E-2</v>
      </c>
      <c r="AV56">
        <v>2.5476049081362341E-2</v>
      </c>
      <c r="AW56">
        <v>0.37984270317506552</v>
      </c>
      <c r="AX56">
        <v>83.801573426573427</v>
      </c>
      <c r="AY56">
        <v>63</v>
      </c>
      <c r="AZ56">
        <v>127</v>
      </c>
      <c r="BA56">
        <v>0.58113664016491251</v>
      </c>
      <c r="BB56">
        <v>0.49781532187591032</v>
      </c>
      <c r="BC56">
        <v>5.2957376373018832</v>
      </c>
      <c r="BD56" t="s">
        <v>272</v>
      </c>
      <c r="BE56" t="s">
        <v>68</v>
      </c>
    </row>
    <row r="57" spans="1:57" x14ac:dyDescent="0.3">
      <c r="A57" t="s">
        <v>273</v>
      </c>
      <c r="B57">
        <v>3672</v>
      </c>
      <c r="C57" t="s">
        <v>274</v>
      </c>
      <c r="D57" t="s">
        <v>275</v>
      </c>
      <c r="E57" t="s">
        <v>98</v>
      </c>
      <c r="F57">
        <v>16</v>
      </c>
      <c r="G57">
        <v>130.8125</v>
      </c>
      <c r="H57">
        <v>109.5</v>
      </c>
      <c r="I57">
        <v>5179.52734375</v>
      </c>
      <c r="J57">
        <v>71.96893318474298</v>
      </c>
      <c r="K57">
        <v>0.32876922289920751</v>
      </c>
      <c r="L57">
        <v>-1.4443599455259739</v>
      </c>
      <c r="M57">
        <v>4</v>
      </c>
      <c r="N57">
        <v>1</v>
      </c>
      <c r="O57">
        <v>1</v>
      </c>
      <c r="P57">
        <v>0</v>
      </c>
      <c r="Q57">
        <v>0</v>
      </c>
      <c r="R57">
        <v>2.7725887222397811</v>
      </c>
      <c r="S57">
        <v>1</v>
      </c>
      <c r="T57">
        <v>1</v>
      </c>
      <c r="U57">
        <v>0</v>
      </c>
      <c r="V57">
        <v>0</v>
      </c>
      <c r="W57">
        <v>2.7080502011022101</v>
      </c>
      <c r="X57">
        <v>1</v>
      </c>
      <c r="Y57">
        <v>1</v>
      </c>
      <c r="Z57">
        <v>0</v>
      </c>
      <c r="AA57">
        <v>0</v>
      </c>
      <c r="AB57">
        <v>2.639057329615258</v>
      </c>
      <c r="AC57">
        <v>1</v>
      </c>
      <c r="AD57">
        <v>1</v>
      </c>
      <c r="AE57">
        <v>0</v>
      </c>
      <c r="AF57">
        <v>0</v>
      </c>
      <c r="AG57">
        <v>2.5649493574615372</v>
      </c>
      <c r="AH57">
        <v>6.7058964492868939E-2</v>
      </c>
      <c r="AI57">
        <v>3.0069462932111778E-2</v>
      </c>
      <c r="AJ57">
        <v>0.32018952886175212</v>
      </c>
      <c r="AK57">
        <v>-2.3053220348442149E-2</v>
      </c>
      <c r="AL57">
        <v>391.71482341015638</v>
      </c>
      <c r="AM57">
        <v>450.8020598009175</v>
      </c>
      <c r="AN57">
        <v>2093</v>
      </c>
      <c r="AO57">
        <v>125</v>
      </c>
      <c r="AP57">
        <v>303.65434127427352</v>
      </c>
      <c r="AQ57">
        <v>2.25</v>
      </c>
      <c r="AR57">
        <v>4.5</v>
      </c>
      <c r="AS57">
        <v>16</v>
      </c>
      <c r="AT57">
        <v>0</v>
      </c>
      <c r="AU57">
        <v>0.26923076923076922</v>
      </c>
      <c r="AV57">
        <v>6.8816182478384072E-2</v>
      </c>
      <c r="AW57">
        <v>0.5625</v>
      </c>
      <c r="AX57">
        <v>79</v>
      </c>
      <c r="AY57">
        <v>58.5</v>
      </c>
      <c r="AZ57">
        <v>140</v>
      </c>
      <c r="BA57">
        <v>0.5501686244414179</v>
      </c>
      <c r="BB57">
        <v>0.4375</v>
      </c>
      <c r="BC57">
        <v>2.7080502011022101</v>
      </c>
      <c r="BD57" t="s">
        <v>274</v>
      </c>
      <c r="BE57" t="s">
        <v>62</v>
      </c>
    </row>
    <row r="58" spans="1:57" x14ac:dyDescent="0.3">
      <c r="A58" t="s">
        <v>276</v>
      </c>
      <c r="B58">
        <v>3042</v>
      </c>
      <c r="C58" t="s">
        <v>277</v>
      </c>
      <c r="D58" t="s">
        <v>278</v>
      </c>
      <c r="E58" t="s">
        <v>10622</v>
      </c>
      <c r="F58">
        <v>64</v>
      </c>
      <c r="G58">
        <v>122.34375</v>
      </c>
      <c r="H58">
        <v>126.5</v>
      </c>
      <c r="I58">
        <v>4678.0693359375</v>
      </c>
      <c r="J58">
        <v>68.396413180352525</v>
      </c>
      <c r="K58">
        <v>7.2414821592658801E-2</v>
      </c>
      <c r="L58">
        <v>-1.18105281168598</v>
      </c>
      <c r="M58">
        <v>5.706954882778696</v>
      </c>
      <c r="N58">
        <v>3</v>
      </c>
      <c r="O58">
        <v>1</v>
      </c>
      <c r="P58">
        <v>2</v>
      </c>
      <c r="Q58">
        <v>0.41620084153671261</v>
      </c>
      <c r="R58">
        <v>3.9557596865808669</v>
      </c>
      <c r="S58">
        <v>1</v>
      </c>
      <c r="T58">
        <v>1</v>
      </c>
      <c r="U58">
        <v>0</v>
      </c>
      <c r="V58">
        <v>0</v>
      </c>
      <c r="W58">
        <v>4.1431347263915326</v>
      </c>
      <c r="X58">
        <v>1</v>
      </c>
      <c r="Y58">
        <v>1</v>
      </c>
      <c r="Z58">
        <v>0</v>
      </c>
      <c r="AA58">
        <v>0</v>
      </c>
      <c r="AB58">
        <v>4.1271343850450908</v>
      </c>
      <c r="AC58">
        <v>1</v>
      </c>
      <c r="AD58">
        <v>1</v>
      </c>
      <c r="AE58">
        <v>0</v>
      </c>
      <c r="AF58">
        <v>0</v>
      </c>
      <c r="AG58">
        <v>4.1108738641733096</v>
      </c>
      <c r="AH58">
        <v>0.20582380204820411</v>
      </c>
      <c r="AI58">
        <v>-8.1986985326520462E-2</v>
      </c>
      <c r="AJ58">
        <v>-7.1849960039395921E-2</v>
      </c>
      <c r="AK58">
        <v>0.1191871007462305</v>
      </c>
      <c r="AL58">
        <v>554.5579340449849</v>
      </c>
      <c r="AM58">
        <v>974.58375616863134</v>
      </c>
      <c r="AN58">
        <v>7830</v>
      </c>
      <c r="AO58">
        <v>40.860440016591852</v>
      </c>
      <c r="AP58">
        <v>361.9607343632947</v>
      </c>
      <c r="AQ58">
        <v>1.359375</v>
      </c>
      <c r="AR58">
        <v>3.8125</v>
      </c>
      <c r="AS58">
        <v>64</v>
      </c>
      <c r="AT58">
        <v>8.1875000000000036</v>
      </c>
      <c r="AU58">
        <v>0.1081349206349206</v>
      </c>
      <c r="AV58">
        <v>0.206658289880777</v>
      </c>
      <c r="AW58">
        <v>0.40625</v>
      </c>
      <c r="AX58">
        <v>73.031746031746039</v>
      </c>
      <c r="AY58">
        <v>57</v>
      </c>
      <c r="AZ58">
        <v>116.25</v>
      </c>
      <c r="BA58">
        <v>0.5590511422148865</v>
      </c>
      <c r="BB58">
        <v>0.515625</v>
      </c>
      <c r="BC58">
        <v>3.9450926748029782</v>
      </c>
      <c r="BD58" t="s">
        <v>279</v>
      </c>
      <c r="BE58" t="s">
        <v>62</v>
      </c>
    </row>
    <row r="59" spans="1:57" x14ac:dyDescent="0.3">
      <c r="A59" t="s">
        <v>280</v>
      </c>
      <c r="B59">
        <v>1459</v>
      </c>
      <c r="C59" t="s">
        <v>281</v>
      </c>
      <c r="D59" t="s">
        <v>282</v>
      </c>
      <c r="E59" t="s">
        <v>115</v>
      </c>
      <c r="F59">
        <v>1488</v>
      </c>
      <c r="G59">
        <v>129.22782258064521</v>
      </c>
      <c r="H59">
        <v>130</v>
      </c>
      <c r="I59">
        <v>5262.8183925706726</v>
      </c>
      <c r="J59">
        <v>72.545285116061635</v>
      </c>
      <c r="K59">
        <v>-2.2310646071021359E-2</v>
      </c>
      <c r="L59">
        <v>-1.178530468198983</v>
      </c>
      <c r="M59">
        <v>7.8814498585207797</v>
      </c>
      <c r="N59">
        <v>15</v>
      </c>
      <c r="O59">
        <v>1</v>
      </c>
      <c r="P59">
        <v>14</v>
      </c>
      <c r="Q59">
        <v>2.3154065013375051</v>
      </c>
      <c r="R59">
        <v>5.4630047481582578</v>
      </c>
      <c r="S59">
        <v>2</v>
      </c>
      <c r="T59">
        <v>1</v>
      </c>
      <c r="U59">
        <v>1</v>
      </c>
      <c r="V59">
        <v>0.1100140525621971</v>
      </c>
      <c r="W59">
        <v>7.2877349790760526</v>
      </c>
      <c r="X59">
        <v>1</v>
      </c>
      <c r="Y59">
        <v>1</v>
      </c>
      <c r="Z59">
        <v>0</v>
      </c>
      <c r="AA59">
        <v>0</v>
      </c>
      <c r="AB59">
        <v>7.3038432252777064</v>
      </c>
      <c r="AC59">
        <v>1</v>
      </c>
      <c r="AD59">
        <v>1</v>
      </c>
      <c r="AE59">
        <v>0</v>
      </c>
      <c r="AF59">
        <v>0</v>
      </c>
      <c r="AG59">
        <v>7.3031700512368012</v>
      </c>
      <c r="AH59">
        <v>-2.1387619971990051E-2</v>
      </c>
      <c r="AI59">
        <v>1.271333104988728E-2</v>
      </c>
      <c r="AJ59">
        <v>-3.8987598708840408E-2</v>
      </c>
      <c r="AK59">
        <v>1.4266676009808859E-2</v>
      </c>
      <c r="AL59">
        <v>2624.7884404698648</v>
      </c>
      <c r="AM59">
        <v>5078.4748343154934</v>
      </c>
      <c r="AN59">
        <v>192291</v>
      </c>
      <c r="AO59">
        <v>65.602567085720338</v>
      </c>
      <c r="AP59">
        <v>2357.9663767982538</v>
      </c>
      <c r="AQ59">
        <v>1.015456989247312</v>
      </c>
      <c r="AR59">
        <v>4.047043010752688</v>
      </c>
      <c r="AS59">
        <v>1482</v>
      </c>
      <c r="AT59">
        <v>234.27822580645159</v>
      </c>
      <c r="AU59">
        <v>2.1892789373814059E-2</v>
      </c>
      <c r="AV59">
        <v>-2.1397366643019219E-2</v>
      </c>
      <c r="AW59">
        <v>0.37567204301075269</v>
      </c>
      <c r="AX59">
        <v>84.8338937457969</v>
      </c>
      <c r="AY59">
        <v>63</v>
      </c>
      <c r="AZ59">
        <v>124.25</v>
      </c>
      <c r="BA59">
        <v>0.56137512547492974</v>
      </c>
      <c r="BB59">
        <v>0.50067204301075274</v>
      </c>
      <c r="BC59">
        <v>5.2602477475495988</v>
      </c>
      <c r="BD59" t="s">
        <v>283</v>
      </c>
      <c r="BE59" t="s">
        <v>62</v>
      </c>
    </row>
    <row r="60" spans="1:57" x14ac:dyDescent="0.3">
      <c r="A60" t="s">
        <v>284</v>
      </c>
      <c r="B60">
        <v>3016</v>
      </c>
      <c r="C60" t="s">
        <v>285</v>
      </c>
      <c r="D60" t="s">
        <v>286</v>
      </c>
      <c r="E60" t="s">
        <v>10622</v>
      </c>
      <c r="F60">
        <v>64</v>
      </c>
      <c r="G60">
        <v>125.609375</v>
      </c>
      <c r="H60">
        <v>125.5</v>
      </c>
      <c r="I60">
        <v>6627.550537109375</v>
      </c>
      <c r="J60">
        <v>81.409769297728488</v>
      </c>
      <c r="K60">
        <v>8.5295195649079669E-3</v>
      </c>
      <c r="L60">
        <v>-1.382349773825567</v>
      </c>
      <c r="M60">
        <v>5.84375</v>
      </c>
      <c r="N60">
        <v>2</v>
      </c>
      <c r="O60">
        <v>1</v>
      </c>
      <c r="P60">
        <v>1</v>
      </c>
      <c r="Q60">
        <v>0.27850299534160988</v>
      </c>
      <c r="R60">
        <v>4.0505788363971806</v>
      </c>
      <c r="S60">
        <v>1</v>
      </c>
      <c r="T60">
        <v>1</v>
      </c>
      <c r="U60">
        <v>0</v>
      </c>
      <c r="V60">
        <v>0</v>
      </c>
      <c r="W60">
        <v>4.1431347263915326</v>
      </c>
      <c r="X60">
        <v>1</v>
      </c>
      <c r="Y60">
        <v>1</v>
      </c>
      <c r="Z60">
        <v>0</v>
      </c>
      <c r="AA60">
        <v>0</v>
      </c>
      <c r="AB60">
        <v>4.1271343850450908</v>
      </c>
      <c r="AC60">
        <v>1</v>
      </c>
      <c r="AD60">
        <v>1</v>
      </c>
      <c r="AE60">
        <v>0</v>
      </c>
      <c r="AF60">
        <v>0</v>
      </c>
      <c r="AG60">
        <v>4.1108738641733096</v>
      </c>
      <c r="AH60">
        <v>9.812728842102246E-2</v>
      </c>
      <c r="AI60">
        <v>0.12436270089967939</v>
      </c>
      <c r="AJ60">
        <v>-4.1921686035929488E-2</v>
      </c>
      <c r="AK60">
        <v>-0.27747604157000733</v>
      </c>
      <c r="AL60">
        <v>706.55962808328525</v>
      </c>
      <c r="AM60">
        <v>966.80426765856259</v>
      </c>
      <c r="AN60">
        <v>8039</v>
      </c>
      <c r="AO60">
        <v>246.8914648416638</v>
      </c>
      <c r="AP60">
        <v>533.18598433614625</v>
      </c>
      <c r="AQ60">
        <v>1.359375</v>
      </c>
      <c r="AR60">
        <v>3.875</v>
      </c>
      <c r="AS60">
        <v>63</v>
      </c>
      <c r="AT60">
        <v>4.2187499999999991</v>
      </c>
      <c r="AU60">
        <v>0.1218874501992032</v>
      </c>
      <c r="AV60">
        <v>9.8993326628706219E-2</v>
      </c>
      <c r="AW60">
        <v>0.296875</v>
      </c>
      <c r="AX60">
        <v>88.793650793650798</v>
      </c>
      <c r="AY60">
        <v>83</v>
      </c>
      <c r="AZ60">
        <v>163</v>
      </c>
      <c r="BA60">
        <v>0.64811857632225689</v>
      </c>
      <c r="BB60">
        <v>0.5</v>
      </c>
      <c r="BC60">
        <v>3.9147824763127481</v>
      </c>
      <c r="BD60" t="s">
        <v>287</v>
      </c>
      <c r="BE60" t="s">
        <v>62</v>
      </c>
    </row>
    <row r="61" spans="1:57" x14ac:dyDescent="0.3">
      <c r="A61" t="s">
        <v>288</v>
      </c>
      <c r="B61">
        <v>2369</v>
      </c>
      <c r="C61" t="s">
        <v>289</v>
      </c>
      <c r="D61" t="s">
        <v>290</v>
      </c>
      <c r="E61" t="s">
        <v>72</v>
      </c>
      <c r="F61">
        <v>2480</v>
      </c>
      <c r="G61">
        <v>128.23588709677421</v>
      </c>
      <c r="H61">
        <v>127</v>
      </c>
      <c r="I61">
        <v>5358.9020185678983</v>
      </c>
      <c r="J61">
        <v>73.204521845087541</v>
      </c>
      <c r="K61">
        <v>1.214614814704076E-2</v>
      </c>
      <c r="L61">
        <v>-1.1745191271203479</v>
      </c>
      <c r="M61">
        <v>7.9126132995777114</v>
      </c>
      <c r="N61">
        <v>19</v>
      </c>
      <c r="O61">
        <v>3</v>
      </c>
      <c r="P61">
        <v>16</v>
      </c>
      <c r="Q61">
        <v>3.3324868716920699</v>
      </c>
      <c r="R61">
        <v>5.4846055994634177</v>
      </c>
      <c r="S61">
        <v>3</v>
      </c>
      <c r="T61">
        <v>1</v>
      </c>
      <c r="U61">
        <v>2</v>
      </c>
      <c r="V61">
        <v>0.15822551149412439</v>
      </c>
      <c r="W61">
        <v>7.7827539087062343</v>
      </c>
      <c r="X61">
        <v>2</v>
      </c>
      <c r="Y61">
        <v>1</v>
      </c>
      <c r="Z61">
        <v>1</v>
      </c>
      <c r="AA61">
        <v>2.0088583455187291E-2</v>
      </c>
      <c r="AB61">
        <v>7.8146476213653937</v>
      </c>
      <c r="AC61">
        <v>1</v>
      </c>
      <c r="AD61">
        <v>1</v>
      </c>
      <c r="AE61">
        <v>0</v>
      </c>
      <c r="AF61">
        <v>0</v>
      </c>
      <c r="AG61">
        <v>7.8148034294893574</v>
      </c>
      <c r="AH61">
        <v>1.0212687857653859E-2</v>
      </c>
      <c r="AI61">
        <v>-5.2618827550378732E-3</v>
      </c>
      <c r="AJ61">
        <v>-1.8615262807347981E-2</v>
      </c>
      <c r="AK61">
        <v>2.245090285866496E-2</v>
      </c>
      <c r="AL61">
        <v>3379.0578572404838</v>
      </c>
      <c r="AM61">
        <v>6531.0231202638806</v>
      </c>
      <c r="AN61">
        <v>318025</v>
      </c>
      <c r="AO61">
        <v>155.06241280161899</v>
      </c>
      <c r="AP61">
        <v>3072.7889219790641</v>
      </c>
      <c r="AQ61">
        <v>1.0092741935483871</v>
      </c>
      <c r="AR61">
        <v>3.9927419354838709</v>
      </c>
      <c r="AS61">
        <v>2471</v>
      </c>
      <c r="AT61">
        <v>293.47096774193551</v>
      </c>
      <c r="AU61">
        <v>1.339342188488302E-2</v>
      </c>
      <c r="AV61">
        <v>1.0217217687142189E-2</v>
      </c>
      <c r="AW61">
        <v>0.38104838709677419</v>
      </c>
      <c r="AX61">
        <v>83.772892295280357</v>
      </c>
      <c r="AY61">
        <v>63</v>
      </c>
      <c r="AZ61">
        <v>126</v>
      </c>
      <c r="BA61">
        <v>0.57085831043413904</v>
      </c>
      <c r="BB61">
        <v>0.49556451612903218</v>
      </c>
      <c r="BC61">
        <v>5.2795779211940292</v>
      </c>
      <c r="BD61" t="s">
        <v>291</v>
      </c>
      <c r="BE61" t="s">
        <v>62</v>
      </c>
    </row>
    <row r="62" spans="1:57" x14ac:dyDescent="0.3">
      <c r="A62" t="s">
        <v>292</v>
      </c>
      <c r="B62">
        <v>604</v>
      </c>
      <c r="C62" t="s">
        <v>293</v>
      </c>
      <c r="D62" t="s">
        <v>294</v>
      </c>
      <c r="E62" t="s">
        <v>115</v>
      </c>
      <c r="F62">
        <v>640</v>
      </c>
      <c r="G62">
        <v>126.89375</v>
      </c>
      <c r="H62">
        <v>127</v>
      </c>
      <c r="I62">
        <v>5423.6074609375</v>
      </c>
      <c r="J62">
        <v>73.645145535449245</v>
      </c>
      <c r="K62">
        <v>-1.459588769858371E-2</v>
      </c>
      <c r="L62">
        <v>-1.22926321345154</v>
      </c>
      <c r="M62">
        <v>7.6574184642636842</v>
      </c>
      <c r="N62">
        <v>8</v>
      </c>
      <c r="O62">
        <v>1</v>
      </c>
      <c r="P62">
        <v>7</v>
      </c>
      <c r="Q62">
        <v>1.466568021338039</v>
      </c>
      <c r="R62">
        <v>5.307718018872043</v>
      </c>
      <c r="S62">
        <v>2</v>
      </c>
      <c r="T62">
        <v>1</v>
      </c>
      <c r="U62">
        <v>1</v>
      </c>
      <c r="V62">
        <v>6.8518108709122394E-2</v>
      </c>
      <c r="W62">
        <v>6.4533960301469264</v>
      </c>
      <c r="X62">
        <v>1</v>
      </c>
      <c r="Y62">
        <v>1</v>
      </c>
      <c r="Z62">
        <v>0</v>
      </c>
      <c r="AA62">
        <v>0</v>
      </c>
      <c r="AB62">
        <v>6.4583382833447898</v>
      </c>
      <c r="AC62">
        <v>1</v>
      </c>
      <c r="AD62">
        <v>1</v>
      </c>
      <c r="AE62">
        <v>0</v>
      </c>
      <c r="AF62">
        <v>0</v>
      </c>
      <c r="AG62">
        <v>6.4567696555721614</v>
      </c>
      <c r="AH62">
        <v>-5.0413183187859763E-2</v>
      </c>
      <c r="AI62">
        <v>6.0783640357647703E-2</v>
      </c>
      <c r="AJ62">
        <v>3.3112927959074827E-2</v>
      </c>
      <c r="AK62">
        <v>9.2350731242569588E-3</v>
      </c>
      <c r="AL62">
        <v>1786.4093901400199</v>
      </c>
      <c r="AM62">
        <v>3253.482056323588</v>
      </c>
      <c r="AN62">
        <v>81212</v>
      </c>
      <c r="AO62">
        <v>80.313892480399232</v>
      </c>
      <c r="AP62">
        <v>1571.70472451418</v>
      </c>
      <c r="AQ62">
        <v>1.0359375</v>
      </c>
      <c r="AR62">
        <v>4.0281250000000002</v>
      </c>
      <c r="AS62">
        <v>637</v>
      </c>
      <c r="AT62">
        <v>179.328125</v>
      </c>
      <c r="AU62">
        <v>1.963848039215688E-2</v>
      </c>
      <c r="AV62">
        <v>-5.0496226043536742E-2</v>
      </c>
      <c r="AW62">
        <v>0.37187500000000001</v>
      </c>
      <c r="AX62">
        <v>87.566510172143978</v>
      </c>
      <c r="AY62">
        <v>65</v>
      </c>
      <c r="AZ62">
        <v>128.5</v>
      </c>
      <c r="BA62">
        <v>0.58036858029216765</v>
      </c>
      <c r="BB62">
        <v>0.50156250000000002</v>
      </c>
      <c r="BC62">
        <v>5.1262035734904448</v>
      </c>
      <c r="BD62" t="s">
        <v>295</v>
      </c>
      <c r="BE62" t="s">
        <v>62</v>
      </c>
    </row>
    <row r="63" spans="1:57" x14ac:dyDescent="0.3">
      <c r="A63" t="s">
        <v>296</v>
      </c>
      <c r="B63">
        <v>1379</v>
      </c>
      <c r="C63" t="s">
        <v>297</v>
      </c>
      <c r="D63" t="s">
        <v>298</v>
      </c>
      <c r="E63" t="s">
        <v>106</v>
      </c>
      <c r="F63">
        <v>1405</v>
      </c>
      <c r="G63">
        <v>125.8298932384342</v>
      </c>
      <c r="H63">
        <v>125</v>
      </c>
      <c r="I63">
        <v>5583.883519205684</v>
      </c>
      <c r="J63">
        <v>74.725387380766946</v>
      </c>
      <c r="K63">
        <v>4.1632233927332923E-2</v>
      </c>
      <c r="L63">
        <v>-1.222849210116925</v>
      </c>
      <c r="M63">
        <v>7.8652987941380887</v>
      </c>
      <c r="N63">
        <v>13</v>
      </c>
      <c r="O63">
        <v>1</v>
      </c>
      <c r="P63">
        <v>12</v>
      </c>
      <c r="Q63">
        <v>2.3534921225486261</v>
      </c>
      <c r="R63">
        <v>5.4518096834183556</v>
      </c>
      <c r="S63">
        <v>2</v>
      </c>
      <c r="T63">
        <v>1</v>
      </c>
      <c r="U63">
        <v>1</v>
      </c>
      <c r="V63">
        <v>8.0062410619295865E-2</v>
      </c>
      <c r="W63">
        <v>7.238194082270887</v>
      </c>
      <c r="X63">
        <v>1</v>
      </c>
      <c r="Y63">
        <v>1</v>
      </c>
      <c r="Z63">
        <v>0</v>
      </c>
      <c r="AA63">
        <v>0</v>
      </c>
      <c r="AB63">
        <v>7.2463680801024619</v>
      </c>
      <c r="AC63">
        <v>1</v>
      </c>
      <c r="AD63">
        <v>1</v>
      </c>
      <c r="AE63">
        <v>0</v>
      </c>
      <c r="AF63">
        <v>0</v>
      </c>
      <c r="AG63">
        <v>7.2456550675945346</v>
      </c>
      <c r="AH63">
        <v>-2.991909521368236E-2</v>
      </c>
      <c r="AI63">
        <v>5.4003759599480549E-3</v>
      </c>
      <c r="AJ63">
        <v>7.2210189338537808E-3</v>
      </c>
      <c r="AK63">
        <v>-5.8988938886391937E-2</v>
      </c>
      <c r="AL63">
        <v>2624.197558099137</v>
      </c>
      <c r="AM63">
        <v>4817.108694649366</v>
      </c>
      <c r="AN63">
        <v>176791</v>
      </c>
      <c r="AO63">
        <v>96.458210051245246</v>
      </c>
      <c r="AP63">
        <v>2468.718638017368</v>
      </c>
      <c r="AQ63">
        <v>1.016370106761566</v>
      </c>
      <c r="AR63">
        <v>3.9779359430604981</v>
      </c>
      <c r="AS63">
        <v>1399</v>
      </c>
      <c r="AT63">
        <v>258.36227758007118</v>
      </c>
      <c r="AU63">
        <v>2.2733933431023649E-2</v>
      </c>
      <c r="AV63">
        <v>-2.9951151115632371E-2</v>
      </c>
      <c r="AW63">
        <v>0.37153024911032029</v>
      </c>
      <c r="AX63">
        <v>87.722222222222229</v>
      </c>
      <c r="AY63">
        <v>67</v>
      </c>
      <c r="AZ63">
        <v>134</v>
      </c>
      <c r="BA63">
        <v>0.59386037337860842</v>
      </c>
      <c r="BB63">
        <v>0.49822064056939502</v>
      </c>
      <c r="BC63">
        <v>5.2894639981981761</v>
      </c>
      <c r="BD63" t="s">
        <v>299</v>
      </c>
      <c r="BE63" t="s">
        <v>68</v>
      </c>
    </row>
    <row r="64" spans="1:57" x14ac:dyDescent="0.3">
      <c r="A64" t="s">
        <v>300</v>
      </c>
      <c r="B64">
        <v>3848</v>
      </c>
      <c r="C64" t="s">
        <v>301</v>
      </c>
      <c r="D64" t="s">
        <v>302</v>
      </c>
      <c r="E64" t="s">
        <v>98</v>
      </c>
      <c r="F64">
        <v>16</v>
      </c>
      <c r="G64">
        <v>171.8125</v>
      </c>
      <c r="H64">
        <v>171.5</v>
      </c>
      <c r="I64">
        <v>3269.27734375</v>
      </c>
      <c r="J64">
        <v>57.177594770591739</v>
      </c>
      <c r="K64">
        <v>-0.17590242485551391</v>
      </c>
      <c r="L64">
        <v>-1.388873218142505</v>
      </c>
      <c r="M64">
        <v>4</v>
      </c>
      <c r="N64">
        <v>1</v>
      </c>
      <c r="O64">
        <v>1</v>
      </c>
      <c r="P64">
        <v>0</v>
      </c>
      <c r="Q64">
        <v>0</v>
      </c>
      <c r="R64">
        <v>2.7725887222397811</v>
      </c>
      <c r="S64">
        <v>1</v>
      </c>
      <c r="T64">
        <v>1</v>
      </c>
      <c r="U64">
        <v>0</v>
      </c>
      <c r="V64">
        <v>0</v>
      </c>
      <c r="W64">
        <v>2.7080502011022101</v>
      </c>
      <c r="X64">
        <v>1</v>
      </c>
      <c r="Y64">
        <v>1</v>
      </c>
      <c r="Z64">
        <v>0</v>
      </c>
      <c r="AA64">
        <v>0</v>
      </c>
      <c r="AB64">
        <v>2.639057329615258</v>
      </c>
      <c r="AC64">
        <v>1</v>
      </c>
      <c r="AD64">
        <v>1</v>
      </c>
      <c r="AE64">
        <v>0</v>
      </c>
      <c r="AF64">
        <v>0</v>
      </c>
      <c r="AG64">
        <v>2.5649493574615372</v>
      </c>
      <c r="AH64">
        <v>6.771904329487953E-2</v>
      </c>
      <c r="AI64">
        <v>0.2400674783585344</v>
      </c>
      <c r="AJ64">
        <v>-9.5775806962308894E-3</v>
      </c>
      <c r="AK64">
        <v>-0.14032108228237561</v>
      </c>
      <c r="AL64">
        <v>377.24957387429703</v>
      </c>
      <c r="AM64">
        <v>618.30717205258213</v>
      </c>
      <c r="AN64">
        <v>2749</v>
      </c>
      <c r="AO64">
        <v>95.8291158825633</v>
      </c>
      <c r="AP64">
        <v>217.12761778843739</v>
      </c>
      <c r="AQ64">
        <v>2.3125</v>
      </c>
      <c r="AR64">
        <v>4.75</v>
      </c>
      <c r="AS64">
        <v>16</v>
      </c>
      <c r="AT64">
        <v>0</v>
      </c>
      <c r="AU64">
        <v>0.3050889328063241</v>
      </c>
      <c r="AV64">
        <v>7.3576587318753925E-2</v>
      </c>
      <c r="AW64">
        <v>0.3125</v>
      </c>
      <c r="AX64">
        <v>63.06666666666667</v>
      </c>
      <c r="AY64">
        <v>55.5</v>
      </c>
      <c r="AZ64">
        <v>110</v>
      </c>
      <c r="BA64">
        <v>0.33279065708601963</v>
      </c>
      <c r="BB64">
        <v>0.5</v>
      </c>
      <c r="BC64">
        <v>2.615630577027551</v>
      </c>
      <c r="BD64" t="s">
        <v>301</v>
      </c>
      <c r="BE64" t="s">
        <v>62</v>
      </c>
    </row>
    <row r="65" spans="1:57" x14ac:dyDescent="0.3">
      <c r="A65" t="s">
        <v>303</v>
      </c>
      <c r="B65">
        <v>3351</v>
      </c>
      <c r="C65" t="s">
        <v>304</v>
      </c>
      <c r="D65" t="s">
        <v>305</v>
      </c>
      <c r="E65" t="s">
        <v>72</v>
      </c>
      <c r="F65">
        <v>3376</v>
      </c>
      <c r="G65">
        <v>126.8824052132701</v>
      </c>
      <c r="H65">
        <v>126</v>
      </c>
      <c r="I65">
        <v>5496.6049510869861</v>
      </c>
      <c r="J65">
        <v>74.139091922460082</v>
      </c>
      <c r="K65">
        <v>1.081896695276616E-2</v>
      </c>
      <c r="L65">
        <v>-1.17835645702808</v>
      </c>
      <c r="M65">
        <v>7.9467286055778779</v>
      </c>
      <c r="N65">
        <v>23</v>
      </c>
      <c r="O65">
        <v>5</v>
      </c>
      <c r="P65">
        <v>18</v>
      </c>
      <c r="Q65">
        <v>3.5635963225371081</v>
      </c>
      <c r="R65">
        <v>5.5082525276313721</v>
      </c>
      <c r="S65">
        <v>3</v>
      </c>
      <c r="T65">
        <v>1</v>
      </c>
      <c r="U65">
        <v>2</v>
      </c>
      <c r="V65">
        <v>0.18217956683397241</v>
      </c>
      <c r="W65">
        <v>8.0794791107767114</v>
      </c>
      <c r="X65">
        <v>1</v>
      </c>
      <c r="Y65">
        <v>1</v>
      </c>
      <c r="Z65">
        <v>0</v>
      </c>
      <c r="AA65">
        <v>0</v>
      </c>
      <c r="AB65">
        <v>8.1238542631059136</v>
      </c>
      <c r="AC65">
        <v>1</v>
      </c>
      <c r="AD65">
        <v>1</v>
      </c>
      <c r="AE65">
        <v>0</v>
      </c>
      <c r="AF65">
        <v>0</v>
      </c>
      <c r="AG65">
        <v>8.1235578350616535</v>
      </c>
      <c r="AH65">
        <v>-1.1470233536781289E-2</v>
      </c>
      <c r="AI65">
        <v>-9.7321919795463983E-3</v>
      </c>
      <c r="AJ65">
        <v>1.2542910532370661E-2</v>
      </c>
      <c r="AK65">
        <v>-8.7511157624684879E-3</v>
      </c>
      <c r="AL65">
        <v>3944.4201075432788</v>
      </c>
      <c r="AM65">
        <v>7572.899115610101</v>
      </c>
      <c r="AN65">
        <v>428354.99999999988</v>
      </c>
      <c r="AO65">
        <v>52.999999999997037</v>
      </c>
      <c r="AP65">
        <v>3566.909083462378</v>
      </c>
      <c r="AQ65">
        <v>1.0068127962085309</v>
      </c>
      <c r="AR65">
        <v>3.9955568720379149</v>
      </c>
      <c r="AS65">
        <v>3356</v>
      </c>
      <c r="AT65">
        <v>246.52132701421809</v>
      </c>
      <c r="AU65">
        <v>1.310984109283519E-2</v>
      </c>
      <c r="AV65">
        <v>-1.1477899254404929E-2</v>
      </c>
      <c r="AW65">
        <v>0.36848341232227488</v>
      </c>
      <c r="AX65">
        <v>86.007111111111115</v>
      </c>
      <c r="AY65">
        <v>63</v>
      </c>
      <c r="AZ65">
        <v>126.25</v>
      </c>
      <c r="BA65">
        <v>0.58431341838014084</v>
      </c>
      <c r="BB65">
        <v>0.4997037914691943</v>
      </c>
      <c r="BC65">
        <v>5.3225214262269454</v>
      </c>
      <c r="BD65" t="s">
        <v>306</v>
      </c>
      <c r="BE65" t="s">
        <v>62</v>
      </c>
    </row>
    <row r="66" spans="1:57" x14ac:dyDescent="0.3">
      <c r="A66" t="s">
        <v>307</v>
      </c>
      <c r="B66">
        <v>2318</v>
      </c>
      <c r="C66" t="s">
        <v>308</v>
      </c>
      <c r="D66" t="s">
        <v>309</v>
      </c>
      <c r="E66" t="s">
        <v>106</v>
      </c>
      <c r="F66">
        <v>2367</v>
      </c>
      <c r="G66">
        <v>126.6108998732573</v>
      </c>
      <c r="H66">
        <v>125</v>
      </c>
      <c r="I66">
        <v>5400.335715582286</v>
      </c>
      <c r="J66">
        <v>73.48697650320284</v>
      </c>
      <c r="K66">
        <v>1.2899174357712191E-2</v>
      </c>
      <c r="L66">
        <v>-1.17692061235806</v>
      </c>
      <c r="M66">
        <v>7.917271684053234</v>
      </c>
      <c r="N66">
        <v>19</v>
      </c>
      <c r="O66">
        <v>2</v>
      </c>
      <c r="P66">
        <v>17</v>
      </c>
      <c r="Q66">
        <v>3.1109032637179408</v>
      </c>
      <c r="R66">
        <v>5.4878345455285871</v>
      </c>
      <c r="S66">
        <v>2</v>
      </c>
      <c r="T66">
        <v>1</v>
      </c>
      <c r="U66">
        <v>1</v>
      </c>
      <c r="V66">
        <v>0.14240332035049361</v>
      </c>
      <c r="W66">
        <v>7.7408317295198392</v>
      </c>
      <c r="X66">
        <v>1</v>
      </c>
      <c r="Y66">
        <v>1</v>
      </c>
      <c r="Z66">
        <v>0</v>
      </c>
      <c r="AA66">
        <v>0</v>
      </c>
      <c r="AB66">
        <v>7.7685333009260322</v>
      </c>
      <c r="AC66">
        <v>1</v>
      </c>
      <c r="AD66">
        <v>1</v>
      </c>
      <c r="AE66">
        <v>0</v>
      </c>
      <c r="AF66">
        <v>0</v>
      </c>
      <c r="AG66">
        <v>7.7681103785259893</v>
      </c>
      <c r="AH66">
        <v>5.2135920099996833E-2</v>
      </c>
      <c r="AI66">
        <v>1.028247688922101E-2</v>
      </c>
      <c r="AJ66">
        <v>1.409637871354108E-2</v>
      </c>
      <c r="AK66">
        <v>1.145338322117714E-2</v>
      </c>
      <c r="AL66">
        <v>3283.3111102922039</v>
      </c>
      <c r="AM66">
        <v>6320.30301117215</v>
      </c>
      <c r="AN66">
        <v>299687.99999999988</v>
      </c>
      <c r="AO66">
        <v>99.889359522366547</v>
      </c>
      <c r="AP66">
        <v>2876.0506770405232</v>
      </c>
      <c r="AQ66">
        <v>1.0097169412758771</v>
      </c>
      <c r="AR66">
        <v>4.0253485424588087</v>
      </c>
      <c r="AS66">
        <v>2357</v>
      </c>
      <c r="AT66">
        <v>267.95057034220531</v>
      </c>
      <c r="AU66">
        <v>1.83553269216431E-2</v>
      </c>
      <c r="AV66">
        <v>5.217928544228001E-2</v>
      </c>
      <c r="AW66">
        <v>0.38191803971271648</v>
      </c>
      <c r="AX66">
        <v>81.429416737109051</v>
      </c>
      <c r="AY66">
        <v>63</v>
      </c>
      <c r="AZ66">
        <v>126</v>
      </c>
      <c r="BA66">
        <v>0.58041587712247777</v>
      </c>
      <c r="BB66">
        <v>0.49133924799324041</v>
      </c>
      <c r="BC66">
        <v>5.2652504432041676</v>
      </c>
      <c r="BD66" t="s">
        <v>310</v>
      </c>
      <c r="BE66" t="s">
        <v>68</v>
      </c>
    </row>
    <row r="67" spans="1:57" x14ac:dyDescent="0.3">
      <c r="A67" t="s">
        <v>311</v>
      </c>
      <c r="B67">
        <v>1679</v>
      </c>
      <c r="C67" t="s">
        <v>312</v>
      </c>
      <c r="D67" t="s">
        <v>313</v>
      </c>
      <c r="E67" t="s">
        <v>106</v>
      </c>
      <c r="F67">
        <v>1695</v>
      </c>
      <c r="G67">
        <v>129.70383480825959</v>
      </c>
      <c r="H67">
        <v>128</v>
      </c>
      <c r="I67">
        <v>5483.4462094830369</v>
      </c>
      <c r="J67">
        <v>74.050295134341212</v>
      </c>
      <c r="K67">
        <v>-1.873503996688965E-2</v>
      </c>
      <c r="L67">
        <v>-1.17908540499346</v>
      </c>
      <c r="M67">
        <v>7.8909043477253293</v>
      </c>
      <c r="N67">
        <v>15</v>
      </c>
      <c r="O67">
        <v>1</v>
      </c>
      <c r="P67">
        <v>14</v>
      </c>
      <c r="Q67">
        <v>2.5664954322404201</v>
      </c>
      <c r="R67">
        <v>5.4695581006940266</v>
      </c>
      <c r="S67">
        <v>2</v>
      </c>
      <c r="T67">
        <v>1</v>
      </c>
      <c r="U67">
        <v>1</v>
      </c>
      <c r="V67">
        <v>0.10864939110527751</v>
      </c>
      <c r="W67">
        <v>7.4184807635104679</v>
      </c>
      <c r="X67">
        <v>1</v>
      </c>
      <c r="Y67">
        <v>1</v>
      </c>
      <c r="Z67">
        <v>0</v>
      </c>
      <c r="AA67">
        <v>0</v>
      </c>
      <c r="AB67">
        <v>7.4342573821331346</v>
      </c>
      <c r="AC67">
        <v>1</v>
      </c>
      <c r="AD67">
        <v>1</v>
      </c>
      <c r="AE67">
        <v>0</v>
      </c>
      <c r="AF67">
        <v>0</v>
      </c>
      <c r="AG67">
        <v>7.4336665401661683</v>
      </c>
      <c r="AH67">
        <v>-3.6291867985260698E-2</v>
      </c>
      <c r="AI67">
        <v>1.152113256771837E-2</v>
      </c>
      <c r="AJ67">
        <v>1.915365435821129E-2</v>
      </c>
      <c r="AK67">
        <v>2.209636522266201E-2</v>
      </c>
      <c r="AL67">
        <v>2821.0119629112669</v>
      </c>
      <c r="AM67">
        <v>5463.649101572274</v>
      </c>
      <c r="AN67">
        <v>219848</v>
      </c>
      <c r="AO67">
        <v>110.3306717454673</v>
      </c>
      <c r="AP67">
        <v>2531.1835500197608</v>
      </c>
      <c r="AQ67">
        <v>1.013569321533923</v>
      </c>
      <c r="AR67">
        <v>4.0324483775811206</v>
      </c>
      <c r="AS67">
        <v>1691</v>
      </c>
      <c r="AT67">
        <v>254.6778761061947</v>
      </c>
      <c r="AU67">
        <v>2.5056394239111601E-2</v>
      </c>
      <c r="AV67">
        <v>-3.6322900895636029E-2</v>
      </c>
      <c r="AW67">
        <v>0.3799410029498525</v>
      </c>
      <c r="AX67">
        <v>87.295159386068477</v>
      </c>
      <c r="AY67">
        <v>64</v>
      </c>
      <c r="AZ67">
        <v>128</v>
      </c>
      <c r="BA67">
        <v>0.5709183174407243</v>
      </c>
      <c r="BB67">
        <v>0.49675516224188793</v>
      </c>
      <c r="BC67">
        <v>5.2803580864358466</v>
      </c>
      <c r="BD67" t="s">
        <v>314</v>
      </c>
      <c r="BE67" t="s">
        <v>68</v>
      </c>
    </row>
    <row r="68" spans="1:57" x14ac:dyDescent="0.3">
      <c r="A68" t="s">
        <v>315</v>
      </c>
      <c r="B68">
        <v>3428</v>
      </c>
      <c r="C68" t="s">
        <v>316</v>
      </c>
      <c r="D68" t="s">
        <v>317</v>
      </c>
      <c r="E68" t="s">
        <v>72</v>
      </c>
      <c r="F68">
        <v>3544</v>
      </c>
      <c r="G68">
        <v>126.7807562076749</v>
      </c>
      <c r="H68">
        <v>125.5</v>
      </c>
      <c r="I68">
        <v>5466.3263678254407</v>
      </c>
      <c r="J68">
        <v>73.934608728425957</v>
      </c>
      <c r="K68">
        <v>1.632956393796562E-2</v>
      </c>
      <c r="L68">
        <v>-1.204779753145427</v>
      </c>
      <c r="M68">
        <v>7.9469997363515352</v>
      </c>
      <c r="N68">
        <v>26</v>
      </c>
      <c r="O68">
        <v>4</v>
      </c>
      <c r="P68">
        <v>22</v>
      </c>
      <c r="Q68">
        <v>3.7394382515960869</v>
      </c>
      <c r="R68">
        <v>5.5084404611626967</v>
      </c>
      <c r="S68">
        <v>3</v>
      </c>
      <c r="T68">
        <v>1</v>
      </c>
      <c r="U68">
        <v>2</v>
      </c>
      <c r="V68">
        <v>0.1730419743627834</v>
      </c>
      <c r="W68">
        <v>8.1331583511134866</v>
      </c>
      <c r="X68">
        <v>2</v>
      </c>
      <c r="Y68">
        <v>1</v>
      </c>
      <c r="Z68">
        <v>1</v>
      </c>
      <c r="AA68">
        <v>4.1157664394177361E-2</v>
      </c>
      <c r="AB68">
        <v>8.1700984936203866</v>
      </c>
      <c r="AC68">
        <v>2</v>
      </c>
      <c r="AD68">
        <v>1</v>
      </c>
      <c r="AE68">
        <v>1</v>
      </c>
      <c r="AF68">
        <v>3.7576956722734339E-2</v>
      </c>
      <c r="AG68">
        <v>8.1702069621922195</v>
      </c>
      <c r="AH68">
        <v>-5.5457465416031181E-3</v>
      </c>
      <c r="AI68">
        <v>-5.2382444656652863E-3</v>
      </c>
      <c r="AJ68">
        <v>5.3638623785619063E-3</v>
      </c>
      <c r="AK68">
        <v>2.364070344294682E-3</v>
      </c>
      <c r="AL68">
        <v>4040.9876368673872</v>
      </c>
      <c r="AM68">
        <v>7746.4229111690593</v>
      </c>
      <c r="AN68">
        <v>449310.99999999988</v>
      </c>
      <c r="AO68">
        <v>110.34958034157231</v>
      </c>
      <c r="AP68">
        <v>3713.437747519723</v>
      </c>
      <c r="AQ68">
        <v>1.0064898419864561</v>
      </c>
      <c r="AR68">
        <v>3.977144469525959</v>
      </c>
      <c r="AS68">
        <v>3536</v>
      </c>
      <c r="AT68">
        <v>258.5823927765237</v>
      </c>
      <c r="AU68">
        <v>1.4958172885407021E-2</v>
      </c>
      <c r="AV68">
        <v>-5.5483879674778037E-3</v>
      </c>
      <c r="AW68">
        <v>0.37951467268623018</v>
      </c>
      <c r="AX68">
        <v>85.627716624329665</v>
      </c>
      <c r="AY68">
        <v>64.5</v>
      </c>
      <c r="AZ68">
        <v>128</v>
      </c>
      <c r="BA68">
        <v>0.58316901507762242</v>
      </c>
      <c r="BB68">
        <v>0.49604966139954848</v>
      </c>
      <c r="BC68">
        <v>5.3201881048742337</v>
      </c>
      <c r="BD68" t="s">
        <v>318</v>
      </c>
      <c r="BE68" t="s">
        <v>68</v>
      </c>
    </row>
    <row r="69" spans="1:57" x14ac:dyDescent="0.3">
      <c r="A69" t="s">
        <v>319</v>
      </c>
      <c r="B69">
        <v>140</v>
      </c>
      <c r="C69" t="s">
        <v>320</v>
      </c>
      <c r="D69" t="s">
        <v>321</v>
      </c>
      <c r="E69" t="s">
        <v>60</v>
      </c>
      <c r="F69">
        <v>512</v>
      </c>
      <c r="G69">
        <v>128.6328125</v>
      </c>
      <c r="H69">
        <v>130.5</v>
      </c>
      <c r="I69">
        <v>5357.9472045898438</v>
      </c>
      <c r="J69">
        <v>73.198000004029097</v>
      </c>
      <c r="K69">
        <v>-5.5611973193344023E-2</v>
      </c>
      <c r="L69">
        <v>-1.161778550471058</v>
      </c>
      <c r="M69">
        <v>7.5879548722511094</v>
      </c>
      <c r="N69">
        <v>7</v>
      </c>
      <c r="O69">
        <v>1</v>
      </c>
      <c r="P69">
        <v>6</v>
      </c>
      <c r="Q69">
        <v>1.229387926913216</v>
      </c>
      <c r="R69">
        <v>5.2595695259169553</v>
      </c>
      <c r="S69">
        <v>1</v>
      </c>
      <c r="T69">
        <v>1</v>
      </c>
      <c r="U69">
        <v>0</v>
      </c>
      <c r="V69">
        <v>0</v>
      </c>
      <c r="W69">
        <v>6.2363695902037044</v>
      </c>
      <c r="X69">
        <v>1</v>
      </c>
      <c r="Y69">
        <v>1</v>
      </c>
      <c r="Z69">
        <v>0</v>
      </c>
      <c r="AA69">
        <v>0</v>
      </c>
      <c r="AB69">
        <v>6.2344107257183694</v>
      </c>
      <c r="AC69">
        <v>1</v>
      </c>
      <c r="AD69">
        <v>1</v>
      </c>
      <c r="AE69">
        <v>0</v>
      </c>
      <c r="AF69">
        <v>0</v>
      </c>
      <c r="AG69">
        <v>6.2324480165505216</v>
      </c>
      <c r="AH69">
        <v>-8.7108929524868182E-3</v>
      </c>
      <c r="AI69">
        <v>-7.6822452358447082E-3</v>
      </c>
      <c r="AJ69">
        <v>-7.7093881302739392E-2</v>
      </c>
      <c r="AK69">
        <v>4.2077953432869498E-2</v>
      </c>
      <c r="AL69">
        <v>1606.0843556320581</v>
      </c>
      <c r="AM69">
        <v>2938.6253661523369</v>
      </c>
      <c r="AN69">
        <v>65860</v>
      </c>
      <c r="AO69">
        <v>83.879183289411458</v>
      </c>
      <c r="AP69">
        <v>1373.8437184033</v>
      </c>
      <c r="AQ69">
        <v>1.044921875</v>
      </c>
      <c r="AR69">
        <v>3.896484375</v>
      </c>
      <c r="AS69">
        <v>509</v>
      </c>
      <c r="AT69">
        <v>141.578125</v>
      </c>
      <c r="AU69">
        <v>3.6749387254901962E-2</v>
      </c>
      <c r="AV69">
        <v>-8.7364434840194079E-3</v>
      </c>
      <c r="AW69">
        <v>0.353515625</v>
      </c>
      <c r="AX69">
        <v>84.583170254403129</v>
      </c>
      <c r="AY69">
        <v>63</v>
      </c>
      <c r="AZ69">
        <v>127</v>
      </c>
      <c r="BA69">
        <v>0.56904609781449889</v>
      </c>
      <c r="BB69">
        <v>0.50390625</v>
      </c>
      <c r="BC69">
        <v>5.079632203778762</v>
      </c>
      <c r="BD69" t="s">
        <v>322</v>
      </c>
      <c r="BE69" t="s">
        <v>62</v>
      </c>
    </row>
    <row r="70" spans="1:57" x14ac:dyDescent="0.3">
      <c r="A70" t="s">
        <v>323</v>
      </c>
      <c r="B70">
        <v>1266</v>
      </c>
      <c r="C70" t="s">
        <v>324</v>
      </c>
      <c r="D70" t="s">
        <v>325</v>
      </c>
      <c r="E70" t="s">
        <v>115</v>
      </c>
      <c r="F70">
        <v>1322</v>
      </c>
      <c r="G70">
        <v>128.5642965204236</v>
      </c>
      <c r="H70">
        <v>131.5</v>
      </c>
      <c r="I70">
        <v>5512.3199960633619</v>
      </c>
      <c r="J70">
        <v>74.244999805127364</v>
      </c>
      <c r="K70">
        <v>-4.3774237149525101E-2</v>
      </c>
      <c r="L70">
        <v>-1.196201531373049</v>
      </c>
      <c r="M70">
        <v>7.8271425407007591</v>
      </c>
      <c r="N70">
        <v>13</v>
      </c>
      <c r="O70">
        <v>1</v>
      </c>
      <c r="P70">
        <v>12</v>
      </c>
      <c r="Q70">
        <v>2.4068098357508791</v>
      </c>
      <c r="R70">
        <v>5.4253617839275394</v>
      </c>
      <c r="S70">
        <v>3</v>
      </c>
      <c r="T70">
        <v>1</v>
      </c>
      <c r="U70">
        <v>2</v>
      </c>
      <c r="V70">
        <v>0.1168023231596774</v>
      </c>
      <c r="W70">
        <v>7.1689573568147669</v>
      </c>
      <c r="X70">
        <v>1</v>
      </c>
      <c r="Y70">
        <v>1</v>
      </c>
      <c r="Z70">
        <v>0</v>
      </c>
      <c r="AA70">
        <v>0</v>
      </c>
      <c r="AB70">
        <v>7.1853870155804174</v>
      </c>
      <c r="AC70">
        <v>1</v>
      </c>
      <c r="AD70">
        <v>1</v>
      </c>
      <c r="AE70">
        <v>0</v>
      </c>
      <c r="AF70">
        <v>0</v>
      </c>
      <c r="AG70">
        <v>7.1846291527173154</v>
      </c>
      <c r="AH70">
        <v>2.032903561417625E-3</v>
      </c>
      <c r="AI70">
        <v>8.8923891118578551E-3</v>
      </c>
      <c r="AJ70">
        <v>1.381318976024413E-2</v>
      </c>
      <c r="AK70">
        <v>3.1020277185761528E-3</v>
      </c>
      <c r="AL70">
        <v>2530.7002682297389</v>
      </c>
      <c r="AM70">
        <v>4768.0067273842978</v>
      </c>
      <c r="AN70">
        <v>169962</v>
      </c>
      <c r="AO70">
        <v>185.59768296285591</v>
      </c>
      <c r="AP70">
        <v>2244.1658598124409</v>
      </c>
      <c r="AQ70">
        <v>1.017397881996974</v>
      </c>
      <c r="AR70">
        <v>4</v>
      </c>
      <c r="AS70">
        <v>1315</v>
      </c>
      <c r="AT70">
        <v>282.69591527987888</v>
      </c>
      <c r="AU70">
        <v>2.0079499273234269E-2</v>
      </c>
      <c r="AV70">
        <v>2.0333993926751541E-3</v>
      </c>
      <c r="AW70">
        <v>0.35400907715582453</v>
      </c>
      <c r="AX70">
        <v>86.408024224072676</v>
      </c>
      <c r="AY70">
        <v>62.5</v>
      </c>
      <c r="AZ70">
        <v>126</v>
      </c>
      <c r="BA70">
        <v>0.57749314401088703</v>
      </c>
      <c r="BB70">
        <v>0.50983358547655067</v>
      </c>
      <c r="BC70">
        <v>5.251290644747943</v>
      </c>
      <c r="BD70" t="s">
        <v>326</v>
      </c>
      <c r="BE70" t="s">
        <v>68</v>
      </c>
    </row>
    <row r="71" spans="1:57" x14ac:dyDescent="0.3">
      <c r="A71" t="s">
        <v>327</v>
      </c>
      <c r="B71">
        <v>3581</v>
      </c>
      <c r="C71" t="s">
        <v>328</v>
      </c>
      <c r="D71" t="s">
        <v>329</v>
      </c>
      <c r="E71" t="s">
        <v>115</v>
      </c>
      <c r="F71">
        <v>3648</v>
      </c>
      <c r="G71">
        <v>129.23108552631581</v>
      </c>
      <c r="H71">
        <v>129</v>
      </c>
      <c r="I71">
        <v>5579.3498341286504</v>
      </c>
      <c r="J71">
        <v>74.695045579533925</v>
      </c>
      <c r="K71">
        <v>-8.8549517237606779E-3</v>
      </c>
      <c r="L71">
        <v>-1.221736419030248</v>
      </c>
      <c r="M71">
        <v>7.953099427454057</v>
      </c>
      <c r="N71">
        <v>25</v>
      </c>
      <c r="O71">
        <v>5</v>
      </c>
      <c r="P71">
        <v>20</v>
      </c>
      <c r="Q71">
        <v>3.594700961137101</v>
      </c>
      <c r="R71">
        <v>5.5126684448526859</v>
      </c>
      <c r="S71">
        <v>3</v>
      </c>
      <c r="T71">
        <v>1</v>
      </c>
      <c r="U71">
        <v>2</v>
      </c>
      <c r="V71">
        <v>0.16639760203703891</v>
      </c>
      <c r="W71">
        <v>8.163884926236527</v>
      </c>
      <c r="X71">
        <v>2</v>
      </c>
      <c r="Y71">
        <v>1</v>
      </c>
      <c r="Z71">
        <v>1</v>
      </c>
      <c r="AA71">
        <v>1.6561194263688961E-2</v>
      </c>
      <c r="AB71">
        <v>8.201005731881196</v>
      </c>
      <c r="AC71">
        <v>1</v>
      </c>
      <c r="AD71">
        <v>1</v>
      </c>
      <c r="AE71">
        <v>0</v>
      </c>
      <c r="AF71">
        <v>0</v>
      </c>
      <c r="AG71">
        <v>8.2011116444427596</v>
      </c>
      <c r="AH71">
        <v>2.1102858812703279E-3</v>
      </c>
      <c r="AI71">
        <v>1.54549064789889E-2</v>
      </c>
      <c r="AJ71">
        <v>-1.7099999532023381E-2</v>
      </c>
      <c r="AK71">
        <v>-2.0366404435687241E-2</v>
      </c>
      <c r="AL71">
        <v>4117.7305442543493</v>
      </c>
      <c r="AM71">
        <v>8020.0885384710537</v>
      </c>
      <c r="AN71">
        <v>471435</v>
      </c>
      <c r="AO71">
        <v>61.123403637956223</v>
      </c>
      <c r="AP71">
        <v>3745.8240093282338</v>
      </c>
      <c r="AQ71">
        <v>1.006304824561403</v>
      </c>
      <c r="AR71">
        <v>4.0010964912280702</v>
      </c>
      <c r="AS71">
        <v>3621</v>
      </c>
      <c r="AT71">
        <v>232.14035087719299</v>
      </c>
      <c r="AU71">
        <v>1.8063080495355991E-2</v>
      </c>
      <c r="AV71">
        <v>2.110544693356638E-3</v>
      </c>
      <c r="AW71">
        <v>0.36869517543859648</v>
      </c>
      <c r="AX71">
        <v>86.743076501233887</v>
      </c>
      <c r="AY71">
        <v>65</v>
      </c>
      <c r="AZ71">
        <v>131</v>
      </c>
      <c r="BA71">
        <v>0.57799596184869551</v>
      </c>
      <c r="BB71">
        <v>0.49698464912280699</v>
      </c>
      <c r="BC71">
        <v>5.3246342925435179</v>
      </c>
      <c r="BD71" t="s">
        <v>330</v>
      </c>
      <c r="BE71" t="s">
        <v>62</v>
      </c>
    </row>
    <row r="72" spans="1:57" x14ac:dyDescent="0.3">
      <c r="A72" t="s">
        <v>331</v>
      </c>
      <c r="B72">
        <v>1589</v>
      </c>
      <c r="C72" t="s">
        <v>332</v>
      </c>
      <c r="D72" t="s">
        <v>333</v>
      </c>
      <c r="E72" t="s">
        <v>93</v>
      </c>
      <c r="F72">
        <v>1689</v>
      </c>
      <c r="G72">
        <v>125.3149792776791</v>
      </c>
      <c r="H72">
        <v>126</v>
      </c>
      <c r="I72">
        <v>5338.9511136911042</v>
      </c>
      <c r="J72">
        <v>73.068126523752511</v>
      </c>
      <c r="K72">
        <v>1.801144574910998E-2</v>
      </c>
      <c r="L72">
        <v>-1.182062145719093</v>
      </c>
      <c r="M72">
        <v>7.8917601109690114</v>
      </c>
      <c r="N72">
        <v>14</v>
      </c>
      <c r="O72">
        <v>2</v>
      </c>
      <c r="P72">
        <v>12</v>
      </c>
      <c r="Q72">
        <v>2.5461050168514139</v>
      </c>
      <c r="R72">
        <v>5.4701512705736279</v>
      </c>
      <c r="S72">
        <v>2</v>
      </c>
      <c r="T72">
        <v>1</v>
      </c>
      <c r="U72">
        <v>1</v>
      </c>
      <c r="V72">
        <v>0.1192268919965119</v>
      </c>
      <c r="W72">
        <v>7.4115893287892689</v>
      </c>
      <c r="X72">
        <v>1</v>
      </c>
      <c r="Y72">
        <v>1</v>
      </c>
      <c r="Z72">
        <v>0</v>
      </c>
      <c r="AA72">
        <v>0</v>
      </c>
      <c r="AB72">
        <v>7.4307070825459673</v>
      </c>
      <c r="AC72">
        <v>1</v>
      </c>
      <c r="AD72">
        <v>1</v>
      </c>
      <c r="AE72">
        <v>0</v>
      </c>
      <c r="AF72">
        <v>0</v>
      </c>
      <c r="AG72">
        <v>7.4301141385617981</v>
      </c>
      <c r="AH72">
        <v>-2.0429609734479499E-2</v>
      </c>
      <c r="AI72">
        <v>-1.7764474298185041E-2</v>
      </c>
      <c r="AJ72">
        <v>5.0445008151978124E-3</v>
      </c>
      <c r="AK72">
        <v>8.5495741151370608E-4</v>
      </c>
      <c r="AL72">
        <v>2783.1686397806061</v>
      </c>
      <c r="AM72">
        <v>5272.1203820229457</v>
      </c>
      <c r="AN72">
        <v>211657</v>
      </c>
      <c r="AO72">
        <v>117.12232453242559</v>
      </c>
      <c r="AP72">
        <v>2428.6583392116659</v>
      </c>
      <c r="AQ72">
        <v>1.0136175251628179</v>
      </c>
      <c r="AR72">
        <v>3.9875666074600349</v>
      </c>
      <c r="AS72">
        <v>1682</v>
      </c>
      <c r="AT72">
        <v>251.5375962107756</v>
      </c>
      <c r="AU72">
        <v>2.1788040260509178E-2</v>
      </c>
      <c r="AV72">
        <v>-2.043166541742315E-2</v>
      </c>
      <c r="AW72">
        <v>0.37892243931320307</v>
      </c>
      <c r="AX72">
        <v>85.490521327014221</v>
      </c>
      <c r="AY72">
        <v>63</v>
      </c>
      <c r="AZ72">
        <v>126</v>
      </c>
      <c r="BA72">
        <v>0.58307575794147126</v>
      </c>
      <c r="BB72">
        <v>0.50029603315571347</v>
      </c>
      <c r="BC72">
        <v>5.287128307423087</v>
      </c>
      <c r="BD72" t="s">
        <v>334</v>
      </c>
      <c r="BE72" t="s">
        <v>68</v>
      </c>
    </row>
    <row r="73" spans="1:57" x14ac:dyDescent="0.3">
      <c r="A73" t="s">
        <v>335</v>
      </c>
      <c r="B73">
        <v>1113</v>
      </c>
      <c r="C73" t="s">
        <v>336</v>
      </c>
      <c r="D73" t="s">
        <v>337</v>
      </c>
      <c r="E73" t="s">
        <v>66</v>
      </c>
      <c r="F73">
        <v>72</v>
      </c>
      <c r="G73">
        <v>115.2916666666667</v>
      </c>
      <c r="H73">
        <v>106.5</v>
      </c>
      <c r="I73">
        <v>6423.067708333333</v>
      </c>
      <c r="J73">
        <v>80.144043498773712</v>
      </c>
      <c r="K73">
        <v>9.7929215199188444E-2</v>
      </c>
      <c r="L73">
        <v>-1.418699697295565</v>
      </c>
      <c r="M73">
        <v>5.8921472236645389</v>
      </c>
      <c r="N73">
        <v>2</v>
      </c>
      <c r="O73">
        <v>1</v>
      </c>
      <c r="P73">
        <v>1</v>
      </c>
      <c r="Q73">
        <v>0.36779852422552839</v>
      </c>
      <c r="R73">
        <v>4.0841252355271811</v>
      </c>
      <c r="S73">
        <v>2</v>
      </c>
      <c r="T73">
        <v>1</v>
      </c>
      <c r="U73">
        <v>1</v>
      </c>
      <c r="V73">
        <v>0.16776575221435111</v>
      </c>
      <c r="W73">
        <v>4.2236293316576567</v>
      </c>
      <c r="X73">
        <v>2</v>
      </c>
      <c r="Y73">
        <v>1</v>
      </c>
      <c r="Z73">
        <v>1</v>
      </c>
      <c r="AA73">
        <v>0.11951030798891769</v>
      </c>
      <c r="AB73">
        <v>4.2286910368905044</v>
      </c>
      <c r="AC73">
        <v>1</v>
      </c>
      <c r="AD73">
        <v>1</v>
      </c>
      <c r="AE73">
        <v>0</v>
      </c>
      <c r="AF73">
        <v>0</v>
      </c>
      <c r="AG73">
        <v>4.2341065045972579</v>
      </c>
      <c r="AH73">
        <v>0.22320626567718951</v>
      </c>
      <c r="AI73">
        <v>9.8545986607936176E-2</v>
      </c>
      <c r="AJ73">
        <v>-6.5562141548130393E-2</v>
      </c>
      <c r="AK73">
        <v>8.0660569694439341E-2</v>
      </c>
      <c r="AL73">
        <v>704.41753048179373</v>
      </c>
      <c r="AM73">
        <v>960.88133645624066</v>
      </c>
      <c r="AN73">
        <v>8301</v>
      </c>
      <c r="AO73">
        <v>47</v>
      </c>
      <c r="AP73">
        <v>562.2033589746942</v>
      </c>
      <c r="AQ73">
        <v>1.319444444444444</v>
      </c>
      <c r="AR73">
        <v>3.6527777777777781</v>
      </c>
      <c r="AS73">
        <v>72</v>
      </c>
      <c r="AT73">
        <v>7.222222222222225</v>
      </c>
      <c r="AU73">
        <v>0.13208168642951251</v>
      </c>
      <c r="AV73">
        <v>0.22515435893194541</v>
      </c>
      <c r="AW73">
        <v>0.31944444444444442</v>
      </c>
      <c r="AX73">
        <v>81.112676056338032</v>
      </c>
      <c r="AY73">
        <v>71</v>
      </c>
      <c r="AZ73">
        <v>141.5</v>
      </c>
      <c r="BA73">
        <v>0.69514168556941414</v>
      </c>
      <c r="BB73">
        <v>0.4861111111111111</v>
      </c>
      <c r="BC73">
        <v>3.9624310944981769</v>
      </c>
      <c r="BD73" t="s">
        <v>338</v>
      </c>
      <c r="BE73" t="s">
        <v>68</v>
      </c>
    </row>
    <row r="74" spans="1:57" x14ac:dyDescent="0.3">
      <c r="A74" t="s">
        <v>339</v>
      </c>
      <c r="B74">
        <v>2011</v>
      </c>
      <c r="C74" t="s">
        <v>340</v>
      </c>
      <c r="D74" t="s">
        <v>341</v>
      </c>
      <c r="E74" t="s">
        <v>128</v>
      </c>
      <c r="F74">
        <v>32</v>
      </c>
      <c r="G74">
        <v>125.53125</v>
      </c>
      <c r="H74">
        <v>127</v>
      </c>
      <c r="I74">
        <v>5259.5615234375</v>
      </c>
      <c r="J74">
        <v>72.522834496712136</v>
      </c>
      <c r="K74">
        <v>-5.9836300573609877E-2</v>
      </c>
      <c r="L74">
        <v>-1.0976120560874441</v>
      </c>
      <c r="M74">
        <v>4.9375</v>
      </c>
      <c r="N74">
        <v>2</v>
      </c>
      <c r="O74">
        <v>1</v>
      </c>
      <c r="P74">
        <v>1</v>
      </c>
      <c r="Q74">
        <v>0.1766846959694085</v>
      </c>
      <c r="R74">
        <v>3.422414204014729</v>
      </c>
      <c r="S74">
        <v>1</v>
      </c>
      <c r="T74">
        <v>1</v>
      </c>
      <c r="U74">
        <v>0</v>
      </c>
      <c r="V74">
        <v>0</v>
      </c>
      <c r="W74">
        <v>3.4339872044851458</v>
      </c>
      <c r="X74">
        <v>1</v>
      </c>
      <c r="Y74">
        <v>1</v>
      </c>
      <c r="Z74">
        <v>0</v>
      </c>
      <c r="AA74">
        <v>0</v>
      </c>
      <c r="AB74">
        <v>3.401197381662155</v>
      </c>
      <c r="AC74">
        <v>1</v>
      </c>
      <c r="AD74">
        <v>1</v>
      </c>
      <c r="AE74">
        <v>0</v>
      </c>
      <c r="AF74">
        <v>0</v>
      </c>
      <c r="AG74">
        <v>3.3672958299864728</v>
      </c>
      <c r="AH74">
        <v>7.6222966830684663E-2</v>
      </c>
      <c r="AI74">
        <v>0.19738547921744459</v>
      </c>
      <c r="AJ74">
        <v>-8.2233446535522822E-2</v>
      </c>
      <c r="AK74">
        <v>-0.14231935708236729</v>
      </c>
      <c r="AL74">
        <v>501.68557098270281</v>
      </c>
      <c r="AM74">
        <v>648.75001955125947</v>
      </c>
      <c r="AN74">
        <v>4017</v>
      </c>
      <c r="AO74">
        <v>220.14073442012361</v>
      </c>
      <c r="AP74">
        <v>371.06633835353182</v>
      </c>
      <c r="AQ74">
        <v>1.65625</v>
      </c>
      <c r="AR74">
        <v>4</v>
      </c>
      <c r="AS74">
        <v>32</v>
      </c>
      <c r="AT74">
        <v>0.93749999999999978</v>
      </c>
      <c r="AU74">
        <v>8.2250000000000045E-2</v>
      </c>
      <c r="AV74">
        <v>7.8311923662687757E-2</v>
      </c>
      <c r="AW74">
        <v>0.375</v>
      </c>
      <c r="AX74">
        <v>79.903225806451616</v>
      </c>
      <c r="AY74">
        <v>51.5</v>
      </c>
      <c r="AZ74">
        <v>101</v>
      </c>
      <c r="BA74">
        <v>0.57772733480079375</v>
      </c>
      <c r="BB74">
        <v>0.5</v>
      </c>
      <c r="BC74">
        <v>3.3892680315457948</v>
      </c>
      <c r="BD74" t="s">
        <v>342</v>
      </c>
      <c r="BE74" t="s">
        <v>62</v>
      </c>
    </row>
    <row r="75" spans="1:57" x14ac:dyDescent="0.3">
      <c r="A75" t="s">
        <v>343</v>
      </c>
      <c r="B75">
        <v>145</v>
      </c>
      <c r="C75" t="s">
        <v>344</v>
      </c>
      <c r="D75" t="s">
        <v>345</v>
      </c>
      <c r="E75" t="s">
        <v>60</v>
      </c>
      <c r="F75">
        <v>256</v>
      </c>
      <c r="G75">
        <v>124.73046875</v>
      </c>
      <c r="H75">
        <v>120</v>
      </c>
      <c r="I75">
        <v>5123.4937591552734</v>
      </c>
      <c r="J75">
        <v>71.578584500919504</v>
      </c>
      <c r="K75">
        <v>0.12057632001104759</v>
      </c>
      <c r="L75">
        <v>-1.103055613083386</v>
      </c>
      <c r="M75">
        <v>7.1844993907402017</v>
      </c>
      <c r="N75">
        <v>5</v>
      </c>
      <c r="O75">
        <v>1</v>
      </c>
      <c r="P75">
        <v>4</v>
      </c>
      <c r="Q75">
        <v>0.83516554479336258</v>
      </c>
      <c r="R75">
        <v>4.9799154964262158</v>
      </c>
      <c r="S75">
        <v>1</v>
      </c>
      <c r="T75">
        <v>1</v>
      </c>
      <c r="U75">
        <v>0</v>
      </c>
      <c r="V75">
        <v>0</v>
      </c>
      <c r="W75">
        <v>5.541263545158424</v>
      </c>
      <c r="X75">
        <v>1</v>
      </c>
      <c r="Y75">
        <v>1</v>
      </c>
      <c r="Z75">
        <v>0</v>
      </c>
      <c r="AA75">
        <v>0</v>
      </c>
      <c r="AB75">
        <v>5.5373342670185366</v>
      </c>
      <c r="AC75">
        <v>1</v>
      </c>
      <c r="AD75">
        <v>1</v>
      </c>
      <c r="AE75">
        <v>0</v>
      </c>
      <c r="AF75">
        <v>0</v>
      </c>
      <c r="AG75">
        <v>5.5333894887275203</v>
      </c>
      <c r="AH75">
        <v>1.6309404632131291E-2</v>
      </c>
      <c r="AI75">
        <v>-3.8216218180907577E-2</v>
      </c>
      <c r="AJ75">
        <v>6.6520449590496314E-2</v>
      </c>
      <c r="AK75">
        <v>-0.1149886648861453</v>
      </c>
      <c r="AL75">
        <v>1151.7317991755619</v>
      </c>
      <c r="AM75">
        <v>1991.9580474417189</v>
      </c>
      <c r="AN75">
        <v>31931</v>
      </c>
      <c r="AO75">
        <v>141.70849038137391</v>
      </c>
      <c r="AP75">
        <v>992.28375290297254</v>
      </c>
      <c r="AQ75">
        <v>1.08984375</v>
      </c>
      <c r="AR75">
        <v>4.015625</v>
      </c>
      <c r="AS75">
        <v>255</v>
      </c>
      <c r="AT75">
        <v>73.28125</v>
      </c>
      <c r="AU75">
        <v>4.8621323529411731E-2</v>
      </c>
      <c r="AV75">
        <v>1.637515199039161E-2</v>
      </c>
      <c r="AW75">
        <v>0.41796875</v>
      </c>
      <c r="AX75">
        <v>84.431372549019613</v>
      </c>
      <c r="AY75">
        <v>59</v>
      </c>
      <c r="AZ75">
        <v>117.25</v>
      </c>
      <c r="BA75">
        <v>0.57386607473099471</v>
      </c>
      <c r="BB75">
        <v>0.4765625</v>
      </c>
      <c r="BC75">
        <v>4.8044995021467773</v>
      </c>
      <c r="BD75" t="s">
        <v>346</v>
      </c>
      <c r="BE75" t="s">
        <v>62</v>
      </c>
    </row>
    <row r="76" spans="1:57" x14ac:dyDescent="0.3">
      <c r="A76" t="s">
        <v>347</v>
      </c>
      <c r="B76">
        <v>3981</v>
      </c>
      <c r="C76" t="s">
        <v>348</v>
      </c>
      <c r="D76" t="s">
        <v>349</v>
      </c>
      <c r="E76" t="s">
        <v>128</v>
      </c>
      <c r="F76">
        <v>32</v>
      </c>
      <c r="G76">
        <v>132.125</v>
      </c>
      <c r="H76">
        <v>132.5</v>
      </c>
      <c r="I76">
        <v>2623.359375</v>
      </c>
      <c r="J76">
        <v>51.218740466747128</v>
      </c>
      <c r="K76">
        <v>-0.49896173034941987</v>
      </c>
      <c r="L76">
        <v>-1.4529486326885889E-2</v>
      </c>
      <c r="M76">
        <v>4.9375</v>
      </c>
      <c r="N76">
        <v>2</v>
      </c>
      <c r="O76">
        <v>1</v>
      </c>
      <c r="P76">
        <v>1</v>
      </c>
      <c r="Q76">
        <v>0.17668469596940839</v>
      </c>
      <c r="R76">
        <v>3.422414204014729</v>
      </c>
      <c r="S76">
        <v>1</v>
      </c>
      <c r="T76">
        <v>1</v>
      </c>
      <c r="U76">
        <v>0</v>
      </c>
      <c r="V76">
        <v>0</v>
      </c>
      <c r="W76">
        <v>3.4339872044851458</v>
      </c>
      <c r="X76">
        <v>1</v>
      </c>
      <c r="Y76">
        <v>1</v>
      </c>
      <c r="Z76">
        <v>0</v>
      </c>
      <c r="AA76">
        <v>0</v>
      </c>
      <c r="AB76">
        <v>3.401197381662155</v>
      </c>
      <c r="AC76">
        <v>1</v>
      </c>
      <c r="AD76">
        <v>1</v>
      </c>
      <c r="AE76">
        <v>0</v>
      </c>
      <c r="AF76">
        <v>0</v>
      </c>
      <c r="AG76">
        <v>3.3672958299864728</v>
      </c>
      <c r="AH76">
        <v>-5.6359815658596137E-2</v>
      </c>
      <c r="AI76">
        <v>0.1165977992197504</v>
      </c>
      <c r="AJ76">
        <v>-0.16270083236546651</v>
      </c>
      <c r="AK76">
        <v>0.13958686976979659</v>
      </c>
      <c r="AL76">
        <v>379.39847597357692</v>
      </c>
      <c r="AM76">
        <v>706.13652817916682</v>
      </c>
      <c r="AN76">
        <v>4228</v>
      </c>
      <c r="AO76">
        <v>11.708341189856389</v>
      </c>
      <c r="AP76">
        <v>233.3422545587201</v>
      </c>
      <c r="AQ76">
        <v>1.71875</v>
      </c>
      <c r="AR76">
        <v>4.125</v>
      </c>
      <c r="AS76">
        <v>31</v>
      </c>
      <c r="AT76">
        <v>0.93749999999999989</v>
      </c>
      <c r="AU76">
        <v>0.24733744394618831</v>
      </c>
      <c r="AV76">
        <v>-5.6609707382560027E-2</v>
      </c>
      <c r="AW76">
        <v>0.375</v>
      </c>
      <c r="AX76">
        <v>58.064516129032263</v>
      </c>
      <c r="AY76">
        <v>29.5</v>
      </c>
      <c r="AZ76">
        <v>54.75</v>
      </c>
      <c r="BA76">
        <v>0.38765366483819957</v>
      </c>
      <c r="BB76">
        <v>0.5</v>
      </c>
      <c r="BC76">
        <v>3.25511051272774</v>
      </c>
      <c r="BD76" t="s">
        <v>350</v>
      </c>
      <c r="BE76" t="s">
        <v>62</v>
      </c>
    </row>
    <row r="77" spans="1:57" x14ac:dyDescent="0.3">
      <c r="A77" t="s">
        <v>351</v>
      </c>
      <c r="B77">
        <v>141</v>
      </c>
      <c r="C77" t="s">
        <v>352</v>
      </c>
      <c r="D77" t="s">
        <v>353</v>
      </c>
      <c r="E77" t="s">
        <v>60</v>
      </c>
      <c r="F77">
        <v>256</v>
      </c>
      <c r="G77">
        <v>129.30078125</v>
      </c>
      <c r="H77">
        <v>123.5</v>
      </c>
      <c r="I77">
        <v>5806.1009368896484</v>
      </c>
      <c r="J77">
        <v>76.197775143961053</v>
      </c>
      <c r="K77">
        <v>-3.0057261787541381E-2</v>
      </c>
      <c r="L77">
        <v>-1.244054480195935</v>
      </c>
      <c r="M77">
        <v>7.109950634588154</v>
      </c>
      <c r="N77">
        <v>4</v>
      </c>
      <c r="O77">
        <v>1</v>
      </c>
      <c r="P77">
        <v>3</v>
      </c>
      <c r="Q77">
        <v>0.87634609255364049</v>
      </c>
      <c r="R77">
        <v>4.9282422362851728</v>
      </c>
      <c r="S77">
        <v>1</v>
      </c>
      <c r="T77">
        <v>1</v>
      </c>
      <c r="U77">
        <v>0</v>
      </c>
      <c r="V77">
        <v>0</v>
      </c>
      <c r="W77">
        <v>5.541263545158424</v>
      </c>
      <c r="X77">
        <v>1</v>
      </c>
      <c r="Y77">
        <v>1</v>
      </c>
      <c r="Z77">
        <v>0</v>
      </c>
      <c r="AA77">
        <v>0</v>
      </c>
      <c r="AB77">
        <v>5.5373342670185366</v>
      </c>
      <c r="AC77">
        <v>1</v>
      </c>
      <c r="AD77">
        <v>1</v>
      </c>
      <c r="AE77">
        <v>0</v>
      </c>
      <c r="AF77">
        <v>0</v>
      </c>
      <c r="AG77">
        <v>5.5333894887275203</v>
      </c>
      <c r="AH77">
        <v>-5.2005740600812422E-2</v>
      </c>
      <c r="AI77">
        <v>-9.7075411756560124E-4</v>
      </c>
      <c r="AJ77">
        <v>-2.305911373868744E-2</v>
      </c>
      <c r="AK77">
        <v>-6.103195597585538E-3</v>
      </c>
      <c r="AL77">
        <v>1198.059988282457</v>
      </c>
      <c r="AM77">
        <v>2081.1052987479129</v>
      </c>
      <c r="AN77">
        <v>33101</v>
      </c>
      <c r="AO77">
        <v>108.4978951200045</v>
      </c>
      <c r="AP77">
        <v>985.73819096271131</v>
      </c>
      <c r="AQ77">
        <v>1.08984375</v>
      </c>
      <c r="AR77">
        <v>3.93359375</v>
      </c>
      <c r="AS77">
        <v>255</v>
      </c>
      <c r="AT77">
        <v>73.945312499999986</v>
      </c>
      <c r="AU77">
        <v>3.4405637254901977E-2</v>
      </c>
      <c r="AV77">
        <v>-5.2008727094546632E-2</v>
      </c>
      <c r="AW77">
        <v>0.37890625</v>
      </c>
      <c r="AX77">
        <v>92.325490196078434</v>
      </c>
      <c r="AY77">
        <v>69</v>
      </c>
      <c r="AZ77">
        <v>136</v>
      </c>
      <c r="BA77">
        <v>0.58930637856421342</v>
      </c>
      <c r="BB77">
        <v>0.4921875</v>
      </c>
      <c r="BC77">
        <v>4.8562938621505776</v>
      </c>
      <c r="BD77" t="s">
        <v>354</v>
      </c>
      <c r="BE77" t="s">
        <v>62</v>
      </c>
    </row>
    <row r="78" spans="1:57" x14ac:dyDescent="0.3">
      <c r="A78" t="s">
        <v>355</v>
      </c>
      <c r="B78">
        <v>3101</v>
      </c>
      <c r="C78" t="s">
        <v>356</v>
      </c>
      <c r="D78" t="s">
        <v>357</v>
      </c>
      <c r="E78" t="s">
        <v>128</v>
      </c>
      <c r="F78">
        <v>32</v>
      </c>
      <c r="G78">
        <v>118.0625</v>
      </c>
      <c r="H78">
        <v>111.5</v>
      </c>
      <c r="I78">
        <v>4972.55859375</v>
      </c>
      <c r="J78">
        <v>70.516371104517276</v>
      </c>
      <c r="K78">
        <v>0.2273130267942679</v>
      </c>
      <c r="L78">
        <v>-0.6817774177546525</v>
      </c>
      <c r="M78">
        <v>4.9375</v>
      </c>
      <c r="N78">
        <v>2</v>
      </c>
      <c r="O78">
        <v>1</v>
      </c>
      <c r="P78">
        <v>1</v>
      </c>
      <c r="Q78">
        <v>0.1766846959694085</v>
      </c>
      <c r="R78">
        <v>3.422414204014729</v>
      </c>
      <c r="S78">
        <v>1</v>
      </c>
      <c r="T78">
        <v>1</v>
      </c>
      <c r="U78">
        <v>0</v>
      </c>
      <c r="V78">
        <v>0</v>
      </c>
      <c r="W78">
        <v>3.4339872044851458</v>
      </c>
      <c r="X78">
        <v>1</v>
      </c>
      <c r="Y78">
        <v>1</v>
      </c>
      <c r="Z78">
        <v>0</v>
      </c>
      <c r="AA78">
        <v>0</v>
      </c>
      <c r="AB78">
        <v>3.401197381662155</v>
      </c>
      <c r="AC78">
        <v>1</v>
      </c>
      <c r="AD78">
        <v>1</v>
      </c>
      <c r="AE78">
        <v>0</v>
      </c>
      <c r="AF78">
        <v>0</v>
      </c>
      <c r="AG78">
        <v>3.3672958299864728</v>
      </c>
      <c r="AH78">
        <v>3.1271210157308667E-2</v>
      </c>
      <c r="AI78">
        <v>-0.14989380192069759</v>
      </c>
      <c r="AJ78">
        <v>8.8681508867024098E-2</v>
      </c>
      <c r="AK78">
        <v>-0.1138241619042008</v>
      </c>
      <c r="AL78">
        <v>463.8534412631185</v>
      </c>
      <c r="AM78">
        <v>624.50138913245235</v>
      </c>
      <c r="AN78">
        <v>3778</v>
      </c>
      <c r="AO78">
        <v>67.871071157992802</v>
      </c>
      <c r="AP78">
        <v>288.98954398463633</v>
      </c>
      <c r="AQ78">
        <v>1.65625</v>
      </c>
      <c r="AR78">
        <v>3.78125</v>
      </c>
      <c r="AS78">
        <v>32</v>
      </c>
      <c r="AT78">
        <v>0.93749999999999978</v>
      </c>
      <c r="AU78">
        <v>0.15474397590361441</v>
      </c>
      <c r="AV78">
        <v>3.2014915496433378E-2</v>
      </c>
      <c r="AW78">
        <v>0.4375</v>
      </c>
      <c r="AX78">
        <v>78.741935483870961</v>
      </c>
      <c r="AY78">
        <v>39.5</v>
      </c>
      <c r="AZ78">
        <v>77.5</v>
      </c>
      <c r="BA78">
        <v>0.59728000935536074</v>
      </c>
      <c r="BB78">
        <v>0.40625</v>
      </c>
      <c r="BC78">
        <v>3.2998296856670919</v>
      </c>
      <c r="BD78" t="s">
        <v>358</v>
      </c>
      <c r="BE78" t="s">
        <v>62</v>
      </c>
    </row>
    <row r="79" spans="1:57" x14ac:dyDescent="0.3">
      <c r="A79" t="s">
        <v>359</v>
      </c>
      <c r="B79">
        <v>848</v>
      </c>
      <c r="C79" t="s">
        <v>360</v>
      </c>
      <c r="D79" t="s">
        <v>361</v>
      </c>
      <c r="E79" t="s">
        <v>115</v>
      </c>
      <c r="F79">
        <v>886</v>
      </c>
      <c r="G79">
        <v>123.6907449209932</v>
      </c>
      <c r="H79">
        <v>123.5</v>
      </c>
      <c r="I79">
        <v>5534.3535712283883</v>
      </c>
      <c r="J79">
        <v>74.393236058316404</v>
      </c>
      <c r="K79">
        <v>5.4090301143183563E-2</v>
      </c>
      <c r="L79">
        <v>-1.1986651630691729</v>
      </c>
      <c r="M79">
        <v>7.7888193147777214</v>
      </c>
      <c r="N79">
        <v>11</v>
      </c>
      <c r="O79">
        <v>1</v>
      </c>
      <c r="P79">
        <v>10</v>
      </c>
      <c r="Q79">
        <v>1.8212183396546919</v>
      </c>
      <c r="R79">
        <v>5.3987981479290212</v>
      </c>
      <c r="S79">
        <v>2</v>
      </c>
      <c r="T79">
        <v>1</v>
      </c>
      <c r="U79">
        <v>1</v>
      </c>
      <c r="V79">
        <v>6.7228571600276274E-2</v>
      </c>
      <c r="W79">
        <v>6.7793219077825304</v>
      </c>
      <c r="X79">
        <v>1</v>
      </c>
      <c r="Y79">
        <v>1</v>
      </c>
      <c r="Z79">
        <v>0</v>
      </c>
      <c r="AA79">
        <v>0</v>
      </c>
      <c r="AB79">
        <v>6.7844570626376459</v>
      </c>
      <c r="AC79">
        <v>1</v>
      </c>
      <c r="AD79">
        <v>1</v>
      </c>
      <c r="AE79">
        <v>0</v>
      </c>
      <c r="AF79">
        <v>0</v>
      </c>
      <c r="AG79">
        <v>6.7833252006039606</v>
      </c>
      <c r="AH79">
        <v>1.771361126570738E-2</v>
      </c>
      <c r="AI79">
        <v>8.8871155765987645E-3</v>
      </c>
      <c r="AJ79">
        <v>1.7811518136597489E-2</v>
      </c>
      <c r="AK79">
        <v>2.007513509546727E-2</v>
      </c>
      <c r="AL79">
        <v>2098.892019369649</v>
      </c>
      <c r="AM79">
        <v>3748.780907311922</v>
      </c>
      <c r="AN79">
        <v>109590</v>
      </c>
      <c r="AO79">
        <v>47.116665052747223</v>
      </c>
      <c r="AP79">
        <v>1895.8246459118141</v>
      </c>
      <c r="AQ79">
        <v>1.0259593679458241</v>
      </c>
      <c r="AR79">
        <v>3.9221218961625279</v>
      </c>
      <c r="AS79">
        <v>882</v>
      </c>
      <c r="AT79">
        <v>235.85101580135441</v>
      </c>
      <c r="AU79">
        <v>3.7308015757092888E-2</v>
      </c>
      <c r="AV79">
        <v>1.773942502318333E-2</v>
      </c>
      <c r="AW79">
        <v>0.36568848758465011</v>
      </c>
      <c r="AX79">
        <v>84.774011299435031</v>
      </c>
      <c r="AY79">
        <v>65.5</v>
      </c>
      <c r="AZ79">
        <v>130.75</v>
      </c>
      <c r="BA79">
        <v>0.60144545257476356</v>
      </c>
      <c r="BB79">
        <v>0.5</v>
      </c>
      <c r="BC79">
        <v>5.197673746363547</v>
      </c>
      <c r="BD79" t="s">
        <v>362</v>
      </c>
      <c r="BE79" t="s">
        <v>68</v>
      </c>
    </row>
    <row r="80" spans="1:57" x14ac:dyDescent="0.3">
      <c r="A80" t="s">
        <v>363</v>
      </c>
      <c r="B80">
        <v>2676</v>
      </c>
      <c r="C80" t="s">
        <v>364</v>
      </c>
      <c r="D80" t="s">
        <v>365</v>
      </c>
      <c r="E80" t="s">
        <v>10622</v>
      </c>
      <c r="F80">
        <v>64</v>
      </c>
      <c r="G80">
        <v>126.203125</v>
      </c>
      <c r="H80">
        <v>126.5</v>
      </c>
      <c r="I80">
        <v>4159.474365234375</v>
      </c>
      <c r="J80">
        <v>64.493987047122275</v>
      </c>
      <c r="K80">
        <v>8.5215663060869015E-2</v>
      </c>
      <c r="L80">
        <v>-0.86887240941100075</v>
      </c>
      <c r="M80">
        <v>5.8125</v>
      </c>
      <c r="N80">
        <v>2</v>
      </c>
      <c r="O80">
        <v>1</v>
      </c>
      <c r="P80">
        <v>1</v>
      </c>
      <c r="Q80">
        <v>0.30454347814923621</v>
      </c>
      <c r="R80">
        <v>4.0289179870046823</v>
      </c>
      <c r="S80">
        <v>1</v>
      </c>
      <c r="T80">
        <v>1</v>
      </c>
      <c r="U80">
        <v>0</v>
      </c>
      <c r="V80">
        <v>0</v>
      </c>
      <c r="W80">
        <v>4.1431347263915326</v>
      </c>
      <c r="X80">
        <v>1</v>
      </c>
      <c r="Y80">
        <v>1</v>
      </c>
      <c r="Z80">
        <v>0</v>
      </c>
      <c r="AA80">
        <v>0</v>
      </c>
      <c r="AB80">
        <v>4.1271343850450908</v>
      </c>
      <c r="AC80">
        <v>1</v>
      </c>
      <c r="AD80">
        <v>1</v>
      </c>
      <c r="AE80">
        <v>0</v>
      </c>
      <c r="AF80">
        <v>0</v>
      </c>
      <c r="AG80">
        <v>4.1108738641733096</v>
      </c>
      <c r="AH80">
        <v>6.2084551732863258E-2</v>
      </c>
      <c r="AI80">
        <v>-7.0731034802241938E-2</v>
      </c>
      <c r="AJ80">
        <v>-0.32736687434301881</v>
      </c>
      <c r="AK80">
        <v>6.2802817019831952E-2</v>
      </c>
      <c r="AL80">
        <v>567.18963662452074</v>
      </c>
      <c r="AM80">
        <v>981.75603695915413</v>
      </c>
      <c r="AN80">
        <v>8077</v>
      </c>
      <c r="AO80">
        <v>52.780413282613473</v>
      </c>
      <c r="AP80">
        <v>424.5609998446331</v>
      </c>
      <c r="AQ80">
        <v>1.359375</v>
      </c>
      <c r="AR80">
        <v>3.890625</v>
      </c>
      <c r="AS80">
        <v>64</v>
      </c>
      <c r="AT80">
        <v>4.8750000000000018</v>
      </c>
      <c r="AU80">
        <v>9.9555335968379399E-2</v>
      </c>
      <c r="AV80">
        <v>6.291529433730321E-2</v>
      </c>
      <c r="AW80">
        <v>0.4375</v>
      </c>
      <c r="AX80">
        <v>71.571428571428569</v>
      </c>
      <c r="AY80">
        <v>50</v>
      </c>
      <c r="AZ80">
        <v>100.75</v>
      </c>
      <c r="BA80">
        <v>0.51103320180956113</v>
      </c>
      <c r="BB80">
        <v>0.5</v>
      </c>
      <c r="BC80">
        <v>3.8321574069335611</v>
      </c>
      <c r="BD80" t="s">
        <v>366</v>
      </c>
      <c r="BE80" t="s">
        <v>62</v>
      </c>
    </row>
    <row r="81" spans="1:57" x14ac:dyDescent="0.3">
      <c r="A81" t="s">
        <v>367</v>
      </c>
      <c r="B81">
        <v>1420</v>
      </c>
      <c r="C81" t="s">
        <v>368</v>
      </c>
      <c r="D81" t="s">
        <v>369</v>
      </c>
      <c r="E81" t="s">
        <v>10622</v>
      </c>
      <c r="F81">
        <v>64</v>
      </c>
      <c r="G81">
        <v>120.046875</v>
      </c>
      <c r="H81">
        <v>118</v>
      </c>
      <c r="I81">
        <v>6288.482177734375</v>
      </c>
      <c r="J81">
        <v>79.299950679268235</v>
      </c>
      <c r="K81">
        <v>0.14003831292742669</v>
      </c>
      <c r="L81">
        <v>-1.3318518843796869</v>
      </c>
      <c r="M81">
        <v>5.78125</v>
      </c>
      <c r="N81">
        <v>2</v>
      </c>
      <c r="O81">
        <v>1</v>
      </c>
      <c r="P81">
        <v>1</v>
      </c>
      <c r="Q81">
        <v>0.32821556024332821</v>
      </c>
      <c r="R81">
        <v>4.0072571376121839</v>
      </c>
      <c r="S81">
        <v>1</v>
      </c>
      <c r="T81">
        <v>1</v>
      </c>
      <c r="U81">
        <v>0</v>
      </c>
      <c r="V81">
        <v>0</v>
      </c>
      <c r="W81">
        <v>4.1431347263915326</v>
      </c>
      <c r="X81">
        <v>1</v>
      </c>
      <c r="Y81">
        <v>1</v>
      </c>
      <c r="Z81">
        <v>0</v>
      </c>
      <c r="AA81">
        <v>0</v>
      </c>
      <c r="AB81">
        <v>4.1271343850450908</v>
      </c>
      <c r="AC81">
        <v>1</v>
      </c>
      <c r="AD81">
        <v>1</v>
      </c>
      <c r="AE81">
        <v>0</v>
      </c>
      <c r="AF81">
        <v>0</v>
      </c>
      <c r="AG81">
        <v>4.1108738641733096</v>
      </c>
      <c r="AH81">
        <v>5.3235380429902238E-2</v>
      </c>
      <c r="AI81">
        <v>5.4609414803143908E-2</v>
      </c>
      <c r="AJ81">
        <v>8.4028727995397706E-2</v>
      </c>
      <c r="AK81">
        <v>9.318350508313597E-2</v>
      </c>
      <c r="AL81">
        <v>683.98850992342341</v>
      </c>
      <c r="AM81">
        <v>925.71200612973303</v>
      </c>
      <c r="AN81">
        <v>7683</v>
      </c>
      <c r="AO81">
        <v>134.3375101273441</v>
      </c>
      <c r="AP81">
        <v>541.45784105293637</v>
      </c>
      <c r="AQ81">
        <v>1.359375</v>
      </c>
      <c r="AR81">
        <v>3.90625</v>
      </c>
      <c r="AS81">
        <v>64</v>
      </c>
      <c r="AT81">
        <v>5.46875</v>
      </c>
      <c r="AU81">
        <v>0.10125000000000001</v>
      </c>
      <c r="AV81">
        <v>5.3946220309073367E-2</v>
      </c>
      <c r="AW81">
        <v>0.390625</v>
      </c>
      <c r="AX81">
        <v>88.031746031746039</v>
      </c>
      <c r="AY81">
        <v>76.5</v>
      </c>
      <c r="AZ81">
        <v>158</v>
      </c>
      <c r="BA81">
        <v>0.6605748852626796</v>
      </c>
      <c r="BB81">
        <v>0.46875</v>
      </c>
      <c r="BC81">
        <v>3.8267637867178341</v>
      </c>
      <c r="BD81" t="s">
        <v>370</v>
      </c>
      <c r="BE81" t="s">
        <v>62</v>
      </c>
    </row>
    <row r="82" spans="1:57" x14ac:dyDescent="0.3">
      <c r="A82" t="s">
        <v>371</v>
      </c>
      <c r="B82">
        <v>618</v>
      </c>
      <c r="C82" t="s">
        <v>372</v>
      </c>
      <c r="D82" t="s">
        <v>373</v>
      </c>
      <c r="E82" t="s">
        <v>115</v>
      </c>
      <c r="F82">
        <v>640</v>
      </c>
      <c r="G82">
        <v>123.81093749999999</v>
      </c>
      <c r="H82">
        <v>119.5</v>
      </c>
      <c r="I82">
        <v>5509.3314428710937</v>
      </c>
      <c r="J82">
        <v>74.224870783795197</v>
      </c>
      <c r="K82">
        <v>9.7903863926867438E-2</v>
      </c>
      <c r="L82">
        <v>-1.229486844575119</v>
      </c>
      <c r="M82">
        <v>7.6925526733309146</v>
      </c>
      <c r="N82">
        <v>10</v>
      </c>
      <c r="O82">
        <v>1</v>
      </c>
      <c r="P82">
        <v>9</v>
      </c>
      <c r="Q82">
        <v>1.3860918581390469</v>
      </c>
      <c r="R82">
        <v>5.3320711968282017</v>
      </c>
      <c r="S82">
        <v>2</v>
      </c>
      <c r="T82">
        <v>1</v>
      </c>
      <c r="U82">
        <v>1</v>
      </c>
      <c r="V82">
        <v>6.8518108709122394E-2</v>
      </c>
      <c r="W82">
        <v>6.4533960301469264</v>
      </c>
      <c r="X82">
        <v>1</v>
      </c>
      <c r="Y82">
        <v>1</v>
      </c>
      <c r="Z82">
        <v>0</v>
      </c>
      <c r="AA82">
        <v>0</v>
      </c>
      <c r="AB82">
        <v>6.4583382833447898</v>
      </c>
      <c r="AC82">
        <v>1</v>
      </c>
      <c r="AD82">
        <v>1</v>
      </c>
      <c r="AE82">
        <v>0</v>
      </c>
      <c r="AF82">
        <v>0</v>
      </c>
      <c r="AG82">
        <v>6.4567696555721614</v>
      </c>
      <c r="AH82">
        <v>4.2080661020149748E-2</v>
      </c>
      <c r="AI82">
        <v>-0.1020060012417547</v>
      </c>
      <c r="AJ82">
        <v>-2.4091502498984591E-2</v>
      </c>
      <c r="AK82">
        <v>6.1201259450353117E-2</v>
      </c>
      <c r="AL82">
        <v>1791.7234960368121</v>
      </c>
      <c r="AM82">
        <v>3182.193255248591</v>
      </c>
      <c r="AN82">
        <v>79239</v>
      </c>
      <c r="AO82">
        <v>173.80193217496679</v>
      </c>
      <c r="AP82">
        <v>1513.4856447402119</v>
      </c>
      <c r="AQ82">
        <v>1.0359375</v>
      </c>
      <c r="AR82">
        <v>4</v>
      </c>
      <c r="AS82">
        <v>637</v>
      </c>
      <c r="AT82">
        <v>164.375</v>
      </c>
      <c r="AU82">
        <v>4.8774509803921617E-2</v>
      </c>
      <c r="AV82">
        <v>4.2114756060087973E-2</v>
      </c>
      <c r="AW82">
        <v>0.4</v>
      </c>
      <c r="AX82">
        <v>84.143974960876363</v>
      </c>
      <c r="AY82">
        <v>64.5</v>
      </c>
      <c r="AZ82">
        <v>130.25</v>
      </c>
      <c r="BA82">
        <v>0.59950172644315214</v>
      </c>
      <c r="BB82">
        <v>0.47968749999999999</v>
      </c>
      <c r="BC82">
        <v>5.1044004358669568</v>
      </c>
      <c r="BD82" t="s">
        <v>374</v>
      </c>
      <c r="BE82" t="s">
        <v>62</v>
      </c>
    </row>
    <row r="83" spans="1:57" x14ac:dyDescent="0.3">
      <c r="A83" t="s">
        <v>375</v>
      </c>
      <c r="B83">
        <v>1069</v>
      </c>
      <c r="C83" t="s">
        <v>376</v>
      </c>
      <c r="D83" t="s">
        <v>377</v>
      </c>
      <c r="E83" t="s">
        <v>66</v>
      </c>
      <c r="F83">
        <v>71</v>
      </c>
      <c r="G83">
        <v>113.91549295774649</v>
      </c>
      <c r="H83">
        <v>102</v>
      </c>
      <c r="I83">
        <v>5812.4717317992436</v>
      </c>
      <c r="J83">
        <v>76.239568019495252</v>
      </c>
      <c r="K83">
        <v>0.13061555712829481</v>
      </c>
      <c r="L83">
        <v>-1.2548142228342669</v>
      </c>
      <c r="M83">
        <v>5.8574247603192759</v>
      </c>
      <c r="N83">
        <v>3</v>
      </c>
      <c r="O83">
        <v>1</v>
      </c>
      <c r="P83">
        <v>2</v>
      </c>
      <c r="Q83">
        <v>0.41212475704841101</v>
      </c>
      <c r="R83">
        <v>4.0600574579573241</v>
      </c>
      <c r="S83">
        <v>1</v>
      </c>
      <c r="T83">
        <v>1</v>
      </c>
      <c r="U83">
        <v>0</v>
      </c>
      <c r="V83">
        <v>0</v>
      </c>
      <c r="W83">
        <v>4.2484952420493576</v>
      </c>
      <c r="X83">
        <v>1</v>
      </c>
      <c r="Y83">
        <v>1</v>
      </c>
      <c r="Z83">
        <v>0</v>
      </c>
      <c r="AA83">
        <v>0</v>
      </c>
      <c r="AB83">
        <v>4.2341065045972579</v>
      </c>
      <c r="AC83">
        <v>1</v>
      </c>
      <c r="AD83">
        <v>1</v>
      </c>
      <c r="AE83">
        <v>0</v>
      </c>
      <c r="AF83">
        <v>0</v>
      </c>
      <c r="AG83">
        <v>4.2195077051761087</v>
      </c>
      <c r="AH83">
        <v>9.4597648891910927E-2</v>
      </c>
      <c r="AI83">
        <v>0.1161192213664566</v>
      </c>
      <c r="AJ83">
        <v>-4.5161886578404802E-2</v>
      </c>
      <c r="AK83">
        <v>2.0907710628373519E-2</v>
      </c>
      <c r="AL83">
        <v>686.77390391924735</v>
      </c>
      <c r="AM83">
        <v>928.6418065624207</v>
      </c>
      <c r="AN83">
        <v>8088</v>
      </c>
      <c r="AO83">
        <v>22.067012925546798</v>
      </c>
      <c r="AP83">
        <v>530.07947785815202</v>
      </c>
      <c r="AQ83">
        <v>1.323943661971831</v>
      </c>
      <c r="AR83">
        <v>3.802816901408451</v>
      </c>
      <c r="AS83">
        <v>71</v>
      </c>
      <c r="AT83">
        <v>8.9014084507042295</v>
      </c>
      <c r="AU83">
        <v>0.1137337861159049</v>
      </c>
      <c r="AV83">
        <v>9.5653599129000372E-2</v>
      </c>
      <c r="AW83">
        <v>0.40845070422535212</v>
      </c>
      <c r="AX83">
        <v>84.814285714285717</v>
      </c>
      <c r="AY83">
        <v>69</v>
      </c>
      <c r="AZ83">
        <v>135</v>
      </c>
      <c r="BA83">
        <v>0.66926425932049494</v>
      </c>
      <c r="BB83">
        <v>0.49295774647887319</v>
      </c>
      <c r="BC83">
        <v>4.0082240648548959</v>
      </c>
      <c r="BD83" t="s">
        <v>378</v>
      </c>
      <c r="BE83" t="s">
        <v>68</v>
      </c>
    </row>
    <row r="84" spans="1:57" x14ac:dyDescent="0.3">
      <c r="A84" t="s">
        <v>379</v>
      </c>
      <c r="B84">
        <v>2097</v>
      </c>
      <c r="C84" t="s">
        <v>380</v>
      </c>
      <c r="D84" t="s">
        <v>381</v>
      </c>
      <c r="E84" t="s">
        <v>10622</v>
      </c>
      <c r="F84">
        <v>64</v>
      </c>
      <c r="G84">
        <v>130.09375</v>
      </c>
      <c r="H84">
        <v>131</v>
      </c>
      <c r="I84">
        <v>5754.9912109375</v>
      </c>
      <c r="J84">
        <v>75.861658371917372</v>
      </c>
      <c r="K84">
        <v>2.2328257223544609E-3</v>
      </c>
      <c r="L84">
        <v>-1.1546010489708081</v>
      </c>
      <c r="M84">
        <v>5.90625</v>
      </c>
      <c r="N84">
        <v>2</v>
      </c>
      <c r="O84">
        <v>1</v>
      </c>
      <c r="P84">
        <v>1</v>
      </c>
      <c r="Q84">
        <v>0.2162443599716872</v>
      </c>
      <c r="R84">
        <v>4.0939005351821782</v>
      </c>
      <c r="S84">
        <v>1</v>
      </c>
      <c r="T84">
        <v>1</v>
      </c>
      <c r="U84">
        <v>0</v>
      </c>
      <c r="V84">
        <v>0</v>
      </c>
      <c r="W84">
        <v>4.1431347263915326</v>
      </c>
      <c r="X84">
        <v>1</v>
      </c>
      <c r="Y84">
        <v>1</v>
      </c>
      <c r="Z84">
        <v>0</v>
      </c>
      <c r="AA84">
        <v>0</v>
      </c>
      <c r="AB84">
        <v>4.1271343850450908</v>
      </c>
      <c r="AC84">
        <v>1</v>
      </c>
      <c r="AD84">
        <v>1</v>
      </c>
      <c r="AE84">
        <v>0</v>
      </c>
      <c r="AF84">
        <v>0</v>
      </c>
      <c r="AG84">
        <v>4.1108738641733096</v>
      </c>
      <c r="AH84">
        <v>-4.5832946405557268E-2</v>
      </c>
      <c r="AI84">
        <v>-8.937304612962492E-2</v>
      </c>
      <c r="AJ84">
        <v>-5.6355752186748223E-2</v>
      </c>
      <c r="AK84">
        <v>-0.14398310268549161</v>
      </c>
      <c r="AL84">
        <v>667.20632820621654</v>
      </c>
      <c r="AM84">
        <v>1003.152887451149</v>
      </c>
      <c r="AN84">
        <v>8326</v>
      </c>
      <c r="AO84">
        <v>23.05485829063629</v>
      </c>
      <c r="AP84">
        <v>562.44067742018456</v>
      </c>
      <c r="AQ84">
        <v>1.359375</v>
      </c>
      <c r="AR84">
        <v>4.0625</v>
      </c>
      <c r="AS84">
        <v>64</v>
      </c>
      <c r="AT84">
        <v>2.71875</v>
      </c>
      <c r="AU84">
        <v>5.4166666666666703E-2</v>
      </c>
      <c r="AV84">
        <v>-4.7168356567305537E-2</v>
      </c>
      <c r="AW84">
        <v>0.375</v>
      </c>
      <c r="AX84">
        <v>88.841269841269835</v>
      </c>
      <c r="AY84">
        <v>62.5</v>
      </c>
      <c r="AZ84">
        <v>117</v>
      </c>
      <c r="BA84">
        <v>0.58313069130467354</v>
      </c>
      <c r="BB84">
        <v>0.5</v>
      </c>
      <c r="BC84">
        <v>3.9587918211102049</v>
      </c>
      <c r="BD84" t="s">
        <v>382</v>
      </c>
      <c r="BE84" t="s">
        <v>62</v>
      </c>
    </row>
    <row r="85" spans="1:57" x14ac:dyDescent="0.3">
      <c r="A85" t="s">
        <v>383</v>
      </c>
      <c r="B85">
        <v>3566</v>
      </c>
      <c r="C85" t="s">
        <v>384</v>
      </c>
      <c r="D85" t="s">
        <v>385</v>
      </c>
      <c r="E85" t="s">
        <v>128</v>
      </c>
      <c r="F85">
        <v>32</v>
      </c>
      <c r="G85">
        <v>128.75</v>
      </c>
      <c r="H85">
        <v>104</v>
      </c>
      <c r="I85">
        <v>7211</v>
      </c>
      <c r="J85">
        <v>84.917607125966526</v>
      </c>
      <c r="K85">
        <v>0.1256940088864428</v>
      </c>
      <c r="L85">
        <v>-1.4537408883856759</v>
      </c>
      <c r="M85">
        <v>4.9375</v>
      </c>
      <c r="N85">
        <v>2</v>
      </c>
      <c r="O85">
        <v>1</v>
      </c>
      <c r="P85">
        <v>1</v>
      </c>
      <c r="Q85">
        <v>0.17668469596940839</v>
      </c>
      <c r="R85">
        <v>3.422414204014729</v>
      </c>
      <c r="S85">
        <v>1</v>
      </c>
      <c r="T85">
        <v>1</v>
      </c>
      <c r="U85">
        <v>0</v>
      </c>
      <c r="V85">
        <v>0</v>
      </c>
      <c r="W85">
        <v>3.4339872044851458</v>
      </c>
      <c r="X85">
        <v>1</v>
      </c>
      <c r="Y85">
        <v>1</v>
      </c>
      <c r="Z85">
        <v>0</v>
      </c>
      <c r="AA85">
        <v>0</v>
      </c>
      <c r="AB85">
        <v>3.401197381662155</v>
      </c>
      <c r="AC85">
        <v>1</v>
      </c>
      <c r="AD85">
        <v>1</v>
      </c>
      <c r="AE85">
        <v>0</v>
      </c>
      <c r="AF85">
        <v>0</v>
      </c>
      <c r="AG85">
        <v>3.3672958299864728</v>
      </c>
      <c r="AH85">
        <v>7.3243948048120927E-2</v>
      </c>
      <c r="AI85">
        <v>-0.4698664583622244</v>
      </c>
      <c r="AJ85">
        <v>-7.3317349362085702E-3</v>
      </c>
      <c r="AK85">
        <v>-0.1384803815351546</v>
      </c>
      <c r="AL85">
        <v>524.32266016830249</v>
      </c>
      <c r="AM85">
        <v>697.34335017553212</v>
      </c>
      <c r="AN85">
        <v>4120</v>
      </c>
      <c r="AO85">
        <v>49.468112525041377</v>
      </c>
      <c r="AP85">
        <v>343.10951745546049</v>
      </c>
      <c r="AQ85">
        <v>1.71875</v>
      </c>
      <c r="AR85">
        <v>4.34375</v>
      </c>
      <c r="AS85">
        <v>31</v>
      </c>
      <c r="AT85">
        <v>0.9375</v>
      </c>
      <c r="AU85">
        <v>0.1583498023715415</v>
      </c>
      <c r="AV85">
        <v>7.4996945705548324E-2</v>
      </c>
      <c r="AW85">
        <v>0.375</v>
      </c>
      <c r="AX85">
        <v>93.838709677419359</v>
      </c>
      <c r="AY85">
        <v>73</v>
      </c>
      <c r="AZ85">
        <v>162.25</v>
      </c>
      <c r="BA85">
        <v>0.65955423010459435</v>
      </c>
      <c r="BB85">
        <v>0.46875</v>
      </c>
      <c r="BC85">
        <v>3.3892680315457948</v>
      </c>
      <c r="BD85" t="s">
        <v>386</v>
      </c>
      <c r="BE85" t="s">
        <v>62</v>
      </c>
    </row>
    <row r="86" spans="1:57" x14ac:dyDescent="0.3">
      <c r="A86" t="s">
        <v>387</v>
      </c>
      <c r="B86">
        <v>3818</v>
      </c>
      <c r="C86" t="s">
        <v>388</v>
      </c>
      <c r="D86" t="s">
        <v>389</v>
      </c>
      <c r="E86" t="s">
        <v>85</v>
      </c>
      <c r="F86">
        <v>8</v>
      </c>
      <c r="G86">
        <v>125.625</v>
      </c>
      <c r="H86">
        <v>140</v>
      </c>
      <c r="I86">
        <v>2364.734375</v>
      </c>
      <c r="J86">
        <v>48.628534575905121</v>
      </c>
      <c r="K86">
        <v>-1.005808401215929</v>
      </c>
      <c r="L86">
        <v>0.27698641865104362</v>
      </c>
      <c r="M86">
        <v>3</v>
      </c>
      <c r="N86">
        <v>1</v>
      </c>
      <c r="O86">
        <v>1</v>
      </c>
      <c r="P86">
        <v>0</v>
      </c>
      <c r="Q86">
        <v>0</v>
      </c>
      <c r="R86">
        <v>2.0794415416798362</v>
      </c>
      <c r="S86">
        <v>1</v>
      </c>
      <c r="T86">
        <v>1</v>
      </c>
      <c r="U86">
        <v>0</v>
      </c>
      <c r="V86">
        <v>0</v>
      </c>
      <c r="W86">
        <v>1.945910149055313</v>
      </c>
      <c r="X86">
        <v>1</v>
      </c>
      <c r="Y86">
        <v>1</v>
      </c>
      <c r="Z86">
        <v>0</v>
      </c>
      <c r="AA86">
        <v>0</v>
      </c>
      <c r="AB86">
        <v>1.791759469228055</v>
      </c>
      <c r="AC86">
        <v>1</v>
      </c>
      <c r="AD86">
        <v>1</v>
      </c>
      <c r="AE86">
        <v>0</v>
      </c>
      <c r="AF86">
        <v>0</v>
      </c>
      <c r="AG86">
        <v>1.6094379124341009</v>
      </c>
      <c r="AH86">
        <v>0.1378449944827313</v>
      </c>
      <c r="AI86">
        <v>-0.55428562933204706</v>
      </c>
      <c r="AJ86">
        <v>0.29893932986659438</v>
      </c>
      <c r="AK86">
        <v>0</v>
      </c>
      <c r="AL86">
        <v>244.1932478243815</v>
      </c>
      <c r="AM86">
        <v>292.47334531026962</v>
      </c>
      <c r="AN86">
        <v>1005</v>
      </c>
      <c r="AO86">
        <v>13</v>
      </c>
      <c r="AP86">
        <v>146.7828042610374</v>
      </c>
      <c r="AQ86">
        <v>3.5</v>
      </c>
      <c r="AR86">
        <v>3.875</v>
      </c>
      <c r="AS86">
        <v>8</v>
      </c>
      <c r="AT86">
        <v>0</v>
      </c>
      <c r="AU86">
        <v>0.30743243243243251</v>
      </c>
      <c r="AV86">
        <v>0.1725725302181077</v>
      </c>
      <c r="AW86">
        <v>0.25</v>
      </c>
      <c r="AX86">
        <v>55.428571428571431</v>
      </c>
      <c r="AY86">
        <v>32.5</v>
      </c>
      <c r="AZ86">
        <v>49.25</v>
      </c>
      <c r="BA86">
        <v>0.38709281254451838</v>
      </c>
      <c r="BB86">
        <v>0.625</v>
      </c>
      <c r="BC86">
        <v>1.945910149055313</v>
      </c>
      <c r="BD86" t="s">
        <v>388</v>
      </c>
      <c r="BE86" t="s">
        <v>68</v>
      </c>
    </row>
    <row r="87" spans="1:57" x14ac:dyDescent="0.3">
      <c r="A87" t="s">
        <v>390</v>
      </c>
      <c r="B87">
        <v>1734</v>
      </c>
      <c r="C87" t="s">
        <v>391</v>
      </c>
      <c r="D87" t="s">
        <v>392</v>
      </c>
      <c r="E87" t="s">
        <v>93</v>
      </c>
      <c r="F87">
        <v>1734</v>
      </c>
      <c r="G87">
        <v>130.15628604382931</v>
      </c>
      <c r="H87">
        <v>134</v>
      </c>
      <c r="I87">
        <v>5291.5447788247529</v>
      </c>
      <c r="J87">
        <v>72.743005016460188</v>
      </c>
      <c r="K87">
        <v>-7.6259606881261932E-2</v>
      </c>
      <c r="L87">
        <v>-1.1491763320764821</v>
      </c>
      <c r="M87">
        <v>7.8827614109831439</v>
      </c>
      <c r="N87">
        <v>15</v>
      </c>
      <c r="O87">
        <v>1</v>
      </c>
      <c r="P87">
        <v>14</v>
      </c>
      <c r="Q87">
        <v>2.7062278975714049</v>
      </c>
      <c r="R87">
        <v>5.4639138470497048</v>
      </c>
      <c r="S87">
        <v>2</v>
      </c>
      <c r="T87">
        <v>1</v>
      </c>
      <c r="U87">
        <v>1</v>
      </c>
      <c r="V87">
        <v>0.1176693923487365</v>
      </c>
      <c r="W87">
        <v>7.4384107526891343</v>
      </c>
      <c r="X87">
        <v>1</v>
      </c>
      <c r="Y87">
        <v>1</v>
      </c>
      <c r="Z87">
        <v>0</v>
      </c>
      <c r="AA87">
        <v>0</v>
      </c>
      <c r="AB87">
        <v>7.4570320891223787</v>
      </c>
      <c r="AC87">
        <v>1</v>
      </c>
      <c r="AD87">
        <v>1</v>
      </c>
      <c r="AE87">
        <v>0</v>
      </c>
      <c r="AF87">
        <v>0</v>
      </c>
      <c r="AG87">
        <v>7.456454555176208</v>
      </c>
      <c r="AH87">
        <v>1.7898400906841919E-2</v>
      </c>
      <c r="AI87">
        <v>-5.7892639569086047E-3</v>
      </c>
      <c r="AJ87">
        <v>-5.921217532563236E-3</v>
      </c>
      <c r="AK87">
        <v>-5.0081709648498521E-2</v>
      </c>
      <c r="AL87">
        <v>2838.210133297709</v>
      </c>
      <c r="AM87">
        <v>5522.2463037468906</v>
      </c>
      <c r="AN87">
        <v>225691</v>
      </c>
      <c r="AO87">
        <v>62.089125759750139</v>
      </c>
      <c r="AP87">
        <v>2567.8946546708048</v>
      </c>
      <c r="AQ87">
        <v>1.013264129181084</v>
      </c>
      <c r="AR87">
        <v>4.0017301038062287</v>
      </c>
      <c r="AS87">
        <v>1728</v>
      </c>
      <c r="AT87">
        <v>276.79584775086511</v>
      </c>
      <c r="AU87">
        <v>3.3564013840830409E-2</v>
      </c>
      <c r="AV87">
        <v>1.7903003309229941E-2</v>
      </c>
      <c r="AW87">
        <v>0.35697808535178782</v>
      </c>
      <c r="AX87">
        <v>82.294864396999429</v>
      </c>
      <c r="AY87">
        <v>61.5</v>
      </c>
      <c r="AZ87">
        <v>121</v>
      </c>
      <c r="BA87">
        <v>0.55888967968834369</v>
      </c>
      <c r="BB87">
        <v>0.50807381776239913</v>
      </c>
      <c r="BC87">
        <v>5.2495699867834968</v>
      </c>
      <c r="BD87" t="s">
        <v>393</v>
      </c>
      <c r="BE87" t="s">
        <v>68</v>
      </c>
    </row>
    <row r="88" spans="1:57" x14ac:dyDescent="0.3">
      <c r="A88" t="s">
        <v>394</v>
      </c>
      <c r="B88">
        <v>892</v>
      </c>
      <c r="C88" t="s">
        <v>395</v>
      </c>
      <c r="D88" t="s">
        <v>396</v>
      </c>
      <c r="E88" t="s">
        <v>106</v>
      </c>
      <c r="F88">
        <v>906</v>
      </c>
      <c r="G88">
        <v>131.121412803532</v>
      </c>
      <c r="H88">
        <v>135</v>
      </c>
      <c r="I88">
        <v>5559.0691441408517</v>
      </c>
      <c r="J88">
        <v>74.559165393269069</v>
      </c>
      <c r="K88">
        <v>-8.0514595818454757E-2</v>
      </c>
      <c r="L88">
        <v>-1.2265349017888589</v>
      </c>
      <c r="M88">
        <v>7.771007537019714</v>
      </c>
      <c r="N88">
        <v>9</v>
      </c>
      <c r="O88">
        <v>1</v>
      </c>
      <c r="P88">
        <v>8</v>
      </c>
      <c r="Q88">
        <v>1.8252015126869341</v>
      </c>
      <c r="R88">
        <v>5.3864519643952944</v>
      </c>
      <c r="S88">
        <v>2</v>
      </c>
      <c r="T88">
        <v>1</v>
      </c>
      <c r="U88">
        <v>1</v>
      </c>
      <c r="V88">
        <v>7.4328267556998062E-2</v>
      </c>
      <c r="W88">
        <v>6.800275858831859</v>
      </c>
      <c r="X88">
        <v>1</v>
      </c>
      <c r="Y88">
        <v>1</v>
      </c>
      <c r="Z88">
        <v>0</v>
      </c>
      <c r="AA88">
        <v>0</v>
      </c>
      <c r="AB88">
        <v>6.8068293603921788</v>
      </c>
      <c r="AC88">
        <v>1</v>
      </c>
      <c r="AD88">
        <v>1</v>
      </c>
      <c r="AE88">
        <v>0</v>
      </c>
      <c r="AF88">
        <v>0</v>
      </c>
      <c r="AG88">
        <v>6.8057225534169881</v>
      </c>
      <c r="AH88">
        <v>5.2251267402882544E-3</v>
      </c>
      <c r="AI88">
        <v>-2.741514399361396E-3</v>
      </c>
      <c r="AJ88">
        <v>3.1581636168965373E-2</v>
      </c>
      <c r="AK88">
        <v>-5.8662696292205562E-3</v>
      </c>
      <c r="AL88">
        <v>2125.505418174077</v>
      </c>
      <c r="AM88">
        <v>4011.9126009065349</v>
      </c>
      <c r="AN88">
        <v>118796</v>
      </c>
      <c r="AO88">
        <v>182.0711421971971</v>
      </c>
      <c r="AP88">
        <v>1836.8345053842679</v>
      </c>
      <c r="AQ88">
        <v>1.0253863134657839</v>
      </c>
      <c r="AR88">
        <v>3.9856512141280351</v>
      </c>
      <c r="AS88">
        <v>902</v>
      </c>
      <c r="AT88">
        <v>226.15011037527589</v>
      </c>
      <c r="AU88">
        <v>4.1124529281911459E-2</v>
      </c>
      <c r="AV88">
        <v>5.2353148914673232E-3</v>
      </c>
      <c r="AW88">
        <v>0.34768211920529801</v>
      </c>
      <c r="AX88">
        <v>85.159116022099454</v>
      </c>
      <c r="AY88">
        <v>66</v>
      </c>
      <c r="AZ88">
        <v>130</v>
      </c>
      <c r="BA88">
        <v>0.56862692217163691</v>
      </c>
      <c r="BB88">
        <v>0.50993377483443714</v>
      </c>
      <c r="BC88">
        <v>5.2167510812625277</v>
      </c>
      <c r="BD88" t="s">
        <v>397</v>
      </c>
      <c r="BE88" t="s">
        <v>68</v>
      </c>
    </row>
    <row r="89" spans="1:57" x14ac:dyDescent="0.3">
      <c r="A89" t="s">
        <v>398</v>
      </c>
      <c r="B89">
        <v>3952</v>
      </c>
      <c r="C89" t="s">
        <v>399</v>
      </c>
      <c r="D89" t="s">
        <v>400</v>
      </c>
      <c r="E89" t="s">
        <v>115</v>
      </c>
      <c r="F89">
        <v>4032</v>
      </c>
      <c r="G89">
        <v>130.0091765873016</v>
      </c>
      <c r="H89">
        <v>133</v>
      </c>
      <c r="I89">
        <v>5476.457009044213</v>
      </c>
      <c r="J89">
        <v>74.003087834523583</v>
      </c>
      <c r="K89">
        <v>-5.8615027570074162E-2</v>
      </c>
      <c r="L89">
        <v>-1.200305543102802</v>
      </c>
      <c r="M89">
        <v>7.9580877074653289</v>
      </c>
      <c r="N89">
        <v>29</v>
      </c>
      <c r="O89">
        <v>5</v>
      </c>
      <c r="P89">
        <v>24</v>
      </c>
      <c r="Q89">
        <v>3.788345615172934</v>
      </c>
      <c r="R89">
        <v>5.516126057078349</v>
      </c>
      <c r="S89">
        <v>4</v>
      </c>
      <c r="T89">
        <v>1</v>
      </c>
      <c r="U89">
        <v>3</v>
      </c>
      <c r="V89">
        <v>0.17902550377145471</v>
      </c>
      <c r="W89">
        <v>8.260241154925172</v>
      </c>
      <c r="X89">
        <v>2</v>
      </c>
      <c r="Y89">
        <v>1</v>
      </c>
      <c r="Z89">
        <v>1</v>
      </c>
      <c r="AA89">
        <v>1.5752426560061979E-2</v>
      </c>
      <c r="AB89">
        <v>8.3011776613027344</v>
      </c>
      <c r="AC89">
        <v>1</v>
      </c>
      <c r="AD89">
        <v>1</v>
      </c>
      <c r="AE89">
        <v>0</v>
      </c>
      <c r="AF89">
        <v>0</v>
      </c>
      <c r="AG89">
        <v>8.3012734851913486</v>
      </c>
      <c r="AH89">
        <v>1.90356091123377E-2</v>
      </c>
      <c r="AI89">
        <v>-2.7446576840915509E-3</v>
      </c>
      <c r="AJ89">
        <v>3.0261754202153369E-2</v>
      </c>
      <c r="AK89">
        <v>-1.04174880293787E-2</v>
      </c>
      <c r="AL89">
        <v>4300.2474417252679</v>
      </c>
      <c r="AM89">
        <v>8469.9095001030146</v>
      </c>
      <c r="AN89">
        <v>524197</v>
      </c>
      <c r="AO89">
        <v>136.85573734518709</v>
      </c>
      <c r="AP89">
        <v>3889.99824761233</v>
      </c>
      <c r="AQ89">
        <v>1.0057043650793649</v>
      </c>
      <c r="AR89">
        <v>4.0319940476190466</v>
      </c>
      <c r="AS89">
        <v>4013</v>
      </c>
      <c r="AT89">
        <v>233.26984126984129</v>
      </c>
      <c r="AU89">
        <v>2.4795751633986899E-2</v>
      </c>
      <c r="AV89">
        <v>1.9037914960770761E-2</v>
      </c>
      <c r="AW89">
        <v>0.35540674603174599</v>
      </c>
      <c r="AX89">
        <v>84.46588935747954</v>
      </c>
      <c r="AY89">
        <v>64</v>
      </c>
      <c r="AZ89">
        <v>128</v>
      </c>
      <c r="BA89">
        <v>0.56921434145712213</v>
      </c>
      <c r="BB89">
        <v>0.50694444444444442</v>
      </c>
      <c r="BC89">
        <v>5.3164472045988127</v>
      </c>
      <c r="BD89" t="s">
        <v>401</v>
      </c>
      <c r="BE89" t="s">
        <v>62</v>
      </c>
    </row>
    <row r="90" spans="1:57" x14ac:dyDescent="0.3">
      <c r="A90" t="s">
        <v>402</v>
      </c>
      <c r="B90">
        <v>2212</v>
      </c>
      <c r="C90" t="s">
        <v>403</v>
      </c>
      <c r="D90" t="s">
        <v>404</v>
      </c>
      <c r="E90" t="s">
        <v>72</v>
      </c>
      <c r="F90">
        <v>2216</v>
      </c>
      <c r="G90">
        <v>125.54783393501801</v>
      </c>
      <c r="H90">
        <v>125</v>
      </c>
      <c r="I90">
        <v>5542.2513220229639</v>
      </c>
      <c r="J90">
        <v>74.446298242578621</v>
      </c>
      <c r="K90">
        <v>3.1136219238714159E-2</v>
      </c>
      <c r="L90">
        <v>-1.2243635982670591</v>
      </c>
      <c r="M90">
        <v>7.9203070798383992</v>
      </c>
      <c r="N90">
        <v>18</v>
      </c>
      <c r="O90">
        <v>2</v>
      </c>
      <c r="P90">
        <v>16</v>
      </c>
      <c r="Q90">
        <v>2.8639393215464599</v>
      </c>
      <c r="R90">
        <v>5.489938521558952</v>
      </c>
      <c r="S90">
        <v>2</v>
      </c>
      <c r="T90">
        <v>1</v>
      </c>
      <c r="U90">
        <v>1</v>
      </c>
      <c r="V90">
        <v>0.11636779986353429</v>
      </c>
      <c r="W90">
        <v>7.6842316866175677</v>
      </c>
      <c r="X90">
        <v>1</v>
      </c>
      <c r="Y90">
        <v>1</v>
      </c>
      <c r="Z90">
        <v>0</v>
      </c>
      <c r="AA90">
        <v>0</v>
      </c>
      <c r="AB90">
        <v>7.7025561132685816</v>
      </c>
      <c r="AC90">
        <v>1</v>
      </c>
      <c r="AD90">
        <v>1</v>
      </c>
      <c r="AE90">
        <v>0</v>
      </c>
      <c r="AF90">
        <v>0</v>
      </c>
      <c r="AG90">
        <v>7.7021043400510507</v>
      </c>
      <c r="AH90">
        <v>9.6415055118102139E-3</v>
      </c>
      <c r="AI90">
        <v>8.4253996191011576E-3</v>
      </c>
      <c r="AJ90">
        <v>3.0215331279066591E-2</v>
      </c>
      <c r="AK90">
        <v>-4.1225125972970712E-2</v>
      </c>
      <c r="AL90">
        <v>3211.050657019468</v>
      </c>
      <c r="AM90">
        <v>6074.532712732298</v>
      </c>
      <c r="AN90">
        <v>278213.99999999988</v>
      </c>
      <c r="AO90">
        <v>119.4840019251502</v>
      </c>
      <c r="AP90">
        <v>2826.6321226515111</v>
      </c>
      <c r="AQ90">
        <v>1.0103790613718411</v>
      </c>
      <c r="AR90">
        <v>3.9972924187725631</v>
      </c>
      <c r="AS90">
        <v>2209</v>
      </c>
      <c r="AT90">
        <v>242.57039711191339</v>
      </c>
      <c r="AU90">
        <v>2.1982728109294251E-2</v>
      </c>
      <c r="AV90">
        <v>9.6502131606244403E-3</v>
      </c>
      <c r="AW90">
        <v>0.37003610108303248</v>
      </c>
      <c r="AX90">
        <v>85.586455981941313</v>
      </c>
      <c r="AY90">
        <v>65</v>
      </c>
      <c r="AZ90">
        <v>130</v>
      </c>
      <c r="BA90">
        <v>0.59297158628089974</v>
      </c>
      <c r="BB90">
        <v>0.49638989169675091</v>
      </c>
      <c r="BC90">
        <v>5.3020495853991854</v>
      </c>
      <c r="BD90" t="s">
        <v>405</v>
      </c>
      <c r="BE90" t="s">
        <v>68</v>
      </c>
    </row>
    <row r="91" spans="1:57" x14ac:dyDescent="0.3">
      <c r="A91" t="s">
        <v>406</v>
      </c>
      <c r="B91">
        <v>1957</v>
      </c>
      <c r="C91" t="s">
        <v>407</v>
      </c>
      <c r="D91" t="s">
        <v>408</v>
      </c>
      <c r="E91" t="s">
        <v>128</v>
      </c>
      <c r="F91">
        <v>32</v>
      </c>
      <c r="G91">
        <v>125.625</v>
      </c>
      <c r="H91">
        <v>129</v>
      </c>
      <c r="I91">
        <v>4752.984375</v>
      </c>
      <c r="J91">
        <v>68.941891292595102</v>
      </c>
      <c r="K91">
        <v>-9.2848174188496765E-2</v>
      </c>
      <c r="L91">
        <v>-1.3660147483954539</v>
      </c>
      <c r="M91">
        <v>4.9375</v>
      </c>
      <c r="N91">
        <v>2</v>
      </c>
      <c r="O91">
        <v>1</v>
      </c>
      <c r="P91">
        <v>1</v>
      </c>
      <c r="Q91">
        <v>0.1766846959694085</v>
      </c>
      <c r="R91">
        <v>3.422414204014729</v>
      </c>
      <c r="S91">
        <v>1</v>
      </c>
      <c r="T91">
        <v>1</v>
      </c>
      <c r="U91">
        <v>0</v>
      </c>
      <c r="V91">
        <v>0</v>
      </c>
      <c r="W91">
        <v>3.4339872044851458</v>
      </c>
      <c r="X91">
        <v>1</v>
      </c>
      <c r="Y91">
        <v>1</v>
      </c>
      <c r="Z91">
        <v>0</v>
      </c>
      <c r="AA91">
        <v>0</v>
      </c>
      <c r="AB91">
        <v>3.401197381662155</v>
      </c>
      <c r="AC91">
        <v>1</v>
      </c>
      <c r="AD91">
        <v>1</v>
      </c>
      <c r="AE91">
        <v>0</v>
      </c>
      <c r="AF91">
        <v>0</v>
      </c>
      <c r="AG91">
        <v>3.3672958299864728</v>
      </c>
      <c r="AH91">
        <v>2.3329811697255998E-2</v>
      </c>
      <c r="AI91">
        <v>-4.8587277401369533E-2</v>
      </c>
      <c r="AJ91">
        <v>-0.11626956829754991</v>
      </c>
      <c r="AK91">
        <v>0.19844419295771409</v>
      </c>
      <c r="AL91">
        <v>466.42455810535728</v>
      </c>
      <c r="AM91">
        <v>662.99029525040737</v>
      </c>
      <c r="AN91">
        <v>4020</v>
      </c>
      <c r="AO91">
        <v>107.11173475666681</v>
      </c>
      <c r="AP91">
        <v>352.12868653807777</v>
      </c>
      <c r="AQ91">
        <v>1.71875</v>
      </c>
      <c r="AR91">
        <v>3.875</v>
      </c>
      <c r="AS91">
        <v>32</v>
      </c>
      <c r="AT91">
        <v>0.93749999999999978</v>
      </c>
      <c r="AU91">
        <v>0.12758264462809921</v>
      </c>
      <c r="AV91">
        <v>2.399115824559012E-2</v>
      </c>
      <c r="AW91">
        <v>0.375</v>
      </c>
      <c r="AX91">
        <v>79.870967741935488</v>
      </c>
      <c r="AY91">
        <v>62.5</v>
      </c>
      <c r="AZ91">
        <v>119</v>
      </c>
      <c r="BA91">
        <v>0.54879117446841874</v>
      </c>
      <c r="BB91">
        <v>0.5</v>
      </c>
      <c r="BC91">
        <v>3.3445488586064429</v>
      </c>
      <c r="BD91" t="s">
        <v>409</v>
      </c>
      <c r="BE91" t="s">
        <v>62</v>
      </c>
    </row>
    <row r="92" spans="1:57" x14ac:dyDescent="0.3">
      <c r="A92" t="s">
        <v>410</v>
      </c>
      <c r="B92">
        <v>1093</v>
      </c>
      <c r="C92" t="s">
        <v>411</v>
      </c>
      <c r="D92" t="s">
        <v>412</v>
      </c>
      <c r="E92" t="s">
        <v>128</v>
      </c>
      <c r="F92">
        <v>32</v>
      </c>
      <c r="G92">
        <v>151.375</v>
      </c>
      <c r="H92">
        <v>150.5</v>
      </c>
      <c r="I92">
        <v>4234.796875</v>
      </c>
      <c r="J92">
        <v>65.07531694121819</v>
      </c>
      <c r="K92">
        <v>-0.33277183587987769</v>
      </c>
      <c r="L92">
        <v>-1.0444543865565541</v>
      </c>
      <c r="M92">
        <v>4.875</v>
      </c>
      <c r="N92">
        <v>2</v>
      </c>
      <c r="O92">
        <v>1</v>
      </c>
      <c r="P92">
        <v>1</v>
      </c>
      <c r="Q92">
        <v>0.24944382578492941</v>
      </c>
      <c r="R92">
        <v>3.3790925052297318</v>
      </c>
      <c r="S92">
        <v>1</v>
      </c>
      <c r="T92">
        <v>1</v>
      </c>
      <c r="U92">
        <v>0</v>
      </c>
      <c r="V92">
        <v>0</v>
      </c>
      <c r="W92">
        <v>3.4339872044851458</v>
      </c>
      <c r="X92">
        <v>1</v>
      </c>
      <c r="Y92">
        <v>1</v>
      </c>
      <c r="Z92">
        <v>0</v>
      </c>
      <c r="AA92">
        <v>0</v>
      </c>
      <c r="AB92">
        <v>3.401197381662155</v>
      </c>
      <c r="AC92">
        <v>1</v>
      </c>
      <c r="AD92">
        <v>1</v>
      </c>
      <c r="AE92">
        <v>0</v>
      </c>
      <c r="AF92">
        <v>0</v>
      </c>
      <c r="AG92">
        <v>3.3672958299864728</v>
      </c>
      <c r="AH92">
        <v>-0.33035096595542141</v>
      </c>
      <c r="AI92">
        <v>-1.40551033660853E-2</v>
      </c>
      <c r="AJ92">
        <v>0.2171115562287152</v>
      </c>
      <c r="AK92">
        <v>4.9163690333435407E-2</v>
      </c>
      <c r="AL92">
        <v>469.70716443664139</v>
      </c>
      <c r="AM92">
        <v>805.07712653937074</v>
      </c>
      <c r="AN92">
        <v>4844</v>
      </c>
      <c r="AO92">
        <v>87.53590984491079</v>
      </c>
      <c r="AP92">
        <v>312.53327448678903</v>
      </c>
      <c r="AQ92">
        <v>1.71875</v>
      </c>
      <c r="AR92">
        <v>4.0625</v>
      </c>
      <c r="AS92">
        <v>32</v>
      </c>
      <c r="AT92">
        <v>1.75</v>
      </c>
      <c r="AU92">
        <v>0.1170267489711934</v>
      </c>
      <c r="AV92">
        <v>-0.33487275073775419</v>
      </c>
      <c r="AW92">
        <v>0.3125</v>
      </c>
      <c r="AX92">
        <v>87.193548387096769</v>
      </c>
      <c r="AY92">
        <v>54</v>
      </c>
      <c r="AZ92">
        <v>99.25</v>
      </c>
      <c r="BA92">
        <v>0.4298947444506569</v>
      </c>
      <c r="BB92">
        <v>0.5</v>
      </c>
      <c r="BC92">
        <v>3.3445488586064429</v>
      </c>
      <c r="BD92" t="s">
        <v>413</v>
      </c>
      <c r="BE92" t="s">
        <v>62</v>
      </c>
    </row>
    <row r="93" spans="1:57" x14ac:dyDescent="0.3">
      <c r="A93" t="s">
        <v>414</v>
      </c>
      <c r="B93">
        <v>1240</v>
      </c>
      <c r="C93" t="s">
        <v>415</v>
      </c>
      <c r="D93" t="s">
        <v>416</v>
      </c>
      <c r="E93" t="s">
        <v>128</v>
      </c>
      <c r="F93">
        <v>32</v>
      </c>
      <c r="G93">
        <v>115.3125</v>
      </c>
      <c r="H93">
        <v>102.5</v>
      </c>
      <c r="I93">
        <v>5614.08984375</v>
      </c>
      <c r="J93">
        <v>74.927230322159915</v>
      </c>
      <c r="K93">
        <v>0.1702172320767609</v>
      </c>
      <c r="L93">
        <v>-1.143437207513643</v>
      </c>
      <c r="M93">
        <v>4.9375</v>
      </c>
      <c r="N93">
        <v>2</v>
      </c>
      <c r="O93">
        <v>1</v>
      </c>
      <c r="P93">
        <v>1</v>
      </c>
      <c r="Q93">
        <v>0.1766846959694085</v>
      </c>
      <c r="R93">
        <v>3.422414204014729</v>
      </c>
      <c r="S93">
        <v>1</v>
      </c>
      <c r="T93">
        <v>1</v>
      </c>
      <c r="U93">
        <v>0</v>
      </c>
      <c r="V93">
        <v>0</v>
      </c>
      <c r="W93">
        <v>3.4339872044851458</v>
      </c>
      <c r="X93">
        <v>1</v>
      </c>
      <c r="Y93">
        <v>1</v>
      </c>
      <c r="Z93">
        <v>0</v>
      </c>
      <c r="AA93">
        <v>0</v>
      </c>
      <c r="AB93">
        <v>3.401197381662155</v>
      </c>
      <c r="AC93">
        <v>1</v>
      </c>
      <c r="AD93">
        <v>1</v>
      </c>
      <c r="AE93">
        <v>0</v>
      </c>
      <c r="AF93">
        <v>0</v>
      </c>
      <c r="AG93">
        <v>3.3672958299864728</v>
      </c>
      <c r="AH93">
        <v>-0.1592552647252623</v>
      </c>
      <c r="AI93">
        <v>-0.31470557998952142</v>
      </c>
      <c r="AJ93">
        <v>-5.7064087671434942E-2</v>
      </c>
      <c r="AK93">
        <v>0.26063168875464698</v>
      </c>
      <c r="AL93">
        <v>487.09954565703481</v>
      </c>
      <c r="AM93">
        <v>606.5377421238602</v>
      </c>
      <c r="AN93">
        <v>3690</v>
      </c>
      <c r="AO93">
        <v>87.068144231816945</v>
      </c>
      <c r="AP93">
        <v>352.48927334898929</v>
      </c>
      <c r="AQ93">
        <v>1.65625</v>
      </c>
      <c r="AR93">
        <v>3.96875</v>
      </c>
      <c r="AS93">
        <v>32</v>
      </c>
      <c r="AT93">
        <v>0.93749999999999978</v>
      </c>
      <c r="AU93">
        <v>0.11661585365853661</v>
      </c>
      <c r="AV93">
        <v>-0.16131249001349299</v>
      </c>
      <c r="AW93">
        <v>0.34375</v>
      </c>
      <c r="AX93">
        <v>92.064516129032256</v>
      </c>
      <c r="AY93">
        <v>71</v>
      </c>
      <c r="AZ93">
        <v>120.75</v>
      </c>
      <c r="BA93">
        <v>0.64977543910816182</v>
      </c>
      <c r="BB93">
        <v>0.46875</v>
      </c>
      <c r="BC93">
        <v>3.3445488586064429</v>
      </c>
      <c r="BD93" t="s">
        <v>417</v>
      </c>
      <c r="BE93" t="s">
        <v>62</v>
      </c>
    </row>
    <row r="94" spans="1:57" x14ac:dyDescent="0.3">
      <c r="A94" t="s">
        <v>418</v>
      </c>
      <c r="B94">
        <v>1401</v>
      </c>
      <c r="C94" t="s">
        <v>419</v>
      </c>
      <c r="D94" t="s">
        <v>420</v>
      </c>
      <c r="E94" t="s">
        <v>106</v>
      </c>
      <c r="F94">
        <v>1411</v>
      </c>
      <c r="G94">
        <v>126.5464209780298</v>
      </c>
      <c r="H94">
        <v>123</v>
      </c>
      <c r="I94">
        <v>5390.9225438879794</v>
      </c>
      <c r="J94">
        <v>73.422902039404434</v>
      </c>
      <c r="K94">
        <v>4.9903614804152362E-2</v>
      </c>
      <c r="L94">
        <v>-1.1780415673291069</v>
      </c>
      <c r="M94">
        <v>7.8727809734296699</v>
      </c>
      <c r="N94">
        <v>13</v>
      </c>
      <c r="O94">
        <v>1</v>
      </c>
      <c r="P94">
        <v>12</v>
      </c>
      <c r="Q94">
        <v>2.241731357037275</v>
      </c>
      <c r="R94">
        <v>5.4569959348987531</v>
      </c>
      <c r="S94">
        <v>2</v>
      </c>
      <c r="T94">
        <v>1</v>
      </c>
      <c r="U94">
        <v>1</v>
      </c>
      <c r="V94">
        <v>9.9639748134040557E-2</v>
      </c>
      <c r="W94">
        <v>7.2375803585100318</v>
      </c>
      <c r="X94">
        <v>1</v>
      </c>
      <c r="Y94">
        <v>1</v>
      </c>
      <c r="Z94">
        <v>0</v>
      </c>
      <c r="AA94">
        <v>0</v>
      </c>
      <c r="AB94">
        <v>7.2506355118986807</v>
      </c>
      <c r="AC94">
        <v>1</v>
      </c>
      <c r="AD94">
        <v>1</v>
      </c>
      <c r="AE94">
        <v>0</v>
      </c>
      <c r="AF94">
        <v>0</v>
      </c>
      <c r="AG94">
        <v>7.2499255367179876</v>
      </c>
      <c r="AH94">
        <v>1.671723314579299E-2</v>
      </c>
      <c r="AI94">
        <v>1.8829276936787279E-2</v>
      </c>
      <c r="AJ94">
        <v>-3.3232874197730147E-2</v>
      </c>
      <c r="AK94">
        <v>1.2016191453908521E-2</v>
      </c>
      <c r="AL94">
        <v>2580.1734080251308</v>
      </c>
      <c r="AM94">
        <v>4852.3237922174967</v>
      </c>
      <c r="AN94">
        <v>178557</v>
      </c>
      <c r="AO94">
        <v>101.002490884013</v>
      </c>
      <c r="AP94">
        <v>2314.2049057232562</v>
      </c>
      <c r="AQ94">
        <v>1.016300496102055</v>
      </c>
      <c r="AR94">
        <v>4.0163004961020556</v>
      </c>
      <c r="AS94">
        <v>1404</v>
      </c>
      <c r="AT94">
        <v>231.5903614457832</v>
      </c>
      <c r="AU94">
        <v>2.0930781951334691E-2</v>
      </c>
      <c r="AV94">
        <v>1.6725778716576711E-2</v>
      </c>
      <c r="AW94">
        <v>0.39688164422395472</v>
      </c>
      <c r="AX94">
        <v>83.272340425531908</v>
      </c>
      <c r="AY94">
        <v>63</v>
      </c>
      <c r="AZ94">
        <v>127</v>
      </c>
      <c r="BA94">
        <v>0.58020528334145205</v>
      </c>
      <c r="BB94">
        <v>0.48759744861800142</v>
      </c>
      <c r="BC94">
        <v>5.2471321043928372</v>
      </c>
      <c r="BD94" t="s">
        <v>421</v>
      </c>
      <c r="BE94" t="s">
        <v>68</v>
      </c>
    </row>
    <row r="95" spans="1:57" x14ac:dyDescent="0.3">
      <c r="A95" t="s">
        <v>422</v>
      </c>
      <c r="B95">
        <v>1596</v>
      </c>
      <c r="C95" t="s">
        <v>423</v>
      </c>
      <c r="D95" t="s">
        <v>424</v>
      </c>
      <c r="E95" t="s">
        <v>85</v>
      </c>
      <c r="F95">
        <v>8</v>
      </c>
      <c r="G95">
        <v>119.25</v>
      </c>
      <c r="H95">
        <v>87.5</v>
      </c>
      <c r="I95">
        <v>7490.1875</v>
      </c>
      <c r="J95">
        <v>86.545869341060992</v>
      </c>
      <c r="K95">
        <v>0.29602257833861612</v>
      </c>
      <c r="L95">
        <v>-1.467669213707921</v>
      </c>
      <c r="M95">
        <v>3</v>
      </c>
      <c r="N95">
        <v>1</v>
      </c>
      <c r="O95">
        <v>1</v>
      </c>
      <c r="P95">
        <v>0</v>
      </c>
      <c r="Q95">
        <v>0</v>
      </c>
      <c r="R95">
        <v>2.0794415416798362</v>
      </c>
      <c r="S95">
        <v>1</v>
      </c>
      <c r="T95">
        <v>1</v>
      </c>
      <c r="U95">
        <v>0</v>
      </c>
      <c r="V95">
        <v>0</v>
      </c>
      <c r="W95">
        <v>1.945910149055313</v>
      </c>
      <c r="X95">
        <v>1</v>
      </c>
      <c r="Y95">
        <v>1</v>
      </c>
      <c r="Z95">
        <v>0</v>
      </c>
      <c r="AA95">
        <v>0</v>
      </c>
      <c r="AB95">
        <v>1.791759469228055</v>
      </c>
      <c r="AC95">
        <v>1</v>
      </c>
      <c r="AD95">
        <v>1</v>
      </c>
      <c r="AE95">
        <v>0</v>
      </c>
      <c r="AF95">
        <v>0</v>
      </c>
      <c r="AG95">
        <v>1.6094379124341009</v>
      </c>
      <c r="AH95">
        <v>0.47969739575945203</v>
      </c>
      <c r="AI95">
        <v>-0.14501264153934729</v>
      </c>
      <c r="AJ95">
        <v>-0.1074791602346403</v>
      </c>
      <c r="AK95">
        <v>0</v>
      </c>
      <c r="AL95">
        <v>307.85774790330669</v>
      </c>
      <c r="AM95">
        <v>280.90853859557927</v>
      </c>
      <c r="AN95">
        <v>954</v>
      </c>
      <c r="AO95">
        <v>32</v>
      </c>
      <c r="AP95">
        <v>225.19769092954749</v>
      </c>
      <c r="AQ95">
        <v>3.5</v>
      </c>
      <c r="AR95">
        <v>3.875</v>
      </c>
      <c r="AS95">
        <v>8</v>
      </c>
      <c r="AT95">
        <v>0</v>
      </c>
      <c r="AU95">
        <v>0.29033864541832671</v>
      </c>
      <c r="AV95">
        <v>0.49421918961163569</v>
      </c>
      <c r="AW95">
        <v>0.5</v>
      </c>
      <c r="AX95">
        <v>73.571428571428569</v>
      </c>
      <c r="AY95">
        <v>68</v>
      </c>
      <c r="AZ95">
        <v>153</v>
      </c>
      <c r="BA95">
        <v>0.72575152487262884</v>
      </c>
      <c r="BB95">
        <v>0.375</v>
      </c>
      <c r="BC95">
        <v>1.945910149055313</v>
      </c>
      <c r="BD95" t="s">
        <v>423</v>
      </c>
      <c r="BE95" t="s">
        <v>68</v>
      </c>
    </row>
    <row r="96" spans="1:57" x14ac:dyDescent="0.3">
      <c r="A96" t="s">
        <v>425</v>
      </c>
      <c r="B96">
        <v>2173</v>
      </c>
      <c r="C96" t="s">
        <v>426</v>
      </c>
      <c r="D96" t="s">
        <v>427</v>
      </c>
      <c r="E96" t="s">
        <v>10622</v>
      </c>
      <c r="F96">
        <v>64</v>
      </c>
      <c r="G96">
        <v>107.515625</v>
      </c>
      <c r="H96">
        <v>91.5</v>
      </c>
      <c r="I96">
        <v>4955.281005859375</v>
      </c>
      <c r="J96">
        <v>70.393756867064397</v>
      </c>
      <c r="K96">
        <v>0.30949032824367811</v>
      </c>
      <c r="L96">
        <v>-1.169000595214956</v>
      </c>
      <c r="M96">
        <v>5.8125</v>
      </c>
      <c r="N96">
        <v>2</v>
      </c>
      <c r="O96">
        <v>1</v>
      </c>
      <c r="P96">
        <v>1</v>
      </c>
      <c r="Q96">
        <v>0.30454347814923621</v>
      </c>
      <c r="R96">
        <v>4.0289179870046823</v>
      </c>
      <c r="S96">
        <v>1</v>
      </c>
      <c r="T96">
        <v>1</v>
      </c>
      <c r="U96">
        <v>0</v>
      </c>
      <c r="V96">
        <v>0</v>
      </c>
      <c r="W96">
        <v>4.1431347263915326</v>
      </c>
      <c r="X96">
        <v>1</v>
      </c>
      <c r="Y96">
        <v>1</v>
      </c>
      <c r="Z96">
        <v>0</v>
      </c>
      <c r="AA96">
        <v>0</v>
      </c>
      <c r="AB96">
        <v>4.1271343850450908</v>
      </c>
      <c r="AC96">
        <v>1</v>
      </c>
      <c r="AD96">
        <v>1</v>
      </c>
      <c r="AE96">
        <v>0</v>
      </c>
      <c r="AF96">
        <v>0</v>
      </c>
      <c r="AG96">
        <v>4.1108738641733096</v>
      </c>
      <c r="AH96">
        <v>-6.2677913395692161E-2</v>
      </c>
      <c r="AI96">
        <v>-5.356851181595787E-2</v>
      </c>
      <c r="AJ96">
        <v>-0.14186742147702761</v>
      </c>
      <c r="AK96">
        <v>-0.2216934829013455</v>
      </c>
      <c r="AL96">
        <v>615.47262331310003</v>
      </c>
      <c r="AM96">
        <v>823.49647840904015</v>
      </c>
      <c r="AN96">
        <v>6881</v>
      </c>
      <c r="AO96">
        <v>97.867640027201404</v>
      </c>
      <c r="AP96">
        <v>545.856949418878</v>
      </c>
      <c r="AQ96">
        <v>1.359375</v>
      </c>
      <c r="AR96">
        <v>3.890625</v>
      </c>
      <c r="AS96">
        <v>64</v>
      </c>
      <c r="AT96">
        <v>4.8750000000000018</v>
      </c>
      <c r="AU96">
        <v>0.1633982793522267</v>
      </c>
      <c r="AV96">
        <v>-6.3526771343461241E-2</v>
      </c>
      <c r="AW96">
        <v>0.46875</v>
      </c>
      <c r="AX96">
        <v>85.507936507936506</v>
      </c>
      <c r="AY96">
        <v>60.5</v>
      </c>
      <c r="AZ96">
        <v>118.75</v>
      </c>
      <c r="BA96">
        <v>0.65473048096092445</v>
      </c>
      <c r="BB96">
        <v>0.46875</v>
      </c>
      <c r="BC96">
        <v>3.9891020196004332</v>
      </c>
      <c r="BD96" t="s">
        <v>428</v>
      </c>
      <c r="BE96" t="s">
        <v>62</v>
      </c>
    </row>
    <row r="97" spans="1:57" x14ac:dyDescent="0.3">
      <c r="A97" t="s">
        <v>429</v>
      </c>
      <c r="B97">
        <v>3748</v>
      </c>
      <c r="C97" t="s">
        <v>430</v>
      </c>
      <c r="D97" t="s">
        <v>431</v>
      </c>
      <c r="E97" t="s">
        <v>66</v>
      </c>
      <c r="F97">
        <v>72</v>
      </c>
      <c r="G97">
        <v>117.2361111111111</v>
      </c>
      <c r="H97">
        <v>122.5</v>
      </c>
      <c r="I97">
        <v>5652.4025848765432</v>
      </c>
      <c r="J97">
        <v>75.182461950088751</v>
      </c>
      <c r="K97">
        <v>4.0461161949824402E-2</v>
      </c>
      <c r="L97">
        <v>-1.1543146671922599</v>
      </c>
      <c r="M97">
        <v>5.892147223664538</v>
      </c>
      <c r="N97">
        <v>2</v>
      </c>
      <c r="O97">
        <v>1</v>
      </c>
      <c r="P97">
        <v>1</v>
      </c>
      <c r="Q97">
        <v>0.36779852422552839</v>
      </c>
      <c r="R97">
        <v>4.0841252355271811</v>
      </c>
      <c r="S97">
        <v>2</v>
      </c>
      <c r="T97">
        <v>1</v>
      </c>
      <c r="U97">
        <v>1</v>
      </c>
      <c r="V97">
        <v>0.16776575221435111</v>
      </c>
      <c r="W97">
        <v>4.2236293316576567</v>
      </c>
      <c r="X97">
        <v>2</v>
      </c>
      <c r="Y97">
        <v>1</v>
      </c>
      <c r="Z97">
        <v>1</v>
      </c>
      <c r="AA97">
        <v>0.11951030798891769</v>
      </c>
      <c r="AB97">
        <v>4.2286910368905044</v>
      </c>
      <c r="AC97">
        <v>1</v>
      </c>
      <c r="AD97">
        <v>1</v>
      </c>
      <c r="AE97">
        <v>0</v>
      </c>
      <c r="AF97">
        <v>0</v>
      </c>
      <c r="AG97">
        <v>4.2341065045972579</v>
      </c>
      <c r="AH97">
        <v>0.27351204501223919</v>
      </c>
      <c r="AI97">
        <v>9.8713416933461556E-2</v>
      </c>
      <c r="AJ97">
        <v>1.306795480916118E-2</v>
      </c>
      <c r="AK97">
        <v>-0.14487759097062949</v>
      </c>
      <c r="AL97">
        <v>680.27636752124147</v>
      </c>
      <c r="AM97">
        <v>966.32658236856173</v>
      </c>
      <c r="AN97">
        <v>8441</v>
      </c>
      <c r="AO97">
        <v>53.647966035553402</v>
      </c>
      <c r="AP97">
        <v>600.28632906928431</v>
      </c>
      <c r="AQ97">
        <v>1.319444444444444</v>
      </c>
      <c r="AR97">
        <v>3.5972222222222219</v>
      </c>
      <c r="AS97">
        <v>71</v>
      </c>
      <c r="AT97">
        <v>7.222222222222225</v>
      </c>
      <c r="AU97">
        <v>7.1270473660911909E-2</v>
      </c>
      <c r="AV97">
        <v>0.2788075305721493</v>
      </c>
      <c r="AW97">
        <v>0.3611111111111111</v>
      </c>
      <c r="AX97">
        <v>71.070422535211264</v>
      </c>
      <c r="AY97">
        <v>63.5</v>
      </c>
      <c r="AZ97">
        <v>128.75</v>
      </c>
      <c r="BA97">
        <v>0.64129099163681913</v>
      </c>
      <c r="BB97">
        <v>0.52777777777777779</v>
      </c>
      <c r="BC97">
        <v>4.0331624930997956</v>
      </c>
      <c r="BD97" t="s">
        <v>432</v>
      </c>
      <c r="BE97" t="s">
        <v>68</v>
      </c>
    </row>
    <row r="98" spans="1:57" x14ac:dyDescent="0.3">
      <c r="A98" t="s">
        <v>433</v>
      </c>
      <c r="B98">
        <v>3323</v>
      </c>
      <c r="C98" t="s">
        <v>434</v>
      </c>
      <c r="D98" t="s">
        <v>435</v>
      </c>
      <c r="E98" t="s">
        <v>115</v>
      </c>
      <c r="F98">
        <v>3344</v>
      </c>
      <c r="G98">
        <v>123.3758971291866</v>
      </c>
      <c r="H98">
        <v>119</v>
      </c>
      <c r="I98">
        <v>5454.2549334056857</v>
      </c>
      <c r="J98">
        <v>73.852927723995379</v>
      </c>
      <c r="K98">
        <v>8.6352455717553608E-2</v>
      </c>
      <c r="L98">
        <v>-1.1772683834215729</v>
      </c>
      <c r="M98">
        <v>7.9479115758207701</v>
      </c>
      <c r="N98">
        <v>23</v>
      </c>
      <c r="O98">
        <v>3</v>
      </c>
      <c r="P98">
        <v>20</v>
      </c>
      <c r="Q98">
        <v>3.4792914149291949</v>
      </c>
      <c r="R98">
        <v>5.5090725001199106</v>
      </c>
      <c r="S98">
        <v>2</v>
      </c>
      <c r="T98">
        <v>1</v>
      </c>
      <c r="U98">
        <v>1</v>
      </c>
      <c r="V98">
        <v>0.15846273499448121</v>
      </c>
      <c r="W98">
        <v>8.0797902859612094</v>
      </c>
      <c r="X98">
        <v>1</v>
      </c>
      <c r="Y98">
        <v>1</v>
      </c>
      <c r="Z98">
        <v>0</v>
      </c>
      <c r="AA98">
        <v>0</v>
      </c>
      <c r="AB98">
        <v>8.1143247091553405</v>
      </c>
      <c r="AC98">
        <v>1</v>
      </c>
      <c r="AD98">
        <v>1</v>
      </c>
      <c r="AE98">
        <v>0</v>
      </c>
      <c r="AF98">
        <v>0</v>
      </c>
      <c r="AG98">
        <v>8.114025442356759</v>
      </c>
      <c r="AH98">
        <v>-3.2993688482836122E-3</v>
      </c>
      <c r="AI98">
        <v>-2.3025459974337529E-2</v>
      </c>
      <c r="AJ98">
        <v>5.0046096567785449E-3</v>
      </c>
      <c r="AK98">
        <v>-9.402570478492505E-3</v>
      </c>
      <c r="AL98">
        <v>3900.8870615116689</v>
      </c>
      <c r="AM98">
        <v>7343.2403701180074</v>
      </c>
      <c r="AN98">
        <v>412569</v>
      </c>
      <c r="AO98">
        <v>77.45254012976973</v>
      </c>
      <c r="AP98">
        <v>3592.6797849542609</v>
      </c>
      <c r="AQ98">
        <v>1.006877990430622</v>
      </c>
      <c r="AR98">
        <v>3.9392942583732058</v>
      </c>
      <c r="AS98">
        <v>3328</v>
      </c>
      <c r="AT98">
        <v>237.24401913875599</v>
      </c>
      <c r="AU98">
        <v>3.6357772774181403E-2</v>
      </c>
      <c r="AV98">
        <v>-3.299464396703305E-3</v>
      </c>
      <c r="AW98">
        <v>0.38636363636363641</v>
      </c>
      <c r="AX98">
        <v>85.232126832186665</v>
      </c>
      <c r="AY98">
        <v>64</v>
      </c>
      <c r="AZ98">
        <v>127</v>
      </c>
      <c r="BA98">
        <v>0.59860093780444135</v>
      </c>
      <c r="BB98">
        <v>0.48504784688995223</v>
      </c>
      <c r="BC98">
        <v>5.3167189863058102</v>
      </c>
      <c r="BD98" t="s">
        <v>436</v>
      </c>
      <c r="BE98" t="s">
        <v>62</v>
      </c>
    </row>
    <row r="99" spans="1:57" x14ac:dyDescent="0.3">
      <c r="A99" t="s">
        <v>437</v>
      </c>
      <c r="B99">
        <v>1683</v>
      </c>
      <c r="C99" t="s">
        <v>438</v>
      </c>
      <c r="D99" t="s">
        <v>439</v>
      </c>
      <c r="E99" t="s">
        <v>93</v>
      </c>
      <c r="F99">
        <v>1691</v>
      </c>
      <c r="G99">
        <v>128.1094027202839</v>
      </c>
      <c r="H99">
        <v>129</v>
      </c>
      <c r="I99">
        <v>5524.8094384960068</v>
      </c>
      <c r="J99">
        <v>74.329061870146106</v>
      </c>
      <c r="K99">
        <v>3.0357945505163769E-3</v>
      </c>
      <c r="L99">
        <v>-1.2114337057404081</v>
      </c>
      <c r="M99">
        <v>7.889482789264493</v>
      </c>
      <c r="N99">
        <v>17</v>
      </c>
      <c r="O99">
        <v>1</v>
      </c>
      <c r="P99">
        <v>16</v>
      </c>
      <c r="Q99">
        <v>2.5717457772442121</v>
      </c>
      <c r="R99">
        <v>5.4685727514548939</v>
      </c>
      <c r="S99">
        <v>2</v>
      </c>
      <c r="T99">
        <v>1</v>
      </c>
      <c r="U99">
        <v>1</v>
      </c>
      <c r="V99">
        <v>0.1087778570334428</v>
      </c>
      <c r="W99">
        <v>7.4160779574896631</v>
      </c>
      <c r="X99">
        <v>1</v>
      </c>
      <c r="Y99">
        <v>1</v>
      </c>
      <c r="Z99">
        <v>0</v>
      </c>
      <c r="AA99">
        <v>0</v>
      </c>
      <c r="AB99">
        <v>7.4318919168078006</v>
      </c>
      <c r="AC99">
        <v>1</v>
      </c>
      <c r="AD99">
        <v>1</v>
      </c>
      <c r="AE99">
        <v>0</v>
      </c>
      <c r="AF99">
        <v>0</v>
      </c>
      <c r="AG99">
        <v>7.431299675155902</v>
      </c>
      <c r="AH99">
        <v>2.0479934371064501E-3</v>
      </c>
      <c r="AI99">
        <v>-1.137094006709583E-2</v>
      </c>
      <c r="AJ99">
        <v>-1.920000107176998E-2</v>
      </c>
      <c r="AK99">
        <v>1.032328270031547E-2</v>
      </c>
      <c r="AL99">
        <v>2854.908829681865</v>
      </c>
      <c r="AM99">
        <v>5380.0253321155024</v>
      </c>
      <c r="AN99">
        <v>216633</v>
      </c>
      <c r="AO99">
        <v>42.017818303015893</v>
      </c>
      <c r="AP99">
        <v>2554.6141792013</v>
      </c>
      <c r="AQ99">
        <v>1.013601419278533</v>
      </c>
      <c r="AR99">
        <v>4.001182732111177</v>
      </c>
      <c r="AS99">
        <v>1686</v>
      </c>
      <c r="AT99">
        <v>256.32584269662931</v>
      </c>
      <c r="AU99">
        <v>1.790331744761775E-2</v>
      </c>
      <c r="AV99">
        <v>2.0495378493241619E-3</v>
      </c>
      <c r="AW99">
        <v>0.36428149024246009</v>
      </c>
      <c r="AX99">
        <v>85.575147928994085</v>
      </c>
      <c r="AY99">
        <v>65</v>
      </c>
      <c r="AZ99">
        <v>130</v>
      </c>
      <c r="BA99">
        <v>0.58019989393313598</v>
      </c>
      <c r="BB99">
        <v>0.50147841513897107</v>
      </c>
      <c r="BC99">
        <v>5.2865658008351613</v>
      </c>
      <c r="BD99" t="s">
        <v>440</v>
      </c>
      <c r="BE99" t="s">
        <v>68</v>
      </c>
    </row>
    <row r="100" spans="1:57" x14ac:dyDescent="0.3">
      <c r="A100" t="s">
        <v>441</v>
      </c>
      <c r="B100">
        <v>2024</v>
      </c>
      <c r="C100" t="s">
        <v>442</v>
      </c>
      <c r="D100" t="s">
        <v>443</v>
      </c>
      <c r="E100" t="s">
        <v>10622</v>
      </c>
      <c r="F100">
        <v>64</v>
      </c>
      <c r="G100">
        <v>125.234375</v>
      </c>
      <c r="H100">
        <v>115</v>
      </c>
      <c r="I100">
        <v>5684.023193359375</v>
      </c>
      <c r="J100">
        <v>75.392461117537309</v>
      </c>
      <c r="K100">
        <v>0.17552195426117789</v>
      </c>
      <c r="L100">
        <v>-1.2894413382533401</v>
      </c>
      <c r="M100">
        <v>5.78125</v>
      </c>
      <c r="N100">
        <v>2</v>
      </c>
      <c r="O100">
        <v>1</v>
      </c>
      <c r="P100">
        <v>1</v>
      </c>
      <c r="Q100">
        <v>0.32821556024332821</v>
      </c>
      <c r="R100">
        <v>4.0072571376121839</v>
      </c>
      <c r="S100">
        <v>1</v>
      </c>
      <c r="T100">
        <v>1</v>
      </c>
      <c r="U100">
        <v>0</v>
      </c>
      <c r="V100">
        <v>0</v>
      </c>
      <c r="W100">
        <v>4.1431347263915326</v>
      </c>
      <c r="X100">
        <v>1</v>
      </c>
      <c r="Y100">
        <v>1</v>
      </c>
      <c r="Z100">
        <v>0</v>
      </c>
      <c r="AA100">
        <v>0</v>
      </c>
      <c r="AB100">
        <v>4.1271343850450908</v>
      </c>
      <c r="AC100">
        <v>1</v>
      </c>
      <c r="AD100">
        <v>1</v>
      </c>
      <c r="AE100">
        <v>0</v>
      </c>
      <c r="AF100">
        <v>0</v>
      </c>
      <c r="AG100">
        <v>4.1108738641733096</v>
      </c>
      <c r="AH100">
        <v>0.25744362719221509</v>
      </c>
      <c r="AI100">
        <v>0.1226107945172871</v>
      </c>
      <c r="AJ100">
        <v>-1.6689571356056039E-2</v>
      </c>
      <c r="AK100">
        <v>1.8971970449054128E-2</v>
      </c>
      <c r="AL100">
        <v>639.8275203168547</v>
      </c>
      <c r="AM100">
        <v>978.85225864028371</v>
      </c>
      <c r="AN100">
        <v>8015</v>
      </c>
      <c r="AO100">
        <v>70.849630859519351</v>
      </c>
      <c r="AP100">
        <v>484.94076261272107</v>
      </c>
      <c r="AQ100">
        <v>1.359375</v>
      </c>
      <c r="AR100">
        <v>4.03125</v>
      </c>
      <c r="AS100">
        <v>64</v>
      </c>
      <c r="AT100">
        <v>5.46875</v>
      </c>
      <c r="AU100">
        <v>0.1106150793650794</v>
      </c>
      <c r="AV100">
        <v>0.25837953182496531</v>
      </c>
      <c r="AW100">
        <v>0.453125</v>
      </c>
      <c r="AX100">
        <v>76.428571428571431</v>
      </c>
      <c r="AY100">
        <v>67</v>
      </c>
      <c r="AZ100">
        <v>144.5</v>
      </c>
      <c r="BA100">
        <v>0.60201091846817067</v>
      </c>
      <c r="BB100">
        <v>0.453125</v>
      </c>
      <c r="BC100">
        <v>3.9367871487114772</v>
      </c>
      <c r="BD100" t="s">
        <v>444</v>
      </c>
      <c r="BE100" t="s">
        <v>62</v>
      </c>
    </row>
    <row r="101" spans="1:57" x14ac:dyDescent="0.3">
      <c r="A101" t="s">
        <v>445</v>
      </c>
      <c r="B101">
        <v>734</v>
      </c>
      <c r="C101" t="s">
        <v>446</v>
      </c>
      <c r="D101" t="s">
        <v>447</v>
      </c>
      <c r="E101" t="s">
        <v>106</v>
      </c>
      <c r="F101">
        <v>734</v>
      </c>
      <c r="G101">
        <v>124.6948228882834</v>
      </c>
      <c r="H101">
        <v>123.5</v>
      </c>
      <c r="I101">
        <v>5586.7352048051434</v>
      </c>
      <c r="J101">
        <v>74.744466048030233</v>
      </c>
      <c r="K101">
        <v>5.2362494894344407E-2</v>
      </c>
      <c r="L101">
        <v>-1.2159869995458139</v>
      </c>
      <c r="M101">
        <v>7.7480542530881733</v>
      </c>
      <c r="N101">
        <v>8</v>
      </c>
      <c r="O101">
        <v>1</v>
      </c>
      <c r="P101">
        <v>7</v>
      </c>
      <c r="Q101">
        <v>1.5853601736817879</v>
      </c>
      <c r="R101">
        <v>5.3705419603535631</v>
      </c>
      <c r="S101">
        <v>2</v>
      </c>
      <c r="T101">
        <v>1</v>
      </c>
      <c r="U101">
        <v>1</v>
      </c>
      <c r="V101">
        <v>0.1044639791931668</v>
      </c>
      <c r="W101">
        <v>6.5820156133614702</v>
      </c>
      <c r="X101">
        <v>1</v>
      </c>
      <c r="Y101">
        <v>1</v>
      </c>
      <c r="Z101">
        <v>0</v>
      </c>
      <c r="AA101">
        <v>0</v>
      </c>
      <c r="AB101">
        <v>6.5957805139613113</v>
      </c>
      <c r="AC101">
        <v>1</v>
      </c>
      <c r="AD101">
        <v>1</v>
      </c>
      <c r="AE101">
        <v>0</v>
      </c>
      <c r="AF101">
        <v>0</v>
      </c>
      <c r="AG101">
        <v>6.594413459749779</v>
      </c>
      <c r="AH101">
        <v>6.0837941620206946E-3</v>
      </c>
      <c r="AI101">
        <v>-1.7999533771001459E-2</v>
      </c>
      <c r="AJ101">
        <v>-2.820343509227434E-2</v>
      </c>
      <c r="AK101">
        <v>-6.5497119536921137E-3</v>
      </c>
      <c r="AL101">
        <v>1936.6401511705219</v>
      </c>
      <c r="AM101">
        <v>3429.7094519615239</v>
      </c>
      <c r="AN101">
        <v>91526</v>
      </c>
      <c r="AO101">
        <v>92.032303433079633</v>
      </c>
      <c r="AP101">
        <v>1702.2458027791729</v>
      </c>
      <c r="AQ101">
        <v>1.03133514986376</v>
      </c>
      <c r="AR101">
        <v>4.0435967302452314</v>
      </c>
      <c r="AS101">
        <v>730</v>
      </c>
      <c r="AT101">
        <v>208.90735694822891</v>
      </c>
      <c r="AU101">
        <v>3.2120532136560347E-2</v>
      </c>
      <c r="AV101">
        <v>6.0874888453194753E-3</v>
      </c>
      <c r="AW101">
        <v>0.37329700272479571</v>
      </c>
      <c r="AX101">
        <v>86.964529331514328</v>
      </c>
      <c r="AY101">
        <v>65.5</v>
      </c>
      <c r="AZ101">
        <v>131</v>
      </c>
      <c r="BA101">
        <v>0.59941916044898924</v>
      </c>
      <c r="BB101">
        <v>0.49455040871934602</v>
      </c>
      <c r="BC101">
        <v>5.1824356449358824</v>
      </c>
      <c r="BD101" t="s">
        <v>448</v>
      </c>
      <c r="BE101" t="s">
        <v>68</v>
      </c>
    </row>
    <row r="102" spans="1:57" x14ac:dyDescent="0.3">
      <c r="A102" t="s">
        <v>449</v>
      </c>
      <c r="B102">
        <v>3600</v>
      </c>
      <c r="C102" t="s">
        <v>450</v>
      </c>
      <c r="D102" t="s">
        <v>451</v>
      </c>
      <c r="E102" t="s">
        <v>93</v>
      </c>
      <c r="F102">
        <v>3600</v>
      </c>
      <c r="G102">
        <v>127.8175</v>
      </c>
      <c r="H102">
        <v>129</v>
      </c>
      <c r="I102">
        <v>5350.1480826388888</v>
      </c>
      <c r="J102">
        <v>73.144706456714204</v>
      </c>
      <c r="K102">
        <v>-2.738006663955915E-2</v>
      </c>
      <c r="L102">
        <v>-1.1920200208622509</v>
      </c>
      <c r="M102">
        <v>7.9568345475659097</v>
      </c>
      <c r="N102">
        <v>22</v>
      </c>
      <c r="O102">
        <v>5</v>
      </c>
      <c r="P102">
        <v>17</v>
      </c>
      <c r="Q102">
        <v>3.4089725358236609</v>
      </c>
      <c r="R102">
        <v>5.5152574328272781</v>
      </c>
      <c r="S102">
        <v>2</v>
      </c>
      <c r="T102">
        <v>1</v>
      </c>
      <c r="U102">
        <v>1</v>
      </c>
      <c r="V102">
        <v>0.16494984114310179</v>
      </c>
      <c r="W102">
        <v>8.1506628092210853</v>
      </c>
      <c r="X102">
        <v>2</v>
      </c>
      <c r="Y102">
        <v>1</v>
      </c>
      <c r="Z102">
        <v>1</v>
      </c>
      <c r="AA102">
        <v>1.667129758194601E-2</v>
      </c>
      <c r="AB102">
        <v>8.1877481186902656</v>
      </c>
      <c r="AC102">
        <v>1</v>
      </c>
      <c r="AD102">
        <v>1</v>
      </c>
      <c r="AE102">
        <v>0</v>
      </c>
      <c r="AF102">
        <v>0</v>
      </c>
      <c r="AG102">
        <v>8.187855443695625</v>
      </c>
      <c r="AH102">
        <v>1.1715145969819381E-2</v>
      </c>
      <c r="AI102">
        <v>-1.46033074572068E-2</v>
      </c>
      <c r="AJ102">
        <v>2.4047705410026741E-2</v>
      </c>
      <c r="AK102">
        <v>-6.7556505265884571E-3</v>
      </c>
      <c r="AL102">
        <v>4020.908048238794</v>
      </c>
      <c r="AM102">
        <v>7868.1102856790521</v>
      </c>
      <c r="AN102">
        <v>460143</v>
      </c>
      <c r="AO102">
        <v>105.2422701054039</v>
      </c>
      <c r="AP102">
        <v>3710.8051303555508</v>
      </c>
      <c r="AQ102">
        <v>1.006388888888889</v>
      </c>
      <c r="AR102">
        <v>3.9950000000000001</v>
      </c>
      <c r="AS102">
        <v>3587</v>
      </c>
      <c r="AT102">
        <v>211.55555555555549</v>
      </c>
      <c r="AU102">
        <v>1.29575163398693E-2</v>
      </c>
      <c r="AV102">
        <v>1.171792105277707E-2</v>
      </c>
      <c r="AW102">
        <v>0.36777777777777781</v>
      </c>
      <c r="AX102">
        <v>84.131981105862735</v>
      </c>
      <c r="AY102">
        <v>63</v>
      </c>
      <c r="AZ102">
        <v>126</v>
      </c>
      <c r="BA102">
        <v>0.57225893525310856</v>
      </c>
      <c r="BB102">
        <v>0.50638888888888889</v>
      </c>
      <c r="BC102">
        <v>5.3032944238106117</v>
      </c>
      <c r="BD102" t="s">
        <v>452</v>
      </c>
      <c r="BE102" t="s">
        <v>62</v>
      </c>
    </row>
    <row r="103" spans="1:57" x14ac:dyDescent="0.3">
      <c r="A103" t="s">
        <v>453</v>
      </c>
      <c r="B103">
        <v>130</v>
      </c>
      <c r="C103" t="s">
        <v>454</v>
      </c>
      <c r="D103" t="s">
        <v>455</v>
      </c>
      <c r="E103" t="s">
        <v>60</v>
      </c>
      <c r="F103">
        <v>256</v>
      </c>
      <c r="G103">
        <v>125.484375</v>
      </c>
      <c r="H103">
        <v>121</v>
      </c>
      <c r="I103">
        <v>5089.406005859375</v>
      </c>
      <c r="J103">
        <v>71.340072931413346</v>
      </c>
      <c r="K103">
        <v>7.3821932465254647E-2</v>
      </c>
      <c r="L103">
        <v>-1.1425507372075361</v>
      </c>
      <c r="M103">
        <v>7.259421972504132</v>
      </c>
      <c r="N103">
        <v>4</v>
      </c>
      <c r="O103">
        <v>1</v>
      </c>
      <c r="P103">
        <v>3</v>
      </c>
      <c r="Q103">
        <v>0.70590500790564448</v>
      </c>
      <c r="R103">
        <v>5.0318478727361544</v>
      </c>
      <c r="S103">
        <v>1</v>
      </c>
      <c r="T103">
        <v>1</v>
      </c>
      <c r="U103">
        <v>0</v>
      </c>
      <c r="V103">
        <v>0</v>
      </c>
      <c r="W103">
        <v>5.541263545158424</v>
      </c>
      <c r="X103">
        <v>1</v>
      </c>
      <c r="Y103">
        <v>1</v>
      </c>
      <c r="Z103">
        <v>0</v>
      </c>
      <c r="AA103">
        <v>0</v>
      </c>
      <c r="AB103">
        <v>5.5373342670185366</v>
      </c>
      <c r="AC103">
        <v>1</v>
      </c>
      <c r="AD103">
        <v>1</v>
      </c>
      <c r="AE103">
        <v>0</v>
      </c>
      <c r="AF103">
        <v>0</v>
      </c>
      <c r="AG103">
        <v>5.5333894887275203</v>
      </c>
      <c r="AH103">
        <v>-0.10093865056152659</v>
      </c>
      <c r="AI103">
        <v>8.4899281302708934E-2</v>
      </c>
      <c r="AJ103">
        <v>7.9090038043251702E-3</v>
      </c>
      <c r="AK103">
        <v>-8.4648914263515659E-2</v>
      </c>
      <c r="AL103">
        <v>1133.812459370818</v>
      </c>
      <c r="AM103">
        <v>2012.0679180821651</v>
      </c>
      <c r="AN103">
        <v>32124</v>
      </c>
      <c r="AO103">
        <v>63.563075986844808</v>
      </c>
      <c r="AP103">
        <v>957.64533811593833</v>
      </c>
      <c r="AQ103">
        <v>1.08984375</v>
      </c>
      <c r="AR103">
        <v>4.03125</v>
      </c>
      <c r="AS103">
        <v>254</v>
      </c>
      <c r="AT103">
        <v>55.593750000000007</v>
      </c>
      <c r="AU103">
        <v>3.4029150197628422E-2</v>
      </c>
      <c r="AV103">
        <v>-0.1016505905847242</v>
      </c>
      <c r="AW103">
        <v>0.4140625</v>
      </c>
      <c r="AX103">
        <v>86.631372549019602</v>
      </c>
      <c r="AY103">
        <v>61</v>
      </c>
      <c r="AZ103">
        <v>114.75</v>
      </c>
      <c r="BA103">
        <v>0.5685175778371877</v>
      </c>
      <c r="BB103">
        <v>0.48046875</v>
      </c>
      <c r="BC103">
        <v>4.9399988253949694</v>
      </c>
      <c r="BD103" t="s">
        <v>456</v>
      </c>
      <c r="BE103" t="s">
        <v>62</v>
      </c>
    </row>
    <row r="104" spans="1:57" x14ac:dyDescent="0.3">
      <c r="A104" t="s">
        <v>457</v>
      </c>
      <c r="B104">
        <v>129</v>
      </c>
      <c r="C104" t="s">
        <v>458</v>
      </c>
      <c r="D104" t="s">
        <v>459</v>
      </c>
      <c r="E104" t="s">
        <v>60</v>
      </c>
      <c r="F104">
        <v>512</v>
      </c>
      <c r="G104">
        <v>127.98046875</v>
      </c>
      <c r="H104">
        <v>127.5</v>
      </c>
      <c r="I104">
        <v>5863.2691497802734</v>
      </c>
      <c r="J104">
        <v>76.571986716946782</v>
      </c>
      <c r="K104">
        <v>1.928078695810349E-2</v>
      </c>
      <c r="L104">
        <v>-1.3155856347778949</v>
      </c>
      <c r="M104">
        <v>7.6496419990586748</v>
      </c>
      <c r="N104">
        <v>9</v>
      </c>
      <c r="O104">
        <v>1</v>
      </c>
      <c r="P104">
        <v>8</v>
      </c>
      <c r="Q104">
        <v>1.212692796435074</v>
      </c>
      <c r="R104">
        <v>5.3023277839404637</v>
      </c>
      <c r="S104">
        <v>2</v>
      </c>
      <c r="T104">
        <v>1</v>
      </c>
      <c r="U104">
        <v>1</v>
      </c>
      <c r="V104">
        <v>7.6620080535545504E-2</v>
      </c>
      <c r="W104">
        <v>6.2282308757548588</v>
      </c>
      <c r="X104">
        <v>1</v>
      </c>
      <c r="Y104">
        <v>1</v>
      </c>
      <c r="Z104">
        <v>0</v>
      </c>
      <c r="AA104">
        <v>0</v>
      </c>
      <c r="AB104">
        <v>6.2344107257183694</v>
      </c>
      <c r="AC104">
        <v>1</v>
      </c>
      <c r="AD104">
        <v>1</v>
      </c>
      <c r="AE104">
        <v>0</v>
      </c>
      <c r="AF104">
        <v>0</v>
      </c>
      <c r="AG104">
        <v>6.2324480165505216</v>
      </c>
      <c r="AH104">
        <v>2.559262508880426E-2</v>
      </c>
      <c r="AI104">
        <v>7.5238624944238552E-2</v>
      </c>
      <c r="AJ104">
        <v>-4.1293940732833392E-2</v>
      </c>
      <c r="AK104">
        <v>2.3412205866916849E-2</v>
      </c>
      <c r="AL104">
        <v>1650.7809247991131</v>
      </c>
      <c r="AM104">
        <v>2943.291412402004</v>
      </c>
      <c r="AN104">
        <v>65526</v>
      </c>
      <c r="AO104">
        <v>107.020566626583</v>
      </c>
      <c r="AP104">
        <v>1498.1550093943449</v>
      </c>
      <c r="AQ104">
        <v>1.044921875</v>
      </c>
      <c r="AR104">
        <v>4.00390625</v>
      </c>
      <c r="AS104">
        <v>511</v>
      </c>
      <c r="AT104">
        <v>151.9453125</v>
      </c>
      <c r="AU104">
        <v>4.2264093137254877E-2</v>
      </c>
      <c r="AV104">
        <v>2.573133326307514E-2</v>
      </c>
      <c r="AW104">
        <v>0.376953125</v>
      </c>
      <c r="AX104">
        <v>87.191780821917803</v>
      </c>
      <c r="AY104">
        <v>71.5</v>
      </c>
      <c r="AZ104">
        <v>143</v>
      </c>
      <c r="BA104">
        <v>0.59830994107799584</v>
      </c>
      <c r="BB104">
        <v>0.5</v>
      </c>
      <c r="BC104">
        <v>5.0999448032130017</v>
      </c>
      <c r="BD104" t="s">
        <v>460</v>
      </c>
      <c r="BE104" t="s">
        <v>62</v>
      </c>
    </row>
    <row r="105" spans="1:57" x14ac:dyDescent="0.3">
      <c r="A105" t="s">
        <v>461</v>
      </c>
      <c r="B105">
        <v>608</v>
      </c>
      <c r="C105" t="s">
        <v>462</v>
      </c>
      <c r="D105" t="s">
        <v>463</v>
      </c>
      <c r="E105" t="s">
        <v>10622</v>
      </c>
      <c r="F105">
        <v>64</v>
      </c>
      <c r="G105">
        <v>142.765625</v>
      </c>
      <c r="H105">
        <v>153.5</v>
      </c>
      <c r="I105">
        <v>6214.585693359375</v>
      </c>
      <c r="J105">
        <v>78.832643577133553</v>
      </c>
      <c r="K105">
        <v>-0.31475446768216148</v>
      </c>
      <c r="L105">
        <v>-1.156353554949253</v>
      </c>
      <c r="M105">
        <v>5.644454882778696</v>
      </c>
      <c r="N105">
        <v>3</v>
      </c>
      <c r="O105">
        <v>1</v>
      </c>
      <c r="P105">
        <v>2</v>
      </c>
      <c r="Q105">
        <v>0.44967453916275418</v>
      </c>
      <c r="R105">
        <v>3.912437987795871</v>
      </c>
      <c r="S105">
        <v>1</v>
      </c>
      <c r="T105">
        <v>1</v>
      </c>
      <c r="U105">
        <v>0</v>
      </c>
      <c r="V105">
        <v>0</v>
      </c>
      <c r="W105">
        <v>4.1431347263915326</v>
      </c>
      <c r="X105">
        <v>1</v>
      </c>
      <c r="Y105">
        <v>1</v>
      </c>
      <c r="Z105">
        <v>0</v>
      </c>
      <c r="AA105">
        <v>0</v>
      </c>
      <c r="AB105">
        <v>4.1271343850450908</v>
      </c>
      <c r="AC105">
        <v>1</v>
      </c>
      <c r="AD105">
        <v>1</v>
      </c>
      <c r="AE105">
        <v>0</v>
      </c>
      <c r="AF105">
        <v>0</v>
      </c>
      <c r="AG105">
        <v>4.1108738641733096</v>
      </c>
      <c r="AH105">
        <v>5.7170644003209897E-2</v>
      </c>
      <c r="AI105">
        <v>-0.18870044341682479</v>
      </c>
      <c r="AJ105">
        <v>3.5744469035935381E-2</v>
      </c>
      <c r="AK105">
        <v>0.18891159346732769</v>
      </c>
      <c r="AL105">
        <v>679.010226697804</v>
      </c>
      <c r="AM105">
        <v>1114.0592946696311</v>
      </c>
      <c r="AN105">
        <v>9137</v>
      </c>
      <c r="AO105">
        <v>48.233273686272348</v>
      </c>
      <c r="AP105">
        <v>493.52848952158979</v>
      </c>
      <c r="AQ105">
        <v>1.359375</v>
      </c>
      <c r="AR105">
        <v>4.40625</v>
      </c>
      <c r="AS105">
        <v>64</v>
      </c>
      <c r="AT105">
        <v>8.875</v>
      </c>
      <c r="AU105">
        <v>0.15463147410358569</v>
      </c>
      <c r="AV105">
        <v>5.7343888572064752E-2</v>
      </c>
      <c r="AW105">
        <v>0.3125</v>
      </c>
      <c r="AX105">
        <v>84.158730158730165</v>
      </c>
      <c r="AY105">
        <v>59.5</v>
      </c>
      <c r="AZ105">
        <v>118.75</v>
      </c>
      <c r="BA105">
        <v>0.55218224679178585</v>
      </c>
      <c r="BB105">
        <v>0.53125</v>
      </c>
      <c r="BC105">
        <v>3.804759114319106</v>
      </c>
      <c r="BD105" t="s">
        <v>464</v>
      </c>
      <c r="BE105" t="s">
        <v>62</v>
      </c>
    </row>
    <row r="106" spans="1:57" x14ac:dyDescent="0.3">
      <c r="A106" t="s">
        <v>465</v>
      </c>
      <c r="B106">
        <v>2400</v>
      </c>
      <c r="C106" t="s">
        <v>466</v>
      </c>
      <c r="D106" t="s">
        <v>467</v>
      </c>
      <c r="E106" t="s">
        <v>93</v>
      </c>
      <c r="F106">
        <v>2400</v>
      </c>
      <c r="G106">
        <v>128.89416666666671</v>
      </c>
      <c r="H106">
        <v>130</v>
      </c>
      <c r="I106">
        <v>5199.7979659722214</v>
      </c>
      <c r="J106">
        <v>72.109624641737128</v>
      </c>
      <c r="K106">
        <v>-2.2557374822543289E-2</v>
      </c>
      <c r="L106">
        <v>-1.1427513063112269</v>
      </c>
      <c r="M106">
        <v>7.9205829757046251</v>
      </c>
      <c r="N106">
        <v>19</v>
      </c>
      <c r="O106">
        <v>2</v>
      </c>
      <c r="P106">
        <v>17</v>
      </c>
      <c r="Q106">
        <v>3.0847406698132671</v>
      </c>
      <c r="R106">
        <v>5.4901297580007444</v>
      </c>
      <c r="S106">
        <v>2</v>
      </c>
      <c r="T106">
        <v>1</v>
      </c>
      <c r="U106">
        <v>1</v>
      </c>
      <c r="V106">
        <v>0.12910778462988609</v>
      </c>
      <c r="W106">
        <v>7.7596927257639141</v>
      </c>
      <c r="X106">
        <v>1</v>
      </c>
      <c r="Y106">
        <v>1</v>
      </c>
      <c r="Z106">
        <v>0</v>
      </c>
      <c r="AA106">
        <v>0</v>
      </c>
      <c r="AB106">
        <v>7.7823903355874577</v>
      </c>
      <c r="AC106">
        <v>1</v>
      </c>
      <c r="AD106">
        <v>1</v>
      </c>
      <c r="AE106">
        <v>0</v>
      </c>
      <c r="AF106">
        <v>0</v>
      </c>
      <c r="AG106">
        <v>7.7819732344343846</v>
      </c>
      <c r="AH106">
        <v>-1.1362256387594191E-2</v>
      </c>
      <c r="AI106">
        <v>2.6841266220874339E-2</v>
      </c>
      <c r="AJ106">
        <v>-2.1681715336784799E-2</v>
      </c>
      <c r="AK106">
        <v>-9.3680922347586029E-3</v>
      </c>
      <c r="AL106">
        <v>3249.342561809885</v>
      </c>
      <c r="AM106">
        <v>6464.8420642743304</v>
      </c>
      <c r="AN106">
        <v>309346</v>
      </c>
      <c r="AO106">
        <v>137.64546140521421</v>
      </c>
      <c r="AP106">
        <v>2931.690565333764</v>
      </c>
      <c r="AQ106">
        <v>1.0095833333333331</v>
      </c>
      <c r="AR106">
        <v>3.9854166666666671</v>
      </c>
      <c r="AS106">
        <v>2388</v>
      </c>
      <c r="AT106">
        <v>259.83999999999992</v>
      </c>
      <c r="AU106">
        <v>2.4975490196078452E-2</v>
      </c>
      <c r="AV106">
        <v>-1.136842077822202E-2</v>
      </c>
      <c r="AW106">
        <v>0.375</v>
      </c>
      <c r="AX106">
        <v>84.22300958732805</v>
      </c>
      <c r="AY106">
        <v>61</v>
      </c>
      <c r="AZ106">
        <v>121</v>
      </c>
      <c r="BA106">
        <v>0.55944831722462585</v>
      </c>
      <c r="BB106">
        <v>0.50708333333333333</v>
      </c>
      <c r="BC106">
        <v>5.2886198231570356</v>
      </c>
      <c r="BD106" t="s">
        <v>468</v>
      </c>
      <c r="BE106" t="s">
        <v>62</v>
      </c>
    </row>
    <row r="107" spans="1:57" x14ac:dyDescent="0.3">
      <c r="A107" t="s">
        <v>469</v>
      </c>
      <c r="B107">
        <v>1333</v>
      </c>
      <c r="C107" t="s">
        <v>470</v>
      </c>
      <c r="D107" t="s">
        <v>471</v>
      </c>
      <c r="E107" t="s">
        <v>115</v>
      </c>
      <c r="F107">
        <v>1424</v>
      </c>
      <c r="G107">
        <v>127.8504213483146</v>
      </c>
      <c r="H107">
        <v>126</v>
      </c>
      <c r="I107">
        <v>5467.2522048786459</v>
      </c>
      <c r="J107">
        <v>73.94086965189581</v>
      </c>
      <c r="K107">
        <v>-9.5103898611616287E-4</v>
      </c>
      <c r="L107">
        <v>-1.217160454668615</v>
      </c>
      <c r="M107">
        <v>7.8695735553381772</v>
      </c>
      <c r="N107">
        <v>12</v>
      </c>
      <c r="O107">
        <v>1</v>
      </c>
      <c r="P107">
        <v>11</v>
      </c>
      <c r="Q107">
        <v>2.29401373989591</v>
      </c>
      <c r="R107">
        <v>5.4547727220917652</v>
      </c>
      <c r="S107">
        <v>2</v>
      </c>
      <c r="T107">
        <v>1</v>
      </c>
      <c r="U107">
        <v>1</v>
      </c>
      <c r="V107">
        <v>0.12432410407005171</v>
      </c>
      <c r="W107">
        <v>7.2390900781006469</v>
      </c>
      <c r="X107">
        <v>1</v>
      </c>
      <c r="Y107">
        <v>1</v>
      </c>
      <c r="Z107">
        <v>0</v>
      </c>
      <c r="AA107">
        <v>0</v>
      </c>
      <c r="AB107">
        <v>7.2598196103631878</v>
      </c>
      <c r="AC107">
        <v>1</v>
      </c>
      <c r="AD107">
        <v>1</v>
      </c>
      <c r="AE107">
        <v>0</v>
      </c>
      <c r="AF107">
        <v>0</v>
      </c>
      <c r="AG107">
        <v>7.2591161280971006</v>
      </c>
      <c r="AH107">
        <v>4.349803649491221E-4</v>
      </c>
      <c r="AI107">
        <v>-7.9856339055227477E-3</v>
      </c>
      <c r="AJ107">
        <v>-6.9633231181450345E-2</v>
      </c>
      <c r="AK107">
        <v>-1.5433900241338909E-2</v>
      </c>
      <c r="AL107">
        <v>2568.9277715800758</v>
      </c>
      <c r="AM107">
        <v>4945.9374343398867</v>
      </c>
      <c r="AN107">
        <v>182059</v>
      </c>
      <c r="AO107">
        <v>11.89728817889422</v>
      </c>
      <c r="AP107">
        <v>2234.802921849473</v>
      </c>
      <c r="AQ107">
        <v>1.016151685393258</v>
      </c>
      <c r="AR107">
        <v>4.0231741573033704</v>
      </c>
      <c r="AS107">
        <v>1422</v>
      </c>
      <c r="AT107">
        <v>240.30477528089889</v>
      </c>
      <c r="AU107">
        <v>1.5890063890724782E-2</v>
      </c>
      <c r="AV107">
        <v>4.3463145314947031E-4</v>
      </c>
      <c r="AW107">
        <v>0.37640449438202239</v>
      </c>
      <c r="AX107">
        <v>85.206605762473643</v>
      </c>
      <c r="AY107">
        <v>65</v>
      </c>
      <c r="AZ107">
        <v>129.25</v>
      </c>
      <c r="BA107">
        <v>0.57833888126541189</v>
      </c>
      <c r="BB107">
        <v>0.4957865168539326</v>
      </c>
      <c r="BC107">
        <v>5.2408829595248072</v>
      </c>
      <c r="BD107" t="s">
        <v>472</v>
      </c>
      <c r="BE107" t="s">
        <v>62</v>
      </c>
    </row>
    <row r="108" spans="1:57" x14ac:dyDescent="0.3">
      <c r="A108" t="s">
        <v>473</v>
      </c>
      <c r="B108">
        <v>3052</v>
      </c>
      <c r="C108" t="s">
        <v>474</v>
      </c>
      <c r="D108" t="s">
        <v>475</v>
      </c>
      <c r="E108" t="s">
        <v>85</v>
      </c>
      <c r="F108">
        <v>8</v>
      </c>
      <c r="G108">
        <v>102.25</v>
      </c>
      <c r="H108">
        <v>92</v>
      </c>
      <c r="I108">
        <v>5287.9375</v>
      </c>
      <c r="J108">
        <v>72.718206110987083</v>
      </c>
      <c r="K108">
        <v>0.32452799261309911</v>
      </c>
      <c r="L108">
        <v>-1.225794832941546</v>
      </c>
      <c r="M108">
        <v>3</v>
      </c>
      <c r="N108">
        <v>1</v>
      </c>
      <c r="O108">
        <v>1</v>
      </c>
      <c r="P108">
        <v>0</v>
      </c>
      <c r="Q108">
        <v>0</v>
      </c>
      <c r="R108">
        <v>2.0794415416798362</v>
      </c>
      <c r="S108">
        <v>1</v>
      </c>
      <c r="T108">
        <v>1</v>
      </c>
      <c r="U108">
        <v>0</v>
      </c>
      <c r="V108">
        <v>0</v>
      </c>
      <c r="W108">
        <v>1.945910149055313</v>
      </c>
      <c r="X108">
        <v>1</v>
      </c>
      <c r="Y108">
        <v>1</v>
      </c>
      <c r="Z108">
        <v>0</v>
      </c>
      <c r="AA108">
        <v>0</v>
      </c>
      <c r="AB108">
        <v>1.791759469228055</v>
      </c>
      <c r="AC108">
        <v>1</v>
      </c>
      <c r="AD108">
        <v>1</v>
      </c>
      <c r="AE108">
        <v>0</v>
      </c>
      <c r="AF108">
        <v>0</v>
      </c>
      <c r="AG108">
        <v>1.6094379124341009</v>
      </c>
      <c r="AH108">
        <v>-0.50001329677213469</v>
      </c>
      <c r="AI108">
        <v>0.18307882326521449</v>
      </c>
      <c r="AJ108">
        <v>1.6539707116432451E-2</v>
      </c>
      <c r="AK108">
        <v>0</v>
      </c>
      <c r="AL108">
        <v>291.55683201988779</v>
      </c>
      <c r="AM108">
        <v>202.33292787514071</v>
      </c>
      <c r="AN108">
        <v>818</v>
      </c>
      <c r="AO108">
        <v>162.12288579544949</v>
      </c>
      <c r="AP108">
        <v>230.552221142051</v>
      </c>
      <c r="AQ108">
        <v>3.5</v>
      </c>
      <c r="AR108">
        <v>4</v>
      </c>
      <c r="AS108">
        <v>8</v>
      </c>
      <c r="AT108">
        <v>0</v>
      </c>
      <c r="AU108">
        <v>0.27631578947368418</v>
      </c>
      <c r="AV108">
        <v>-0.7531317049434012</v>
      </c>
      <c r="AW108">
        <v>0.5</v>
      </c>
      <c r="AX108">
        <v>106.1428571428571</v>
      </c>
      <c r="AY108">
        <v>55</v>
      </c>
      <c r="AZ108">
        <v>112.75</v>
      </c>
      <c r="BA108">
        <v>0.7111804998629544</v>
      </c>
      <c r="BB108">
        <v>0.5</v>
      </c>
      <c r="BC108">
        <v>1.7478680974667571</v>
      </c>
      <c r="BD108" t="s">
        <v>474</v>
      </c>
      <c r="BE108" t="s">
        <v>68</v>
      </c>
    </row>
    <row r="109" spans="1:57" x14ac:dyDescent="0.3">
      <c r="A109" t="s">
        <v>476</v>
      </c>
      <c r="B109">
        <v>3219</v>
      </c>
      <c r="C109" t="s">
        <v>477</v>
      </c>
      <c r="D109" t="s">
        <v>478</v>
      </c>
      <c r="E109" t="s">
        <v>128</v>
      </c>
      <c r="F109">
        <v>32</v>
      </c>
      <c r="G109">
        <v>128.40625</v>
      </c>
      <c r="H109">
        <v>128</v>
      </c>
      <c r="I109">
        <v>5578.9912109375</v>
      </c>
      <c r="J109">
        <v>74.692644958774224</v>
      </c>
      <c r="K109">
        <v>4.3318683378771733E-3</v>
      </c>
      <c r="L109">
        <v>-1.256425062013375</v>
      </c>
      <c r="M109">
        <v>4.9375</v>
      </c>
      <c r="N109">
        <v>2</v>
      </c>
      <c r="O109">
        <v>1</v>
      </c>
      <c r="P109">
        <v>1</v>
      </c>
      <c r="Q109">
        <v>0.1766846959694085</v>
      </c>
      <c r="R109">
        <v>3.422414204014729</v>
      </c>
      <c r="S109">
        <v>1</v>
      </c>
      <c r="T109">
        <v>1</v>
      </c>
      <c r="U109">
        <v>0</v>
      </c>
      <c r="V109">
        <v>0</v>
      </c>
      <c r="W109">
        <v>3.4339872044851458</v>
      </c>
      <c r="X109">
        <v>1</v>
      </c>
      <c r="Y109">
        <v>1</v>
      </c>
      <c r="Z109">
        <v>0</v>
      </c>
      <c r="AA109">
        <v>0</v>
      </c>
      <c r="AB109">
        <v>3.401197381662155</v>
      </c>
      <c r="AC109">
        <v>1</v>
      </c>
      <c r="AD109">
        <v>1</v>
      </c>
      <c r="AE109">
        <v>0</v>
      </c>
      <c r="AF109">
        <v>0</v>
      </c>
      <c r="AG109">
        <v>3.3672958299864728</v>
      </c>
      <c r="AH109">
        <v>-9.4199181823480846E-2</v>
      </c>
      <c r="AI109">
        <v>-3.7349515665196953E-2</v>
      </c>
      <c r="AJ109">
        <v>-8.5230008269024049E-2</v>
      </c>
      <c r="AK109">
        <v>0.1172750638162456</v>
      </c>
      <c r="AL109">
        <v>503.97521430477678</v>
      </c>
      <c r="AM109">
        <v>672.42693533680983</v>
      </c>
      <c r="AN109">
        <v>4109</v>
      </c>
      <c r="AO109">
        <v>49.88419837333808</v>
      </c>
      <c r="AP109">
        <v>402.44020230195912</v>
      </c>
      <c r="AQ109">
        <v>1.65625</v>
      </c>
      <c r="AR109">
        <v>3.90625</v>
      </c>
      <c r="AS109">
        <v>32</v>
      </c>
      <c r="AT109">
        <v>0.93749999999999978</v>
      </c>
      <c r="AU109">
        <v>8.0942622950819665E-2</v>
      </c>
      <c r="AV109">
        <v>-9.9069776912263333E-2</v>
      </c>
      <c r="AW109">
        <v>0.375</v>
      </c>
      <c r="AX109">
        <v>98.483870967741936</v>
      </c>
      <c r="AY109">
        <v>71.5</v>
      </c>
      <c r="AZ109">
        <v>139</v>
      </c>
      <c r="BA109">
        <v>0.58169010432727553</v>
      </c>
      <c r="BB109">
        <v>0.5</v>
      </c>
      <c r="BC109">
        <v>3.2103913397883899</v>
      </c>
      <c r="BD109" t="s">
        <v>479</v>
      </c>
      <c r="BE109" t="s">
        <v>62</v>
      </c>
    </row>
    <row r="110" spans="1:57" x14ac:dyDescent="0.3">
      <c r="A110" t="s">
        <v>480</v>
      </c>
      <c r="B110">
        <v>3463</v>
      </c>
      <c r="C110" t="s">
        <v>481</v>
      </c>
      <c r="D110" t="s">
        <v>482</v>
      </c>
      <c r="E110" t="s">
        <v>72</v>
      </c>
      <c r="F110">
        <v>3472</v>
      </c>
      <c r="G110">
        <v>128.30184331797241</v>
      </c>
      <c r="H110">
        <v>127</v>
      </c>
      <c r="I110">
        <v>5529.0096970630084</v>
      </c>
      <c r="J110">
        <v>74.357310985961618</v>
      </c>
      <c r="K110">
        <v>2.8869679819837988E-3</v>
      </c>
      <c r="L110">
        <v>-1.220110948906854</v>
      </c>
      <c r="M110">
        <v>7.948763309927573</v>
      </c>
      <c r="N110">
        <v>28</v>
      </c>
      <c r="O110">
        <v>4</v>
      </c>
      <c r="P110">
        <v>24</v>
      </c>
      <c r="Q110">
        <v>3.575633685096951</v>
      </c>
      <c r="R110">
        <v>5.5096628772146419</v>
      </c>
      <c r="S110">
        <v>3</v>
      </c>
      <c r="T110">
        <v>1</v>
      </c>
      <c r="U110">
        <v>2</v>
      </c>
      <c r="V110">
        <v>0.15648764995853109</v>
      </c>
      <c r="W110">
        <v>8.118897618248214</v>
      </c>
      <c r="X110">
        <v>1</v>
      </c>
      <c r="Y110">
        <v>1</v>
      </c>
      <c r="Z110">
        <v>0</v>
      </c>
      <c r="AA110">
        <v>0</v>
      </c>
      <c r="AB110">
        <v>8.151909872940907</v>
      </c>
      <c r="AC110">
        <v>1</v>
      </c>
      <c r="AD110">
        <v>1</v>
      </c>
      <c r="AE110">
        <v>0</v>
      </c>
      <c r="AF110">
        <v>0</v>
      </c>
      <c r="AG110">
        <v>8.1516216469697511</v>
      </c>
      <c r="AH110">
        <v>2.0608344365454011E-2</v>
      </c>
      <c r="AI110">
        <v>1.1147685027687849E-2</v>
      </c>
      <c r="AJ110">
        <v>3.603662455091821E-2</v>
      </c>
      <c r="AK110">
        <v>2.5376714726557632E-2</v>
      </c>
      <c r="AL110">
        <v>4010.4022259904941</v>
      </c>
      <c r="AM110">
        <v>7763.1983090586127</v>
      </c>
      <c r="AN110">
        <v>445464</v>
      </c>
      <c r="AO110">
        <v>79.355484259922434</v>
      </c>
      <c r="AP110">
        <v>3663.003130405084</v>
      </c>
      <c r="AQ110">
        <v>1.0066244239631339</v>
      </c>
      <c r="AR110">
        <v>4.0106566820276486</v>
      </c>
      <c r="AS110">
        <v>3459</v>
      </c>
      <c r="AT110">
        <v>241.32718894009221</v>
      </c>
      <c r="AU110">
        <v>1.372887864823347E-2</v>
      </c>
      <c r="AV110">
        <v>2.0614401803419832E-2</v>
      </c>
      <c r="AW110">
        <v>0.37240783410138251</v>
      </c>
      <c r="AX110">
        <v>84.817055603572456</v>
      </c>
      <c r="AY110">
        <v>64</v>
      </c>
      <c r="AZ110">
        <v>128</v>
      </c>
      <c r="BA110">
        <v>0.57954982612121009</v>
      </c>
      <c r="BB110">
        <v>0.49567972350230421</v>
      </c>
      <c r="BC110">
        <v>5.3130531360741831</v>
      </c>
      <c r="BD110" t="s">
        <v>483</v>
      </c>
      <c r="BE110" t="s">
        <v>62</v>
      </c>
    </row>
    <row r="111" spans="1:57" x14ac:dyDescent="0.3">
      <c r="A111" t="s">
        <v>484</v>
      </c>
      <c r="B111">
        <v>3917</v>
      </c>
      <c r="C111" t="s">
        <v>485</v>
      </c>
      <c r="D111" t="s">
        <v>486</v>
      </c>
      <c r="E111" t="s">
        <v>98</v>
      </c>
      <c r="F111">
        <v>16</v>
      </c>
      <c r="G111">
        <v>127.1875</v>
      </c>
      <c r="H111">
        <v>129</v>
      </c>
      <c r="I111">
        <v>4509.90234375</v>
      </c>
      <c r="J111">
        <v>67.155806478293442</v>
      </c>
      <c r="K111">
        <v>-0.18210071669707681</v>
      </c>
      <c r="L111">
        <v>-0.99574138357300956</v>
      </c>
      <c r="M111">
        <v>4</v>
      </c>
      <c r="N111">
        <v>1</v>
      </c>
      <c r="O111">
        <v>1</v>
      </c>
      <c r="P111">
        <v>0</v>
      </c>
      <c r="Q111">
        <v>0</v>
      </c>
      <c r="R111">
        <v>2.7725887222397811</v>
      </c>
      <c r="S111">
        <v>1</v>
      </c>
      <c r="T111">
        <v>1</v>
      </c>
      <c r="U111">
        <v>0</v>
      </c>
      <c r="V111">
        <v>0</v>
      </c>
      <c r="W111">
        <v>2.7080502011022101</v>
      </c>
      <c r="X111">
        <v>1</v>
      </c>
      <c r="Y111">
        <v>1</v>
      </c>
      <c r="Z111">
        <v>0</v>
      </c>
      <c r="AA111">
        <v>0</v>
      </c>
      <c r="AB111">
        <v>2.639057329615258</v>
      </c>
      <c r="AC111">
        <v>1</v>
      </c>
      <c r="AD111">
        <v>1</v>
      </c>
      <c r="AE111">
        <v>0</v>
      </c>
      <c r="AF111">
        <v>0</v>
      </c>
      <c r="AG111">
        <v>2.5649493574615372</v>
      </c>
      <c r="AH111">
        <v>0.19449339994023571</v>
      </c>
      <c r="AI111">
        <v>1.3536077295188111E-2</v>
      </c>
      <c r="AJ111">
        <v>2.745190704482757E-2</v>
      </c>
      <c r="AK111">
        <v>-0.1281326464767201</v>
      </c>
      <c r="AL111">
        <v>358.61652533111572</v>
      </c>
      <c r="AM111">
        <v>449.86574414978207</v>
      </c>
      <c r="AN111">
        <v>2035</v>
      </c>
      <c r="AO111">
        <v>21</v>
      </c>
      <c r="AP111">
        <v>218.81983607875881</v>
      </c>
      <c r="AQ111">
        <v>2.3125</v>
      </c>
      <c r="AR111">
        <v>4.1875</v>
      </c>
      <c r="AS111">
        <v>16</v>
      </c>
      <c r="AT111">
        <v>0</v>
      </c>
      <c r="AU111">
        <v>0.1202731092436975</v>
      </c>
      <c r="AV111">
        <v>0.21046551747086609</v>
      </c>
      <c r="AW111">
        <v>0.375</v>
      </c>
      <c r="AX111">
        <v>64.599999999999994</v>
      </c>
      <c r="AY111">
        <v>50</v>
      </c>
      <c r="AZ111">
        <v>91.5</v>
      </c>
      <c r="BA111">
        <v>0.52800634086127518</v>
      </c>
      <c r="BB111">
        <v>0.5</v>
      </c>
      <c r="BC111">
        <v>2.615630577027551</v>
      </c>
      <c r="BD111" t="s">
        <v>485</v>
      </c>
      <c r="BE111" t="s">
        <v>62</v>
      </c>
    </row>
    <row r="112" spans="1:57" x14ac:dyDescent="0.3">
      <c r="A112" t="s">
        <v>487</v>
      </c>
      <c r="B112">
        <v>3187</v>
      </c>
      <c r="C112" t="s">
        <v>488</v>
      </c>
      <c r="D112" t="s">
        <v>489</v>
      </c>
      <c r="E112" t="s">
        <v>72</v>
      </c>
      <c r="F112">
        <v>3192</v>
      </c>
      <c r="G112">
        <v>128.73120300751879</v>
      </c>
      <c r="H112">
        <v>130</v>
      </c>
      <c r="I112">
        <v>5385.7285000565334</v>
      </c>
      <c r="J112">
        <v>73.387522781849867</v>
      </c>
      <c r="K112">
        <v>-3.666843747905691E-2</v>
      </c>
      <c r="L112">
        <v>-1.1690502208387781</v>
      </c>
      <c r="M112">
        <v>7.9443943684147138</v>
      </c>
      <c r="N112">
        <v>21</v>
      </c>
      <c r="O112">
        <v>4</v>
      </c>
      <c r="P112">
        <v>17</v>
      </c>
      <c r="Q112">
        <v>3.4356529128391302</v>
      </c>
      <c r="R112">
        <v>5.5066345577229683</v>
      </c>
      <c r="S112">
        <v>3</v>
      </c>
      <c r="T112">
        <v>1</v>
      </c>
      <c r="U112">
        <v>2</v>
      </c>
      <c r="V112">
        <v>0.17527773649675071</v>
      </c>
      <c r="W112">
        <v>8.0269244221940053</v>
      </c>
      <c r="X112">
        <v>2</v>
      </c>
      <c r="Y112">
        <v>1</v>
      </c>
      <c r="Z112">
        <v>1</v>
      </c>
      <c r="AA112">
        <v>6.1332714364080131E-2</v>
      </c>
      <c r="AB112">
        <v>8.0625612953608847</v>
      </c>
      <c r="AC112">
        <v>2</v>
      </c>
      <c r="AD112">
        <v>1</v>
      </c>
      <c r="AE112">
        <v>1</v>
      </c>
      <c r="AF112">
        <v>5.5997751851133183E-2</v>
      </c>
      <c r="AG112">
        <v>8.0631155539303467</v>
      </c>
      <c r="AH112">
        <v>1.99005517382333E-2</v>
      </c>
      <c r="AI112">
        <v>-4.0513779741762372E-3</v>
      </c>
      <c r="AJ112">
        <v>-9.089293170505993E-3</v>
      </c>
      <c r="AK112">
        <v>1.228060183781008E-2</v>
      </c>
      <c r="AL112">
        <v>3808.6380977504441</v>
      </c>
      <c r="AM112">
        <v>7455.3645008385674</v>
      </c>
      <c r="AN112">
        <v>410910</v>
      </c>
      <c r="AO112">
        <v>87.165632346489488</v>
      </c>
      <c r="AP112">
        <v>3473.2539683492432</v>
      </c>
      <c r="AQ112">
        <v>1.0072055137844611</v>
      </c>
      <c r="AR112">
        <v>3.990288220551379</v>
      </c>
      <c r="AS112">
        <v>3179</v>
      </c>
      <c r="AT112">
        <v>242.3458646616541</v>
      </c>
      <c r="AU112">
        <v>1.778342916113812E-2</v>
      </c>
      <c r="AV112">
        <v>1.9902102948636018E-2</v>
      </c>
      <c r="AW112">
        <v>0.3674812030075188</v>
      </c>
      <c r="AX112">
        <v>84.215919774365403</v>
      </c>
      <c r="AY112">
        <v>62</v>
      </c>
      <c r="AZ112">
        <v>124.25</v>
      </c>
      <c r="BA112">
        <v>0.57008340687660264</v>
      </c>
      <c r="BB112">
        <v>0.50563909774436089</v>
      </c>
      <c r="BC112">
        <v>5.2996913349810777</v>
      </c>
      <c r="BD112" t="s">
        <v>490</v>
      </c>
      <c r="BE112" t="s">
        <v>68</v>
      </c>
    </row>
    <row r="113" spans="1:57" x14ac:dyDescent="0.3">
      <c r="A113" t="s">
        <v>491</v>
      </c>
      <c r="B113">
        <v>1145</v>
      </c>
      <c r="C113" t="s">
        <v>492</v>
      </c>
      <c r="D113" t="s">
        <v>493</v>
      </c>
      <c r="E113" t="s">
        <v>10622</v>
      </c>
      <c r="F113">
        <v>64</v>
      </c>
      <c r="G113">
        <v>105.125</v>
      </c>
      <c r="H113">
        <v>102</v>
      </c>
      <c r="I113">
        <v>4670.671875</v>
      </c>
      <c r="J113">
        <v>68.342313942388571</v>
      </c>
      <c r="K113">
        <v>0.3443973235493033</v>
      </c>
      <c r="L113">
        <v>-0.78226829943789422</v>
      </c>
      <c r="M113">
        <v>5.78125</v>
      </c>
      <c r="N113">
        <v>4</v>
      </c>
      <c r="O113">
        <v>1</v>
      </c>
      <c r="P113">
        <v>3</v>
      </c>
      <c r="Q113">
        <v>0.4429390544367286</v>
      </c>
      <c r="R113">
        <v>4.0072571376121839</v>
      </c>
      <c r="S113">
        <v>1</v>
      </c>
      <c r="T113">
        <v>1</v>
      </c>
      <c r="U113">
        <v>0</v>
      </c>
      <c r="V113">
        <v>0</v>
      </c>
      <c r="W113">
        <v>4.1431347263915326</v>
      </c>
      <c r="X113">
        <v>1</v>
      </c>
      <c r="Y113">
        <v>1</v>
      </c>
      <c r="Z113">
        <v>0</v>
      </c>
      <c r="AA113">
        <v>0</v>
      </c>
      <c r="AB113">
        <v>4.1271343850450908</v>
      </c>
      <c r="AC113">
        <v>1</v>
      </c>
      <c r="AD113">
        <v>1</v>
      </c>
      <c r="AE113">
        <v>0</v>
      </c>
      <c r="AF113">
        <v>0</v>
      </c>
      <c r="AG113">
        <v>4.1108738641733096</v>
      </c>
      <c r="AH113">
        <v>-0.31260731233461458</v>
      </c>
      <c r="AI113">
        <v>0.22756477002438749</v>
      </c>
      <c r="AJ113">
        <v>-0.12591604903269399</v>
      </c>
      <c r="AK113">
        <v>-0.26079134509555968</v>
      </c>
      <c r="AL113">
        <v>575.53576390236231</v>
      </c>
      <c r="AM113">
        <v>821.56106557536202</v>
      </c>
      <c r="AN113">
        <v>6728</v>
      </c>
      <c r="AO113">
        <v>86</v>
      </c>
      <c r="AP113">
        <v>454.96548524640082</v>
      </c>
      <c r="AQ113">
        <v>1.359375</v>
      </c>
      <c r="AR113">
        <v>3.640625</v>
      </c>
      <c r="AS113">
        <v>64</v>
      </c>
      <c r="AT113">
        <v>10.312500000000011</v>
      </c>
      <c r="AU113">
        <v>0.17567231075697209</v>
      </c>
      <c r="AV113">
        <v>-0.32198534234008008</v>
      </c>
      <c r="AW113">
        <v>0.4375</v>
      </c>
      <c r="AX113">
        <v>89.682539682539684</v>
      </c>
      <c r="AY113">
        <v>50</v>
      </c>
      <c r="AZ113">
        <v>100.75</v>
      </c>
      <c r="BA113">
        <v>0.65010524558752503</v>
      </c>
      <c r="BB113">
        <v>0.46875</v>
      </c>
      <c r="BC113">
        <v>3.9587918211102049</v>
      </c>
      <c r="BD113" t="s">
        <v>494</v>
      </c>
      <c r="BE113" t="s">
        <v>62</v>
      </c>
    </row>
    <row r="114" spans="1:57" x14ac:dyDescent="0.3">
      <c r="A114" t="s">
        <v>495</v>
      </c>
      <c r="B114">
        <v>37</v>
      </c>
      <c r="C114" t="s">
        <v>496</v>
      </c>
      <c r="D114" t="s">
        <v>497</v>
      </c>
      <c r="E114" t="s">
        <v>93</v>
      </c>
      <c r="F114">
        <v>37</v>
      </c>
      <c r="G114">
        <v>128.027027027027</v>
      </c>
      <c r="H114">
        <v>106</v>
      </c>
      <c r="I114">
        <v>4729.3776479181888</v>
      </c>
      <c r="J114">
        <v>68.770470755391727</v>
      </c>
      <c r="K114">
        <v>0.15953456835535529</v>
      </c>
      <c r="L114">
        <v>-1.309572188425381</v>
      </c>
      <c r="M114">
        <v>5.0472912034667914</v>
      </c>
      <c r="N114">
        <v>2</v>
      </c>
      <c r="O114">
        <v>1</v>
      </c>
      <c r="P114">
        <v>1</v>
      </c>
      <c r="Q114">
        <v>0.28363678708802798</v>
      </c>
      <c r="R114">
        <v>3.4985156671480171</v>
      </c>
      <c r="S114">
        <v>1</v>
      </c>
      <c r="T114">
        <v>1</v>
      </c>
      <c r="U114">
        <v>0</v>
      </c>
      <c r="V114">
        <v>0</v>
      </c>
      <c r="W114">
        <v>3.5835189384561099</v>
      </c>
      <c r="X114">
        <v>1</v>
      </c>
      <c r="Y114">
        <v>1</v>
      </c>
      <c r="Z114">
        <v>0</v>
      </c>
      <c r="AA114">
        <v>0</v>
      </c>
      <c r="AB114">
        <v>3.555348061489414</v>
      </c>
      <c r="AC114">
        <v>1</v>
      </c>
      <c r="AD114">
        <v>1</v>
      </c>
      <c r="AE114">
        <v>0</v>
      </c>
      <c r="AF114">
        <v>0</v>
      </c>
      <c r="AG114">
        <v>3.526360524616162</v>
      </c>
      <c r="AH114">
        <v>-0.35595654024392648</v>
      </c>
      <c r="AI114">
        <v>0.1487773987107528</v>
      </c>
      <c r="AJ114">
        <v>0.16994946417090279</v>
      </c>
      <c r="AK114">
        <v>-3.7674932253960912E-4</v>
      </c>
      <c r="AL114">
        <v>508.21956483367188</v>
      </c>
      <c r="AM114">
        <v>723.30068016024507</v>
      </c>
      <c r="AN114">
        <v>4737</v>
      </c>
      <c r="AO114">
        <v>133.02342010759929</v>
      </c>
      <c r="AP114">
        <v>386.71121306984492</v>
      </c>
      <c r="AQ114">
        <v>1.6216216216216219</v>
      </c>
      <c r="AR114">
        <v>3.8378378378378382</v>
      </c>
      <c r="AS114">
        <v>37</v>
      </c>
      <c r="AT114">
        <v>2.513513513513514</v>
      </c>
      <c r="AU114">
        <v>0.13851351351351349</v>
      </c>
      <c r="AV114">
        <v>-0.35802539269427169</v>
      </c>
      <c r="AW114">
        <v>0.45945945945945948</v>
      </c>
      <c r="AX114">
        <v>96.916666666666671</v>
      </c>
      <c r="AY114">
        <v>51</v>
      </c>
      <c r="AZ114">
        <v>126</v>
      </c>
      <c r="BA114">
        <v>0.5371558830376808</v>
      </c>
      <c r="BB114">
        <v>0.48648648648648651</v>
      </c>
      <c r="BC114">
        <v>3.4679944083627858</v>
      </c>
      <c r="BD114" t="s">
        <v>498</v>
      </c>
      <c r="BE114" t="s">
        <v>68</v>
      </c>
    </row>
    <row r="115" spans="1:57" x14ac:dyDescent="0.3">
      <c r="A115" t="s">
        <v>499</v>
      </c>
      <c r="B115">
        <v>2835</v>
      </c>
      <c r="C115" t="s">
        <v>500</v>
      </c>
      <c r="D115" t="s">
        <v>501</v>
      </c>
      <c r="E115" t="s">
        <v>72</v>
      </c>
      <c r="F115">
        <v>2896</v>
      </c>
      <c r="G115">
        <v>129.28694751381221</v>
      </c>
      <c r="H115">
        <v>130</v>
      </c>
      <c r="I115">
        <v>5406.3075091906148</v>
      </c>
      <c r="J115">
        <v>73.52759692245229</v>
      </c>
      <c r="K115">
        <v>-2.5715473825390751E-2</v>
      </c>
      <c r="L115">
        <v>-1.190767347957469</v>
      </c>
      <c r="M115">
        <v>7.9483671449546964</v>
      </c>
      <c r="N115">
        <v>20</v>
      </c>
      <c r="O115">
        <v>4</v>
      </c>
      <c r="P115">
        <v>16</v>
      </c>
      <c r="Q115">
        <v>2.9915244859435801</v>
      </c>
      <c r="R115">
        <v>5.5093882765806441</v>
      </c>
      <c r="S115">
        <v>2</v>
      </c>
      <c r="T115">
        <v>1</v>
      </c>
      <c r="U115">
        <v>1</v>
      </c>
      <c r="V115">
        <v>0.1339999790208411</v>
      </c>
      <c r="W115">
        <v>7.9458397659040791</v>
      </c>
      <c r="X115">
        <v>1</v>
      </c>
      <c r="Y115">
        <v>1</v>
      </c>
      <c r="Z115">
        <v>0</v>
      </c>
      <c r="AA115">
        <v>0</v>
      </c>
      <c r="AB115">
        <v>7.9703949071914311</v>
      </c>
      <c r="AC115">
        <v>1</v>
      </c>
      <c r="AD115">
        <v>1</v>
      </c>
      <c r="AE115">
        <v>0</v>
      </c>
      <c r="AF115">
        <v>0</v>
      </c>
      <c r="AG115">
        <v>7.9700493049761354</v>
      </c>
      <c r="AH115">
        <v>-3.4817459745053901E-3</v>
      </c>
      <c r="AI115">
        <v>-2.8546546347427228E-2</v>
      </c>
      <c r="AJ115">
        <v>-2.7644282141664329E-2</v>
      </c>
      <c r="AK115">
        <v>2.8465258576313452E-3</v>
      </c>
      <c r="AL115">
        <v>3649.0998934093882</v>
      </c>
      <c r="AM115">
        <v>7123.7426236438087</v>
      </c>
      <c r="AN115">
        <v>374415</v>
      </c>
      <c r="AO115">
        <v>69.641410005422344</v>
      </c>
      <c r="AP115">
        <v>3291.5532909668309</v>
      </c>
      <c r="AQ115">
        <v>1.0079419889502761</v>
      </c>
      <c r="AR115">
        <v>4.056629834254144</v>
      </c>
      <c r="AS115">
        <v>2882</v>
      </c>
      <c r="AT115">
        <v>202.51933701657461</v>
      </c>
      <c r="AU115">
        <v>1.4663904235727439E-2</v>
      </c>
      <c r="AV115">
        <v>-3.4839149713063859E-3</v>
      </c>
      <c r="AW115">
        <v>0.36464088397790062</v>
      </c>
      <c r="AX115">
        <v>84.901554404145074</v>
      </c>
      <c r="AY115">
        <v>63</v>
      </c>
      <c r="AZ115">
        <v>127</v>
      </c>
      <c r="BA115">
        <v>0.56871631929121924</v>
      </c>
      <c r="BB115">
        <v>0.50103591160220995</v>
      </c>
      <c r="BC115">
        <v>5.3073031152474828</v>
      </c>
      <c r="BD115" t="s">
        <v>502</v>
      </c>
      <c r="BE115" t="s">
        <v>62</v>
      </c>
    </row>
    <row r="116" spans="1:57" x14ac:dyDescent="0.3">
      <c r="A116" t="s">
        <v>503</v>
      </c>
      <c r="B116">
        <v>1719</v>
      </c>
      <c r="C116" t="s">
        <v>504</v>
      </c>
      <c r="D116" t="s">
        <v>505</v>
      </c>
      <c r="E116" t="s">
        <v>128</v>
      </c>
      <c r="F116">
        <v>32</v>
      </c>
      <c r="G116">
        <v>143.34375</v>
      </c>
      <c r="H116">
        <v>157.5</v>
      </c>
      <c r="I116">
        <v>5642.7255859375</v>
      </c>
      <c r="J116">
        <v>75.11807762408128</v>
      </c>
      <c r="K116">
        <v>-0.4714587981684652</v>
      </c>
      <c r="L116">
        <v>-1.0961834549841489</v>
      </c>
      <c r="M116">
        <v>4.875</v>
      </c>
      <c r="N116">
        <v>2</v>
      </c>
      <c r="O116">
        <v>1</v>
      </c>
      <c r="P116">
        <v>1</v>
      </c>
      <c r="Q116">
        <v>0.24944382578492941</v>
      </c>
      <c r="R116">
        <v>3.3790925052297318</v>
      </c>
      <c r="S116">
        <v>1</v>
      </c>
      <c r="T116">
        <v>1</v>
      </c>
      <c r="U116">
        <v>0</v>
      </c>
      <c r="V116">
        <v>0</v>
      </c>
      <c r="W116">
        <v>3.4339872044851458</v>
      </c>
      <c r="X116">
        <v>1</v>
      </c>
      <c r="Y116">
        <v>1</v>
      </c>
      <c r="Z116">
        <v>0</v>
      </c>
      <c r="AA116">
        <v>0</v>
      </c>
      <c r="AB116">
        <v>3.401197381662155</v>
      </c>
      <c r="AC116">
        <v>1</v>
      </c>
      <c r="AD116">
        <v>1</v>
      </c>
      <c r="AE116">
        <v>0</v>
      </c>
      <c r="AF116">
        <v>0</v>
      </c>
      <c r="AG116">
        <v>3.3672958299864728</v>
      </c>
      <c r="AH116">
        <v>-0.24554961980917431</v>
      </c>
      <c r="AI116">
        <v>-0.19940696643268749</v>
      </c>
      <c r="AJ116">
        <v>-7.3102088583354777E-2</v>
      </c>
      <c r="AK116">
        <v>2.3533166146056061E-2</v>
      </c>
      <c r="AL116">
        <v>517.16118918726283</v>
      </c>
      <c r="AM116">
        <v>755.40009557744713</v>
      </c>
      <c r="AN116">
        <v>4587</v>
      </c>
      <c r="AO116">
        <v>101</v>
      </c>
      <c r="AP116">
        <v>362.05978571926101</v>
      </c>
      <c r="AQ116">
        <v>1.71875</v>
      </c>
      <c r="AR116">
        <v>3.84375</v>
      </c>
      <c r="AS116">
        <v>32</v>
      </c>
      <c r="AT116">
        <v>1.75</v>
      </c>
      <c r="AU116">
        <v>0.20976720647773281</v>
      </c>
      <c r="AV116">
        <v>-0.25246347634020211</v>
      </c>
      <c r="AW116">
        <v>0.1875</v>
      </c>
      <c r="AX116">
        <v>102.1290322580645</v>
      </c>
      <c r="AY116">
        <v>54.5</v>
      </c>
      <c r="AZ116">
        <v>125.25</v>
      </c>
      <c r="BA116">
        <v>0.52404152691750616</v>
      </c>
      <c r="BB116">
        <v>0.5625</v>
      </c>
      <c r="BC116">
        <v>3.3445488586064429</v>
      </c>
      <c r="BD116" t="s">
        <v>506</v>
      </c>
      <c r="BE116" t="s">
        <v>62</v>
      </c>
    </row>
    <row r="117" spans="1:57" x14ac:dyDescent="0.3">
      <c r="A117" t="s">
        <v>507</v>
      </c>
      <c r="B117">
        <v>1128</v>
      </c>
      <c r="C117" t="s">
        <v>508</v>
      </c>
      <c r="D117" t="s">
        <v>509</v>
      </c>
      <c r="E117" t="s">
        <v>115</v>
      </c>
      <c r="F117">
        <v>1168</v>
      </c>
      <c r="G117">
        <v>127.7474315068493</v>
      </c>
      <c r="H117">
        <v>127</v>
      </c>
      <c r="I117">
        <v>5313.6528187453087</v>
      </c>
      <c r="J117">
        <v>72.894806527936609</v>
      </c>
      <c r="K117">
        <v>3.6812039635436569E-2</v>
      </c>
      <c r="L117">
        <v>-1.161387125111363</v>
      </c>
      <c r="M117">
        <v>7.8362277602136388</v>
      </c>
      <c r="N117">
        <v>11</v>
      </c>
      <c r="O117">
        <v>1</v>
      </c>
      <c r="P117">
        <v>10</v>
      </c>
      <c r="Q117">
        <v>2.0004093811302428</v>
      </c>
      <c r="R117">
        <v>5.4316591782176671</v>
      </c>
      <c r="S117">
        <v>2</v>
      </c>
      <c r="T117">
        <v>1</v>
      </c>
      <c r="U117">
        <v>1</v>
      </c>
      <c r="V117">
        <v>0.1013985521867176</v>
      </c>
      <c r="W117">
        <v>7.0479366774164287</v>
      </c>
      <c r="X117">
        <v>1</v>
      </c>
      <c r="Y117">
        <v>1</v>
      </c>
      <c r="Z117">
        <v>0</v>
      </c>
      <c r="AA117">
        <v>0</v>
      </c>
      <c r="AB117">
        <v>7.0613343669104376</v>
      </c>
      <c r="AC117">
        <v>1</v>
      </c>
      <c r="AD117">
        <v>1</v>
      </c>
      <c r="AE117">
        <v>0</v>
      </c>
      <c r="AF117">
        <v>0</v>
      </c>
      <c r="AG117">
        <v>7.0604763659998007</v>
      </c>
      <c r="AH117">
        <v>1.931550552601439E-3</v>
      </c>
      <c r="AI117">
        <v>-1.8320072188651389E-2</v>
      </c>
      <c r="AJ117">
        <v>-1.8040667591105949E-2</v>
      </c>
      <c r="AK117">
        <v>-6.1704238411934641E-2</v>
      </c>
      <c r="AL117">
        <v>2314.5460948761151</v>
      </c>
      <c r="AM117">
        <v>4462.0947294621319</v>
      </c>
      <c r="AN117">
        <v>149209</v>
      </c>
      <c r="AO117">
        <v>8.6893277337822195</v>
      </c>
      <c r="AP117">
        <v>2000.433811300946</v>
      </c>
      <c r="AQ117">
        <v>1.0196917808219179</v>
      </c>
      <c r="AR117">
        <v>3.9768835616438358</v>
      </c>
      <c r="AS117">
        <v>1165</v>
      </c>
      <c r="AT117">
        <v>217.5684931506849</v>
      </c>
      <c r="AU117">
        <v>1.7828364222401281E-2</v>
      </c>
      <c r="AV117">
        <v>1.935382975093684E-3</v>
      </c>
      <c r="AW117">
        <v>0.38698630136986301</v>
      </c>
      <c r="AX117">
        <v>84.736932305055703</v>
      </c>
      <c r="AY117">
        <v>61</v>
      </c>
      <c r="AZ117">
        <v>122</v>
      </c>
      <c r="BA117">
        <v>0.57061661176356626</v>
      </c>
      <c r="BB117">
        <v>0.49914383561643838</v>
      </c>
      <c r="BC117">
        <v>5.2406081546225778</v>
      </c>
      <c r="BD117" t="s">
        <v>510</v>
      </c>
      <c r="BE117" t="s">
        <v>62</v>
      </c>
    </row>
    <row r="118" spans="1:57" x14ac:dyDescent="0.3">
      <c r="A118" t="s">
        <v>511</v>
      </c>
      <c r="B118">
        <v>1921</v>
      </c>
      <c r="C118" t="s">
        <v>512</v>
      </c>
      <c r="D118" t="s">
        <v>513</v>
      </c>
      <c r="E118" t="s">
        <v>98</v>
      </c>
      <c r="F118">
        <v>16</v>
      </c>
      <c r="G118">
        <v>149.5</v>
      </c>
      <c r="H118">
        <v>147.5</v>
      </c>
      <c r="I118">
        <v>3237.375</v>
      </c>
      <c r="J118">
        <v>56.897934936164432</v>
      </c>
      <c r="K118">
        <v>-0.24797339508394459</v>
      </c>
      <c r="L118">
        <v>-0.36877811800321192</v>
      </c>
      <c r="M118">
        <v>3.75</v>
      </c>
      <c r="N118">
        <v>2</v>
      </c>
      <c r="O118">
        <v>1</v>
      </c>
      <c r="P118">
        <v>1</v>
      </c>
      <c r="Q118">
        <v>0.3499271061118826</v>
      </c>
      <c r="R118">
        <v>2.5993019270997948</v>
      </c>
      <c r="S118">
        <v>1</v>
      </c>
      <c r="T118">
        <v>1</v>
      </c>
      <c r="U118">
        <v>0</v>
      </c>
      <c r="V118">
        <v>0</v>
      </c>
      <c r="W118">
        <v>2.7080502011022101</v>
      </c>
      <c r="X118">
        <v>1</v>
      </c>
      <c r="Y118">
        <v>1</v>
      </c>
      <c r="Z118">
        <v>0</v>
      </c>
      <c r="AA118">
        <v>0</v>
      </c>
      <c r="AB118">
        <v>2.639057329615258</v>
      </c>
      <c r="AC118">
        <v>1</v>
      </c>
      <c r="AD118">
        <v>1</v>
      </c>
      <c r="AE118">
        <v>0</v>
      </c>
      <c r="AF118">
        <v>0</v>
      </c>
      <c r="AG118">
        <v>2.5649493574615372</v>
      </c>
      <c r="AH118">
        <v>1.182478087957064E-3</v>
      </c>
      <c r="AI118">
        <v>-9.9077184447275951E-2</v>
      </c>
      <c r="AJ118">
        <v>-0.35812676165102902</v>
      </c>
      <c r="AK118">
        <v>8.0302328275222976E-2</v>
      </c>
      <c r="AL118">
        <v>359.10292514281122</v>
      </c>
      <c r="AM118">
        <v>529.57255324825564</v>
      </c>
      <c r="AN118">
        <v>2392</v>
      </c>
      <c r="AO118">
        <v>96.152881620449932</v>
      </c>
      <c r="AP118">
        <v>217.06847378151789</v>
      </c>
      <c r="AQ118">
        <v>2.3125</v>
      </c>
      <c r="AR118">
        <v>4.25</v>
      </c>
      <c r="AS118">
        <v>16</v>
      </c>
      <c r="AT118">
        <v>1.5</v>
      </c>
      <c r="AU118">
        <v>0.25328947368421051</v>
      </c>
      <c r="AV118">
        <v>4.0920120874465881E-4</v>
      </c>
      <c r="AW118">
        <v>0.375</v>
      </c>
      <c r="AX118">
        <v>61.8</v>
      </c>
      <c r="AY118">
        <v>42.5</v>
      </c>
      <c r="AZ118">
        <v>87.25</v>
      </c>
      <c r="BA118">
        <v>0.38058819355293932</v>
      </c>
      <c r="BB118">
        <v>0.5</v>
      </c>
      <c r="BC118">
        <v>2.7080502011022101</v>
      </c>
      <c r="BD118" t="s">
        <v>512</v>
      </c>
      <c r="BE118" t="s">
        <v>62</v>
      </c>
    </row>
    <row r="119" spans="1:57" x14ac:dyDescent="0.3">
      <c r="A119" t="s">
        <v>514</v>
      </c>
      <c r="B119">
        <v>2137</v>
      </c>
      <c r="C119" t="s">
        <v>515</v>
      </c>
      <c r="D119" t="s">
        <v>516</v>
      </c>
      <c r="E119" t="s">
        <v>106</v>
      </c>
      <c r="F119">
        <v>2161</v>
      </c>
      <c r="G119">
        <v>125.7889865802869</v>
      </c>
      <c r="H119">
        <v>125</v>
      </c>
      <c r="I119">
        <v>5350.6616278947758</v>
      </c>
      <c r="J119">
        <v>73.148216846993449</v>
      </c>
      <c r="K119">
        <v>1.374965296165475E-2</v>
      </c>
      <c r="L119">
        <v>-1.184291921029675</v>
      </c>
      <c r="M119">
        <v>7.9029894736589901</v>
      </c>
      <c r="N119">
        <v>19</v>
      </c>
      <c r="O119">
        <v>2</v>
      </c>
      <c r="P119">
        <v>17</v>
      </c>
      <c r="Q119">
        <v>3.074035096166102</v>
      </c>
      <c r="R119">
        <v>5.4779348716616489</v>
      </c>
      <c r="S119">
        <v>2</v>
      </c>
      <c r="T119">
        <v>1</v>
      </c>
      <c r="U119">
        <v>1</v>
      </c>
      <c r="V119">
        <v>0.1360585386967543</v>
      </c>
      <c r="W119">
        <v>7.6521913828796961</v>
      </c>
      <c r="X119">
        <v>1</v>
      </c>
      <c r="Y119">
        <v>1</v>
      </c>
      <c r="Z119">
        <v>0</v>
      </c>
      <c r="AA119">
        <v>0</v>
      </c>
      <c r="AB119">
        <v>7.6774004305148056</v>
      </c>
      <c r="AC119">
        <v>1</v>
      </c>
      <c r="AD119">
        <v>1</v>
      </c>
      <c r="AE119">
        <v>0</v>
      </c>
      <c r="AF119">
        <v>0</v>
      </c>
      <c r="AG119">
        <v>7.67693714581808</v>
      </c>
      <c r="AH119">
        <v>1.1979440509599841E-2</v>
      </c>
      <c r="AI119">
        <v>-2.7567048024593341E-2</v>
      </c>
      <c r="AJ119">
        <v>2.097633480385229E-2</v>
      </c>
      <c r="AK119">
        <v>2.1352064187332619E-2</v>
      </c>
      <c r="AL119">
        <v>3154.7451736179</v>
      </c>
      <c r="AM119">
        <v>5983.6095201420476</v>
      </c>
      <c r="AN119">
        <v>271829.99999999988</v>
      </c>
      <c r="AO119">
        <v>28.53040191914592</v>
      </c>
      <c r="AP119">
        <v>2925.2237599611972</v>
      </c>
      <c r="AQ119">
        <v>1.0106432207311431</v>
      </c>
      <c r="AR119">
        <v>3.9865802869042111</v>
      </c>
      <c r="AS119">
        <v>2151</v>
      </c>
      <c r="AT119">
        <v>286.57797316057378</v>
      </c>
      <c r="AU119">
        <v>1.632686392465366E-2</v>
      </c>
      <c r="AV119">
        <v>1.1980596060593219E-2</v>
      </c>
      <c r="AW119">
        <v>0.37945395650161962</v>
      </c>
      <c r="AX119">
        <v>84.233796296296291</v>
      </c>
      <c r="AY119">
        <v>63</v>
      </c>
      <c r="AZ119">
        <v>125</v>
      </c>
      <c r="BA119">
        <v>0.58151527280415272</v>
      </c>
      <c r="BB119">
        <v>0.49884312818139748</v>
      </c>
      <c r="BC119">
        <v>5.281806111713566</v>
      </c>
      <c r="BD119" t="s">
        <v>517</v>
      </c>
      <c r="BE119" t="s">
        <v>68</v>
      </c>
    </row>
    <row r="120" spans="1:57" x14ac:dyDescent="0.3">
      <c r="A120" t="s">
        <v>518</v>
      </c>
      <c r="B120">
        <v>1332</v>
      </c>
      <c r="C120" t="s">
        <v>519</v>
      </c>
      <c r="D120" t="s">
        <v>520</v>
      </c>
      <c r="E120" t="s">
        <v>106</v>
      </c>
      <c r="F120">
        <v>1370</v>
      </c>
      <c r="G120">
        <v>127.5598540145985</v>
      </c>
      <c r="H120">
        <v>128</v>
      </c>
      <c r="I120">
        <v>5431.2580963290538</v>
      </c>
      <c r="J120">
        <v>73.697069794728293</v>
      </c>
      <c r="K120">
        <v>2.195157519943992E-3</v>
      </c>
      <c r="L120">
        <v>-1.1611297908581311</v>
      </c>
      <c r="M120">
        <v>7.8643273182387841</v>
      </c>
      <c r="N120">
        <v>14</v>
      </c>
      <c r="O120">
        <v>1</v>
      </c>
      <c r="P120">
        <v>13</v>
      </c>
      <c r="Q120">
        <v>2.2954412136328251</v>
      </c>
      <c r="R120">
        <v>5.4511363076377846</v>
      </c>
      <c r="S120">
        <v>2</v>
      </c>
      <c r="T120">
        <v>1</v>
      </c>
      <c r="U120">
        <v>1</v>
      </c>
      <c r="V120">
        <v>0.1046688020628727</v>
      </c>
      <c r="W120">
        <v>7.2066463326538273</v>
      </c>
      <c r="X120">
        <v>1</v>
      </c>
      <c r="Y120">
        <v>1</v>
      </c>
      <c r="Z120">
        <v>0</v>
      </c>
      <c r="AA120">
        <v>0</v>
      </c>
      <c r="AB120">
        <v>7.2211050981824929</v>
      </c>
      <c r="AC120">
        <v>1</v>
      </c>
      <c r="AD120">
        <v>1</v>
      </c>
      <c r="AE120">
        <v>0</v>
      </c>
      <c r="AF120">
        <v>0</v>
      </c>
      <c r="AG120">
        <v>7.2203738367239492</v>
      </c>
      <c r="AH120">
        <v>2.3649143588280758E-2</v>
      </c>
      <c r="AI120">
        <v>-3.027317929833993E-2</v>
      </c>
      <c r="AJ120">
        <v>-1.904223915723038E-2</v>
      </c>
      <c r="AK120">
        <v>-5.8324658792771177E-2</v>
      </c>
      <c r="AL120">
        <v>2564.4773939663319</v>
      </c>
      <c r="AM120">
        <v>4812.0948344599001</v>
      </c>
      <c r="AN120">
        <v>174757</v>
      </c>
      <c r="AO120">
        <v>78.511560339348023</v>
      </c>
      <c r="AP120">
        <v>2355.071730310528</v>
      </c>
      <c r="AQ120">
        <v>1.016788321167883</v>
      </c>
      <c r="AR120">
        <v>3.9912408759124092</v>
      </c>
      <c r="AS120">
        <v>1366</v>
      </c>
      <c r="AT120">
        <v>250.08759124087589</v>
      </c>
      <c r="AU120">
        <v>1.5614713038500091E-2</v>
      </c>
      <c r="AV120">
        <v>2.3655694706481691E-2</v>
      </c>
      <c r="AW120">
        <v>0.36642335766423362</v>
      </c>
      <c r="AX120">
        <v>85.352081811541268</v>
      </c>
      <c r="AY120">
        <v>63</v>
      </c>
      <c r="AZ120">
        <v>127.75</v>
      </c>
      <c r="BA120">
        <v>0.57774501518553056</v>
      </c>
      <c r="BB120">
        <v>0.50291970802919705</v>
      </c>
      <c r="BC120">
        <v>5.2476829979401751</v>
      </c>
      <c r="BD120" t="s">
        <v>521</v>
      </c>
      <c r="BE120" t="s">
        <v>68</v>
      </c>
    </row>
    <row r="121" spans="1:57" x14ac:dyDescent="0.3">
      <c r="A121" t="s">
        <v>522</v>
      </c>
      <c r="B121">
        <v>2398</v>
      </c>
      <c r="C121" t="s">
        <v>523</v>
      </c>
      <c r="D121" t="s">
        <v>524</v>
      </c>
      <c r="E121" t="s">
        <v>93</v>
      </c>
      <c r="F121">
        <v>2402</v>
      </c>
      <c r="G121">
        <v>127.4050791007494</v>
      </c>
      <c r="H121">
        <v>129</v>
      </c>
      <c r="I121">
        <v>5423.7797077581063</v>
      </c>
      <c r="J121">
        <v>73.646314963873834</v>
      </c>
      <c r="K121">
        <v>-1.41324837350524E-2</v>
      </c>
      <c r="L121">
        <v>-1.185375457311272</v>
      </c>
      <c r="M121">
        <v>7.9371527031205913</v>
      </c>
      <c r="N121">
        <v>18</v>
      </c>
      <c r="O121">
        <v>2</v>
      </c>
      <c r="P121">
        <v>16</v>
      </c>
      <c r="Q121">
        <v>2.7418090906997432</v>
      </c>
      <c r="R121">
        <v>5.5016150178417877</v>
      </c>
      <c r="S121">
        <v>3</v>
      </c>
      <c r="T121">
        <v>1</v>
      </c>
      <c r="U121">
        <v>2</v>
      </c>
      <c r="V121">
        <v>0.14577258209831501</v>
      </c>
      <c r="W121">
        <v>7.7551309453096984</v>
      </c>
      <c r="X121">
        <v>1</v>
      </c>
      <c r="Y121">
        <v>1</v>
      </c>
      <c r="Z121">
        <v>0</v>
      </c>
      <c r="AA121">
        <v>0</v>
      </c>
      <c r="AB121">
        <v>7.7832240163360362</v>
      </c>
      <c r="AC121">
        <v>1</v>
      </c>
      <c r="AD121">
        <v>1</v>
      </c>
      <c r="AE121">
        <v>0</v>
      </c>
      <c r="AF121">
        <v>0</v>
      </c>
      <c r="AG121">
        <v>7.7828072628396949</v>
      </c>
      <c r="AH121">
        <v>2.6237439070374211E-2</v>
      </c>
      <c r="AI121">
        <v>2.6914185050482108E-3</v>
      </c>
      <c r="AJ121">
        <v>3.2299644677045478E-2</v>
      </c>
      <c r="AK121">
        <v>2.2366881859552271E-2</v>
      </c>
      <c r="AL121">
        <v>3337.5008398246991</v>
      </c>
      <c r="AM121">
        <v>6393.6219112619901</v>
      </c>
      <c r="AN121">
        <v>306027</v>
      </c>
      <c r="AO121">
        <v>24.470422544566379</v>
      </c>
      <c r="AP121">
        <v>2985.7153099241641</v>
      </c>
      <c r="AQ121">
        <v>1.009575353871774</v>
      </c>
      <c r="AR121">
        <v>4.0037468776019987</v>
      </c>
      <c r="AS121">
        <v>2392</v>
      </c>
      <c r="AT121">
        <v>205.1074104912573</v>
      </c>
      <c r="AU121">
        <v>1.0835741457282329E-2</v>
      </c>
      <c r="AV121">
        <v>2.624284639230318E-2</v>
      </c>
      <c r="AW121">
        <v>0.36719400499583682</v>
      </c>
      <c r="AX121">
        <v>83.771345272803003</v>
      </c>
      <c r="AY121">
        <v>64</v>
      </c>
      <c r="AZ121">
        <v>128</v>
      </c>
      <c r="BA121">
        <v>0.57804850076373959</v>
      </c>
      <c r="BB121">
        <v>0.50374687760199832</v>
      </c>
      <c r="BC121">
        <v>5.2916857575291631</v>
      </c>
      <c r="BD121" t="s">
        <v>525</v>
      </c>
      <c r="BE121" t="s">
        <v>68</v>
      </c>
    </row>
    <row r="122" spans="1:57" x14ac:dyDescent="0.3">
      <c r="A122" t="s">
        <v>526</v>
      </c>
      <c r="B122">
        <v>2347</v>
      </c>
      <c r="C122" t="s">
        <v>527</v>
      </c>
      <c r="D122" t="s">
        <v>528</v>
      </c>
      <c r="E122" t="s">
        <v>93</v>
      </c>
      <c r="F122">
        <v>2363</v>
      </c>
      <c r="G122">
        <v>126.6191282268303</v>
      </c>
      <c r="H122">
        <v>127</v>
      </c>
      <c r="I122">
        <v>5634.5667437173706</v>
      </c>
      <c r="J122">
        <v>75.063751196681949</v>
      </c>
      <c r="K122">
        <v>9.2744657167510899E-3</v>
      </c>
      <c r="L122">
        <v>-1.222119467580989</v>
      </c>
      <c r="M122">
        <v>7.9194215807125694</v>
      </c>
      <c r="N122">
        <v>20</v>
      </c>
      <c r="O122">
        <v>3</v>
      </c>
      <c r="P122">
        <v>17</v>
      </c>
      <c r="Q122">
        <v>3.1007826278656552</v>
      </c>
      <c r="R122">
        <v>5.4893247403365049</v>
      </c>
      <c r="S122">
        <v>3</v>
      </c>
      <c r="T122">
        <v>1</v>
      </c>
      <c r="U122">
        <v>2</v>
      </c>
      <c r="V122">
        <v>0.13178669419922989</v>
      </c>
      <c r="W122">
        <v>7.7441527655009823</v>
      </c>
      <c r="X122">
        <v>1</v>
      </c>
      <c r="Y122">
        <v>1</v>
      </c>
      <c r="Z122">
        <v>0</v>
      </c>
      <c r="AA122">
        <v>0</v>
      </c>
      <c r="AB122">
        <v>7.7668405370855114</v>
      </c>
      <c r="AC122">
        <v>1</v>
      </c>
      <c r="AD122">
        <v>1</v>
      </c>
      <c r="AE122">
        <v>0</v>
      </c>
      <c r="AF122">
        <v>0</v>
      </c>
      <c r="AG122">
        <v>7.7664168980196564</v>
      </c>
      <c r="AH122">
        <v>3.2385631702901391E-3</v>
      </c>
      <c r="AI122">
        <v>2.3233518372639001E-2</v>
      </c>
      <c r="AJ122">
        <v>-1.5451324438523361E-2</v>
      </c>
      <c r="AK122">
        <v>-1.281899380045669E-2</v>
      </c>
      <c r="AL122">
        <v>3377.7722561910559</v>
      </c>
      <c r="AM122">
        <v>6307.9081782557651</v>
      </c>
      <c r="AN122">
        <v>299201</v>
      </c>
      <c r="AO122">
        <v>138.32769422614149</v>
      </c>
      <c r="AP122">
        <v>3063.797092206461</v>
      </c>
      <c r="AQ122">
        <v>1.009733389758781</v>
      </c>
      <c r="AR122">
        <v>3.9746085484553531</v>
      </c>
      <c r="AS122">
        <v>2356</v>
      </c>
      <c r="AT122">
        <v>266.66060093101993</v>
      </c>
      <c r="AU122">
        <v>2.2598391874735502E-2</v>
      </c>
      <c r="AV122">
        <v>3.2400766315454051E-3</v>
      </c>
      <c r="AW122">
        <v>0.36394413880660181</v>
      </c>
      <c r="AX122">
        <v>86.268416596104998</v>
      </c>
      <c r="AY122">
        <v>66</v>
      </c>
      <c r="AZ122">
        <v>131.5</v>
      </c>
      <c r="BA122">
        <v>0.59283105363203814</v>
      </c>
      <c r="BB122">
        <v>0.50105797714769362</v>
      </c>
      <c r="BC122">
        <v>5.3161358139944168</v>
      </c>
      <c r="BD122" t="s">
        <v>529</v>
      </c>
      <c r="BE122" t="s">
        <v>68</v>
      </c>
    </row>
    <row r="123" spans="1:57" x14ac:dyDescent="0.3">
      <c r="A123" t="s">
        <v>530</v>
      </c>
      <c r="B123">
        <v>3902</v>
      </c>
      <c r="C123" t="s">
        <v>531</v>
      </c>
      <c r="D123" t="s">
        <v>532</v>
      </c>
      <c r="E123" t="s">
        <v>93</v>
      </c>
      <c r="F123">
        <v>3917</v>
      </c>
      <c r="G123">
        <v>126.32627010467191</v>
      </c>
      <c r="H123">
        <v>126</v>
      </c>
      <c r="I123">
        <v>5409.3967390365669</v>
      </c>
      <c r="J123">
        <v>73.548601203806498</v>
      </c>
      <c r="K123">
        <v>1.124479865504543E-2</v>
      </c>
      <c r="L123">
        <v>-1.1895244662393381</v>
      </c>
      <c r="M123">
        <v>7.9541751078587346</v>
      </c>
      <c r="N123">
        <v>26</v>
      </c>
      <c r="O123">
        <v>5</v>
      </c>
      <c r="P123">
        <v>21</v>
      </c>
      <c r="Q123">
        <v>3.8384566416267409</v>
      </c>
      <c r="R123">
        <v>5.51341404969238</v>
      </c>
      <c r="S123">
        <v>3</v>
      </c>
      <c r="T123">
        <v>1</v>
      </c>
      <c r="U123">
        <v>2</v>
      </c>
      <c r="V123">
        <v>0.15979012138552379</v>
      </c>
      <c r="W123">
        <v>8.2379996258328561</v>
      </c>
      <c r="X123">
        <v>1</v>
      </c>
      <c r="Y123">
        <v>1</v>
      </c>
      <c r="Z123">
        <v>0</v>
      </c>
      <c r="AA123">
        <v>0</v>
      </c>
      <c r="AB123">
        <v>8.2725706084249016</v>
      </c>
      <c r="AC123">
        <v>1</v>
      </c>
      <c r="AD123">
        <v>1</v>
      </c>
      <c r="AE123">
        <v>0</v>
      </c>
      <c r="AF123">
        <v>0</v>
      </c>
      <c r="AG123">
        <v>8.2723151479560197</v>
      </c>
      <c r="AH123">
        <v>-7.5278554188901768E-3</v>
      </c>
      <c r="AI123">
        <v>7.5265422204621657E-3</v>
      </c>
      <c r="AJ123">
        <v>-1.083391466240355E-2</v>
      </c>
      <c r="AK123">
        <v>-1.1736024342288589E-2</v>
      </c>
      <c r="AL123">
        <v>4207.9168814804634</v>
      </c>
      <c r="AM123">
        <v>8123.4726268112554</v>
      </c>
      <c r="AN123">
        <v>494820.00000000012</v>
      </c>
      <c r="AO123">
        <v>63.506389841682967</v>
      </c>
      <c r="AP123">
        <v>3786.7206365764032</v>
      </c>
      <c r="AQ123">
        <v>1.0058718406944089</v>
      </c>
      <c r="AR123">
        <v>3.991064590247638</v>
      </c>
      <c r="AS123">
        <v>3905</v>
      </c>
      <c r="AT123">
        <v>246.51289251978551</v>
      </c>
      <c r="AU123">
        <v>1.4958426566950509E-2</v>
      </c>
      <c r="AV123">
        <v>-7.530853473592846E-3</v>
      </c>
      <c r="AW123">
        <v>0.37196834311973448</v>
      </c>
      <c r="AX123">
        <v>85.510980592441271</v>
      </c>
      <c r="AY123">
        <v>63</v>
      </c>
      <c r="AZ123">
        <v>126</v>
      </c>
      <c r="BA123">
        <v>0.5822114524782952</v>
      </c>
      <c r="BB123">
        <v>0.49782997191728362</v>
      </c>
      <c r="BC123">
        <v>5.3175958707668194</v>
      </c>
      <c r="BD123" t="s">
        <v>533</v>
      </c>
      <c r="BE123" t="s">
        <v>68</v>
      </c>
    </row>
    <row r="124" spans="1:57" x14ac:dyDescent="0.3">
      <c r="A124" t="s">
        <v>534</v>
      </c>
      <c r="B124">
        <v>134</v>
      </c>
      <c r="C124" t="s">
        <v>535</v>
      </c>
      <c r="D124" t="s">
        <v>536</v>
      </c>
      <c r="E124" t="s">
        <v>60</v>
      </c>
      <c r="F124">
        <v>256</v>
      </c>
      <c r="G124">
        <v>124.73828125</v>
      </c>
      <c r="H124">
        <v>119.5</v>
      </c>
      <c r="I124">
        <v>5465.7557220458984</v>
      </c>
      <c r="J124">
        <v>73.930749502800921</v>
      </c>
      <c r="K124">
        <v>2.440083953687034E-2</v>
      </c>
      <c r="L124">
        <v>-1.216412414209147</v>
      </c>
      <c r="M124">
        <v>7.0496192149082457</v>
      </c>
      <c r="N124">
        <v>5</v>
      </c>
      <c r="O124">
        <v>1</v>
      </c>
      <c r="P124">
        <v>4</v>
      </c>
      <c r="Q124">
        <v>0.92781433318676643</v>
      </c>
      <c r="R124">
        <v>4.8864236828348648</v>
      </c>
      <c r="S124">
        <v>2</v>
      </c>
      <c r="T124">
        <v>1</v>
      </c>
      <c r="U124">
        <v>1</v>
      </c>
      <c r="V124">
        <v>8.8558721353391615E-2</v>
      </c>
      <c r="W124">
        <v>5.5303906482084644</v>
      </c>
      <c r="X124">
        <v>1</v>
      </c>
      <c r="Y124">
        <v>1</v>
      </c>
      <c r="Z124">
        <v>0</v>
      </c>
      <c r="AA124">
        <v>0</v>
      </c>
      <c r="AB124">
        <v>5.5373342670185366</v>
      </c>
      <c r="AC124">
        <v>1</v>
      </c>
      <c r="AD124">
        <v>1</v>
      </c>
      <c r="AE124">
        <v>0</v>
      </c>
      <c r="AF124">
        <v>0</v>
      </c>
      <c r="AG124">
        <v>5.5333894887275203</v>
      </c>
      <c r="AH124">
        <v>-7.5549778770368156E-3</v>
      </c>
      <c r="AI124">
        <v>8.5981924631392832E-3</v>
      </c>
      <c r="AJ124">
        <v>-1.920995084848591E-3</v>
      </c>
      <c r="AK124">
        <v>-8.0208400911547365E-2</v>
      </c>
      <c r="AL124">
        <v>1202.7265534330361</v>
      </c>
      <c r="AM124">
        <v>1983.9228406536099</v>
      </c>
      <c r="AN124">
        <v>31933</v>
      </c>
      <c r="AO124">
        <v>125.5729383418055</v>
      </c>
      <c r="AP124">
        <v>1028.706558749878</v>
      </c>
      <c r="AQ124">
        <v>1.08984375</v>
      </c>
      <c r="AR124">
        <v>4.1328125</v>
      </c>
      <c r="AS124">
        <v>255</v>
      </c>
      <c r="AT124">
        <v>76.671875</v>
      </c>
      <c r="AU124">
        <v>4.7902960526315819E-2</v>
      </c>
      <c r="AV124">
        <v>-7.5974294893256184E-3</v>
      </c>
      <c r="AW124">
        <v>0.40625</v>
      </c>
      <c r="AX124">
        <v>85.274509803921575</v>
      </c>
      <c r="AY124">
        <v>65</v>
      </c>
      <c r="AZ124">
        <v>129</v>
      </c>
      <c r="BA124">
        <v>0.59268693429107933</v>
      </c>
      <c r="BB124">
        <v>0.46875</v>
      </c>
      <c r="BC124">
        <v>4.7911627630655502</v>
      </c>
      <c r="BD124" t="s">
        <v>537</v>
      </c>
      <c r="BE124" t="s">
        <v>62</v>
      </c>
    </row>
    <row r="125" spans="1:57" x14ac:dyDescent="0.3">
      <c r="A125" t="s">
        <v>538</v>
      </c>
      <c r="B125">
        <v>1755</v>
      </c>
      <c r="C125" t="s">
        <v>539</v>
      </c>
      <c r="D125" t="s">
        <v>540</v>
      </c>
      <c r="E125" t="s">
        <v>98</v>
      </c>
      <c r="F125">
        <v>16</v>
      </c>
      <c r="G125">
        <v>70.9375</v>
      </c>
      <c r="H125">
        <v>50</v>
      </c>
      <c r="I125">
        <v>3470.93359375</v>
      </c>
      <c r="J125">
        <v>58.914629709011997</v>
      </c>
      <c r="K125">
        <v>1.347474319831738</v>
      </c>
      <c r="L125">
        <v>0.75295011299612336</v>
      </c>
      <c r="M125">
        <v>4</v>
      </c>
      <c r="N125">
        <v>1</v>
      </c>
      <c r="O125">
        <v>1</v>
      </c>
      <c r="P125">
        <v>0</v>
      </c>
      <c r="Q125">
        <v>0</v>
      </c>
      <c r="R125">
        <v>2.7725887222397811</v>
      </c>
      <c r="S125">
        <v>1</v>
      </c>
      <c r="T125">
        <v>1</v>
      </c>
      <c r="U125">
        <v>0</v>
      </c>
      <c r="V125">
        <v>0</v>
      </c>
      <c r="W125">
        <v>2.7080502011022101</v>
      </c>
      <c r="X125">
        <v>1</v>
      </c>
      <c r="Y125">
        <v>1</v>
      </c>
      <c r="Z125">
        <v>0</v>
      </c>
      <c r="AA125">
        <v>0</v>
      </c>
      <c r="AB125">
        <v>2.639057329615258</v>
      </c>
      <c r="AC125">
        <v>1</v>
      </c>
      <c r="AD125">
        <v>1</v>
      </c>
      <c r="AE125">
        <v>0</v>
      </c>
      <c r="AF125">
        <v>0</v>
      </c>
      <c r="AG125">
        <v>2.5649493574615372</v>
      </c>
      <c r="AH125">
        <v>-0.26137044641942742</v>
      </c>
      <c r="AI125">
        <v>-0.17839009564924779</v>
      </c>
      <c r="AJ125">
        <v>-0.12835311161104659</v>
      </c>
      <c r="AK125">
        <v>0.14455919640676651</v>
      </c>
      <c r="AL125">
        <v>272.12584079857561</v>
      </c>
      <c r="AM125">
        <v>248.9910174477551</v>
      </c>
      <c r="AN125">
        <v>1135</v>
      </c>
      <c r="AO125">
        <v>86.539008545279742</v>
      </c>
      <c r="AP125">
        <v>177.21549688150631</v>
      </c>
      <c r="AQ125">
        <v>2.25</v>
      </c>
      <c r="AR125">
        <v>3.6875</v>
      </c>
      <c r="AS125">
        <v>16</v>
      </c>
      <c r="AT125">
        <v>0</v>
      </c>
      <c r="AU125">
        <v>0.43522727272727268</v>
      </c>
      <c r="AV125">
        <v>-0.29883403943338688</v>
      </c>
      <c r="AW125">
        <v>0.5625</v>
      </c>
      <c r="AX125">
        <v>70.666666666666671</v>
      </c>
      <c r="AY125">
        <v>19.5</v>
      </c>
      <c r="AZ125">
        <v>46</v>
      </c>
      <c r="BA125">
        <v>0.83051460382748199</v>
      </c>
      <c r="BB125">
        <v>0.3125</v>
      </c>
      <c r="BC125">
        <v>2.7080502011022101</v>
      </c>
      <c r="BD125" t="s">
        <v>539</v>
      </c>
      <c r="BE125" t="s">
        <v>62</v>
      </c>
    </row>
    <row r="126" spans="1:57" x14ac:dyDescent="0.3">
      <c r="A126" t="s">
        <v>541</v>
      </c>
      <c r="B126">
        <v>2132</v>
      </c>
      <c r="C126" t="s">
        <v>542</v>
      </c>
      <c r="D126" t="s">
        <v>543</v>
      </c>
      <c r="E126" t="s">
        <v>10622</v>
      </c>
      <c r="F126">
        <v>64</v>
      </c>
      <c r="G126">
        <v>119.25</v>
      </c>
      <c r="H126">
        <v>117.5</v>
      </c>
      <c r="I126">
        <v>5387.96875</v>
      </c>
      <c r="J126">
        <v>73.402784347734382</v>
      </c>
      <c r="K126">
        <v>0.14281883936764181</v>
      </c>
      <c r="L126">
        <v>-1.144496790771689</v>
      </c>
      <c r="M126">
        <v>5.875</v>
      </c>
      <c r="N126">
        <v>2</v>
      </c>
      <c r="O126">
        <v>1</v>
      </c>
      <c r="P126">
        <v>1</v>
      </c>
      <c r="Q126">
        <v>0.24944382578492941</v>
      </c>
      <c r="R126">
        <v>4.072239685789679</v>
      </c>
      <c r="S126">
        <v>1</v>
      </c>
      <c r="T126">
        <v>1</v>
      </c>
      <c r="U126">
        <v>0</v>
      </c>
      <c r="V126">
        <v>0</v>
      </c>
      <c r="W126">
        <v>4.1431347263915326</v>
      </c>
      <c r="X126">
        <v>1</v>
      </c>
      <c r="Y126">
        <v>1</v>
      </c>
      <c r="Z126">
        <v>0</v>
      </c>
      <c r="AA126">
        <v>0</v>
      </c>
      <c r="AB126">
        <v>4.1271343850450908</v>
      </c>
      <c r="AC126">
        <v>1</v>
      </c>
      <c r="AD126">
        <v>1</v>
      </c>
      <c r="AE126">
        <v>0</v>
      </c>
      <c r="AF126">
        <v>0</v>
      </c>
      <c r="AG126">
        <v>4.1108738641733096</v>
      </c>
      <c r="AH126">
        <v>-0.33144176115767188</v>
      </c>
      <c r="AI126">
        <v>-3.2492460052779629E-2</v>
      </c>
      <c r="AJ126">
        <v>-6.2438375431371979E-3</v>
      </c>
      <c r="AK126">
        <v>-8.4635545051184646E-2</v>
      </c>
      <c r="AL126">
        <v>629.73079397245658</v>
      </c>
      <c r="AM126">
        <v>926.49075932942753</v>
      </c>
      <c r="AN126">
        <v>7632</v>
      </c>
      <c r="AO126">
        <v>40</v>
      </c>
      <c r="AP126">
        <v>515.97904771311755</v>
      </c>
      <c r="AQ126">
        <v>1.359375</v>
      </c>
      <c r="AR126">
        <v>3.9375</v>
      </c>
      <c r="AS126">
        <v>64</v>
      </c>
      <c r="AT126">
        <v>3.5000000000000009</v>
      </c>
      <c r="AU126">
        <v>8.5506889763779514E-2</v>
      </c>
      <c r="AV126">
        <v>-0.33423143178278159</v>
      </c>
      <c r="AW126">
        <v>0.40625</v>
      </c>
      <c r="AX126">
        <v>100.6349206349206</v>
      </c>
      <c r="AY126">
        <v>62</v>
      </c>
      <c r="AZ126">
        <v>123.75</v>
      </c>
      <c r="BA126">
        <v>0.61553697566234278</v>
      </c>
      <c r="BB126">
        <v>0.5</v>
      </c>
      <c r="BC126">
        <v>3.8844722778225189</v>
      </c>
      <c r="BD126" t="s">
        <v>544</v>
      </c>
      <c r="BE126" t="s">
        <v>62</v>
      </c>
    </row>
    <row r="127" spans="1:57" x14ac:dyDescent="0.3">
      <c r="A127" t="s">
        <v>545</v>
      </c>
      <c r="B127">
        <v>1199</v>
      </c>
      <c r="C127" t="s">
        <v>546</v>
      </c>
      <c r="D127" t="s">
        <v>547</v>
      </c>
      <c r="E127" t="s">
        <v>128</v>
      </c>
      <c r="F127">
        <v>32</v>
      </c>
      <c r="G127">
        <v>138.21875</v>
      </c>
      <c r="H127">
        <v>138.5</v>
      </c>
      <c r="I127">
        <v>5330.4208984375</v>
      </c>
      <c r="J127">
        <v>73.009731532429981</v>
      </c>
      <c r="K127">
        <v>-0.15593291543926771</v>
      </c>
      <c r="L127">
        <v>-1.114184768639366</v>
      </c>
      <c r="M127">
        <v>5</v>
      </c>
      <c r="N127">
        <v>1</v>
      </c>
      <c r="O127">
        <v>1</v>
      </c>
      <c r="P127">
        <v>0</v>
      </c>
      <c r="Q127">
        <v>0</v>
      </c>
      <c r="R127">
        <v>3.465735902799727</v>
      </c>
      <c r="S127">
        <v>1</v>
      </c>
      <c r="T127">
        <v>1</v>
      </c>
      <c r="U127">
        <v>0</v>
      </c>
      <c r="V127">
        <v>0</v>
      </c>
      <c r="W127">
        <v>3.4339872044851458</v>
      </c>
      <c r="X127">
        <v>1</v>
      </c>
      <c r="Y127">
        <v>1</v>
      </c>
      <c r="Z127">
        <v>0</v>
      </c>
      <c r="AA127">
        <v>0</v>
      </c>
      <c r="AB127">
        <v>3.401197381662155</v>
      </c>
      <c r="AC127">
        <v>1</v>
      </c>
      <c r="AD127">
        <v>1</v>
      </c>
      <c r="AE127">
        <v>0</v>
      </c>
      <c r="AF127">
        <v>0</v>
      </c>
      <c r="AG127">
        <v>3.3672958299864728</v>
      </c>
      <c r="AH127">
        <v>-3.8749345956315379E-2</v>
      </c>
      <c r="AI127">
        <v>-0.2035646044931885</v>
      </c>
      <c r="AJ127">
        <v>-6.7659198950378974E-2</v>
      </c>
      <c r="AK127">
        <v>4.4235463695903761E-2</v>
      </c>
      <c r="AL127">
        <v>491.80368397777357</v>
      </c>
      <c r="AM127">
        <v>734.87695325536652</v>
      </c>
      <c r="AN127">
        <v>4423</v>
      </c>
      <c r="AO127">
        <v>29.716805122890449</v>
      </c>
      <c r="AP127">
        <v>306.24202637294343</v>
      </c>
      <c r="AQ127">
        <v>1.71875</v>
      </c>
      <c r="AR127">
        <v>4.34375</v>
      </c>
      <c r="AS127">
        <v>32</v>
      </c>
      <c r="AT127">
        <v>0</v>
      </c>
      <c r="AU127">
        <v>0.1143774703557312</v>
      </c>
      <c r="AV127">
        <v>-3.8925470000342501E-2</v>
      </c>
      <c r="AW127">
        <v>0.3125</v>
      </c>
      <c r="AX127">
        <v>90.41935483870968</v>
      </c>
      <c r="AY127">
        <v>68</v>
      </c>
      <c r="AZ127">
        <v>133</v>
      </c>
      <c r="BA127">
        <v>0.52821872236892597</v>
      </c>
      <c r="BB127">
        <v>0.5</v>
      </c>
      <c r="BC127">
        <v>3.3892680315457948</v>
      </c>
      <c r="BD127" t="s">
        <v>548</v>
      </c>
      <c r="BE127" t="s">
        <v>62</v>
      </c>
    </row>
    <row r="128" spans="1:57" x14ac:dyDescent="0.3">
      <c r="A128" t="s">
        <v>549</v>
      </c>
      <c r="B128">
        <v>1728</v>
      </c>
      <c r="C128" t="s">
        <v>550</v>
      </c>
      <c r="D128" t="s">
        <v>551</v>
      </c>
      <c r="E128" t="s">
        <v>106</v>
      </c>
      <c r="F128">
        <v>1754</v>
      </c>
      <c r="G128">
        <v>129.06385404789049</v>
      </c>
      <c r="H128">
        <v>130.5</v>
      </c>
      <c r="I128">
        <v>5525.2376558418673</v>
      </c>
      <c r="J128">
        <v>74.331942365593193</v>
      </c>
      <c r="K128">
        <v>-3.9282056791265528E-2</v>
      </c>
      <c r="L128">
        <v>-1.22692487608449</v>
      </c>
      <c r="M128">
        <v>7.8729790835946982</v>
      </c>
      <c r="N128">
        <v>16</v>
      </c>
      <c r="O128">
        <v>1</v>
      </c>
      <c r="P128">
        <v>15</v>
      </c>
      <c r="Q128">
        <v>2.8272939904781298</v>
      </c>
      <c r="R128">
        <v>5.4571332544010867</v>
      </c>
      <c r="S128">
        <v>2</v>
      </c>
      <c r="T128">
        <v>1</v>
      </c>
      <c r="U128">
        <v>1</v>
      </c>
      <c r="V128">
        <v>0.1307988208863157</v>
      </c>
      <c r="W128">
        <v>7.4453595090891787</v>
      </c>
      <c r="X128">
        <v>1</v>
      </c>
      <c r="Y128">
        <v>1</v>
      </c>
      <c r="Z128">
        <v>0</v>
      </c>
      <c r="AA128">
        <v>0</v>
      </c>
      <c r="AB128">
        <v>7.4685132714963363</v>
      </c>
      <c r="AC128">
        <v>1</v>
      </c>
      <c r="AD128">
        <v>1</v>
      </c>
      <c r="AE128">
        <v>0</v>
      </c>
      <c r="AF128">
        <v>0</v>
      </c>
      <c r="AG128">
        <v>7.4679423322858494</v>
      </c>
      <c r="AH128">
        <v>1.553497459599793E-2</v>
      </c>
      <c r="AI128">
        <v>-5.0081932476465116E-4</v>
      </c>
      <c r="AJ128">
        <v>1.069555950264053E-2</v>
      </c>
      <c r="AK128">
        <v>1.310882441160378E-2</v>
      </c>
      <c r="AL128">
        <v>2892.6825770912151</v>
      </c>
      <c r="AM128">
        <v>5526.3796022525376</v>
      </c>
      <c r="AN128">
        <v>226378</v>
      </c>
      <c r="AO128">
        <v>63.071523542725771</v>
      </c>
      <c r="AP128">
        <v>2592.436735063141</v>
      </c>
      <c r="AQ128">
        <v>1.013112884834664</v>
      </c>
      <c r="AR128">
        <v>3.9982896237172181</v>
      </c>
      <c r="AS128">
        <v>1747</v>
      </c>
      <c r="AT128">
        <v>298.67046750285073</v>
      </c>
      <c r="AU128">
        <v>2.559080644800682E-2</v>
      </c>
      <c r="AV128">
        <v>1.5549381403186929E-2</v>
      </c>
      <c r="AW128">
        <v>0.3614595210946408</v>
      </c>
      <c r="AX128">
        <v>84.818026240730177</v>
      </c>
      <c r="AY128">
        <v>66</v>
      </c>
      <c r="AZ128">
        <v>131.75</v>
      </c>
      <c r="BA128">
        <v>0.5759315256308053</v>
      </c>
      <c r="BB128">
        <v>0.5057012542759407</v>
      </c>
      <c r="BC128">
        <v>5.2731614777146598</v>
      </c>
      <c r="BD128" t="s">
        <v>552</v>
      </c>
      <c r="BE128" t="s">
        <v>68</v>
      </c>
    </row>
    <row r="129" spans="1:57" x14ac:dyDescent="0.3">
      <c r="A129" t="s">
        <v>553</v>
      </c>
      <c r="B129">
        <v>1306</v>
      </c>
      <c r="C129" t="s">
        <v>554</v>
      </c>
      <c r="D129" t="s">
        <v>555</v>
      </c>
      <c r="E129" t="s">
        <v>72</v>
      </c>
      <c r="F129">
        <v>1320</v>
      </c>
      <c r="G129">
        <v>129.66818181818181</v>
      </c>
      <c r="H129">
        <v>133</v>
      </c>
      <c r="I129">
        <v>5480.4505027548212</v>
      </c>
      <c r="J129">
        <v>74.03006485715666</v>
      </c>
      <c r="K129">
        <v>-4.6017859107967532E-2</v>
      </c>
      <c r="L129">
        <v>-1.1812125105109941</v>
      </c>
      <c r="M129">
        <v>7.8645447784528297</v>
      </c>
      <c r="N129">
        <v>13</v>
      </c>
      <c r="O129">
        <v>1</v>
      </c>
      <c r="P129">
        <v>12</v>
      </c>
      <c r="Q129">
        <v>2.1936260817171762</v>
      </c>
      <c r="R129">
        <v>5.4512870395720174</v>
      </c>
      <c r="S129">
        <v>2</v>
      </c>
      <c r="T129">
        <v>1</v>
      </c>
      <c r="U129">
        <v>1</v>
      </c>
      <c r="V129">
        <v>0.1030188333379544</v>
      </c>
      <c r="W129">
        <v>7.1699148835318116</v>
      </c>
      <c r="X129">
        <v>1</v>
      </c>
      <c r="Y129">
        <v>1</v>
      </c>
      <c r="Z129">
        <v>0</v>
      </c>
      <c r="AA129">
        <v>0</v>
      </c>
      <c r="AB129">
        <v>7.1838707150624526</v>
      </c>
      <c r="AC129">
        <v>1</v>
      </c>
      <c r="AD129">
        <v>1</v>
      </c>
      <c r="AE129">
        <v>0</v>
      </c>
      <c r="AF129">
        <v>0</v>
      </c>
      <c r="AG129">
        <v>7.1831117017432824</v>
      </c>
      <c r="AH129">
        <v>-8.2691174815278917E-3</v>
      </c>
      <c r="AI129">
        <v>1.5998490338048999E-2</v>
      </c>
      <c r="AJ129">
        <v>2.1783284738363929E-2</v>
      </c>
      <c r="AK129">
        <v>-1.214174745821253E-2</v>
      </c>
      <c r="AL129">
        <v>2522.9842820264162</v>
      </c>
      <c r="AM129">
        <v>4802.3963094113396</v>
      </c>
      <c r="AN129">
        <v>171162</v>
      </c>
      <c r="AO129">
        <v>70.303602867662491</v>
      </c>
      <c r="AP129">
        <v>2209.0766969267679</v>
      </c>
      <c r="AQ129">
        <v>1.0174242424242419</v>
      </c>
      <c r="AR129">
        <v>4.0462121212121209</v>
      </c>
      <c r="AS129">
        <v>1317</v>
      </c>
      <c r="AT129">
        <v>237.0454545454545</v>
      </c>
      <c r="AU129">
        <v>2.5133689839572201E-2</v>
      </c>
      <c r="AV129">
        <v>-8.2790466031402738E-3</v>
      </c>
      <c r="AW129">
        <v>0.35454545454545461</v>
      </c>
      <c r="AX129">
        <v>85.923426838514033</v>
      </c>
      <c r="AY129">
        <v>64</v>
      </c>
      <c r="AZ129">
        <v>130</v>
      </c>
      <c r="BA129">
        <v>0.57091927887876281</v>
      </c>
      <c r="BB129">
        <v>0.5083333333333333</v>
      </c>
      <c r="BC129">
        <v>5.2611114412896098</v>
      </c>
      <c r="BD129" t="s">
        <v>556</v>
      </c>
      <c r="BE129" t="s">
        <v>68</v>
      </c>
    </row>
    <row r="130" spans="1:57" x14ac:dyDescent="0.3">
      <c r="A130" t="s">
        <v>557</v>
      </c>
      <c r="B130">
        <v>3040</v>
      </c>
      <c r="C130" t="s">
        <v>558</v>
      </c>
      <c r="D130" t="s">
        <v>559</v>
      </c>
      <c r="E130" t="s">
        <v>93</v>
      </c>
      <c r="F130">
        <v>3046</v>
      </c>
      <c r="G130">
        <v>126.4113591595535</v>
      </c>
      <c r="H130">
        <v>126</v>
      </c>
      <c r="I130">
        <v>5459.7641388618122</v>
      </c>
      <c r="J130">
        <v>73.890216800749826</v>
      </c>
      <c r="K130">
        <v>8.6173368198722566E-3</v>
      </c>
      <c r="L130">
        <v>-1.1926766663594781</v>
      </c>
      <c r="M130">
        <v>7.9368462641148989</v>
      </c>
      <c r="N130">
        <v>21</v>
      </c>
      <c r="O130">
        <v>4</v>
      </c>
      <c r="P130">
        <v>17</v>
      </c>
      <c r="Q130">
        <v>3.463740400000229</v>
      </c>
      <c r="R130">
        <v>5.5014026105089746</v>
      </c>
      <c r="S130">
        <v>3</v>
      </c>
      <c r="T130">
        <v>1</v>
      </c>
      <c r="U130">
        <v>2</v>
      </c>
      <c r="V130">
        <v>0.139218331561764</v>
      </c>
      <c r="W130">
        <v>7.9951340038787748</v>
      </c>
      <c r="X130">
        <v>1</v>
      </c>
      <c r="Y130">
        <v>1</v>
      </c>
      <c r="Z130">
        <v>0</v>
      </c>
      <c r="AA130">
        <v>0</v>
      </c>
      <c r="AB130">
        <v>8.0209277189815769</v>
      </c>
      <c r="AC130">
        <v>1</v>
      </c>
      <c r="AD130">
        <v>1</v>
      </c>
      <c r="AE130">
        <v>0</v>
      </c>
      <c r="AF130">
        <v>0</v>
      </c>
      <c r="AG130">
        <v>8.0205991498969702</v>
      </c>
      <c r="AH130">
        <v>-5.7829145986774116E-3</v>
      </c>
      <c r="AI130">
        <v>8.4168921457395008E-3</v>
      </c>
      <c r="AJ130">
        <v>1.1078165020673139E-2</v>
      </c>
      <c r="AK130">
        <v>1.7739472581935589E-2</v>
      </c>
      <c r="AL130">
        <v>3755.9984462859052</v>
      </c>
      <c r="AM130">
        <v>7155.2417619181733</v>
      </c>
      <c r="AN130">
        <v>385049</v>
      </c>
      <c r="AO130">
        <v>108.1364269586889</v>
      </c>
      <c r="AP130">
        <v>3440.7555268858841</v>
      </c>
      <c r="AQ130">
        <v>1.007550886408404</v>
      </c>
      <c r="AR130">
        <v>3.9655285620485889</v>
      </c>
      <c r="AS130">
        <v>3040</v>
      </c>
      <c r="AT130">
        <v>258.13131976362439</v>
      </c>
      <c r="AU130">
        <v>1.2607984756607821E-2</v>
      </c>
      <c r="AV130">
        <v>-5.7849555983254834E-3</v>
      </c>
      <c r="AW130">
        <v>0.37327642810242939</v>
      </c>
      <c r="AX130">
        <v>85.698193760262726</v>
      </c>
      <c r="AY130">
        <v>64</v>
      </c>
      <c r="AZ130">
        <v>128</v>
      </c>
      <c r="BA130">
        <v>0.58452197090521973</v>
      </c>
      <c r="BB130">
        <v>0.49967170059093902</v>
      </c>
      <c r="BC130">
        <v>5.3148209129377566</v>
      </c>
      <c r="BD130" t="s">
        <v>560</v>
      </c>
      <c r="BE130" t="s">
        <v>68</v>
      </c>
    </row>
    <row r="131" spans="1:57" x14ac:dyDescent="0.3">
      <c r="A131" t="s">
        <v>561</v>
      </c>
      <c r="B131">
        <v>1210</v>
      </c>
      <c r="C131" t="s">
        <v>562</v>
      </c>
      <c r="D131" t="s">
        <v>563</v>
      </c>
      <c r="E131" t="s">
        <v>106</v>
      </c>
      <c r="F131">
        <v>1218</v>
      </c>
      <c r="G131">
        <v>127.8858784893268</v>
      </c>
      <c r="H131">
        <v>129</v>
      </c>
      <c r="I131">
        <v>5665.7677644581418</v>
      </c>
      <c r="J131">
        <v>75.271294425286342</v>
      </c>
      <c r="K131">
        <v>-7.1311904880376423E-3</v>
      </c>
      <c r="L131">
        <v>-1.1962786595077759</v>
      </c>
      <c r="M131">
        <v>7.8650464678354366</v>
      </c>
      <c r="N131">
        <v>11</v>
      </c>
      <c r="O131">
        <v>1</v>
      </c>
      <c r="P131">
        <v>10</v>
      </c>
      <c r="Q131">
        <v>2.021704603555353</v>
      </c>
      <c r="R131">
        <v>5.451634784153093</v>
      </c>
      <c r="S131">
        <v>2</v>
      </c>
      <c r="T131">
        <v>1</v>
      </c>
      <c r="U131">
        <v>1</v>
      </c>
      <c r="V131">
        <v>9.5067700085448931E-2</v>
      </c>
      <c r="W131">
        <v>7.0916139056643388</v>
      </c>
      <c r="X131">
        <v>1</v>
      </c>
      <c r="Y131">
        <v>1</v>
      </c>
      <c r="Z131">
        <v>0</v>
      </c>
      <c r="AA131">
        <v>0</v>
      </c>
      <c r="AB131">
        <v>7.1033220625261144</v>
      </c>
      <c r="AC131">
        <v>1</v>
      </c>
      <c r="AD131">
        <v>1</v>
      </c>
      <c r="AE131">
        <v>0</v>
      </c>
      <c r="AF131">
        <v>0</v>
      </c>
      <c r="AG131">
        <v>7.1024993557746487</v>
      </c>
      <c r="AH131">
        <v>2.059649144367608E-2</v>
      </c>
      <c r="AI131">
        <v>1.3999396794606029E-2</v>
      </c>
      <c r="AJ131">
        <v>-3.7281131870927742E-2</v>
      </c>
      <c r="AK131">
        <v>1.450197217704955E-2</v>
      </c>
      <c r="AL131">
        <v>2442.9894608785589</v>
      </c>
      <c r="AM131">
        <v>4566.4922527073541</v>
      </c>
      <c r="AN131">
        <v>155765</v>
      </c>
      <c r="AO131">
        <v>32.876794846145877</v>
      </c>
      <c r="AP131">
        <v>2178.6736617339461</v>
      </c>
      <c r="AQ131">
        <v>1.01888341543514</v>
      </c>
      <c r="AR131">
        <v>3.9761904761904758</v>
      </c>
      <c r="AS131">
        <v>1213</v>
      </c>
      <c r="AT131">
        <v>218.2068965517241</v>
      </c>
      <c r="AU131">
        <v>1.947261663286004E-2</v>
      </c>
      <c r="AV131">
        <v>2.0621443469853191E-2</v>
      </c>
      <c r="AW131">
        <v>0.34564860426929389</v>
      </c>
      <c r="AX131">
        <v>85.057518488085449</v>
      </c>
      <c r="AY131">
        <v>66</v>
      </c>
      <c r="AZ131">
        <v>132.75</v>
      </c>
      <c r="BA131">
        <v>0.58858175206239371</v>
      </c>
      <c r="BB131">
        <v>0.51313628899835795</v>
      </c>
      <c r="BC131">
        <v>5.2434185773783932</v>
      </c>
      <c r="BD131" t="s">
        <v>564</v>
      </c>
      <c r="BE131" t="s">
        <v>68</v>
      </c>
    </row>
    <row r="132" spans="1:57" x14ac:dyDescent="0.3">
      <c r="A132" t="s">
        <v>565</v>
      </c>
      <c r="B132">
        <v>2424</v>
      </c>
      <c r="C132" t="s">
        <v>566</v>
      </c>
      <c r="D132" t="s">
        <v>567</v>
      </c>
      <c r="E132" t="s">
        <v>98</v>
      </c>
      <c r="F132">
        <v>16</v>
      </c>
      <c r="G132">
        <v>141.8125</v>
      </c>
      <c r="H132">
        <v>159.5</v>
      </c>
      <c r="I132">
        <v>5602.40234375</v>
      </c>
      <c r="J132">
        <v>74.849197348735814</v>
      </c>
      <c r="K132">
        <v>-0.26549416335142562</v>
      </c>
      <c r="L132">
        <v>-1.348652860952773</v>
      </c>
      <c r="M132">
        <v>4</v>
      </c>
      <c r="N132">
        <v>1</v>
      </c>
      <c r="O132">
        <v>1</v>
      </c>
      <c r="P132">
        <v>0</v>
      </c>
      <c r="Q132">
        <v>0</v>
      </c>
      <c r="R132">
        <v>2.7725887222397811</v>
      </c>
      <c r="S132">
        <v>1</v>
      </c>
      <c r="T132">
        <v>1</v>
      </c>
      <c r="U132">
        <v>0</v>
      </c>
      <c r="V132">
        <v>0</v>
      </c>
      <c r="W132">
        <v>2.7080502011022101</v>
      </c>
      <c r="X132">
        <v>1</v>
      </c>
      <c r="Y132">
        <v>1</v>
      </c>
      <c r="Z132">
        <v>0</v>
      </c>
      <c r="AA132">
        <v>0</v>
      </c>
      <c r="AB132">
        <v>2.639057329615258</v>
      </c>
      <c r="AC132">
        <v>1</v>
      </c>
      <c r="AD132">
        <v>1</v>
      </c>
      <c r="AE132">
        <v>0</v>
      </c>
      <c r="AF132">
        <v>0</v>
      </c>
      <c r="AG132">
        <v>2.5649493574615372</v>
      </c>
      <c r="AH132">
        <v>1.4338418577409941E-3</v>
      </c>
      <c r="AI132">
        <v>-8.1667061772467867E-2</v>
      </c>
      <c r="AJ132">
        <v>0.1359316333325199</v>
      </c>
      <c r="AK132">
        <v>4.7687236571922623E-3</v>
      </c>
      <c r="AL132">
        <v>424.57698954344983</v>
      </c>
      <c r="AM132">
        <v>480.77581048782122</v>
      </c>
      <c r="AN132">
        <v>2269</v>
      </c>
      <c r="AO132">
        <v>167.93838683987451</v>
      </c>
      <c r="AP132">
        <v>331.26750452860182</v>
      </c>
      <c r="AQ132">
        <v>2.3125</v>
      </c>
      <c r="AR132">
        <v>3.6875</v>
      </c>
      <c r="AS132">
        <v>16</v>
      </c>
      <c r="AT132">
        <v>0</v>
      </c>
      <c r="AU132">
        <v>0.210204081632653</v>
      </c>
      <c r="AV132">
        <v>6.676962284903892E-3</v>
      </c>
      <c r="AW132">
        <v>0.375</v>
      </c>
      <c r="AX132">
        <v>82.666666666666671</v>
      </c>
      <c r="AY132">
        <v>53</v>
      </c>
      <c r="AZ132">
        <v>123</v>
      </c>
      <c r="BA132">
        <v>0.52780394780950768</v>
      </c>
      <c r="BB132">
        <v>0.5</v>
      </c>
      <c r="BC132">
        <v>2.615630577027551</v>
      </c>
      <c r="BD132" t="s">
        <v>566</v>
      </c>
      <c r="BE132" t="s">
        <v>62</v>
      </c>
    </row>
    <row r="133" spans="1:57" x14ac:dyDescent="0.3">
      <c r="A133" t="s">
        <v>568</v>
      </c>
      <c r="B133">
        <v>3149</v>
      </c>
      <c r="C133" t="s">
        <v>569</v>
      </c>
      <c r="D133" t="s">
        <v>570</v>
      </c>
      <c r="E133" t="s">
        <v>72</v>
      </c>
      <c r="F133">
        <v>3160</v>
      </c>
      <c r="G133">
        <v>127.08101265822781</v>
      </c>
      <c r="H133">
        <v>127</v>
      </c>
      <c r="I133">
        <v>5478.4219179618658</v>
      </c>
      <c r="J133">
        <v>74.016362501556813</v>
      </c>
      <c r="K133">
        <v>1.7902135240125579E-2</v>
      </c>
      <c r="L133">
        <v>-1.203054051557181</v>
      </c>
      <c r="M133">
        <v>7.9426038340471843</v>
      </c>
      <c r="N133">
        <v>24</v>
      </c>
      <c r="O133">
        <v>5</v>
      </c>
      <c r="P133">
        <v>19</v>
      </c>
      <c r="Q133">
        <v>3.4819568402695631</v>
      </c>
      <c r="R133">
        <v>5.5053934538744063</v>
      </c>
      <c r="S133">
        <v>3</v>
      </c>
      <c r="T133">
        <v>1</v>
      </c>
      <c r="U133">
        <v>2</v>
      </c>
      <c r="V133">
        <v>0.16970934120085279</v>
      </c>
      <c r="W133">
        <v>8.0187884373062204</v>
      </c>
      <c r="X133">
        <v>2</v>
      </c>
      <c r="Y133">
        <v>1</v>
      </c>
      <c r="Z133">
        <v>1</v>
      </c>
      <c r="AA133">
        <v>4.7080588792517163E-2</v>
      </c>
      <c r="AB133">
        <v>8.05462134474344</v>
      </c>
      <c r="AC133">
        <v>2</v>
      </c>
      <c r="AD133">
        <v>1</v>
      </c>
      <c r="AE133">
        <v>1</v>
      </c>
      <c r="AF133">
        <v>3.9796709490467277E-2</v>
      </c>
      <c r="AG133">
        <v>8.055181900402907</v>
      </c>
      <c r="AH133">
        <v>-1.5025351975423141E-2</v>
      </c>
      <c r="AI133">
        <v>4.5581574645420293E-2</v>
      </c>
      <c r="AJ133">
        <v>-7.6375218361612041E-3</v>
      </c>
      <c r="AK133">
        <v>-3.2237545600898657E-2</v>
      </c>
      <c r="AL133">
        <v>3803.8475954456821</v>
      </c>
      <c r="AM133">
        <v>7339.9755769772219</v>
      </c>
      <c r="AN133">
        <v>401576</v>
      </c>
      <c r="AO133">
        <v>108.26769705858671</v>
      </c>
      <c r="AP133">
        <v>3483.4001008113942</v>
      </c>
      <c r="AQ133">
        <v>1.007278481012658</v>
      </c>
      <c r="AR133">
        <v>3.969303797468354</v>
      </c>
      <c r="AS133">
        <v>3148</v>
      </c>
      <c r="AT133">
        <v>251.44303797468351</v>
      </c>
      <c r="AU133">
        <v>1.0796723752792279E-2</v>
      </c>
      <c r="AV133">
        <v>-1.503057842179366E-2</v>
      </c>
      <c r="AW133">
        <v>0.3768987341772152</v>
      </c>
      <c r="AX133">
        <v>86.751503640392528</v>
      </c>
      <c r="AY133">
        <v>63.5</v>
      </c>
      <c r="AZ133">
        <v>127</v>
      </c>
      <c r="BA133">
        <v>0.58243447194284403</v>
      </c>
      <c r="BB133">
        <v>0.49651898734177208</v>
      </c>
      <c r="BC133">
        <v>5.3254548137778599</v>
      </c>
      <c r="BD133" t="s">
        <v>571</v>
      </c>
      <c r="BE133" t="s">
        <v>68</v>
      </c>
    </row>
    <row r="134" spans="1:57" x14ac:dyDescent="0.3">
      <c r="A134" t="s">
        <v>572</v>
      </c>
      <c r="B134">
        <v>3451</v>
      </c>
      <c r="C134" t="s">
        <v>573</v>
      </c>
      <c r="D134" t="s">
        <v>574</v>
      </c>
      <c r="E134" t="s">
        <v>10622</v>
      </c>
      <c r="F134">
        <v>64</v>
      </c>
      <c r="G134">
        <v>123.796875</v>
      </c>
      <c r="H134">
        <v>118</v>
      </c>
      <c r="I134">
        <v>4773.880615234375</v>
      </c>
      <c r="J134">
        <v>69.093274746782512</v>
      </c>
      <c r="K134">
        <v>0.12858477889495129</v>
      </c>
      <c r="L134">
        <v>-1.0647253489549151</v>
      </c>
      <c r="M134">
        <v>5.78125</v>
      </c>
      <c r="N134">
        <v>2</v>
      </c>
      <c r="O134">
        <v>1</v>
      </c>
      <c r="P134">
        <v>1</v>
      </c>
      <c r="Q134">
        <v>0.32821556024332821</v>
      </c>
      <c r="R134">
        <v>4.0072571376121839</v>
      </c>
      <c r="S134">
        <v>1</v>
      </c>
      <c r="T134">
        <v>1</v>
      </c>
      <c r="U134">
        <v>0</v>
      </c>
      <c r="V134">
        <v>0</v>
      </c>
      <c r="W134">
        <v>4.1431347263915326</v>
      </c>
      <c r="X134">
        <v>1</v>
      </c>
      <c r="Y134">
        <v>1</v>
      </c>
      <c r="Z134">
        <v>0</v>
      </c>
      <c r="AA134">
        <v>0</v>
      </c>
      <c r="AB134">
        <v>4.1271343850450908</v>
      </c>
      <c r="AC134">
        <v>1</v>
      </c>
      <c r="AD134">
        <v>1</v>
      </c>
      <c r="AE134">
        <v>0</v>
      </c>
      <c r="AF134">
        <v>0</v>
      </c>
      <c r="AG134">
        <v>4.1108738641733096</v>
      </c>
      <c r="AH134">
        <v>7.0538171675194841E-2</v>
      </c>
      <c r="AI134">
        <v>0.29291786379026291</v>
      </c>
      <c r="AJ134">
        <v>-7.4404161189261533E-2</v>
      </c>
      <c r="AK134">
        <v>1.987032166101602E-2</v>
      </c>
      <c r="AL134">
        <v>614.27978313863071</v>
      </c>
      <c r="AM134">
        <v>953.43135464864849</v>
      </c>
      <c r="AN134">
        <v>7923</v>
      </c>
      <c r="AO134">
        <v>44.756483331151053</v>
      </c>
      <c r="AP134">
        <v>472.83671018213772</v>
      </c>
      <c r="AQ134">
        <v>1.359375</v>
      </c>
      <c r="AR134">
        <v>4.171875</v>
      </c>
      <c r="AS134">
        <v>64</v>
      </c>
      <c r="AT134">
        <v>5.4687499999999991</v>
      </c>
      <c r="AU134">
        <v>9.5500000000000029E-2</v>
      </c>
      <c r="AV134">
        <v>7.298506457106399E-2</v>
      </c>
      <c r="AW134">
        <v>0.390625</v>
      </c>
      <c r="AX134">
        <v>79.460317460317455</v>
      </c>
      <c r="AY134">
        <v>52</v>
      </c>
      <c r="AZ134">
        <v>105.25</v>
      </c>
      <c r="BA134">
        <v>0.55811808453793776</v>
      </c>
      <c r="BB134">
        <v>0.484375</v>
      </c>
      <c r="BC134">
        <v>3.853063325855433</v>
      </c>
      <c r="BD134" t="s">
        <v>575</v>
      </c>
      <c r="BE134" t="s">
        <v>62</v>
      </c>
    </row>
    <row r="135" spans="1:57" x14ac:dyDescent="0.3">
      <c r="A135" t="s">
        <v>576</v>
      </c>
      <c r="B135">
        <v>1643</v>
      </c>
      <c r="C135" t="s">
        <v>577</v>
      </c>
      <c r="D135" t="s">
        <v>578</v>
      </c>
      <c r="E135" t="s">
        <v>128</v>
      </c>
      <c r="F135">
        <v>32</v>
      </c>
      <c r="G135">
        <v>128.71875</v>
      </c>
      <c r="H135">
        <v>132</v>
      </c>
      <c r="I135">
        <v>4604.7021484375</v>
      </c>
      <c r="J135">
        <v>67.857955675348052</v>
      </c>
      <c r="K135">
        <v>-0.16364890857738959</v>
      </c>
      <c r="L135">
        <v>-0.92435412366622627</v>
      </c>
      <c r="M135">
        <v>4.6875</v>
      </c>
      <c r="N135">
        <v>2</v>
      </c>
      <c r="O135">
        <v>1</v>
      </c>
      <c r="P135">
        <v>1</v>
      </c>
      <c r="Q135">
        <v>0.38844772154450058</v>
      </c>
      <c r="R135">
        <v>3.2491274088747431</v>
      </c>
      <c r="S135">
        <v>1</v>
      </c>
      <c r="T135">
        <v>1</v>
      </c>
      <c r="U135">
        <v>0</v>
      </c>
      <c r="V135">
        <v>0</v>
      </c>
      <c r="W135">
        <v>3.4339872044851458</v>
      </c>
      <c r="X135">
        <v>1</v>
      </c>
      <c r="Y135">
        <v>1</v>
      </c>
      <c r="Z135">
        <v>0</v>
      </c>
      <c r="AA135">
        <v>0</v>
      </c>
      <c r="AB135">
        <v>3.401197381662155</v>
      </c>
      <c r="AC135">
        <v>1</v>
      </c>
      <c r="AD135">
        <v>1</v>
      </c>
      <c r="AE135">
        <v>0</v>
      </c>
      <c r="AF135">
        <v>0</v>
      </c>
      <c r="AG135">
        <v>3.3672958299864728</v>
      </c>
      <c r="AH135">
        <v>9.944773859728559E-2</v>
      </c>
      <c r="AI135">
        <v>-0.13637619122351791</v>
      </c>
      <c r="AJ135">
        <v>-0.1015030398931968</v>
      </c>
      <c r="AK135">
        <v>-0.30989473703744158</v>
      </c>
      <c r="AL135">
        <v>449.67291294680768</v>
      </c>
      <c r="AM135">
        <v>689.4470765489782</v>
      </c>
      <c r="AN135">
        <v>4119</v>
      </c>
      <c r="AO135">
        <v>45.880278987817853</v>
      </c>
      <c r="AP135">
        <v>303.48451791491408</v>
      </c>
      <c r="AQ135">
        <v>1.65625</v>
      </c>
      <c r="AR135">
        <v>4.0625</v>
      </c>
      <c r="AS135">
        <v>32</v>
      </c>
      <c r="AT135">
        <v>3.4375</v>
      </c>
      <c r="AU135">
        <v>0.1293191056910569</v>
      </c>
      <c r="AV135">
        <v>9.9486456966862771E-2</v>
      </c>
      <c r="AW135">
        <v>0.375</v>
      </c>
      <c r="AX135">
        <v>77.064516129032256</v>
      </c>
      <c r="AY135">
        <v>58.5</v>
      </c>
      <c r="AZ135">
        <v>112.5</v>
      </c>
      <c r="BA135">
        <v>0.52718003923552748</v>
      </c>
      <c r="BB135">
        <v>0.53125</v>
      </c>
      <c r="BC135">
        <v>3.2998296856670919</v>
      </c>
      <c r="BD135" t="s">
        <v>579</v>
      </c>
      <c r="BE135" t="s">
        <v>62</v>
      </c>
    </row>
    <row r="136" spans="1:57" x14ac:dyDescent="0.3">
      <c r="A136" t="s">
        <v>580</v>
      </c>
      <c r="B136">
        <v>137</v>
      </c>
      <c r="C136" t="s">
        <v>581</v>
      </c>
      <c r="D136" t="s">
        <v>582</v>
      </c>
      <c r="E136" t="s">
        <v>60</v>
      </c>
      <c r="F136">
        <v>256</v>
      </c>
      <c r="G136">
        <v>127.890625</v>
      </c>
      <c r="H136">
        <v>127</v>
      </c>
      <c r="I136">
        <v>5180.284912109375</v>
      </c>
      <c r="J136">
        <v>71.97419615465931</v>
      </c>
      <c r="K136">
        <v>-4.20292101625689E-3</v>
      </c>
      <c r="L136">
        <v>-1.1993922366343679</v>
      </c>
      <c r="M136">
        <v>7.1480694825561759</v>
      </c>
      <c r="N136">
        <v>7</v>
      </c>
      <c r="O136">
        <v>1</v>
      </c>
      <c r="P136">
        <v>6</v>
      </c>
      <c r="Q136">
        <v>0.88795983408574142</v>
      </c>
      <c r="R136">
        <v>4.9546642082804002</v>
      </c>
      <c r="S136">
        <v>1</v>
      </c>
      <c r="T136">
        <v>1</v>
      </c>
      <c r="U136">
        <v>0</v>
      </c>
      <c r="V136">
        <v>0</v>
      </c>
      <c r="W136">
        <v>5.541263545158424</v>
      </c>
      <c r="X136">
        <v>1</v>
      </c>
      <c r="Y136">
        <v>1</v>
      </c>
      <c r="Z136">
        <v>0</v>
      </c>
      <c r="AA136">
        <v>0</v>
      </c>
      <c r="AB136">
        <v>5.5373342670185366</v>
      </c>
      <c r="AC136">
        <v>1</v>
      </c>
      <c r="AD136">
        <v>1</v>
      </c>
      <c r="AE136">
        <v>0</v>
      </c>
      <c r="AF136">
        <v>0</v>
      </c>
      <c r="AG136">
        <v>5.5333894887275203</v>
      </c>
      <c r="AH136">
        <v>-4.0848297776281649E-2</v>
      </c>
      <c r="AI136">
        <v>4.3538147122053748E-2</v>
      </c>
      <c r="AJ136">
        <v>4.2881427324476203E-2</v>
      </c>
      <c r="AK136">
        <v>6.8106319747976846E-2</v>
      </c>
      <c r="AL136">
        <v>1148.7656702195691</v>
      </c>
      <c r="AM136">
        <v>2047.8353046387749</v>
      </c>
      <c r="AN136">
        <v>32740</v>
      </c>
      <c r="AO136">
        <v>112.85017126244389</v>
      </c>
      <c r="AP136">
        <v>946.44030356354369</v>
      </c>
      <c r="AQ136">
        <v>1.08984375</v>
      </c>
      <c r="AR136">
        <v>3.9140625</v>
      </c>
      <c r="AS136">
        <v>255</v>
      </c>
      <c r="AT136">
        <v>79.8359375</v>
      </c>
      <c r="AU136">
        <v>2.6413690476190469E-2</v>
      </c>
      <c r="AV136">
        <v>-4.1108171522504303E-2</v>
      </c>
      <c r="AW136">
        <v>0.3984375</v>
      </c>
      <c r="AX136">
        <v>85.97254901960784</v>
      </c>
      <c r="AY136">
        <v>65</v>
      </c>
      <c r="AZ136">
        <v>126</v>
      </c>
      <c r="BA136">
        <v>0.56277929797167936</v>
      </c>
      <c r="BB136">
        <v>0.5</v>
      </c>
      <c r="BC136">
        <v>4.8515768257154956</v>
      </c>
      <c r="BD136" t="s">
        <v>583</v>
      </c>
      <c r="BE136" t="s">
        <v>62</v>
      </c>
    </row>
    <row r="137" spans="1:57" x14ac:dyDescent="0.3">
      <c r="A137" t="s">
        <v>584</v>
      </c>
      <c r="B137">
        <v>2342</v>
      </c>
      <c r="C137" t="s">
        <v>585</v>
      </c>
      <c r="D137" t="s">
        <v>586</v>
      </c>
      <c r="E137" t="s">
        <v>66</v>
      </c>
      <c r="F137">
        <v>72</v>
      </c>
      <c r="G137">
        <v>108.3194444444444</v>
      </c>
      <c r="H137">
        <v>94</v>
      </c>
      <c r="I137">
        <v>6641.2451774691353</v>
      </c>
      <c r="J137">
        <v>81.49383521143875</v>
      </c>
      <c r="K137">
        <v>0.34858419610830349</v>
      </c>
      <c r="L137">
        <v>-1.232167975290849</v>
      </c>
      <c r="M137">
        <v>5.704511459715552</v>
      </c>
      <c r="N137">
        <v>3</v>
      </c>
      <c r="O137">
        <v>1</v>
      </c>
      <c r="P137">
        <v>2</v>
      </c>
      <c r="Q137">
        <v>0.52489065916782396</v>
      </c>
      <c r="R137">
        <v>3.9540660347737311</v>
      </c>
      <c r="S137">
        <v>2</v>
      </c>
      <c r="T137">
        <v>1</v>
      </c>
      <c r="U137">
        <v>1</v>
      </c>
      <c r="V137">
        <v>0.16776575221435111</v>
      </c>
      <c r="W137">
        <v>4.2236293316576567</v>
      </c>
      <c r="X137">
        <v>2</v>
      </c>
      <c r="Y137">
        <v>1</v>
      </c>
      <c r="Z137">
        <v>1</v>
      </c>
      <c r="AA137">
        <v>0.11951030798891769</v>
      </c>
      <c r="AB137">
        <v>4.2286910368905044</v>
      </c>
      <c r="AC137">
        <v>1</v>
      </c>
      <c r="AD137">
        <v>1</v>
      </c>
      <c r="AE137">
        <v>0</v>
      </c>
      <c r="AF137">
        <v>0</v>
      </c>
      <c r="AG137">
        <v>4.2341065045972579</v>
      </c>
      <c r="AH137">
        <v>-2.5110635193321022E-2</v>
      </c>
      <c r="AI137">
        <v>1.2268347503800479E-2</v>
      </c>
      <c r="AJ137">
        <v>-0.1771135313321098</v>
      </c>
      <c r="AK137">
        <v>8.9970639714483533E-2</v>
      </c>
      <c r="AL137">
        <v>731.01923680365428</v>
      </c>
      <c r="AM137">
        <v>888.01119104603788</v>
      </c>
      <c r="AN137">
        <v>7799</v>
      </c>
      <c r="AO137">
        <v>161.36729347988651</v>
      </c>
      <c r="AP137">
        <v>622.10913883510511</v>
      </c>
      <c r="AQ137">
        <v>1.319444444444444</v>
      </c>
      <c r="AR137">
        <v>3.791666666666667</v>
      </c>
      <c r="AS137">
        <v>72</v>
      </c>
      <c r="AT137">
        <v>12</v>
      </c>
      <c r="AU137">
        <v>0.18810148731408571</v>
      </c>
      <c r="AV137">
        <v>-2.525260740998472E-2</v>
      </c>
      <c r="AW137">
        <v>0.41666666666666669</v>
      </c>
      <c r="AX137">
        <v>92.676056338028175</v>
      </c>
      <c r="AY137">
        <v>71</v>
      </c>
      <c r="AZ137">
        <v>143.5</v>
      </c>
      <c r="BA137">
        <v>0.75234724134165787</v>
      </c>
      <c r="BB137">
        <v>0.43055555555555558</v>
      </c>
      <c r="BC137">
        <v>4.0283766047393623</v>
      </c>
      <c r="BD137" t="s">
        <v>587</v>
      </c>
      <c r="BE137" t="s">
        <v>68</v>
      </c>
    </row>
    <row r="138" spans="1:57" x14ac:dyDescent="0.3">
      <c r="A138" t="s">
        <v>588</v>
      </c>
      <c r="B138">
        <v>1422</v>
      </c>
      <c r="C138" t="s">
        <v>589</v>
      </c>
      <c r="D138" t="s">
        <v>590</v>
      </c>
      <c r="E138" t="s">
        <v>115</v>
      </c>
      <c r="F138">
        <v>1456</v>
      </c>
      <c r="G138">
        <v>126.7850274725275</v>
      </c>
      <c r="H138">
        <v>128</v>
      </c>
      <c r="I138">
        <v>5525.6989791201249</v>
      </c>
      <c r="J138">
        <v>74.335045430268792</v>
      </c>
      <c r="K138">
        <v>-2.8468078914061672E-4</v>
      </c>
      <c r="L138">
        <v>-1.1982917738825329</v>
      </c>
      <c r="M138">
        <v>7.8828111504305927</v>
      </c>
      <c r="N138">
        <v>14</v>
      </c>
      <c r="O138">
        <v>1</v>
      </c>
      <c r="P138">
        <v>13</v>
      </c>
      <c r="Q138">
        <v>2.273316684934152</v>
      </c>
      <c r="R138">
        <v>5.4639483238074584</v>
      </c>
      <c r="S138">
        <v>2</v>
      </c>
      <c r="T138">
        <v>1</v>
      </c>
      <c r="U138">
        <v>1</v>
      </c>
      <c r="V138">
        <v>7.8646852369397793E-2</v>
      </c>
      <c r="W138">
        <v>7.2741861629388724</v>
      </c>
      <c r="X138">
        <v>1</v>
      </c>
      <c r="Y138">
        <v>1</v>
      </c>
      <c r="Z138">
        <v>0</v>
      </c>
      <c r="AA138">
        <v>0</v>
      </c>
      <c r="AB138">
        <v>7.2820736580934646</v>
      </c>
      <c r="AC138">
        <v>1</v>
      </c>
      <c r="AD138">
        <v>1</v>
      </c>
      <c r="AE138">
        <v>0</v>
      </c>
      <c r="AF138">
        <v>0</v>
      </c>
      <c r="AG138">
        <v>7.2813856635702843</v>
      </c>
      <c r="AH138">
        <v>1.4888377083630871E-2</v>
      </c>
      <c r="AI138">
        <v>4.6362563015526922E-2</v>
      </c>
      <c r="AJ138">
        <v>4.4242307855067416E-3</v>
      </c>
      <c r="AK138">
        <v>-2.4128559825832199E-2</v>
      </c>
      <c r="AL138">
        <v>2651.533816696211</v>
      </c>
      <c r="AM138">
        <v>4941.57620794382</v>
      </c>
      <c r="AN138">
        <v>184599</v>
      </c>
      <c r="AO138">
        <v>83.874003260443118</v>
      </c>
      <c r="AP138">
        <v>2345.586914682689</v>
      </c>
      <c r="AQ138">
        <v>1.015796703296703</v>
      </c>
      <c r="AR138">
        <v>3.9677197802197801</v>
      </c>
      <c r="AS138">
        <v>1452</v>
      </c>
      <c r="AT138">
        <v>232.61538461538461</v>
      </c>
      <c r="AU138">
        <v>1.5263413057530709E-2</v>
      </c>
      <c r="AV138">
        <v>1.490404331955029E-2</v>
      </c>
      <c r="AW138">
        <v>0.35851648351648352</v>
      </c>
      <c r="AX138">
        <v>85.297594501718208</v>
      </c>
      <c r="AY138">
        <v>65</v>
      </c>
      <c r="AZ138">
        <v>128</v>
      </c>
      <c r="BA138">
        <v>0.58630775977373317</v>
      </c>
      <c r="BB138">
        <v>0.5089285714285714</v>
      </c>
      <c r="BC138">
        <v>5.2615194879370648</v>
      </c>
      <c r="BD138" t="s">
        <v>591</v>
      </c>
      <c r="BE138" t="s">
        <v>62</v>
      </c>
    </row>
    <row r="139" spans="1:57" x14ac:dyDescent="0.3">
      <c r="A139" t="s">
        <v>592</v>
      </c>
      <c r="B139">
        <v>1499</v>
      </c>
      <c r="C139" t="s">
        <v>593</v>
      </c>
      <c r="D139" t="s">
        <v>594</v>
      </c>
      <c r="E139" t="s">
        <v>93</v>
      </c>
      <c r="F139">
        <v>1510</v>
      </c>
      <c r="G139">
        <v>131.06490066225169</v>
      </c>
      <c r="H139">
        <v>131</v>
      </c>
      <c r="I139">
        <v>5560.5096951888072</v>
      </c>
      <c r="J139">
        <v>74.568825223338521</v>
      </c>
      <c r="K139">
        <v>-7.4276299504806881E-2</v>
      </c>
      <c r="L139">
        <v>-1.197819623060004</v>
      </c>
      <c r="M139">
        <v>7.8716990997614076</v>
      </c>
      <c r="N139">
        <v>16</v>
      </c>
      <c r="O139">
        <v>1</v>
      </c>
      <c r="P139">
        <v>15</v>
      </c>
      <c r="Q139">
        <v>2.4353856823429139</v>
      </c>
      <c r="R139">
        <v>5.4562460372158794</v>
      </c>
      <c r="S139">
        <v>2</v>
      </c>
      <c r="T139">
        <v>1</v>
      </c>
      <c r="U139">
        <v>1</v>
      </c>
      <c r="V139">
        <v>0.1092093903027116</v>
      </c>
      <c r="W139">
        <v>7.3026661443210887</v>
      </c>
      <c r="X139">
        <v>1</v>
      </c>
      <c r="Y139">
        <v>1</v>
      </c>
      <c r="Z139">
        <v>0</v>
      </c>
      <c r="AA139">
        <v>0</v>
      </c>
      <c r="AB139">
        <v>7.3185395485678999</v>
      </c>
      <c r="AC139">
        <v>1</v>
      </c>
      <c r="AD139">
        <v>1</v>
      </c>
      <c r="AE139">
        <v>0</v>
      </c>
      <c r="AF139">
        <v>0</v>
      </c>
      <c r="AG139">
        <v>7.3178761986264984</v>
      </c>
      <c r="AH139">
        <v>3.0189182436797642E-2</v>
      </c>
      <c r="AI139">
        <v>-3.9056300162822417E-2</v>
      </c>
      <c r="AJ139">
        <v>-8.526310446632655E-3</v>
      </c>
      <c r="AK139">
        <v>1.320534796838839E-3</v>
      </c>
      <c r="AL139">
        <v>2695.779519750552</v>
      </c>
      <c r="AM139">
        <v>5202.6853432524122</v>
      </c>
      <c r="AN139">
        <v>197908</v>
      </c>
      <c r="AO139">
        <v>16.269726659369589</v>
      </c>
      <c r="AP139">
        <v>2428.0638759849098</v>
      </c>
      <c r="AQ139">
        <v>1.0152317880794699</v>
      </c>
      <c r="AR139">
        <v>4.0576158940397349</v>
      </c>
      <c r="AS139">
        <v>1499</v>
      </c>
      <c r="AT139">
        <v>255.41059602649</v>
      </c>
      <c r="AU139">
        <v>3.3099597454876013E-2</v>
      </c>
      <c r="AV139">
        <v>3.022174768737524E-2</v>
      </c>
      <c r="AW139">
        <v>0.35827814569536431</v>
      </c>
      <c r="AX139">
        <v>84.30881378396289</v>
      </c>
      <c r="AY139">
        <v>65</v>
      </c>
      <c r="AZ139">
        <v>130</v>
      </c>
      <c r="BA139">
        <v>0.56894580354124724</v>
      </c>
      <c r="BB139">
        <v>0.49933774834437078</v>
      </c>
      <c r="BC139">
        <v>5.2729707349699577</v>
      </c>
      <c r="BD139" t="s">
        <v>595</v>
      </c>
      <c r="BE139" t="s">
        <v>68</v>
      </c>
    </row>
    <row r="140" spans="1:57" x14ac:dyDescent="0.3">
      <c r="A140" t="s">
        <v>596</v>
      </c>
      <c r="B140">
        <v>3831</v>
      </c>
      <c r="C140" t="s">
        <v>597</v>
      </c>
      <c r="D140" t="s">
        <v>598</v>
      </c>
      <c r="E140" t="s">
        <v>115</v>
      </c>
      <c r="F140">
        <v>3910</v>
      </c>
      <c r="G140">
        <v>127.7795396419437</v>
      </c>
      <c r="H140">
        <v>127</v>
      </c>
      <c r="I140">
        <v>5435.5923179466381</v>
      </c>
      <c r="J140">
        <v>73.726469588246516</v>
      </c>
      <c r="K140">
        <v>6.4064839954556703E-3</v>
      </c>
      <c r="L140">
        <v>-1.197381266905996</v>
      </c>
      <c r="M140">
        <v>7.9504308055702024</v>
      </c>
      <c r="N140">
        <v>28</v>
      </c>
      <c r="O140">
        <v>5</v>
      </c>
      <c r="P140">
        <v>23</v>
      </c>
      <c r="Q140">
        <v>3.9837851891880098</v>
      </c>
      <c r="R140">
        <v>5.5108186971179114</v>
      </c>
      <c r="S140">
        <v>3</v>
      </c>
      <c r="T140">
        <v>1</v>
      </c>
      <c r="U140">
        <v>2</v>
      </c>
      <c r="V140">
        <v>0.16928850744463139</v>
      </c>
      <c r="W140">
        <v>8.2324678488350429</v>
      </c>
      <c r="X140">
        <v>1</v>
      </c>
      <c r="Y140">
        <v>1</v>
      </c>
      <c r="Z140">
        <v>0</v>
      </c>
      <c r="AA140">
        <v>0</v>
      </c>
      <c r="AB140">
        <v>8.2707810131626722</v>
      </c>
      <c r="AC140">
        <v>1</v>
      </c>
      <c r="AD140">
        <v>1</v>
      </c>
      <c r="AE140">
        <v>0</v>
      </c>
      <c r="AF140">
        <v>0</v>
      </c>
      <c r="AG140">
        <v>8.2705250950550706</v>
      </c>
      <c r="AH140">
        <v>-8.4193532068085625E-3</v>
      </c>
      <c r="AI140">
        <v>7.4814751602079507E-3</v>
      </c>
      <c r="AJ140">
        <v>3.2486805196039561E-3</v>
      </c>
      <c r="AK140">
        <v>-1.574618196123927E-2</v>
      </c>
      <c r="AL140">
        <v>4230.4439087310266</v>
      </c>
      <c r="AM140">
        <v>8197.4061955645793</v>
      </c>
      <c r="AN140">
        <v>499618</v>
      </c>
      <c r="AO140">
        <v>148.22201760376461</v>
      </c>
      <c r="AP140">
        <v>3931.7116703289962</v>
      </c>
      <c r="AQ140">
        <v>1.005882352941176</v>
      </c>
      <c r="AR140">
        <v>4.0061381074168798</v>
      </c>
      <c r="AS140">
        <v>3895</v>
      </c>
      <c r="AT140">
        <v>266.00818414322248</v>
      </c>
      <c r="AU140">
        <v>1.0656436487638589E-2</v>
      </c>
      <c r="AV140">
        <v>-8.4219129234193064E-3</v>
      </c>
      <c r="AW140">
        <v>0.37570332480818408</v>
      </c>
      <c r="AX140">
        <v>85.329496034791504</v>
      </c>
      <c r="AY140">
        <v>64</v>
      </c>
      <c r="AZ140">
        <v>128</v>
      </c>
      <c r="BA140">
        <v>0.57698180628008577</v>
      </c>
      <c r="BB140">
        <v>0.49872122762148341</v>
      </c>
      <c r="BC140">
        <v>5.3201551747755156</v>
      </c>
      <c r="BD140" t="s">
        <v>599</v>
      </c>
      <c r="BE140" t="s">
        <v>68</v>
      </c>
    </row>
    <row r="141" spans="1:57" x14ac:dyDescent="0.3">
      <c r="A141" t="s">
        <v>600</v>
      </c>
      <c r="B141">
        <v>3841</v>
      </c>
      <c r="C141" t="s">
        <v>601</v>
      </c>
      <c r="D141" t="s">
        <v>602</v>
      </c>
      <c r="E141" t="s">
        <v>106</v>
      </c>
      <c r="F141">
        <v>3879</v>
      </c>
      <c r="G141">
        <v>127.9443155452436</v>
      </c>
      <c r="H141">
        <v>130</v>
      </c>
      <c r="I141">
        <v>5405.3472472693411</v>
      </c>
      <c r="J141">
        <v>73.52106669023064</v>
      </c>
      <c r="K141">
        <v>-1.760752272968355E-2</v>
      </c>
      <c r="L141">
        <v>-1.193463036784975</v>
      </c>
      <c r="M141">
        <v>7.9599463858460169</v>
      </c>
      <c r="N141">
        <v>26</v>
      </c>
      <c r="O141">
        <v>7</v>
      </c>
      <c r="P141">
        <v>19</v>
      </c>
      <c r="Q141">
        <v>3.5449450111159599</v>
      </c>
      <c r="R141">
        <v>5.517414394757485</v>
      </c>
      <c r="S141">
        <v>2</v>
      </c>
      <c r="T141">
        <v>1</v>
      </c>
      <c r="U141">
        <v>1</v>
      </c>
      <c r="V141">
        <v>0.15646633773321111</v>
      </c>
      <c r="W141">
        <v>8.2291145561980592</v>
      </c>
      <c r="X141">
        <v>1</v>
      </c>
      <c r="Y141">
        <v>1</v>
      </c>
      <c r="Z141">
        <v>0</v>
      </c>
      <c r="AA141">
        <v>0</v>
      </c>
      <c r="AB141">
        <v>8.2628169376709266</v>
      </c>
      <c r="AC141">
        <v>1</v>
      </c>
      <c r="AD141">
        <v>1</v>
      </c>
      <c r="AE141">
        <v>0</v>
      </c>
      <c r="AF141">
        <v>0</v>
      </c>
      <c r="AG141">
        <v>8.2625589730106554</v>
      </c>
      <c r="AH141">
        <v>9.0753450094510722E-3</v>
      </c>
      <c r="AI141">
        <v>3.6763449929356588E-2</v>
      </c>
      <c r="AJ141">
        <v>1.402969924791697E-2</v>
      </c>
      <c r="AK141">
        <v>6.5022300840265231E-3</v>
      </c>
      <c r="AL141">
        <v>4168.0292136257895</v>
      </c>
      <c r="AM141">
        <v>8191.039401343518</v>
      </c>
      <c r="AN141">
        <v>496295.99999999988</v>
      </c>
      <c r="AO141">
        <v>120.27504728266911</v>
      </c>
      <c r="AP141">
        <v>3742.4882940776761</v>
      </c>
      <c r="AQ141">
        <v>1.005929363237948</v>
      </c>
      <c r="AR141">
        <v>3.980407321474607</v>
      </c>
      <c r="AS141">
        <v>3867</v>
      </c>
      <c r="AT141">
        <v>212.3142562516112</v>
      </c>
      <c r="AU141">
        <v>1.162822437559707E-2</v>
      </c>
      <c r="AV141">
        <v>9.0757222629399368E-3</v>
      </c>
      <c r="AW141">
        <v>0.36684712554782162</v>
      </c>
      <c r="AX141">
        <v>84.516761217122223</v>
      </c>
      <c r="AY141">
        <v>64</v>
      </c>
      <c r="AZ141">
        <v>128</v>
      </c>
      <c r="BA141">
        <v>0.57463331901003567</v>
      </c>
      <c r="BB141">
        <v>0.50966744006187159</v>
      </c>
      <c r="BC141">
        <v>5.3130193207687526</v>
      </c>
      <c r="BD141" t="s">
        <v>603</v>
      </c>
      <c r="BE141" t="s">
        <v>68</v>
      </c>
    </row>
    <row r="142" spans="1:57" x14ac:dyDescent="0.3">
      <c r="A142" t="s">
        <v>604</v>
      </c>
      <c r="B142">
        <v>2155</v>
      </c>
      <c r="C142" t="s">
        <v>605</v>
      </c>
      <c r="D142" t="s">
        <v>606</v>
      </c>
      <c r="E142" t="s">
        <v>128</v>
      </c>
      <c r="F142">
        <v>32</v>
      </c>
      <c r="G142">
        <v>124.59375</v>
      </c>
      <c r="H142">
        <v>131.5</v>
      </c>
      <c r="I142">
        <v>6961.6787109375</v>
      </c>
      <c r="J142">
        <v>83.436674855470486</v>
      </c>
      <c r="K142">
        <v>-8.7199544302272669E-2</v>
      </c>
      <c r="L142">
        <v>-1.493554456497924</v>
      </c>
      <c r="M142">
        <v>4.8125</v>
      </c>
      <c r="N142">
        <v>2</v>
      </c>
      <c r="O142">
        <v>1</v>
      </c>
      <c r="P142">
        <v>1</v>
      </c>
      <c r="Q142">
        <v>0.3045434781492361</v>
      </c>
      <c r="R142">
        <v>3.335770806444736</v>
      </c>
      <c r="S142">
        <v>1</v>
      </c>
      <c r="T142">
        <v>1</v>
      </c>
      <c r="U142">
        <v>0</v>
      </c>
      <c r="V142">
        <v>0</v>
      </c>
      <c r="W142">
        <v>3.4339872044851458</v>
      </c>
      <c r="X142">
        <v>1</v>
      </c>
      <c r="Y142">
        <v>1</v>
      </c>
      <c r="Z142">
        <v>0</v>
      </c>
      <c r="AA142">
        <v>0</v>
      </c>
      <c r="AB142">
        <v>3.401197381662155</v>
      </c>
      <c r="AC142">
        <v>1</v>
      </c>
      <c r="AD142">
        <v>1</v>
      </c>
      <c r="AE142">
        <v>0</v>
      </c>
      <c r="AF142">
        <v>0</v>
      </c>
      <c r="AG142">
        <v>3.3672958299864728</v>
      </c>
      <c r="AH142">
        <v>-7.1641400873560176E-2</v>
      </c>
      <c r="AI142">
        <v>-0.136230943211855</v>
      </c>
      <c r="AJ142">
        <v>-2.2536658379109179E-2</v>
      </c>
      <c r="AK142">
        <v>-0.23673346405734849</v>
      </c>
      <c r="AL142">
        <v>544.46808808621802</v>
      </c>
      <c r="AM142">
        <v>650.44869210087461</v>
      </c>
      <c r="AN142">
        <v>3987</v>
      </c>
      <c r="AO142">
        <v>185.07989356218329</v>
      </c>
      <c r="AP142">
        <v>395.82075252372721</v>
      </c>
      <c r="AQ142">
        <v>1.71875</v>
      </c>
      <c r="AR142">
        <v>4.25</v>
      </c>
      <c r="AS142">
        <v>32</v>
      </c>
      <c r="AT142">
        <v>2.4375</v>
      </c>
      <c r="AU142">
        <v>0.1734825102880658</v>
      </c>
      <c r="AV142">
        <v>-7.3950577967480377E-2</v>
      </c>
      <c r="AW142">
        <v>0.28125</v>
      </c>
      <c r="AX142">
        <v>98.387096774193552</v>
      </c>
      <c r="AY142">
        <v>88.5</v>
      </c>
      <c r="AZ142">
        <v>168.75</v>
      </c>
      <c r="BA142">
        <v>0.66966982577754086</v>
      </c>
      <c r="BB142">
        <v>0.5</v>
      </c>
      <c r="BC142">
        <v>3.165672166849038</v>
      </c>
      <c r="BD142" t="s">
        <v>607</v>
      </c>
      <c r="BE142" t="s">
        <v>62</v>
      </c>
    </row>
    <row r="143" spans="1:57" x14ac:dyDescent="0.3">
      <c r="A143" t="s">
        <v>608</v>
      </c>
      <c r="B143">
        <v>160</v>
      </c>
      <c r="C143" t="s">
        <v>609</v>
      </c>
      <c r="D143" t="s">
        <v>610</v>
      </c>
      <c r="E143" t="s">
        <v>60</v>
      </c>
      <c r="F143">
        <v>256</v>
      </c>
      <c r="G143">
        <v>122.16796875</v>
      </c>
      <c r="H143">
        <v>124.5</v>
      </c>
      <c r="I143">
        <v>5462.9444427490234</v>
      </c>
      <c r="J143">
        <v>73.911734134364778</v>
      </c>
      <c r="K143">
        <v>-3.9194531622625909E-4</v>
      </c>
      <c r="L143">
        <v>-1.2523882013618739</v>
      </c>
      <c r="M143">
        <v>7.227290869030762</v>
      </c>
      <c r="N143">
        <v>4</v>
      </c>
      <c r="O143">
        <v>1</v>
      </c>
      <c r="P143">
        <v>3</v>
      </c>
      <c r="Q143">
        <v>0.76435900222613085</v>
      </c>
      <c r="R143">
        <v>5.0095762889553086</v>
      </c>
      <c r="S143">
        <v>1</v>
      </c>
      <c r="T143">
        <v>1</v>
      </c>
      <c r="U143">
        <v>0</v>
      </c>
      <c r="V143">
        <v>0</v>
      </c>
      <c r="W143">
        <v>5.541263545158424</v>
      </c>
      <c r="X143">
        <v>1</v>
      </c>
      <c r="Y143">
        <v>1</v>
      </c>
      <c r="Z143">
        <v>0</v>
      </c>
      <c r="AA143">
        <v>0</v>
      </c>
      <c r="AB143">
        <v>5.5373342670185366</v>
      </c>
      <c r="AC143">
        <v>1</v>
      </c>
      <c r="AD143">
        <v>1</v>
      </c>
      <c r="AE143">
        <v>0</v>
      </c>
      <c r="AF143">
        <v>0</v>
      </c>
      <c r="AG143">
        <v>5.5333894887275203</v>
      </c>
      <c r="AH143">
        <v>-4.9021608876256208E-2</v>
      </c>
      <c r="AI143">
        <v>2.831726425549828E-2</v>
      </c>
      <c r="AJ143">
        <v>3.6715044558781149E-2</v>
      </c>
      <c r="AK143">
        <v>2.1023497898307379E-2</v>
      </c>
      <c r="AL143">
        <v>1186.4101371987319</v>
      </c>
      <c r="AM143">
        <v>1952.369838517305</v>
      </c>
      <c r="AN143">
        <v>31275</v>
      </c>
      <c r="AO143">
        <v>44.454650927508219</v>
      </c>
      <c r="AP143">
        <v>1058.9221314952531</v>
      </c>
      <c r="AQ143">
        <v>1.08984375</v>
      </c>
      <c r="AR143">
        <v>3.84375</v>
      </c>
      <c r="AS143">
        <v>255</v>
      </c>
      <c r="AT143">
        <v>63.6484375</v>
      </c>
      <c r="AU143">
        <v>4.5207509881422907E-2</v>
      </c>
      <c r="AV143">
        <v>-4.9035335908032503E-2</v>
      </c>
      <c r="AW143">
        <v>0.35546875</v>
      </c>
      <c r="AX143">
        <v>87.917647058823533</v>
      </c>
      <c r="AY143">
        <v>63</v>
      </c>
      <c r="AZ143">
        <v>127.5</v>
      </c>
      <c r="BA143">
        <v>0.60500092528848548</v>
      </c>
      <c r="BB143">
        <v>0.515625</v>
      </c>
      <c r="BC143">
        <v>4.8965774535376116</v>
      </c>
      <c r="BD143" t="s">
        <v>611</v>
      </c>
      <c r="BE143" t="s">
        <v>62</v>
      </c>
    </row>
    <row r="144" spans="1:57" x14ac:dyDescent="0.3">
      <c r="A144" t="s">
        <v>612</v>
      </c>
      <c r="B144">
        <v>2586</v>
      </c>
      <c r="C144" t="s">
        <v>613</v>
      </c>
      <c r="D144" t="s">
        <v>614</v>
      </c>
      <c r="E144" t="s">
        <v>98</v>
      </c>
      <c r="F144">
        <v>16</v>
      </c>
      <c r="G144">
        <v>129.3125</v>
      </c>
      <c r="H144">
        <v>118.5</v>
      </c>
      <c r="I144">
        <v>5892.33984375</v>
      </c>
      <c r="J144">
        <v>76.761577913367574</v>
      </c>
      <c r="K144">
        <v>-0.17722136112661219</v>
      </c>
      <c r="L144">
        <v>-1.3247810595547329</v>
      </c>
      <c r="M144">
        <v>4</v>
      </c>
      <c r="N144">
        <v>1</v>
      </c>
      <c r="O144">
        <v>1</v>
      </c>
      <c r="P144">
        <v>0</v>
      </c>
      <c r="Q144">
        <v>0</v>
      </c>
      <c r="R144">
        <v>2.7725887222397811</v>
      </c>
      <c r="S144">
        <v>1</v>
      </c>
      <c r="T144">
        <v>1</v>
      </c>
      <c r="U144">
        <v>0</v>
      </c>
      <c r="V144">
        <v>0</v>
      </c>
      <c r="W144">
        <v>2.7080502011022101</v>
      </c>
      <c r="X144">
        <v>1</v>
      </c>
      <c r="Y144">
        <v>1</v>
      </c>
      <c r="Z144">
        <v>0</v>
      </c>
      <c r="AA144">
        <v>0</v>
      </c>
      <c r="AB144">
        <v>2.639057329615258</v>
      </c>
      <c r="AC144">
        <v>1</v>
      </c>
      <c r="AD144">
        <v>1</v>
      </c>
      <c r="AE144">
        <v>0</v>
      </c>
      <c r="AF144">
        <v>0</v>
      </c>
      <c r="AG144">
        <v>2.5649493574615372</v>
      </c>
      <c r="AH144">
        <v>9.9988423462930881E-2</v>
      </c>
      <c r="AI144">
        <v>0.242571873970376</v>
      </c>
      <c r="AJ144">
        <v>-0.23021004661109931</v>
      </c>
      <c r="AK144">
        <v>-4.1478392563438098E-2</v>
      </c>
      <c r="AL144">
        <v>393.03510703759349</v>
      </c>
      <c r="AM144">
        <v>455.35525102489748</v>
      </c>
      <c r="AN144">
        <v>2069</v>
      </c>
      <c r="AO144">
        <v>134.07833531186159</v>
      </c>
      <c r="AP144">
        <v>237.11571603660451</v>
      </c>
      <c r="AQ144">
        <v>2.3125</v>
      </c>
      <c r="AR144">
        <v>4.25</v>
      </c>
      <c r="AS144">
        <v>16</v>
      </c>
      <c r="AT144">
        <v>0</v>
      </c>
      <c r="AU144">
        <v>0.16596638655462179</v>
      </c>
      <c r="AV144">
        <v>0.1144294046523658</v>
      </c>
      <c r="AW144">
        <v>0.375</v>
      </c>
      <c r="AX144">
        <v>80.599999999999994</v>
      </c>
      <c r="AY144">
        <v>80.5</v>
      </c>
      <c r="AZ144">
        <v>123.25</v>
      </c>
      <c r="BA144">
        <v>0.59361297564711513</v>
      </c>
      <c r="BB144">
        <v>0.4375</v>
      </c>
      <c r="BC144">
        <v>2.7080502011022101</v>
      </c>
      <c r="BD144" t="s">
        <v>613</v>
      </c>
      <c r="BE144" t="s">
        <v>62</v>
      </c>
    </row>
    <row r="145" spans="1:57" x14ac:dyDescent="0.3">
      <c r="A145" t="s">
        <v>615</v>
      </c>
      <c r="B145">
        <v>1841</v>
      </c>
      <c r="C145" t="s">
        <v>616</v>
      </c>
      <c r="D145" t="s">
        <v>617</v>
      </c>
      <c r="E145" t="s">
        <v>85</v>
      </c>
      <c r="F145">
        <v>8</v>
      </c>
      <c r="G145">
        <v>145.5</v>
      </c>
      <c r="H145">
        <v>163.5</v>
      </c>
      <c r="I145">
        <v>4713</v>
      </c>
      <c r="J145">
        <v>68.651292777339592</v>
      </c>
      <c r="K145">
        <v>-0.62460025383709972</v>
      </c>
      <c r="L145">
        <v>-0.80843412346067201</v>
      </c>
      <c r="M145">
        <v>3</v>
      </c>
      <c r="N145">
        <v>1</v>
      </c>
      <c r="O145">
        <v>1</v>
      </c>
      <c r="P145">
        <v>0</v>
      </c>
      <c r="Q145">
        <v>0</v>
      </c>
      <c r="R145">
        <v>2.0794415416798362</v>
      </c>
      <c r="S145">
        <v>1</v>
      </c>
      <c r="T145">
        <v>1</v>
      </c>
      <c r="U145">
        <v>0</v>
      </c>
      <c r="V145">
        <v>0</v>
      </c>
      <c r="W145">
        <v>1.945910149055313</v>
      </c>
      <c r="X145">
        <v>1</v>
      </c>
      <c r="Y145">
        <v>1</v>
      </c>
      <c r="Z145">
        <v>0</v>
      </c>
      <c r="AA145">
        <v>0</v>
      </c>
      <c r="AB145">
        <v>1.791759469228055</v>
      </c>
      <c r="AC145">
        <v>1</v>
      </c>
      <c r="AD145">
        <v>1</v>
      </c>
      <c r="AE145">
        <v>0</v>
      </c>
      <c r="AF145">
        <v>0</v>
      </c>
      <c r="AG145">
        <v>1.6094379124341009</v>
      </c>
      <c r="AH145">
        <v>0.36829646721833231</v>
      </c>
      <c r="AI145">
        <v>9.3279227668151915E-2</v>
      </c>
      <c r="AJ145">
        <v>-0.1215719817525992</v>
      </c>
      <c r="AK145">
        <v>0</v>
      </c>
      <c r="AL145">
        <v>315.76852752745958</v>
      </c>
      <c r="AM145">
        <v>327.6526163837853</v>
      </c>
      <c r="AN145">
        <v>1164</v>
      </c>
      <c r="AO145">
        <v>48</v>
      </c>
      <c r="AP145">
        <v>188.82796403075471</v>
      </c>
      <c r="AQ145">
        <v>3.5</v>
      </c>
      <c r="AR145">
        <v>4.125</v>
      </c>
      <c r="AS145">
        <v>8</v>
      </c>
      <c r="AT145">
        <v>0</v>
      </c>
      <c r="AU145">
        <v>0.30995475113122167</v>
      </c>
      <c r="AV145">
        <v>0.595676119808073</v>
      </c>
      <c r="AW145">
        <v>0.25</v>
      </c>
      <c r="AX145">
        <v>56.428571428571431</v>
      </c>
      <c r="AY145">
        <v>53</v>
      </c>
      <c r="AZ145">
        <v>96.25</v>
      </c>
      <c r="BA145">
        <v>0.47183019090955047</v>
      </c>
      <c r="BB145">
        <v>0.5</v>
      </c>
      <c r="BC145">
        <v>1.945910149055313</v>
      </c>
      <c r="BD145" t="s">
        <v>616</v>
      </c>
      <c r="BE145" t="s">
        <v>68</v>
      </c>
    </row>
    <row r="146" spans="1:57" x14ac:dyDescent="0.3">
      <c r="A146" t="s">
        <v>618</v>
      </c>
      <c r="B146">
        <v>1970</v>
      </c>
      <c r="C146" t="s">
        <v>619</v>
      </c>
      <c r="D146" t="s">
        <v>620</v>
      </c>
      <c r="E146" t="s">
        <v>66</v>
      </c>
      <c r="F146">
        <v>70</v>
      </c>
      <c r="G146">
        <v>122.7428571428571</v>
      </c>
      <c r="H146">
        <v>115</v>
      </c>
      <c r="I146">
        <v>5550.4767346938761</v>
      </c>
      <c r="J146">
        <v>74.501521693814254</v>
      </c>
      <c r="K146">
        <v>9.015392169765972E-2</v>
      </c>
      <c r="L146">
        <v>-1.287212776381452</v>
      </c>
      <c r="M146">
        <v>5.8721401598021128</v>
      </c>
      <c r="N146">
        <v>2</v>
      </c>
      <c r="O146">
        <v>1</v>
      </c>
      <c r="P146">
        <v>1</v>
      </c>
      <c r="Q146">
        <v>0.35464438775055629</v>
      </c>
      <c r="R146">
        <v>4.0702573956196586</v>
      </c>
      <c r="S146">
        <v>2</v>
      </c>
      <c r="T146">
        <v>1</v>
      </c>
      <c r="U146">
        <v>1</v>
      </c>
      <c r="V146">
        <v>0.1203728348804772</v>
      </c>
      <c r="W146">
        <v>4.2140152819723324</v>
      </c>
      <c r="X146">
        <v>1</v>
      </c>
      <c r="Y146">
        <v>1</v>
      </c>
      <c r="Z146">
        <v>0</v>
      </c>
      <c r="AA146">
        <v>0</v>
      </c>
      <c r="AB146">
        <v>4.2195077051761087</v>
      </c>
      <c r="AC146">
        <v>1</v>
      </c>
      <c r="AD146">
        <v>1</v>
      </c>
      <c r="AE146">
        <v>0</v>
      </c>
      <c r="AF146">
        <v>0</v>
      </c>
      <c r="AG146">
        <v>4.2046926193909648</v>
      </c>
      <c r="AH146">
        <v>0.12567353550467489</v>
      </c>
      <c r="AI146">
        <v>8.4571030885419937E-2</v>
      </c>
      <c r="AJ146">
        <v>-7.6564084911005387E-2</v>
      </c>
      <c r="AK146">
        <v>-0.14506135033645531</v>
      </c>
      <c r="AL146">
        <v>675.31077708783459</v>
      </c>
      <c r="AM146">
        <v>993.52672553335231</v>
      </c>
      <c r="AN146">
        <v>8592</v>
      </c>
      <c r="AO146">
        <v>109.35877282497469</v>
      </c>
      <c r="AP146">
        <v>596.60126479646681</v>
      </c>
      <c r="AQ146">
        <v>1.328571428571429</v>
      </c>
      <c r="AR146">
        <v>3.785714285714286</v>
      </c>
      <c r="AS146">
        <v>70</v>
      </c>
      <c r="AT146">
        <v>6.6857142857142868</v>
      </c>
      <c r="AU146">
        <v>7.7404667046101272E-2</v>
      </c>
      <c r="AV146">
        <v>0.12673018000078251</v>
      </c>
      <c r="AW146">
        <v>0.47142857142857142</v>
      </c>
      <c r="AX146">
        <v>80.246376811594203</v>
      </c>
      <c r="AY146">
        <v>67.5</v>
      </c>
      <c r="AZ146">
        <v>129.75</v>
      </c>
      <c r="BA146">
        <v>0.60697236016841216</v>
      </c>
      <c r="BB146">
        <v>0.47142857142857142</v>
      </c>
      <c r="BC146">
        <v>3.9251548587920002</v>
      </c>
      <c r="BD146" t="s">
        <v>621</v>
      </c>
      <c r="BE146" t="s">
        <v>68</v>
      </c>
    </row>
    <row r="147" spans="1:57" x14ac:dyDescent="0.3">
      <c r="A147" t="s">
        <v>622</v>
      </c>
      <c r="B147">
        <v>146</v>
      </c>
      <c r="C147" t="s">
        <v>623</v>
      </c>
      <c r="D147" t="s">
        <v>624</v>
      </c>
      <c r="E147" t="s">
        <v>60</v>
      </c>
      <c r="F147">
        <v>256</v>
      </c>
      <c r="G147">
        <v>136.515625</v>
      </c>
      <c r="H147">
        <v>135.5</v>
      </c>
      <c r="I147">
        <v>5533.874755859375</v>
      </c>
      <c r="J147">
        <v>74.390017850914475</v>
      </c>
      <c r="K147">
        <v>-7.1980219869822254E-2</v>
      </c>
      <c r="L147">
        <v>-1.2779269008647851</v>
      </c>
      <c r="M147">
        <v>7.1574693730115149</v>
      </c>
      <c r="N147">
        <v>5</v>
      </c>
      <c r="O147">
        <v>1</v>
      </c>
      <c r="P147">
        <v>4</v>
      </c>
      <c r="Q147">
        <v>0.79235299361125155</v>
      </c>
      <c r="R147">
        <v>4.9611797158470914</v>
      </c>
      <c r="S147">
        <v>1</v>
      </c>
      <c r="T147">
        <v>1</v>
      </c>
      <c r="U147">
        <v>0</v>
      </c>
      <c r="V147">
        <v>0</v>
      </c>
      <c r="W147">
        <v>5.541263545158424</v>
      </c>
      <c r="X147">
        <v>1</v>
      </c>
      <c r="Y147">
        <v>1</v>
      </c>
      <c r="Z147">
        <v>0</v>
      </c>
      <c r="AA147">
        <v>0</v>
      </c>
      <c r="AB147">
        <v>5.5373342670185366</v>
      </c>
      <c r="AC147">
        <v>1</v>
      </c>
      <c r="AD147">
        <v>1</v>
      </c>
      <c r="AE147">
        <v>0</v>
      </c>
      <c r="AF147">
        <v>0</v>
      </c>
      <c r="AG147">
        <v>5.5333894887275203</v>
      </c>
      <c r="AH147">
        <v>-3.6480173268160478E-2</v>
      </c>
      <c r="AI147">
        <v>0.12853413540332709</v>
      </c>
      <c r="AJ147">
        <v>-6.5409706028501838E-2</v>
      </c>
      <c r="AK147">
        <v>-7.7976130723918041E-2</v>
      </c>
      <c r="AL147">
        <v>1183.9734359873371</v>
      </c>
      <c r="AM147">
        <v>2187.6532867153192</v>
      </c>
      <c r="AN147">
        <v>34948</v>
      </c>
      <c r="AO147">
        <v>120.00273722397689</v>
      </c>
      <c r="AP147">
        <v>925.03082122765545</v>
      </c>
      <c r="AQ147">
        <v>1.08984375</v>
      </c>
      <c r="AR147">
        <v>4.21484375</v>
      </c>
      <c r="AS147">
        <v>255</v>
      </c>
      <c r="AT147">
        <v>61.999999999999993</v>
      </c>
      <c r="AU147">
        <v>5.338541666666663E-2</v>
      </c>
      <c r="AV147">
        <v>-3.6537295918749241E-2</v>
      </c>
      <c r="AW147">
        <v>0.3671875</v>
      </c>
      <c r="AX147">
        <v>89.949019607843141</v>
      </c>
      <c r="AY147">
        <v>66.5</v>
      </c>
      <c r="AZ147">
        <v>134.5</v>
      </c>
      <c r="BA147">
        <v>0.54491943944815457</v>
      </c>
      <c r="BB147">
        <v>0.4921875</v>
      </c>
      <c r="BC147">
        <v>4.852920691611164</v>
      </c>
      <c r="BD147" t="s">
        <v>625</v>
      </c>
      <c r="BE147" t="s">
        <v>62</v>
      </c>
    </row>
    <row r="148" spans="1:57" x14ac:dyDescent="0.3">
      <c r="A148" t="s">
        <v>626</v>
      </c>
      <c r="B148">
        <v>1467</v>
      </c>
      <c r="C148" t="s">
        <v>627</v>
      </c>
      <c r="D148" t="s">
        <v>628</v>
      </c>
      <c r="E148" t="s">
        <v>128</v>
      </c>
      <c r="F148">
        <v>32</v>
      </c>
      <c r="G148">
        <v>127.625</v>
      </c>
      <c r="H148">
        <v>115</v>
      </c>
      <c r="I148">
        <v>6553.484375</v>
      </c>
      <c r="J148">
        <v>80.953593959749554</v>
      </c>
      <c r="K148">
        <v>0.14102829012566881</v>
      </c>
      <c r="L148">
        <v>-1.255553677870521</v>
      </c>
      <c r="M148">
        <v>4.8125</v>
      </c>
      <c r="N148">
        <v>2</v>
      </c>
      <c r="O148">
        <v>1</v>
      </c>
      <c r="P148">
        <v>1</v>
      </c>
      <c r="Q148">
        <v>0.3045434781492361</v>
      </c>
      <c r="R148">
        <v>3.335770806444736</v>
      </c>
      <c r="S148">
        <v>1</v>
      </c>
      <c r="T148">
        <v>1</v>
      </c>
      <c r="U148">
        <v>0</v>
      </c>
      <c r="V148">
        <v>0</v>
      </c>
      <c r="W148">
        <v>3.4339872044851458</v>
      </c>
      <c r="X148">
        <v>1</v>
      </c>
      <c r="Y148">
        <v>1</v>
      </c>
      <c r="Z148">
        <v>0</v>
      </c>
      <c r="AA148">
        <v>0</v>
      </c>
      <c r="AB148">
        <v>3.401197381662155</v>
      </c>
      <c r="AC148">
        <v>1</v>
      </c>
      <c r="AD148">
        <v>1</v>
      </c>
      <c r="AE148">
        <v>0</v>
      </c>
      <c r="AF148">
        <v>0</v>
      </c>
      <c r="AG148">
        <v>3.3672958299864728</v>
      </c>
      <c r="AH148">
        <v>-1.466844033350579E-2</v>
      </c>
      <c r="AI148">
        <v>-2.850895754405457E-2</v>
      </c>
      <c r="AJ148">
        <v>-5.8962327411706081E-2</v>
      </c>
      <c r="AK148">
        <v>-4.8011345348252243E-2</v>
      </c>
      <c r="AL148">
        <v>526.25138965973838</v>
      </c>
      <c r="AM148">
        <v>673.78889489304754</v>
      </c>
      <c r="AN148">
        <v>4084</v>
      </c>
      <c r="AO148">
        <v>82.839613622209683</v>
      </c>
      <c r="AP148">
        <v>443.72984288086627</v>
      </c>
      <c r="AQ148">
        <v>1.65625</v>
      </c>
      <c r="AR148">
        <v>4.625</v>
      </c>
      <c r="AS148">
        <v>32</v>
      </c>
      <c r="AT148">
        <v>2.4375</v>
      </c>
      <c r="AU148">
        <v>0.13883399209486161</v>
      </c>
      <c r="AV148">
        <v>-1.409781019367224E-2</v>
      </c>
      <c r="AW148">
        <v>0.46875</v>
      </c>
      <c r="AX148">
        <v>88.129032258064512</v>
      </c>
      <c r="AY148">
        <v>69</v>
      </c>
      <c r="AZ148">
        <v>149.25</v>
      </c>
      <c r="BA148">
        <v>0.63430827784328736</v>
      </c>
      <c r="BB148">
        <v>0.375</v>
      </c>
      <c r="BC148">
        <v>3.2829507132875908</v>
      </c>
      <c r="BD148" t="s">
        <v>629</v>
      </c>
      <c r="BE148" t="s">
        <v>62</v>
      </c>
    </row>
    <row r="149" spans="1:57" x14ac:dyDescent="0.3">
      <c r="A149" t="s">
        <v>630</v>
      </c>
      <c r="B149">
        <v>3381</v>
      </c>
      <c r="C149" t="s">
        <v>631</v>
      </c>
      <c r="D149" t="s">
        <v>632</v>
      </c>
      <c r="E149" t="s">
        <v>115</v>
      </c>
      <c r="F149">
        <v>3440</v>
      </c>
      <c r="G149">
        <v>126.87616279069771</v>
      </c>
      <c r="H149">
        <v>125</v>
      </c>
      <c r="I149">
        <v>5424.5678038804763</v>
      </c>
      <c r="J149">
        <v>73.651665316410032</v>
      </c>
      <c r="K149">
        <v>2.6952007034146259E-2</v>
      </c>
      <c r="L149">
        <v>-1.198764661492447</v>
      </c>
      <c r="M149">
        <v>7.9466811704606881</v>
      </c>
      <c r="N149">
        <v>26</v>
      </c>
      <c r="O149">
        <v>5</v>
      </c>
      <c r="P149">
        <v>21</v>
      </c>
      <c r="Q149">
        <v>3.637371131737865</v>
      </c>
      <c r="R149">
        <v>5.5082196481136236</v>
      </c>
      <c r="S149">
        <v>2</v>
      </c>
      <c r="T149">
        <v>1</v>
      </c>
      <c r="U149">
        <v>1</v>
      </c>
      <c r="V149">
        <v>0.16613853996833461</v>
      </c>
      <c r="W149">
        <v>8.1046405860919357</v>
      </c>
      <c r="X149">
        <v>1</v>
      </c>
      <c r="Y149">
        <v>1</v>
      </c>
      <c r="Z149">
        <v>0</v>
      </c>
      <c r="AA149">
        <v>0</v>
      </c>
      <c r="AB149">
        <v>8.1426451859427935</v>
      </c>
      <c r="AC149">
        <v>1</v>
      </c>
      <c r="AD149">
        <v>1</v>
      </c>
      <c r="AE149">
        <v>0</v>
      </c>
      <c r="AF149">
        <v>0</v>
      </c>
      <c r="AG149">
        <v>8.1423542768498329</v>
      </c>
      <c r="AH149">
        <v>-8.0832287584584432E-3</v>
      </c>
      <c r="AI149">
        <v>1.245286317212207E-2</v>
      </c>
      <c r="AJ149">
        <v>5.3860310084419662E-3</v>
      </c>
      <c r="AK149">
        <v>-1.057864734084221E-2</v>
      </c>
      <c r="AL149">
        <v>3962.8208529920839</v>
      </c>
      <c r="AM149">
        <v>7637.5501888426961</v>
      </c>
      <c r="AN149">
        <v>436454</v>
      </c>
      <c r="AO149">
        <v>54.044933725660869</v>
      </c>
      <c r="AP149">
        <v>3628.7290335127918</v>
      </c>
      <c r="AQ149">
        <v>1.0066860465116281</v>
      </c>
      <c r="AR149">
        <v>3.9593023255813948</v>
      </c>
      <c r="AS149">
        <v>3426</v>
      </c>
      <c r="AT149">
        <v>252.05581395348841</v>
      </c>
      <c r="AU149">
        <v>1.508777929776561E-2</v>
      </c>
      <c r="AV149">
        <v>-8.0854719368630111E-3</v>
      </c>
      <c r="AW149">
        <v>0.38372093023255821</v>
      </c>
      <c r="AX149">
        <v>85.371619656877002</v>
      </c>
      <c r="AY149">
        <v>64</v>
      </c>
      <c r="AZ149">
        <v>128</v>
      </c>
      <c r="BA149">
        <v>0.5805004162831604</v>
      </c>
      <c r="BB149">
        <v>0.49447674418604648</v>
      </c>
      <c r="BC149">
        <v>5.3136013747051187</v>
      </c>
      <c r="BD149" t="s">
        <v>633</v>
      </c>
      <c r="BE149" t="s">
        <v>62</v>
      </c>
    </row>
    <row r="150" spans="1:57" x14ac:dyDescent="0.3">
      <c r="A150" t="s">
        <v>634</v>
      </c>
      <c r="B150">
        <v>2072</v>
      </c>
      <c r="C150" t="s">
        <v>635</v>
      </c>
      <c r="D150" t="s">
        <v>636</v>
      </c>
      <c r="E150" t="s">
        <v>128</v>
      </c>
      <c r="F150">
        <v>32</v>
      </c>
      <c r="G150">
        <v>154.15625</v>
      </c>
      <c r="H150">
        <v>180</v>
      </c>
      <c r="I150">
        <v>5870.5068359375</v>
      </c>
      <c r="J150">
        <v>76.619232807027629</v>
      </c>
      <c r="K150">
        <v>-0.38399787200278002</v>
      </c>
      <c r="L150">
        <v>-1.29455533294629</v>
      </c>
      <c r="M150">
        <v>5</v>
      </c>
      <c r="N150">
        <v>1</v>
      </c>
      <c r="O150">
        <v>1</v>
      </c>
      <c r="P150">
        <v>0</v>
      </c>
      <c r="Q150">
        <v>0</v>
      </c>
      <c r="R150">
        <v>3.465735902799727</v>
      </c>
      <c r="S150">
        <v>1</v>
      </c>
      <c r="T150">
        <v>1</v>
      </c>
      <c r="U150">
        <v>0</v>
      </c>
      <c r="V150">
        <v>0</v>
      </c>
      <c r="W150">
        <v>3.4339872044851458</v>
      </c>
      <c r="X150">
        <v>1</v>
      </c>
      <c r="Y150">
        <v>1</v>
      </c>
      <c r="Z150">
        <v>0</v>
      </c>
      <c r="AA150">
        <v>0</v>
      </c>
      <c r="AB150">
        <v>3.401197381662155</v>
      </c>
      <c r="AC150">
        <v>1</v>
      </c>
      <c r="AD150">
        <v>1</v>
      </c>
      <c r="AE150">
        <v>0</v>
      </c>
      <c r="AF150">
        <v>0</v>
      </c>
      <c r="AG150">
        <v>3.3672958299864728</v>
      </c>
      <c r="AH150">
        <v>-0.39373376833745349</v>
      </c>
      <c r="AI150">
        <v>6.702173237876907E-3</v>
      </c>
      <c r="AJ150">
        <v>0.53873118283281474</v>
      </c>
      <c r="AK150">
        <v>0.2772175308110475</v>
      </c>
      <c r="AL150">
        <v>502.98289838622088</v>
      </c>
      <c r="AM150">
        <v>833.85682459940131</v>
      </c>
      <c r="AN150">
        <v>4933</v>
      </c>
      <c r="AO150">
        <v>70.748254949132885</v>
      </c>
      <c r="AP150">
        <v>293.55355370461172</v>
      </c>
      <c r="AQ150">
        <v>1.71875</v>
      </c>
      <c r="AR150">
        <v>4.34375</v>
      </c>
      <c r="AS150">
        <v>32</v>
      </c>
      <c r="AT150">
        <v>0</v>
      </c>
      <c r="AU150">
        <v>0.235548418972332</v>
      </c>
      <c r="AV150">
        <v>-0.40299606121749842</v>
      </c>
      <c r="AW150">
        <v>0.3125</v>
      </c>
      <c r="AX150">
        <v>106.8064516129032</v>
      </c>
      <c r="AY150">
        <v>56</v>
      </c>
      <c r="AZ150">
        <v>145.25</v>
      </c>
      <c r="BA150">
        <v>0.4970232008564533</v>
      </c>
      <c r="BB150">
        <v>0.53125</v>
      </c>
      <c r="BC150">
        <v>3.3445488586064429</v>
      </c>
      <c r="BD150" t="s">
        <v>637</v>
      </c>
      <c r="BE150" t="s">
        <v>62</v>
      </c>
    </row>
    <row r="151" spans="1:57" x14ac:dyDescent="0.3">
      <c r="A151" t="s">
        <v>638</v>
      </c>
      <c r="B151">
        <v>3143</v>
      </c>
      <c r="C151" t="s">
        <v>639</v>
      </c>
      <c r="D151" t="s">
        <v>640</v>
      </c>
      <c r="E151" t="s">
        <v>106</v>
      </c>
      <c r="F151">
        <v>3181</v>
      </c>
      <c r="G151">
        <v>127.458660798491</v>
      </c>
      <c r="H151">
        <v>127</v>
      </c>
      <c r="I151">
        <v>5632.8826827711418</v>
      </c>
      <c r="J151">
        <v>75.052532820492758</v>
      </c>
      <c r="K151">
        <v>-1.1082811364827099E-3</v>
      </c>
      <c r="L151">
        <v>-1.2126693331708069</v>
      </c>
      <c r="M151">
        <v>7.9395128936885744</v>
      </c>
      <c r="N151">
        <v>31</v>
      </c>
      <c r="O151">
        <v>4</v>
      </c>
      <c r="P151">
        <v>27</v>
      </c>
      <c r="Q151">
        <v>3.6328524023346218</v>
      </c>
      <c r="R151">
        <v>5.5032509772795741</v>
      </c>
      <c r="S151">
        <v>3</v>
      </c>
      <c r="T151">
        <v>1</v>
      </c>
      <c r="U151">
        <v>2</v>
      </c>
      <c r="V151">
        <v>0.15561255594425691</v>
      </c>
      <c r="W151">
        <v>8.0317763106082616</v>
      </c>
      <c r="X151">
        <v>1</v>
      </c>
      <c r="Y151">
        <v>1</v>
      </c>
      <c r="Z151">
        <v>0</v>
      </c>
      <c r="AA151">
        <v>0</v>
      </c>
      <c r="AB151">
        <v>8.064321960910803</v>
      </c>
      <c r="AC151">
        <v>1</v>
      </c>
      <c r="AD151">
        <v>1</v>
      </c>
      <c r="AE151">
        <v>0</v>
      </c>
      <c r="AF151">
        <v>0</v>
      </c>
      <c r="AG151">
        <v>8.0640073470966627</v>
      </c>
      <c r="AH151">
        <v>1.107618344809654E-3</v>
      </c>
      <c r="AI151">
        <v>-1.3561453916765619E-2</v>
      </c>
      <c r="AJ151">
        <v>6.922144947977377E-3</v>
      </c>
      <c r="AK151">
        <v>-7.0990768457440349E-3</v>
      </c>
      <c r="AL151">
        <v>3867.6876100729778</v>
      </c>
      <c r="AM151">
        <v>7391.670755038268</v>
      </c>
      <c r="AN151">
        <v>405446</v>
      </c>
      <c r="AO151">
        <v>115.6155651222581</v>
      </c>
      <c r="AP151">
        <v>3520.6431265754409</v>
      </c>
      <c r="AQ151">
        <v>1.0072304306821751</v>
      </c>
      <c r="AR151">
        <v>3.9861678717384472</v>
      </c>
      <c r="AS151">
        <v>3167</v>
      </c>
      <c r="AT151">
        <v>271.90160326941208</v>
      </c>
      <c r="AU151">
        <v>1.6560336803693499E-2</v>
      </c>
      <c r="AV151">
        <v>1.10778401732202E-3</v>
      </c>
      <c r="AW151">
        <v>0.36466519962276012</v>
      </c>
      <c r="AX151">
        <v>87.291509433962261</v>
      </c>
      <c r="AY151">
        <v>64</v>
      </c>
      <c r="AZ151">
        <v>129</v>
      </c>
      <c r="BA151">
        <v>0.58883823468966878</v>
      </c>
      <c r="BB151">
        <v>0.4982709839673059</v>
      </c>
      <c r="BC151">
        <v>5.3301750336076754</v>
      </c>
      <c r="BD151" t="s">
        <v>641</v>
      </c>
      <c r="BE151" t="s">
        <v>68</v>
      </c>
    </row>
    <row r="152" spans="1:57" x14ac:dyDescent="0.3">
      <c r="A152" t="s">
        <v>642</v>
      </c>
      <c r="B152">
        <v>1897</v>
      </c>
      <c r="C152" t="s">
        <v>643</v>
      </c>
      <c r="D152" t="s">
        <v>644</v>
      </c>
      <c r="E152" t="s">
        <v>128</v>
      </c>
      <c r="F152">
        <v>32</v>
      </c>
      <c r="G152">
        <v>128.71875</v>
      </c>
      <c r="H152">
        <v>118</v>
      </c>
      <c r="I152">
        <v>6023.8271484375</v>
      </c>
      <c r="J152">
        <v>77.613318112534657</v>
      </c>
      <c r="K152">
        <v>0.1440639286709029</v>
      </c>
      <c r="L152">
        <v>-1.286195199109645</v>
      </c>
      <c r="M152">
        <v>4.875</v>
      </c>
      <c r="N152">
        <v>2</v>
      </c>
      <c r="O152">
        <v>1</v>
      </c>
      <c r="P152">
        <v>1</v>
      </c>
      <c r="Q152">
        <v>0.24944382578492941</v>
      </c>
      <c r="R152">
        <v>3.3790925052297318</v>
      </c>
      <c r="S152">
        <v>1</v>
      </c>
      <c r="T152">
        <v>1</v>
      </c>
      <c r="U152">
        <v>0</v>
      </c>
      <c r="V152">
        <v>0</v>
      </c>
      <c r="W152">
        <v>3.4339872044851458</v>
      </c>
      <c r="X152">
        <v>1</v>
      </c>
      <c r="Y152">
        <v>1</v>
      </c>
      <c r="Z152">
        <v>0</v>
      </c>
      <c r="AA152">
        <v>0</v>
      </c>
      <c r="AB152">
        <v>3.401197381662155</v>
      </c>
      <c r="AC152">
        <v>1</v>
      </c>
      <c r="AD152">
        <v>1</v>
      </c>
      <c r="AE152">
        <v>0</v>
      </c>
      <c r="AF152">
        <v>0</v>
      </c>
      <c r="AG152">
        <v>3.3672958299864728</v>
      </c>
      <c r="AH152">
        <v>0.33629965713145338</v>
      </c>
      <c r="AI152">
        <v>0.42784552969092948</v>
      </c>
      <c r="AJ152">
        <v>0.2233413149424997</v>
      </c>
      <c r="AK152">
        <v>8.2897827296839911E-3</v>
      </c>
      <c r="AL152">
        <v>482.32997138199272</v>
      </c>
      <c r="AM152">
        <v>700.22339200189981</v>
      </c>
      <c r="AN152">
        <v>4119</v>
      </c>
      <c r="AO152">
        <v>93.990552240896434</v>
      </c>
      <c r="AP152">
        <v>311.81363008977542</v>
      </c>
      <c r="AQ152">
        <v>1.71875</v>
      </c>
      <c r="AR152">
        <v>4.21875</v>
      </c>
      <c r="AS152">
        <v>32</v>
      </c>
      <c r="AT152">
        <v>1.75</v>
      </c>
      <c r="AU152">
        <v>0.1284584980237154</v>
      </c>
      <c r="AV152">
        <v>0.34658516806430351</v>
      </c>
      <c r="AW152">
        <v>0.40625</v>
      </c>
      <c r="AX152">
        <v>70.58064516129032</v>
      </c>
      <c r="AY152">
        <v>59.5</v>
      </c>
      <c r="AZ152">
        <v>140.5</v>
      </c>
      <c r="BA152">
        <v>0.60296823976720293</v>
      </c>
      <c r="BB152">
        <v>0.5</v>
      </c>
      <c r="BC152">
        <v>3.3445488586064429</v>
      </c>
      <c r="BD152" t="s">
        <v>645</v>
      </c>
      <c r="BE152" t="s">
        <v>62</v>
      </c>
    </row>
    <row r="153" spans="1:57" x14ac:dyDescent="0.3">
      <c r="A153" t="s">
        <v>646</v>
      </c>
      <c r="B153">
        <v>3765</v>
      </c>
      <c r="C153" t="s">
        <v>647</v>
      </c>
      <c r="D153" t="s">
        <v>648</v>
      </c>
      <c r="E153" t="s">
        <v>10622</v>
      </c>
      <c r="F153">
        <v>64</v>
      </c>
      <c r="G153">
        <v>116.1875</v>
      </c>
      <c r="H153">
        <v>110</v>
      </c>
      <c r="I153">
        <v>5252.55859375</v>
      </c>
      <c r="J153">
        <v>72.474537554578433</v>
      </c>
      <c r="K153">
        <v>0.25672114635348192</v>
      </c>
      <c r="L153">
        <v>-1.0493452092221529</v>
      </c>
      <c r="M153">
        <v>5.75</v>
      </c>
      <c r="N153">
        <v>2</v>
      </c>
      <c r="O153">
        <v>1</v>
      </c>
      <c r="P153">
        <v>1</v>
      </c>
      <c r="Q153">
        <v>0.3499271061118826</v>
      </c>
      <c r="R153">
        <v>3.985596288219686</v>
      </c>
      <c r="S153">
        <v>1</v>
      </c>
      <c r="T153">
        <v>1</v>
      </c>
      <c r="U153">
        <v>0</v>
      </c>
      <c r="V153">
        <v>0</v>
      </c>
      <c r="W153">
        <v>4.1431347263915326</v>
      </c>
      <c r="X153">
        <v>1</v>
      </c>
      <c r="Y153">
        <v>1</v>
      </c>
      <c r="Z153">
        <v>0</v>
      </c>
      <c r="AA153">
        <v>0</v>
      </c>
      <c r="AB153">
        <v>4.1271343850450908</v>
      </c>
      <c r="AC153">
        <v>1</v>
      </c>
      <c r="AD153">
        <v>1</v>
      </c>
      <c r="AE153">
        <v>0</v>
      </c>
      <c r="AF153">
        <v>0</v>
      </c>
      <c r="AG153">
        <v>4.1108738641733096</v>
      </c>
      <c r="AH153">
        <v>-4.7937121882564673E-2</v>
      </c>
      <c r="AI153">
        <v>4.5491385336759241E-2</v>
      </c>
      <c r="AJ153">
        <v>-7.9649391944402098E-2</v>
      </c>
      <c r="AK153">
        <v>-7.2117871312715895E-2</v>
      </c>
      <c r="AL153">
        <v>646.04049733924273</v>
      </c>
      <c r="AM153">
        <v>884.74045674291619</v>
      </c>
      <c r="AN153">
        <v>7436</v>
      </c>
      <c r="AO153">
        <v>110</v>
      </c>
      <c r="AP153">
        <v>553.39028430033932</v>
      </c>
      <c r="AQ153">
        <v>1.359375</v>
      </c>
      <c r="AR153">
        <v>3.703125</v>
      </c>
      <c r="AS153">
        <v>64</v>
      </c>
      <c r="AT153">
        <v>6</v>
      </c>
      <c r="AU153">
        <v>0.11715662055335969</v>
      </c>
      <c r="AV153">
        <v>-4.8231564459643203E-2</v>
      </c>
      <c r="AW153">
        <v>0.453125</v>
      </c>
      <c r="AX153">
        <v>83.222222222222229</v>
      </c>
      <c r="AY153">
        <v>61.5</v>
      </c>
      <c r="AZ153">
        <v>119</v>
      </c>
      <c r="BA153">
        <v>0.6237722436112183</v>
      </c>
      <c r="BB153">
        <v>0.46875</v>
      </c>
      <c r="BC153">
        <v>4.0028011659076608</v>
      </c>
      <c r="BD153" t="s">
        <v>649</v>
      </c>
      <c r="BE153" t="s">
        <v>62</v>
      </c>
    </row>
    <row r="154" spans="1:57" x14ac:dyDescent="0.3">
      <c r="A154" t="s">
        <v>650</v>
      </c>
      <c r="B154">
        <v>2077</v>
      </c>
      <c r="C154" t="s">
        <v>651</v>
      </c>
      <c r="D154" t="s">
        <v>652</v>
      </c>
      <c r="E154" t="s">
        <v>72</v>
      </c>
      <c r="F154">
        <v>2096</v>
      </c>
      <c r="G154">
        <v>129.0128816793893</v>
      </c>
      <c r="H154">
        <v>130</v>
      </c>
      <c r="I154">
        <v>5356.3104256653896</v>
      </c>
      <c r="J154">
        <v>73.186818660639901</v>
      </c>
      <c r="K154">
        <v>-1.9044127178274532E-2</v>
      </c>
      <c r="L154">
        <v>-1.2267368519406849</v>
      </c>
      <c r="M154">
        <v>7.9159123600899344</v>
      </c>
      <c r="N154">
        <v>16</v>
      </c>
      <c r="O154">
        <v>2</v>
      </c>
      <c r="P154">
        <v>14</v>
      </c>
      <c r="Q154">
        <v>2.7634613711792682</v>
      </c>
      <c r="R154">
        <v>5.4868923339559554</v>
      </c>
      <c r="S154">
        <v>2</v>
      </c>
      <c r="T154">
        <v>1</v>
      </c>
      <c r="U154">
        <v>1</v>
      </c>
      <c r="V154">
        <v>0.1135148945424931</v>
      </c>
      <c r="W154">
        <v>7.6294425088477729</v>
      </c>
      <c r="X154">
        <v>1</v>
      </c>
      <c r="Y154">
        <v>1</v>
      </c>
      <c r="Z154">
        <v>0</v>
      </c>
      <c r="AA154">
        <v>0</v>
      </c>
      <c r="AB154">
        <v>7.6468313914304833</v>
      </c>
      <c r="AC154">
        <v>1</v>
      </c>
      <c r="AD154">
        <v>1</v>
      </c>
      <c r="AE154">
        <v>0</v>
      </c>
      <c r="AF154">
        <v>0</v>
      </c>
      <c r="AG154">
        <v>7.6463537224460012</v>
      </c>
      <c r="AH154">
        <v>-2.0531378619924871E-2</v>
      </c>
      <c r="AI154">
        <v>-7.4004464178550368E-4</v>
      </c>
      <c r="AJ154">
        <v>-1.1807824026252861E-2</v>
      </c>
      <c r="AK154">
        <v>1.1920515304835941E-2</v>
      </c>
      <c r="AL154">
        <v>3099.187674285291</v>
      </c>
      <c r="AM154">
        <v>6042.2152195662611</v>
      </c>
      <c r="AN154">
        <v>270411</v>
      </c>
      <c r="AO154">
        <v>78.883685632958802</v>
      </c>
      <c r="AP154">
        <v>2791.562092179568</v>
      </c>
      <c r="AQ154">
        <v>1.010973282442748</v>
      </c>
      <c r="AR154">
        <v>3.9875954198473278</v>
      </c>
      <c r="AS154">
        <v>2094</v>
      </c>
      <c r="AT154">
        <v>238.77862595419839</v>
      </c>
      <c r="AU154">
        <v>1.9039066008082629E-2</v>
      </c>
      <c r="AV154">
        <v>-2.0541766564658701E-2</v>
      </c>
      <c r="AW154">
        <v>0.37833969465648848</v>
      </c>
      <c r="AX154">
        <v>85.304057279236275</v>
      </c>
      <c r="AY154">
        <v>64</v>
      </c>
      <c r="AZ154">
        <v>128</v>
      </c>
      <c r="BA154">
        <v>0.56728303180233508</v>
      </c>
      <c r="BB154">
        <v>0.50238549618320616</v>
      </c>
      <c r="BC154">
        <v>5.2902229772698961</v>
      </c>
      <c r="BD154" t="s">
        <v>653</v>
      </c>
      <c r="BE154" t="s">
        <v>62</v>
      </c>
    </row>
    <row r="155" spans="1:57" x14ac:dyDescent="0.3">
      <c r="A155" t="s">
        <v>654</v>
      </c>
      <c r="B155">
        <v>1277</v>
      </c>
      <c r="C155" t="s">
        <v>655</v>
      </c>
      <c r="D155" t="s">
        <v>656</v>
      </c>
      <c r="E155" t="s">
        <v>115</v>
      </c>
      <c r="F155">
        <v>1321</v>
      </c>
      <c r="G155">
        <v>129.33156699470101</v>
      </c>
      <c r="H155">
        <v>132</v>
      </c>
      <c r="I155">
        <v>5330.787868021439</v>
      </c>
      <c r="J155">
        <v>73.012244644452892</v>
      </c>
      <c r="K155">
        <v>-5.5749910009493781E-2</v>
      </c>
      <c r="L155">
        <v>-1.177509326121517</v>
      </c>
      <c r="M155">
        <v>7.8619995797931859</v>
      </c>
      <c r="N155">
        <v>14</v>
      </c>
      <c r="O155">
        <v>1</v>
      </c>
      <c r="P155">
        <v>13</v>
      </c>
      <c r="Q155">
        <v>2.197772455870175</v>
      </c>
      <c r="R155">
        <v>5.4495228422971271</v>
      </c>
      <c r="S155">
        <v>2</v>
      </c>
      <c r="T155">
        <v>1</v>
      </c>
      <c r="U155">
        <v>1</v>
      </c>
      <c r="V155">
        <v>0.1134750882769634</v>
      </c>
      <c r="W155">
        <v>7.167533224565994</v>
      </c>
      <c r="X155">
        <v>1</v>
      </c>
      <c r="Y155">
        <v>1</v>
      </c>
      <c r="Z155">
        <v>0</v>
      </c>
      <c r="AA155">
        <v>0</v>
      </c>
      <c r="AB155">
        <v>7.1846291527173154</v>
      </c>
      <c r="AC155">
        <v>1</v>
      </c>
      <c r="AD155">
        <v>1</v>
      </c>
      <c r="AE155">
        <v>0</v>
      </c>
      <c r="AF155">
        <v>0</v>
      </c>
      <c r="AG155">
        <v>7.1838707150624526</v>
      </c>
      <c r="AH155">
        <v>-6.2660274152017512E-2</v>
      </c>
      <c r="AI155">
        <v>4.4896786569697048E-2</v>
      </c>
      <c r="AJ155">
        <v>-1.1256652442708929E-2</v>
      </c>
      <c r="AK155">
        <v>-1.6453620429015159E-3</v>
      </c>
      <c r="AL155">
        <v>2470.0135949372489</v>
      </c>
      <c r="AM155">
        <v>4799.6785143200123</v>
      </c>
      <c r="AN155">
        <v>170847</v>
      </c>
      <c r="AO155">
        <v>131.99768608297339</v>
      </c>
      <c r="AP155">
        <v>2216.1731560912222</v>
      </c>
      <c r="AQ155">
        <v>1.017411052233157</v>
      </c>
      <c r="AR155">
        <v>4.0401211203633611</v>
      </c>
      <c r="AS155">
        <v>1319</v>
      </c>
      <c r="AT155">
        <v>237.76230128690389</v>
      </c>
      <c r="AU155">
        <v>2.571729675973344E-2</v>
      </c>
      <c r="AV155">
        <v>-6.2691873872719767E-2</v>
      </c>
      <c r="AW155">
        <v>0.35730507191521582</v>
      </c>
      <c r="AX155">
        <v>87.265151515151516</v>
      </c>
      <c r="AY155">
        <v>63</v>
      </c>
      <c r="AZ155">
        <v>126</v>
      </c>
      <c r="BA155">
        <v>0.56453537478166005</v>
      </c>
      <c r="BB155">
        <v>0.5117335352006056</v>
      </c>
      <c r="BC155">
        <v>5.2733371246523362</v>
      </c>
      <c r="BD155" t="s">
        <v>657</v>
      </c>
      <c r="BE155" t="s">
        <v>68</v>
      </c>
    </row>
    <row r="156" spans="1:57" x14ac:dyDescent="0.3">
      <c r="A156" t="s">
        <v>658</v>
      </c>
      <c r="B156">
        <v>1429</v>
      </c>
      <c r="C156" t="s">
        <v>659</v>
      </c>
      <c r="D156" t="s">
        <v>660</v>
      </c>
      <c r="E156" t="s">
        <v>66</v>
      </c>
      <c r="F156">
        <v>72</v>
      </c>
      <c r="G156">
        <v>114.2916666666667</v>
      </c>
      <c r="H156">
        <v>124</v>
      </c>
      <c r="I156">
        <v>4834.401041666667</v>
      </c>
      <c r="J156">
        <v>69.529857195787955</v>
      </c>
      <c r="K156">
        <v>-6.280359760216167E-2</v>
      </c>
      <c r="L156">
        <v>-1.1534621187428959</v>
      </c>
      <c r="M156">
        <v>5.7878447930488868</v>
      </c>
      <c r="N156">
        <v>3</v>
      </c>
      <c r="O156">
        <v>1</v>
      </c>
      <c r="P156">
        <v>2</v>
      </c>
      <c r="Q156">
        <v>0.48947556197266617</v>
      </c>
      <c r="R156">
        <v>4.011828299820392</v>
      </c>
      <c r="S156">
        <v>2</v>
      </c>
      <c r="T156">
        <v>1</v>
      </c>
      <c r="U156">
        <v>1</v>
      </c>
      <c r="V156">
        <v>0.16776575221435111</v>
      </c>
      <c r="W156">
        <v>4.2236293316576567</v>
      </c>
      <c r="X156">
        <v>2</v>
      </c>
      <c r="Y156">
        <v>1</v>
      </c>
      <c r="Z156">
        <v>1</v>
      </c>
      <c r="AA156">
        <v>0.11951030798891769</v>
      </c>
      <c r="AB156">
        <v>4.2286910368905044</v>
      </c>
      <c r="AC156">
        <v>1</v>
      </c>
      <c r="AD156">
        <v>1</v>
      </c>
      <c r="AE156">
        <v>0</v>
      </c>
      <c r="AF156">
        <v>0</v>
      </c>
      <c r="AG156">
        <v>4.2341065045972579</v>
      </c>
      <c r="AH156">
        <v>6.6459451705571895E-2</v>
      </c>
      <c r="AI156">
        <v>-0.1890433786278454</v>
      </c>
      <c r="AJ156">
        <v>8.1592119157904638E-3</v>
      </c>
      <c r="AK156">
        <v>0.1238168272613788</v>
      </c>
      <c r="AL156">
        <v>622.85688617950223</v>
      </c>
      <c r="AM156">
        <v>949.01649055154701</v>
      </c>
      <c r="AN156">
        <v>8229</v>
      </c>
      <c r="AO156">
        <v>53.190098197270792</v>
      </c>
      <c r="AP156">
        <v>448.98913807502748</v>
      </c>
      <c r="AQ156">
        <v>1.319444444444444</v>
      </c>
      <c r="AR156">
        <v>3.8055555555555549</v>
      </c>
      <c r="AS156">
        <v>72</v>
      </c>
      <c r="AT156">
        <v>11.58333333333333</v>
      </c>
      <c r="AU156">
        <v>6.3466947960618803E-2</v>
      </c>
      <c r="AV156">
        <v>6.7466663759799803E-2</v>
      </c>
      <c r="AW156">
        <v>0.34722222222222221</v>
      </c>
      <c r="AX156">
        <v>79.760563380281695</v>
      </c>
      <c r="AY156">
        <v>56.5</v>
      </c>
      <c r="AZ156">
        <v>117.25</v>
      </c>
      <c r="BA156">
        <v>0.60835456532953369</v>
      </c>
      <c r="BB156">
        <v>0.54166666666666663</v>
      </c>
      <c r="BC156">
        <v>3.9233805491145168</v>
      </c>
      <c r="BD156" t="s">
        <v>661</v>
      </c>
      <c r="BE156" t="s">
        <v>68</v>
      </c>
    </row>
    <row r="157" spans="1:57" x14ac:dyDescent="0.3">
      <c r="A157" t="s">
        <v>662</v>
      </c>
      <c r="B157">
        <v>1930</v>
      </c>
      <c r="C157" t="s">
        <v>663</v>
      </c>
      <c r="D157" t="s">
        <v>664</v>
      </c>
      <c r="E157" t="s">
        <v>85</v>
      </c>
      <c r="F157">
        <v>8</v>
      </c>
      <c r="G157">
        <v>131.875</v>
      </c>
      <c r="H157">
        <v>113</v>
      </c>
      <c r="I157">
        <v>3433.359375</v>
      </c>
      <c r="J157">
        <v>58.594874989200207</v>
      </c>
      <c r="K157">
        <v>0.21692255868022681</v>
      </c>
      <c r="L157">
        <v>-1.0977956396049411</v>
      </c>
      <c r="M157">
        <v>3</v>
      </c>
      <c r="N157">
        <v>1</v>
      </c>
      <c r="O157">
        <v>1</v>
      </c>
      <c r="P157">
        <v>0</v>
      </c>
      <c r="Q157">
        <v>0</v>
      </c>
      <c r="R157">
        <v>2.0794415416798362</v>
      </c>
      <c r="S157">
        <v>1</v>
      </c>
      <c r="T157">
        <v>1</v>
      </c>
      <c r="U157">
        <v>0</v>
      </c>
      <c r="V157">
        <v>0</v>
      </c>
      <c r="W157">
        <v>1.945910149055313</v>
      </c>
      <c r="X157">
        <v>1</v>
      </c>
      <c r="Y157">
        <v>1</v>
      </c>
      <c r="Z157">
        <v>0</v>
      </c>
      <c r="AA157">
        <v>0</v>
      </c>
      <c r="AB157">
        <v>1.791759469228055</v>
      </c>
      <c r="AC157">
        <v>1</v>
      </c>
      <c r="AD157">
        <v>1</v>
      </c>
      <c r="AE157">
        <v>0</v>
      </c>
      <c r="AF157">
        <v>0</v>
      </c>
      <c r="AG157">
        <v>1.6094379124341009</v>
      </c>
      <c r="AH157">
        <v>0.25891585318679322</v>
      </c>
      <c r="AI157">
        <v>-0.37449313946344459</v>
      </c>
      <c r="AJ157">
        <v>0.10065931690445309</v>
      </c>
      <c r="AK157">
        <v>0</v>
      </c>
      <c r="AL157">
        <v>270.33467208468579</v>
      </c>
      <c r="AM157">
        <v>305.80085851557942</v>
      </c>
      <c r="AN157">
        <v>1055</v>
      </c>
      <c r="AO157">
        <v>41.490232954958849</v>
      </c>
      <c r="AP157">
        <v>198.70832896484231</v>
      </c>
      <c r="AQ157">
        <v>3.5</v>
      </c>
      <c r="AR157">
        <v>4</v>
      </c>
      <c r="AS157">
        <v>8</v>
      </c>
      <c r="AT157">
        <v>0</v>
      </c>
      <c r="AU157">
        <v>0.2379032258064516</v>
      </c>
      <c r="AV157">
        <v>0.2629540988618887</v>
      </c>
      <c r="AW157">
        <v>0.625</v>
      </c>
      <c r="AX157">
        <v>56</v>
      </c>
      <c r="AY157">
        <v>35.5</v>
      </c>
      <c r="AZ157">
        <v>81.5</v>
      </c>
      <c r="BA157">
        <v>0.44432132693232379</v>
      </c>
      <c r="BB157">
        <v>0.375</v>
      </c>
      <c r="BC157">
        <v>1.945910149055313</v>
      </c>
      <c r="BD157" t="s">
        <v>663</v>
      </c>
      <c r="BE157" t="s">
        <v>68</v>
      </c>
    </row>
    <row r="158" spans="1:57" x14ac:dyDescent="0.3">
      <c r="A158" t="s">
        <v>665</v>
      </c>
      <c r="B158">
        <v>143</v>
      </c>
      <c r="C158" t="s">
        <v>666</v>
      </c>
      <c r="D158" t="s">
        <v>667</v>
      </c>
      <c r="E158" t="s">
        <v>60</v>
      </c>
      <c r="F158">
        <v>256</v>
      </c>
      <c r="G158">
        <v>125.53125</v>
      </c>
      <c r="H158">
        <v>132.5</v>
      </c>
      <c r="I158">
        <v>5709.0224609375</v>
      </c>
      <c r="J158">
        <v>75.558073433204342</v>
      </c>
      <c r="K158">
        <v>-3.4484748931690873E-2</v>
      </c>
      <c r="L158">
        <v>-1.21611935437631</v>
      </c>
      <c r="M158">
        <v>7.169501855282828</v>
      </c>
      <c r="N158">
        <v>4</v>
      </c>
      <c r="O158">
        <v>1</v>
      </c>
      <c r="P158">
        <v>3</v>
      </c>
      <c r="Q158">
        <v>0.83606825354230441</v>
      </c>
      <c r="R158">
        <v>4.9695199970085886</v>
      </c>
      <c r="S158">
        <v>1</v>
      </c>
      <c r="T158">
        <v>1</v>
      </c>
      <c r="U158">
        <v>0</v>
      </c>
      <c r="V158">
        <v>0</v>
      </c>
      <c r="W158">
        <v>5.541263545158424</v>
      </c>
      <c r="X158">
        <v>1</v>
      </c>
      <c r="Y158">
        <v>1</v>
      </c>
      <c r="Z158">
        <v>0</v>
      </c>
      <c r="AA158">
        <v>0</v>
      </c>
      <c r="AB158">
        <v>5.5373342670185366</v>
      </c>
      <c r="AC158">
        <v>1</v>
      </c>
      <c r="AD158">
        <v>1</v>
      </c>
      <c r="AE158">
        <v>0</v>
      </c>
      <c r="AF158">
        <v>0</v>
      </c>
      <c r="AG158">
        <v>5.5333894887275203</v>
      </c>
      <c r="AH158">
        <v>3.1610312742311512E-2</v>
      </c>
      <c r="AI158">
        <v>-3.073720220007085E-2</v>
      </c>
      <c r="AJ158">
        <v>-5.0286038894241041E-2</v>
      </c>
      <c r="AK158">
        <v>1.4137044063082711E-2</v>
      </c>
      <c r="AL158">
        <v>1216.2303021560449</v>
      </c>
      <c r="AM158">
        <v>2004.087286551515</v>
      </c>
      <c r="AN158">
        <v>32136</v>
      </c>
      <c r="AO158">
        <v>51.374820548110328</v>
      </c>
      <c r="AP158">
        <v>1060.076725769735</v>
      </c>
      <c r="AQ158">
        <v>1.08984375</v>
      </c>
      <c r="AR158">
        <v>3.94921875</v>
      </c>
      <c r="AS158">
        <v>256</v>
      </c>
      <c r="AT158">
        <v>72.546875</v>
      </c>
      <c r="AU158">
        <v>3.9124015748031482E-2</v>
      </c>
      <c r="AV158">
        <v>3.1797809233489023E-2</v>
      </c>
      <c r="AW158">
        <v>0.3203125</v>
      </c>
      <c r="AX158">
        <v>84.478431372549025</v>
      </c>
      <c r="AY158">
        <v>64.5</v>
      </c>
      <c r="AZ158">
        <v>129</v>
      </c>
      <c r="BA158">
        <v>0.60190648490478937</v>
      </c>
      <c r="BB158">
        <v>0.53515625</v>
      </c>
      <c r="BC158">
        <v>4.8638885467452484</v>
      </c>
      <c r="BD158" t="s">
        <v>668</v>
      </c>
      <c r="BE158" t="s">
        <v>62</v>
      </c>
    </row>
    <row r="159" spans="1:57" x14ac:dyDescent="0.3">
      <c r="A159" t="s">
        <v>669</v>
      </c>
      <c r="B159">
        <v>584</v>
      </c>
      <c r="C159" t="s">
        <v>670</v>
      </c>
      <c r="D159" t="s">
        <v>671</v>
      </c>
      <c r="E159" t="s">
        <v>98</v>
      </c>
      <c r="F159">
        <v>16</v>
      </c>
      <c r="G159">
        <v>119</v>
      </c>
      <c r="H159">
        <v>102</v>
      </c>
      <c r="I159">
        <v>5194.25</v>
      </c>
      <c r="J159">
        <v>72.071145405078724</v>
      </c>
      <c r="K159">
        <v>0.38206158861119432</v>
      </c>
      <c r="L159">
        <v>-0.72354703690951494</v>
      </c>
      <c r="M159">
        <v>3.625</v>
      </c>
      <c r="N159">
        <v>2</v>
      </c>
      <c r="O159">
        <v>1</v>
      </c>
      <c r="P159">
        <v>1</v>
      </c>
      <c r="Q159">
        <v>0.42132504423474321</v>
      </c>
      <c r="R159">
        <v>2.512658529529801</v>
      </c>
      <c r="S159">
        <v>1</v>
      </c>
      <c r="T159">
        <v>1</v>
      </c>
      <c r="U159">
        <v>0</v>
      </c>
      <c r="V159">
        <v>0</v>
      </c>
      <c r="W159">
        <v>2.7080502011022101</v>
      </c>
      <c r="X159">
        <v>1</v>
      </c>
      <c r="Y159">
        <v>1</v>
      </c>
      <c r="Z159">
        <v>0</v>
      </c>
      <c r="AA159">
        <v>0</v>
      </c>
      <c r="AB159">
        <v>2.639057329615258</v>
      </c>
      <c r="AC159">
        <v>1</v>
      </c>
      <c r="AD159">
        <v>1</v>
      </c>
      <c r="AE159">
        <v>0</v>
      </c>
      <c r="AF159">
        <v>0</v>
      </c>
      <c r="AG159">
        <v>2.5649493574615372</v>
      </c>
      <c r="AH159">
        <v>-0.3460557347066468</v>
      </c>
      <c r="AI159">
        <v>0.19732155749145691</v>
      </c>
      <c r="AJ159">
        <v>-4.6469653944265291E-2</v>
      </c>
      <c r="AK159">
        <v>-6.722577850507773E-2</v>
      </c>
      <c r="AL159">
        <v>379.71452525714801</v>
      </c>
      <c r="AM159">
        <v>406.8179928527482</v>
      </c>
      <c r="AN159">
        <v>1904</v>
      </c>
      <c r="AO159">
        <v>147.3295625460145</v>
      </c>
      <c r="AP159">
        <v>280.44503075909711</v>
      </c>
      <c r="AQ159">
        <v>2.25</v>
      </c>
      <c r="AR159">
        <v>3.9375</v>
      </c>
      <c r="AS159">
        <v>16</v>
      </c>
      <c r="AT159">
        <v>1.875</v>
      </c>
      <c r="AU159">
        <v>0.18700592885375489</v>
      </c>
      <c r="AV159">
        <v>-0.35148242300238269</v>
      </c>
      <c r="AW159">
        <v>0.4375</v>
      </c>
      <c r="AX159">
        <v>106.8</v>
      </c>
      <c r="AY159">
        <v>58</v>
      </c>
      <c r="AZ159">
        <v>92.5</v>
      </c>
      <c r="BA159">
        <v>0.6056398773536027</v>
      </c>
      <c r="BB159">
        <v>0.4375</v>
      </c>
      <c r="BC159">
        <v>2.7080502011022101</v>
      </c>
      <c r="BD159" t="s">
        <v>670</v>
      </c>
      <c r="BE159" t="s">
        <v>62</v>
      </c>
    </row>
    <row r="160" spans="1:57" x14ac:dyDescent="0.3">
      <c r="A160" t="s">
        <v>672</v>
      </c>
      <c r="B160">
        <v>3238</v>
      </c>
      <c r="C160" t="s">
        <v>673</v>
      </c>
      <c r="D160" t="s">
        <v>674</v>
      </c>
      <c r="E160" t="s">
        <v>98</v>
      </c>
      <c r="F160">
        <v>16</v>
      </c>
      <c r="G160">
        <v>123.4375</v>
      </c>
      <c r="H160">
        <v>123.5</v>
      </c>
      <c r="I160">
        <v>4519.24609375</v>
      </c>
      <c r="J160">
        <v>67.225338182488898</v>
      </c>
      <c r="K160">
        <v>4.8302630782860637E-2</v>
      </c>
      <c r="L160">
        <v>-1.222483449041956</v>
      </c>
      <c r="M160">
        <v>4</v>
      </c>
      <c r="N160">
        <v>1</v>
      </c>
      <c r="O160">
        <v>1</v>
      </c>
      <c r="P160">
        <v>0</v>
      </c>
      <c r="Q160">
        <v>0</v>
      </c>
      <c r="R160">
        <v>2.7725887222397811</v>
      </c>
      <c r="S160">
        <v>1</v>
      </c>
      <c r="T160">
        <v>1</v>
      </c>
      <c r="U160">
        <v>0</v>
      </c>
      <c r="V160">
        <v>0</v>
      </c>
      <c r="W160">
        <v>2.7080502011022101</v>
      </c>
      <c r="X160">
        <v>1</v>
      </c>
      <c r="Y160">
        <v>1</v>
      </c>
      <c r="Z160">
        <v>0</v>
      </c>
      <c r="AA160">
        <v>0</v>
      </c>
      <c r="AB160">
        <v>2.639057329615258</v>
      </c>
      <c r="AC160">
        <v>1</v>
      </c>
      <c r="AD160">
        <v>1</v>
      </c>
      <c r="AE160">
        <v>0</v>
      </c>
      <c r="AF160">
        <v>0</v>
      </c>
      <c r="AG160">
        <v>2.5649493574615372</v>
      </c>
      <c r="AH160">
        <v>0.2491427181663147</v>
      </c>
      <c r="AI160">
        <v>0.24319846887487279</v>
      </c>
      <c r="AJ160">
        <v>2.5141495530832969E-3</v>
      </c>
      <c r="AK160">
        <v>-0.2891181768599056</v>
      </c>
      <c r="AL160">
        <v>354.61382265134603</v>
      </c>
      <c r="AM160">
        <v>436.28664520541957</v>
      </c>
      <c r="AN160">
        <v>1975</v>
      </c>
      <c r="AO160">
        <v>95</v>
      </c>
      <c r="AP160">
        <v>228.2673921135075</v>
      </c>
      <c r="AQ160">
        <v>2.3125</v>
      </c>
      <c r="AR160">
        <v>3.625</v>
      </c>
      <c r="AS160">
        <v>16</v>
      </c>
      <c r="AT160">
        <v>0</v>
      </c>
      <c r="AU160">
        <v>0.14411157024793389</v>
      </c>
      <c r="AV160">
        <v>0.2565499768541819</v>
      </c>
      <c r="AW160">
        <v>0.4375</v>
      </c>
      <c r="AX160">
        <v>73.2</v>
      </c>
      <c r="AY160">
        <v>57</v>
      </c>
      <c r="AZ160">
        <v>110.75</v>
      </c>
      <c r="BA160">
        <v>0.54461033464294806</v>
      </c>
      <c r="BB160">
        <v>0.5</v>
      </c>
      <c r="BC160">
        <v>2.615630577027551</v>
      </c>
      <c r="BD160" t="s">
        <v>673</v>
      </c>
      <c r="BE160" t="s">
        <v>62</v>
      </c>
    </row>
    <row r="161" spans="1:57" x14ac:dyDescent="0.3">
      <c r="A161" t="s">
        <v>675</v>
      </c>
      <c r="B161">
        <v>1310</v>
      </c>
      <c r="C161" t="s">
        <v>676</v>
      </c>
      <c r="D161" t="s">
        <v>677</v>
      </c>
      <c r="E161" t="s">
        <v>72</v>
      </c>
      <c r="F161">
        <v>1336</v>
      </c>
      <c r="G161">
        <v>128.6115269461078</v>
      </c>
      <c r="H161">
        <v>129</v>
      </c>
      <c r="I161">
        <v>5323.4082204229271</v>
      </c>
      <c r="J161">
        <v>72.961690087489941</v>
      </c>
      <c r="K161">
        <v>-2.7420999991486219E-3</v>
      </c>
      <c r="L161">
        <v>-1.1686078632240851</v>
      </c>
      <c r="M161">
        <v>7.8679386411170782</v>
      </c>
      <c r="N161">
        <v>12</v>
      </c>
      <c r="O161">
        <v>1</v>
      </c>
      <c r="P161">
        <v>11</v>
      </c>
      <c r="Q161">
        <v>2.1894648313222751</v>
      </c>
      <c r="R161">
        <v>5.4536394859089468</v>
      </c>
      <c r="S161">
        <v>2</v>
      </c>
      <c r="T161">
        <v>1</v>
      </c>
      <c r="U161">
        <v>1</v>
      </c>
      <c r="V161">
        <v>0.102399773028004</v>
      </c>
      <c r="W161">
        <v>7.182148652440584</v>
      </c>
      <c r="X161">
        <v>1</v>
      </c>
      <c r="Y161">
        <v>1</v>
      </c>
      <c r="Z161">
        <v>0</v>
      </c>
      <c r="AA161">
        <v>0</v>
      </c>
      <c r="AB161">
        <v>7.1959372264755714</v>
      </c>
      <c r="AC161">
        <v>1</v>
      </c>
      <c r="AD161">
        <v>1</v>
      </c>
      <c r="AE161">
        <v>0</v>
      </c>
      <c r="AF161">
        <v>0</v>
      </c>
      <c r="AG161">
        <v>7.1951873201787091</v>
      </c>
      <c r="AH161">
        <v>1.312451731112428E-2</v>
      </c>
      <c r="AI161">
        <v>-1.0154040575168E-3</v>
      </c>
      <c r="AJ161">
        <v>-2.8556591902092341E-2</v>
      </c>
      <c r="AK161">
        <v>2.3872377650578119E-2</v>
      </c>
      <c r="AL161">
        <v>2496.8411175235751</v>
      </c>
      <c r="AM161">
        <v>4793.3843403010787</v>
      </c>
      <c r="AN161">
        <v>171824.99999999991</v>
      </c>
      <c r="AO161">
        <v>115.756911624162</v>
      </c>
      <c r="AP161">
        <v>2191.8759140457018</v>
      </c>
      <c r="AQ161">
        <v>1.017215568862275</v>
      </c>
      <c r="AR161">
        <v>4.0134730538922154</v>
      </c>
      <c r="AS161">
        <v>1331</v>
      </c>
      <c r="AT161">
        <v>233.31886227544911</v>
      </c>
      <c r="AU161">
        <v>2.267230245391566E-2</v>
      </c>
      <c r="AV161">
        <v>1.3145121594861199E-2</v>
      </c>
      <c r="AW161">
        <v>0.3712574850299401</v>
      </c>
      <c r="AX161">
        <v>83.966292134831463</v>
      </c>
      <c r="AY161">
        <v>63</v>
      </c>
      <c r="AZ161">
        <v>125.25</v>
      </c>
      <c r="BA161">
        <v>0.56730288349708469</v>
      </c>
      <c r="BB161">
        <v>0.50149700598802394</v>
      </c>
      <c r="BC161">
        <v>5.2416598336903188</v>
      </c>
      <c r="BD161" t="s">
        <v>678</v>
      </c>
      <c r="BE161" t="s">
        <v>68</v>
      </c>
    </row>
    <row r="162" spans="1:57" x14ac:dyDescent="0.3">
      <c r="A162" t="s">
        <v>679</v>
      </c>
      <c r="B162">
        <v>2544</v>
      </c>
      <c r="C162" t="s">
        <v>680</v>
      </c>
      <c r="D162" t="s">
        <v>681</v>
      </c>
      <c r="E162" t="s">
        <v>98</v>
      </c>
      <c r="F162">
        <v>16</v>
      </c>
      <c r="G162">
        <v>137.4375</v>
      </c>
      <c r="H162">
        <v>133</v>
      </c>
      <c r="I162">
        <v>4397.12109375</v>
      </c>
      <c r="J162">
        <v>66.310791683933317</v>
      </c>
      <c r="K162">
        <v>3.4627291720597239E-2</v>
      </c>
      <c r="L162">
        <v>-1.2152087501249631</v>
      </c>
      <c r="M162">
        <v>4</v>
      </c>
      <c r="N162">
        <v>1</v>
      </c>
      <c r="O162">
        <v>1</v>
      </c>
      <c r="P162">
        <v>0</v>
      </c>
      <c r="Q162">
        <v>0</v>
      </c>
      <c r="R162">
        <v>2.7725887222397811</v>
      </c>
      <c r="S162">
        <v>1</v>
      </c>
      <c r="T162">
        <v>1</v>
      </c>
      <c r="U162">
        <v>0</v>
      </c>
      <c r="V162">
        <v>0</v>
      </c>
      <c r="W162">
        <v>2.7080502011022101</v>
      </c>
      <c r="X162">
        <v>1</v>
      </c>
      <c r="Y162">
        <v>1</v>
      </c>
      <c r="Z162">
        <v>0</v>
      </c>
      <c r="AA162">
        <v>0</v>
      </c>
      <c r="AB162">
        <v>2.639057329615258</v>
      </c>
      <c r="AC162">
        <v>1</v>
      </c>
      <c r="AD162">
        <v>1</v>
      </c>
      <c r="AE162">
        <v>0</v>
      </c>
      <c r="AF162">
        <v>0</v>
      </c>
      <c r="AG162">
        <v>2.5649493574615372</v>
      </c>
      <c r="AH162">
        <v>-0.39400696522849199</v>
      </c>
      <c r="AI162">
        <v>1.304286895811624E-2</v>
      </c>
      <c r="AJ162">
        <v>-0.1388491160320629</v>
      </c>
      <c r="AK162">
        <v>-1.2375484492250351E-2</v>
      </c>
      <c r="AL162">
        <v>378.51970032805599</v>
      </c>
      <c r="AM162">
        <v>478.85471331454869</v>
      </c>
      <c r="AN162">
        <v>2199</v>
      </c>
      <c r="AO162">
        <v>149.4998437739896</v>
      </c>
      <c r="AP162">
        <v>270.97702161013342</v>
      </c>
      <c r="AQ162">
        <v>2.3125</v>
      </c>
      <c r="AR162">
        <v>3.875</v>
      </c>
      <c r="AS162">
        <v>16</v>
      </c>
      <c r="AT162">
        <v>0</v>
      </c>
      <c r="AU162">
        <v>0.19166666666666671</v>
      </c>
      <c r="AV162">
        <v>-0.43142807544007139</v>
      </c>
      <c r="AW162">
        <v>0.4375</v>
      </c>
      <c r="AX162">
        <v>100.06666666666671</v>
      </c>
      <c r="AY162">
        <v>67.5</v>
      </c>
      <c r="AZ162">
        <v>122</v>
      </c>
      <c r="BA162">
        <v>0.48247961207045609</v>
      </c>
      <c r="BB162">
        <v>0.5</v>
      </c>
      <c r="BC162">
        <v>2.7080502011022101</v>
      </c>
      <c r="BD162" t="s">
        <v>680</v>
      </c>
      <c r="BE162" t="s">
        <v>62</v>
      </c>
    </row>
    <row r="163" spans="1:57" x14ac:dyDescent="0.3">
      <c r="A163" t="s">
        <v>682</v>
      </c>
      <c r="B163">
        <v>3428</v>
      </c>
      <c r="C163" t="s">
        <v>683</v>
      </c>
      <c r="D163" t="s">
        <v>684</v>
      </c>
      <c r="E163" t="s">
        <v>93</v>
      </c>
      <c r="F163">
        <v>3450</v>
      </c>
      <c r="G163">
        <v>129.97565217391301</v>
      </c>
      <c r="H163">
        <v>131</v>
      </c>
      <c r="I163">
        <v>5649.0486825456828</v>
      </c>
      <c r="J163">
        <v>75.16015355589478</v>
      </c>
      <c r="K163">
        <v>-3.1895902063084111E-2</v>
      </c>
      <c r="L163">
        <v>-1.245002401530408</v>
      </c>
      <c r="M163">
        <v>7.9473728418549268</v>
      </c>
      <c r="N163">
        <v>24</v>
      </c>
      <c r="O163">
        <v>6</v>
      </c>
      <c r="P163">
        <v>18</v>
      </c>
      <c r="Q163">
        <v>3.6613796147891779</v>
      </c>
      <c r="R163">
        <v>5.5086990781904381</v>
      </c>
      <c r="S163">
        <v>3</v>
      </c>
      <c r="T163">
        <v>1</v>
      </c>
      <c r="U163">
        <v>2</v>
      </c>
      <c r="V163">
        <v>0.1641970634147237</v>
      </c>
      <c r="W163">
        <v>8.1091112757360087</v>
      </c>
      <c r="X163">
        <v>1</v>
      </c>
      <c r="Y163">
        <v>1</v>
      </c>
      <c r="Z163">
        <v>0</v>
      </c>
      <c r="AA163">
        <v>0</v>
      </c>
      <c r="AB163">
        <v>8.1455496317835845</v>
      </c>
      <c r="AC163">
        <v>1</v>
      </c>
      <c r="AD163">
        <v>1</v>
      </c>
      <c r="AE163">
        <v>0</v>
      </c>
      <c r="AF163">
        <v>0</v>
      </c>
      <c r="AG163">
        <v>8.1452595665168666</v>
      </c>
      <c r="AH163">
        <v>2.8209179704216041E-2</v>
      </c>
      <c r="AI163">
        <v>1.1146196309834039E-2</v>
      </c>
      <c r="AJ163">
        <v>-1.144451897560513E-2</v>
      </c>
      <c r="AK163">
        <v>-5.4937158231291132E-3</v>
      </c>
      <c r="AL163">
        <v>4022.3296827643981</v>
      </c>
      <c r="AM163">
        <v>7848.1363343887233</v>
      </c>
      <c r="AN163">
        <v>448416</v>
      </c>
      <c r="AO163">
        <v>105.0303571590515</v>
      </c>
      <c r="AP163">
        <v>3594.61221826886</v>
      </c>
      <c r="AQ163">
        <v>1.006666666666667</v>
      </c>
      <c r="AR163">
        <v>4.0426086956521736</v>
      </c>
      <c r="AS163">
        <v>3440</v>
      </c>
      <c r="AT163">
        <v>254.6539130434783</v>
      </c>
      <c r="AU163">
        <v>2.7638533674339331E-2</v>
      </c>
      <c r="AV163">
        <v>2.8220340502410051E-2</v>
      </c>
      <c r="AW163">
        <v>0.35768115942028977</v>
      </c>
      <c r="AX163">
        <v>85.71325021745433</v>
      </c>
      <c r="AY163">
        <v>67</v>
      </c>
      <c r="AZ163">
        <v>134</v>
      </c>
      <c r="BA163">
        <v>0.57826333085312975</v>
      </c>
      <c r="BB163">
        <v>0.50695652173913042</v>
      </c>
      <c r="BC163">
        <v>5.3157900129840376</v>
      </c>
      <c r="BD163" t="s">
        <v>685</v>
      </c>
      <c r="BE163" t="s">
        <v>68</v>
      </c>
    </row>
    <row r="164" spans="1:57" x14ac:dyDescent="0.3">
      <c r="A164" t="s">
        <v>686</v>
      </c>
      <c r="B164">
        <v>1024</v>
      </c>
      <c r="C164" t="s">
        <v>687</v>
      </c>
      <c r="D164" t="s">
        <v>688</v>
      </c>
      <c r="E164" t="s">
        <v>128</v>
      </c>
      <c r="F164">
        <v>32</v>
      </c>
      <c r="G164">
        <v>134.96875</v>
      </c>
      <c r="H164">
        <v>152.5</v>
      </c>
      <c r="I164">
        <v>6087.8427734375</v>
      </c>
      <c r="J164">
        <v>78.024629274591874</v>
      </c>
      <c r="K164">
        <v>-3.8282724879059558E-2</v>
      </c>
      <c r="L164">
        <v>-1.365201722333506</v>
      </c>
      <c r="M164">
        <v>5</v>
      </c>
      <c r="N164">
        <v>1</v>
      </c>
      <c r="O164">
        <v>1</v>
      </c>
      <c r="P164">
        <v>0</v>
      </c>
      <c r="Q164">
        <v>0</v>
      </c>
      <c r="R164">
        <v>3.465735902799727</v>
      </c>
      <c r="S164">
        <v>1</v>
      </c>
      <c r="T164">
        <v>1</v>
      </c>
      <c r="U164">
        <v>0</v>
      </c>
      <c r="V164">
        <v>0</v>
      </c>
      <c r="W164">
        <v>3.4339872044851458</v>
      </c>
      <c r="X164">
        <v>1</v>
      </c>
      <c r="Y164">
        <v>1</v>
      </c>
      <c r="Z164">
        <v>0</v>
      </c>
      <c r="AA164">
        <v>0</v>
      </c>
      <c r="AB164">
        <v>3.401197381662155</v>
      </c>
      <c r="AC164">
        <v>1</v>
      </c>
      <c r="AD164">
        <v>1</v>
      </c>
      <c r="AE164">
        <v>0</v>
      </c>
      <c r="AF164">
        <v>0</v>
      </c>
      <c r="AG164">
        <v>3.3672958299864728</v>
      </c>
      <c r="AH164">
        <v>-4.0523583077569897E-2</v>
      </c>
      <c r="AI164">
        <v>-0.20338081940329661</v>
      </c>
      <c r="AJ164">
        <v>-0.2331518416249983</v>
      </c>
      <c r="AK164">
        <v>0.28243720354876067</v>
      </c>
      <c r="AL164">
        <v>532.99102969687397</v>
      </c>
      <c r="AM164">
        <v>702.61053383981232</v>
      </c>
      <c r="AN164">
        <v>4319</v>
      </c>
      <c r="AO164">
        <v>107.73901031635749</v>
      </c>
      <c r="AP164">
        <v>415.30444240737899</v>
      </c>
      <c r="AQ164">
        <v>1.71875</v>
      </c>
      <c r="AR164">
        <v>4.0625</v>
      </c>
      <c r="AS164">
        <v>32</v>
      </c>
      <c r="AT164">
        <v>0</v>
      </c>
      <c r="AU164">
        <v>0.12808794466403159</v>
      </c>
      <c r="AV164">
        <v>-4.1123407170400243E-2</v>
      </c>
      <c r="AW164">
        <v>0.40625</v>
      </c>
      <c r="AX164">
        <v>92.612903225806448</v>
      </c>
      <c r="AY164">
        <v>75</v>
      </c>
      <c r="AZ164">
        <v>150</v>
      </c>
      <c r="BA164">
        <v>0.5780940349124658</v>
      </c>
      <c r="BB164">
        <v>0.53125</v>
      </c>
      <c r="BC164">
        <v>3.3445488586064429</v>
      </c>
      <c r="BD164" t="s">
        <v>689</v>
      </c>
      <c r="BE164" t="s">
        <v>62</v>
      </c>
    </row>
    <row r="165" spans="1:57" x14ac:dyDescent="0.3">
      <c r="A165" t="s">
        <v>690</v>
      </c>
      <c r="B165">
        <v>1118</v>
      </c>
      <c r="C165" t="s">
        <v>691</v>
      </c>
      <c r="D165" t="s">
        <v>692</v>
      </c>
      <c r="E165" t="s">
        <v>10622</v>
      </c>
      <c r="F165">
        <v>64</v>
      </c>
      <c r="G165">
        <v>139.8125</v>
      </c>
      <c r="H165">
        <v>133</v>
      </c>
      <c r="I165">
        <v>5125.02734375</v>
      </c>
      <c r="J165">
        <v>71.589296293161027</v>
      </c>
      <c r="K165">
        <v>-0.12285480493509721</v>
      </c>
      <c r="L165">
        <v>-1.19950392854134</v>
      </c>
      <c r="M165">
        <v>5.75</v>
      </c>
      <c r="N165">
        <v>2</v>
      </c>
      <c r="O165">
        <v>1</v>
      </c>
      <c r="P165">
        <v>1</v>
      </c>
      <c r="Q165">
        <v>0.3499271061118826</v>
      </c>
      <c r="R165">
        <v>3.9855962882196851</v>
      </c>
      <c r="S165">
        <v>1</v>
      </c>
      <c r="T165">
        <v>1</v>
      </c>
      <c r="U165">
        <v>0</v>
      </c>
      <c r="V165">
        <v>0</v>
      </c>
      <c r="W165">
        <v>4.1431347263915326</v>
      </c>
      <c r="X165">
        <v>1</v>
      </c>
      <c r="Y165">
        <v>1</v>
      </c>
      <c r="Z165">
        <v>0</v>
      </c>
      <c r="AA165">
        <v>0</v>
      </c>
      <c r="AB165">
        <v>4.1271343850450908</v>
      </c>
      <c r="AC165">
        <v>1</v>
      </c>
      <c r="AD165">
        <v>1</v>
      </c>
      <c r="AE165">
        <v>0</v>
      </c>
      <c r="AF165">
        <v>0</v>
      </c>
      <c r="AG165">
        <v>4.1108738641733096</v>
      </c>
      <c r="AH165">
        <v>-6.4999760386186961E-2</v>
      </c>
      <c r="AI165">
        <v>2.770447775812172E-2</v>
      </c>
      <c r="AJ165">
        <v>-1.050619632745862E-2</v>
      </c>
      <c r="AK165">
        <v>2.0828275878101259E-2</v>
      </c>
      <c r="AL165">
        <v>646.12230966976949</v>
      </c>
      <c r="AM165">
        <v>1077.7615510617379</v>
      </c>
      <c r="AN165">
        <v>8948</v>
      </c>
      <c r="AO165">
        <v>100.7430945132898</v>
      </c>
      <c r="AP165">
        <v>476.51483788547051</v>
      </c>
      <c r="AQ165">
        <v>1.359375</v>
      </c>
      <c r="AR165">
        <v>3.96875</v>
      </c>
      <c r="AS165">
        <v>64</v>
      </c>
      <c r="AT165">
        <v>6</v>
      </c>
      <c r="AU165">
        <v>8.9533730158730146E-2</v>
      </c>
      <c r="AV165">
        <v>-6.6041719779209945E-2</v>
      </c>
      <c r="AW165">
        <v>0.390625</v>
      </c>
      <c r="AX165">
        <v>88</v>
      </c>
      <c r="AY165">
        <v>63</v>
      </c>
      <c r="AZ165">
        <v>126</v>
      </c>
      <c r="BA165">
        <v>0.51203788139945305</v>
      </c>
      <c r="BB165">
        <v>0.484375</v>
      </c>
      <c r="BC165">
        <v>3.906476950221248</v>
      </c>
      <c r="BD165" t="s">
        <v>693</v>
      </c>
      <c r="BE165" t="s">
        <v>62</v>
      </c>
    </row>
    <row r="166" spans="1:57" x14ac:dyDescent="0.3">
      <c r="A166" t="s">
        <v>694</v>
      </c>
      <c r="B166">
        <v>3734</v>
      </c>
      <c r="C166" t="s">
        <v>695</v>
      </c>
      <c r="D166" t="s">
        <v>696</v>
      </c>
      <c r="E166" t="s">
        <v>66</v>
      </c>
      <c r="F166">
        <v>71</v>
      </c>
      <c r="G166">
        <v>125.5915492957746</v>
      </c>
      <c r="H166">
        <v>136</v>
      </c>
      <c r="I166">
        <v>5908.0162666137676</v>
      </c>
      <c r="J166">
        <v>76.863621217151675</v>
      </c>
      <c r="K166">
        <v>-0.1171517376521265</v>
      </c>
      <c r="L166">
        <v>-1.2846975599703221</v>
      </c>
      <c r="M166">
        <v>5.9419318025727987</v>
      </c>
      <c r="N166">
        <v>3</v>
      </c>
      <c r="O166">
        <v>1</v>
      </c>
      <c r="P166">
        <v>2</v>
      </c>
      <c r="Q166">
        <v>0.35869500885153122</v>
      </c>
      <c r="R166">
        <v>4.1186332760328117</v>
      </c>
      <c r="S166">
        <v>1</v>
      </c>
      <c r="T166">
        <v>1</v>
      </c>
      <c r="U166">
        <v>0</v>
      </c>
      <c r="V166">
        <v>0</v>
      </c>
      <c r="W166">
        <v>4.2484952420493576</v>
      </c>
      <c r="X166">
        <v>1</v>
      </c>
      <c r="Y166">
        <v>1</v>
      </c>
      <c r="Z166">
        <v>0</v>
      </c>
      <c r="AA166">
        <v>0</v>
      </c>
      <c r="AB166">
        <v>4.2341065045972579</v>
      </c>
      <c r="AC166">
        <v>1</v>
      </c>
      <c r="AD166">
        <v>1</v>
      </c>
      <c r="AE166">
        <v>0</v>
      </c>
      <c r="AF166">
        <v>0</v>
      </c>
      <c r="AG166">
        <v>4.2195077051761087</v>
      </c>
      <c r="AH166">
        <v>0.1296014028102446</v>
      </c>
      <c r="AI166">
        <v>9.3121154759034895E-3</v>
      </c>
      <c r="AJ166">
        <v>-4.5899234322391791E-2</v>
      </c>
      <c r="AK166">
        <v>5.3814648672173997E-2</v>
      </c>
      <c r="AL166">
        <v>697.72981440612068</v>
      </c>
      <c r="AM166">
        <v>1025.9347474809499</v>
      </c>
      <c r="AN166">
        <v>8917</v>
      </c>
      <c r="AO166">
        <v>63.822377414279288</v>
      </c>
      <c r="AP166">
        <v>466.4575647194078</v>
      </c>
      <c r="AQ166">
        <v>1.323943661971831</v>
      </c>
      <c r="AR166">
        <v>3.704225352112676</v>
      </c>
      <c r="AS166">
        <v>71</v>
      </c>
      <c r="AT166">
        <v>7.4225352112676051</v>
      </c>
      <c r="AU166">
        <v>8.0190822353475688E-2</v>
      </c>
      <c r="AV166">
        <v>0.13117030611408581</v>
      </c>
      <c r="AW166">
        <v>0.28169014084507038</v>
      </c>
      <c r="AX166">
        <v>83.685714285714283</v>
      </c>
      <c r="AY166">
        <v>66</v>
      </c>
      <c r="AZ166">
        <v>140</v>
      </c>
      <c r="BA166">
        <v>0.61201268435771772</v>
      </c>
      <c r="BB166">
        <v>0.56338028169014087</v>
      </c>
      <c r="BC166">
        <v>4.0504531904608054</v>
      </c>
      <c r="BD166" t="s">
        <v>697</v>
      </c>
      <c r="BE166" t="s">
        <v>68</v>
      </c>
    </row>
    <row r="167" spans="1:57" x14ac:dyDescent="0.3">
      <c r="A167" t="s">
        <v>698</v>
      </c>
      <c r="B167">
        <v>146</v>
      </c>
      <c r="C167" t="s">
        <v>699</v>
      </c>
      <c r="D167" t="s">
        <v>700</v>
      </c>
      <c r="E167" t="s">
        <v>60</v>
      </c>
      <c r="F167">
        <v>256</v>
      </c>
      <c r="G167">
        <v>123.64453125</v>
      </c>
      <c r="H167">
        <v>124.5</v>
      </c>
      <c r="I167">
        <v>5249.6041107177734</v>
      </c>
      <c r="J167">
        <v>72.45415178385413</v>
      </c>
      <c r="K167">
        <v>3.7707559901696808E-3</v>
      </c>
      <c r="L167">
        <v>-1.187753334760586</v>
      </c>
      <c r="M167">
        <v>7.209750927641414</v>
      </c>
      <c r="N167">
        <v>4</v>
      </c>
      <c r="O167">
        <v>1</v>
      </c>
      <c r="P167">
        <v>3</v>
      </c>
      <c r="Q167">
        <v>0.79609294152683319</v>
      </c>
      <c r="R167">
        <v>4.9974185280340961</v>
      </c>
      <c r="S167">
        <v>2</v>
      </c>
      <c r="T167">
        <v>1</v>
      </c>
      <c r="U167">
        <v>1</v>
      </c>
      <c r="V167">
        <v>6.2621943781838038E-2</v>
      </c>
      <c r="W167">
        <v>5.5358270966834446</v>
      </c>
      <c r="X167">
        <v>1</v>
      </c>
      <c r="Y167">
        <v>1</v>
      </c>
      <c r="Z167">
        <v>0</v>
      </c>
      <c r="AA167">
        <v>0</v>
      </c>
      <c r="AB167">
        <v>5.5373342670185366</v>
      </c>
      <c r="AC167">
        <v>1</v>
      </c>
      <c r="AD167">
        <v>1</v>
      </c>
      <c r="AE167">
        <v>0</v>
      </c>
      <c r="AF167">
        <v>0</v>
      </c>
      <c r="AG167">
        <v>5.5333894887275203</v>
      </c>
      <c r="AH167">
        <v>-0.1058403912545554</v>
      </c>
      <c r="AI167">
        <v>-2.4010717928609669E-2</v>
      </c>
      <c r="AJ167">
        <v>3.975446629506945E-2</v>
      </c>
      <c r="AK167">
        <v>-3.8659846732834541E-2</v>
      </c>
      <c r="AL167">
        <v>1161.4696492774369</v>
      </c>
      <c r="AM167">
        <v>1977.0197909498399</v>
      </c>
      <c r="AN167">
        <v>31653</v>
      </c>
      <c r="AO167">
        <v>113.53346226004911</v>
      </c>
      <c r="AP167">
        <v>936.75719412561716</v>
      </c>
      <c r="AQ167">
        <v>1.08984375</v>
      </c>
      <c r="AR167">
        <v>3.94140625</v>
      </c>
      <c r="AS167">
        <v>256</v>
      </c>
      <c r="AT167">
        <v>68.21875</v>
      </c>
      <c r="AU167">
        <v>4.8105314960629968E-2</v>
      </c>
      <c r="AV167">
        <v>-0.1059601787302174</v>
      </c>
      <c r="AW167">
        <v>0.37109375</v>
      </c>
      <c r="AX167">
        <v>90.396078431372544</v>
      </c>
      <c r="AY167">
        <v>63.5</v>
      </c>
      <c r="AZ167">
        <v>126.25</v>
      </c>
      <c r="BA167">
        <v>0.58598751640181523</v>
      </c>
      <c r="BB167">
        <v>0.5078125</v>
      </c>
      <c r="BC167">
        <v>4.9332298354549273</v>
      </c>
      <c r="BD167" t="s">
        <v>701</v>
      </c>
      <c r="BE167" t="s">
        <v>62</v>
      </c>
    </row>
    <row r="168" spans="1:57" x14ac:dyDescent="0.3">
      <c r="A168" t="s">
        <v>702</v>
      </c>
      <c r="B168">
        <v>2161</v>
      </c>
      <c r="C168" t="s">
        <v>703</v>
      </c>
      <c r="D168" t="s">
        <v>704</v>
      </c>
      <c r="E168" t="s">
        <v>106</v>
      </c>
      <c r="F168">
        <v>2197</v>
      </c>
      <c r="G168">
        <v>124.67819754210289</v>
      </c>
      <c r="H168">
        <v>123</v>
      </c>
      <c r="I168">
        <v>5422.4112360774998</v>
      </c>
      <c r="J168">
        <v>73.637023541677053</v>
      </c>
      <c r="K168">
        <v>5.023170764339481E-2</v>
      </c>
      <c r="L168">
        <v>-1.1944999913989729</v>
      </c>
      <c r="M168">
        <v>7.9250780795870259</v>
      </c>
      <c r="N168">
        <v>16</v>
      </c>
      <c r="O168">
        <v>2</v>
      </c>
      <c r="P168">
        <v>14</v>
      </c>
      <c r="Q168">
        <v>2.7259440335457068</v>
      </c>
      <c r="R168">
        <v>5.493245526583177</v>
      </c>
      <c r="S168">
        <v>2</v>
      </c>
      <c r="T168">
        <v>1</v>
      </c>
      <c r="U168">
        <v>1</v>
      </c>
      <c r="V168">
        <v>0.12978392657709889</v>
      </c>
      <c r="W168">
        <v>7.6710353839766734</v>
      </c>
      <c r="X168">
        <v>1</v>
      </c>
      <c r="Y168">
        <v>1</v>
      </c>
      <c r="Z168">
        <v>0</v>
      </c>
      <c r="AA168">
        <v>0</v>
      </c>
      <c r="AB168">
        <v>7.6939373255092729</v>
      </c>
      <c r="AC168">
        <v>1</v>
      </c>
      <c r="AD168">
        <v>1</v>
      </c>
      <c r="AE168">
        <v>0</v>
      </c>
      <c r="AF168">
        <v>0</v>
      </c>
      <c r="AG168">
        <v>7.6934816408351763</v>
      </c>
      <c r="AH168">
        <v>2.1748867513411291E-2</v>
      </c>
      <c r="AI168">
        <v>1.0454776149912691E-2</v>
      </c>
      <c r="AJ168">
        <v>-2.4044165272402271E-3</v>
      </c>
      <c r="AK168">
        <v>8.0542217089963437E-4</v>
      </c>
      <c r="AL168">
        <v>3177.4255575153838</v>
      </c>
      <c r="AM168">
        <v>5997.3833316245546</v>
      </c>
      <c r="AN168">
        <v>273918</v>
      </c>
      <c r="AO168">
        <v>109.7721985509145</v>
      </c>
      <c r="AP168">
        <v>2858.2756679297322</v>
      </c>
      <c r="AQ168">
        <v>1.010468821119709</v>
      </c>
      <c r="AR168">
        <v>3.9613108784706421</v>
      </c>
      <c r="AS168">
        <v>2188</v>
      </c>
      <c r="AT168">
        <v>221.65817023213481</v>
      </c>
      <c r="AU168">
        <v>2.4355850669808221E-2</v>
      </c>
      <c r="AV168">
        <v>2.175187162629675E-2</v>
      </c>
      <c r="AW168">
        <v>0.38324988620846612</v>
      </c>
      <c r="AX168">
        <v>84.556466302367937</v>
      </c>
      <c r="AY168">
        <v>63</v>
      </c>
      <c r="AZ168">
        <v>128</v>
      </c>
      <c r="BA168">
        <v>0.59061668353691432</v>
      </c>
      <c r="BB168">
        <v>0.49476558944014559</v>
      </c>
      <c r="BC168">
        <v>5.2808670423834432</v>
      </c>
      <c r="BD168" t="s">
        <v>705</v>
      </c>
      <c r="BE168" t="s">
        <v>68</v>
      </c>
    </row>
    <row r="169" spans="1:57" x14ac:dyDescent="0.3">
      <c r="A169" t="s">
        <v>706</v>
      </c>
      <c r="B169">
        <v>2330</v>
      </c>
      <c r="C169" t="s">
        <v>707</v>
      </c>
      <c r="D169" t="s">
        <v>708</v>
      </c>
      <c r="E169" t="s">
        <v>128</v>
      </c>
      <c r="F169">
        <v>32</v>
      </c>
      <c r="G169">
        <v>127.15625</v>
      </c>
      <c r="H169">
        <v>145</v>
      </c>
      <c r="I169">
        <v>4040.2568359375</v>
      </c>
      <c r="J169">
        <v>63.563014685723488</v>
      </c>
      <c r="K169">
        <v>-0.20363973850196329</v>
      </c>
      <c r="L169">
        <v>-0.90117357110418173</v>
      </c>
      <c r="M169">
        <v>5</v>
      </c>
      <c r="N169">
        <v>1</v>
      </c>
      <c r="O169">
        <v>1</v>
      </c>
      <c r="P169">
        <v>0</v>
      </c>
      <c r="Q169">
        <v>0</v>
      </c>
      <c r="R169">
        <v>3.465735902799727</v>
      </c>
      <c r="S169">
        <v>1</v>
      </c>
      <c r="T169">
        <v>1</v>
      </c>
      <c r="U169">
        <v>0</v>
      </c>
      <c r="V169">
        <v>0</v>
      </c>
      <c r="W169">
        <v>3.4339872044851458</v>
      </c>
      <c r="X169">
        <v>1</v>
      </c>
      <c r="Y169">
        <v>1</v>
      </c>
      <c r="Z169">
        <v>0</v>
      </c>
      <c r="AA169">
        <v>0</v>
      </c>
      <c r="AB169">
        <v>3.401197381662155</v>
      </c>
      <c r="AC169">
        <v>1</v>
      </c>
      <c r="AD169">
        <v>1</v>
      </c>
      <c r="AE169">
        <v>0</v>
      </c>
      <c r="AF169">
        <v>0</v>
      </c>
      <c r="AG169">
        <v>3.3672958299864728</v>
      </c>
      <c r="AH169">
        <v>-1.4417347397034191E-2</v>
      </c>
      <c r="AI169">
        <v>-0.46579349541951209</v>
      </c>
      <c r="AJ169">
        <v>-1.1999572237222891E-2</v>
      </c>
      <c r="AK169">
        <v>-0.16448129880840359</v>
      </c>
      <c r="AL169">
        <v>436.44099575398252</v>
      </c>
      <c r="AM169">
        <v>675.43042367461669</v>
      </c>
      <c r="AN169">
        <v>4069</v>
      </c>
      <c r="AO169">
        <v>105.4921056175618</v>
      </c>
      <c r="AP169">
        <v>238.18983814688599</v>
      </c>
      <c r="AQ169">
        <v>1.71875</v>
      </c>
      <c r="AR169">
        <v>4.1875</v>
      </c>
      <c r="AS169">
        <v>32</v>
      </c>
      <c r="AT169">
        <v>0</v>
      </c>
      <c r="AU169">
        <v>0.18237704918032779</v>
      </c>
      <c r="AV169">
        <v>-1.4628112350013151E-2</v>
      </c>
      <c r="AW169">
        <v>0.28125</v>
      </c>
      <c r="AX169">
        <v>72.516129032258064</v>
      </c>
      <c r="AY169">
        <v>37.5</v>
      </c>
      <c r="AZ169">
        <v>91.25</v>
      </c>
      <c r="BA169">
        <v>0.49988116734901727</v>
      </c>
      <c r="BB169">
        <v>0.59375</v>
      </c>
      <c r="BC169">
        <v>3.4339872044851458</v>
      </c>
      <c r="BD169" t="s">
        <v>709</v>
      </c>
      <c r="BE169" t="s">
        <v>62</v>
      </c>
    </row>
    <row r="170" spans="1:57" x14ac:dyDescent="0.3">
      <c r="A170" t="s">
        <v>710</v>
      </c>
      <c r="B170">
        <v>748</v>
      </c>
      <c r="C170" t="s">
        <v>711</v>
      </c>
      <c r="D170" t="s">
        <v>712</v>
      </c>
      <c r="E170" t="s">
        <v>10622</v>
      </c>
      <c r="F170">
        <v>64</v>
      </c>
      <c r="G170">
        <v>140.78125</v>
      </c>
      <c r="H170">
        <v>153</v>
      </c>
      <c r="I170">
        <v>5617.7646484375</v>
      </c>
      <c r="J170">
        <v>74.951748801729096</v>
      </c>
      <c r="K170">
        <v>-0.19139535775286889</v>
      </c>
      <c r="L170">
        <v>-1.297542102577778</v>
      </c>
      <c r="M170">
        <v>5.695159765557392</v>
      </c>
      <c r="N170">
        <v>3</v>
      </c>
      <c r="O170">
        <v>1</v>
      </c>
      <c r="P170">
        <v>2</v>
      </c>
      <c r="Q170">
        <v>0.45780648407324248</v>
      </c>
      <c r="R170">
        <v>3.947583934334546</v>
      </c>
      <c r="S170">
        <v>1</v>
      </c>
      <c r="T170">
        <v>1</v>
      </c>
      <c r="U170">
        <v>0</v>
      </c>
      <c r="V170">
        <v>0</v>
      </c>
      <c r="W170">
        <v>4.1431347263915326</v>
      </c>
      <c r="X170">
        <v>1</v>
      </c>
      <c r="Y170">
        <v>1</v>
      </c>
      <c r="Z170">
        <v>0</v>
      </c>
      <c r="AA170">
        <v>0</v>
      </c>
      <c r="AB170">
        <v>4.1271343850450908</v>
      </c>
      <c r="AC170">
        <v>1</v>
      </c>
      <c r="AD170">
        <v>1</v>
      </c>
      <c r="AE170">
        <v>0</v>
      </c>
      <c r="AF170">
        <v>0</v>
      </c>
      <c r="AG170">
        <v>4.1108738641733096</v>
      </c>
      <c r="AH170">
        <v>-0.12109574027164451</v>
      </c>
      <c r="AI170">
        <v>-0.1056153707520663</v>
      </c>
      <c r="AJ170">
        <v>0.1244680304709652</v>
      </c>
      <c r="AK170">
        <v>-0.10670203326640119</v>
      </c>
      <c r="AL170">
        <v>667.74969174966407</v>
      </c>
      <c r="AM170">
        <v>1087.2379450553719</v>
      </c>
      <c r="AN170">
        <v>9010</v>
      </c>
      <c r="AO170">
        <v>32.637046800474252</v>
      </c>
      <c r="AP170">
        <v>538.40481341163729</v>
      </c>
      <c r="AQ170">
        <v>1.359375</v>
      </c>
      <c r="AR170">
        <v>4.171875</v>
      </c>
      <c r="AS170">
        <v>64</v>
      </c>
      <c r="AT170">
        <v>9.9062500000000036</v>
      </c>
      <c r="AU170">
        <v>8.4313725490196112E-2</v>
      </c>
      <c r="AV170">
        <v>-0.1223231234326439</v>
      </c>
      <c r="AW170">
        <v>0.3125</v>
      </c>
      <c r="AX170">
        <v>90.174603174603178</v>
      </c>
      <c r="AY170">
        <v>68</v>
      </c>
      <c r="AZ170">
        <v>139.5</v>
      </c>
      <c r="BA170">
        <v>0.53239865963492361</v>
      </c>
      <c r="BB170">
        <v>0.5625</v>
      </c>
      <c r="BC170">
        <v>3.7910599680118779</v>
      </c>
      <c r="BD170" t="s">
        <v>713</v>
      </c>
      <c r="BE170" t="s">
        <v>62</v>
      </c>
    </row>
    <row r="171" spans="1:57" x14ac:dyDescent="0.3">
      <c r="A171" t="s">
        <v>714</v>
      </c>
      <c r="B171">
        <v>1986</v>
      </c>
      <c r="C171" t="s">
        <v>715</v>
      </c>
      <c r="D171" t="s">
        <v>716</v>
      </c>
      <c r="E171" t="s">
        <v>115</v>
      </c>
      <c r="F171">
        <v>2016</v>
      </c>
      <c r="G171">
        <v>127.6626984126984</v>
      </c>
      <c r="H171">
        <v>124</v>
      </c>
      <c r="I171">
        <v>5202.557854623331</v>
      </c>
      <c r="J171">
        <v>72.128758859579236</v>
      </c>
      <c r="K171">
        <v>3.2680545185257918E-2</v>
      </c>
      <c r="L171">
        <v>-1.155982567635397</v>
      </c>
      <c r="M171">
        <v>7.9000096971617531</v>
      </c>
      <c r="N171">
        <v>16</v>
      </c>
      <c r="O171">
        <v>1</v>
      </c>
      <c r="P171">
        <v>15</v>
      </c>
      <c r="Q171">
        <v>2.9394940040762121</v>
      </c>
      <c r="R171">
        <v>5.475869447983893</v>
      </c>
      <c r="S171">
        <v>2</v>
      </c>
      <c r="T171">
        <v>1</v>
      </c>
      <c r="U171">
        <v>1</v>
      </c>
      <c r="V171">
        <v>0.14086509107082079</v>
      </c>
      <c r="W171">
        <v>7.5808549833411831</v>
      </c>
      <c r="X171">
        <v>1</v>
      </c>
      <c r="Y171">
        <v>1</v>
      </c>
      <c r="Z171">
        <v>0</v>
      </c>
      <c r="AA171">
        <v>0</v>
      </c>
      <c r="AB171">
        <v>7.6078780732785054</v>
      </c>
      <c r="AC171">
        <v>1</v>
      </c>
      <c r="AD171">
        <v>1</v>
      </c>
      <c r="AE171">
        <v>0</v>
      </c>
      <c r="AF171">
        <v>0</v>
      </c>
      <c r="AG171">
        <v>7.6073814256397903</v>
      </c>
      <c r="AH171">
        <v>3.3543678675809083E-2</v>
      </c>
      <c r="AI171">
        <v>-3.342070785183588E-2</v>
      </c>
      <c r="AJ171">
        <v>-2.8513793140811242E-3</v>
      </c>
      <c r="AK171">
        <v>-2.176652625869523E-2</v>
      </c>
      <c r="AL171">
        <v>2979.2403154569179</v>
      </c>
      <c r="AM171">
        <v>5871.0115945002326</v>
      </c>
      <c r="AN171">
        <v>257368</v>
      </c>
      <c r="AO171">
        <v>89.97952495652963</v>
      </c>
      <c r="AP171">
        <v>2678.8580757924242</v>
      </c>
      <c r="AQ171">
        <v>1.01140873015873</v>
      </c>
      <c r="AR171">
        <v>4.0059523809523814</v>
      </c>
      <c r="AS171">
        <v>2009</v>
      </c>
      <c r="AT171">
        <v>280.88888888888891</v>
      </c>
      <c r="AU171">
        <v>2.29983660130719E-2</v>
      </c>
      <c r="AV171">
        <v>3.3544509173896973E-2</v>
      </c>
      <c r="AW171">
        <v>0.40079365079365081</v>
      </c>
      <c r="AX171">
        <v>82.203970223325058</v>
      </c>
      <c r="AY171">
        <v>61</v>
      </c>
      <c r="AZ171">
        <v>122</v>
      </c>
      <c r="BA171">
        <v>0.56499478513611534</v>
      </c>
      <c r="BB171">
        <v>0.48908730158730163</v>
      </c>
      <c r="BC171">
        <v>5.2501080590699072</v>
      </c>
      <c r="BD171" t="s">
        <v>717</v>
      </c>
      <c r="BE171" t="s">
        <v>62</v>
      </c>
    </row>
    <row r="172" spans="1:57" x14ac:dyDescent="0.3">
      <c r="A172" t="s">
        <v>718</v>
      </c>
      <c r="B172">
        <v>572</v>
      </c>
      <c r="C172" t="s">
        <v>719</v>
      </c>
      <c r="D172" t="s">
        <v>720</v>
      </c>
      <c r="E172" t="s">
        <v>106</v>
      </c>
      <c r="F172">
        <v>574</v>
      </c>
      <c r="G172">
        <v>126.6602787456446</v>
      </c>
      <c r="H172">
        <v>128</v>
      </c>
      <c r="I172">
        <v>5196.5204779710812</v>
      </c>
      <c r="J172">
        <v>72.086895327591137</v>
      </c>
      <c r="K172">
        <v>-2.7452259507727832E-2</v>
      </c>
      <c r="L172">
        <v>-1.163562151494177</v>
      </c>
      <c r="M172">
        <v>7.5932961940680412</v>
      </c>
      <c r="N172">
        <v>7</v>
      </c>
      <c r="O172">
        <v>1</v>
      </c>
      <c r="P172">
        <v>6</v>
      </c>
      <c r="Q172">
        <v>1.3979938552267259</v>
      </c>
      <c r="R172">
        <v>5.2632718480748419</v>
      </c>
      <c r="S172">
        <v>2</v>
      </c>
      <c r="T172">
        <v>1</v>
      </c>
      <c r="U172">
        <v>1</v>
      </c>
      <c r="V172">
        <v>7.2356458341407998E-2</v>
      </c>
      <c r="W172">
        <v>6.3436276310544262</v>
      </c>
      <c r="X172">
        <v>1</v>
      </c>
      <c r="Y172">
        <v>1</v>
      </c>
      <c r="Z172">
        <v>0</v>
      </c>
      <c r="AA172">
        <v>0</v>
      </c>
      <c r="AB172">
        <v>6.3491389913797978</v>
      </c>
      <c r="AC172">
        <v>1</v>
      </c>
      <c r="AD172">
        <v>1</v>
      </c>
      <c r="AE172">
        <v>0</v>
      </c>
      <c r="AF172">
        <v>0</v>
      </c>
      <c r="AG172">
        <v>6.3473892096560114</v>
      </c>
      <c r="AH172">
        <v>-2.473343869665643E-2</v>
      </c>
      <c r="AI172">
        <v>1.6576096858867531E-2</v>
      </c>
      <c r="AJ172">
        <v>-6.919915347315805E-3</v>
      </c>
      <c r="AK172">
        <v>1.74529608258212E-2</v>
      </c>
      <c r="AL172">
        <v>1659.195249649968</v>
      </c>
      <c r="AM172">
        <v>3072.207044380144</v>
      </c>
      <c r="AN172">
        <v>72703</v>
      </c>
      <c r="AO172">
        <v>54.282004485271258</v>
      </c>
      <c r="AP172">
        <v>1406.831120331701</v>
      </c>
      <c r="AQ172">
        <v>1.0400696864111501</v>
      </c>
      <c r="AR172">
        <v>3.9268292682926829</v>
      </c>
      <c r="AS172">
        <v>569</v>
      </c>
      <c r="AT172">
        <v>167.80487804878049</v>
      </c>
      <c r="AU172">
        <v>2.4868483978957471E-2</v>
      </c>
      <c r="AV172">
        <v>-2.4737836886633821E-2</v>
      </c>
      <c r="AW172">
        <v>0.37456445993031362</v>
      </c>
      <c r="AX172">
        <v>83.54101221640488</v>
      </c>
      <c r="AY172">
        <v>63</v>
      </c>
      <c r="AZ172">
        <v>125.75</v>
      </c>
      <c r="BA172">
        <v>0.56913577043639618</v>
      </c>
      <c r="BB172">
        <v>0.51045296167247389</v>
      </c>
      <c r="BC172">
        <v>5.0894557786266343</v>
      </c>
      <c r="BD172" t="s">
        <v>721</v>
      </c>
      <c r="BE172" t="s">
        <v>68</v>
      </c>
    </row>
    <row r="173" spans="1:57" x14ac:dyDescent="0.3">
      <c r="A173" t="s">
        <v>722</v>
      </c>
      <c r="B173">
        <v>1866</v>
      </c>
      <c r="C173" t="s">
        <v>723</v>
      </c>
      <c r="D173" t="s">
        <v>724</v>
      </c>
      <c r="E173" t="s">
        <v>66</v>
      </c>
      <c r="F173">
        <v>72</v>
      </c>
      <c r="G173">
        <v>118.6388888888889</v>
      </c>
      <c r="H173">
        <v>119</v>
      </c>
      <c r="I173">
        <v>6117.8418209876554</v>
      </c>
      <c r="J173">
        <v>78.216633914965016</v>
      </c>
      <c r="K173">
        <v>4.4680958495272503E-2</v>
      </c>
      <c r="L173">
        <v>-1.320092502841052</v>
      </c>
      <c r="M173">
        <v>5.8643694458867586</v>
      </c>
      <c r="N173">
        <v>2</v>
      </c>
      <c r="O173">
        <v>1</v>
      </c>
      <c r="P173">
        <v>1</v>
      </c>
      <c r="Q173">
        <v>0.38446030818224841</v>
      </c>
      <c r="R173">
        <v>4.0648711471782937</v>
      </c>
      <c r="S173">
        <v>2</v>
      </c>
      <c r="T173">
        <v>1</v>
      </c>
      <c r="U173">
        <v>1</v>
      </c>
      <c r="V173">
        <v>0.16776575221435111</v>
      </c>
      <c r="W173">
        <v>4.2236293316576567</v>
      </c>
      <c r="X173">
        <v>2</v>
      </c>
      <c r="Y173">
        <v>1</v>
      </c>
      <c r="Z173">
        <v>1</v>
      </c>
      <c r="AA173">
        <v>0.11951030798891769</v>
      </c>
      <c r="AB173">
        <v>4.2286910368905044</v>
      </c>
      <c r="AC173">
        <v>1</v>
      </c>
      <c r="AD173">
        <v>1</v>
      </c>
      <c r="AE173">
        <v>0</v>
      </c>
      <c r="AF173">
        <v>0</v>
      </c>
      <c r="AG173">
        <v>4.2341065045972579</v>
      </c>
      <c r="AH173">
        <v>9.5116471186820095E-2</v>
      </c>
      <c r="AI173">
        <v>0.25023201158062353</v>
      </c>
      <c r="AJ173">
        <v>0.1519835241928478</v>
      </c>
      <c r="AK173">
        <v>-1.208315288883496E-2</v>
      </c>
      <c r="AL173">
        <v>691.04621243177542</v>
      </c>
      <c r="AM173">
        <v>988.10583050789523</v>
      </c>
      <c r="AN173">
        <v>8542</v>
      </c>
      <c r="AO173">
        <v>21.667499887976589</v>
      </c>
      <c r="AP173">
        <v>546.39399542382375</v>
      </c>
      <c r="AQ173">
        <v>1.319444444444444</v>
      </c>
      <c r="AR173">
        <v>3.8888888888888888</v>
      </c>
      <c r="AS173">
        <v>72</v>
      </c>
      <c r="AT173">
        <v>7.6388888888888884</v>
      </c>
      <c r="AU173">
        <v>9.8753280839895041E-2</v>
      </c>
      <c r="AV173">
        <v>9.7705244356078955E-2</v>
      </c>
      <c r="AW173">
        <v>0.33333333333333331</v>
      </c>
      <c r="AX173">
        <v>85.619718309859152</v>
      </c>
      <c r="AY173">
        <v>72</v>
      </c>
      <c r="AZ173">
        <v>140.75</v>
      </c>
      <c r="BA173">
        <v>0.65928326409242344</v>
      </c>
      <c r="BB173">
        <v>0.5</v>
      </c>
      <c r="BC173">
        <v>3.9867422555504399</v>
      </c>
      <c r="BD173" t="s">
        <v>725</v>
      </c>
      <c r="BE173" t="s">
        <v>68</v>
      </c>
    </row>
    <row r="174" spans="1:57" x14ac:dyDescent="0.3">
      <c r="A174" t="s">
        <v>726</v>
      </c>
      <c r="B174">
        <v>3289</v>
      </c>
      <c r="C174" t="s">
        <v>727</v>
      </c>
      <c r="D174" t="s">
        <v>728</v>
      </c>
      <c r="E174" t="s">
        <v>128</v>
      </c>
      <c r="F174">
        <v>32</v>
      </c>
      <c r="G174">
        <v>137.5625</v>
      </c>
      <c r="H174">
        <v>151.5</v>
      </c>
      <c r="I174">
        <v>4398.49609375</v>
      </c>
      <c r="J174">
        <v>66.321158718390919</v>
      </c>
      <c r="K174">
        <v>-0.45876032643144382</v>
      </c>
      <c r="L174">
        <v>-0.88940426816637075</v>
      </c>
      <c r="M174">
        <v>4.75</v>
      </c>
      <c r="N174">
        <v>2</v>
      </c>
      <c r="O174">
        <v>1</v>
      </c>
      <c r="P174">
        <v>1</v>
      </c>
      <c r="Q174">
        <v>0.34992710611188249</v>
      </c>
      <c r="R174">
        <v>3.2924491076597389</v>
      </c>
      <c r="S174">
        <v>1</v>
      </c>
      <c r="T174">
        <v>1</v>
      </c>
      <c r="U174">
        <v>0</v>
      </c>
      <c r="V174">
        <v>0</v>
      </c>
      <c r="W174">
        <v>3.4339872044851458</v>
      </c>
      <c r="X174">
        <v>1</v>
      </c>
      <c r="Y174">
        <v>1</v>
      </c>
      <c r="Z174">
        <v>0</v>
      </c>
      <c r="AA174">
        <v>0</v>
      </c>
      <c r="AB174">
        <v>3.401197381662155</v>
      </c>
      <c r="AC174">
        <v>1</v>
      </c>
      <c r="AD174">
        <v>1</v>
      </c>
      <c r="AE174">
        <v>0</v>
      </c>
      <c r="AF174">
        <v>0</v>
      </c>
      <c r="AG174">
        <v>3.3672958299864728</v>
      </c>
      <c r="AH174">
        <v>-0.1034933204708641</v>
      </c>
      <c r="AI174">
        <v>3.4675326261195447E-2</v>
      </c>
      <c r="AJ174">
        <v>0.21105166782858131</v>
      </c>
      <c r="AK174">
        <v>-2.914331736255734E-2</v>
      </c>
      <c r="AL174">
        <v>466.60618536411249</v>
      </c>
      <c r="AM174">
        <v>727.03553405590253</v>
      </c>
      <c r="AN174">
        <v>4402</v>
      </c>
      <c r="AO174">
        <v>34</v>
      </c>
      <c r="AP174">
        <v>330.37578433366372</v>
      </c>
      <c r="AQ174">
        <v>1.71875</v>
      </c>
      <c r="AR174">
        <v>4.25</v>
      </c>
      <c r="AS174">
        <v>32</v>
      </c>
      <c r="AT174">
        <v>3</v>
      </c>
      <c r="AU174">
        <v>0.13428714859437749</v>
      </c>
      <c r="AV174">
        <v>-0.1061976146776972</v>
      </c>
      <c r="AW174">
        <v>0.3125</v>
      </c>
      <c r="AX174">
        <v>76.935483870967744</v>
      </c>
      <c r="AY174">
        <v>42</v>
      </c>
      <c r="AZ174">
        <v>90</v>
      </c>
      <c r="BA174">
        <v>0.48211655588107888</v>
      </c>
      <c r="BB174">
        <v>0.59375</v>
      </c>
      <c r="BC174">
        <v>3.2103913397883899</v>
      </c>
      <c r="BD174" t="s">
        <v>729</v>
      </c>
      <c r="BE174" t="s">
        <v>62</v>
      </c>
    </row>
    <row r="175" spans="1:57" x14ac:dyDescent="0.3">
      <c r="A175" t="s">
        <v>730</v>
      </c>
      <c r="B175">
        <v>1567</v>
      </c>
      <c r="C175" t="s">
        <v>731</v>
      </c>
      <c r="D175" t="s">
        <v>732</v>
      </c>
      <c r="E175" t="s">
        <v>115</v>
      </c>
      <c r="F175">
        <v>1616</v>
      </c>
      <c r="G175">
        <v>127.4777227722772</v>
      </c>
      <c r="H175">
        <v>127</v>
      </c>
      <c r="I175">
        <v>5807.9499987746303</v>
      </c>
      <c r="J175">
        <v>76.209907484359476</v>
      </c>
      <c r="K175">
        <v>-3.4219393268925479E-3</v>
      </c>
      <c r="L175">
        <v>-1.259285306583642</v>
      </c>
      <c r="M175">
        <v>7.8821628303077302</v>
      </c>
      <c r="N175">
        <v>15</v>
      </c>
      <c r="O175">
        <v>1</v>
      </c>
      <c r="P175">
        <v>14</v>
      </c>
      <c r="Q175">
        <v>2.5210055037623378</v>
      </c>
      <c r="R175">
        <v>5.4634989425422038</v>
      </c>
      <c r="S175">
        <v>2</v>
      </c>
      <c r="T175">
        <v>1</v>
      </c>
      <c r="U175">
        <v>1</v>
      </c>
      <c r="V175">
        <v>0.1218905227054924</v>
      </c>
      <c r="W175">
        <v>7.3664889572252541</v>
      </c>
      <c r="X175">
        <v>1</v>
      </c>
      <c r="Y175">
        <v>1</v>
      </c>
      <c r="Z175">
        <v>0</v>
      </c>
      <c r="AA175">
        <v>0</v>
      </c>
      <c r="AB175">
        <v>7.3864708488298936</v>
      </c>
      <c r="AC175">
        <v>1</v>
      </c>
      <c r="AD175">
        <v>1</v>
      </c>
      <c r="AE175">
        <v>0</v>
      </c>
      <c r="AF175">
        <v>0</v>
      </c>
      <c r="AG175">
        <v>7.3858510781252074</v>
      </c>
      <c r="AH175">
        <v>-3.083542537425249E-2</v>
      </c>
      <c r="AI175">
        <v>1.8450179206220489E-2</v>
      </c>
      <c r="AJ175">
        <v>-7.9626558192873707E-4</v>
      </c>
      <c r="AK175">
        <v>-4.3364546217046419E-2</v>
      </c>
      <c r="AL175">
        <v>2823.320885095116</v>
      </c>
      <c r="AM175">
        <v>5260.7439758826631</v>
      </c>
      <c r="AN175">
        <v>206004</v>
      </c>
      <c r="AO175">
        <v>136.38022648210421</v>
      </c>
      <c r="AP175">
        <v>2480.155745008381</v>
      </c>
      <c r="AQ175">
        <v>1.014232673267327</v>
      </c>
      <c r="AR175">
        <v>4.0340346534653468</v>
      </c>
      <c r="AS175">
        <v>1609</v>
      </c>
      <c r="AT175">
        <v>257.74257425742582</v>
      </c>
      <c r="AU175">
        <v>2.7140361094933011E-2</v>
      </c>
      <c r="AV175">
        <v>-3.0849249616034951E-2</v>
      </c>
      <c r="AW175">
        <v>0.36509900990099009</v>
      </c>
      <c r="AX175">
        <v>89.728173374613007</v>
      </c>
      <c r="AY175">
        <v>67</v>
      </c>
      <c r="AZ175">
        <v>135</v>
      </c>
      <c r="BA175">
        <v>0.59782921930994015</v>
      </c>
      <c r="BB175">
        <v>0.49628712871287128</v>
      </c>
      <c r="BC175">
        <v>5.3155051383221927</v>
      </c>
      <c r="BD175" t="s">
        <v>733</v>
      </c>
      <c r="BE175" t="s">
        <v>62</v>
      </c>
    </row>
    <row r="176" spans="1:57" x14ac:dyDescent="0.3">
      <c r="A176" t="s">
        <v>734</v>
      </c>
      <c r="B176">
        <v>1863</v>
      </c>
      <c r="C176" t="s">
        <v>735</v>
      </c>
      <c r="D176" t="s">
        <v>736</v>
      </c>
      <c r="E176" t="s">
        <v>10622</v>
      </c>
      <c r="F176">
        <v>64</v>
      </c>
      <c r="G176">
        <v>125.8125</v>
      </c>
      <c r="H176">
        <v>120.5</v>
      </c>
      <c r="I176">
        <v>4529.43359375</v>
      </c>
      <c r="J176">
        <v>67.301066809895374</v>
      </c>
      <c r="K176">
        <v>0.23202795389189451</v>
      </c>
      <c r="L176">
        <v>-0.87202576524358921</v>
      </c>
      <c r="M176">
        <v>5.84375</v>
      </c>
      <c r="N176">
        <v>2</v>
      </c>
      <c r="O176">
        <v>1</v>
      </c>
      <c r="P176">
        <v>1</v>
      </c>
      <c r="Q176">
        <v>0.27850299534160988</v>
      </c>
      <c r="R176">
        <v>4.0505788363971806</v>
      </c>
      <c r="S176">
        <v>1</v>
      </c>
      <c r="T176">
        <v>1</v>
      </c>
      <c r="U176">
        <v>0</v>
      </c>
      <c r="V176">
        <v>0</v>
      </c>
      <c r="W176">
        <v>4.1431347263915326</v>
      </c>
      <c r="X176">
        <v>1</v>
      </c>
      <c r="Y176">
        <v>1</v>
      </c>
      <c r="Z176">
        <v>0</v>
      </c>
      <c r="AA176">
        <v>0</v>
      </c>
      <c r="AB176">
        <v>4.1271343850450908</v>
      </c>
      <c r="AC176">
        <v>1</v>
      </c>
      <c r="AD176">
        <v>1</v>
      </c>
      <c r="AE176">
        <v>0</v>
      </c>
      <c r="AF176">
        <v>0</v>
      </c>
      <c r="AG176">
        <v>4.1108738641733096</v>
      </c>
      <c r="AH176">
        <v>9.9150615871879677E-2</v>
      </c>
      <c r="AI176">
        <v>2.118279094637074E-3</v>
      </c>
      <c r="AJ176">
        <v>6.5659766091579808E-2</v>
      </c>
      <c r="AK176">
        <v>0.1848155456713251</v>
      </c>
      <c r="AL176">
        <v>612.02134302453067</v>
      </c>
      <c r="AM176">
        <v>963.51226026576842</v>
      </c>
      <c r="AN176">
        <v>8052</v>
      </c>
      <c r="AO176">
        <v>82.03640413591981</v>
      </c>
      <c r="AP176">
        <v>469.54133298810729</v>
      </c>
      <c r="AQ176">
        <v>1.359375</v>
      </c>
      <c r="AR176">
        <v>4.09375</v>
      </c>
      <c r="AS176">
        <v>63</v>
      </c>
      <c r="AT176">
        <v>4.2187499999999991</v>
      </c>
      <c r="AU176">
        <v>9.8710317460317443E-2</v>
      </c>
      <c r="AV176">
        <v>0.10019079443894779</v>
      </c>
      <c r="AW176">
        <v>0.4375</v>
      </c>
      <c r="AX176">
        <v>73.126984126984127</v>
      </c>
      <c r="AY176">
        <v>47</v>
      </c>
      <c r="AZ176">
        <v>94.25</v>
      </c>
      <c r="BA176">
        <v>0.5349314798600725</v>
      </c>
      <c r="BB176">
        <v>0.46875</v>
      </c>
      <c r="BC176">
        <v>3.9147824763127481</v>
      </c>
      <c r="BD176" t="s">
        <v>737</v>
      </c>
      <c r="BE176" t="s">
        <v>62</v>
      </c>
    </row>
    <row r="177" spans="1:57" x14ac:dyDescent="0.3">
      <c r="A177" t="s">
        <v>738</v>
      </c>
      <c r="B177">
        <v>1625</v>
      </c>
      <c r="C177" t="s">
        <v>739</v>
      </c>
      <c r="D177" t="s">
        <v>740</v>
      </c>
      <c r="E177" t="s">
        <v>98</v>
      </c>
      <c r="F177">
        <v>16</v>
      </c>
      <c r="G177">
        <v>124.25</v>
      </c>
      <c r="H177">
        <v>117</v>
      </c>
      <c r="I177">
        <v>5508.4375</v>
      </c>
      <c r="J177">
        <v>74.218848684144916</v>
      </c>
      <c r="K177">
        <v>-4.4564913737738673E-2</v>
      </c>
      <c r="L177">
        <v>-1.25027297699401</v>
      </c>
      <c r="M177">
        <v>4</v>
      </c>
      <c r="N177">
        <v>1</v>
      </c>
      <c r="O177">
        <v>1</v>
      </c>
      <c r="P177">
        <v>0</v>
      </c>
      <c r="Q177">
        <v>0</v>
      </c>
      <c r="R177">
        <v>2.7725887222397811</v>
      </c>
      <c r="S177">
        <v>1</v>
      </c>
      <c r="T177">
        <v>1</v>
      </c>
      <c r="U177">
        <v>0</v>
      </c>
      <c r="V177">
        <v>0</v>
      </c>
      <c r="W177">
        <v>2.7080502011022101</v>
      </c>
      <c r="X177">
        <v>1</v>
      </c>
      <c r="Y177">
        <v>1</v>
      </c>
      <c r="Z177">
        <v>0</v>
      </c>
      <c r="AA177">
        <v>0</v>
      </c>
      <c r="AB177">
        <v>2.639057329615258</v>
      </c>
      <c r="AC177">
        <v>1</v>
      </c>
      <c r="AD177">
        <v>1</v>
      </c>
      <c r="AE177">
        <v>0</v>
      </c>
      <c r="AF177">
        <v>0</v>
      </c>
      <c r="AG177">
        <v>2.5649493574615372</v>
      </c>
      <c r="AH177">
        <v>-0.30130836217166851</v>
      </c>
      <c r="AI177">
        <v>-0.14691808021784761</v>
      </c>
      <c r="AJ177">
        <v>-0.22561482384977591</v>
      </c>
      <c r="AK177">
        <v>-5.1794122652748617E-2</v>
      </c>
      <c r="AL177">
        <v>396.22910691112179</v>
      </c>
      <c r="AM177">
        <v>422.07403951962601</v>
      </c>
      <c r="AN177">
        <v>1988</v>
      </c>
      <c r="AO177">
        <v>158.60528371941609</v>
      </c>
      <c r="AP177">
        <v>309.43911028219759</v>
      </c>
      <c r="AQ177">
        <v>2.3125</v>
      </c>
      <c r="AR177">
        <v>4.0625</v>
      </c>
      <c r="AS177">
        <v>16</v>
      </c>
      <c r="AT177">
        <v>0</v>
      </c>
      <c r="AU177">
        <v>0.12821888412017171</v>
      </c>
      <c r="AV177">
        <v>-0.31165322561887432</v>
      </c>
      <c r="AW177">
        <v>0.375</v>
      </c>
      <c r="AX177">
        <v>104.2</v>
      </c>
      <c r="AY177">
        <v>55.5</v>
      </c>
      <c r="AZ177">
        <v>121.25</v>
      </c>
      <c r="BA177">
        <v>0.59733479826273572</v>
      </c>
      <c r="BB177">
        <v>0.5</v>
      </c>
      <c r="BC177">
        <v>2.7080502011022101</v>
      </c>
      <c r="BD177" t="s">
        <v>739</v>
      </c>
      <c r="BE177" t="s">
        <v>62</v>
      </c>
    </row>
    <row r="178" spans="1:57" x14ac:dyDescent="0.3">
      <c r="A178" t="s">
        <v>741</v>
      </c>
      <c r="B178">
        <v>921</v>
      </c>
      <c r="C178" t="s">
        <v>742</v>
      </c>
      <c r="D178" t="s">
        <v>743</v>
      </c>
      <c r="E178" t="s">
        <v>93</v>
      </c>
      <c r="F178">
        <v>925</v>
      </c>
      <c r="G178">
        <v>126.70810810810811</v>
      </c>
      <c r="H178">
        <v>127</v>
      </c>
      <c r="I178">
        <v>5444.7537180423669</v>
      </c>
      <c r="J178">
        <v>73.788574441049931</v>
      </c>
      <c r="K178">
        <v>-1.126186422220885E-2</v>
      </c>
      <c r="L178">
        <v>-1.178993014428001</v>
      </c>
      <c r="M178">
        <v>7.7647500093964696</v>
      </c>
      <c r="N178">
        <v>10</v>
      </c>
      <c r="O178">
        <v>1</v>
      </c>
      <c r="P178">
        <v>9</v>
      </c>
      <c r="Q178">
        <v>1.8885240194449531</v>
      </c>
      <c r="R178">
        <v>5.3821145767659697</v>
      </c>
      <c r="S178">
        <v>2</v>
      </c>
      <c r="T178">
        <v>1</v>
      </c>
      <c r="U178">
        <v>1</v>
      </c>
      <c r="V178">
        <v>9.3044872282369046E-2</v>
      </c>
      <c r="W178">
        <v>6.8167095230605588</v>
      </c>
      <c r="X178">
        <v>1</v>
      </c>
      <c r="Y178">
        <v>1</v>
      </c>
      <c r="Z178">
        <v>0</v>
      </c>
      <c r="AA178">
        <v>0</v>
      </c>
      <c r="AB178">
        <v>6.82762923450285</v>
      </c>
      <c r="AC178">
        <v>1</v>
      </c>
      <c r="AD178">
        <v>1</v>
      </c>
      <c r="AE178">
        <v>0</v>
      </c>
      <c r="AF178">
        <v>0</v>
      </c>
      <c r="AG178">
        <v>6.8265452235565922</v>
      </c>
      <c r="AH178">
        <v>1.087084284857707E-2</v>
      </c>
      <c r="AI178">
        <v>-3.9269465259877012E-2</v>
      </c>
      <c r="AJ178">
        <v>-4.489548965312571E-2</v>
      </c>
      <c r="AK178">
        <v>-6.2037081909105899E-3</v>
      </c>
      <c r="AL178">
        <v>2103.2241412716362</v>
      </c>
      <c r="AM178">
        <v>3932.387215365773</v>
      </c>
      <c r="AN178">
        <v>117205</v>
      </c>
      <c r="AO178">
        <v>99.026782982895355</v>
      </c>
      <c r="AP178">
        <v>1823.7741775367581</v>
      </c>
      <c r="AQ178">
        <v>1.0248648648648651</v>
      </c>
      <c r="AR178">
        <v>4.0108108108108107</v>
      </c>
      <c r="AS178">
        <v>922</v>
      </c>
      <c r="AT178">
        <v>235.23243243243249</v>
      </c>
      <c r="AU178">
        <v>2.153683094859565E-2</v>
      </c>
      <c r="AV178">
        <v>1.087852217660892E-2</v>
      </c>
      <c r="AW178">
        <v>0.36108108108108111</v>
      </c>
      <c r="AX178">
        <v>84.794372294372295</v>
      </c>
      <c r="AY178">
        <v>64</v>
      </c>
      <c r="AZ178">
        <v>128</v>
      </c>
      <c r="BA178">
        <v>0.58235084986110819</v>
      </c>
      <c r="BB178">
        <v>0.50270270270270268</v>
      </c>
      <c r="BC178">
        <v>5.2148292548962001</v>
      </c>
      <c r="BD178" t="s">
        <v>744</v>
      </c>
      <c r="BE178" t="s">
        <v>68</v>
      </c>
    </row>
    <row r="179" spans="1:57" x14ac:dyDescent="0.3">
      <c r="A179" t="s">
        <v>745</v>
      </c>
      <c r="B179">
        <v>1142</v>
      </c>
      <c r="C179" t="s">
        <v>746</v>
      </c>
      <c r="D179" t="s">
        <v>747</v>
      </c>
      <c r="E179" t="s">
        <v>106</v>
      </c>
      <c r="F179">
        <v>1158</v>
      </c>
      <c r="G179">
        <v>127.97150259067359</v>
      </c>
      <c r="H179">
        <v>130</v>
      </c>
      <c r="I179">
        <v>5629.2297578458483</v>
      </c>
      <c r="J179">
        <v>75.028193086638097</v>
      </c>
      <c r="K179">
        <v>-3.7593484820982161E-2</v>
      </c>
      <c r="L179">
        <v>-1.229657312409689</v>
      </c>
      <c r="M179">
        <v>7.8424777773575034</v>
      </c>
      <c r="N179">
        <v>11</v>
      </c>
      <c r="O179">
        <v>1</v>
      </c>
      <c r="P179">
        <v>10</v>
      </c>
      <c r="Q179">
        <v>1.991828202241736</v>
      </c>
      <c r="R179">
        <v>5.4359913599793828</v>
      </c>
      <c r="S179">
        <v>2</v>
      </c>
      <c r="T179">
        <v>1</v>
      </c>
      <c r="U179">
        <v>1</v>
      </c>
      <c r="V179">
        <v>7.2011696907392189E-2</v>
      </c>
      <c r="W179">
        <v>7.0463966466692858</v>
      </c>
      <c r="X179">
        <v>1</v>
      </c>
      <c r="Y179">
        <v>1</v>
      </c>
      <c r="Z179">
        <v>0</v>
      </c>
      <c r="AA179">
        <v>0</v>
      </c>
      <c r="AB179">
        <v>7.0527210492323249</v>
      </c>
      <c r="AC179">
        <v>1</v>
      </c>
      <c r="AD179">
        <v>1</v>
      </c>
      <c r="AE179">
        <v>0</v>
      </c>
      <c r="AF179">
        <v>0</v>
      </c>
      <c r="AG179">
        <v>7.0518556229558929</v>
      </c>
      <c r="AH179">
        <v>-1.426477851086835E-2</v>
      </c>
      <c r="AI179">
        <v>-1.947406272732095E-2</v>
      </c>
      <c r="AJ179">
        <v>-1.9063417779038611E-2</v>
      </c>
      <c r="AK179">
        <v>9.2332627474574561E-4</v>
      </c>
      <c r="AL179">
        <v>2391.1663811453409</v>
      </c>
      <c r="AM179">
        <v>4445.806601470681</v>
      </c>
      <c r="AN179">
        <v>148191</v>
      </c>
      <c r="AO179">
        <v>9</v>
      </c>
      <c r="AP179">
        <v>2146.4108529645432</v>
      </c>
      <c r="AQ179">
        <v>1.0198618307426599</v>
      </c>
      <c r="AR179">
        <v>3.9732297063903279</v>
      </c>
      <c r="AS179">
        <v>1151</v>
      </c>
      <c r="AT179">
        <v>219.29879101899829</v>
      </c>
      <c r="AU179">
        <v>2.1365437366656529E-2</v>
      </c>
      <c r="AV179">
        <v>-1.4283630504840999E-2</v>
      </c>
      <c r="AW179">
        <v>0.34715025906735753</v>
      </c>
      <c r="AX179">
        <v>87.044079515989623</v>
      </c>
      <c r="AY179">
        <v>67</v>
      </c>
      <c r="AZ179">
        <v>134.75</v>
      </c>
      <c r="BA179">
        <v>0.58628828737458361</v>
      </c>
      <c r="BB179">
        <v>0.50777202072538863</v>
      </c>
      <c r="BC179">
        <v>5.2482810859309588</v>
      </c>
      <c r="BD179" t="s">
        <v>748</v>
      </c>
      <c r="BE179" t="s">
        <v>68</v>
      </c>
    </row>
    <row r="180" spans="1:57" x14ac:dyDescent="0.3">
      <c r="A180" t="s">
        <v>749</v>
      </c>
      <c r="B180">
        <v>1148</v>
      </c>
      <c r="C180" t="s">
        <v>750</v>
      </c>
      <c r="D180" t="s">
        <v>751</v>
      </c>
      <c r="E180" t="s">
        <v>93</v>
      </c>
      <c r="F180">
        <v>1148</v>
      </c>
      <c r="G180">
        <v>123.71428571428569</v>
      </c>
      <c r="H180">
        <v>121.5</v>
      </c>
      <c r="I180">
        <v>5711.8138377302139</v>
      </c>
      <c r="J180">
        <v>75.576542906712888</v>
      </c>
      <c r="K180">
        <v>0.1023928839831066</v>
      </c>
      <c r="L180">
        <v>-1.224812419815968</v>
      </c>
      <c r="M180">
        <v>7.8322880339291263</v>
      </c>
      <c r="N180">
        <v>12</v>
      </c>
      <c r="O180">
        <v>1</v>
      </c>
      <c r="P180">
        <v>11</v>
      </c>
      <c r="Q180">
        <v>1.9793620991256871</v>
      </c>
      <c r="R180">
        <v>5.4289283680513858</v>
      </c>
      <c r="S180">
        <v>2</v>
      </c>
      <c r="T180">
        <v>1</v>
      </c>
      <c r="U180">
        <v>1</v>
      </c>
      <c r="V180">
        <v>9.7925156079608236E-2</v>
      </c>
      <c r="W180">
        <v>7.0316102278771311</v>
      </c>
      <c r="X180">
        <v>1</v>
      </c>
      <c r="Y180">
        <v>1</v>
      </c>
      <c r="Z180">
        <v>0</v>
      </c>
      <c r="AA180">
        <v>0</v>
      </c>
      <c r="AB180">
        <v>7.0440328972746862</v>
      </c>
      <c r="AC180">
        <v>1</v>
      </c>
      <c r="AD180">
        <v>1</v>
      </c>
      <c r="AE180">
        <v>0</v>
      </c>
      <c r="AF180">
        <v>0</v>
      </c>
      <c r="AG180">
        <v>7.0431599159883387</v>
      </c>
      <c r="AH180">
        <v>-2.1354546126586021E-2</v>
      </c>
      <c r="AI180">
        <v>-2.3515336487393901E-2</v>
      </c>
      <c r="AJ180">
        <v>1.6421915239143148E-2</v>
      </c>
      <c r="AK180">
        <v>4.0195311964092789E-2</v>
      </c>
      <c r="AL180">
        <v>2374.2498151823188</v>
      </c>
      <c r="AM180">
        <v>4300.057885087911</v>
      </c>
      <c r="AN180">
        <v>142024</v>
      </c>
      <c r="AO180">
        <v>54.91323782198387</v>
      </c>
      <c r="AP180">
        <v>2106.2492089261968</v>
      </c>
      <c r="AQ180">
        <v>1.020034843205575</v>
      </c>
      <c r="AR180">
        <v>3.964285714285714</v>
      </c>
      <c r="AS180">
        <v>1146</v>
      </c>
      <c r="AT180">
        <v>215.0087108013937</v>
      </c>
      <c r="AU180">
        <v>4.5145863223338127E-2</v>
      </c>
      <c r="AV180">
        <v>-2.1397348897543751E-2</v>
      </c>
      <c r="AW180">
        <v>0.38414634146341459</v>
      </c>
      <c r="AX180">
        <v>88.666085440278991</v>
      </c>
      <c r="AY180">
        <v>66</v>
      </c>
      <c r="AZ180">
        <v>132.25</v>
      </c>
      <c r="BA180">
        <v>0.61089584335680169</v>
      </c>
      <c r="BB180">
        <v>0.49390243902439018</v>
      </c>
      <c r="BC180">
        <v>5.2635923354936658</v>
      </c>
      <c r="BD180" t="s">
        <v>752</v>
      </c>
      <c r="BE180" t="s">
        <v>68</v>
      </c>
    </row>
    <row r="181" spans="1:57" x14ac:dyDescent="0.3">
      <c r="A181" t="s">
        <v>753</v>
      </c>
      <c r="B181">
        <v>2790</v>
      </c>
      <c r="C181" t="s">
        <v>754</v>
      </c>
      <c r="D181" t="s">
        <v>755</v>
      </c>
      <c r="E181" t="s">
        <v>85</v>
      </c>
      <c r="F181">
        <v>8</v>
      </c>
      <c r="G181">
        <v>139.625</v>
      </c>
      <c r="H181">
        <v>149</v>
      </c>
      <c r="I181">
        <v>4220.234375</v>
      </c>
      <c r="J181">
        <v>64.963331002958896</v>
      </c>
      <c r="K181">
        <v>-0.47052207292672621</v>
      </c>
      <c r="L181">
        <v>-0.69934926251311369</v>
      </c>
      <c r="M181">
        <v>3</v>
      </c>
      <c r="N181">
        <v>1</v>
      </c>
      <c r="O181">
        <v>1</v>
      </c>
      <c r="P181">
        <v>0</v>
      </c>
      <c r="Q181">
        <v>0</v>
      </c>
      <c r="R181">
        <v>2.0794415416798362</v>
      </c>
      <c r="S181">
        <v>1</v>
      </c>
      <c r="T181">
        <v>1</v>
      </c>
      <c r="U181">
        <v>0</v>
      </c>
      <c r="V181">
        <v>0</v>
      </c>
      <c r="W181">
        <v>1.945910149055313</v>
      </c>
      <c r="X181">
        <v>1</v>
      </c>
      <c r="Y181">
        <v>1</v>
      </c>
      <c r="Z181">
        <v>0</v>
      </c>
      <c r="AA181">
        <v>0</v>
      </c>
      <c r="AB181">
        <v>1.791759469228055</v>
      </c>
      <c r="AC181">
        <v>1</v>
      </c>
      <c r="AD181">
        <v>1</v>
      </c>
      <c r="AE181">
        <v>0</v>
      </c>
      <c r="AF181">
        <v>0</v>
      </c>
      <c r="AG181">
        <v>1.6094379124341009</v>
      </c>
      <c r="AH181">
        <v>-0.15123613913622991</v>
      </c>
      <c r="AI181">
        <v>-0.29695940317295771</v>
      </c>
      <c r="AJ181">
        <v>-0.12645782039652709</v>
      </c>
      <c r="AK181">
        <v>0</v>
      </c>
      <c r="AL181">
        <v>303.79464730344438</v>
      </c>
      <c r="AM181">
        <v>312.1406930692886</v>
      </c>
      <c r="AN181">
        <v>1117</v>
      </c>
      <c r="AO181">
        <v>73</v>
      </c>
      <c r="AP181">
        <v>195.8812068681267</v>
      </c>
      <c r="AQ181">
        <v>3.5</v>
      </c>
      <c r="AR181">
        <v>4.125</v>
      </c>
      <c r="AS181">
        <v>8</v>
      </c>
      <c r="AT181">
        <v>0</v>
      </c>
      <c r="AU181">
        <v>0.17826086956521739</v>
      </c>
      <c r="AV181">
        <v>-0.15257229611065559</v>
      </c>
      <c r="AW181">
        <v>0.375</v>
      </c>
      <c r="AX181">
        <v>93.428571428571431</v>
      </c>
      <c r="AY181">
        <v>45</v>
      </c>
      <c r="AZ181">
        <v>78.75</v>
      </c>
      <c r="BA181">
        <v>0.4652700519459903</v>
      </c>
      <c r="BB181">
        <v>0.5</v>
      </c>
      <c r="BC181">
        <v>1.945910149055313</v>
      </c>
      <c r="BD181" t="s">
        <v>754</v>
      </c>
      <c r="BE181" t="s">
        <v>68</v>
      </c>
    </row>
    <row r="182" spans="1:57" x14ac:dyDescent="0.3">
      <c r="A182" t="s">
        <v>756</v>
      </c>
      <c r="B182">
        <v>2437</v>
      </c>
      <c r="C182" t="s">
        <v>757</v>
      </c>
      <c r="D182" t="s">
        <v>758</v>
      </c>
      <c r="E182" t="s">
        <v>106</v>
      </c>
      <c r="F182">
        <v>2467</v>
      </c>
      <c r="G182">
        <v>126.5804620997163</v>
      </c>
      <c r="H182">
        <v>125</v>
      </c>
      <c r="I182">
        <v>5510.6577941926253</v>
      </c>
      <c r="J182">
        <v>74.233804928702298</v>
      </c>
      <c r="K182">
        <v>8.4260334535733138E-3</v>
      </c>
      <c r="L182">
        <v>-1.219575837159339</v>
      </c>
      <c r="M182">
        <v>7.9195019713419219</v>
      </c>
      <c r="N182">
        <v>21</v>
      </c>
      <c r="O182">
        <v>2</v>
      </c>
      <c r="P182">
        <v>19</v>
      </c>
      <c r="Q182">
        <v>3.1876316417362971</v>
      </c>
      <c r="R182">
        <v>5.4893804628745766</v>
      </c>
      <c r="S182">
        <v>2</v>
      </c>
      <c r="T182">
        <v>1</v>
      </c>
      <c r="U182">
        <v>1</v>
      </c>
      <c r="V182">
        <v>0.14794199702685831</v>
      </c>
      <c r="W182">
        <v>7.7799958728968468</v>
      </c>
      <c r="X182">
        <v>1</v>
      </c>
      <c r="Y182">
        <v>1</v>
      </c>
      <c r="Z182">
        <v>0</v>
      </c>
      <c r="AA182">
        <v>0</v>
      </c>
      <c r="AB182">
        <v>7.8099470864767886</v>
      </c>
      <c r="AC182">
        <v>1</v>
      </c>
      <c r="AD182">
        <v>1</v>
      </c>
      <c r="AE182">
        <v>0</v>
      </c>
      <c r="AF182">
        <v>0</v>
      </c>
      <c r="AG182">
        <v>7.8095413246534093</v>
      </c>
      <c r="AH182">
        <v>-9.7302718947824829E-3</v>
      </c>
      <c r="AI182">
        <v>-1.7815087207067839E-2</v>
      </c>
      <c r="AJ182">
        <v>-1.3409302853832459E-2</v>
      </c>
      <c r="AK182">
        <v>-1.506435639242071E-2</v>
      </c>
      <c r="AL182">
        <v>3407.280504691174</v>
      </c>
      <c r="AM182">
        <v>6443.0597981356241</v>
      </c>
      <c r="AN182">
        <v>312274</v>
      </c>
      <c r="AO182">
        <v>117.11493148319001</v>
      </c>
      <c r="AP182">
        <v>3120.4967936951221</v>
      </c>
      <c r="AQ182">
        <v>1.00932306445075</v>
      </c>
      <c r="AR182">
        <v>3.9675719497365218</v>
      </c>
      <c r="AS182">
        <v>2458</v>
      </c>
      <c r="AT182">
        <v>269.9274422375355</v>
      </c>
      <c r="AU182">
        <v>1.6454056288101041E-2</v>
      </c>
      <c r="AV182">
        <v>-9.7312078048379658E-3</v>
      </c>
      <c r="AW182">
        <v>0.37657073368463723</v>
      </c>
      <c r="AX182">
        <v>86.504460665044604</v>
      </c>
      <c r="AY182">
        <v>65</v>
      </c>
      <c r="AZ182">
        <v>131</v>
      </c>
      <c r="BA182">
        <v>0.58645547422810917</v>
      </c>
      <c r="BB182">
        <v>0.49128496149169032</v>
      </c>
      <c r="BC182">
        <v>5.3028704754871612</v>
      </c>
      <c r="BD182" t="s">
        <v>759</v>
      </c>
      <c r="BE182" t="s">
        <v>68</v>
      </c>
    </row>
    <row r="183" spans="1:57" x14ac:dyDescent="0.3">
      <c r="A183" t="s">
        <v>760</v>
      </c>
      <c r="B183">
        <v>3681</v>
      </c>
      <c r="C183" t="s">
        <v>761</v>
      </c>
      <c r="D183" t="s">
        <v>762</v>
      </c>
      <c r="E183" t="s">
        <v>85</v>
      </c>
      <c r="F183">
        <v>8</v>
      </c>
      <c r="G183">
        <v>156.25</v>
      </c>
      <c r="H183">
        <v>159</v>
      </c>
      <c r="I183">
        <v>3978.4375</v>
      </c>
      <c r="J183">
        <v>63.074856321675441</v>
      </c>
      <c r="K183">
        <v>0.22079797774917201</v>
      </c>
      <c r="L183">
        <v>-1.1054393418995641</v>
      </c>
      <c r="M183">
        <v>3</v>
      </c>
      <c r="N183">
        <v>1</v>
      </c>
      <c r="O183">
        <v>1</v>
      </c>
      <c r="P183">
        <v>0</v>
      </c>
      <c r="Q183">
        <v>0</v>
      </c>
      <c r="R183">
        <v>2.0794415416798362</v>
      </c>
      <c r="S183">
        <v>1</v>
      </c>
      <c r="T183">
        <v>1</v>
      </c>
      <c r="U183">
        <v>0</v>
      </c>
      <c r="V183">
        <v>0</v>
      </c>
      <c r="W183">
        <v>1.945910149055313</v>
      </c>
      <c r="X183">
        <v>1</v>
      </c>
      <c r="Y183">
        <v>1</v>
      </c>
      <c r="Z183">
        <v>0</v>
      </c>
      <c r="AA183">
        <v>0</v>
      </c>
      <c r="AB183">
        <v>1.791759469228055</v>
      </c>
      <c r="AC183">
        <v>1</v>
      </c>
      <c r="AD183">
        <v>1</v>
      </c>
      <c r="AE183">
        <v>0</v>
      </c>
      <c r="AF183">
        <v>0</v>
      </c>
      <c r="AG183">
        <v>1.6094379124341009</v>
      </c>
      <c r="AH183">
        <v>0.36348087345848717</v>
      </c>
      <c r="AI183">
        <v>-0.36756342785327162</v>
      </c>
      <c r="AJ183">
        <v>0.11870041630665309</v>
      </c>
      <c r="AK183">
        <v>0</v>
      </c>
      <c r="AL183">
        <v>308.49033224605199</v>
      </c>
      <c r="AM183">
        <v>363.28186702713418</v>
      </c>
      <c r="AN183">
        <v>1250</v>
      </c>
      <c r="AO183">
        <v>88.965923916219708</v>
      </c>
      <c r="AP183">
        <v>173.44163283364239</v>
      </c>
      <c r="AQ183">
        <v>3.5</v>
      </c>
      <c r="AR183">
        <v>4.25</v>
      </c>
      <c r="AS183">
        <v>8</v>
      </c>
      <c r="AT183">
        <v>0</v>
      </c>
      <c r="AU183">
        <v>0.34683794466403162</v>
      </c>
      <c r="AV183">
        <v>0.39849428958748812</v>
      </c>
      <c r="AW183">
        <v>0.375</v>
      </c>
      <c r="AX183">
        <v>63.857142857142847</v>
      </c>
      <c r="AY183">
        <v>57.5</v>
      </c>
      <c r="AZ183">
        <v>78.5</v>
      </c>
      <c r="BA183">
        <v>0.40367908045872281</v>
      </c>
      <c r="BB183">
        <v>0.625</v>
      </c>
      <c r="BC183">
        <v>1.7478680974667571</v>
      </c>
      <c r="BD183" t="s">
        <v>761</v>
      </c>
      <c r="BE183" t="s">
        <v>68</v>
      </c>
    </row>
    <row r="184" spans="1:57" x14ac:dyDescent="0.3">
      <c r="A184" t="s">
        <v>763</v>
      </c>
      <c r="B184">
        <v>3419</v>
      </c>
      <c r="C184" t="s">
        <v>764</v>
      </c>
      <c r="D184" t="s">
        <v>765</v>
      </c>
      <c r="E184" t="s">
        <v>93</v>
      </c>
      <c r="F184">
        <v>3427</v>
      </c>
      <c r="G184">
        <v>127.0300554420776</v>
      </c>
      <c r="H184">
        <v>128</v>
      </c>
      <c r="I184">
        <v>5403.0778827807026</v>
      </c>
      <c r="J184">
        <v>73.50563163990023</v>
      </c>
      <c r="K184">
        <v>-4.8627381211093883E-3</v>
      </c>
      <c r="L184">
        <v>-1.1806848778554639</v>
      </c>
      <c r="M184">
        <v>7.9498270471368704</v>
      </c>
      <c r="N184">
        <v>26</v>
      </c>
      <c r="O184">
        <v>6</v>
      </c>
      <c r="P184">
        <v>20</v>
      </c>
      <c r="Q184">
        <v>3.5193188060189202</v>
      </c>
      <c r="R184">
        <v>5.5104002036621154</v>
      </c>
      <c r="S184">
        <v>3</v>
      </c>
      <c r="T184">
        <v>1</v>
      </c>
      <c r="U184">
        <v>2</v>
      </c>
      <c r="V184">
        <v>0.16117005693773759</v>
      </c>
      <c r="W184">
        <v>8.1037923281656763</v>
      </c>
      <c r="X184">
        <v>2</v>
      </c>
      <c r="Y184">
        <v>1</v>
      </c>
      <c r="Z184">
        <v>1</v>
      </c>
      <c r="AA184">
        <v>1.7087152425595879E-2</v>
      </c>
      <c r="AB184">
        <v>8.1384519932186272</v>
      </c>
      <c r="AC184">
        <v>1</v>
      </c>
      <c r="AD184">
        <v>1</v>
      </c>
      <c r="AE184">
        <v>0</v>
      </c>
      <c r="AF184">
        <v>0</v>
      </c>
      <c r="AG184">
        <v>8.1385647372616337</v>
      </c>
      <c r="AH184">
        <v>2.8511198146646599E-2</v>
      </c>
      <c r="AI184">
        <v>1.5373970656448481E-3</v>
      </c>
      <c r="AJ184">
        <v>-2.323599498211229E-2</v>
      </c>
      <c r="AK184">
        <v>-2.5036860813681502E-2</v>
      </c>
      <c r="AL184">
        <v>3955.671368130525</v>
      </c>
      <c r="AM184">
        <v>7626.8774755696959</v>
      </c>
      <c r="AN184">
        <v>435332</v>
      </c>
      <c r="AO184">
        <v>124.7101078451015</v>
      </c>
      <c r="AP184">
        <v>3607.0060514001339</v>
      </c>
      <c r="AQ184">
        <v>1.006711409395973</v>
      </c>
      <c r="AR184">
        <v>3.9725707615990662</v>
      </c>
      <c r="AS184">
        <v>3408</v>
      </c>
      <c r="AT184">
        <v>236.8552669973738</v>
      </c>
      <c r="AU184">
        <v>1.1453452113264319E-2</v>
      </c>
      <c r="AV184">
        <v>2.8511756635373631E-2</v>
      </c>
      <c r="AW184">
        <v>0.36708491391887949</v>
      </c>
      <c r="AX184">
        <v>83.241681260945711</v>
      </c>
      <c r="AY184">
        <v>62</v>
      </c>
      <c r="AZ184">
        <v>125</v>
      </c>
      <c r="BA184">
        <v>0.57864756009192542</v>
      </c>
      <c r="BB184">
        <v>0.50364750510650713</v>
      </c>
      <c r="BC184">
        <v>5.3006698785746948</v>
      </c>
      <c r="BD184" t="s">
        <v>766</v>
      </c>
      <c r="BE184" t="s">
        <v>68</v>
      </c>
    </row>
    <row r="185" spans="1:57" x14ac:dyDescent="0.3">
      <c r="A185" t="s">
        <v>767</v>
      </c>
      <c r="B185">
        <v>3956</v>
      </c>
      <c r="C185" t="s">
        <v>768</v>
      </c>
      <c r="D185" t="s">
        <v>769</v>
      </c>
      <c r="E185" t="s">
        <v>106</v>
      </c>
      <c r="F185">
        <v>4004</v>
      </c>
      <c r="G185">
        <v>127.37412587412589</v>
      </c>
      <c r="H185">
        <v>127</v>
      </c>
      <c r="I185">
        <v>5389.6782116484919</v>
      </c>
      <c r="J185">
        <v>73.414427816666205</v>
      </c>
      <c r="K185">
        <v>5.636571296310405E-3</v>
      </c>
      <c r="L185">
        <v>-1.1990636774578081</v>
      </c>
      <c r="M185">
        <v>7.9549707900322328</v>
      </c>
      <c r="N185">
        <v>26</v>
      </c>
      <c r="O185">
        <v>6</v>
      </c>
      <c r="P185">
        <v>20</v>
      </c>
      <c r="Q185">
        <v>3.8714386356204851</v>
      </c>
      <c r="R185">
        <v>5.5139655745475507</v>
      </c>
      <c r="S185">
        <v>2</v>
      </c>
      <c r="T185">
        <v>1</v>
      </c>
      <c r="U185">
        <v>1</v>
      </c>
      <c r="V185">
        <v>0.16645314164969921</v>
      </c>
      <c r="W185">
        <v>8.2563585210999157</v>
      </c>
      <c r="X185">
        <v>2</v>
      </c>
      <c r="Y185">
        <v>1</v>
      </c>
      <c r="Z185">
        <v>1</v>
      </c>
      <c r="AA185">
        <v>2.2355088906108159E-2</v>
      </c>
      <c r="AB185">
        <v>8.2938567143635051</v>
      </c>
      <c r="AC185">
        <v>1</v>
      </c>
      <c r="AD185">
        <v>1</v>
      </c>
      <c r="AE185">
        <v>0</v>
      </c>
      <c r="AF185">
        <v>0</v>
      </c>
      <c r="AG185">
        <v>8.2942996088572372</v>
      </c>
      <c r="AH185">
        <v>-6.0952869522596133E-3</v>
      </c>
      <c r="AI185">
        <v>-1.020560079501639E-2</v>
      </c>
      <c r="AJ185">
        <v>-6.811941690052398E-5</v>
      </c>
      <c r="AK185">
        <v>-9.0776967935679541E-3</v>
      </c>
      <c r="AL185">
        <v>4231.0600631549196</v>
      </c>
      <c r="AM185">
        <v>8284.9243051445847</v>
      </c>
      <c r="AN185">
        <v>510006</v>
      </c>
      <c r="AO185">
        <v>85.476251050850124</v>
      </c>
      <c r="AP185">
        <v>3813.798058455397</v>
      </c>
      <c r="AQ185">
        <v>1.005744255744256</v>
      </c>
      <c r="AR185">
        <v>4.0054945054945046</v>
      </c>
      <c r="AS185">
        <v>3995</v>
      </c>
      <c r="AT185">
        <v>245.31868131868131</v>
      </c>
      <c r="AU185">
        <v>8.8911088911088898E-3</v>
      </c>
      <c r="AV185">
        <v>-6.0987863800698603E-3</v>
      </c>
      <c r="AW185">
        <v>0.37962037962037959</v>
      </c>
      <c r="AX185">
        <v>85.060454659005742</v>
      </c>
      <c r="AY185">
        <v>64</v>
      </c>
      <c r="AZ185">
        <v>128</v>
      </c>
      <c r="BA185">
        <v>0.57636845248473834</v>
      </c>
      <c r="BB185">
        <v>0.49875124875124882</v>
      </c>
      <c r="BC185">
        <v>5.3198023802456209</v>
      </c>
      <c r="BD185" t="s">
        <v>770</v>
      </c>
      <c r="BE185" t="s">
        <v>68</v>
      </c>
    </row>
    <row r="186" spans="1:57" x14ac:dyDescent="0.3">
      <c r="A186" t="s">
        <v>771</v>
      </c>
      <c r="B186">
        <v>3791</v>
      </c>
      <c r="C186" t="s">
        <v>772</v>
      </c>
      <c r="D186" t="s">
        <v>773</v>
      </c>
      <c r="E186" t="s">
        <v>115</v>
      </c>
      <c r="F186">
        <v>3845</v>
      </c>
      <c r="G186">
        <v>127.0723016905071</v>
      </c>
      <c r="H186">
        <v>127</v>
      </c>
      <c r="I186">
        <v>5473.1651235708823</v>
      </c>
      <c r="J186">
        <v>73.980842949853454</v>
      </c>
      <c r="K186">
        <v>-1.2125233667353271E-3</v>
      </c>
      <c r="L186">
        <v>-1.196601021105806</v>
      </c>
      <c r="M186">
        <v>7.9480864847490311</v>
      </c>
      <c r="N186">
        <v>25</v>
      </c>
      <c r="O186">
        <v>4</v>
      </c>
      <c r="P186">
        <v>21</v>
      </c>
      <c r="Q186">
        <v>3.9789005743136432</v>
      </c>
      <c r="R186">
        <v>5.5091937377504063</v>
      </c>
      <c r="S186">
        <v>3</v>
      </c>
      <c r="T186">
        <v>1</v>
      </c>
      <c r="U186">
        <v>2</v>
      </c>
      <c r="V186">
        <v>0.1766936422858103</v>
      </c>
      <c r="W186">
        <v>8.2121624635924135</v>
      </c>
      <c r="X186">
        <v>1</v>
      </c>
      <c r="Y186">
        <v>1</v>
      </c>
      <c r="Z186">
        <v>0</v>
      </c>
      <c r="AA186">
        <v>0</v>
      </c>
      <c r="AB186">
        <v>8.2540085905648439</v>
      </c>
      <c r="AC186">
        <v>1</v>
      </c>
      <c r="AD186">
        <v>1</v>
      </c>
      <c r="AE186">
        <v>0</v>
      </c>
      <c r="AF186">
        <v>0</v>
      </c>
      <c r="AG186">
        <v>8.2537483433284997</v>
      </c>
      <c r="AH186">
        <v>-6.6956234293657976E-3</v>
      </c>
      <c r="AI186">
        <v>5.1455300973905632E-2</v>
      </c>
      <c r="AJ186">
        <v>2.271296863152818E-2</v>
      </c>
      <c r="AK186">
        <v>2.0591387705652581E-2</v>
      </c>
      <c r="AL186">
        <v>4170.2527835940291</v>
      </c>
      <c r="AM186">
        <v>8108.0175580055466</v>
      </c>
      <c r="AN186">
        <v>488593</v>
      </c>
      <c r="AO186">
        <v>67.937150595464246</v>
      </c>
      <c r="AP186">
        <v>3739.5008858749329</v>
      </c>
      <c r="AQ186">
        <v>1.005981794538362</v>
      </c>
      <c r="AR186">
        <v>4.0109232769830951</v>
      </c>
      <c r="AS186">
        <v>3830</v>
      </c>
      <c r="AT186">
        <v>269.84213263979188</v>
      </c>
      <c r="AU186">
        <v>1.1168056299242699E-2</v>
      </c>
      <c r="AV186">
        <v>-6.6966557398753929E-3</v>
      </c>
      <c r="AW186">
        <v>0.36775032509752931</v>
      </c>
      <c r="AX186">
        <v>85.366024973985432</v>
      </c>
      <c r="AY186">
        <v>64</v>
      </c>
      <c r="AZ186">
        <v>127</v>
      </c>
      <c r="BA186">
        <v>0.5821948761897664</v>
      </c>
      <c r="BB186">
        <v>0.49856957087126141</v>
      </c>
      <c r="BC186">
        <v>5.3224497230654224</v>
      </c>
      <c r="BD186" t="s">
        <v>774</v>
      </c>
      <c r="BE186" t="s">
        <v>68</v>
      </c>
    </row>
    <row r="187" spans="1:57" x14ac:dyDescent="0.3">
      <c r="A187" t="s">
        <v>775</v>
      </c>
      <c r="B187">
        <v>1113</v>
      </c>
      <c r="C187" t="s">
        <v>776</v>
      </c>
      <c r="D187" t="s">
        <v>777</v>
      </c>
      <c r="E187" t="s">
        <v>98</v>
      </c>
      <c r="F187">
        <v>16</v>
      </c>
      <c r="G187">
        <v>113.8125</v>
      </c>
      <c r="H187">
        <v>108</v>
      </c>
      <c r="I187">
        <v>5130.52734375</v>
      </c>
      <c r="J187">
        <v>71.627699556456506</v>
      </c>
      <c r="K187">
        <v>-5.5908673158019888E-2</v>
      </c>
      <c r="L187">
        <v>-1.076933352934107</v>
      </c>
      <c r="M187">
        <v>4</v>
      </c>
      <c r="N187">
        <v>1</v>
      </c>
      <c r="O187">
        <v>1</v>
      </c>
      <c r="P187">
        <v>0</v>
      </c>
      <c r="Q187">
        <v>0</v>
      </c>
      <c r="R187">
        <v>2.7725887222397811</v>
      </c>
      <c r="S187">
        <v>1</v>
      </c>
      <c r="T187">
        <v>1</v>
      </c>
      <c r="U187">
        <v>0</v>
      </c>
      <c r="V187">
        <v>0</v>
      </c>
      <c r="W187">
        <v>2.7080502011022101</v>
      </c>
      <c r="X187">
        <v>1</v>
      </c>
      <c r="Y187">
        <v>1</v>
      </c>
      <c r="Z187">
        <v>0</v>
      </c>
      <c r="AA187">
        <v>0</v>
      </c>
      <c r="AB187">
        <v>2.639057329615258</v>
      </c>
      <c r="AC187">
        <v>1</v>
      </c>
      <c r="AD187">
        <v>1</v>
      </c>
      <c r="AE187">
        <v>0</v>
      </c>
      <c r="AF187">
        <v>0</v>
      </c>
      <c r="AG187">
        <v>2.5649493574615372</v>
      </c>
      <c r="AH187">
        <v>-0.20108767030984109</v>
      </c>
      <c r="AI187">
        <v>-0.14693232908105969</v>
      </c>
      <c r="AJ187">
        <v>-0.26401694247438928</v>
      </c>
      <c r="AK187">
        <v>-0.21123150337098329</v>
      </c>
      <c r="AL187">
        <v>356.08268437904132</v>
      </c>
      <c r="AM187">
        <v>403.17009051443301</v>
      </c>
      <c r="AN187">
        <v>1821</v>
      </c>
      <c r="AO187">
        <v>39.357766770501357</v>
      </c>
      <c r="AP187">
        <v>314.10130280752207</v>
      </c>
      <c r="AQ187">
        <v>2.25</v>
      </c>
      <c r="AR187">
        <v>3.875</v>
      </c>
      <c r="AS187">
        <v>16</v>
      </c>
      <c r="AT187">
        <v>0</v>
      </c>
      <c r="AU187">
        <v>0.17444444444444451</v>
      </c>
      <c r="AV187">
        <v>-0.201253954056242</v>
      </c>
      <c r="AW187">
        <v>0.375</v>
      </c>
      <c r="AX187">
        <v>98.4</v>
      </c>
      <c r="AY187">
        <v>64</v>
      </c>
      <c r="AZ187">
        <v>95.75</v>
      </c>
      <c r="BA187">
        <v>0.62934826628407692</v>
      </c>
      <c r="BB187">
        <v>0.4375</v>
      </c>
      <c r="BC187">
        <v>2.7080502011022101</v>
      </c>
      <c r="BD187" t="s">
        <v>776</v>
      </c>
      <c r="BE187" t="s">
        <v>62</v>
      </c>
    </row>
    <row r="188" spans="1:57" x14ac:dyDescent="0.3">
      <c r="A188" t="s">
        <v>778</v>
      </c>
      <c r="B188">
        <v>2727</v>
      </c>
      <c r="C188" t="s">
        <v>779</v>
      </c>
      <c r="D188" t="s">
        <v>780</v>
      </c>
      <c r="E188" t="s">
        <v>115</v>
      </c>
      <c r="F188">
        <v>2784</v>
      </c>
      <c r="G188">
        <v>128.34806034482759</v>
      </c>
      <c r="H188">
        <v>127</v>
      </c>
      <c r="I188">
        <v>5434.7420005480817</v>
      </c>
      <c r="J188">
        <v>73.720702659077261</v>
      </c>
      <c r="K188">
        <v>1.1280514735454109E-2</v>
      </c>
      <c r="L188">
        <v>-1.184481930877253</v>
      </c>
      <c r="M188">
        <v>7.9432408534030952</v>
      </c>
      <c r="N188">
        <v>20</v>
      </c>
      <c r="O188">
        <v>3</v>
      </c>
      <c r="P188">
        <v>17</v>
      </c>
      <c r="Q188">
        <v>2.9790938219532461</v>
      </c>
      <c r="R188">
        <v>5.5058350020449343</v>
      </c>
      <c r="S188">
        <v>3</v>
      </c>
      <c r="T188">
        <v>1</v>
      </c>
      <c r="U188">
        <v>2</v>
      </c>
      <c r="V188">
        <v>0.16196300447594689</v>
      </c>
      <c r="W188">
        <v>7.8957295521176007</v>
      </c>
      <c r="X188">
        <v>1</v>
      </c>
      <c r="Y188">
        <v>1</v>
      </c>
      <c r="Z188">
        <v>0</v>
      </c>
      <c r="AA188">
        <v>0</v>
      </c>
      <c r="AB188">
        <v>7.9309253724833892</v>
      </c>
      <c r="AC188">
        <v>1</v>
      </c>
      <c r="AD188">
        <v>1</v>
      </c>
      <c r="AE188">
        <v>0</v>
      </c>
      <c r="AF188">
        <v>0</v>
      </c>
      <c r="AG188">
        <v>7.930565854233965</v>
      </c>
      <c r="AH188">
        <v>-8.4022773746458244E-3</v>
      </c>
      <c r="AI188">
        <v>8.6257190692417976E-4</v>
      </c>
      <c r="AJ188">
        <v>-1.1961647958215169E-2</v>
      </c>
      <c r="AK188">
        <v>8.1008797409467277E-3</v>
      </c>
      <c r="AL188">
        <v>3580.250292134031</v>
      </c>
      <c r="AM188">
        <v>6940.7194760827342</v>
      </c>
      <c r="AN188">
        <v>357321</v>
      </c>
      <c r="AO188">
        <v>100.96104327113309</v>
      </c>
      <c r="AP188">
        <v>3317.307075846225</v>
      </c>
      <c r="AQ188">
        <v>1.008261494252874</v>
      </c>
      <c r="AR188">
        <v>4.039152298850575</v>
      </c>
      <c r="AS188">
        <v>2775</v>
      </c>
      <c r="AT188">
        <v>208.91954022988509</v>
      </c>
      <c r="AU188">
        <v>1.4870689655172461E-2</v>
      </c>
      <c r="AV188">
        <v>-8.4045630655762722E-3</v>
      </c>
      <c r="AW188">
        <v>0.38002873563218392</v>
      </c>
      <c r="AX188">
        <v>85.561983471074385</v>
      </c>
      <c r="AY188">
        <v>64</v>
      </c>
      <c r="AZ188">
        <v>128</v>
      </c>
      <c r="BA188">
        <v>0.57438112006535047</v>
      </c>
      <c r="BB188">
        <v>0.49281609195402298</v>
      </c>
      <c r="BC188">
        <v>5.2987978959628732</v>
      </c>
      <c r="BD188" t="s">
        <v>781</v>
      </c>
      <c r="BE188" t="s">
        <v>62</v>
      </c>
    </row>
    <row r="189" spans="1:57" x14ac:dyDescent="0.3">
      <c r="A189" t="s">
        <v>782</v>
      </c>
      <c r="B189">
        <v>3716</v>
      </c>
      <c r="C189" t="s">
        <v>783</v>
      </c>
      <c r="D189" t="s">
        <v>784</v>
      </c>
      <c r="E189" t="s">
        <v>10622</v>
      </c>
      <c r="F189">
        <v>64</v>
      </c>
      <c r="G189">
        <v>111.984375</v>
      </c>
      <c r="H189">
        <v>101.5</v>
      </c>
      <c r="I189">
        <v>5925.046630859375</v>
      </c>
      <c r="J189">
        <v>76.974324491088424</v>
      </c>
      <c r="K189">
        <v>0.29917256438690509</v>
      </c>
      <c r="L189">
        <v>-1.2153258279415551</v>
      </c>
      <c r="M189">
        <v>5.8125</v>
      </c>
      <c r="N189">
        <v>2</v>
      </c>
      <c r="O189">
        <v>1</v>
      </c>
      <c r="P189">
        <v>1</v>
      </c>
      <c r="Q189">
        <v>0.3045434781492361</v>
      </c>
      <c r="R189">
        <v>4.0289179870046823</v>
      </c>
      <c r="S189">
        <v>1</v>
      </c>
      <c r="T189">
        <v>1</v>
      </c>
      <c r="U189">
        <v>0</v>
      </c>
      <c r="V189">
        <v>0</v>
      </c>
      <c r="W189">
        <v>4.1431347263915326</v>
      </c>
      <c r="X189">
        <v>1</v>
      </c>
      <c r="Y189">
        <v>1</v>
      </c>
      <c r="Z189">
        <v>0</v>
      </c>
      <c r="AA189">
        <v>0</v>
      </c>
      <c r="AB189">
        <v>4.1271343850450908</v>
      </c>
      <c r="AC189">
        <v>1</v>
      </c>
      <c r="AD189">
        <v>1</v>
      </c>
      <c r="AE189">
        <v>0</v>
      </c>
      <c r="AF189">
        <v>0</v>
      </c>
      <c r="AG189">
        <v>4.1108738641733096</v>
      </c>
      <c r="AH189">
        <v>8.7642827193557413E-2</v>
      </c>
      <c r="AI189">
        <v>-0.13790227336810171</v>
      </c>
      <c r="AJ189">
        <v>-5.5143910932473457E-2</v>
      </c>
      <c r="AK189">
        <v>6.6007352499739283E-2</v>
      </c>
      <c r="AL189">
        <v>665.10287560872212</v>
      </c>
      <c r="AM189">
        <v>859.90299735319502</v>
      </c>
      <c r="AN189">
        <v>7167</v>
      </c>
      <c r="AO189">
        <v>116.8238081763516</v>
      </c>
      <c r="AP189">
        <v>587.689556447938</v>
      </c>
      <c r="AQ189">
        <v>1.359375</v>
      </c>
      <c r="AR189">
        <v>3.984375</v>
      </c>
      <c r="AS189">
        <v>64</v>
      </c>
      <c r="AT189">
        <v>4.8750000000000009</v>
      </c>
      <c r="AU189">
        <v>0.12763480392156859</v>
      </c>
      <c r="AV189">
        <v>8.7805764540066042E-2</v>
      </c>
      <c r="AW189">
        <v>0.421875</v>
      </c>
      <c r="AX189">
        <v>85.714285714285708</v>
      </c>
      <c r="AY189">
        <v>64</v>
      </c>
      <c r="AZ189">
        <v>134.75</v>
      </c>
      <c r="BA189">
        <v>0.6873666481693399</v>
      </c>
      <c r="BB189">
        <v>0.46875</v>
      </c>
      <c r="BC189">
        <v>3.9587918211102049</v>
      </c>
      <c r="BD189" t="s">
        <v>785</v>
      </c>
      <c r="BE189" t="s">
        <v>62</v>
      </c>
    </row>
    <row r="190" spans="1:57" x14ac:dyDescent="0.3">
      <c r="A190" t="s">
        <v>786</v>
      </c>
      <c r="B190">
        <v>3042</v>
      </c>
      <c r="C190" t="s">
        <v>787</v>
      </c>
      <c r="D190" t="s">
        <v>788</v>
      </c>
      <c r="E190" t="s">
        <v>10622</v>
      </c>
      <c r="F190">
        <v>64</v>
      </c>
      <c r="G190">
        <v>119.640625</v>
      </c>
      <c r="H190">
        <v>123.5</v>
      </c>
      <c r="I190">
        <v>6295.730224609375</v>
      </c>
      <c r="J190">
        <v>79.345637716319189</v>
      </c>
      <c r="K190">
        <v>2.4611372370706479E-2</v>
      </c>
      <c r="L190">
        <v>-1.384380157511655</v>
      </c>
      <c r="M190">
        <v>5.65625</v>
      </c>
      <c r="N190">
        <v>2</v>
      </c>
      <c r="O190">
        <v>1</v>
      </c>
      <c r="P190">
        <v>1</v>
      </c>
      <c r="Q190">
        <v>0.40555066528688072</v>
      </c>
      <c r="R190">
        <v>3.920613740042191</v>
      </c>
      <c r="S190">
        <v>1</v>
      </c>
      <c r="T190">
        <v>1</v>
      </c>
      <c r="U190">
        <v>0</v>
      </c>
      <c r="V190">
        <v>0</v>
      </c>
      <c r="W190">
        <v>4.1431347263915326</v>
      </c>
      <c r="X190">
        <v>1</v>
      </c>
      <c r="Y190">
        <v>1</v>
      </c>
      <c r="Z190">
        <v>0</v>
      </c>
      <c r="AA190">
        <v>0</v>
      </c>
      <c r="AB190">
        <v>4.1271343850450908</v>
      </c>
      <c r="AC190">
        <v>1</v>
      </c>
      <c r="AD190">
        <v>1</v>
      </c>
      <c r="AE190">
        <v>0</v>
      </c>
      <c r="AF190">
        <v>0</v>
      </c>
      <c r="AG190">
        <v>4.1108738641733096</v>
      </c>
      <c r="AH190">
        <v>-0.11052425224270181</v>
      </c>
      <c r="AI190">
        <v>-0.29810458063076062</v>
      </c>
      <c r="AJ190">
        <v>9.9662646945817654E-2</v>
      </c>
      <c r="AK190">
        <v>-0.1617144050517714</v>
      </c>
      <c r="AL190">
        <v>682.03667031038185</v>
      </c>
      <c r="AM190">
        <v>924.0351618590754</v>
      </c>
      <c r="AN190">
        <v>7657</v>
      </c>
      <c r="AO190">
        <v>187.91992017063171</v>
      </c>
      <c r="AP190">
        <v>475.82582883747432</v>
      </c>
      <c r="AQ190">
        <v>1.359375</v>
      </c>
      <c r="AR190">
        <v>3.84375</v>
      </c>
      <c r="AS190">
        <v>64</v>
      </c>
      <c r="AT190">
        <v>7.2187499999999982</v>
      </c>
      <c r="AU190">
        <v>0.1339285714285714</v>
      </c>
      <c r="AV190">
        <v>-0.1115264993953429</v>
      </c>
      <c r="AW190">
        <v>0.328125</v>
      </c>
      <c r="AX190">
        <v>97.206349206349202</v>
      </c>
      <c r="AY190">
        <v>75</v>
      </c>
      <c r="AZ190">
        <v>142.25</v>
      </c>
      <c r="BA190">
        <v>0.66319979284895236</v>
      </c>
      <c r="BB190">
        <v>0.515625</v>
      </c>
      <c r="BC190">
        <v>4.0331113643978904</v>
      </c>
      <c r="BD190" t="s">
        <v>789</v>
      </c>
      <c r="BE190" t="s">
        <v>62</v>
      </c>
    </row>
    <row r="191" spans="1:57" x14ac:dyDescent="0.3">
      <c r="A191" t="s">
        <v>790</v>
      </c>
      <c r="B191">
        <v>2137</v>
      </c>
      <c r="C191" t="s">
        <v>791</v>
      </c>
      <c r="D191" t="s">
        <v>792</v>
      </c>
      <c r="E191" t="s">
        <v>66</v>
      </c>
      <c r="F191">
        <v>72</v>
      </c>
      <c r="G191">
        <v>126.1527777777778</v>
      </c>
      <c r="H191">
        <v>138.5</v>
      </c>
      <c r="I191">
        <v>5962.9349922839501</v>
      </c>
      <c r="J191">
        <v>77.220042685069458</v>
      </c>
      <c r="K191">
        <v>-0.13435593824390679</v>
      </c>
      <c r="L191">
        <v>-1.3398132080664971</v>
      </c>
      <c r="M191">
        <v>5.8365916681089827</v>
      </c>
      <c r="N191">
        <v>2</v>
      </c>
      <c r="O191">
        <v>1</v>
      </c>
      <c r="P191">
        <v>1</v>
      </c>
      <c r="Q191">
        <v>0.4</v>
      </c>
      <c r="R191">
        <v>4.0456170588294054</v>
      </c>
      <c r="S191">
        <v>2</v>
      </c>
      <c r="T191">
        <v>1</v>
      </c>
      <c r="U191">
        <v>1</v>
      </c>
      <c r="V191">
        <v>0.16776575221435111</v>
      </c>
      <c r="W191">
        <v>4.2236293316576567</v>
      </c>
      <c r="X191">
        <v>2</v>
      </c>
      <c r="Y191">
        <v>1</v>
      </c>
      <c r="Z191">
        <v>1</v>
      </c>
      <c r="AA191">
        <v>0.11951030798891769</v>
      </c>
      <c r="AB191">
        <v>4.2286910368905044</v>
      </c>
      <c r="AC191">
        <v>1</v>
      </c>
      <c r="AD191">
        <v>1</v>
      </c>
      <c r="AE191">
        <v>0</v>
      </c>
      <c r="AF191">
        <v>0</v>
      </c>
      <c r="AG191">
        <v>4.2341065045972579</v>
      </c>
      <c r="AH191">
        <v>0.16402510685445579</v>
      </c>
      <c r="AI191">
        <v>0.26453205861922202</v>
      </c>
      <c r="AJ191">
        <v>-0.1080405042912429</v>
      </c>
      <c r="AK191">
        <v>-4.318187328309981E-2</v>
      </c>
      <c r="AL191">
        <v>696.67193985881852</v>
      </c>
      <c r="AM191">
        <v>1043.946937451014</v>
      </c>
      <c r="AN191">
        <v>9083</v>
      </c>
      <c r="AO191">
        <v>88.740529114072942</v>
      </c>
      <c r="AP191">
        <v>582.22781862061879</v>
      </c>
      <c r="AQ191">
        <v>1.319444444444444</v>
      </c>
      <c r="AR191">
        <v>3.958333333333333</v>
      </c>
      <c r="AS191">
        <v>72</v>
      </c>
      <c r="AT191">
        <v>8</v>
      </c>
      <c r="AU191">
        <v>7.3039215686274472E-2</v>
      </c>
      <c r="AV191">
        <v>0.16544620464318091</v>
      </c>
      <c r="AW191">
        <v>0.31944444444444442</v>
      </c>
      <c r="AX191">
        <v>83.985915492957744</v>
      </c>
      <c r="AY191">
        <v>69</v>
      </c>
      <c r="AZ191">
        <v>139</v>
      </c>
      <c r="BA191">
        <v>0.61211527835792157</v>
      </c>
      <c r="BB191">
        <v>0.54166666666666663</v>
      </c>
      <c r="BC191">
        <v>4.0674271501230219</v>
      </c>
      <c r="BD191" t="s">
        <v>793</v>
      </c>
      <c r="BE191" t="s">
        <v>68</v>
      </c>
    </row>
    <row r="192" spans="1:57" x14ac:dyDescent="0.3">
      <c r="A192" t="s">
        <v>794</v>
      </c>
      <c r="B192">
        <v>3037</v>
      </c>
      <c r="C192" t="s">
        <v>795</v>
      </c>
      <c r="D192" t="s">
        <v>796</v>
      </c>
      <c r="E192" t="s">
        <v>115</v>
      </c>
      <c r="F192">
        <v>3084</v>
      </c>
      <c r="G192">
        <v>128.01977950713359</v>
      </c>
      <c r="H192">
        <v>130</v>
      </c>
      <c r="I192">
        <v>5359.897468693277</v>
      </c>
      <c r="J192">
        <v>73.211320632080373</v>
      </c>
      <c r="K192">
        <v>-1.038773215685475E-2</v>
      </c>
      <c r="L192">
        <v>-1.1576211284476059</v>
      </c>
      <c r="M192">
        <v>7.9335656483458514</v>
      </c>
      <c r="N192">
        <v>24</v>
      </c>
      <c r="O192">
        <v>3</v>
      </c>
      <c r="P192">
        <v>21</v>
      </c>
      <c r="Q192">
        <v>3.6117416483429432</v>
      </c>
      <c r="R192">
        <v>5.4991286609381582</v>
      </c>
      <c r="S192">
        <v>3</v>
      </c>
      <c r="T192">
        <v>1</v>
      </c>
      <c r="U192">
        <v>2</v>
      </c>
      <c r="V192">
        <v>0.1395684399796765</v>
      </c>
      <c r="W192">
        <v>8.0081381617459488</v>
      </c>
      <c r="X192">
        <v>1</v>
      </c>
      <c r="Y192">
        <v>1</v>
      </c>
      <c r="Z192">
        <v>0</v>
      </c>
      <c r="AA192">
        <v>0</v>
      </c>
      <c r="AB192">
        <v>8.0333340158800617</v>
      </c>
      <c r="AC192">
        <v>1</v>
      </c>
      <c r="AD192">
        <v>1</v>
      </c>
      <c r="AE192">
        <v>0</v>
      </c>
      <c r="AF192">
        <v>0</v>
      </c>
      <c r="AG192">
        <v>8.033009498596666</v>
      </c>
      <c r="AH192">
        <v>-2.2179598365702581E-2</v>
      </c>
      <c r="AI192">
        <v>-4.3301033077913949E-3</v>
      </c>
      <c r="AJ192">
        <v>1.0381477719199779E-3</v>
      </c>
      <c r="AK192">
        <v>3.1789450351509172E-3</v>
      </c>
      <c r="AL192">
        <v>3736.8247322616699</v>
      </c>
      <c r="AM192">
        <v>7287.656545169888</v>
      </c>
      <c r="AN192">
        <v>394813</v>
      </c>
      <c r="AO192">
        <v>148.55222527254389</v>
      </c>
      <c r="AP192">
        <v>3410.046429078378</v>
      </c>
      <c r="AQ192">
        <v>1.0074578469520099</v>
      </c>
      <c r="AR192">
        <v>3.9805447470817121</v>
      </c>
      <c r="AS192">
        <v>3074</v>
      </c>
      <c r="AT192">
        <v>277.20363164721141</v>
      </c>
      <c r="AU192">
        <v>1.3096055542839709E-2</v>
      </c>
      <c r="AV192">
        <v>-2.2183600378192132E-2</v>
      </c>
      <c r="AW192">
        <v>0.36997405966277558</v>
      </c>
      <c r="AX192">
        <v>85.329224781057405</v>
      </c>
      <c r="AY192">
        <v>62</v>
      </c>
      <c r="AZ192">
        <v>124</v>
      </c>
      <c r="BA192">
        <v>0.57187507207041277</v>
      </c>
      <c r="BB192">
        <v>0.50421530479896237</v>
      </c>
      <c r="BC192">
        <v>5.316968213198801</v>
      </c>
      <c r="BD192" t="s">
        <v>797</v>
      </c>
      <c r="BE192" t="s">
        <v>68</v>
      </c>
    </row>
    <row r="193" spans="1:57" x14ac:dyDescent="0.3">
      <c r="A193" t="s">
        <v>798</v>
      </c>
      <c r="B193">
        <v>3906</v>
      </c>
      <c r="C193" t="s">
        <v>799</v>
      </c>
      <c r="D193" t="s">
        <v>800</v>
      </c>
      <c r="E193" t="s">
        <v>98</v>
      </c>
      <c r="F193">
        <v>16</v>
      </c>
      <c r="G193">
        <v>116</v>
      </c>
      <c r="H193">
        <v>131</v>
      </c>
      <c r="I193">
        <v>5616.875</v>
      </c>
      <c r="J193">
        <v>74.945813759008587</v>
      </c>
      <c r="K193">
        <v>5.6485897461091367E-2</v>
      </c>
      <c r="L193">
        <v>-1.3211503836464</v>
      </c>
      <c r="M193">
        <v>3.875</v>
      </c>
      <c r="N193">
        <v>2</v>
      </c>
      <c r="O193">
        <v>1</v>
      </c>
      <c r="P193">
        <v>1</v>
      </c>
      <c r="Q193">
        <v>0.24944382578492949</v>
      </c>
      <c r="R193">
        <v>2.6859453246697882</v>
      </c>
      <c r="S193">
        <v>1</v>
      </c>
      <c r="T193">
        <v>1</v>
      </c>
      <c r="U193">
        <v>0</v>
      </c>
      <c r="V193">
        <v>0</v>
      </c>
      <c r="W193">
        <v>2.7080502011022101</v>
      </c>
      <c r="X193">
        <v>1</v>
      </c>
      <c r="Y193">
        <v>1</v>
      </c>
      <c r="Z193">
        <v>0</v>
      </c>
      <c r="AA193">
        <v>0</v>
      </c>
      <c r="AB193">
        <v>2.639057329615258</v>
      </c>
      <c r="AC193">
        <v>1</v>
      </c>
      <c r="AD193">
        <v>1</v>
      </c>
      <c r="AE193">
        <v>0</v>
      </c>
      <c r="AF193">
        <v>0</v>
      </c>
      <c r="AG193">
        <v>2.5649493574615372</v>
      </c>
      <c r="AH193">
        <v>0.32484700122399018</v>
      </c>
      <c r="AI193">
        <v>0.37223767664404139</v>
      </c>
      <c r="AJ193">
        <v>-3.9712918660287082E-2</v>
      </c>
      <c r="AK193">
        <v>-0.26658506731946152</v>
      </c>
      <c r="AL193">
        <v>364.75086291756008</v>
      </c>
      <c r="AM193">
        <v>414.87685883993981</v>
      </c>
      <c r="AN193">
        <v>1856</v>
      </c>
      <c r="AO193">
        <v>76.485292703891773</v>
      </c>
      <c r="AP193">
        <v>260.73370216186402</v>
      </c>
      <c r="AQ193">
        <v>2.3125</v>
      </c>
      <c r="AR193">
        <v>4.0625</v>
      </c>
      <c r="AS193">
        <v>16</v>
      </c>
      <c r="AT193">
        <v>0.87499999999999989</v>
      </c>
      <c r="AU193">
        <v>0.29467871485943781</v>
      </c>
      <c r="AV193">
        <v>0.33376297146505401</v>
      </c>
      <c r="AW193">
        <v>0.3125</v>
      </c>
      <c r="AX193">
        <v>71.933333333333337</v>
      </c>
      <c r="AY193">
        <v>71</v>
      </c>
      <c r="AZ193">
        <v>137.75</v>
      </c>
      <c r="BA193">
        <v>0.64608460137076373</v>
      </c>
      <c r="BB193">
        <v>0.5625</v>
      </c>
      <c r="BC193">
        <v>2.615630577027551</v>
      </c>
      <c r="BD193" t="s">
        <v>799</v>
      </c>
      <c r="BE193" t="s">
        <v>62</v>
      </c>
    </row>
    <row r="194" spans="1:57" x14ac:dyDescent="0.3">
      <c r="A194" t="s">
        <v>801</v>
      </c>
      <c r="B194">
        <v>1859</v>
      </c>
      <c r="C194" t="s">
        <v>802</v>
      </c>
      <c r="D194" t="s">
        <v>803</v>
      </c>
      <c r="E194" t="s">
        <v>85</v>
      </c>
      <c r="F194">
        <v>8</v>
      </c>
      <c r="G194">
        <v>114.25</v>
      </c>
      <c r="H194">
        <v>113</v>
      </c>
      <c r="I194">
        <v>4475.6875</v>
      </c>
      <c r="J194">
        <v>66.900579220213032</v>
      </c>
      <c r="K194">
        <v>-0.24205900754950649</v>
      </c>
      <c r="L194">
        <v>-1.2990681292514981</v>
      </c>
      <c r="M194">
        <v>3</v>
      </c>
      <c r="N194">
        <v>1</v>
      </c>
      <c r="O194">
        <v>1</v>
      </c>
      <c r="P194">
        <v>0</v>
      </c>
      <c r="Q194">
        <v>0</v>
      </c>
      <c r="R194">
        <v>2.0794415416798362</v>
      </c>
      <c r="S194">
        <v>1</v>
      </c>
      <c r="T194">
        <v>1</v>
      </c>
      <c r="U194">
        <v>0</v>
      </c>
      <c r="V194">
        <v>0</v>
      </c>
      <c r="W194">
        <v>1.945910149055313</v>
      </c>
      <c r="X194">
        <v>1</v>
      </c>
      <c r="Y194">
        <v>1</v>
      </c>
      <c r="Z194">
        <v>0</v>
      </c>
      <c r="AA194">
        <v>0</v>
      </c>
      <c r="AB194">
        <v>1.791759469228055</v>
      </c>
      <c r="AC194">
        <v>1</v>
      </c>
      <c r="AD194">
        <v>1</v>
      </c>
      <c r="AE194">
        <v>0</v>
      </c>
      <c r="AF194">
        <v>0</v>
      </c>
      <c r="AG194">
        <v>1.6094379124341009</v>
      </c>
      <c r="AH194">
        <v>-2.6554928712069371E-2</v>
      </c>
      <c r="AI194">
        <v>0.15531482593456311</v>
      </c>
      <c r="AJ194">
        <v>5.6456061219645033E-2</v>
      </c>
      <c r="AK194">
        <v>0</v>
      </c>
      <c r="AL194">
        <v>282.79125461851078</v>
      </c>
      <c r="AM194">
        <v>245.47730304712209</v>
      </c>
      <c r="AN194">
        <v>914</v>
      </c>
      <c r="AO194">
        <v>102</v>
      </c>
      <c r="AP194">
        <v>186.14124421926201</v>
      </c>
      <c r="AQ194">
        <v>3.5</v>
      </c>
      <c r="AR194">
        <v>3.375</v>
      </c>
      <c r="AS194">
        <v>8</v>
      </c>
      <c r="AT194">
        <v>0</v>
      </c>
      <c r="AU194">
        <v>0.1742424242424242</v>
      </c>
      <c r="AV194">
        <v>8.5666005800960517E-3</v>
      </c>
      <c r="AW194">
        <v>0.25</v>
      </c>
      <c r="AX194">
        <v>79.285714285714292</v>
      </c>
      <c r="AY194">
        <v>67.5</v>
      </c>
      <c r="AZ194">
        <v>98.5</v>
      </c>
      <c r="BA194">
        <v>0.58556305663206154</v>
      </c>
      <c r="BB194">
        <v>0.5</v>
      </c>
      <c r="BC194">
        <v>1.945910149055313</v>
      </c>
      <c r="BD194" t="s">
        <v>802</v>
      </c>
      <c r="BE194" t="s">
        <v>68</v>
      </c>
    </row>
    <row r="195" spans="1:57" x14ac:dyDescent="0.3">
      <c r="A195" t="s">
        <v>804</v>
      </c>
      <c r="B195">
        <v>1101</v>
      </c>
      <c r="C195" t="s">
        <v>805</v>
      </c>
      <c r="D195" t="s">
        <v>806</v>
      </c>
      <c r="E195" t="s">
        <v>128</v>
      </c>
      <c r="F195">
        <v>32</v>
      </c>
      <c r="G195">
        <v>84.375</v>
      </c>
      <c r="H195">
        <v>70</v>
      </c>
      <c r="I195">
        <v>3958.734375</v>
      </c>
      <c r="J195">
        <v>62.918474035850551</v>
      </c>
      <c r="K195">
        <v>0.75394998143106828</v>
      </c>
      <c r="L195">
        <v>-0.14494745825500741</v>
      </c>
      <c r="M195">
        <v>4.8125</v>
      </c>
      <c r="N195">
        <v>2</v>
      </c>
      <c r="O195">
        <v>1</v>
      </c>
      <c r="P195">
        <v>1</v>
      </c>
      <c r="Q195">
        <v>0.30454347814923599</v>
      </c>
      <c r="R195">
        <v>3.335770806444736</v>
      </c>
      <c r="S195">
        <v>1</v>
      </c>
      <c r="T195">
        <v>1</v>
      </c>
      <c r="U195">
        <v>0</v>
      </c>
      <c r="V195">
        <v>0</v>
      </c>
      <c r="W195">
        <v>3.4339872044851458</v>
      </c>
      <c r="X195">
        <v>1</v>
      </c>
      <c r="Y195">
        <v>1</v>
      </c>
      <c r="Z195">
        <v>0</v>
      </c>
      <c r="AA195">
        <v>0</v>
      </c>
      <c r="AB195">
        <v>3.401197381662155</v>
      </c>
      <c r="AC195">
        <v>1</v>
      </c>
      <c r="AD195">
        <v>1</v>
      </c>
      <c r="AE195">
        <v>0</v>
      </c>
      <c r="AF195">
        <v>0</v>
      </c>
      <c r="AG195">
        <v>3.3672958299864728</v>
      </c>
      <c r="AH195">
        <v>-0.14213144687972401</v>
      </c>
      <c r="AI195">
        <v>0.30102418899664107</v>
      </c>
      <c r="AJ195">
        <v>-0.34653063932996259</v>
      </c>
      <c r="AK195">
        <v>0.15959049214750609</v>
      </c>
      <c r="AL195">
        <v>393.44157678461403</v>
      </c>
      <c r="AM195">
        <v>446.87327695582422</v>
      </c>
      <c r="AN195">
        <v>2700</v>
      </c>
      <c r="AO195">
        <v>104.29717898110761</v>
      </c>
      <c r="AP195">
        <v>288.15061166659291</v>
      </c>
      <c r="AQ195">
        <v>1.625</v>
      </c>
      <c r="AR195">
        <v>2.90625</v>
      </c>
      <c r="AS195">
        <v>32</v>
      </c>
      <c r="AT195">
        <v>2.4375</v>
      </c>
      <c r="AU195">
        <v>0.27916666666666667</v>
      </c>
      <c r="AV195">
        <v>-0.1440852889268304</v>
      </c>
      <c r="AW195">
        <v>0.46875</v>
      </c>
      <c r="AX195">
        <v>74.58064516129032</v>
      </c>
      <c r="AY195">
        <v>49</v>
      </c>
      <c r="AZ195">
        <v>96.25</v>
      </c>
      <c r="BA195">
        <v>0.74570043301748801</v>
      </c>
      <c r="BB195">
        <v>0.4375</v>
      </c>
      <c r="BC195">
        <v>3.3445488586064429</v>
      </c>
      <c r="BD195" t="s">
        <v>807</v>
      </c>
      <c r="BE195" t="s">
        <v>62</v>
      </c>
    </row>
    <row r="196" spans="1:57" x14ac:dyDescent="0.3">
      <c r="A196" t="s">
        <v>808</v>
      </c>
      <c r="B196">
        <v>2379</v>
      </c>
      <c r="C196" t="s">
        <v>809</v>
      </c>
      <c r="D196" t="s">
        <v>810</v>
      </c>
      <c r="E196" t="s">
        <v>85</v>
      </c>
      <c r="F196">
        <v>8</v>
      </c>
      <c r="G196">
        <v>84.625</v>
      </c>
      <c r="H196">
        <v>76</v>
      </c>
      <c r="I196">
        <v>3768.734375</v>
      </c>
      <c r="J196">
        <v>61.3900185290736</v>
      </c>
      <c r="K196">
        <v>0.64918101042719956</v>
      </c>
      <c r="L196">
        <v>-0.42554480184048771</v>
      </c>
      <c r="M196">
        <v>3</v>
      </c>
      <c r="N196">
        <v>1</v>
      </c>
      <c r="O196">
        <v>1</v>
      </c>
      <c r="P196">
        <v>0</v>
      </c>
      <c r="Q196">
        <v>0</v>
      </c>
      <c r="R196">
        <v>2.0794415416798362</v>
      </c>
      <c r="S196">
        <v>1</v>
      </c>
      <c r="T196">
        <v>1</v>
      </c>
      <c r="U196">
        <v>0</v>
      </c>
      <c r="V196">
        <v>0</v>
      </c>
      <c r="W196">
        <v>1.945910149055313</v>
      </c>
      <c r="X196">
        <v>1</v>
      </c>
      <c r="Y196">
        <v>1</v>
      </c>
      <c r="Z196">
        <v>0</v>
      </c>
      <c r="AA196">
        <v>0</v>
      </c>
      <c r="AB196">
        <v>1.791759469228055</v>
      </c>
      <c r="AC196">
        <v>1</v>
      </c>
      <c r="AD196">
        <v>1</v>
      </c>
      <c r="AE196">
        <v>0</v>
      </c>
      <c r="AF196">
        <v>0</v>
      </c>
      <c r="AG196">
        <v>1.6094379124341009</v>
      </c>
      <c r="AH196">
        <v>-0.35073580321643122</v>
      </c>
      <c r="AI196">
        <v>-0.30352634131982298</v>
      </c>
      <c r="AJ196">
        <v>3.1353260171062068E-2</v>
      </c>
      <c r="AK196">
        <v>0</v>
      </c>
      <c r="AL196">
        <v>223.6031450456928</v>
      </c>
      <c r="AM196">
        <v>193.50099101987789</v>
      </c>
      <c r="AN196">
        <v>677</v>
      </c>
      <c r="AO196">
        <v>1</v>
      </c>
      <c r="AP196">
        <v>152.34500319997369</v>
      </c>
      <c r="AQ196">
        <v>3.5</v>
      </c>
      <c r="AR196">
        <v>3.25</v>
      </c>
      <c r="AS196">
        <v>8</v>
      </c>
      <c r="AT196">
        <v>0</v>
      </c>
      <c r="AU196">
        <v>0.26442307692307693</v>
      </c>
      <c r="AV196">
        <v>-0.39914969384751442</v>
      </c>
      <c r="AW196">
        <v>0.625</v>
      </c>
      <c r="AX196">
        <v>91.571428571428569</v>
      </c>
      <c r="AY196">
        <v>40</v>
      </c>
      <c r="AZ196">
        <v>80</v>
      </c>
      <c r="BA196">
        <v>0.72543596489304107</v>
      </c>
      <c r="BB196">
        <v>0.5</v>
      </c>
      <c r="BC196">
        <v>1.7478680974667571</v>
      </c>
      <c r="BD196" t="s">
        <v>809</v>
      </c>
      <c r="BE196" t="s">
        <v>68</v>
      </c>
    </row>
    <row r="197" spans="1:57" x14ac:dyDescent="0.3">
      <c r="A197" t="s">
        <v>811</v>
      </c>
      <c r="B197">
        <v>131</v>
      </c>
      <c r="C197" t="s">
        <v>812</v>
      </c>
      <c r="D197" t="s">
        <v>813</v>
      </c>
      <c r="E197" t="s">
        <v>60</v>
      </c>
      <c r="F197">
        <v>256</v>
      </c>
      <c r="G197">
        <v>129.921875</v>
      </c>
      <c r="H197">
        <v>135.5</v>
      </c>
      <c r="I197">
        <v>5728.345458984375</v>
      </c>
      <c r="J197">
        <v>75.685833938620078</v>
      </c>
      <c r="K197">
        <v>-1.9896707631528149E-2</v>
      </c>
      <c r="L197">
        <v>-1.33797166408874</v>
      </c>
      <c r="M197">
        <v>7.1550115976869417</v>
      </c>
      <c r="N197">
        <v>5</v>
      </c>
      <c r="O197">
        <v>1</v>
      </c>
      <c r="P197">
        <v>4</v>
      </c>
      <c r="Q197">
        <v>0.84494881824811996</v>
      </c>
      <c r="R197">
        <v>4.9594761158104124</v>
      </c>
      <c r="S197">
        <v>1</v>
      </c>
      <c r="T197">
        <v>1</v>
      </c>
      <c r="U197">
        <v>0</v>
      </c>
      <c r="V197">
        <v>0</v>
      </c>
      <c r="W197">
        <v>5.541263545158424</v>
      </c>
      <c r="X197">
        <v>1</v>
      </c>
      <c r="Y197">
        <v>1</v>
      </c>
      <c r="Z197">
        <v>0</v>
      </c>
      <c r="AA197">
        <v>0</v>
      </c>
      <c r="AB197">
        <v>5.5373342670185366</v>
      </c>
      <c r="AC197">
        <v>1</v>
      </c>
      <c r="AD197">
        <v>1</v>
      </c>
      <c r="AE197">
        <v>0</v>
      </c>
      <c r="AF197">
        <v>0</v>
      </c>
      <c r="AG197">
        <v>5.5333894887275203</v>
      </c>
      <c r="AH197">
        <v>-4.2702527758186899E-2</v>
      </c>
      <c r="AI197">
        <v>-1.515854153718255E-3</v>
      </c>
      <c r="AJ197">
        <v>9.2124071863145182E-2</v>
      </c>
      <c r="AK197">
        <v>2.7975314193295801E-2</v>
      </c>
      <c r="AL197">
        <v>1199.613016484828</v>
      </c>
      <c r="AM197">
        <v>2085.326499778912</v>
      </c>
      <c r="AN197">
        <v>33260</v>
      </c>
      <c r="AO197">
        <v>6</v>
      </c>
      <c r="AP197">
        <v>1010.458085142153</v>
      </c>
      <c r="AQ197">
        <v>1.08984375</v>
      </c>
      <c r="AR197">
        <v>3.984375</v>
      </c>
      <c r="AS197">
        <v>255</v>
      </c>
      <c r="AT197">
        <v>72.2890625</v>
      </c>
      <c r="AU197">
        <v>3.8281249999999989E-2</v>
      </c>
      <c r="AV197">
        <v>-4.2885250947461193E-2</v>
      </c>
      <c r="AW197">
        <v>0.33984375</v>
      </c>
      <c r="AX197">
        <v>89.54117647058824</v>
      </c>
      <c r="AY197">
        <v>66.5</v>
      </c>
      <c r="AZ197">
        <v>141.5</v>
      </c>
      <c r="BA197">
        <v>0.58254881203507936</v>
      </c>
      <c r="BB197">
        <v>0.52734375</v>
      </c>
      <c r="BC197">
        <v>4.8686757991228156</v>
      </c>
      <c r="BD197" t="s">
        <v>814</v>
      </c>
      <c r="BE197" t="s">
        <v>62</v>
      </c>
    </row>
    <row r="198" spans="1:57" x14ac:dyDescent="0.3">
      <c r="A198" t="s">
        <v>815</v>
      </c>
      <c r="B198">
        <v>1481</v>
      </c>
      <c r="C198" t="s">
        <v>816</v>
      </c>
      <c r="D198" t="s">
        <v>817</v>
      </c>
      <c r="E198" t="s">
        <v>66</v>
      </c>
      <c r="F198">
        <v>72</v>
      </c>
      <c r="G198">
        <v>130.33333333333329</v>
      </c>
      <c r="H198">
        <v>155.5</v>
      </c>
      <c r="I198">
        <v>6596.6944444444443</v>
      </c>
      <c r="J198">
        <v>81.220037210311872</v>
      </c>
      <c r="K198">
        <v>-0.22015034510717271</v>
      </c>
      <c r="L198">
        <v>-1.393247944664608</v>
      </c>
      <c r="M198">
        <v>5.8538848972456012</v>
      </c>
      <c r="N198">
        <v>3</v>
      </c>
      <c r="O198">
        <v>1</v>
      </c>
      <c r="P198">
        <v>2</v>
      </c>
      <c r="Q198">
        <v>0.42496660317428592</v>
      </c>
      <c r="R198">
        <v>4.0576038118482298</v>
      </c>
      <c r="S198">
        <v>2</v>
      </c>
      <c r="T198">
        <v>1</v>
      </c>
      <c r="U198">
        <v>1</v>
      </c>
      <c r="V198">
        <v>0.16776575221435111</v>
      </c>
      <c r="W198">
        <v>4.2236293316576567</v>
      </c>
      <c r="X198">
        <v>2</v>
      </c>
      <c r="Y198">
        <v>1</v>
      </c>
      <c r="Z198">
        <v>1</v>
      </c>
      <c r="AA198">
        <v>0.11951030798891769</v>
      </c>
      <c r="AB198">
        <v>4.2286910368905044</v>
      </c>
      <c r="AC198">
        <v>1</v>
      </c>
      <c r="AD198">
        <v>1</v>
      </c>
      <c r="AE198">
        <v>0</v>
      </c>
      <c r="AF198">
        <v>0</v>
      </c>
      <c r="AG198">
        <v>4.2341065045972579</v>
      </c>
      <c r="AH198">
        <v>2.713597204735442E-2</v>
      </c>
      <c r="AI198">
        <v>-5.9659977476560697E-2</v>
      </c>
      <c r="AJ198">
        <v>-6.3407645711072103E-2</v>
      </c>
      <c r="AK198">
        <v>0.1665962516767423</v>
      </c>
      <c r="AL198">
        <v>741.14350577324853</v>
      </c>
      <c r="AM198">
        <v>1071.7818359396369</v>
      </c>
      <c r="AN198">
        <v>9384</v>
      </c>
      <c r="AO198">
        <v>102.9442250083252</v>
      </c>
      <c r="AP198">
        <v>510.65448201303388</v>
      </c>
      <c r="AQ198">
        <v>1.319444444444444</v>
      </c>
      <c r="AR198">
        <v>3.9305555555555549</v>
      </c>
      <c r="AS198">
        <v>72</v>
      </c>
      <c r="AT198">
        <v>9.3333333333333375</v>
      </c>
      <c r="AU198">
        <v>0.12500000000000011</v>
      </c>
      <c r="AV198">
        <v>2.7343267692122621E-2</v>
      </c>
      <c r="AW198">
        <v>0.27777777777777779</v>
      </c>
      <c r="AX198">
        <v>93.704225352112672</v>
      </c>
      <c r="AY198">
        <v>71</v>
      </c>
      <c r="AZ198">
        <v>148.25</v>
      </c>
      <c r="BA198">
        <v>0.62317164099983524</v>
      </c>
      <c r="BB198">
        <v>0.54166666666666663</v>
      </c>
      <c r="BC198">
        <v>4.0405321852654943</v>
      </c>
      <c r="BD198" t="s">
        <v>818</v>
      </c>
      <c r="BE198" t="s">
        <v>68</v>
      </c>
    </row>
    <row r="199" spans="1:57" x14ac:dyDescent="0.3">
      <c r="A199" t="s">
        <v>819</v>
      </c>
      <c r="B199">
        <v>3593</v>
      </c>
      <c r="C199" t="s">
        <v>820</v>
      </c>
      <c r="D199" t="s">
        <v>821</v>
      </c>
      <c r="E199" t="s">
        <v>85</v>
      </c>
      <c r="F199">
        <v>8</v>
      </c>
      <c r="G199">
        <v>194.625</v>
      </c>
      <c r="H199">
        <v>195</v>
      </c>
      <c r="I199">
        <v>725.734375</v>
      </c>
      <c r="J199">
        <v>26.939457585482302</v>
      </c>
      <c r="K199">
        <v>-0.28352269264846541</v>
      </c>
      <c r="L199">
        <v>-1.0827800018963221</v>
      </c>
      <c r="M199">
        <v>3</v>
      </c>
      <c r="N199">
        <v>1</v>
      </c>
      <c r="O199">
        <v>1</v>
      </c>
      <c r="P199">
        <v>0</v>
      </c>
      <c r="Q199">
        <v>0</v>
      </c>
      <c r="R199">
        <v>2.0794415416798362</v>
      </c>
      <c r="S199">
        <v>1</v>
      </c>
      <c r="T199">
        <v>1</v>
      </c>
      <c r="U199">
        <v>0</v>
      </c>
      <c r="V199">
        <v>0</v>
      </c>
      <c r="W199">
        <v>1.945910149055313</v>
      </c>
      <c r="X199">
        <v>1</v>
      </c>
      <c r="Y199">
        <v>1</v>
      </c>
      <c r="Z199">
        <v>0</v>
      </c>
      <c r="AA199">
        <v>0</v>
      </c>
      <c r="AB199">
        <v>1.791759469228055</v>
      </c>
      <c r="AC199">
        <v>1</v>
      </c>
      <c r="AD199">
        <v>1</v>
      </c>
      <c r="AE199">
        <v>0</v>
      </c>
      <c r="AF199">
        <v>0</v>
      </c>
      <c r="AG199">
        <v>1.6094379124341009</v>
      </c>
      <c r="AH199">
        <v>-0.1846217193790772</v>
      </c>
      <c r="AI199">
        <v>-0.70659568971085318</v>
      </c>
      <c r="AJ199">
        <v>-0.1384508149073137</v>
      </c>
      <c r="AK199">
        <v>0</v>
      </c>
      <c r="AL199">
        <v>251.44014389621131</v>
      </c>
      <c r="AM199">
        <v>495.59545401209289</v>
      </c>
      <c r="AN199">
        <v>1557</v>
      </c>
      <c r="AO199">
        <v>3</v>
      </c>
      <c r="AP199">
        <v>75.776023704789893</v>
      </c>
      <c r="AQ199">
        <v>3.625</v>
      </c>
      <c r="AR199">
        <v>4.75</v>
      </c>
      <c r="AS199">
        <v>8</v>
      </c>
      <c r="AT199">
        <v>0</v>
      </c>
      <c r="AU199">
        <v>0.64782608695652177</v>
      </c>
      <c r="AV199">
        <v>-0.193789236040669</v>
      </c>
      <c r="AW199">
        <v>0</v>
      </c>
      <c r="AX199">
        <v>35.571428571428569</v>
      </c>
      <c r="AY199">
        <v>24</v>
      </c>
      <c r="AZ199">
        <v>34</v>
      </c>
      <c r="BA199">
        <v>0.13841725156317181</v>
      </c>
      <c r="BB199">
        <v>0.5</v>
      </c>
      <c r="BC199">
        <v>1.945910149055313</v>
      </c>
      <c r="BD199" t="s">
        <v>820</v>
      </c>
      <c r="BE199" t="s">
        <v>68</v>
      </c>
    </row>
    <row r="200" spans="1:57" x14ac:dyDescent="0.3">
      <c r="A200" t="s">
        <v>822</v>
      </c>
      <c r="B200">
        <v>1265</v>
      </c>
      <c r="C200" t="s">
        <v>823</v>
      </c>
      <c r="D200" t="s">
        <v>824</v>
      </c>
      <c r="E200" t="s">
        <v>106</v>
      </c>
      <c r="F200">
        <v>1301</v>
      </c>
      <c r="G200">
        <v>127.4957724827056</v>
      </c>
      <c r="H200">
        <v>129</v>
      </c>
      <c r="I200">
        <v>5113.8241558406262</v>
      </c>
      <c r="J200">
        <v>71.511007235534208</v>
      </c>
      <c r="K200">
        <v>-4.990444516193996E-2</v>
      </c>
      <c r="L200">
        <v>-1.125063149512775</v>
      </c>
      <c r="M200">
        <v>7.8569045446266701</v>
      </c>
      <c r="N200">
        <v>13</v>
      </c>
      <c r="O200">
        <v>1</v>
      </c>
      <c r="P200">
        <v>12</v>
      </c>
      <c r="Q200">
        <v>2.215231603531707</v>
      </c>
      <c r="R200">
        <v>5.445991233036592</v>
      </c>
      <c r="S200">
        <v>2</v>
      </c>
      <c r="T200">
        <v>1</v>
      </c>
      <c r="U200">
        <v>1</v>
      </c>
      <c r="V200">
        <v>0.1240195927061527</v>
      </c>
      <c r="W200">
        <v>7.1487919378939377</v>
      </c>
      <c r="X200">
        <v>1</v>
      </c>
      <c r="Y200">
        <v>1</v>
      </c>
      <c r="Z200">
        <v>0</v>
      </c>
      <c r="AA200">
        <v>0</v>
      </c>
      <c r="AB200">
        <v>7.1693500166706006</v>
      </c>
      <c r="AC200">
        <v>1</v>
      </c>
      <c r="AD200">
        <v>1</v>
      </c>
      <c r="AE200">
        <v>0</v>
      </c>
      <c r="AF200">
        <v>0</v>
      </c>
      <c r="AG200">
        <v>7.1685798972640349</v>
      </c>
      <c r="AH200">
        <v>-3.032533927059692E-2</v>
      </c>
      <c r="AI200">
        <v>-3.6845200433834623E-2</v>
      </c>
      <c r="AJ200">
        <v>-4.113942463605192E-2</v>
      </c>
      <c r="AK200">
        <v>-3.2241802893634701E-2</v>
      </c>
      <c r="AL200">
        <v>2414.3444494683781</v>
      </c>
      <c r="AM200">
        <v>4687.4305199459995</v>
      </c>
      <c r="AN200">
        <v>165872</v>
      </c>
      <c r="AO200">
        <v>46.234852569613658</v>
      </c>
      <c r="AP200">
        <v>2141.6762950125171</v>
      </c>
      <c r="AQ200">
        <v>1.017678708685626</v>
      </c>
      <c r="AR200">
        <v>3.9654112221368178</v>
      </c>
      <c r="AS200">
        <v>1298</v>
      </c>
      <c r="AT200">
        <v>245.26825518831669</v>
      </c>
      <c r="AU200">
        <v>3.0492381426052369E-2</v>
      </c>
      <c r="AV200">
        <v>-3.0353715196155581E-2</v>
      </c>
      <c r="AW200">
        <v>0.36356648731744812</v>
      </c>
      <c r="AX200">
        <v>84.462307692307689</v>
      </c>
      <c r="AY200">
        <v>59</v>
      </c>
      <c r="AZ200">
        <v>119</v>
      </c>
      <c r="BA200">
        <v>0.56088924238828741</v>
      </c>
      <c r="BB200">
        <v>0.51037663335895467</v>
      </c>
      <c r="BC200">
        <v>5.2225791134960264</v>
      </c>
      <c r="BD200" t="s">
        <v>825</v>
      </c>
      <c r="BE200" t="s">
        <v>68</v>
      </c>
    </row>
    <row r="201" spans="1:57" x14ac:dyDescent="0.3">
      <c r="A201" t="s">
        <v>826</v>
      </c>
      <c r="B201">
        <v>3792</v>
      </c>
      <c r="C201" t="s">
        <v>827</v>
      </c>
      <c r="D201" t="s">
        <v>828</v>
      </c>
      <c r="E201" t="s">
        <v>85</v>
      </c>
      <c r="F201">
        <v>8</v>
      </c>
      <c r="G201">
        <v>159.75</v>
      </c>
      <c r="H201">
        <v>164.5</v>
      </c>
      <c r="I201">
        <v>5469.9375</v>
      </c>
      <c r="J201">
        <v>73.95902581835432</v>
      </c>
      <c r="K201">
        <v>-0.67463153819976129</v>
      </c>
      <c r="L201">
        <v>-0.35190663175981779</v>
      </c>
      <c r="M201">
        <v>3</v>
      </c>
      <c r="N201">
        <v>1</v>
      </c>
      <c r="O201">
        <v>1</v>
      </c>
      <c r="P201">
        <v>0</v>
      </c>
      <c r="Q201">
        <v>0</v>
      </c>
      <c r="R201">
        <v>2.0794415416798362</v>
      </c>
      <c r="S201">
        <v>1</v>
      </c>
      <c r="T201">
        <v>1</v>
      </c>
      <c r="U201">
        <v>0</v>
      </c>
      <c r="V201">
        <v>0</v>
      </c>
      <c r="W201">
        <v>1.945910149055313</v>
      </c>
      <c r="X201">
        <v>1</v>
      </c>
      <c r="Y201">
        <v>1</v>
      </c>
      <c r="Z201">
        <v>0</v>
      </c>
      <c r="AA201">
        <v>0</v>
      </c>
      <c r="AB201">
        <v>1.791759469228055</v>
      </c>
      <c r="AC201">
        <v>1</v>
      </c>
      <c r="AD201">
        <v>1</v>
      </c>
      <c r="AE201">
        <v>0</v>
      </c>
      <c r="AF201">
        <v>0</v>
      </c>
      <c r="AG201">
        <v>1.6094379124341009</v>
      </c>
      <c r="AH201">
        <v>-0.21774843176910161</v>
      </c>
      <c r="AI201">
        <v>-0.34052891372159189</v>
      </c>
      <c r="AJ201">
        <v>-2.1168260606268349E-2</v>
      </c>
      <c r="AK201">
        <v>0</v>
      </c>
      <c r="AL201">
        <v>329.86174639987718</v>
      </c>
      <c r="AM201">
        <v>372.97617653413607</v>
      </c>
      <c r="AN201">
        <v>1278</v>
      </c>
      <c r="AO201">
        <v>96.907695110425394</v>
      </c>
      <c r="AP201">
        <v>193.3928463611056</v>
      </c>
      <c r="AQ201">
        <v>3.5</v>
      </c>
      <c r="AR201">
        <v>4.125</v>
      </c>
      <c r="AS201">
        <v>8</v>
      </c>
      <c r="AT201">
        <v>0</v>
      </c>
      <c r="AU201">
        <v>0.25980392156862742</v>
      </c>
      <c r="AV201">
        <v>-0.22458799080684561</v>
      </c>
      <c r="AW201">
        <v>0.125</v>
      </c>
      <c r="AX201">
        <v>99.714285714285708</v>
      </c>
      <c r="AY201">
        <v>55.5</v>
      </c>
      <c r="AZ201">
        <v>86.5</v>
      </c>
      <c r="BA201">
        <v>0.46296729776747619</v>
      </c>
      <c r="BB201">
        <v>0.5</v>
      </c>
      <c r="BC201">
        <v>1.945910149055313</v>
      </c>
      <c r="BD201" t="s">
        <v>827</v>
      </c>
      <c r="BE201" t="s">
        <v>68</v>
      </c>
    </row>
    <row r="202" spans="1:57" x14ac:dyDescent="0.3">
      <c r="A202" t="s">
        <v>829</v>
      </c>
      <c r="B202">
        <v>156</v>
      </c>
      <c r="C202" t="s">
        <v>830</v>
      </c>
      <c r="D202" t="s">
        <v>831</v>
      </c>
      <c r="E202" t="s">
        <v>60</v>
      </c>
      <c r="F202">
        <v>256</v>
      </c>
      <c r="G202">
        <v>128.2421875</v>
      </c>
      <c r="H202">
        <v>126</v>
      </c>
      <c r="I202">
        <v>5225.0663452148438</v>
      </c>
      <c r="J202">
        <v>72.284620391995162</v>
      </c>
      <c r="K202">
        <v>-2.6929953932737061E-2</v>
      </c>
      <c r="L202">
        <v>-1.174478307280203</v>
      </c>
      <c r="M202">
        <v>7.1956507695381449</v>
      </c>
      <c r="N202">
        <v>5</v>
      </c>
      <c r="O202">
        <v>1</v>
      </c>
      <c r="P202">
        <v>4</v>
      </c>
      <c r="Q202">
        <v>0.81950510273383603</v>
      </c>
      <c r="R202">
        <v>4.9876450431993664</v>
      </c>
      <c r="S202">
        <v>1</v>
      </c>
      <c r="T202">
        <v>1</v>
      </c>
      <c r="U202">
        <v>0</v>
      </c>
      <c r="V202">
        <v>0</v>
      </c>
      <c r="W202">
        <v>5.541263545158424</v>
      </c>
      <c r="X202">
        <v>1</v>
      </c>
      <c r="Y202">
        <v>1</v>
      </c>
      <c r="Z202">
        <v>0</v>
      </c>
      <c r="AA202">
        <v>0</v>
      </c>
      <c r="AB202">
        <v>5.5373342670185366</v>
      </c>
      <c r="AC202">
        <v>1</v>
      </c>
      <c r="AD202">
        <v>1</v>
      </c>
      <c r="AE202">
        <v>0</v>
      </c>
      <c r="AF202">
        <v>0</v>
      </c>
      <c r="AG202">
        <v>5.5333894887275203</v>
      </c>
      <c r="AH202">
        <v>8.9414968413846205E-2</v>
      </c>
      <c r="AI202">
        <v>6.5649684264035224E-2</v>
      </c>
      <c r="AJ202">
        <v>-4.7699925703125118E-2</v>
      </c>
      <c r="AK202">
        <v>-3.3079297597679747E-2</v>
      </c>
      <c r="AL202">
        <v>1128.649499306837</v>
      </c>
      <c r="AM202">
        <v>2067.3553897949969</v>
      </c>
      <c r="AN202">
        <v>32830</v>
      </c>
      <c r="AO202">
        <v>71.15442485341238</v>
      </c>
      <c r="AP202">
        <v>886.26552563503287</v>
      </c>
      <c r="AQ202">
        <v>1.08984375</v>
      </c>
      <c r="AR202">
        <v>4.078125</v>
      </c>
      <c r="AS202">
        <v>255</v>
      </c>
      <c r="AT202">
        <v>71.421875</v>
      </c>
      <c r="AU202">
        <v>2.9871323529411801E-2</v>
      </c>
      <c r="AV202">
        <v>8.9794380695049747E-2</v>
      </c>
      <c r="AW202">
        <v>0.375</v>
      </c>
      <c r="AX202">
        <v>81</v>
      </c>
      <c r="AY202">
        <v>58.5</v>
      </c>
      <c r="AZ202">
        <v>118.75</v>
      </c>
      <c r="BA202">
        <v>0.56365710692509174</v>
      </c>
      <c r="BB202">
        <v>0.48828125</v>
      </c>
      <c r="BC202">
        <v>4.8708227108119004</v>
      </c>
      <c r="BD202" t="s">
        <v>832</v>
      </c>
      <c r="BE202" t="s">
        <v>62</v>
      </c>
    </row>
    <row r="203" spans="1:57" x14ac:dyDescent="0.3">
      <c r="A203" t="s">
        <v>833</v>
      </c>
      <c r="B203">
        <v>3691</v>
      </c>
      <c r="C203" t="s">
        <v>834</v>
      </c>
      <c r="D203" t="s">
        <v>835</v>
      </c>
      <c r="E203" t="s">
        <v>72</v>
      </c>
      <c r="F203">
        <v>3704</v>
      </c>
      <c r="G203">
        <v>127.7672786177106</v>
      </c>
      <c r="H203">
        <v>129</v>
      </c>
      <c r="I203">
        <v>5437.349188490407</v>
      </c>
      <c r="J203">
        <v>73.738383413866671</v>
      </c>
      <c r="K203">
        <v>-1.6599127036438261E-3</v>
      </c>
      <c r="L203">
        <v>-1.2072100907753349</v>
      </c>
      <c r="M203">
        <v>7.9419716444450943</v>
      </c>
      <c r="N203">
        <v>30</v>
      </c>
      <c r="O203">
        <v>5</v>
      </c>
      <c r="P203">
        <v>25</v>
      </c>
      <c r="Q203">
        <v>4.0782147978619276</v>
      </c>
      <c r="R203">
        <v>5.5049552534341446</v>
      </c>
      <c r="S203">
        <v>3</v>
      </c>
      <c r="T203">
        <v>1</v>
      </c>
      <c r="U203">
        <v>2</v>
      </c>
      <c r="V203">
        <v>0.1815138871485692</v>
      </c>
      <c r="W203">
        <v>8.1724402414862087</v>
      </c>
      <c r="X203">
        <v>2</v>
      </c>
      <c r="Y203">
        <v>1</v>
      </c>
      <c r="Z203">
        <v>1</v>
      </c>
      <c r="AA203">
        <v>7.3500515263600241E-2</v>
      </c>
      <c r="AB203">
        <v>8.2091390584434407</v>
      </c>
      <c r="AC203">
        <v>2</v>
      </c>
      <c r="AD203">
        <v>1</v>
      </c>
      <c r="AE203">
        <v>1</v>
      </c>
      <c r="AF203">
        <v>6.3662324345293161E-2</v>
      </c>
      <c r="AG203">
        <v>8.2107397386501901</v>
      </c>
      <c r="AH203">
        <v>2.0864350954549481E-2</v>
      </c>
      <c r="AI203">
        <v>7.724907500632156E-3</v>
      </c>
      <c r="AJ203">
        <v>-9.5066456871791809E-3</v>
      </c>
      <c r="AK203">
        <v>3.968524841038043E-2</v>
      </c>
      <c r="AL203">
        <v>4095.5498918222029</v>
      </c>
      <c r="AM203">
        <v>7989.5104407964254</v>
      </c>
      <c r="AN203">
        <v>473249.99999999988</v>
      </c>
      <c r="AO203">
        <v>104.888460480966</v>
      </c>
      <c r="AP203">
        <v>3691.0961431378018</v>
      </c>
      <c r="AQ203">
        <v>1.0062095032397409</v>
      </c>
      <c r="AR203">
        <v>3.9754319654427648</v>
      </c>
      <c r="AS203">
        <v>3692</v>
      </c>
      <c r="AT203">
        <v>294.27213822894169</v>
      </c>
      <c r="AU203">
        <v>1.487422182695974E-2</v>
      </c>
      <c r="AV203">
        <v>2.0874853346843619E-2</v>
      </c>
      <c r="AW203">
        <v>0.37068034557235419</v>
      </c>
      <c r="AX203">
        <v>83.989738050229548</v>
      </c>
      <c r="AY203">
        <v>64</v>
      </c>
      <c r="AZ203">
        <v>128</v>
      </c>
      <c r="BA203">
        <v>0.5771304219016633</v>
      </c>
      <c r="BB203">
        <v>0.50539956803455721</v>
      </c>
      <c r="BC203">
        <v>5.3028302324439656</v>
      </c>
      <c r="BD203" t="s">
        <v>836</v>
      </c>
      <c r="BE203" t="s">
        <v>68</v>
      </c>
    </row>
    <row r="204" spans="1:57" x14ac:dyDescent="0.3">
      <c r="A204" t="s">
        <v>837</v>
      </c>
      <c r="B204">
        <v>3532</v>
      </c>
      <c r="C204" t="s">
        <v>838</v>
      </c>
      <c r="D204" t="s">
        <v>839</v>
      </c>
      <c r="E204" t="s">
        <v>66</v>
      </c>
      <c r="F204">
        <v>71</v>
      </c>
      <c r="G204">
        <v>119.64788732394371</v>
      </c>
      <c r="H204">
        <v>113</v>
      </c>
      <c r="I204">
        <v>5922.5098194802622</v>
      </c>
      <c r="J204">
        <v>76.957844431092681</v>
      </c>
      <c r="K204">
        <v>8.6634651937469553E-2</v>
      </c>
      <c r="L204">
        <v>-1.2706282511899489</v>
      </c>
      <c r="M204">
        <v>5.7729177180657576</v>
      </c>
      <c r="N204">
        <v>3</v>
      </c>
      <c r="O204">
        <v>1</v>
      </c>
      <c r="P204">
        <v>2</v>
      </c>
      <c r="Q204">
        <v>0.45648973430599049</v>
      </c>
      <c r="R204">
        <v>4.0014816398818356</v>
      </c>
      <c r="S204">
        <v>1</v>
      </c>
      <c r="T204">
        <v>1</v>
      </c>
      <c r="U204">
        <v>0</v>
      </c>
      <c r="V204">
        <v>0</v>
      </c>
      <c r="W204">
        <v>4.2484952420493576</v>
      </c>
      <c r="X204">
        <v>1</v>
      </c>
      <c r="Y204">
        <v>1</v>
      </c>
      <c r="Z204">
        <v>0</v>
      </c>
      <c r="AA204">
        <v>0</v>
      </c>
      <c r="AB204">
        <v>4.2341065045972579</v>
      </c>
      <c r="AC204">
        <v>1</v>
      </c>
      <c r="AD204">
        <v>1</v>
      </c>
      <c r="AE204">
        <v>0</v>
      </c>
      <c r="AF204">
        <v>0</v>
      </c>
      <c r="AG204">
        <v>4.2195077051761087</v>
      </c>
      <c r="AH204">
        <v>-0.16684785581693309</v>
      </c>
      <c r="AI204">
        <v>0.17877644915515359</v>
      </c>
      <c r="AJ204">
        <v>-0.15921158222662599</v>
      </c>
      <c r="AK204">
        <v>-0.16473407292225381</v>
      </c>
      <c r="AL204">
        <v>673.74855922395579</v>
      </c>
      <c r="AM204">
        <v>991.44837432094459</v>
      </c>
      <c r="AN204">
        <v>8495</v>
      </c>
      <c r="AO204">
        <v>71.733270439378657</v>
      </c>
      <c r="AP204">
        <v>597.48735066407846</v>
      </c>
      <c r="AQ204">
        <v>1.323943661971831</v>
      </c>
      <c r="AR204">
        <v>3.6901408450704229</v>
      </c>
      <c r="AS204">
        <v>70</v>
      </c>
      <c r="AT204">
        <v>9.8732394366197163</v>
      </c>
      <c r="AU204">
        <v>8.3619829211489416E-2</v>
      </c>
      <c r="AV204">
        <v>-0.16789220481725989</v>
      </c>
      <c r="AW204">
        <v>0.39436619718309862</v>
      </c>
      <c r="AX204">
        <v>98.328571428571422</v>
      </c>
      <c r="AY204">
        <v>69</v>
      </c>
      <c r="AZ204">
        <v>137.5</v>
      </c>
      <c r="BA204">
        <v>0.64320270213155739</v>
      </c>
      <c r="BB204">
        <v>0.47887323943661969</v>
      </c>
      <c r="BC204">
        <v>3.9290072442194739</v>
      </c>
      <c r="BD204" t="s">
        <v>840</v>
      </c>
      <c r="BE204" t="s">
        <v>68</v>
      </c>
    </row>
    <row r="205" spans="1:57" x14ac:dyDescent="0.3">
      <c r="A205" t="s">
        <v>841</v>
      </c>
      <c r="B205">
        <v>857</v>
      </c>
      <c r="C205" t="s">
        <v>842</v>
      </c>
      <c r="D205" t="s">
        <v>843</v>
      </c>
      <c r="E205" t="s">
        <v>128</v>
      </c>
      <c r="F205">
        <v>32</v>
      </c>
      <c r="G205">
        <v>142.53125</v>
      </c>
      <c r="H205">
        <v>144</v>
      </c>
      <c r="I205">
        <v>4285.2490234375</v>
      </c>
      <c r="J205">
        <v>65.461813475013813</v>
      </c>
      <c r="K205">
        <v>-0.19479587286899391</v>
      </c>
      <c r="L205">
        <v>-0.64356102984189389</v>
      </c>
      <c r="M205">
        <v>4.875</v>
      </c>
      <c r="N205">
        <v>2</v>
      </c>
      <c r="O205">
        <v>1</v>
      </c>
      <c r="P205">
        <v>1</v>
      </c>
      <c r="Q205">
        <v>0.24944382578492941</v>
      </c>
      <c r="R205">
        <v>3.3790925052297318</v>
      </c>
      <c r="S205">
        <v>1</v>
      </c>
      <c r="T205">
        <v>1</v>
      </c>
      <c r="U205">
        <v>0</v>
      </c>
      <c r="V205">
        <v>0</v>
      </c>
      <c r="W205">
        <v>3.4339872044851458</v>
      </c>
      <c r="X205">
        <v>1</v>
      </c>
      <c r="Y205">
        <v>1</v>
      </c>
      <c r="Z205">
        <v>0</v>
      </c>
      <c r="AA205">
        <v>0</v>
      </c>
      <c r="AB205">
        <v>3.401197381662155</v>
      </c>
      <c r="AC205">
        <v>1</v>
      </c>
      <c r="AD205">
        <v>1</v>
      </c>
      <c r="AE205">
        <v>0</v>
      </c>
      <c r="AF205">
        <v>0</v>
      </c>
      <c r="AG205">
        <v>3.3672958299864728</v>
      </c>
      <c r="AH205">
        <v>-0.15188208807010789</v>
      </c>
      <c r="AI205">
        <v>0.10306316009566791</v>
      </c>
      <c r="AJ205">
        <v>-2.7617259026980961E-2</v>
      </c>
      <c r="AK205">
        <v>4.3273832380566063E-2</v>
      </c>
      <c r="AL205">
        <v>470.93857271195719</v>
      </c>
      <c r="AM205">
        <v>751.95070365817514</v>
      </c>
      <c r="AN205">
        <v>4561</v>
      </c>
      <c r="AO205">
        <v>83</v>
      </c>
      <c r="AP205">
        <v>323.79777639755338</v>
      </c>
      <c r="AQ205">
        <v>1.71875</v>
      </c>
      <c r="AR205">
        <v>4.125</v>
      </c>
      <c r="AS205">
        <v>32</v>
      </c>
      <c r="AT205">
        <v>1.75</v>
      </c>
      <c r="AU205">
        <v>0.13090551181102361</v>
      </c>
      <c r="AV205">
        <v>-0.1541113909398103</v>
      </c>
      <c r="AW205">
        <v>0.3125</v>
      </c>
      <c r="AX205">
        <v>81.193548387096769</v>
      </c>
      <c r="AY205">
        <v>42.5</v>
      </c>
      <c r="AZ205">
        <v>84.5</v>
      </c>
      <c r="BA205">
        <v>0.45928042780101769</v>
      </c>
      <c r="BB205">
        <v>0.5</v>
      </c>
      <c r="BC205">
        <v>3.3445488586064429</v>
      </c>
      <c r="BD205" t="s">
        <v>844</v>
      </c>
      <c r="BE205" t="s">
        <v>62</v>
      </c>
    </row>
    <row r="206" spans="1:57" x14ac:dyDescent="0.3">
      <c r="A206" t="s">
        <v>845</v>
      </c>
      <c r="B206">
        <v>2690</v>
      </c>
      <c r="C206" t="s">
        <v>846</v>
      </c>
      <c r="D206" t="s">
        <v>847</v>
      </c>
      <c r="E206" t="s">
        <v>72</v>
      </c>
      <c r="F206">
        <v>2776</v>
      </c>
      <c r="G206">
        <v>126.3451008645533</v>
      </c>
      <c r="H206">
        <v>125</v>
      </c>
      <c r="I206">
        <v>5484.7404154797396</v>
      </c>
      <c r="J206">
        <v>74.059033314510259</v>
      </c>
      <c r="K206">
        <v>3.3751887550561653E-2</v>
      </c>
      <c r="L206">
        <v>-1.1930854567590921</v>
      </c>
      <c r="M206">
        <v>7.9324442789442928</v>
      </c>
      <c r="N206">
        <v>21</v>
      </c>
      <c r="O206">
        <v>4</v>
      </c>
      <c r="P206">
        <v>17</v>
      </c>
      <c r="Q206">
        <v>3.3034960174790591</v>
      </c>
      <c r="R206">
        <v>5.4983513868991052</v>
      </c>
      <c r="S206">
        <v>3</v>
      </c>
      <c r="T206">
        <v>1</v>
      </c>
      <c r="U206">
        <v>2</v>
      </c>
      <c r="V206">
        <v>0.1871236657242801</v>
      </c>
      <c r="W206">
        <v>7.8831904619590114</v>
      </c>
      <c r="X206">
        <v>2</v>
      </c>
      <c r="Y206">
        <v>1</v>
      </c>
      <c r="Z206">
        <v>1</v>
      </c>
      <c r="AA206">
        <v>8.2758620689655171E-2</v>
      </c>
      <c r="AB206">
        <v>7.9185504340177886</v>
      </c>
      <c r="AC206">
        <v>2</v>
      </c>
      <c r="AD206">
        <v>1</v>
      </c>
      <c r="AE206">
        <v>1</v>
      </c>
      <c r="AF206">
        <v>7.3546882987729878E-2</v>
      </c>
      <c r="AG206">
        <v>7.9201861579789963</v>
      </c>
      <c r="AH206">
        <v>-3.09621573643106E-2</v>
      </c>
      <c r="AI206">
        <v>-8.8847604178069629E-3</v>
      </c>
      <c r="AJ206">
        <v>-2.6538283782340601E-2</v>
      </c>
      <c r="AK206">
        <v>1.7046428388612939E-2</v>
      </c>
      <c r="AL206">
        <v>3570.403662331164</v>
      </c>
      <c r="AM206">
        <v>6840.4224787663679</v>
      </c>
      <c r="AN206">
        <v>350734</v>
      </c>
      <c r="AO206">
        <v>78.865424808831776</v>
      </c>
      <c r="AP206">
        <v>3254.3277087810061</v>
      </c>
      <c r="AQ206">
        <v>1.00828530259366</v>
      </c>
      <c r="AR206">
        <v>4.0226945244956784</v>
      </c>
      <c r="AS206">
        <v>2761</v>
      </c>
      <c r="AT206">
        <v>257.63688760806917</v>
      </c>
      <c r="AU206">
        <v>1.538820139006614E-2</v>
      </c>
      <c r="AV206">
        <v>-3.0978775527218248E-2</v>
      </c>
      <c r="AW206">
        <v>0.38148414985590778</v>
      </c>
      <c r="AX206">
        <v>86.979819819819824</v>
      </c>
      <c r="AY206">
        <v>63.5</v>
      </c>
      <c r="AZ206">
        <v>126</v>
      </c>
      <c r="BA206">
        <v>0.58616466176954751</v>
      </c>
      <c r="BB206">
        <v>0.49315561959654181</v>
      </c>
      <c r="BC206">
        <v>5.318822496454688</v>
      </c>
      <c r="BD206" t="s">
        <v>848</v>
      </c>
      <c r="BE206" t="s">
        <v>68</v>
      </c>
    </row>
    <row r="207" spans="1:57" x14ac:dyDescent="0.3">
      <c r="A207" t="s">
        <v>849</v>
      </c>
      <c r="B207">
        <v>2228</v>
      </c>
      <c r="C207" t="s">
        <v>850</v>
      </c>
      <c r="D207" t="s">
        <v>851</v>
      </c>
      <c r="E207" t="s">
        <v>72</v>
      </c>
      <c r="F207">
        <v>2248</v>
      </c>
      <c r="G207">
        <v>127.3296263345196</v>
      </c>
      <c r="H207">
        <v>127</v>
      </c>
      <c r="I207">
        <v>5537.1489087571717</v>
      </c>
      <c r="J207">
        <v>74.412021265096485</v>
      </c>
      <c r="K207">
        <v>-9.1660767084372173E-3</v>
      </c>
      <c r="L207">
        <v>-1.218118211583759</v>
      </c>
      <c r="M207">
        <v>7.9148881836543969</v>
      </c>
      <c r="N207">
        <v>17</v>
      </c>
      <c r="O207">
        <v>2</v>
      </c>
      <c r="P207">
        <v>15</v>
      </c>
      <c r="Q207">
        <v>2.9815513474532009</v>
      </c>
      <c r="R207">
        <v>5.486182428947278</v>
      </c>
      <c r="S207">
        <v>3</v>
      </c>
      <c r="T207">
        <v>1</v>
      </c>
      <c r="U207">
        <v>2</v>
      </c>
      <c r="V207">
        <v>0.192148413956201</v>
      </c>
      <c r="W207">
        <v>7.6671451789968676</v>
      </c>
      <c r="X207">
        <v>2</v>
      </c>
      <c r="Y207">
        <v>1</v>
      </c>
      <c r="Z207">
        <v>1</v>
      </c>
      <c r="AA207">
        <v>0.14308005041390739</v>
      </c>
      <c r="AB207">
        <v>7.6885136417046578</v>
      </c>
      <c r="AC207">
        <v>2</v>
      </c>
      <c r="AD207">
        <v>1</v>
      </c>
      <c r="AE207">
        <v>1</v>
      </c>
      <c r="AF207">
        <v>0.13511656563624469</v>
      </c>
      <c r="AG207">
        <v>7.6911431748730532</v>
      </c>
      <c r="AH207">
        <v>1.5715963132878111E-2</v>
      </c>
      <c r="AI207">
        <v>3.5675802412912218E-2</v>
      </c>
      <c r="AJ207">
        <v>2.969245171372308E-3</v>
      </c>
      <c r="AK207">
        <v>-2.413444003845339E-2</v>
      </c>
      <c r="AL207">
        <v>3261.3810872732902</v>
      </c>
      <c r="AM207">
        <v>6185.2529781388957</v>
      </c>
      <c r="AN207">
        <v>286237</v>
      </c>
      <c r="AO207">
        <v>178.8008971556288</v>
      </c>
      <c r="AP207">
        <v>2962.571530803541</v>
      </c>
      <c r="AQ207">
        <v>1.0102313167259791</v>
      </c>
      <c r="AR207">
        <v>4.047597864768683</v>
      </c>
      <c r="AS207">
        <v>2239</v>
      </c>
      <c r="AT207">
        <v>259.16014234875439</v>
      </c>
      <c r="AU207">
        <v>1.426104249528992E-2</v>
      </c>
      <c r="AV207">
        <v>1.571822307894993E-2</v>
      </c>
      <c r="AW207">
        <v>0.36877224199288261</v>
      </c>
      <c r="AX207">
        <v>85.447708055184691</v>
      </c>
      <c r="AY207">
        <v>65</v>
      </c>
      <c r="AZ207">
        <v>131</v>
      </c>
      <c r="BA207">
        <v>0.58440461507050767</v>
      </c>
      <c r="BB207">
        <v>0.49822064056939502</v>
      </c>
      <c r="BC207">
        <v>5.297358022349048</v>
      </c>
      <c r="BD207" t="s">
        <v>852</v>
      </c>
      <c r="BE207" t="s">
        <v>68</v>
      </c>
    </row>
    <row r="208" spans="1:57" x14ac:dyDescent="0.3">
      <c r="A208" t="s">
        <v>853</v>
      </c>
      <c r="B208">
        <v>1796</v>
      </c>
      <c r="C208" t="s">
        <v>854</v>
      </c>
      <c r="D208" t="s">
        <v>855</v>
      </c>
      <c r="E208" t="s">
        <v>115</v>
      </c>
      <c r="F208">
        <v>1840</v>
      </c>
      <c r="G208">
        <v>129.78967391304349</v>
      </c>
      <c r="H208">
        <v>129</v>
      </c>
      <c r="I208">
        <v>5509.7378281545361</v>
      </c>
      <c r="J208">
        <v>74.227608261040828</v>
      </c>
      <c r="K208">
        <v>-4.0522030856769913E-2</v>
      </c>
      <c r="L208">
        <v>-1.1971122369398599</v>
      </c>
      <c r="M208">
        <v>7.906215360651017</v>
      </c>
      <c r="N208">
        <v>17</v>
      </c>
      <c r="O208">
        <v>2</v>
      </c>
      <c r="P208">
        <v>15</v>
      </c>
      <c r="Q208">
        <v>2.5670690972391061</v>
      </c>
      <c r="R208">
        <v>5.4801708861349763</v>
      </c>
      <c r="S208">
        <v>3</v>
      </c>
      <c r="T208">
        <v>1</v>
      </c>
      <c r="U208">
        <v>2</v>
      </c>
      <c r="V208">
        <v>0.13602246568603041</v>
      </c>
      <c r="W208">
        <v>7.4925701187317797</v>
      </c>
      <c r="X208">
        <v>1</v>
      </c>
      <c r="Y208">
        <v>1</v>
      </c>
      <c r="Z208">
        <v>0</v>
      </c>
      <c r="AA208">
        <v>0</v>
      </c>
      <c r="AB208">
        <v>7.5164333029156296</v>
      </c>
      <c r="AC208">
        <v>1</v>
      </c>
      <c r="AD208">
        <v>1</v>
      </c>
      <c r="AE208">
        <v>0</v>
      </c>
      <c r="AF208">
        <v>0</v>
      </c>
      <c r="AG208">
        <v>7.5158890852151261</v>
      </c>
      <c r="AH208">
        <v>-1.989762216492804E-2</v>
      </c>
      <c r="AI208">
        <v>-3.1550450475001379E-2</v>
      </c>
      <c r="AJ208">
        <v>5.6481585281103371E-3</v>
      </c>
      <c r="AK208">
        <v>4.9169818375512206E-4</v>
      </c>
      <c r="AL208">
        <v>2967.1854522722961</v>
      </c>
      <c r="AM208">
        <v>5685.8763169650156</v>
      </c>
      <c r="AN208">
        <v>238813</v>
      </c>
      <c r="AO208">
        <v>59.815169192136857</v>
      </c>
      <c r="AP208">
        <v>2611.8019582455158</v>
      </c>
      <c r="AQ208">
        <v>1.0125</v>
      </c>
      <c r="AR208">
        <v>4.0565217391304351</v>
      </c>
      <c r="AS208">
        <v>1833</v>
      </c>
      <c r="AT208">
        <v>234.71304347826089</v>
      </c>
      <c r="AU208">
        <v>2.4552429667519141E-2</v>
      </c>
      <c r="AV208">
        <v>-1.9916905365723579E-2</v>
      </c>
      <c r="AW208">
        <v>0.36630434782608701</v>
      </c>
      <c r="AX208">
        <v>86.841218053289836</v>
      </c>
      <c r="AY208">
        <v>64</v>
      </c>
      <c r="AZ208">
        <v>127</v>
      </c>
      <c r="BA208">
        <v>0.57190688614235874</v>
      </c>
      <c r="BB208">
        <v>0.49836956521739129</v>
      </c>
      <c r="BC208">
        <v>5.2874078154751043</v>
      </c>
      <c r="BD208" t="s">
        <v>856</v>
      </c>
      <c r="BE208" t="s">
        <v>62</v>
      </c>
    </row>
    <row r="209" spans="1:57" x14ac:dyDescent="0.3">
      <c r="A209" t="s">
        <v>857</v>
      </c>
      <c r="B209">
        <v>1315</v>
      </c>
      <c r="C209" t="s">
        <v>858</v>
      </c>
      <c r="D209" t="s">
        <v>859</v>
      </c>
      <c r="E209" t="s">
        <v>106</v>
      </c>
      <c r="F209">
        <v>1327</v>
      </c>
      <c r="G209">
        <v>129.23737754333081</v>
      </c>
      <c r="H209">
        <v>133</v>
      </c>
      <c r="I209">
        <v>5373.0566888273179</v>
      </c>
      <c r="J209">
        <v>73.30113702274555</v>
      </c>
      <c r="K209">
        <v>-5.1316458553931472E-2</v>
      </c>
      <c r="L209">
        <v>-1.1696226038654309</v>
      </c>
      <c r="M209">
        <v>7.8505568395763472</v>
      </c>
      <c r="N209">
        <v>11</v>
      </c>
      <c r="O209">
        <v>1</v>
      </c>
      <c r="P209">
        <v>10</v>
      </c>
      <c r="Q209">
        <v>2.2521415328625771</v>
      </c>
      <c r="R209">
        <v>5.4415913391779567</v>
      </c>
      <c r="S209">
        <v>2</v>
      </c>
      <c r="T209">
        <v>1</v>
      </c>
      <c r="U209">
        <v>1</v>
      </c>
      <c r="V209">
        <v>9.9009900990099001E-2</v>
      </c>
      <c r="W209">
        <v>7.1763310495583568</v>
      </c>
      <c r="X209">
        <v>1</v>
      </c>
      <c r="Y209">
        <v>1</v>
      </c>
      <c r="Z209">
        <v>0</v>
      </c>
      <c r="AA209">
        <v>0</v>
      </c>
      <c r="AB209">
        <v>7.1891677384203234</v>
      </c>
      <c r="AC209">
        <v>1</v>
      </c>
      <c r="AD209">
        <v>1</v>
      </c>
      <c r="AE209">
        <v>0</v>
      </c>
      <c r="AF209">
        <v>0</v>
      </c>
      <c r="AG209">
        <v>7.1884127364969519</v>
      </c>
      <c r="AH209">
        <v>-4.4150758121919383E-2</v>
      </c>
      <c r="AI209">
        <v>1.4893020129398679E-2</v>
      </c>
      <c r="AJ209">
        <v>-5.3033048183259227E-2</v>
      </c>
      <c r="AK209">
        <v>1.232246548130912E-2</v>
      </c>
      <c r="AL209">
        <v>2482.3705308439771</v>
      </c>
      <c r="AM209">
        <v>4809.5565853410426</v>
      </c>
      <c r="AN209">
        <v>171498</v>
      </c>
      <c r="AO209">
        <v>45.308481325850181</v>
      </c>
      <c r="AP209">
        <v>2173.1200490102201</v>
      </c>
      <c r="AQ209">
        <v>1.017332328560663</v>
      </c>
      <c r="AR209">
        <v>3.9864355689525239</v>
      </c>
      <c r="AS209">
        <v>1321</v>
      </c>
      <c r="AT209">
        <v>248.54257724189901</v>
      </c>
      <c r="AU209">
        <v>2.4944959144170109E-2</v>
      </c>
      <c r="AV209">
        <v>-4.4197668699241702E-2</v>
      </c>
      <c r="AW209">
        <v>0.35870384325546351</v>
      </c>
      <c r="AX209">
        <v>86.233031674208149</v>
      </c>
      <c r="AY209">
        <v>62</v>
      </c>
      <c r="AZ209">
        <v>124.5</v>
      </c>
      <c r="BA209">
        <v>0.5671821760556004</v>
      </c>
      <c r="BB209">
        <v>0.51469480030143178</v>
      </c>
      <c r="BC209">
        <v>5.2742121492733887</v>
      </c>
      <c r="BD209" t="s">
        <v>860</v>
      </c>
      <c r="BE209" t="s">
        <v>68</v>
      </c>
    </row>
    <row r="210" spans="1:57" x14ac:dyDescent="0.3">
      <c r="A210" t="s">
        <v>861</v>
      </c>
      <c r="B210">
        <v>1665</v>
      </c>
      <c r="C210" t="s">
        <v>862</v>
      </c>
      <c r="D210" t="s">
        <v>863</v>
      </c>
      <c r="E210" t="s">
        <v>66</v>
      </c>
      <c r="F210">
        <v>71</v>
      </c>
      <c r="G210">
        <v>124.8169014084507</v>
      </c>
      <c r="H210">
        <v>121</v>
      </c>
      <c r="I210">
        <v>4884.2904185677444</v>
      </c>
      <c r="J210">
        <v>69.887698621200457</v>
      </c>
      <c r="K210">
        <v>-4.4678254520927947E-2</v>
      </c>
      <c r="L210">
        <v>-1.056505609309228</v>
      </c>
      <c r="M210">
        <v>5.8292557462347716</v>
      </c>
      <c r="N210">
        <v>3</v>
      </c>
      <c r="O210">
        <v>1</v>
      </c>
      <c r="P210">
        <v>2</v>
      </c>
      <c r="Q210">
        <v>0.42784992176644793</v>
      </c>
      <c r="R210">
        <v>4.0405321852654943</v>
      </c>
      <c r="S210">
        <v>1</v>
      </c>
      <c r="T210">
        <v>1</v>
      </c>
      <c r="U210">
        <v>0</v>
      </c>
      <c r="V210">
        <v>0</v>
      </c>
      <c r="W210">
        <v>4.2484952420493576</v>
      </c>
      <c r="X210">
        <v>1</v>
      </c>
      <c r="Y210">
        <v>1</v>
      </c>
      <c r="Z210">
        <v>0</v>
      </c>
      <c r="AA210">
        <v>0</v>
      </c>
      <c r="AB210">
        <v>4.2341065045972579</v>
      </c>
      <c r="AC210">
        <v>1</v>
      </c>
      <c r="AD210">
        <v>1</v>
      </c>
      <c r="AE210">
        <v>0</v>
      </c>
      <c r="AF210">
        <v>0</v>
      </c>
      <c r="AG210">
        <v>4.2195077051761087</v>
      </c>
      <c r="AH210">
        <v>0.1718298592330926</v>
      </c>
      <c r="AI210">
        <v>-5.3905836287368079E-2</v>
      </c>
      <c r="AJ210">
        <v>-0.10511691152410919</v>
      </c>
      <c r="AK210">
        <v>-0.2202054708315484</v>
      </c>
      <c r="AL210">
        <v>637.63671972710483</v>
      </c>
      <c r="AM210">
        <v>1022.903423425524</v>
      </c>
      <c r="AN210">
        <v>8862</v>
      </c>
      <c r="AO210">
        <v>101.526649746811</v>
      </c>
      <c r="AP210">
        <v>521.98614517111628</v>
      </c>
      <c r="AQ210">
        <v>1.323943661971831</v>
      </c>
      <c r="AR210">
        <v>3.957746478873239</v>
      </c>
      <c r="AS210">
        <v>70</v>
      </c>
      <c r="AT210">
        <v>9.2816901408450736</v>
      </c>
      <c r="AU210">
        <v>6.6832366749516647E-2</v>
      </c>
      <c r="AV210">
        <v>0.17426032089976831</v>
      </c>
      <c r="AW210">
        <v>0.42253521126760563</v>
      </c>
      <c r="AX210">
        <v>69.828571428571422</v>
      </c>
      <c r="AY210">
        <v>54</v>
      </c>
      <c r="AZ210">
        <v>113</v>
      </c>
      <c r="BA210">
        <v>0.5599217560488865</v>
      </c>
      <c r="BB210">
        <v>0.49295774647887319</v>
      </c>
      <c r="BC210">
        <v>4.0900616007785144</v>
      </c>
      <c r="BD210" t="s">
        <v>864</v>
      </c>
      <c r="BE210" t="s">
        <v>68</v>
      </c>
    </row>
    <row r="211" spans="1:57" x14ac:dyDescent="0.3">
      <c r="A211" t="s">
        <v>865</v>
      </c>
      <c r="B211">
        <v>3798</v>
      </c>
      <c r="C211" t="s">
        <v>866</v>
      </c>
      <c r="D211" t="s">
        <v>867</v>
      </c>
      <c r="E211" t="s">
        <v>66</v>
      </c>
      <c r="F211">
        <v>71</v>
      </c>
      <c r="G211">
        <v>120.49295774647889</v>
      </c>
      <c r="H211">
        <v>112</v>
      </c>
      <c r="I211">
        <v>5463.1795278714562</v>
      </c>
      <c r="J211">
        <v>73.91332442713869</v>
      </c>
      <c r="K211">
        <v>0.10997833590774619</v>
      </c>
      <c r="L211">
        <v>-1.2382696983937569</v>
      </c>
      <c r="M211">
        <v>5.8680569786596077</v>
      </c>
      <c r="N211">
        <v>2</v>
      </c>
      <c r="O211">
        <v>1</v>
      </c>
      <c r="P211">
        <v>1</v>
      </c>
      <c r="Q211">
        <v>0.37021605870938418</v>
      </c>
      <c r="R211">
        <v>4.0674271501230219</v>
      </c>
      <c r="S211">
        <v>1</v>
      </c>
      <c r="T211">
        <v>1</v>
      </c>
      <c r="U211">
        <v>0</v>
      </c>
      <c r="V211">
        <v>0</v>
      </c>
      <c r="W211">
        <v>4.2484952420493576</v>
      </c>
      <c r="X211">
        <v>1</v>
      </c>
      <c r="Y211">
        <v>1</v>
      </c>
      <c r="Z211">
        <v>0</v>
      </c>
      <c r="AA211">
        <v>0</v>
      </c>
      <c r="AB211">
        <v>4.2341065045972579</v>
      </c>
      <c r="AC211">
        <v>1</v>
      </c>
      <c r="AD211">
        <v>1</v>
      </c>
      <c r="AE211">
        <v>0</v>
      </c>
      <c r="AF211">
        <v>0</v>
      </c>
      <c r="AG211">
        <v>4.2195077051761087</v>
      </c>
      <c r="AH211">
        <v>0.32197050861204918</v>
      </c>
      <c r="AI211">
        <v>0.194782327835093</v>
      </c>
      <c r="AJ211">
        <v>9.4136102964339038E-2</v>
      </c>
      <c r="AK211">
        <v>-8.7452953156936145E-2</v>
      </c>
      <c r="AL211">
        <v>649.04514325355603</v>
      </c>
      <c r="AM211">
        <v>998.7208829392581</v>
      </c>
      <c r="AN211">
        <v>8555</v>
      </c>
      <c r="AO211">
        <v>79.463146451694527</v>
      </c>
      <c r="AP211">
        <v>462.3770965058286</v>
      </c>
      <c r="AQ211">
        <v>1.323943661971831</v>
      </c>
      <c r="AR211">
        <v>3.802816901408451</v>
      </c>
      <c r="AS211">
        <v>71</v>
      </c>
      <c r="AT211">
        <v>7.1830985915492969</v>
      </c>
      <c r="AU211">
        <v>8.0035770176615229E-2</v>
      </c>
      <c r="AV211">
        <v>0.32477299190210368</v>
      </c>
      <c r="AW211">
        <v>0.42253521126760563</v>
      </c>
      <c r="AX211">
        <v>70.142857142857139</v>
      </c>
      <c r="AY211">
        <v>59</v>
      </c>
      <c r="AZ211">
        <v>133</v>
      </c>
      <c r="BA211">
        <v>0.6134244341702918</v>
      </c>
      <c r="BB211">
        <v>0.46478873239436619</v>
      </c>
      <c r="BC211">
        <v>3.9241529860253199</v>
      </c>
      <c r="BD211" t="s">
        <v>868</v>
      </c>
      <c r="BE211" t="s">
        <v>68</v>
      </c>
    </row>
    <row r="212" spans="1:57" x14ac:dyDescent="0.3">
      <c r="A212" t="s">
        <v>869</v>
      </c>
      <c r="B212">
        <v>1862</v>
      </c>
      <c r="C212" t="s">
        <v>870</v>
      </c>
      <c r="D212" t="s">
        <v>871</v>
      </c>
      <c r="E212" t="s">
        <v>72</v>
      </c>
      <c r="F212">
        <v>1880</v>
      </c>
      <c r="G212">
        <v>127.35159574468079</v>
      </c>
      <c r="H212">
        <v>127</v>
      </c>
      <c r="I212">
        <v>5312.1279761770038</v>
      </c>
      <c r="J212">
        <v>72.884346578514396</v>
      </c>
      <c r="K212">
        <v>2.271234942641254E-2</v>
      </c>
      <c r="L212">
        <v>-1.14208995876356</v>
      </c>
      <c r="M212">
        <v>7.8797365793594034</v>
      </c>
      <c r="N212">
        <v>16</v>
      </c>
      <c r="O212">
        <v>1</v>
      </c>
      <c r="P212">
        <v>15</v>
      </c>
      <c r="Q212">
        <v>2.9379986278928039</v>
      </c>
      <c r="R212">
        <v>5.4618171935380442</v>
      </c>
      <c r="S212">
        <v>2</v>
      </c>
      <c r="T212">
        <v>1</v>
      </c>
      <c r="U212">
        <v>1</v>
      </c>
      <c r="V212">
        <v>0.10819756099829669</v>
      </c>
      <c r="W212">
        <v>7.5222637721943943</v>
      </c>
      <c r="X212">
        <v>1</v>
      </c>
      <c r="Y212">
        <v>1</v>
      </c>
      <c r="Z212">
        <v>0</v>
      </c>
      <c r="AA212">
        <v>0</v>
      </c>
      <c r="AB212">
        <v>7.5379626597682083</v>
      </c>
      <c r="AC212">
        <v>1</v>
      </c>
      <c r="AD212">
        <v>1</v>
      </c>
      <c r="AE212">
        <v>0</v>
      </c>
      <c r="AF212">
        <v>0</v>
      </c>
      <c r="AG212">
        <v>7.5374300365865103</v>
      </c>
      <c r="AH212">
        <v>-2.5881834044503359E-2</v>
      </c>
      <c r="AI212">
        <v>-2.9901650212099048E-3</v>
      </c>
      <c r="AJ212">
        <v>1.162041208079892E-2</v>
      </c>
      <c r="AK212">
        <v>-4.2638250061126981E-2</v>
      </c>
      <c r="AL212">
        <v>2946.4016613685621</v>
      </c>
      <c r="AM212">
        <v>5638.8087615989061</v>
      </c>
      <c r="AN212">
        <v>239421</v>
      </c>
      <c r="AO212">
        <v>66.011775688959446</v>
      </c>
      <c r="AP212">
        <v>2631.4166723192652</v>
      </c>
      <c r="AQ212">
        <v>1.012234042553191</v>
      </c>
      <c r="AR212">
        <v>3.9952127659574468</v>
      </c>
      <c r="AS212">
        <v>1871</v>
      </c>
      <c r="AT212">
        <v>300.90212765957449</v>
      </c>
      <c r="AU212">
        <v>2.0317062995410921E-2</v>
      </c>
      <c r="AV212">
        <v>-2.5887968572645671E-2</v>
      </c>
      <c r="AW212">
        <v>0.38138297872340432</v>
      </c>
      <c r="AX212">
        <v>85.613624268227781</v>
      </c>
      <c r="AY212">
        <v>61</v>
      </c>
      <c r="AZ212">
        <v>122</v>
      </c>
      <c r="BA212">
        <v>0.57230807476205958</v>
      </c>
      <c r="BB212">
        <v>0.49893617021276598</v>
      </c>
      <c r="BC212">
        <v>5.2838266083789129</v>
      </c>
      <c r="BD212" t="s">
        <v>872</v>
      </c>
      <c r="BE212" t="s">
        <v>68</v>
      </c>
    </row>
    <row r="213" spans="1:57" x14ac:dyDescent="0.3">
      <c r="A213" t="s">
        <v>873</v>
      </c>
      <c r="B213">
        <v>3152</v>
      </c>
      <c r="C213" t="s">
        <v>874</v>
      </c>
      <c r="D213" t="s">
        <v>875</v>
      </c>
      <c r="E213" t="s">
        <v>115</v>
      </c>
      <c r="F213">
        <v>3216</v>
      </c>
      <c r="G213">
        <v>130.03078358208961</v>
      </c>
      <c r="H213">
        <v>130</v>
      </c>
      <c r="I213">
        <v>5382.1423981422186</v>
      </c>
      <c r="J213">
        <v>73.363086072916929</v>
      </c>
      <c r="K213">
        <v>-2.1761144160922612E-2</v>
      </c>
      <c r="L213">
        <v>-1.205254177909223</v>
      </c>
      <c r="M213">
        <v>7.9401833958264838</v>
      </c>
      <c r="N213">
        <v>25</v>
      </c>
      <c r="O213">
        <v>4</v>
      </c>
      <c r="P213">
        <v>21</v>
      </c>
      <c r="Q213">
        <v>3.431437534398639</v>
      </c>
      <c r="R213">
        <v>5.5037157339460236</v>
      </c>
      <c r="S213">
        <v>2</v>
      </c>
      <c r="T213">
        <v>1</v>
      </c>
      <c r="U213">
        <v>1</v>
      </c>
      <c r="V213">
        <v>0.16631385323239981</v>
      </c>
      <c r="W213">
        <v>8.0372062142332545</v>
      </c>
      <c r="X213">
        <v>1</v>
      </c>
      <c r="Y213">
        <v>1</v>
      </c>
      <c r="Z213">
        <v>0</v>
      </c>
      <c r="AA213">
        <v>0</v>
      </c>
      <c r="AB213">
        <v>8.075271546297456</v>
      </c>
      <c r="AC213">
        <v>1</v>
      </c>
      <c r="AD213">
        <v>1</v>
      </c>
      <c r="AE213">
        <v>0</v>
      </c>
      <c r="AF213">
        <v>0</v>
      </c>
      <c r="AG213">
        <v>8.0749603591158596</v>
      </c>
      <c r="AH213">
        <v>-4.2926858899051651E-2</v>
      </c>
      <c r="AI213">
        <v>2.130676912971597E-2</v>
      </c>
      <c r="AJ213">
        <v>-8.6969870158328227E-4</v>
      </c>
      <c r="AK213">
        <v>6.9448628288426009E-4</v>
      </c>
      <c r="AL213">
        <v>3801.8182350087359</v>
      </c>
      <c r="AM213">
        <v>7565.1365558035404</v>
      </c>
      <c r="AN213">
        <v>418179</v>
      </c>
      <c r="AO213">
        <v>72.551405751980568</v>
      </c>
      <c r="AP213">
        <v>3450.9355849980052</v>
      </c>
      <c r="AQ213">
        <v>1.007151741293532</v>
      </c>
      <c r="AR213">
        <v>4.0429104477611943</v>
      </c>
      <c r="AS213">
        <v>3207</v>
      </c>
      <c r="AT213">
        <v>238.07649253731341</v>
      </c>
      <c r="AU213">
        <v>2.151009657594383E-2</v>
      </c>
      <c r="AV213">
        <v>-4.2953331546395128E-2</v>
      </c>
      <c r="AW213">
        <v>0.37313432835820898</v>
      </c>
      <c r="AX213">
        <v>87.669673405909805</v>
      </c>
      <c r="AY213">
        <v>64</v>
      </c>
      <c r="AZ213">
        <v>128</v>
      </c>
      <c r="BA213">
        <v>0.5641978310974507</v>
      </c>
      <c r="BB213">
        <v>0.49813432835820898</v>
      </c>
      <c r="BC213">
        <v>5.3298921484363913</v>
      </c>
      <c r="BD213" t="s">
        <v>876</v>
      </c>
      <c r="BE213" t="s">
        <v>62</v>
      </c>
    </row>
    <row r="214" spans="1:57" x14ac:dyDescent="0.3">
      <c r="A214" t="s">
        <v>877</v>
      </c>
      <c r="B214">
        <v>1239</v>
      </c>
      <c r="C214" t="s">
        <v>878</v>
      </c>
      <c r="D214" t="s">
        <v>879</v>
      </c>
      <c r="E214" t="s">
        <v>106</v>
      </c>
      <c r="F214">
        <v>1261</v>
      </c>
      <c r="G214">
        <v>129.6169706582078</v>
      </c>
      <c r="H214">
        <v>127</v>
      </c>
      <c r="I214">
        <v>5515.5035660808198</v>
      </c>
      <c r="J214">
        <v>74.266436336213275</v>
      </c>
      <c r="K214">
        <v>-1.1693243662559191E-2</v>
      </c>
      <c r="L214">
        <v>-1.170941867374879</v>
      </c>
      <c r="M214">
        <v>7.8439143822229127</v>
      </c>
      <c r="N214">
        <v>12</v>
      </c>
      <c r="O214">
        <v>1</v>
      </c>
      <c r="P214">
        <v>11</v>
      </c>
      <c r="Q214">
        <v>2.2083245353422369</v>
      </c>
      <c r="R214">
        <v>5.4369871385913946</v>
      </c>
      <c r="S214">
        <v>2</v>
      </c>
      <c r="T214">
        <v>1</v>
      </c>
      <c r="U214">
        <v>1</v>
      </c>
      <c r="V214">
        <v>7.453443611243761E-2</v>
      </c>
      <c r="W214">
        <v>7.1311653646059678</v>
      </c>
      <c r="X214">
        <v>1</v>
      </c>
      <c r="Y214">
        <v>1</v>
      </c>
      <c r="Z214">
        <v>0</v>
      </c>
      <c r="AA214">
        <v>0</v>
      </c>
      <c r="AB214">
        <v>7.1380730340443481</v>
      </c>
      <c r="AC214">
        <v>1</v>
      </c>
      <c r="AD214">
        <v>1</v>
      </c>
      <c r="AE214">
        <v>0</v>
      </c>
      <c r="AF214">
        <v>0</v>
      </c>
      <c r="AG214">
        <v>7.1372784372603846</v>
      </c>
      <c r="AH214">
        <v>-6.0765431451460647E-3</v>
      </c>
      <c r="AI214">
        <v>-1.953943963772211E-3</v>
      </c>
      <c r="AJ214">
        <v>-6.8219207088930742E-2</v>
      </c>
      <c r="AK214">
        <v>1.7087121035094931E-2</v>
      </c>
      <c r="AL214">
        <v>2462.127723307131</v>
      </c>
      <c r="AM214">
        <v>4698.7745289726818</v>
      </c>
      <c r="AN214">
        <v>163447</v>
      </c>
      <c r="AO214">
        <v>57.491281244740932</v>
      </c>
      <c r="AP214">
        <v>2176.7721483868791</v>
      </c>
      <c r="AQ214">
        <v>1.018239492466297</v>
      </c>
      <c r="AR214">
        <v>4.0483743061062647</v>
      </c>
      <c r="AS214">
        <v>1256</v>
      </c>
      <c r="AT214">
        <v>249.50436161776369</v>
      </c>
      <c r="AU214">
        <v>2.5902256223663159E-2</v>
      </c>
      <c r="AV214">
        <v>-6.0775795001892516E-3</v>
      </c>
      <c r="AW214">
        <v>0.37351308485329099</v>
      </c>
      <c r="AX214">
        <v>85.975396825396828</v>
      </c>
      <c r="AY214">
        <v>62</v>
      </c>
      <c r="AZ214">
        <v>127</v>
      </c>
      <c r="BA214">
        <v>0.57296846207005903</v>
      </c>
      <c r="BB214">
        <v>0.49325931800158612</v>
      </c>
      <c r="BC214">
        <v>5.2537156156855591</v>
      </c>
      <c r="BD214" t="s">
        <v>880</v>
      </c>
      <c r="BE214" t="s">
        <v>68</v>
      </c>
    </row>
    <row r="215" spans="1:57" x14ac:dyDescent="0.3">
      <c r="A215" t="s">
        <v>881</v>
      </c>
      <c r="B215">
        <v>3019</v>
      </c>
      <c r="C215" t="s">
        <v>882</v>
      </c>
      <c r="D215" t="s">
        <v>883</v>
      </c>
      <c r="E215" t="s">
        <v>115</v>
      </c>
      <c r="F215">
        <v>3085</v>
      </c>
      <c r="G215">
        <v>128.63760129659639</v>
      </c>
      <c r="H215">
        <v>130</v>
      </c>
      <c r="I215">
        <v>5477.1108065638882</v>
      </c>
      <c r="J215">
        <v>74.007505069174499</v>
      </c>
      <c r="K215">
        <v>-2.2479820544007701E-2</v>
      </c>
      <c r="L215">
        <v>-1.194006833626976</v>
      </c>
      <c r="M215">
        <v>7.9384527428237197</v>
      </c>
      <c r="N215">
        <v>22</v>
      </c>
      <c r="O215">
        <v>4</v>
      </c>
      <c r="P215">
        <v>18</v>
      </c>
      <c r="Q215">
        <v>3.4878919155628139</v>
      </c>
      <c r="R215">
        <v>5.5025161366966184</v>
      </c>
      <c r="S215">
        <v>3</v>
      </c>
      <c r="T215">
        <v>1</v>
      </c>
      <c r="U215">
        <v>2</v>
      </c>
      <c r="V215">
        <v>0.14745574420500379</v>
      </c>
      <c r="W215">
        <v>8.0053241610651646</v>
      </c>
      <c r="X215">
        <v>1</v>
      </c>
      <c r="Y215">
        <v>1</v>
      </c>
      <c r="Z215">
        <v>0</v>
      </c>
      <c r="AA215">
        <v>0</v>
      </c>
      <c r="AB215">
        <v>8.0336584278861505</v>
      </c>
      <c r="AC215">
        <v>1</v>
      </c>
      <c r="AD215">
        <v>1</v>
      </c>
      <c r="AE215">
        <v>0</v>
      </c>
      <c r="AF215">
        <v>0</v>
      </c>
      <c r="AG215">
        <v>8.0333340158800617</v>
      </c>
      <c r="AH215">
        <v>5.1845469337559992E-2</v>
      </c>
      <c r="AI215">
        <v>4.9373407192705816E-3</v>
      </c>
      <c r="AJ215">
        <v>2.6807507241160659E-2</v>
      </c>
      <c r="AK215">
        <v>-3.6724186492791688E-3</v>
      </c>
      <c r="AL215">
        <v>3797.2400148912261</v>
      </c>
      <c r="AM215">
        <v>7316.2354574814553</v>
      </c>
      <c r="AN215">
        <v>396846.99999999988</v>
      </c>
      <c r="AO215">
        <v>57.36115436776835</v>
      </c>
      <c r="AP215">
        <v>3485.066312532218</v>
      </c>
      <c r="AQ215">
        <v>1.0074554294975691</v>
      </c>
      <c r="AR215">
        <v>3.981199351701783</v>
      </c>
      <c r="AS215">
        <v>3073</v>
      </c>
      <c r="AT215">
        <v>258.43468395461912</v>
      </c>
      <c r="AU215">
        <v>1.5317634347093771E-2</v>
      </c>
      <c r="AV215">
        <v>5.1866089032802737E-2</v>
      </c>
      <c r="AW215">
        <v>0.36628849270664499</v>
      </c>
      <c r="AX215">
        <v>82.187418936446178</v>
      </c>
      <c r="AY215">
        <v>64</v>
      </c>
      <c r="AZ215">
        <v>128</v>
      </c>
      <c r="BA215">
        <v>0.57531782560635036</v>
      </c>
      <c r="BB215">
        <v>0.50340356564019451</v>
      </c>
      <c r="BC215">
        <v>5.2938551161267924</v>
      </c>
      <c r="BD215" t="s">
        <v>884</v>
      </c>
      <c r="BE215" t="s">
        <v>68</v>
      </c>
    </row>
    <row r="216" spans="1:57" x14ac:dyDescent="0.3">
      <c r="A216" t="s">
        <v>885</v>
      </c>
      <c r="B216">
        <v>2666</v>
      </c>
      <c r="C216" t="s">
        <v>886</v>
      </c>
      <c r="D216" t="s">
        <v>887</v>
      </c>
      <c r="E216" t="s">
        <v>93</v>
      </c>
      <c r="F216">
        <v>2698</v>
      </c>
      <c r="G216">
        <v>130.08265381764269</v>
      </c>
      <c r="H216">
        <v>131</v>
      </c>
      <c r="I216">
        <v>5521.9653699772671</v>
      </c>
      <c r="J216">
        <v>74.309927802261171</v>
      </c>
      <c r="K216">
        <v>-2.512970319848945E-2</v>
      </c>
      <c r="L216">
        <v>-1.222274300767791</v>
      </c>
      <c r="M216">
        <v>7.9322936765433569</v>
      </c>
      <c r="N216">
        <v>19</v>
      </c>
      <c r="O216">
        <v>3</v>
      </c>
      <c r="P216">
        <v>16</v>
      </c>
      <c r="Q216">
        <v>3.2122868211126092</v>
      </c>
      <c r="R216">
        <v>5.4982469972695114</v>
      </c>
      <c r="S216">
        <v>3</v>
      </c>
      <c r="T216">
        <v>1</v>
      </c>
      <c r="U216">
        <v>2</v>
      </c>
      <c r="V216">
        <v>0.15301045921845691</v>
      </c>
      <c r="W216">
        <v>7.8708485369192429</v>
      </c>
      <c r="X216">
        <v>2</v>
      </c>
      <c r="Y216">
        <v>1</v>
      </c>
      <c r="Z216">
        <v>1</v>
      </c>
      <c r="AA216">
        <v>1.92592790684393E-2</v>
      </c>
      <c r="AB216">
        <v>7.8990102678923169</v>
      </c>
      <c r="AC216">
        <v>1</v>
      </c>
      <c r="AD216">
        <v>1</v>
      </c>
      <c r="AE216">
        <v>0</v>
      </c>
      <c r="AF216">
        <v>0</v>
      </c>
      <c r="AG216">
        <v>7.8991534833430954</v>
      </c>
      <c r="AH216">
        <v>-3.2688829316617977E-2</v>
      </c>
      <c r="AI216">
        <v>-1.182452814700732E-2</v>
      </c>
      <c r="AJ216">
        <v>1.7044560632508161E-3</v>
      </c>
      <c r="AK216">
        <v>6.0130153391916696E-3</v>
      </c>
      <c r="AL216">
        <v>3553.0304564233511</v>
      </c>
      <c r="AM216">
        <v>6923.036586334646</v>
      </c>
      <c r="AN216">
        <v>350963</v>
      </c>
      <c r="AO216">
        <v>109.0456659529987</v>
      </c>
      <c r="AP216">
        <v>3207.5573258928571</v>
      </c>
      <c r="AQ216">
        <v>1.0085248332097849</v>
      </c>
      <c r="AR216">
        <v>4.0374351371386208</v>
      </c>
      <c r="AS216">
        <v>2687</v>
      </c>
      <c r="AT216">
        <v>250.64936990363231</v>
      </c>
      <c r="AU216">
        <v>2.6049797235424891E-2</v>
      </c>
      <c r="AV216">
        <v>-3.2705968073216893E-2</v>
      </c>
      <c r="AW216">
        <v>0.37472201630837659</v>
      </c>
      <c r="AX216">
        <v>87.510938079347426</v>
      </c>
      <c r="AY216">
        <v>65</v>
      </c>
      <c r="AZ216">
        <v>130</v>
      </c>
      <c r="BA216">
        <v>0.57125162826423481</v>
      </c>
      <c r="BB216">
        <v>0.50148257968865828</v>
      </c>
      <c r="BC216">
        <v>5.3280826777018806</v>
      </c>
      <c r="BD216" t="s">
        <v>888</v>
      </c>
      <c r="BE216" t="s">
        <v>68</v>
      </c>
    </row>
    <row r="217" spans="1:57" x14ac:dyDescent="0.3">
      <c r="A217" t="s">
        <v>889</v>
      </c>
      <c r="B217">
        <v>155</v>
      </c>
      <c r="C217" t="s">
        <v>890</v>
      </c>
      <c r="D217" t="s">
        <v>891</v>
      </c>
      <c r="E217" t="s">
        <v>60</v>
      </c>
      <c r="F217">
        <v>512</v>
      </c>
      <c r="G217">
        <v>124.703125</v>
      </c>
      <c r="H217">
        <v>120</v>
      </c>
      <c r="I217">
        <v>5255.900146484375</v>
      </c>
      <c r="J217">
        <v>72.497587176983856</v>
      </c>
      <c r="K217">
        <v>8.2961262807138891E-2</v>
      </c>
      <c r="L217">
        <v>-1.103833173777627</v>
      </c>
      <c r="M217">
        <v>7.5379687174066774</v>
      </c>
      <c r="N217">
        <v>7</v>
      </c>
      <c r="O217">
        <v>1</v>
      </c>
      <c r="P217">
        <v>6</v>
      </c>
      <c r="Q217">
        <v>1.370569738821162</v>
      </c>
      <c r="R217">
        <v>5.2249217636195029</v>
      </c>
      <c r="S217">
        <v>2</v>
      </c>
      <c r="T217">
        <v>1</v>
      </c>
      <c r="U217">
        <v>1</v>
      </c>
      <c r="V217">
        <v>6.2560641760670582E-2</v>
      </c>
      <c r="W217">
        <v>6.2309437805711401</v>
      </c>
      <c r="X217">
        <v>1</v>
      </c>
      <c r="Y217">
        <v>1</v>
      </c>
      <c r="Z217">
        <v>0</v>
      </c>
      <c r="AA217">
        <v>0</v>
      </c>
      <c r="AB217">
        <v>6.2344107257183694</v>
      </c>
      <c r="AC217">
        <v>1</v>
      </c>
      <c r="AD217">
        <v>1</v>
      </c>
      <c r="AE217">
        <v>0</v>
      </c>
      <c r="AF217">
        <v>0</v>
      </c>
      <c r="AG217">
        <v>6.2324480165505216</v>
      </c>
      <c r="AH217">
        <v>-7.6437810756397648E-2</v>
      </c>
      <c r="AI217">
        <v>1.446351493110166E-2</v>
      </c>
      <c r="AJ217">
        <v>3.2293998816033662E-2</v>
      </c>
      <c r="AK217">
        <v>-1.9349646710806821E-2</v>
      </c>
      <c r="AL217">
        <v>1584.772204382049</v>
      </c>
      <c r="AM217">
        <v>2853.342436550171</v>
      </c>
      <c r="AN217">
        <v>63848</v>
      </c>
      <c r="AO217">
        <v>63.287449153391563</v>
      </c>
      <c r="AP217">
        <v>1383.8769214451249</v>
      </c>
      <c r="AQ217">
        <v>1.044921875</v>
      </c>
      <c r="AR217">
        <v>4.017578125</v>
      </c>
      <c r="AS217">
        <v>512</v>
      </c>
      <c r="AT217">
        <v>174.359375</v>
      </c>
      <c r="AU217">
        <v>4.8253676470588203E-2</v>
      </c>
      <c r="AV217">
        <v>-7.6461425287811927E-2</v>
      </c>
      <c r="AW217">
        <v>0.3984375</v>
      </c>
      <c r="AX217">
        <v>89.996086105675147</v>
      </c>
      <c r="AY217">
        <v>60</v>
      </c>
      <c r="AZ217">
        <v>122.5</v>
      </c>
      <c r="BA217">
        <v>0.58136143081405423</v>
      </c>
      <c r="BB217">
        <v>0.4765625</v>
      </c>
      <c r="BC217">
        <v>5.1170784642865339</v>
      </c>
      <c r="BD217" t="s">
        <v>892</v>
      </c>
      <c r="BE217" t="s">
        <v>62</v>
      </c>
    </row>
    <row r="218" spans="1:57" x14ac:dyDescent="0.3">
      <c r="A218" t="s">
        <v>893</v>
      </c>
      <c r="B218">
        <v>3885</v>
      </c>
      <c r="C218" t="s">
        <v>894</v>
      </c>
      <c r="D218" t="s">
        <v>895</v>
      </c>
      <c r="E218" t="s">
        <v>66</v>
      </c>
      <c r="F218">
        <v>71</v>
      </c>
      <c r="G218">
        <v>135.49295774647891</v>
      </c>
      <c r="H218">
        <v>144</v>
      </c>
      <c r="I218">
        <v>5324.2781194207491</v>
      </c>
      <c r="J218">
        <v>72.967651184759603</v>
      </c>
      <c r="K218">
        <v>-0.38511917745225238</v>
      </c>
      <c r="L218">
        <v>-1.01336540124772</v>
      </c>
      <c r="M218">
        <v>5.8467925419789459</v>
      </c>
      <c r="N218">
        <v>3</v>
      </c>
      <c r="O218">
        <v>1</v>
      </c>
      <c r="P218">
        <v>2</v>
      </c>
      <c r="Q218">
        <v>0.45014853172937652</v>
      </c>
      <c r="R218">
        <v>4.0526877657916263</v>
      </c>
      <c r="S218">
        <v>1</v>
      </c>
      <c r="T218">
        <v>1</v>
      </c>
      <c r="U218">
        <v>0</v>
      </c>
      <c r="V218">
        <v>0</v>
      </c>
      <c r="W218">
        <v>4.2484952420493576</v>
      </c>
      <c r="X218">
        <v>1</v>
      </c>
      <c r="Y218">
        <v>1</v>
      </c>
      <c r="Z218">
        <v>0</v>
      </c>
      <c r="AA218">
        <v>0</v>
      </c>
      <c r="AB218">
        <v>4.2341065045972579</v>
      </c>
      <c r="AC218">
        <v>1</v>
      </c>
      <c r="AD218">
        <v>1</v>
      </c>
      <c r="AE218">
        <v>0</v>
      </c>
      <c r="AF218">
        <v>0</v>
      </c>
      <c r="AG218">
        <v>4.2195077051761087</v>
      </c>
      <c r="AH218">
        <v>-7.306021588781357E-2</v>
      </c>
      <c r="AI218">
        <v>0.32281120922792272</v>
      </c>
      <c r="AJ218">
        <v>-7.750132649113832E-2</v>
      </c>
      <c r="AK218">
        <v>2.949715823011987E-2</v>
      </c>
      <c r="AL218">
        <v>650.3903193864403</v>
      </c>
      <c r="AM218">
        <v>1121.810337110692</v>
      </c>
      <c r="AN218">
        <v>9620</v>
      </c>
      <c r="AO218">
        <v>71.491164450610526</v>
      </c>
      <c r="AP218">
        <v>433.15996562912687</v>
      </c>
      <c r="AQ218">
        <v>1.323943661971831</v>
      </c>
      <c r="AR218">
        <v>3.901408450704225</v>
      </c>
      <c r="AS218">
        <v>71</v>
      </c>
      <c r="AT218">
        <v>10.619718309859159</v>
      </c>
      <c r="AU218">
        <v>0.113474368478075</v>
      </c>
      <c r="AV218">
        <v>-7.4282818221048791E-2</v>
      </c>
      <c r="AW218">
        <v>0.3380281690140845</v>
      </c>
      <c r="AX218">
        <v>84.571428571428569</v>
      </c>
      <c r="AY218">
        <v>58</v>
      </c>
      <c r="AZ218">
        <v>117</v>
      </c>
      <c r="BA218">
        <v>0.53853463972119875</v>
      </c>
      <c r="BB218">
        <v>0.53521126760563376</v>
      </c>
      <c r="BC218">
        <v>3.9488114493783288</v>
      </c>
      <c r="BD218" t="s">
        <v>896</v>
      </c>
      <c r="BE218" t="s">
        <v>68</v>
      </c>
    </row>
    <row r="219" spans="1:57" x14ac:dyDescent="0.3">
      <c r="A219" t="s">
        <v>897</v>
      </c>
      <c r="B219">
        <v>2971</v>
      </c>
      <c r="C219" t="s">
        <v>898</v>
      </c>
      <c r="D219" t="s">
        <v>899</v>
      </c>
      <c r="E219" t="s">
        <v>93</v>
      </c>
      <c r="F219">
        <v>2986</v>
      </c>
      <c r="G219">
        <v>126.6145344943068</v>
      </c>
      <c r="H219">
        <v>126</v>
      </c>
      <c r="I219">
        <v>5363.1337338255007</v>
      </c>
      <c r="J219">
        <v>73.233419514764577</v>
      </c>
      <c r="K219">
        <v>4.8936876898215591E-3</v>
      </c>
      <c r="L219">
        <v>-1.14831113587413</v>
      </c>
      <c r="M219">
        <v>7.9392730152482027</v>
      </c>
      <c r="N219">
        <v>21</v>
      </c>
      <c r="O219">
        <v>4</v>
      </c>
      <c r="P219">
        <v>17</v>
      </c>
      <c r="Q219">
        <v>3.2971989621637561</v>
      </c>
      <c r="R219">
        <v>5.5030847062149491</v>
      </c>
      <c r="S219">
        <v>2</v>
      </c>
      <c r="T219">
        <v>1</v>
      </c>
      <c r="U219">
        <v>1</v>
      </c>
      <c r="V219">
        <v>0.15309168258445749</v>
      </c>
      <c r="W219">
        <v>7.9688456103230516</v>
      </c>
      <c r="X219">
        <v>1</v>
      </c>
      <c r="Y219">
        <v>1</v>
      </c>
      <c r="Z219">
        <v>0</v>
      </c>
      <c r="AA219">
        <v>0</v>
      </c>
      <c r="AB219">
        <v>8.0010199613236495</v>
      </c>
      <c r="AC219">
        <v>1</v>
      </c>
      <c r="AD219">
        <v>1</v>
      </c>
      <c r="AE219">
        <v>0</v>
      </c>
      <c r="AF219">
        <v>0</v>
      </c>
      <c r="AG219">
        <v>8.0006847845147515</v>
      </c>
      <c r="AH219">
        <v>-4.8165122724723201E-3</v>
      </c>
      <c r="AI219">
        <v>-2.0452164741717429E-2</v>
      </c>
      <c r="AJ219">
        <v>3.3989666897317728E-3</v>
      </c>
      <c r="AK219">
        <v>-2.266494073330309E-2</v>
      </c>
      <c r="AL219">
        <v>3678.988904458698</v>
      </c>
      <c r="AM219">
        <v>7095.6776731239524</v>
      </c>
      <c r="AN219">
        <v>378070.99999999988</v>
      </c>
      <c r="AO219">
        <v>66.634076131826475</v>
      </c>
      <c r="AP219">
        <v>3379.2844246229151</v>
      </c>
      <c r="AQ219">
        <v>1.0077026121902211</v>
      </c>
      <c r="AR219">
        <v>3.979236436704622</v>
      </c>
      <c r="AS219">
        <v>2982</v>
      </c>
      <c r="AT219">
        <v>238.60549229738791</v>
      </c>
      <c r="AU219">
        <v>1.537764469485048E-2</v>
      </c>
      <c r="AV219">
        <v>-4.8190355790025726E-3</v>
      </c>
      <c r="AW219">
        <v>0.37273945077026122</v>
      </c>
      <c r="AX219">
        <v>84.829815745393631</v>
      </c>
      <c r="AY219">
        <v>62</v>
      </c>
      <c r="AZ219">
        <v>124</v>
      </c>
      <c r="BA219">
        <v>0.57839662568958483</v>
      </c>
      <c r="BB219">
        <v>0.49598124581379771</v>
      </c>
      <c r="BC219">
        <v>5.3034049905773397</v>
      </c>
      <c r="BD219" t="s">
        <v>900</v>
      </c>
      <c r="BE219" t="s">
        <v>68</v>
      </c>
    </row>
    <row r="220" spans="1:57" x14ac:dyDescent="0.3">
      <c r="A220" t="s">
        <v>901</v>
      </c>
      <c r="B220">
        <v>1526</v>
      </c>
      <c r="C220" t="s">
        <v>902</v>
      </c>
      <c r="D220" t="s">
        <v>903</v>
      </c>
      <c r="E220" t="s">
        <v>98</v>
      </c>
      <c r="F220">
        <v>16</v>
      </c>
      <c r="G220">
        <v>112.3125</v>
      </c>
      <c r="H220">
        <v>97</v>
      </c>
      <c r="I220">
        <v>5206.58984375</v>
      </c>
      <c r="J220">
        <v>72.156703387488534</v>
      </c>
      <c r="K220">
        <v>0.67010164877116973</v>
      </c>
      <c r="L220">
        <v>-0.35920627021150242</v>
      </c>
      <c r="M220">
        <v>4</v>
      </c>
      <c r="N220">
        <v>1</v>
      </c>
      <c r="O220">
        <v>1</v>
      </c>
      <c r="P220">
        <v>0</v>
      </c>
      <c r="Q220">
        <v>0</v>
      </c>
      <c r="R220">
        <v>2.7725887222397811</v>
      </c>
      <c r="S220">
        <v>1</v>
      </c>
      <c r="T220">
        <v>1</v>
      </c>
      <c r="U220">
        <v>0</v>
      </c>
      <c r="V220">
        <v>0</v>
      </c>
      <c r="W220">
        <v>2.7080502011022101</v>
      </c>
      <c r="X220">
        <v>1</v>
      </c>
      <c r="Y220">
        <v>1</v>
      </c>
      <c r="Z220">
        <v>0</v>
      </c>
      <c r="AA220">
        <v>0</v>
      </c>
      <c r="AB220">
        <v>2.639057329615258</v>
      </c>
      <c r="AC220">
        <v>1</v>
      </c>
      <c r="AD220">
        <v>1</v>
      </c>
      <c r="AE220">
        <v>0</v>
      </c>
      <c r="AF220">
        <v>0</v>
      </c>
      <c r="AG220">
        <v>2.5649493574615372</v>
      </c>
      <c r="AH220">
        <v>0.16479224232811929</v>
      </c>
      <c r="AI220">
        <v>-6.9519115273837917E-2</v>
      </c>
      <c r="AJ220">
        <v>-0.1491017711929068</v>
      </c>
      <c r="AK220">
        <v>-0.1235825880213401</v>
      </c>
      <c r="AL220">
        <v>370.5371562584038</v>
      </c>
      <c r="AM220">
        <v>384.49085272856013</v>
      </c>
      <c r="AN220">
        <v>1797</v>
      </c>
      <c r="AO220">
        <v>33</v>
      </c>
      <c r="AP220">
        <v>320.70118738589798</v>
      </c>
      <c r="AQ220">
        <v>2.25</v>
      </c>
      <c r="AR220">
        <v>3.875</v>
      </c>
      <c r="AS220">
        <v>16</v>
      </c>
      <c r="AT220">
        <v>0</v>
      </c>
      <c r="AU220">
        <v>0.27099802371541498</v>
      </c>
      <c r="AV220">
        <v>0.16720467187767851</v>
      </c>
      <c r="AW220">
        <v>0.5625</v>
      </c>
      <c r="AX220">
        <v>77.2</v>
      </c>
      <c r="AY220">
        <v>31</v>
      </c>
      <c r="AZ220">
        <v>62</v>
      </c>
      <c r="BA220">
        <v>0.64246369181959739</v>
      </c>
      <c r="BB220">
        <v>0.4375</v>
      </c>
      <c r="BC220">
        <v>2.615630577027551</v>
      </c>
      <c r="BD220" t="s">
        <v>902</v>
      </c>
      <c r="BE220" t="s">
        <v>62</v>
      </c>
    </row>
    <row r="221" spans="1:57" x14ac:dyDescent="0.3">
      <c r="A221" t="s">
        <v>904</v>
      </c>
      <c r="B221">
        <v>501</v>
      </c>
      <c r="C221" t="s">
        <v>905</v>
      </c>
      <c r="D221" t="s">
        <v>906</v>
      </c>
      <c r="E221" t="s">
        <v>106</v>
      </c>
      <c r="F221">
        <v>513</v>
      </c>
      <c r="G221">
        <v>132.50097465886941</v>
      </c>
      <c r="H221">
        <v>135</v>
      </c>
      <c r="I221">
        <v>5889.528751486685</v>
      </c>
      <c r="J221">
        <v>76.743265186507969</v>
      </c>
      <c r="K221">
        <v>-7.8903380466577661E-2</v>
      </c>
      <c r="L221">
        <v>-1.240355985183027</v>
      </c>
      <c r="M221">
        <v>7.6072560997204466</v>
      </c>
      <c r="N221">
        <v>8</v>
      </c>
      <c r="O221">
        <v>1</v>
      </c>
      <c r="P221">
        <v>7</v>
      </c>
      <c r="Q221">
        <v>1.3077972398224109</v>
      </c>
      <c r="R221">
        <v>5.2729481173186912</v>
      </c>
      <c r="S221">
        <v>2</v>
      </c>
      <c r="T221">
        <v>1</v>
      </c>
      <c r="U221">
        <v>1</v>
      </c>
      <c r="V221">
        <v>8.8385607561589169E-2</v>
      </c>
      <c r="W221">
        <v>6.2274942003432603</v>
      </c>
      <c r="X221">
        <v>1</v>
      </c>
      <c r="Y221">
        <v>1</v>
      </c>
      <c r="Z221">
        <v>0</v>
      </c>
      <c r="AA221">
        <v>0</v>
      </c>
      <c r="AB221">
        <v>6.2363695902037044</v>
      </c>
      <c r="AC221">
        <v>1</v>
      </c>
      <c r="AD221">
        <v>1</v>
      </c>
      <c r="AE221">
        <v>0</v>
      </c>
      <c r="AF221">
        <v>0</v>
      </c>
      <c r="AG221">
        <v>6.2344107257183694</v>
      </c>
      <c r="AH221">
        <v>2.2857155394629701E-2</v>
      </c>
      <c r="AI221">
        <v>-5.035297005667342E-2</v>
      </c>
      <c r="AJ221">
        <v>-8.0126554070656608E-2</v>
      </c>
      <c r="AK221">
        <v>2.9481292123119652E-3</v>
      </c>
      <c r="AL221">
        <v>1679.191825491416</v>
      </c>
      <c r="AM221">
        <v>3034.490371248985</v>
      </c>
      <c r="AN221">
        <v>67973</v>
      </c>
      <c r="AO221">
        <v>100.2585980022837</v>
      </c>
      <c r="AP221">
        <v>1418.4901705335969</v>
      </c>
      <c r="AQ221">
        <v>1.0448343079922029</v>
      </c>
      <c r="AR221">
        <v>4.0233918128654969</v>
      </c>
      <c r="AS221">
        <v>512</v>
      </c>
      <c r="AT221">
        <v>170.28654970760229</v>
      </c>
      <c r="AU221">
        <v>5.164545350303873E-2</v>
      </c>
      <c r="AV221">
        <v>2.294643033705587E-2</v>
      </c>
      <c r="AW221">
        <v>0.31578947368421051</v>
      </c>
      <c r="AX221">
        <v>88.41015625</v>
      </c>
      <c r="AY221">
        <v>66</v>
      </c>
      <c r="AZ221">
        <v>132</v>
      </c>
      <c r="BA221">
        <v>0.57919019376338532</v>
      </c>
      <c r="BB221">
        <v>0.51656920077972712</v>
      </c>
      <c r="BC221">
        <v>5.1104167311668878</v>
      </c>
      <c r="BD221" t="s">
        <v>907</v>
      </c>
      <c r="BE221" t="s">
        <v>68</v>
      </c>
    </row>
    <row r="222" spans="1:57" x14ac:dyDescent="0.3">
      <c r="A222" t="s">
        <v>908</v>
      </c>
      <c r="B222">
        <v>3247</v>
      </c>
      <c r="C222" t="s">
        <v>909</v>
      </c>
      <c r="D222" t="s">
        <v>910</v>
      </c>
      <c r="E222" t="s">
        <v>85</v>
      </c>
      <c r="F222">
        <v>8</v>
      </c>
      <c r="G222">
        <v>126.25</v>
      </c>
      <c r="H222">
        <v>118</v>
      </c>
      <c r="I222">
        <v>6860.6875</v>
      </c>
      <c r="J222">
        <v>82.829267170487512</v>
      </c>
      <c r="K222">
        <v>0.14891047635446861</v>
      </c>
      <c r="L222">
        <v>-1.5828591951680591</v>
      </c>
      <c r="M222">
        <v>3</v>
      </c>
      <c r="N222">
        <v>1</v>
      </c>
      <c r="O222">
        <v>1</v>
      </c>
      <c r="P222">
        <v>0</v>
      </c>
      <c r="Q222">
        <v>0</v>
      </c>
      <c r="R222">
        <v>2.0794415416798362</v>
      </c>
      <c r="S222">
        <v>1</v>
      </c>
      <c r="T222">
        <v>1</v>
      </c>
      <c r="U222">
        <v>0</v>
      </c>
      <c r="V222">
        <v>0</v>
      </c>
      <c r="W222">
        <v>1.945910149055313</v>
      </c>
      <c r="X222">
        <v>1</v>
      </c>
      <c r="Y222">
        <v>1</v>
      </c>
      <c r="Z222">
        <v>0</v>
      </c>
      <c r="AA222">
        <v>0</v>
      </c>
      <c r="AB222">
        <v>1.791759469228055</v>
      </c>
      <c r="AC222">
        <v>1</v>
      </c>
      <c r="AD222">
        <v>1</v>
      </c>
      <c r="AE222">
        <v>0</v>
      </c>
      <c r="AF222">
        <v>0</v>
      </c>
      <c r="AG222">
        <v>1.6094379124341009</v>
      </c>
      <c r="AH222">
        <v>-0.1917366608667134</v>
      </c>
      <c r="AI222">
        <v>-0.51363520419783004</v>
      </c>
      <c r="AJ222">
        <v>-0.26751714933816761</v>
      </c>
      <c r="AK222">
        <v>0</v>
      </c>
      <c r="AL222">
        <v>310.78854852528838</v>
      </c>
      <c r="AM222">
        <v>292.93084184760141</v>
      </c>
      <c r="AN222">
        <v>1010</v>
      </c>
      <c r="AO222">
        <v>72.027567647148416</v>
      </c>
      <c r="AP222">
        <v>181.13007161700901</v>
      </c>
      <c r="AQ222">
        <v>3.5</v>
      </c>
      <c r="AR222">
        <v>4.375</v>
      </c>
      <c r="AS222">
        <v>8</v>
      </c>
      <c r="AT222">
        <v>0</v>
      </c>
      <c r="AU222">
        <v>0.34207818930041151</v>
      </c>
      <c r="AV222">
        <v>-0.25302163685359802</v>
      </c>
      <c r="AW222">
        <v>0.5</v>
      </c>
      <c r="AX222">
        <v>110.5714285714286</v>
      </c>
      <c r="AY222">
        <v>84.5</v>
      </c>
      <c r="AZ222">
        <v>170.5</v>
      </c>
      <c r="BA222">
        <v>0.65607340333059416</v>
      </c>
      <c r="BB222">
        <v>0.375</v>
      </c>
      <c r="BC222">
        <v>1.945910149055313</v>
      </c>
      <c r="BD222" t="s">
        <v>909</v>
      </c>
      <c r="BE222" t="s">
        <v>68</v>
      </c>
    </row>
    <row r="223" spans="1:57" x14ac:dyDescent="0.3">
      <c r="A223" t="s">
        <v>911</v>
      </c>
      <c r="B223">
        <v>3872</v>
      </c>
      <c r="C223" t="s">
        <v>912</v>
      </c>
      <c r="D223" t="s">
        <v>913</v>
      </c>
      <c r="E223" t="s">
        <v>98</v>
      </c>
      <c r="F223">
        <v>16</v>
      </c>
      <c r="G223">
        <v>157.3125</v>
      </c>
      <c r="H223">
        <v>156</v>
      </c>
      <c r="I223">
        <v>3372.71484375</v>
      </c>
      <c r="J223">
        <v>58.075079369295743</v>
      </c>
      <c r="K223">
        <v>-1.6024670704599269E-2</v>
      </c>
      <c r="L223">
        <v>-1.2927162987856351</v>
      </c>
      <c r="M223">
        <v>3.875</v>
      </c>
      <c r="N223">
        <v>2</v>
      </c>
      <c r="O223">
        <v>1</v>
      </c>
      <c r="P223">
        <v>1</v>
      </c>
      <c r="Q223">
        <v>0.24944382578492949</v>
      </c>
      <c r="R223">
        <v>2.6859453246697882</v>
      </c>
      <c r="S223">
        <v>1</v>
      </c>
      <c r="T223">
        <v>1</v>
      </c>
      <c r="U223">
        <v>0</v>
      </c>
      <c r="V223">
        <v>0</v>
      </c>
      <c r="W223">
        <v>2.7080502011022101</v>
      </c>
      <c r="X223">
        <v>1</v>
      </c>
      <c r="Y223">
        <v>1</v>
      </c>
      <c r="Z223">
        <v>0</v>
      </c>
      <c r="AA223">
        <v>0</v>
      </c>
      <c r="AB223">
        <v>2.639057329615258</v>
      </c>
      <c r="AC223">
        <v>1</v>
      </c>
      <c r="AD223">
        <v>1</v>
      </c>
      <c r="AE223">
        <v>0</v>
      </c>
      <c r="AF223">
        <v>0</v>
      </c>
      <c r="AG223">
        <v>2.5649493574615372</v>
      </c>
      <c r="AH223">
        <v>-0.31497896434507161</v>
      </c>
      <c r="AI223">
        <v>-0.28989781854612212</v>
      </c>
      <c r="AJ223">
        <v>2.246218504427187E-2</v>
      </c>
      <c r="AK223">
        <v>-0.2407748591349467</v>
      </c>
      <c r="AL223">
        <v>371.31268130136209</v>
      </c>
      <c r="AM223">
        <v>558.61068080085363</v>
      </c>
      <c r="AN223">
        <v>2517</v>
      </c>
      <c r="AO223">
        <v>128.4914770282634</v>
      </c>
      <c r="AP223">
        <v>263.53937087274068</v>
      </c>
      <c r="AQ223">
        <v>2.3125</v>
      </c>
      <c r="AR223">
        <v>4.375</v>
      </c>
      <c r="AS223">
        <v>16</v>
      </c>
      <c r="AT223">
        <v>0.87499999999999989</v>
      </c>
      <c r="AU223">
        <v>0.29749999999999999</v>
      </c>
      <c r="AV223">
        <v>-0.34959734499347062</v>
      </c>
      <c r="AW223">
        <v>0.3125</v>
      </c>
      <c r="AX223">
        <v>75.533333333333331</v>
      </c>
      <c r="AY223">
        <v>55.5</v>
      </c>
      <c r="AZ223">
        <v>102.5</v>
      </c>
      <c r="BA223">
        <v>0.36917015093712041</v>
      </c>
      <c r="BB223">
        <v>0.5</v>
      </c>
      <c r="BC223">
        <v>2.615630577027551</v>
      </c>
      <c r="BD223" t="s">
        <v>912</v>
      </c>
      <c r="BE223" t="s">
        <v>62</v>
      </c>
    </row>
    <row r="224" spans="1:57" x14ac:dyDescent="0.3">
      <c r="A224" t="s">
        <v>914</v>
      </c>
      <c r="B224">
        <v>2306</v>
      </c>
      <c r="C224" t="s">
        <v>915</v>
      </c>
      <c r="D224" t="s">
        <v>916</v>
      </c>
      <c r="E224" t="s">
        <v>72</v>
      </c>
      <c r="F224">
        <v>2312</v>
      </c>
      <c r="G224">
        <v>128.6180795847751</v>
      </c>
      <c r="H224">
        <v>131</v>
      </c>
      <c r="I224">
        <v>5561.4782717445314</v>
      </c>
      <c r="J224">
        <v>74.575319454525513</v>
      </c>
      <c r="K224">
        <v>-2.639204854611896E-2</v>
      </c>
      <c r="L224">
        <v>-1.198075709898099</v>
      </c>
      <c r="M224">
        <v>7.9181412518007566</v>
      </c>
      <c r="N224">
        <v>20</v>
      </c>
      <c r="O224">
        <v>1</v>
      </c>
      <c r="P224">
        <v>19</v>
      </c>
      <c r="Q224">
        <v>3.0167177424313332</v>
      </c>
      <c r="R224">
        <v>5.4884372839610887</v>
      </c>
      <c r="S224">
        <v>3</v>
      </c>
      <c r="T224">
        <v>1</v>
      </c>
      <c r="U224">
        <v>2</v>
      </c>
      <c r="V224">
        <v>0.15003212771067101</v>
      </c>
      <c r="W224">
        <v>7.7152158066396952</v>
      </c>
      <c r="X224">
        <v>2</v>
      </c>
      <c r="Y224">
        <v>1</v>
      </c>
      <c r="Z224">
        <v>1</v>
      </c>
      <c r="AA224">
        <v>7.2074014317714166E-2</v>
      </c>
      <c r="AB224">
        <v>7.7378012743671656</v>
      </c>
      <c r="AC224">
        <v>2</v>
      </c>
      <c r="AD224">
        <v>1</v>
      </c>
      <c r="AE224">
        <v>1</v>
      </c>
      <c r="AF224">
        <v>6.5808792938806676E-2</v>
      </c>
      <c r="AG224">
        <v>7.7385659359845533</v>
      </c>
      <c r="AH224">
        <v>1.598810141149536E-2</v>
      </c>
      <c r="AI224">
        <v>2.0941067803172491E-2</v>
      </c>
      <c r="AJ224">
        <v>-2.656948165463148E-2</v>
      </c>
      <c r="AK224">
        <v>-1.5948968074602748E-2</v>
      </c>
      <c r="AL224">
        <v>3304.9975276537189</v>
      </c>
      <c r="AM224">
        <v>6338.8993005255124</v>
      </c>
      <c r="AN224">
        <v>297365</v>
      </c>
      <c r="AO224">
        <v>133.49144821598821</v>
      </c>
      <c r="AP224">
        <v>2987.9533748386812</v>
      </c>
      <c r="AQ224">
        <v>1.009948096885813</v>
      </c>
      <c r="AR224">
        <v>4.0125432525951554</v>
      </c>
      <c r="AS224">
        <v>2305</v>
      </c>
      <c r="AT224">
        <v>257.96539792387551</v>
      </c>
      <c r="AU224">
        <v>2.0098039215686311E-2</v>
      </c>
      <c r="AV224">
        <v>1.599004673313302E-2</v>
      </c>
      <c r="AW224">
        <v>0.35596885813148788</v>
      </c>
      <c r="AX224">
        <v>84.723929035049764</v>
      </c>
      <c r="AY224">
        <v>64</v>
      </c>
      <c r="AZ224">
        <v>128.25</v>
      </c>
      <c r="BA224">
        <v>0.5798198798744405</v>
      </c>
      <c r="BB224">
        <v>0.50821799307958482</v>
      </c>
      <c r="BC224">
        <v>5.2888737668455157</v>
      </c>
      <c r="BD224" t="s">
        <v>917</v>
      </c>
      <c r="BE224" t="s">
        <v>68</v>
      </c>
    </row>
    <row r="225" spans="1:57" x14ac:dyDescent="0.3">
      <c r="A225" t="s">
        <v>918</v>
      </c>
      <c r="B225">
        <v>2333</v>
      </c>
      <c r="C225" t="s">
        <v>919</v>
      </c>
      <c r="D225" t="s">
        <v>920</v>
      </c>
      <c r="E225" t="s">
        <v>10622</v>
      </c>
      <c r="F225">
        <v>64</v>
      </c>
      <c r="G225">
        <v>133.265625</v>
      </c>
      <c r="H225">
        <v>142.5</v>
      </c>
      <c r="I225">
        <v>6001.257568359375</v>
      </c>
      <c r="J225">
        <v>77.467784067697295</v>
      </c>
      <c r="K225">
        <v>-0.18535476031704959</v>
      </c>
      <c r="L225">
        <v>-1.2473712269760879</v>
      </c>
      <c r="M225">
        <v>5.663909765557392</v>
      </c>
      <c r="N225">
        <v>3</v>
      </c>
      <c r="O225">
        <v>1</v>
      </c>
      <c r="P225">
        <v>2</v>
      </c>
      <c r="Q225">
        <v>0.47430549906909991</v>
      </c>
      <c r="R225">
        <v>3.9259230849420481</v>
      </c>
      <c r="S225">
        <v>1</v>
      </c>
      <c r="T225">
        <v>1</v>
      </c>
      <c r="U225">
        <v>0</v>
      </c>
      <c r="V225">
        <v>0</v>
      </c>
      <c r="W225">
        <v>4.1431347263915326</v>
      </c>
      <c r="X225">
        <v>1</v>
      </c>
      <c r="Y225">
        <v>1</v>
      </c>
      <c r="Z225">
        <v>0</v>
      </c>
      <c r="AA225">
        <v>0</v>
      </c>
      <c r="AB225">
        <v>4.1271343850450908</v>
      </c>
      <c r="AC225">
        <v>1</v>
      </c>
      <c r="AD225">
        <v>1</v>
      </c>
      <c r="AE225">
        <v>0</v>
      </c>
      <c r="AF225">
        <v>0</v>
      </c>
      <c r="AG225">
        <v>4.1108738641733096</v>
      </c>
      <c r="AH225">
        <v>-4.3286033091981743E-2</v>
      </c>
      <c r="AI225">
        <v>-6.7177616092916074E-4</v>
      </c>
      <c r="AJ225">
        <v>0.13882651068190421</v>
      </c>
      <c r="AK225">
        <v>0.1196346275139842</v>
      </c>
      <c r="AL225">
        <v>678.02495963101046</v>
      </c>
      <c r="AM225">
        <v>1030.0413361207241</v>
      </c>
      <c r="AN225">
        <v>8529</v>
      </c>
      <c r="AO225">
        <v>145</v>
      </c>
      <c r="AP225">
        <v>491.66623604214902</v>
      </c>
      <c r="AQ225">
        <v>1.359375</v>
      </c>
      <c r="AR225">
        <v>3.859375</v>
      </c>
      <c r="AS225">
        <v>64</v>
      </c>
      <c r="AT225">
        <v>10.25</v>
      </c>
      <c r="AU225">
        <v>0.13278162055335971</v>
      </c>
      <c r="AV225">
        <v>-4.3400665797570938E-2</v>
      </c>
      <c r="AW225">
        <v>0.328125</v>
      </c>
      <c r="AX225">
        <v>92.61904761904762</v>
      </c>
      <c r="AY225">
        <v>64.5</v>
      </c>
      <c r="AZ225">
        <v>128</v>
      </c>
      <c r="BA225">
        <v>0.58130357372876384</v>
      </c>
      <c r="BB225">
        <v>0.5</v>
      </c>
      <c r="BC225">
        <v>4.0111066919991618</v>
      </c>
      <c r="BD225" t="s">
        <v>921</v>
      </c>
      <c r="BE225" t="s">
        <v>62</v>
      </c>
    </row>
    <row r="226" spans="1:57" x14ac:dyDescent="0.3">
      <c r="A226" t="s">
        <v>922</v>
      </c>
      <c r="B226">
        <v>1861</v>
      </c>
      <c r="C226" t="s">
        <v>923</v>
      </c>
      <c r="D226" t="s">
        <v>924</v>
      </c>
      <c r="E226" t="s">
        <v>72</v>
      </c>
      <c r="F226">
        <v>1872</v>
      </c>
      <c r="G226">
        <v>124.89102564102561</v>
      </c>
      <c r="H226">
        <v>125</v>
      </c>
      <c r="I226">
        <v>5376.61739809336</v>
      </c>
      <c r="J226">
        <v>73.325421226838927</v>
      </c>
      <c r="K226">
        <v>1.9503654975594059E-2</v>
      </c>
      <c r="L226">
        <v>-1.19605355576338</v>
      </c>
      <c r="M226">
        <v>7.9009936660854372</v>
      </c>
      <c r="N226">
        <v>16</v>
      </c>
      <c r="O226">
        <v>2</v>
      </c>
      <c r="P226">
        <v>14</v>
      </c>
      <c r="Q226">
        <v>2.6758468285759558</v>
      </c>
      <c r="R226">
        <v>5.4765514832691178</v>
      </c>
      <c r="S226">
        <v>2</v>
      </c>
      <c r="T226">
        <v>1</v>
      </c>
      <c r="U226">
        <v>1</v>
      </c>
      <c r="V226">
        <v>0.1059362929965436</v>
      </c>
      <c r="W226">
        <v>7.5186686354223946</v>
      </c>
      <c r="X226">
        <v>1</v>
      </c>
      <c r="Y226">
        <v>1</v>
      </c>
      <c r="Z226">
        <v>0</v>
      </c>
      <c r="AA226">
        <v>0</v>
      </c>
      <c r="AB226">
        <v>7.5336937098486292</v>
      </c>
      <c r="AC226">
        <v>1</v>
      </c>
      <c r="AD226">
        <v>1</v>
      </c>
      <c r="AE226">
        <v>0</v>
      </c>
      <c r="AF226">
        <v>0</v>
      </c>
      <c r="AG226">
        <v>7.5331588074555649</v>
      </c>
      <c r="AH226">
        <v>-2.911547678826007E-2</v>
      </c>
      <c r="AI226">
        <v>1.1783479975566851E-2</v>
      </c>
      <c r="AJ226">
        <v>2.6076971334874379E-2</v>
      </c>
      <c r="AK226">
        <v>-1.002331584641995E-4</v>
      </c>
      <c r="AL226">
        <v>2950.4650283662991</v>
      </c>
      <c r="AM226">
        <v>5528.0020003964764</v>
      </c>
      <c r="AN226">
        <v>233796</v>
      </c>
      <c r="AO226">
        <v>21.999999999999549</v>
      </c>
      <c r="AP226">
        <v>2631.0760347846372</v>
      </c>
      <c r="AQ226">
        <v>1.012286324786325</v>
      </c>
      <c r="AR226">
        <v>3.9636752136752138</v>
      </c>
      <c r="AS226">
        <v>1862</v>
      </c>
      <c r="AT226">
        <v>250.6666666666666</v>
      </c>
      <c r="AU226">
        <v>2.2875816993464079E-2</v>
      </c>
      <c r="AV226">
        <v>-2.9121970868216069E-2</v>
      </c>
      <c r="AW226">
        <v>0.37553418803418798</v>
      </c>
      <c r="AX226">
        <v>86.430251202565472</v>
      </c>
      <c r="AY226">
        <v>63</v>
      </c>
      <c r="AZ226">
        <v>126.25</v>
      </c>
      <c r="BA226">
        <v>0.58711521384729626</v>
      </c>
      <c r="BB226">
        <v>0.50373931623931623</v>
      </c>
      <c r="BC226">
        <v>5.2890123981603647</v>
      </c>
      <c r="BD226" t="s">
        <v>925</v>
      </c>
      <c r="BE226" t="s">
        <v>62</v>
      </c>
    </row>
    <row r="227" spans="1:57" x14ac:dyDescent="0.3">
      <c r="A227" t="s">
        <v>926</v>
      </c>
      <c r="B227">
        <v>1877</v>
      </c>
      <c r="C227" t="s">
        <v>927</v>
      </c>
      <c r="D227" t="s">
        <v>928</v>
      </c>
      <c r="E227" t="s">
        <v>72</v>
      </c>
      <c r="F227">
        <v>1880</v>
      </c>
      <c r="G227">
        <v>126.82021276595751</v>
      </c>
      <c r="H227">
        <v>128</v>
      </c>
      <c r="I227">
        <v>5315.6485276143048</v>
      </c>
      <c r="J227">
        <v>72.908494207563393</v>
      </c>
      <c r="K227">
        <v>-2.5859849487255761E-2</v>
      </c>
      <c r="L227">
        <v>-1.17625944347033</v>
      </c>
      <c r="M227">
        <v>7.897690839939373</v>
      </c>
      <c r="N227">
        <v>14</v>
      </c>
      <c r="O227">
        <v>1</v>
      </c>
      <c r="P227">
        <v>13</v>
      </c>
      <c r="Q227">
        <v>2.722698282494775</v>
      </c>
      <c r="R227">
        <v>5.4742621386380872</v>
      </c>
      <c r="S227">
        <v>2</v>
      </c>
      <c r="T227">
        <v>1</v>
      </c>
      <c r="U227">
        <v>1</v>
      </c>
      <c r="V227">
        <v>0.14029746995981179</v>
      </c>
      <c r="W227">
        <v>7.5111970263632077</v>
      </c>
      <c r="X227">
        <v>2</v>
      </c>
      <c r="Y227">
        <v>1</v>
      </c>
      <c r="Z227">
        <v>1</v>
      </c>
      <c r="AA227">
        <v>5.6523051565860252E-2</v>
      </c>
      <c r="AB227">
        <v>7.5335336043013719</v>
      </c>
      <c r="AC227">
        <v>2</v>
      </c>
      <c r="AD227">
        <v>1</v>
      </c>
      <c r="AE227">
        <v>1</v>
      </c>
      <c r="AF227">
        <v>5.1612074648704327E-2</v>
      </c>
      <c r="AG227">
        <v>7.5337371906591786</v>
      </c>
      <c r="AH227">
        <v>2.189958209815417E-2</v>
      </c>
      <c r="AI227">
        <v>1.405090127779246E-2</v>
      </c>
      <c r="AJ227">
        <v>-1.407181415584887E-2</v>
      </c>
      <c r="AK227">
        <v>-3.6821399057758268E-2</v>
      </c>
      <c r="AL227">
        <v>2926.835435758248</v>
      </c>
      <c r="AM227">
        <v>5627.0580530140114</v>
      </c>
      <c r="AN227">
        <v>238422</v>
      </c>
      <c r="AO227">
        <v>185.93478961645999</v>
      </c>
      <c r="AP227">
        <v>2566.234415881112</v>
      </c>
      <c r="AQ227">
        <v>1.012234042553191</v>
      </c>
      <c r="AR227">
        <v>3.990425531914894</v>
      </c>
      <c r="AS227">
        <v>1874</v>
      </c>
      <c r="AT227">
        <v>258.41702127659568</v>
      </c>
      <c r="AU227">
        <v>1.8241551939924942E-2</v>
      </c>
      <c r="AV227">
        <v>2.1926397291253241E-2</v>
      </c>
      <c r="AW227">
        <v>0.37446808510638302</v>
      </c>
      <c r="AX227">
        <v>84.050558807876527</v>
      </c>
      <c r="AY227">
        <v>62</v>
      </c>
      <c r="AZ227">
        <v>124</v>
      </c>
      <c r="BA227">
        <v>0.57489648233057011</v>
      </c>
      <c r="BB227">
        <v>0.50212765957446803</v>
      </c>
      <c r="BC227">
        <v>5.2678649356401959</v>
      </c>
      <c r="BD227" t="s">
        <v>929</v>
      </c>
      <c r="BE227" t="s">
        <v>68</v>
      </c>
    </row>
    <row r="228" spans="1:57" x14ac:dyDescent="0.3">
      <c r="A228" t="s">
        <v>930</v>
      </c>
      <c r="B228">
        <v>2364</v>
      </c>
      <c r="C228" t="s">
        <v>931</v>
      </c>
      <c r="D228" t="s">
        <v>932</v>
      </c>
      <c r="E228" t="s">
        <v>106</v>
      </c>
      <c r="F228">
        <v>2396</v>
      </c>
      <c r="G228">
        <v>129.79257095158599</v>
      </c>
      <c r="H228">
        <v>131</v>
      </c>
      <c r="I228">
        <v>5352.6744189327783</v>
      </c>
      <c r="J228">
        <v>73.161973858916483</v>
      </c>
      <c r="K228">
        <v>-4.5794129341825897E-2</v>
      </c>
      <c r="L228">
        <v>-1.18931884207501</v>
      </c>
      <c r="M228">
        <v>7.9282368365421174</v>
      </c>
      <c r="N228">
        <v>18</v>
      </c>
      <c r="O228">
        <v>3</v>
      </c>
      <c r="P228">
        <v>15</v>
      </c>
      <c r="Q228">
        <v>2.9480776973097229</v>
      </c>
      <c r="R228">
        <v>5.4954350100606728</v>
      </c>
      <c r="S228">
        <v>2</v>
      </c>
      <c r="T228">
        <v>1</v>
      </c>
      <c r="U228">
        <v>1</v>
      </c>
      <c r="V228">
        <v>0.14589133825402029</v>
      </c>
      <c r="W228">
        <v>7.7516182541384957</v>
      </c>
      <c r="X228">
        <v>1</v>
      </c>
      <c r="Y228">
        <v>1</v>
      </c>
      <c r="Z228">
        <v>0</v>
      </c>
      <c r="AA228">
        <v>0</v>
      </c>
      <c r="AB228">
        <v>7.7807208861179173</v>
      </c>
      <c r="AC228">
        <v>1</v>
      </c>
      <c r="AD228">
        <v>1</v>
      </c>
      <c r="AE228">
        <v>0</v>
      </c>
      <c r="AF228">
        <v>0</v>
      </c>
      <c r="AG228">
        <v>7.7803030879083757</v>
      </c>
      <c r="AH228">
        <v>4.8545680724619471E-3</v>
      </c>
      <c r="AI228">
        <v>6.2922547630035167E-4</v>
      </c>
      <c r="AJ228">
        <v>-1.4036248507629179E-2</v>
      </c>
      <c r="AK228">
        <v>3.4599384133457058E-3</v>
      </c>
      <c r="AL228">
        <v>3301.2126074989328</v>
      </c>
      <c r="AM228">
        <v>6503.0982093222374</v>
      </c>
      <c r="AN228">
        <v>310983</v>
      </c>
      <c r="AO228">
        <v>163.1418714319642</v>
      </c>
      <c r="AP228">
        <v>2958.3933616278891</v>
      </c>
      <c r="AQ228">
        <v>1.0095993322203669</v>
      </c>
      <c r="AR228">
        <v>4.0325542570951587</v>
      </c>
      <c r="AS228">
        <v>2383</v>
      </c>
      <c r="AT228">
        <v>237.72287145242069</v>
      </c>
      <c r="AU228">
        <v>2.2807620544044001E-2</v>
      </c>
      <c r="AV228">
        <v>4.8579800101736107E-3</v>
      </c>
      <c r="AW228">
        <v>0.36727879799666108</v>
      </c>
      <c r="AX228">
        <v>83.955741127348645</v>
      </c>
      <c r="AY228">
        <v>64</v>
      </c>
      <c r="AZ228">
        <v>128.25</v>
      </c>
      <c r="BA228">
        <v>0.56368383276887768</v>
      </c>
      <c r="BB228">
        <v>0.5041736227045075</v>
      </c>
      <c r="BC228">
        <v>5.2867738839317528</v>
      </c>
      <c r="BD228" t="s">
        <v>933</v>
      </c>
      <c r="BE228" t="s">
        <v>68</v>
      </c>
    </row>
    <row r="229" spans="1:57" x14ac:dyDescent="0.3">
      <c r="A229" t="s">
        <v>934</v>
      </c>
      <c r="B229">
        <v>2648</v>
      </c>
      <c r="C229" t="s">
        <v>935</v>
      </c>
      <c r="D229" t="s">
        <v>936</v>
      </c>
      <c r="E229" t="s">
        <v>72</v>
      </c>
      <c r="F229">
        <v>2656</v>
      </c>
      <c r="G229">
        <v>127.6487198795181</v>
      </c>
      <c r="H229">
        <v>131</v>
      </c>
      <c r="I229">
        <v>5493.0742679396044</v>
      </c>
      <c r="J229">
        <v>74.115276886345129</v>
      </c>
      <c r="K229">
        <v>-2.0536352126541962E-2</v>
      </c>
      <c r="L229">
        <v>-1.2067367881226949</v>
      </c>
      <c r="M229">
        <v>7.9279998577040738</v>
      </c>
      <c r="N229">
        <v>18</v>
      </c>
      <c r="O229">
        <v>3</v>
      </c>
      <c r="P229">
        <v>15</v>
      </c>
      <c r="Q229">
        <v>3.2439848180902451</v>
      </c>
      <c r="R229">
        <v>5.4952707488472239</v>
      </c>
      <c r="S229">
        <v>3</v>
      </c>
      <c r="T229">
        <v>1</v>
      </c>
      <c r="U229">
        <v>2</v>
      </c>
      <c r="V229">
        <v>0.1747864338502432</v>
      </c>
      <c r="W229">
        <v>7.8444478351768732</v>
      </c>
      <c r="X229">
        <v>2</v>
      </c>
      <c r="Y229">
        <v>1</v>
      </c>
      <c r="Z229">
        <v>1</v>
      </c>
      <c r="AA229">
        <v>6.7241235401067231E-2</v>
      </c>
      <c r="AB229">
        <v>7.8775551168011821</v>
      </c>
      <c r="AC229">
        <v>2</v>
      </c>
      <c r="AD229">
        <v>1</v>
      </c>
      <c r="AE229">
        <v>1</v>
      </c>
      <c r="AF229">
        <v>6.1394330307640188E-2</v>
      </c>
      <c r="AG229">
        <v>7.8782209701908119</v>
      </c>
      <c r="AH229">
        <v>1.100939360479845E-2</v>
      </c>
      <c r="AI229">
        <v>9.3032891881383254E-3</v>
      </c>
      <c r="AJ229">
        <v>-1.6091427059341881E-2</v>
      </c>
      <c r="AK229">
        <v>-2.1051569835866452E-2</v>
      </c>
      <c r="AL229">
        <v>3510.7451432532221</v>
      </c>
      <c r="AM229">
        <v>6748.4559374070104</v>
      </c>
      <c r="AN229">
        <v>339035</v>
      </c>
      <c r="AO229">
        <v>82.388616832305701</v>
      </c>
      <c r="AP229">
        <v>3180.8119572171258</v>
      </c>
      <c r="AQ229">
        <v>1.008659638554217</v>
      </c>
      <c r="AR229">
        <v>3.9917168674698789</v>
      </c>
      <c r="AS229">
        <v>2651</v>
      </c>
      <c r="AT229">
        <v>259.66265060240971</v>
      </c>
      <c r="AU229">
        <v>1.9021674935034261E-2</v>
      </c>
      <c r="AV229">
        <v>1.101196961058142E-2</v>
      </c>
      <c r="AW229">
        <v>0.35429216867469882</v>
      </c>
      <c r="AX229">
        <v>84.991337099811673</v>
      </c>
      <c r="AY229">
        <v>64</v>
      </c>
      <c r="AZ229">
        <v>128</v>
      </c>
      <c r="BA229">
        <v>0.58061903759238032</v>
      </c>
      <c r="BB229">
        <v>0.51091867469879515</v>
      </c>
      <c r="BC229">
        <v>5.2960907107010957</v>
      </c>
      <c r="BD229" t="s">
        <v>937</v>
      </c>
      <c r="BE229" t="s">
        <v>62</v>
      </c>
    </row>
    <row r="230" spans="1:57" x14ac:dyDescent="0.3">
      <c r="A230" t="s">
        <v>938</v>
      </c>
      <c r="B230">
        <v>1816</v>
      </c>
      <c r="C230" t="s">
        <v>939</v>
      </c>
      <c r="D230" t="s">
        <v>940</v>
      </c>
      <c r="E230" t="s">
        <v>93</v>
      </c>
      <c r="F230">
        <v>1854</v>
      </c>
      <c r="G230">
        <v>128.23786407766991</v>
      </c>
      <c r="H230">
        <v>128</v>
      </c>
      <c r="I230">
        <v>5411.4757831401012</v>
      </c>
      <c r="J230">
        <v>73.562733657335642</v>
      </c>
      <c r="K230">
        <v>-2.2484060719688101E-2</v>
      </c>
      <c r="L230">
        <v>-1.1851078078166091</v>
      </c>
      <c r="M230">
        <v>7.9094427942802854</v>
      </c>
      <c r="N230">
        <v>14</v>
      </c>
      <c r="O230">
        <v>2</v>
      </c>
      <c r="P230">
        <v>12</v>
      </c>
      <c r="Q230">
        <v>2.5456644937704871</v>
      </c>
      <c r="R230">
        <v>5.4824079726555546</v>
      </c>
      <c r="S230">
        <v>2</v>
      </c>
      <c r="T230">
        <v>1</v>
      </c>
      <c r="U230">
        <v>1</v>
      </c>
      <c r="V230">
        <v>0.1229108396278768</v>
      </c>
      <c r="W230">
        <v>7.5036134431707557</v>
      </c>
      <c r="X230">
        <v>1</v>
      </c>
      <c r="Y230">
        <v>1</v>
      </c>
      <c r="Z230">
        <v>0</v>
      </c>
      <c r="AA230">
        <v>0</v>
      </c>
      <c r="AB230">
        <v>7.524021415206124</v>
      </c>
      <c r="AC230">
        <v>1</v>
      </c>
      <c r="AD230">
        <v>1</v>
      </c>
      <c r="AE230">
        <v>0</v>
      </c>
      <c r="AF230">
        <v>0</v>
      </c>
      <c r="AG230">
        <v>7.5234813125734954</v>
      </c>
      <c r="AH230">
        <v>2.3327592602086021E-2</v>
      </c>
      <c r="AI230">
        <v>2.1614649017469179E-2</v>
      </c>
      <c r="AJ230">
        <v>-3.2938629207756302E-2</v>
      </c>
      <c r="AK230">
        <v>-2.1315997790596689E-2</v>
      </c>
      <c r="AL230">
        <v>2947.5944910526341</v>
      </c>
      <c r="AM230">
        <v>5642.118371349201</v>
      </c>
      <c r="AN230">
        <v>237753</v>
      </c>
      <c r="AO230">
        <v>156.24370147260811</v>
      </c>
      <c r="AP230">
        <v>2692.3306715768808</v>
      </c>
      <c r="AQ230">
        <v>1.0124056094929881</v>
      </c>
      <c r="AR230">
        <v>3.9983818770226538</v>
      </c>
      <c r="AS230">
        <v>1849</v>
      </c>
      <c r="AT230">
        <v>229.07227615965479</v>
      </c>
      <c r="AU230">
        <v>1.470905514309284E-2</v>
      </c>
      <c r="AV230">
        <v>2.3333065400927919E-2</v>
      </c>
      <c r="AW230">
        <v>0.37108953613807982</v>
      </c>
      <c r="AX230">
        <v>84.081489476524553</v>
      </c>
      <c r="AY230">
        <v>63.5</v>
      </c>
      <c r="AZ230">
        <v>126.75</v>
      </c>
      <c r="BA230">
        <v>0.57364284867362458</v>
      </c>
      <c r="BB230">
        <v>0.49838187702265369</v>
      </c>
      <c r="BC230">
        <v>5.270323007980573</v>
      </c>
      <c r="BD230" t="s">
        <v>941</v>
      </c>
      <c r="BE230" t="s">
        <v>68</v>
      </c>
    </row>
    <row r="231" spans="1:57" x14ac:dyDescent="0.3">
      <c r="A231" t="s">
        <v>942</v>
      </c>
      <c r="B231">
        <v>3362</v>
      </c>
      <c r="C231" t="s">
        <v>943</v>
      </c>
      <c r="D231" t="s">
        <v>944</v>
      </c>
      <c r="E231" t="s">
        <v>85</v>
      </c>
      <c r="F231">
        <v>8</v>
      </c>
      <c r="G231">
        <v>182.375</v>
      </c>
      <c r="H231">
        <v>194.5</v>
      </c>
      <c r="I231">
        <v>1854.984375</v>
      </c>
      <c r="J231">
        <v>43.069529542357436</v>
      </c>
      <c r="K231">
        <v>-1.0726278736939741</v>
      </c>
      <c r="L231">
        <v>0.15477743335974289</v>
      </c>
      <c r="M231">
        <v>3</v>
      </c>
      <c r="N231">
        <v>1</v>
      </c>
      <c r="O231">
        <v>1</v>
      </c>
      <c r="P231">
        <v>0</v>
      </c>
      <c r="Q231">
        <v>0</v>
      </c>
      <c r="R231">
        <v>2.0794415416798362</v>
      </c>
      <c r="S231">
        <v>1</v>
      </c>
      <c r="T231">
        <v>1</v>
      </c>
      <c r="U231">
        <v>0</v>
      </c>
      <c r="V231">
        <v>0</v>
      </c>
      <c r="W231">
        <v>1.945910149055313</v>
      </c>
      <c r="X231">
        <v>1</v>
      </c>
      <c r="Y231">
        <v>1</v>
      </c>
      <c r="Z231">
        <v>0</v>
      </c>
      <c r="AA231">
        <v>0</v>
      </c>
      <c r="AB231">
        <v>1.791759469228055</v>
      </c>
      <c r="AC231">
        <v>1</v>
      </c>
      <c r="AD231">
        <v>1</v>
      </c>
      <c r="AE231">
        <v>0</v>
      </c>
      <c r="AF231">
        <v>0</v>
      </c>
      <c r="AG231">
        <v>1.6094379124341009</v>
      </c>
      <c r="AH231">
        <v>0.29376826792678512</v>
      </c>
      <c r="AI231">
        <v>-1.465856349868176E-2</v>
      </c>
      <c r="AJ231">
        <v>-7.8846898979944235E-2</v>
      </c>
      <c r="AK231">
        <v>0</v>
      </c>
      <c r="AL231">
        <v>291.75595197348639</v>
      </c>
      <c r="AM231">
        <v>442.49685251767011</v>
      </c>
      <c r="AN231">
        <v>1459</v>
      </c>
      <c r="AO231">
        <v>71</v>
      </c>
      <c r="AP231">
        <v>145</v>
      </c>
      <c r="AQ231">
        <v>3.5</v>
      </c>
      <c r="AR231">
        <v>4.625</v>
      </c>
      <c r="AS231">
        <v>8</v>
      </c>
      <c r="AT231">
        <v>0</v>
      </c>
      <c r="AU231">
        <v>0.38528138528138528</v>
      </c>
      <c r="AV231">
        <v>0.35263197493231302</v>
      </c>
      <c r="AW231">
        <v>0.125</v>
      </c>
      <c r="AX231">
        <v>39.714285714285722</v>
      </c>
      <c r="AY231">
        <v>18.5</v>
      </c>
      <c r="AZ231">
        <v>29</v>
      </c>
      <c r="BA231">
        <v>0.23615917500949929</v>
      </c>
      <c r="BB231">
        <v>0.75</v>
      </c>
      <c r="BC231">
        <v>1.945910149055313</v>
      </c>
      <c r="BD231" t="s">
        <v>943</v>
      </c>
      <c r="BE231" t="s">
        <v>68</v>
      </c>
    </row>
    <row r="232" spans="1:57" x14ac:dyDescent="0.3">
      <c r="A232" t="s">
        <v>945</v>
      </c>
      <c r="B232">
        <v>2274</v>
      </c>
      <c r="C232" t="s">
        <v>946</v>
      </c>
      <c r="D232" t="s">
        <v>947</v>
      </c>
      <c r="E232" t="s">
        <v>106</v>
      </c>
      <c r="F232">
        <v>2322</v>
      </c>
      <c r="G232">
        <v>128.22480620155039</v>
      </c>
      <c r="H232">
        <v>129</v>
      </c>
      <c r="I232">
        <v>5447.3189712156718</v>
      </c>
      <c r="J232">
        <v>73.805954849291609</v>
      </c>
      <c r="K232">
        <v>-3.0123818640394269E-2</v>
      </c>
      <c r="L232">
        <v>-1.1969534121498511</v>
      </c>
      <c r="M232">
        <v>7.9328236632171398</v>
      </c>
      <c r="N232">
        <v>17</v>
      </c>
      <c r="O232">
        <v>3</v>
      </c>
      <c r="P232">
        <v>14</v>
      </c>
      <c r="Q232">
        <v>2.720534166729716</v>
      </c>
      <c r="R232">
        <v>5.4986143560381793</v>
      </c>
      <c r="S232">
        <v>2</v>
      </c>
      <c r="T232">
        <v>1</v>
      </c>
      <c r="U232">
        <v>1</v>
      </c>
      <c r="V232">
        <v>0.13449722133688879</v>
      </c>
      <c r="W232">
        <v>7.7246675108987244</v>
      </c>
      <c r="X232">
        <v>2</v>
      </c>
      <c r="Y232">
        <v>1</v>
      </c>
      <c r="Z232">
        <v>1</v>
      </c>
      <c r="AA232">
        <v>2.0761368033136222E-2</v>
      </c>
      <c r="AB232">
        <v>7.7487249239874583</v>
      </c>
      <c r="AC232">
        <v>1</v>
      </c>
      <c r="AD232">
        <v>1</v>
      </c>
      <c r="AE232">
        <v>0</v>
      </c>
      <c r="AF232">
        <v>0</v>
      </c>
      <c r="AG232">
        <v>7.7488913372555324</v>
      </c>
      <c r="AH232">
        <v>1.1370675935340149E-2</v>
      </c>
      <c r="AI232">
        <v>-5.5436455562439681E-2</v>
      </c>
      <c r="AJ232">
        <v>5.0042192675051278E-2</v>
      </c>
      <c r="AK232">
        <v>-3.4993998907860237E-2</v>
      </c>
      <c r="AL232">
        <v>3248.4063927615739</v>
      </c>
      <c r="AM232">
        <v>6346.1742733292267</v>
      </c>
      <c r="AN232">
        <v>297738</v>
      </c>
      <c r="AO232">
        <v>20.5667140405411</v>
      </c>
      <c r="AP232">
        <v>2882.1148752274371</v>
      </c>
      <c r="AQ232">
        <v>1.0099052540913001</v>
      </c>
      <c r="AR232">
        <v>4.0314384151593456</v>
      </c>
      <c r="AS232">
        <v>2312</v>
      </c>
      <c r="AT232">
        <v>208.89405684754519</v>
      </c>
      <c r="AU232">
        <v>1.57470740234078E-2</v>
      </c>
      <c r="AV232">
        <v>1.1380631344811799E-2</v>
      </c>
      <c r="AW232">
        <v>0.359603789836348</v>
      </c>
      <c r="AX232">
        <v>84.220163722533385</v>
      </c>
      <c r="AY232">
        <v>63</v>
      </c>
      <c r="AZ232">
        <v>126.75</v>
      </c>
      <c r="BA232">
        <v>0.57559810020909363</v>
      </c>
      <c r="BB232">
        <v>0.50129198966408273</v>
      </c>
      <c r="BC232">
        <v>5.2942269462717739</v>
      </c>
      <c r="BD232" t="s">
        <v>948</v>
      </c>
      <c r="BE232" t="s">
        <v>68</v>
      </c>
    </row>
    <row r="233" spans="1:57" x14ac:dyDescent="0.3">
      <c r="A233" t="s">
        <v>949</v>
      </c>
      <c r="B233">
        <v>2368</v>
      </c>
      <c r="C233" t="s">
        <v>950</v>
      </c>
      <c r="D233" t="s">
        <v>951</v>
      </c>
      <c r="E233" t="s">
        <v>106</v>
      </c>
      <c r="F233">
        <v>2442</v>
      </c>
      <c r="G233">
        <v>127.4348894348894</v>
      </c>
      <c r="H233">
        <v>129</v>
      </c>
      <c r="I233">
        <v>5450.6700030385537</v>
      </c>
      <c r="J233">
        <v>73.828652994881011</v>
      </c>
      <c r="K233">
        <v>8.7920868103031052E-3</v>
      </c>
      <c r="L233">
        <v>-1.1954967496114479</v>
      </c>
      <c r="M233">
        <v>7.9285344879364548</v>
      </c>
      <c r="N233">
        <v>18</v>
      </c>
      <c r="O233">
        <v>1</v>
      </c>
      <c r="P233">
        <v>17</v>
      </c>
      <c r="Q233">
        <v>2.849326596418269</v>
      </c>
      <c r="R233">
        <v>5.4956413262854369</v>
      </c>
      <c r="S233">
        <v>2</v>
      </c>
      <c r="T233">
        <v>1</v>
      </c>
      <c r="U233">
        <v>1</v>
      </c>
      <c r="V233">
        <v>0.14165209727753619</v>
      </c>
      <c r="W233">
        <v>7.7723349574495462</v>
      </c>
      <c r="X233">
        <v>2</v>
      </c>
      <c r="Y233">
        <v>1</v>
      </c>
      <c r="Z233">
        <v>1</v>
      </c>
      <c r="AA233">
        <v>2.024440655289628E-2</v>
      </c>
      <c r="AB233">
        <v>7.7991851648605586</v>
      </c>
      <c r="AC233">
        <v>1</v>
      </c>
      <c r="AD233">
        <v>1</v>
      </c>
      <c r="AE233">
        <v>0</v>
      </c>
      <c r="AF233">
        <v>0</v>
      </c>
      <c r="AG233">
        <v>7.7993433982159193</v>
      </c>
      <c r="AH233">
        <v>-4.5756231467103517E-2</v>
      </c>
      <c r="AI233">
        <v>5.9770329874856724E-3</v>
      </c>
      <c r="AJ233">
        <v>-1.6550041342532799E-2</v>
      </c>
      <c r="AK233">
        <v>3.0616218508820459E-2</v>
      </c>
      <c r="AL233">
        <v>3360.7409768682669</v>
      </c>
      <c r="AM233">
        <v>6455.4770611007934</v>
      </c>
      <c r="AN233">
        <v>311196</v>
      </c>
      <c r="AO233">
        <v>22.68385011626394</v>
      </c>
      <c r="AP233">
        <v>3053.8456491324409</v>
      </c>
      <c r="AQ233">
        <v>1.00941850941851</v>
      </c>
      <c r="AR233">
        <v>3.9836199836199842</v>
      </c>
      <c r="AS233">
        <v>2433</v>
      </c>
      <c r="AT233">
        <v>216.18181818181819</v>
      </c>
      <c r="AU233">
        <v>1.0796357855181351E-2</v>
      </c>
      <c r="AV233">
        <v>-4.5782340281042139E-2</v>
      </c>
      <c r="AW233">
        <v>0.36609336609336612</v>
      </c>
      <c r="AX233">
        <v>88.145022531749277</v>
      </c>
      <c r="AY233">
        <v>64</v>
      </c>
      <c r="AZ233">
        <v>128</v>
      </c>
      <c r="BA233">
        <v>0.57934411307825107</v>
      </c>
      <c r="BB233">
        <v>0.50859950859950864</v>
      </c>
      <c r="BC233">
        <v>5.3189075631823552</v>
      </c>
      <c r="BD233" t="s">
        <v>952</v>
      </c>
      <c r="BE233" t="s">
        <v>68</v>
      </c>
    </row>
    <row r="234" spans="1:57" x14ac:dyDescent="0.3">
      <c r="A234" t="s">
        <v>953</v>
      </c>
      <c r="B234">
        <v>891</v>
      </c>
      <c r="C234" t="s">
        <v>954</v>
      </c>
      <c r="D234" t="s">
        <v>955</v>
      </c>
      <c r="E234" t="s">
        <v>93</v>
      </c>
      <c r="F234">
        <v>891</v>
      </c>
      <c r="G234">
        <v>124.5937149270483</v>
      </c>
      <c r="H234">
        <v>125</v>
      </c>
      <c r="I234">
        <v>5559.7047416426403</v>
      </c>
      <c r="J234">
        <v>74.563427641455974</v>
      </c>
      <c r="K234">
        <v>2.744478624731252E-2</v>
      </c>
      <c r="L234">
        <v>-1.2181451731254589</v>
      </c>
      <c r="M234">
        <v>7.7993182309111742</v>
      </c>
      <c r="N234">
        <v>8</v>
      </c>
      <c r="O234">
        <v>1</v>
      </c>
      <c r="P234">
        <v>7</v>
      </c>
      <c r="Q234">
        <v>1.7241286153389019</v>
      </c>
      <c r="R234">
        <v>5.4060754420458501</v>
      </c>
      <c r="S234">
        <v>2</v>
      </c>
      <c r="T234">
        <v>1</v>
      </c>
      <c r="U234">
        <v>1</v>
      </c>
      <c r="V234">
        <v>8.2105191455312462E-2</v>
      </c>
      <c r="W234">
        <v>6.7818756580444788</v>
      </c>
      <c r="X234">
        <v>1</v>
      </c>
      <c r="Y234">
        <v>1</v>
      </c>
      <c r="Z234">
        <v>0</v>
      </c>
      <c r="AA234">
        <v>0</v>
      </c>
      <c r="AB234">
        <v>6.7900972355139038</v>
      </c>
      <c r="AC234">
        <v>1</v>
      </c>
      <c r="AD234">
        <v>1</v>
      </c>
      <c r="AE234">
        <v>0</v>
      </c>
      <c r="AF234">
        <v>0</v>
      </c>
      <c r="AG234">
        <v>6.7889717429921674</v>
      </c>
      <c r="AH234">
        <v>-5.0388231392557558E-6</v>
      </c>
      <c r="AI234">
        <v>-4.5189185181097997E-2</v>
      </c>
      <c r="AJ234">
        <v>-4.6691395247997211E-3</v>
      </c>
      <c r="AK234">
        <v>4.0025778307275418E-2</v>
      </c>
      <c r="AL234">
        <v>2095.7864856008509</v>
      </c>
      <c r="AM234">
        <v>3793.797307022719</v>
      </c>
      <c r="AN234">
        <v>111013</v>
      </c>
      <c r="AO234">
        <v>27.245392330028249</v>
      </c>
      <c r="AP234">
        <v>1879.6041471817921</v>
      </c>
      <c r="AQ234">
        <v>1.0258136924803589</v>
      </c>
      <c r="AR234">
        <v>4.0157126823793492</v>
      </c>
      <c r="AS234">
        <v>889</v>
      </c>
      <c r="AT234">
        <v>210.18855218855219</v>
      </c>
      <c r="AU234">
        <v>3.1253713606654798E-2</v>
      </c>
      <c r="AV234">
        <v>-5.1912459688565428E-6</v>
      </c>
      <c r="AW234">
        <v>0.36363636363636359</v>
      </c>
      <c r="AX234">
        <v>87.068539325842693</v>
      </c>
      <c r="AY234">
        <v>66</v>
      </c>
      <c r="AZ234">
        <v>132</v>
      </c>
      <c r="BA234">
        <v>0.59845255986719825</v>
      </c>
      <c r="BB234">
        <v>0.50056116722783395</v>
      </c>
      <c r="BC234">
        <v>5.2079000189750957</v>
      </c>
      <c r="BD234" t="s">
        <v>956</v>
      </c>
      <c r="BE234" t="s">
        <v>68</v>
      </c>
    </row>
    <row r="235" spans="1:57" x14ac:dyDescent="0.3">
      <c r="A235" t="s">
        <v>957</v>
      </c>
      <c r="B235">
        <v>853</v>
      </c>
      <c r="C235" t="s">
        <v>958</v>
      </c>
      <c r="D235" t="s">
        <v>959</v>
      </c>
      <c r="E235" t="s">
        <v>128</v>
      </c>
      <c r="F235">
        <v>32</v>
      </c>
      <c r="G235">
        <v>99.8125</v>
      </c>
      <c r="H235">
        <v>77.5</v>
      </c>
      <c r="I235">
        <v>5154.58984375</v>
      </c>
      <c r="J235">
        <v>71.795472306754831</v>
      </c>
      <c r="K235">
        <v>0.69058130414699259</v>
      </c>
      <c r="L235">
        <v>-0.82916075099716391</v>
      </c>
      <c r="M235">
        <v>4.9375</v>
      </c>
      <c r="N235">
        <v>2</v>
      </c>
      <c r="O235">
        <v>1</v>
      </c>
      <c r="P235">
        <v>1</v>
      </c>
      <c r="Q235">
        <v>0.17668469596940839</v>
      </c>
      <c r="R235">
        <v>3.422414204014729</v>
      </c>
      <c r="S235">
        <v>1</v>
      </c>
      <c r="T235">
        <v>1</v>
      </c>
      <c r="U235">
        <v>0</v>
      </c>
      <c r="V235">
        <v>0</v>
      </c>
      <c r="W235">
        <v>3.4339872044851458</v>
      </c>
      <c r="X235">
        <v>1</v>
      </c>
      <c r="Y235">
        <v>1</v>
      </c>
      <c r="Z235">
        <v>0</v>
      </c>
      <c r="AA235">
        <v>0</v>
      </c>
      <c r="AB235">
        <v>3.401197381662155</v>
      </c>
      <c r="AC235">
        <v>1</v>
      </c>
      <c r="AD235">
        <v>1</v>
      </c>
      <c r="AE235">
        <v>0</v>
      </c>
      <c r="AF235">
        <v>0</v>
      </c>
      <c r="AG235">
        <v>3.3672958299864728</v>
      </c>
      <c r="AH235">
        <v>7.3234351022109387E-2</v>
      </c>
      <c r="AI235">
        <v>-0.25023288748271222</v>
      </c>
      <c r="AJ235">
        <v>4.1860897448041987E-2</v>
      </c>
      <c r="AK235">
        <v>-0.15607776177936081</v>
      </c>
      <c r="AL235">
        <v>452.46568637222072</v>
      </c>
      <c r="AM235">
        <v>528.22609047236131</v>
      </c>
      <c r="AN235">
        <v>3194</v>
      </c>
      <c r="AO235">
        <v>14</v>
      </c>
      <c r="AP235">
        <v>303.83245824737372</v>
      </c>
      <c r="AQ235">
        <v>1.65625</v>
      </c>
      <c r="AR235">
        <v>3.6875</v>
      </c>
      <c r="AS235">
        <v>31</v>
      </c>
      <c r="AT235">
        <v>0.93749999999999978</v>
      </c>
      <c r="AU235">
        <v>0.27413617886178859</v>
      </c>
      <c r="AV235">
        <v>7.3974828810716098E-2</v>
      </c>
      <c r="AW235">
        <v>0.5</v>
      </c>
      <c r="AX235">
        <v>79.967741935483872</v>
      </c>
      <c r="AY235">
        <v>44</v>
      </c>
      <c r="AZ235">
        <v>99.25</v>
      </c>
      <c r="BA235">
        <v>0.71930341697437528</v>
      </c>
      <c r="BB235">
        <v>0.34375</v>
      </c>
      <c r="BC235">
        <v>3.2551105127277409</v>
      </c>
      <c r="BD235" t="s">
        <v>960</v>
      </c>
      <c r="BE235" t="s">
        <v>62</v>
      </c>
    </row>
    <row r="236" spans="1:57" x14ac:dyDescent="0.3">
      <c r="A236" t="s">
        <v>961</v>
      </c>
      <c r="B236">
        <v>2779</v>
      </c>
      <c r="C236" t="s">
        <v>962</v>
      </c>
      <c r="D236" t="s">
        <v>963</v>
      </c>
      <c r="E236" t="s">
        <v>85</v>
      </c>
      <c r="F236">
        <v>8</v>
      </c>
      <c r="G236">
        <v>96.5</v>
      </c>
      <c r="H236">
        <v>99</v>
      </c>
      <c r="I236">
        <v>4202</v>
      </c>
      <c r="J236">
        <v>64.822835482567413</v>
      </c>
      <c r="K236">
        <v>0.16519460824539819</v>
      </c>
      <c r="L236">
        <v>-1.3711826649092329</v>
      </c>
      <c r="M236">
        <v>3</v>
      </c>
      <c r="N236">
        <v>1</v>
      </c>
      <c r="O236">
        <v>1</v>
      </c>
      <c r="P236">
        <v>0</v>
      </c>
      <c r="Q236">
        <v>0</v>
      </c>
      <c r="R236">
        <v>2.0794415416798362</v>
      </c>
      <c r="S236">
        <v>1</v>
      </c>
      <c r="T236">
        <v>1</v>
      </c>
      <c r="U236">
        <v>0</v>
      </c>
      <c r="V236">
        <v>0</v>
      </c>
      <c r="W236">
        <v>1.945910149055313</v>
      </c>
      <c r="X236">
        <v>1</v>
      </c>
      <c r="Y236">
        <v>1</v>
      </c>
      <c r="Z236">
        <v>0</v>
      </c>
      <c r="AA236">
        <v>0</v>
      </c>
      <c r="AB236">
        <v>1.791759469228055</v>
      </c>
      <c r="AC236">
        <v>1</v>
      </c>
      <c r="AD236">
        <v>1</v>
      </c>
      <c r="AE236">
        <v>0</v>
      </c>
      <c r="AF236">
        <v>0</v>
      </c>
      <c r="AG236">
        <v>1.6094379124341009</v>
      </c>
      <c r="AH236">
        <v>-0.51465819847691574</v>
      </c>
      <c r="AI236">
        <v>6.7631485007139461E-2</v>
      </c>
      <c r="AJ236">
        <v>7.3528974297953353E-2</v>
      </c>
      <c r="AK236">
        <v>0</v>
      </c>
      <c r="AL236">
        <v>259.88755697452558</v>
      </c>
      <c r="AM236">
        <v>201.4260602052592</v>
      </c>
      <c r="AN236">
        <v>772</v>
      </c>
      <c r="AO236">
        <v>98.658100592642654</v>
      </c>
      <c r="AP236">
        <v>212.0052081920559</v>
      </c>
      <c r="AQ236">
        <v>3.5</v>
      </c>
      <c r="AR236">
        <v>3</v>
      </c>
      <c r="AS236">
        <v>8</v>
      </c>
      <c r="AT236">
        <v>0</v>
      </c>
      <c r="AU236">
        <v>0.23706896551724141</v>
      </c>
      <c r="AV236">
        <v>-0.54957772269060601</v>
      </c>
      <c r="AW236">
        <v>0.375</v>
      </c>
      <c r="AX236">
        <v>109</v>
      </c>
      <c r="AY236">
        <v>58</v>
      </c>
      <c r="AZ236">
        <v>104.5</v>
      </c>
      <c r="BA236">
        <v>0.67173922779862605</v>
      </c>
      <c r="BB236">
        <v>0.5</v>
      </c>
      <c r="BC236">
        <v>1.945910149055313</v>
      </c>
      <c r="BD236" t="s">
        <v>962</v>
      </c>
      <c r="BE236" t="s">
        <v>68</v>
      </c>
    </row>
    <row r="237" spans="1:57" x14ac:dyDescent="0.3">
      <c r="A237" t="s">
        <v>964</v>
      </c>
      <c r="B237">
        <v>1809</v>
      </c>
      <c r="C237" t="s">
        <v>965</v>
      </c>
      <c r="D237" t="s">
        <v>966</v>
      </c>
      <c r="E237" t="s">
        <v>128</v>
      </c>
      <c r="F237">
        <v>32</v>
      </c>
      <c r="G237">
        <v>134.78125</v>
      </c>
      <c r="H237">
        <v>123</v>
      </c>
      <c r="I237">
        <v>4426.9208984375</v>
      </c>
      <c r="J237">
        <v>66.535110268470291</v>
      </c>
      <c r="K237">
        <v>5.3326479219126192E-2</v>
      </c>
      <c r="L237">
        <v>-1.041270114501097</v>
      </c>
      <c r="M237">
        <v>4.9375</v>
      </c>
      <c r="N237">
        <v>2</v>
      </c>
      <c r="O237">
        <v>1</v>
      </c>
      <c r="P237">
        <v>1</v>
      </c>
      <c r="Q237">
        <v>0.1766846959694085</v>
      </c>
      <c r="R237">
        <v>3.422414204014729</v>
      </c>
      <c r="S237">
        <v>1</v>
      </c>
      <c r="T237">
        <v>1</v>
      </c>
      <c r="U237">
        <v>0</v>
      </c>
      <c r="V237">
        <v>0</v>
      </c>
      <c r="W237">
        <v>3.4339872044851458</v>
      </c>
      <c r="X237">
        <v>1</v>
      </c>
      <c r="Y237">
        <v>1</v>
      </c>
      <c r="Z237">
        <v>0</v>
      </c>
      <c r="AA237">
        <v>0</v>
      </c>
      <c r="AB237">
        <v>3.401197381662155</v>
      </c>
      <c r="AC237">
        <v>1</v>
      </c>
      <c r="AD237">
        <v>1</v>
      </c>
      <c r="AE237">
        <v>0</v>
      </c>
      <c r="AF237">
        <v>0</v>
      </c>
      <c r="AG237">
        <v>3.3672958299864728</v>
      </c>
      <c r="AH237">
        <v>3.565773525440382E-2</v>
      </c>
      <c r="AI237">
        <v>-5.6128667882740686E-3</v>
      </c>
      <c r="AJ237">
        <v>-4.8627517197138342E-2</v>
      </c>
      <c r="AK237">
        <v>7.5054302543894807E-2</v>
      </c>
      <c r="AL237">
        <v>473.88772936513942</v>
      </c>
      <c r="AM237">
        <v>705.97692593820113</v>
      </c>
      <c r="AN237">
        <v>4313</v>
      </c>
      <c r="AO237">
        <v>107.9281083321771</v>
      </c>
      <c r="AP237">
        <v>310.80516279688197</v>
      </c>
      <c r="AQ237">
        <v>1.71875</v>
      </c>
      <c r="AR237">
        <v>3.84375</v>
      </c>
      <c r="AS237">
        <v>32</v>
      </c>
      <c r="AT237">
        <v>0.93749999999999978</v>
      </c>
      <c r="AU237">
        <v>7.6331967213114749E-2</v>
      </c>
      <c r="AV237">
        <v>3.8400071031337198E-2</v>
      </c>
      <c r="AW237">
        <v>0.5</v>
      </c>
      <c r="AX237">
        <v>74.225806451612897</v>
      </c>
      <c r="AY237">
        <v>48</v>
      </c>
      <c r="AZ237">
        <v>103.25</v>
      </c>
      <c r="BA237">
        <v>0.49365256865083451</v>
      </c>
      <c r="BB237">
        <v>0.46875</v>
      </c>
      <c r="BC237">
        <v>3.3445488586064429</v>
      </c>
      <c r="BD237" t="s">
        <v>967</v>
      </c>
      <c r="BE237" t="s">
        <v>62</v>
      </c>
    </row>
    <row r="238" spans="1:57" x14ac:dyDescent="0.3">
      <c r="A238" t="s">
        <v>968</v>
      </c>
      <c r="B238">
        <v>1170</v>
      </c>
      <c r="C238" t="s">
        <v>969</v>
      </c>
      <c r="D238" t="s">
        <v>970</v>
      </c>
      <c r="E238" t="s">
        <v>10622</v>
      </c>
      <c r="F238">
        <v>64</v>
      </c>
      <c r="G238">
        <v>139.703125</v>
      </c>
      <c r="H238">
        <v>142.5</v>
      </c>
      <c r="I238">
        <v>5318.896240234375</v>
      </c>
      <c r="J238">
        <v>72.930763332316602</v>
      </c>
      <c r="K238">
        <v>-0.2323607177878399</v>
      </c>
      <c r="L238">
        <v>-1.110763972165413</v>
      </c>
      <c r="M238">
        <v>5.625</v>
      </c>
      <c r="N238">
        <v>4</v>
      </c>
      <c r="O238">
        <v>1</v>
      </c>
      <c r="P238">
        <v>3</v>
      </c>
      <c r="Q238">
        <v>0.61083046305446809</v>
      </c>
      <c r="R238">
        <v>3.898952890649694</v>
      </c>
      <c r="S238">
        <v>1</v>
      </c>
      <c r="T238">
        <v>1</v>
      </c>
      <c r="U238">
        <v>0</v>
      </c>
      <c r="V238">
        <v>0</v>
      </c>
      <c r="W238">
        <v>4.1431347263915326</v>
      </c>
      <c r="X238">
        <v>1</v>
      </c>
      <c r="Y238">
        <v>1</v>
      </c>
      <c r="Z238">
        <v>0</v>
      </c>
      <c r="AA238">
        <v>0</v>
      </c>
      <c r="AB238">
        <v>4.1271343850450908</v>
      </c>
      <c r="AC238">
        <v>1</v>
      </c>
      <c r="AD238">
        <v>1</v>
      </c>
      <c r="AE238">
        <v>0</v>
      </c>
      <c r="AF238">
        <v>0</v>
      </c>
      <c r="AG238">
        <v>4.1108738641733096</v>
      </c>
      <c r="AH238">
        <v>-0.1140997858609939</v>
      </c>
      <c r="AI238">
        <v>-0.1172345979787479</v>
      </c>
      <c r="AJ238">
        <v>0.17888938758316669</v>
      </c>
      <c r="AK238">
        <v>-4.5707624641177648E-2</v>
      </c>
      <c r="AL238">
        <v>683.86521843970911</v>
      </c>
      <c r="AM238">
        <v>1059.161632145165</v>
      </c>
      <c r="AN238">
        <v>8941</v>
      </c>
      <c r="AO238">
        <v>165.03727566739451</v>
      </c>
      <c r="AP238">
        <v>567.52440300516753</v>
      </c>
      <c r="AQ238">
        <v>1.359375</v>
      </c>
      <c r="AR238">
        <v>4</v>
      </c>
      <c r="AS238">
        <v>64</v>
      </c>
      <c r="AT238">
        <v>17.000000000000011</v>
      </c>
      <c r="AU238">
        <v>0.11656746031746031</v>
      </c>
      <c r="AV238">
        <v>-0.11493306715794099</v>
      </c>
      <c r="AW238">
        <v>0.328125</v>
      </c>
      <c r="AX238">
        <v>91.904761904761898</v>
      </c>
      <c r="AY238">
        <v>54</v>
      </c>
      <c r="AZ238">
        <v>106</v>
      </c>
      <c r="BA238">
        <v>0.52204103045165673</v>
      </c>
      <c r="BB238">
        <v>0.53125</v>
      </c>
      <c r="BC238">
        <v>4.0111066919991618</v>
      </c>
      <c r="BD238" t="s">
        <v>971</v>
      </c>
      <c r="BE238" t="s">
        <v>62</v>
      </c>
    </row>
    <row r="239" spans="1:57" x14ac:dyDescent="0.3">
      <c r="A239" t="s">
        <v>972</v>
      </c>
      <c r="B239">
        <v>132</v>
      </c>
      <c r="C239" t="s">
        <v>973</v>
      </c>
      <c r="D239" t="s">
        <v>974</v>
      </c>
      <c r="E239" t="s">
        <v>60</v>
      </c>
      <c r="F239">
        <v>256</v>
      </c>
      <c r="G239">
        <v>126.109375</v>
      </c>
      <c r="H239">
        <v>128</v>
      </c>
      <c r="I239">
        <v>5532.761474609375</v>
      </c>
      <c r="J239">
        <v>74.382534741761617</v>
      </c>
      <c r="K239">
        <v>-2.993597594856728E-2</v>
      </c>
      <c r="L239">
        <v>-1.208237512417571</v>
      </c>
      <c r="M239">
        <v>7.0871568730115149</v>
      </c>
      <c r="N239">
        <v>5</v>
      </c>
      <c r="O239">
        <v>1</v>
      </c>
      <c r="P239">
        <v>4</v>
      </c>
      <c r="Q239">
        <v>0.86190293616260183</v>
      </c>
      <c r="R239">
        <v>4.9124428047139688</v>
      </c>
      <c r="S239">
        <v>1</v>
      </c>
      <c r="T239">
        <v>1</v>
      </c>
      <c r="U239">
        <v>0</v>
      </c>
      <c r="V239">
        <v>0</v>
      </c>
      <c r="W239">
        <v>5.541263545158424</v>
      </c>
      <c r="X239">
        <v>1</v>
      </c>
      <c r="Y239">
        <v>1</v>
      </c>
      <c r="Z239">
        <v>0</v>
      </c>
      <c r="AA239">
        <v>0</v>
      </c>
      <c r="AB239">
        <v>5.5373342670185366</v>
      </c>
      <c r="AC239">
        <v>1</v>
      </c>
      <c r="AD239">
        <v>1</v>
      </c>
      <c r="AE239">
        <v>0</v>
      </c>
      <c r="AF239">
        <v>0</v>
      </c>
      <c r="AG239">
        <v>5.5333894887275203</v>
      </c>
      <c r="AH239">
        <v>3.902568637753296E-2</v>
      </c>
      <c r="AI239">
        <v>3.369251330884115E-3</v>
      </c>
      <c r="AJ239">
        <v>4.0851215267259461E-2</v>
      </c>
      <c r="AK239">
        <v>5.3475008633322354E-3</v>
      </c>
      <c r="AL239">
        <v>1161.840958573006</v>
      </c>
      <c r="AM239">
        <v>2034.165083512682</v>
      </c>
      <c r="AN239">
        <v>32284</v>
      </c>
      <c r="AO239">
        <v>126.4362179423362</v>
      </c>
      <c r="AP239">
        <v>930.00888177376919</v>
      </c>
      <c r="AQ239">
        <v>1.08984375</v>
      </c>
      <c r="AR239">
        <v>3.8046875</v>
      </c>
      <c r="AS239">
        <v>256</v>
      </c>
      <c r="AT239">
        <v>67.9296875</v>
      </c>
      <c r="AU239">
        <v>3.4604779411764708E-2</v>
      </c>
      <c r="AV239">
        <v>3.926704360755813E-2</v>
      </c>
      <c r="AW239">
        <v>0.34765625</v>
      </c>
      <c r="AX239">
        <v>84.443137254901956</v>
      </c>
      <c r="AY239">
        <v>65.5</v>
      </c>
      <c r="AZ239">
        <v>129.5</v>
      </c>
      <c r="BA239">
        <v>0.58982557594755836</v>
      </c>
      <c r="BB239">
        <v>0.50390625</v>
      </c>
      <c r="BC239">
        <v>4.7415153147508331</v>
      </c>
      <c r="BD239" t="s">
        <v>975</v>
      </c>
      <c r="BE239" t="s">
        <v>62</v>
      </c>
    </row>
    <row r="240" spans="1:57" x14ac:dyDescent="0.3">
      <c r="A240" t="s">
        <v>976</v>
      </c>
      <c r="B240">
        <v>3082</v>
      </c>
      <c r="C240" t="s">
        <v>977</v>
      </c>
      <c r="D240" t="s">
        <v>978</v>
      </c>
      <c r="E240" t="s">
        <v>93</v>
      </c>
      <c r="F240">
        <v>3089</v>
      </c>
      <c r="G240">
        <v>127.04726448688901</v>
      </c>
      <c r="H240">
        <v>127</v>
      </c>
      <c r="I240">
        <v>5506.8575912544238</v>
      </c>
      <c r="J240">
        <v>74.208204339240169</v>
      </c>
      <c r="K240">
        <v>-6.3811044737098963E-3</v>
      </c>
      <c r="L240">
        <v>-1.201401586737455</v>
      </c>
      <c r="M240">
        <v>7.9392695120634489</v>
      </c>
      <c r="N240">
        <v>24</v>
      </c>
      <c r="O240">
        <v>2</v>
      </c>
      <c r="P240">
        <v>22</v>
      </c>
      <c r="Q240">
        <v>3.4606442983873591</v>
      </c>
      <c r="R240">
        <v>5.503082277992311</v>
      </c>
      <c r="S240">
        <v>2</v>
      </c>
      <c r="T240">
        <v>1</v>
      </c>
      <c r="U240">
        <v>1</v>
      </c>
      <c r="V240">
        <v>0.1515898891700288</v>
      </c>
      <c r="W240">
        <v>8.0034049151474136</v>
      </c>
      <c r="X240">
        <v>1</v>
      </c>
      <c r="Y240">
        <v>1</v>
      </c>
      <c r="Z240">
        <v>0</v>
      </c>
      <c r="AA240">
        <v>0</v>
      </c>
      <c r="AB240">
        <v>8.0349550245021604</v>
      </c>
      <c r="AC240">
        <v>1</v>
      </c>
      <c r="AD240">
        <v>1</v>
      </c>
      <c r="AE240">
        <v>0</v>
      </c>
      <c r="AF240">
        <v>0</v>
      </c>
      <c r="AG240">
        <v>8.0346310329231052</v>
      </c>
      <c r="AH240">
        <v>-1.4058933461816531E-3</v>
      </c>
      <c r="AI240">
        <v>1.128364039390454E-2</v>
      </c>
      <c r="AJ240">
        <v>-4.3774188157347524E-3</v>
      </c>
      <c r="AK240">
        <v>-9.4007106368226671E-3</v>
      </c>
      <c r="AL240">
        <v>3805.1222752795779</v>
      </c>
      <c r="AM240">
        <v>7238.1834371733876</v>
      </c>
      <c r="AN240">
        <v>392449</v>
      </c>
      <c r="AO240">
        <v>134.10113522951269</v>
      </c>
      <c r="AP240">
        <v>3534.5292284727088</v>
      </c>
      <c r="AQ240">
        <v>1.0074457753318229</v>
      </c>
      <c r="AR240">
        <v>3.9993525412754942</v>
      </c>
      <c r="AS240">
        <v>3080</v>
      </c>
      <c r="AT240">
        <v>254.08319844609909</v>
      </c>
      <c r="AU240">
        <v>1.2440094198896769E-2</v>
      </c>
      <c r="AV240">
        <v>-1.4068191133253781E-3</v>
      </c>
      <c r="AW240">
        <v>0.36905147296859819</v>
      </c>
      <c r="AX240">
        <v>85.240932642487053</v>
      </c>
      <c r="AY240">
        <v>64</v>
      </c>
      <c r="AZ240">
        <v>129</v>
      </c>
      <c r="BA240">
        <v>0.58409919047803127</v>
      </c>
      <c r="BB240">
        <v>0.49983813531887339</v>
      </c>
      <c r="BC240">
        <v>5.3032725075301119</v>
      </c>
      <c r="BD240" t="s">
        <v>979</v>
      </c>
      <c r="BE240" t="s">
        <v>68</v>
      </c>
    </row>
    <row r="241" spans="1:57" x14ac:dyDescent="0.3">
      <c r="A241" t="s">
        <v>980</v>
      </c>
      <c r="B241">
        <v>2830</v>
      </c>
      <c r="C241" t="s">
        <v>981</v>
      </c>
      <c r="D241" t="s">
        <v>982</v>
      </c>
      <c r="E241" t="s">
        <v>10622</v>
      </c>
      <c r="F241">
        <v>64</v>
      </c>
      <c r="G241">
        <v>116.890625</v>
      </c>
      <c r="H241">
        <v>104.5</v>
      </c>
      <c r="I241">
        <v>5902.534912109375</v>
      </c>
      <c r="J241">
        <v>76.827956579030371</v>
      </c>
      <c r="K241">
        <v>0.27284140240658722</v>
      </c>
      <c r="L241">
        <v>-1.136795825118732</v>
      </c>
      <c r="M241">
        <v>5.75</v>
      </c>
      <c r="N241">
        <v>2</v>
      </c>
      <c r="O241">
        <v>1</v>
      </c>
      <c r="P241">
        <v>1</v>
      </c>
      <c r="Q241">
        <v>0.3499271061118826</v>
      </c>
      <c r="R241">
        <v>3.985596288219686</v>
      </c>
      <c r="S241">
        <v>1</v>
      </c>
      <c r="T241">
        <v>1</v>
      </c>
      <c r="U241">
        <v>0</v>
      </c>
      <c r="V241">
        <v>0</v>
      </c>
      <c r="W241">
        <v>4.1431347263915326</v>
      </c>
      <c r="X241">
        <v>1</v>
      </c>
      <c r="Y241">
        <v>1</v>
      </c>
      <c r="Z241">
        <v>0</v>
      </c>
      <c r="AA241">
        <v>0</v>
      </c>
      <c r="AB241">
        <v>4.1271343850450908</v>
      </c>
      <c r="AC241">
        <v>1</v>
      </c>
      <c r="AD241">
        <v>1</v>
      </c>
      <c r="AE241">
        <v>0</v>
      </c>
      <c r="AF241">
        <v>0</v>
      </c>
      <c r="AG241">
        <v>4.1108738641733096</v>
      </c>
      <c r="AH241">
        <v>-3.9577960625489343E-2</v>
      </c>
      <c r="AI241">
        <v>-0.17024293642582641</v>
      </c>
      <c r="AJ241">
        <v>-4.8329996101011463E-2</v>
      </c>
      <c r="AK241">
        <v>0.11968421703375511</v>
      </c>
      <c r="AL241">
        <v>657.71178164263858</v>
      </c>
      <c r="AM241">
        <v>905.3376233695725</v>
      </c>
      <c r="AN241">
        <v>7481</v>
      </c>
      <c r="AO241">
        <v>73.302152072098949</v>
      </c>
      <c r="AP241">
        <v>535.73218615847907</v>
      </c>
      <c r="AQ241">
        <v>1.359375</v>
      </c>
      <c r="AR241">
        <v>4.03125</v>
      </c>
      <c r="AS241">
        <v>64</v>
      </c>
      <c r="AT241">
        <v>6</v>
      </c>
      <c r="AU241">
        <v>0.12371323529411769</v>
      </c>
      <c r="AV241">
        <v>-4.0091923707684989E-2</v>
      </c>
      <c r="AW241">
        <v>0.375</v>
      </c>
      <c r="AX241">
        <v>86.920634920634924</v>
      </c>
      <c r="AY241">
        <v>62</v>
      </c>
      <c r="AZ241">
        <v>128</v>
      </c>
      <c r="BA241">
        <v>0.65726363067209514</v>
      </c>
      <c r="BB241">
        <v>0.46875</v>
      </c>
      <c r="BC241">
        <v>3.9891020196004332</v>
      </c>
      <c r="BD241" t="s">
        <v>983</v>
      </c>
      <c r="BE241" t="s">
        <v>62</v>
      </c>
    </row>
    <row r="242" spans="1:57" x14ac:dyDescent="0.3">
      <c r="A242" t="s">
        <v>984</v>
      </c>
      <c r="B242">
        <v>3829</v>
      </c>
      <c r="C242" t="s">
        <v>985</v>
      </c>
      <c r="D242" t="s">
        <v>986</v>
      </c>
      <c r="E242" t="s">
        <v>85</v>
      </c>
      <c r="F242">
        <v>8</v>
      </c>
      <c r="G242">
        <v>129.625</v>
      </c>
      <c r="H242">
        <v>155</v>
      </c>
      <c r="I242">
        <v>5012.234375</v>
      </c>
      <c r="J242">
        <v>70.79713535871349</v>
      </c>
      <c r="K242">
        <v>-0.43231580972130917</v>
      </c>
      <c r="L242">
        <v>-1.345728806318842</v>
      </c>
      <c r="M242">
        <v>3</v>
      </c>
      <c r="N242">
        <v>1</v>
      </c>
      <c r="O242">
        <v>1</v>
      </c>
      <c r="P242">
        <v>0</v>
      </c>
      <c r="Q242">
        <v>0</v>
      </c>
      <c r="R242">
        <v>2.0794415416798362</v>
      </c>
      <c r="S242">
        <v>1</v>
      </c>
      <c r="T242">
        <v>1</v>
      </c>
      <c r="U242">
        <v>0</v>
      </c>
      <c r="V242">
        <v>0</v>
      </c>
      <c r="W242">
        <v>1.945910149055313</v>
      </c>
      <c r="X242">
        <v>1</v>
      </c>
      <c r="Y242">
        <v>1</v>
      </c>
      <c r="Z242">
        <v>0</v>
      </c>
      <c r="AA242">
        <v>0</v>
      </c>
      <c r="AB242">
        <v>1.791759469228055</v>
      </c>
      <c r="AC242">
        <v>1</v>
      </c>
      <c r="AD242">
        <v>1</v>
      </c>
      <c r="AE242">
        <v>0</v>
      </c>
      <c r="AF242">
        <v>0</v>
      </c>
      <c r="AG242">
        <v>1.6094379124341009</v>
      </c>
      <c r="AH242">
        <v>5.9017700439237743E-2</v>
      </c>
      <c r="AI242">
        <v>-0.12669701948045881</v>
      </c>
      <c r="AJ242">
        <v>-6.0750180028243388E-2</v>
      </c>
      <c r="AK242">
        <v>0</v>
      </c>
      <c r="AL242">
        <v>305.30169228359892</v>
      </c>
      <c r="AM242">
        <v>285.14886759159788</v>
      </c>
      <c r="AN242">
        <v>1037</v>
      </c>
      <c r="AO242">
        <v>89.044932477934978</v>
      </c>
      <c r="AP242">
        <v>223.56051768702389</v>
      </c>
      <c r="AQ242">
        <v>3.5</v>
      </c>
      <c r="AR242">
        <v>3.875</v>
      </c>
      <c r="AS242">
        <v>8</v>
      </c>
      <c r="AT242">
        <v>0</v>
      </c>
      <c r="AU242">
        <v>0.221830985915493</v>
      </c>
      <c r="AV242">
        <v>8.76026504549441E-2</v>
      </c>
      <c r="AW242">
        <v>0.125</v>
      </c>
      <c r="AX242">
        <v>74.285714285714292</v>
      </c>
      <c r="AY242">
        <v>54.5</v>
      </c>
      <c r="AZ242">
        <v>110.5</v>
      </c>
      <c r="BA242">
        <v>0.54616883593993049</v>
      </c>
      <c r="BB242">
        <v>0.625</v>
      </c>
      <c r="BC242">
        <v>1.945910149055313</v>
      </c>
      <c r="BD242" t="s">
        <v>985</v>
      </c>
      <c r="BE242" t="s">
        <v>68</v>
      </c>
    </row>
    <row r="243" spans="1:57" x14ac:dyDescent="0.3">
      <c r="A243" t="s">
        <v>987</v>
      </c>
      <c r="B243">
        <v>2944</v>
      </c>
      <c r="C243" t="s">
        <v>988</v>
      </c>
      <c r="D243" t="s">
        <v>989</v>
      </c>
      <c r="E243" t="s">
        <v>106</v>
      </c>
      <c r="F243">
        <v>2994</v>
      </c>
      <c r="G243">
        <v>128.2982631930528</v>
      </c>
      <c r="H243">
        <v>129.5</v>
      </c>
      <c r="I243">
        <v>5577.0235975179039</v>
      </c>
      <c r="J243">
        <v>74.679472397158136</v>
      </c>
      <c r="K243">
        <v>-1.7013047951553052E-2</v>
      </c>
      <c r="L243">
        <v>-1.23230347435812</v>
      </c>
      <c r="M243">
        <v>7.9308242968300418</v>
      </c>
      <c r="N243">
        <v>21</v>
      </c>
      <c r="O243">
        <v>2</v>
      </c>
      <c r="P243">
        <v>19</v>
      </c>
      <c r="Q243">
        <v>3.536768020006932</v>
      </c>
      <c r="R243">
        <v>5.4972285008640656</v>
      </c>
      <c r="S243">
        <v>2</v>
      </c>
      <c r="T243">
        <v>1</v>
      </c>
      <c r="U243">
        <v>1</v>
      </c>
      <c r="V243">
        <v>0.15179247189255801</v>
      </c>
      <c r="W243">
        <v>7.9720721657486981</v>
      </c>
      <c r="X243">
        <v>1</v>
      </c>
      <c r="Y243">
        <v>1</v>
      </c>
      <c r="Z243">
        <v>0</v>
      </c>
      <c r="AA243">
        <v>0</v>
      </c>
      <c r="AB243">
        <v>8.0036973390943693</v>
      </c>
      <c r="AC243">
        <v>1</v>
      </c>
      <c r="AD243">
        <v>1</v>
      </c>
      <c r="AE243">
        <v>0</v>
      </c>
      <c r="AF243">
        <v>0</v>
      </c>
      <c r="AG243">
        <v>8.0033630586299509</v>
      </c>
      <c r="AH243">
        <v>-2.3856541209055821E-3</v>
      </c>
      <c r="AI243">
        <v>-1.4242501664466389E-2</v>
      </c>
      <c r="AJ243">
        <v>2.1721613335815768E-2</v>
      </c>
      <c r="AK243">
        <v>-2.5103345091081541E-2</v>
      </c>
      <c r="AL243">
        <v>3742.9781721730851</v>
      </c>
      <c r="AM243">
        <v>7209.0424747421084</v>
      </c>
      <c r="AN243">
        <v>384124.99999999988</v>
      </c>
      <c r="AO243">
        <v>110.10735529169629</v>
      </c>
      <c r="AP243">
        <v>3395.7758031503708</v>
      </c>
      <c r="AQ243">
        <v>1.0076820307281229</v>
      </c>
      <c r="AR243">
        <v>4.007014028056112</v>
      </c>
      <c r="AS243">
        <v>2981</v>
      </c>
      <c r="AT243">
        <v>273.80494321977289</v>
      </c>
      <c r="AU243">
        <v>1.6853314472081379E-2</v>
      </c>
      <c r="AV243">
        <v>-2.3864965182753229E-3</v>
      </c>
      <c r="AW243">
        <v>0.35470941883767543</v>
      </c>
      <c r="AX243">
        <v>86.795522886735711</v>
      </c>
      <c r="AY243">
        <v>65.5</v>
      </c>
      <c r="AZ243">
        <v>131.75</v>
      </c>
      <c r="BA243">
        <v>0.58207703314569859</v>
      </c>
      <c r="BB243">
        <v>0.50668002672010692</v>
      </c>
      <c r="BC243">
        <v>5.3157300854754359</v>
      </c>
      <c r="BD243" t="s">
        <v>990</v>
      </c>
      <c r="BE243" t="s">
        <v>68</v>
      </c>
    </row>
    <row r="244" spans="1:57" x14ac:dyDescent="0.3">
      <c r="A244" t="s">
        <v>991</v>
      </c>
      <c r="B244">
        <v>1294</v>
      </c>
      <c r="C244" t="s">
        <v>992</v>
      </c>
      <c r="D244" t="s">
        <v>993</v>
      </c>
      <c r="E244" t="s">
        <v>106</v>
      </c>
      <c r="F244">
        <v>1312</v>
      </c>
      <c r="G244">
        <v>127.0365853658537</v>
      </c>
      <c r="H244">
        <v>127</v>
      </c>
      <c r="I244">
        <v>5187.6297590719814</v>
      </c>
      <c r="J244">
        <v>72.025202249434756</v>
      </c>
      <c r="K244">
        <v>3.6440097758103279E-2</v>
      </c>
      <c r="L244">
        <v>-1.1361309759410709</v>
      </c>
      <c r="M244">
        <v>7.8672225959626649</v>
      </c>
      <c r="N244">
        <v>11</v>
      </c>
      <c r="O244">
        <v>1</v>
      </c>
      <c r="P244">
        <v>10</v>
      </c>
      <c r="Q244">
        <v>2.0820333017810588</v>
      </c>
      <c r="R244">
        <v>5.4531431612290282</v>
      </c>
      <c r="S244">
        <v>2</v>
      </c>
      <c r="T244">
        <v>1</v>
      </c>
      <c r="U244">
        <v>1</v>
      </c>
      <c r="V244">
        <v>9.5668892273477954E-2</v>
      </c>
      <c r="W244">
        <v>7.1658562905269036</v>
      </c>
      <c r="X244">
        <v>1</v>
      </c>
      <c r="Y244">
        <v>1</v>
      </c>
      <c r="Z244">
        <v>0</v>
      </c>
      <c r="AA244">
        <v>0</v>
      </c>
      <c r="AB244">
        <v>7.1777824161951962</v>
      </c>
      <c r="AC244">
        <v>1</v>
      </c>
      <c r="AD244">
        <v>1</v>
      </c>
      <c r="AE244">
        <v>0</v>
      </c>
      <c r="AF244">
        <v>0</v>
      </c>
      <c r="AG244">
        <v>7.1770187659099003</v>
      </c>
      <c r="AH244">
        <v>-6.7492239462128194E-3</v>
      </c>
      <c r="AI244">
        <v>-5.0264758361498581E-2</v>
      </c>
      <c r="AJ244">
        <v>5.0177524445751298E-2</v>
      </c>
      <c r="AK244">
        <v>-2.9215798192803712E-2</v>
      </c>
      <c r="AL244">
        <v>2451.8363537305709</v>
      </c>
      <c r="AM244">
        <v>4687.0150943351109</v>
      </c>
      <c r="AN244">
        <v>166672</v>
      </c>
      <c r="AO244">
        <v>101.4881774193319</v>
      </c>
      <c r="AP244">
        <v>2178.00403860693</v>
      </c>
      <c r="AQ244">
        <v>1.0175304878048781</v>
      </c>
      <c r="AR244">
        <v>4.0716463414634143</v>
      </c>
      <c r="AS244">
        <v>1305</v>
      </c>
      <c r="AT244">
        <v>213.16158536585371</v>
      </c>
      <c r="AU244">
        <v>2.340387374461983E-2</v>
      </c>
      <c r="AV244">
        <v>-6.7542784176909884E-3</v>
      </c>
      <c r="AW244">
        <v>0.38719512195121952</v>
      </c>
      <c r="AX244">
        <v>83.206712433257053</v>
      </c>
      <c r="AY244">
        <v>61</v>
      </c>
      <c r="AZ244">
        <v>120.5</v>
      </c>
      <c r="BA244">
        <v>0.5669642492515744</v>
      </c>
      <c r="BB244">
        <v>0.49618902439024393</v>
      </c>
      <c r="BC244">
        <v>5.2372302530622932</v>
      </c>
      <c r="BD244" t="s">
        <v>994</v>
      </c>
      <c r="BE244" t="s">
        <v>62</v>
      </c>
    </row>
    <row r="245" spans="1:57" x14ac:dyDescent="0.3">
      <c r="A245" t="s">
        <v>995</v>
      </c>
      <c r="B245">
        <v>2120</v>
      </c>
      <c r="C245" t="s">
        <v>996</v>
      </c>
      <c r="D245" t="s">
        <v>997</v>
      </c>
      <c r="E245" t="s">
        <v>128</v>
      </c>
      <c r="F245">
        <v>32</v>
      </c>
      <c r="G245">
        <v>126.125</v>
      </c>
      <c r="H245">
        <v>132</v>
      </c>
      <c r="I245">
        <v>6085.109375</v>
      </c>
      <c r="J245">
        <v>78.00711105405712</v>
      </c>
      <c r="K245">
        <v>-0.13721424559713</v>
      </c>
      <c r="L245">
        <v>-1.4328428873160051</v>
      </c>
      <c r="M245">
        <v>4.9375</v>
      </c>
      <c r="N245">
        <v>2</v>
      </c>
      <c r="O245">
        <v>1</v>
      </c>
      <c r="P245">
        <v>1</v>
      </c>
      <c r="Q245">
        <v>0.1766846959694085</v>
      </c>
      <c r="R245">
        <v>3.422414204014729</v>
      </c>
      <c r="S245">
        <v>1</v>
      </c>
      <c r="T245">
        <v>1</v>
      </c>
      <c r="U245">
        <v>0</v>
      </c>
      <c r="V245">
        <v>0</v>
      </c>
      <c r="W245">
        <v>3.4339872044851458</v>
      </c>
      <c r="X245">
        <v>1</v>
      </c>
      <c r="Y245">
        <v>1</v>
      </c>
      <c r="Z245">
        <v>0</v>
      </c>
      <c r="AA245">
        <v>0</v>
      </c>
      <c r="AB245">
        <v>3.401197381662155</v>
      </c>
      <c r="AC245">
        <v>1</v>
      </c>
      <c r="AD245">
        <v>1</v>
      </c>
      <c r="AE245">
        <v>0</v>
      </c>
      <c r="AF245">
        <v>0</v>
      </c>
      <c r="AG245">
        <v>3.3672958299864728</v>
      </c>
      <c r="AH245">
        <v>-0.11616607972329999</v>
      </c>
      <c r="AI245">
        <v>0.2669873885278356</v>
      </c>
      <c r="AJ245">
        <v>-9.275243165308758E-2</v>
      </c>
      <c r="AK245">
        <v>-8.9974534403911191E-2</v>
      </c>
      <c r="AL245">
        <v>522.58080942304969</v>
      </c>
      <c r="AM245">
        <v>656.25703624627931</v>
      </c>
      <c r="AN245">
        <v>4036</v>
      </c>
      <c r="AO245">
        <v>114.1437599702661</v>
      </c>
      <c r="AP245">
        <v>403.14485934075248</v>
      </c>
      <c r="AQ245">
        <v>1.71875</v>
      </c>
      <c r="AR245">
        <v>3.9375</v>
      </c>
      <c r="AS245">
        <v>32</v>
      </c>
      <c r="AT245">
        <v>0.93749999999999978</v>
      </c>
      <c r="AU245">
        <v>0.12807377049180321</v>
      </c>
      <c r="AV245">
        <v>-0.1241446038043366</v>
      </c>
      <c r="AW245">
        <v>0.3125</v>
      </c>
      <c r="AX245">
        <v>96.838709677419359</v>
      </c>
      <c r="AY245">
        <v>70</v>
      </c>
      <c r="AZ245">
        <v>144.75</v>
      </c>
      <c r="BA245">
        <v>0.61849047416497216</v>
      </c>
      <c r="BB245">
        <v>0.5</v>
      </c>
      <c r="BC245">
        <v>3.3892680315457948</v>
      </c>
      <c r="BD245" t="s">
        <v>998</v>
      </c>
      <c r="BE245" t="s">
        <v>62</v>
      </c>
    </row>
    <row r="246" spans="1:57" x14ac:dyDescent="0.3">
      <c r="A246" t="s">
        <v>999</v>
      </c>
      <c r="B246">
        <v>2865</v>
      </c>
      <c r="C246" t="s">
        <v>1000</v>
      </c>
      <c r="D246" t="s">
        <v>1001</v>
      </c>
      <c r="E246" t="s">
        <v>115</v>
      </c>
      <c r="F246">
        <v>2919</v>
      </c>
      <c r="G246">
        <v>128.9030489893799</v>
      </c>
      <c r="H246">
        <v>127</v>
      </c>
      <c r="I246">
        <v>5489.7244134511793</v>
      </c>
      <c r="J246">
        <v>74.092674492497437</v>
      </c>
      <c r="K246">
        <v>-9.2390806084979432E-3</v>
      </c>
      <c r="L246">
        <v>-1.212546021246161</v>
      </c>
      <c r="M246">
        <v>7.9431245143294023</v>
      </c>
      <c r="N246">
        <v>20</v>
      </c>
      <c r="O246">
        <v>4</v>
      </c>
      <c r="P246">
        <v>16</v>
      </c>
      <c r="Q246">
        <v>3.1731038837132228</v>
      </c>
      <c r="R246">
        <v>5.5057543619440263</v>
      </c>
      <c r="S246">
        <v>3</v>
      </c>
      <c r="T246">
        <v>1</v>
      </c>
      <c r="U246">
        <v>2</v>
      </c>
      <c r="V246">
        <v>0.15154202444576459</v>
      </c>
      <c r="W246">
        <v>7.9475939684190724</v>
      </c>
      <c r="X246">
        <v>1</v>
      </c>
      <c r="Y246">
        <v>1</v>
      </c>
      <c r="Z246">
        <v>0</v>
      </c>
      <c r="AA246">
        <v>0</v>
      </c>
      <c r="AB246">
        <v>7.9783109698677226</v>
      </c>
      <c r="AC246">
        <v>1</v>
      </c>
      <c r="AD246">
        <v>1</v>
      </c>
      <c r="AE246">
        <v>0</v>
      </c>
      <c r="AF246">
        <v>0</v>
      </c>
      <c r="AG246">
        <v>7.9779680931285473</v>
      </c>
      <c r="AH246">
        <v>6.3628925530968168E-3</v>
      </c>
      <c r="AI246">
        <v>-4.0427861928642892E-3</v>
      </c>
      <c r="AJ246">
        <v>-1.116092082308847E-2</v>
      </c>
      <c r="AK246">
        <v>6.8607588776576434E-3</v>
      </c>
      <c r="AL246">
        <v>3668.9833255586682</v>
      </c>
      <c r="AM246">
        <v>7145.9890397881563</v>
      </c>
      <c r="AN246">
        <v>376268</v>
      </c>
      <c r="AO246">
        <v>70.267491699219121</v>
      </c>
      <c r="AP246">
        <v>3328.0022938080051</v>
      </c>
      <c r="AQ246">
        <v>1.007879410757109</v>
      </c>
      <c r="AR246">
        <v>4.0400822199383351</v>
      </c>
      <c r="AS246">
        <v>2906</v>
      </c>
      <c r="AT246">
        <v>226.05515587529979</v>
      </c>
      <c r="AU246">
        <v>1.760473973762167E-2</v>
      </c>
      <c r="AV246">
        <v>6.3632919195593489E-3</v>
      </c>
      <c r="AW246">
        <v>0.37718396711202468</v>
      </c>
      <c r="AX246">
        <v>84.888279643591503</v>
      </c>
      <c r="AY246">
        <v>65</v>
      </c>
      <c r="AZ246">
        <v>129</v>
      </c>
      <c r="BA246">
        <v>0.57479380878416453</v>
      </c>
      <c r="BB246">
        <v>0.49571771154504968</v>
      </c>
      <c r="BC246">
        <v>5.3081036294410664</v>
      </c>
      <c r="BD246" t="s">
        <v>1002</v>
      </c>
      <c r="BE246" t="s">
        <v>68</v>
      </c>
    </row>
    <row r="247" spans="1:57" x14ac:dyDescent="0.3">
      <c r="A247" t="s">
        <v>1003</v>
      </c>
      <c r="B247">
        <v>1388</v>
      </c>
      <c r="C247" t="s">
        <v>1004</v>
      </c>
      <c r="D247" t="s">
        <v>1005</v>
      </c>
      <c r="E247" t="s">
        <v>106</v>
      </c>
      <c r="F247">
        <v>1404</v>
      </c>
      <c r="G247">
        <v>128.08333333333329</v>
      </c>
      <c r="H247">
        <v>127</v>
      </c>
      <c r="I247">
        <v>5430.8840811965811</v>
      </c>
      <c r="J247">
        <v>73.694532234057775</v>
      </c>
      <c r="K247">
        <v>-2.1351804242994959E-2</v>
      </c>
      <c r="L247">
        <v>-1.2175071164349851</v>
      </c>
      <c r="M247">
        <v>7.8543013972795128</v>
      </c>
      <c r="N247">
        <v>13</v>
      </c>
      <c r="O247">
        <v>1</v>
      </c>
      <c r="P247">
        <v>12</v>
      </c>
      <c r="Q247">
        <v>2.425146994914634</v>
      </c>
      <c r="R247">
        <v>5.4441868687923289</v>
      </c>
      <c r="S247">
        <v>2</v>
      </c>
      <c r="T247">
        <v>1</v>
      </c>
      <c r="U247">
        <v>1</v>
      </c>
      <c r="V247">
        <v>0.11325848198470501</v>
      </c>
      <c r="W247">
        <v>7.2285824076148231</v>
      </c>
      <c r="X247">
        <v>1</v>
      </c>
      <c r="Y247">
        <v>1</v>
      </c>
      <c r="Z247">
        <v>0</v>
      </c>
      <c r="AA247">
        <v>0</v>
      </c>
      <c r="AB247">
        <v>7.2456550675945346</v>
      </c>
      <c r="AC247">
        <v>1</v>
      </c>
      <c r="AD247">
        <v>1</v>
      </c>
      <c r="AE247">
        <v>0</v>
      </c>
      <c r="AF247">
        <v>0</v>
      </c>
      <c r="AG247">
        <v>7.2449415463370066</v>
      </c>
      <c r="AH247">
        <v>-2.124808703490497E-2</v>
      </c>
      <c r="AI247">
        <v>8.1789796345230845E-3</v>
      </c>
      <c r="AJ247">
        <v>2.748605862678245E-2</v>
      </c>
      <c r="AK247">
        <v>2.4021413515015862E-2</v>
      </c>
      <c r="AL247">
        <v>2560.0471138017169</v>
      </c>
      <c r="AM247">
        <v>4909.6046455000323</v>
      </c>
      <c r="AN247">
        <v>179829</v>
      </c>
      <c r="AO247">
        <v>112.9584152896677</v>
      </c>
      <c r="AP247">
        <v>2245.208711568278</v>
      </c>
      <c r="AQ247">
        <v>1.016381766381766</v>
      </c>
      <c r="AR247">
        <v>4.0448717948717947</v>
      </c>
      <c r="AS247">
        <v>1400</v>
      </c>
      <c r="AT247">
        <v>272.38888888888891</v>
      </c>
      <c r="AU247">
        <v>2.026981732864086E-2</v>
      </c>
      <c r="AV247">
        <v>-2.1249829623270711E-2</v>
      </c>
      <c r="AW247">
        <v>0.37321937321937321</v>
      </c>
      <c r="AX247">
        <v>86.258731290092655</v>
      </c>
      <c r="AY247">
        <v>65</v>
      </c>
      <c r="AZ247">
        <v>129</v>
      </c>
      <c r="BA247">
        <v>0.57536394717546724</v>
      </c>
      <c r="BB247">
        <v>0.49572649572649569</v>
      </c>
      <c r="BC247">
        <v>5.2730847842893276</v>
      </c>
      <c r="BD247" t="s">
        <v>1006</v>
      </c>
      <c r="BE247" t="s">
        <v>68</v>
      </c>
    </row>
    <row r="248" spans="1:57" x14ac:dyDescent="0.3">
      <c r="A248" t="s">
        <v>1007</v>
      </c>
      <c r="B248">
        <v>3692</v>
      </c>
      <c r="C248" t="s">
        <v>1008</v>
      </c>
      <c r="D248" t="s">
        <v>1009</v>
      </c>
      <c r="E248" t="s">
        <v>72</v>
      </c>
      <c r="F248">
        <v>3704</v>
      </c>
      <c r="G248">
        <v>128.17764578833689</v>
      </c>
      <c r="H248">
        <v>128</v>
      </c>
      <c r="I248">
        <v>5491.969521887494</v>
      </c>
      <c r="J248">
        <v>74.107823621312036</v>
      </c>
      <c r="K248">
        <v>-1.119818095985599E-2</v>
      </c>
      <c r="L248">
        <v>-1.1870127689719241</v>
      </c>
      <c r="M248">
        <v>7.951154554380123</v>
      </c>
      <c r="N248">
        <v>25</v>
      </c>
      <c r="O248">
        <v>7</v>
      </c>
      <c r="P248">
        <v>18</v>
      </c>
      <c r="Q248">
        <v>3.750911347592742</v>
      </c>
      <c r="R248">
        <v>5.5113203615649473</v>
      </c>
      <c r="S248">
        <v>3</v>
      </c>
      <c r="T248">
        <v>1</v>
      </c>
      <c r="U248">
        <v>2</v>
      </c>
      <c r="V248">
        <v>0.1708488718281623</v>
      </c>
      <c r="W248">
        <v>8.1782888673663479</v>
      </c>
      <c r="X248">
        <v>1</v>
      </c>
      <c r="Y248">
        <v>1</v>
      </c>
      <c r="Z248">
        <v>0</v>
      </c>
      <c r="AA248">
        <v>0</v>
      </c>
      <c r="AB248">
        <v>8.2166284931334452</v>
      </c>
      <c r="AC248">
        <v>1</v>
      </c>
      <c r="AD248">
        <v>1</v>
      </c>
      <c r="AE248">
        <v>0</v>
      </c>
      <c r="AF248">
        <v>0</v>
      </c>
      <c r="AG248">
        <v>8.2163583323861538</v>
      </c>
      <c r="AH248">
        <v>-6.9000413511599431E-3</v>
      </c>
      <c r="AI248">
        <v>-1.511181456735595E-2</v>
      </c>
      <c r="AJ248">
        <v>1.4031215846083189E-2</v>
      </c>
      <c r="AK248">
        <v>-8.013944093012447E-3</v>
      </c>
      <c r="AL248">
        <v>4143.3597950775493</v>
      </c>
      <c r="AM248">
        <v>8001.8576348579772</v>
      </c>
      <c r="AN248">
        <v>474769.99999999988</v>
      </c>
      <c r="AO248">
        <v>243.60136806607341</v>
      </c>
      <c r="AP248">
        <v>3788.7820144981329</v>
      </c>
      <c r="AQ248">
        <v>1.0062095032397409</v>
      </c>
      <c r="AR248">
        <v>4.0040496760259181</v>
      </c>
      <c r="AS248">
        <v>3689</v>
      </c>
      <c r="AT248">
        <v>248.93304535637151</v>
      </c>
      <c r="AU248">
        <v>1.422839114047347E-2</v>
      </c>
      <c r="AV248">
        <v>-6.9028599842434818E-3</v>
      </c>
      <c r="AW248">
        <v>0.36798056155507558</v>
      </c>
      <c r="AX248">
        <v>86.283823926546049</v>
      </c>
      <c r="AY248">
        <v>64</v>
      </c>
      <c r="AZ248">
        <v>128</v>
      </c>
      <c r="BA248">
        <v>0.57816496133567785</v>
      </c>
      <c r="BB248">
        <v>0.49784017278617709</v>
      </c>
      <c r="BC248">
        <v>5.3213785740441306</v>
      </c>
      <c r="BD248" t="s">
        <v>1010</v>
      </c>
      <c r="BE248" t="s">
        <v>68</v>
      </c>
    </row>
    <row r="249" spans="1:57" x14ac:dyDescent="0.3">
      <c r="A249" t="s">
        <v>1011</v>
      </c>
      <c r="B249">
        <v>1308</v>
      </c>
      <c r="C249" t="s">
        <v>1012</v>
      </c>
      <c r="D249" t="s">
        <v>1013</v>
      </c>
      <c r="E249" t="s">
        <v>72</v>
      </c>
      <c r="F249">
        <v>1312</v>
      </c>
      <c r="G249">
        <v>126.0182926829268</v>
      </c>
      <c r="H249">
        <v>123</v>
      </c>
      <c r="I249">
        <v>5679.2786287923846</v>
      </c>
      <c r="J249">
        <v>75.360988772656015</v>
      </c>
      <c r="K249">
        <v>4.9287413745528301E-2</v>
      </c>
      <c r="L249">
        <v>-1.23210415418161</v>
      </c>
      <c r="M249">
        <v>7.8572906986323439</v>
      </c>
      <c r="N249">
        <v>13</v>
      </c>
      <c r="O249">
        <v>1</v>
      </c>
      <c r="P249">
        <v>12</v>
      </c>
      <c r="Q249">
        <v>2.2139990522996178</v>
      </c>
      <c r="R249">
        <v>5.446258894596907</v>
      </c>
      <c r="S249">
        <v>2</v>
      </c>
      <c r="T249">
        <v>1</v>
      </c>
      <c r="U249">
        <v>1</v>
      </c>
      <c r="V249">
        <v>9.9574594735137467E-2</v>
      </c>
      <c r="W249">
        <v>7.1647988577571713</v>
      </c>
      <c r="X249">
        <v>1</v>
      </c>
      <c r="Y249">
        <v>1</v>
      </c>
      <c r="Z249">
        <v>0</v>
      </c>
      <c r="AA249">
        <v>0</v>
      </c>
      <c r="AB249">
        <v>7.1777824161951962</v>
      </c>
      <c r="AC249">
        <v>1</v>
      </c>
      <c r="AD249">
        <v>1</v>
      </c>
      <c r="AE249">
        <v>0</v>
      </c>
      <c r="AF249">
        <v>0</v>
      </c>
      <c r="AG249">
        <v>7.1770187659099003</v>
      </c>
      <c r="AH249">
        <v>-1.169379089035839E-2</v>
      </c>
      <c r="AI249">
        <v>5.244195996202685E-2</v>
      </c>
      <c r="AJ249">
        <v>-1.271298828336073E-2</v>
      </c>
      <c r="AK249">
        <v>-1.539332043589299E-2</v>
      </c>
      <c r="AL249">
        <v>2529.143967605507</v>
      </c>
      <c r="AM249">
        <v>4678.6755381330586</v>
      </c>
      <c r="AN249">
        <v>165336</v>
      </c>
      <c r="AO249">
        <v>106.7945646304531</v>
      </c>
      <c r="AP249">
        <v>2219.1814513514619</v>
      </c>
      <c r="AQ249">
        <v>1.0175304878048781</v>
      </c>
      <c r="AR249">
        <v>3.993140243902439</v>
      </c>
      <c r="AS249">
        <v>1308</v>
      </c>
      <c r="AT249">
        <v>241.03963414634151</v>
      </c>
      <c r="AU249">
        <v>2.6028216164514589E-2</v>
      </c>
      <c r="AV249">
        <v>-1.1703293923899341E-2</v>
      </c>
      <c r="AW249">
        <v>0.37881097560975607</v>
      </c>
      <c r="AX249">
        <v>87.37376048817697</v>
      </c>
      <c r="AY249">
        <v>66</v>
      </c>
      <c r="AZ249">
        <v>135</v>
      </c>
      <c r="BA249">
        <v>0.59801626548195608</v>
      </c>
      <c r="BB249">
        <v>0.48704268292682928</v>
      </c>
      <c r="BC249">
        <v>5.2713236385425652</v>
      </c>
      <c r="BD249" t="s">
        <v>1014</v>
      </c>
      <c r="BE249" t="s">
        <v>62</v>
      </c>
    </row>
    <row r="250" spans="1:57" x14ac:dyDescent="0.3">
      <c r="A250" t="s">
        <v>1015</v>
      </c>
      <c r="B250">
        <v>158</v>
      </c>
      <c r="C250" t="s">
        <v>1016</v>
      </c>
      <c r="D250" t="s">
        <v>1017</v>
      </c>
      <c r="E250" t="s">
        <v>60</v>
      </c>
      <c r="F250">
        <v>512</v>
      </c>
      <c r="G250">
        <v>125.025390625</v>
      </c>
      <c r="H250">
        <v>123.5</v>
      </c>
      <c r="I250">
        <v>5179.7434959411621</v>
      </c>
      <c r="J250">
        <v>71.970434873920013</v>
      </c>
      <c r="K250">
        <v>2.9807506910628181E-2</v>
      </c>
      <c r="L250">
        <v>-1.1862089973447361</v>
      </c>
      <c r="M250">
        <v>7.6383460227584923</v>
      </c>
      <c r="N250">
        <v>7</v>
      </c>
      <c r="O250">
        <v>1</v>
      </c>
      <c r="P250">
        <v>6</v>
      </c>
      <c r="Q250">
        <v>1.156461183583696</v>
      </c>
      <c r="R250">
        <v>5.2944980098163192</v>
      </c>
      <c r="S250">
        <v>1</v>
      </c>
      <c r="T250">
        <v>1</v>
      </c>
      <c r="U250">
        <v>0</v>
      </c>
      <c r="V250">
        <v>0</v>
      </c>
      <c r="W250">
        <v>6.2363695902037044</v>
      </c>
      <c r="X250">
        <v>1</v>
      </c>
      <c r="Y250">
        <v>1</v>
      </c>
      <c r="Z250">
        <v>0</v>
      </c>
      <c r="AA250">
        <v>0</v>
      </c>
      <c r="AB250">
        <v>6.2344107257183694</v>
      </c>
      <c r="AC250">
        <v>1</v>
      </c>
      <c r="AD250">
        <v>1</v>
      </c>
      <c r="AE250">
        <v>0</v>
      </c>
      <c r="AF250">
        <v>0</v>
      </c>
      <c r="AG250">
        <v>6.2324480165505216</v>
      </c>
      <c r="AH250">
        <v>3.9877325272394813E-2</v>
      </c>
      <c r="AI250">
        <v>1.9462681943414981E-2</v>
      </c>
      <c r="AJ250">
        <v>1.7032459530937679E-2</v>
      </c>
      <c r="AK250">
        <v>-4.2810839903008283E-2</v>
      </c>
      <c r="AL250">
        <v>1560.188379487133</v>
      </c>
      <c r="AM250">
        <v>2867.244534481375</v>
      </c>
      <c r="AN250">
        <v>64013</v>
      </c>
      <c r="AO250">
        <v>38.436891233844477</v>
      </c>
      <c r="AP250">
        <v>1398.7178533068841</v>
      </c>
      <c r="AQ250">
        <v>1.044921875</v>
      </c>
      <c r="AR250">
        <v>3.982421875</v>
      </c>
      <c r="AS250">
        <v>511</v>
      </c>
      <c r="AT250">
        <v>132.23828125</v>
      </c>
      <c r="AU250">
        <v>2.8897022637795259E-2</v>
      </c>
      <c r="AV250">
        <v>3.9961914337989478E-2</v>
      </c>
      <c r="AW250">
        <v>0.3984375</v>
      </c>
      <c r="AX250">
        <v>80.900195694716245</v>
      </c>
      <c r="AY250">
        <v>63</v>
      </c>
      <c r="AZ250">
        <v>126.25</v>
      </c>
      <c r="BA250">
        <v>0.57564655078573179</v>
      </c>
      <c r="BB250">
        <v>0.4921875</v>
      </c>
      <c r="BC250">
        <v>5.0480851679814212</v>
      </c>
      <c r="BD250" t="s">
        <v>1018</v>
      </c>
      <c r="BE250" t="s">
        <v>62</v>
      </c>
    </row>
    <row r="251" spans="1:57" x14ac:dyDescent="0.3">
      <c r="A251" t="s">
        <v>1019</v>
      </c>
      <c r="B251">
        <v>3955</v>
      </c>
      <c r="C251" t="s">
        <v>1020</v>
      </c>
      <c r="D251" t="s">
        <v>1021</v>
      </c>
      <c r="E251" t="s">
        <v>106</v>
      </c>
      <c r="F251">
        <v>4013</v>
      </c>
      <c r="G251">
        <v>126.50261649638681</v>
      </c>
      <c r="H251">
        <v>127</v>
      </c>
      <c r="I251">
        <v>5468.4398760345848</v>
      </c>
      <c r="J251">
        <v>73.948900438306623</v>
      </c>
      <c r="K251">
        <v>2.7462230194599492E-3</v>
      </c>
      <c r="L251">
        <v>-1.1960655229328701</v>
      </c>
      <c r="M251">
        <v>7.9541741145026252</v>
      </c>
      <c r="N251">
        <v>28</v>
      </c>
      <c r="O251">
        <v>6</v>
      </c>
      <c r="P251">
        <v>22</v>
      </c>
      <c r="Q251">
        <v>3.939032362414459</v>
      </c>
      <c r="R251">
        <v>5.5134133611503966</v>
      </c>
      <c r="S251">
        <v>3</v>
      </c>
      <c r="T251">
        <v>1</v>
      </c>
      <c r="U251">
        <v>2</v>
      </c>
      <c r="V251">
        <v>0.16329263522556181</v>
      </c>
      <c r="W251">
        <v>8.260633345477304</v>
      </c>
      <c r="X251">
        <v>1</v>
      </c>
      <c r="Y251">
        <v>1</v>
      </c>
      <c r="Z251">
        <v>0</v>
      </c>
      <c r="AA251">
        <v>0</v>
      </c>
      <c r="AB251">
        <v>8.2967958657700525</v>
      </c>
      <c r="AC251">
        <v>1</v>
      </c>
      <c r="AD251">
        <v>1</v>
      </c>
      <c r="AE251">
        <v>0</v>
      </c>
      <c r="AF251">
        <v>0</v>
      </c>
      <c r="AG251">
        <v>8.2965465203006143</v>
      </c>
      <c r="AH251">
        <v>-9.8757794437994775E-3</v>
      </c>
      <c r="AI251">
        <v>1.899875107449395E-2</v>
      </c>
      <c r="AJ251">
        <v>1.6488858555630408E-2</v>
      </c>
      <c r="AK251">
        <v>1.1813760795499751E-2</v>
      </c>
      <c r="AL251">
        <v>4266.2218548562942</v>
      </c>
      <c r="AM251">
        <v>8244.0212326962428</v>
      </c>
      <c r="AN251">
        <v>507654.99999999988</v>
      </c>
      <c r="AO251">
        <v>30.057961004759779</v>
      </c>
      <c r="AP251">
        <v>3937.3487035429321</v>
      </c>
      <c r="AQ251">
        <v>1.0057313730376281</v>
      </c>
      <c r="AR251">
        <v>3.9960129578868679</v>
      </c>
      <c r="AS251">
        <v>4002</v>
      </c>
      <c r="AT251">
        <v>253.39023174682279</v>
      </c>
      <c r="AU251">
        <v>1.259827130453472E-2</v>
      </c>
      <c r="AV251">
        <v>-9.878789449473218E-3</v>
      </c>
      <c r="AW251">
        <v>0.36730625467231498</v>
      </c>
      <c r="AX251">
        <v>86.001246261216352</v>
      </c>
      <c r="AY251">
        <v>64</v>
      </c>
      <c r="AZ251">
        <v>128</v>
      </c>
      <c r="BA251">
        <v>0.58456419706084739</v>
      </c>
      <c r="BB251">
        <v>0.50161973585845998</v>
      </c>
      <c r="BC251">
        <v>5.3239570857157368</v>
      </c>
      <c r="BD251" t="s">
        <v>1022</v>
      </c>
      <c r="BE251" t="s">
        <v>68</v>
      </c>
    </row>
    <row r="252" spans="1:57" x14ac:dyDescent="0.3">
      <c r="A252" t="s">
        <v>1023</v>
      </c>
      <c r="B252">
        <v>822</v>
      </c>
      <c r="C252" t="s">
        <v>1024</v>
      </c>
      <c r="D252" t="s">
        <v>1025</v>
      </c>
      <c r="E252" t="s">
        <v>128</v>
      </c>
      <c r="F252">
        <v>32</v>
      </c>
      <c r="G252">
        <v>110.15625</v>
      </c>
      <c r="H252">
        <v>108.5</v>
      </c>
      <c r="I252">
        <v>4486.6318359375</v>
      </c>
      <c r="J252">
        <v>66.982324802424557</v>
      </c>
      <c r="K252">
        <v>0.13026404537582811</v>
      </c>
      <c r="L252">
        <v>-0.9925933635883224</v>
      </c>
      <c r="M252">
        <v>4.9375</v>
      </c>
      <c r="N252">
        <v>2</v>
      </c>
      <c r="O252">
        <v>1</v>
      </c>
      <c r="P252">
        <v>1</v>
      </c>
      <c r="Q252">
        <v>0.17668469596940839</v>
      </c>
      <c r="R252">
        <v>3.422414204014729</v>
      </c>
      <c r="S252">
        <v>1</v>
      </c>
      <c r="T252">
        <v>1</v>
      </c>
      <c r="U252">
        <v>0</v>
      </c>
      <c r="V252">
        <v>0</v>
      </c>
      <c r="W252">
        <v>3.4339872044851458</v>
      </c>
      <c r="X252">
        <v>1</v>
      </c>
      <c r="Y252">
        <v>1</v>
      </c>
      <c r="Z252">
        <v>0</v>
      </c>
      <c r="AA252">
        <v>0</v>
      </c>
      <c r="AB252">
        <v>3.401197381662155</v>
      </c>
      <c r="AC252">
        <v>1</v>
      </c>
      <c r="AD252">
        <v>1</v>
      </c>
      <c r="AE252">
        <v>0</v>
      </c>
      <c r="AF252">
        <v>0</v>
      </c>
      <c r="AG252">
        <v>3.3672958299864728</v>
      </c>
      <c r="AH252">
        <v>-0.13686138819291949</v>
      </c>
      <c r="AI252">
        <v>0.1659771046191692</v>
      </c>
      <c r="AJ252">
        <v>-6.3957155381949536E-3</v>
      </c>
      <c r="AK252">
        <v>0.16759209106653861</v>
      </c>
      <c r="AL252">
        <v>447.13742212487011</v>
      </c>
      <c r="AM252">
        <v>576.143320481567</v>
      </c>
      <c r="AN252">
        <v>3525</v>
      </c>
      <c r="AO252">
        <v>76.843997813752509</v>
      </c>
      <c r="AP252">
        <v>377.84188727314381</v>
      </c>
      <c r="AQ252">
        <v>1.65625</v>
      </c>
      <c r="AR252">
        <v>3.875</v>
      </c>
      <c r="AS252">
        <v>32</v>
      </c>
      <c r="AT252">
        <v>0.93749999999999978</v>
      </c>
      <c r="AU252">
        <v>0.1769607843137255</v>
      </c>
      <c r="AV252">
        <v>-0.1432527563958432</v>
      </c>
      <c r="AW252">
        <v>0.375</v>
      </c>
      <c r="AX252">
        <v>81.870967741935488</v>
      </c>
      <c r="AY252">
        <v>60</v>
      </c>
      <c r="AZ252">
        <v>114.25</v>
      </c>
      <c r="BA252">
        <v>0.60806649466030804</v>
      </c>
      <c r="BB252">
        <v>0.5</v>
      </c>
      <c r="BC252">
        <v>3.2829507132875908</v>
      </c>
      <c r="BD252" t="s">
        <v>1026</v>
      </c>
      <c r="BE252" t="s">
        <v>62</v>
      </c>
    </row>
    <row r="253" spans="1:57" x14ac:dyDescent="0.3">
      <c r="A253" t="s">
        <v>1027</v>
      </c>
      <c r="B253">
        <v>3160</v>
      </c>
      <c r="C253" t="s">
        <v>1028</v>
      </c>
      <c r="D253" t="s">
        <v>1029</v>
      </c>
      <c r="E253" t="s">
        <v>98</v>
      </c>
      <c r="F253">
        <v>16</v>
      </c>
      <c r="G253">
        <v>132.875</v>
      </c>
      <c r="H253">
        <v>151.5</v>
      </c>
      <c r="I253">
        <v>5305.609375</v>
      </c>
      <c r="J253">
        <v>72.839614050322922</v>
      </c>
      <c r="K253">
        <v>-0.14552892181151711</v>
      </c>
      <c r="L253">
        <v>-1.2213282005332711</v>
      </c>
      <c r="M253">
        <v>3.75</v>
      </c>
      <c r="N253">
        <v>2</v>
      </c>
      <c r="O253">
        <v>1</v>
      </c>
      <c r="P253">
        <v>1</v>
      </c>
      <c r="Q253">
        <v>0.3499271061118826</v>
      </c>
      <c r="R253">
        <v>2.5993019270997948</v>
      </c>
      <c r="S253">
        <v>1</v>
      </c>
      <c r="T253">
        <v>1</v>
      </c>
      <c r="U253">
        <v>0</v>
      </c>
      <c r="V253">
        <v>0</v>
      </c>
      <c r="W253">
        <v>2.7080502011022101</v>
      </c>
      <c r="X253">
        <v>1</v>
      </c>
      <c r="Y253">
        <v>1</v>
      </c>
      <c r="Z253">
        <v>0</v>
      </c>
      <c r="AA253">
        <v>0</v>
      </c>
      <c r="AB253">
        <v>2.639057329615258</v>
      </c>
      <c r="AC253">
        <v>1</v>
      </c>
      <c r="AD253">
        <v>1</v>
      </c>
      <c r="AE253">
        <v>0</v>
      </c>
      <c r="AF253">
        <v>0</v>
      </c>
      <c r="AG253">
        <v>2.5649493574615372</v>
      </c>
      <c r="AH253">
        <v>-0.1109838422777779</v>
      </c>
      <c r="AI253">
        <v>-0.24061540115267149</v>
      </c>
      <c r="AJ253">
        <v>0.30785426833039331</v>
      </c>
      <c r="AK253">
        <v>-6.002675529142211E-2</v>
      </c>
      <c r="AL253">
        <v>376.71614556897509</v>
      </c>
      <c r="AM253">
        <v>474.83359787156462</v>
      </c>
      <c r="AN253">
        <v>2126</v>
      </c>
      <c r="AO253">
        <v>58.873455955486328</v>
      </c>
      <c r="AP253">
        <v>205.24318563694189</v>
      </c>
      <c r="AQ253">
        <v>2.3125</v>
      </c>
      <c r="AR253">
        <v>3.875</v>
      </c>
      <c r="AS253">
        <v>15</v>
      </c>
      <c r="AT253">
        <v>1.5</v>
      </c>
      <c r="AU253">
        <v>0.1379482071713147</v>
      </c>
      <c r="AV253">
        <v>-0.12042119286510621</v>
      </c>
      <c r="AW253">
        <v>0.3125</v>
      </c>
      <c r="AX253">
        <v>83.8</v>
      </c>
      <c r="AY253">
        <v>58.5</v>
      </c>
      <c r="AZ253">
        <v>122</v>
      </c>
      <c r="BA253">
        <v>0.54818147921221394</v>
      </c>
      <c r="BB253">
        <v>0.5625</v>
      </c>
      <c r="BC253">
        <v>2.615630577027551</v>
      </c>
      <c r="BD253" t="s">
        <v>1028</v>
      </c>
      <c r="BE253" t="s">
        <v>62</v>
      </c>
    </row>
    <row r="254" spans="1:57" x14ac:dyDescent="0.3">
      <c r="A254" t="s">
        <v>1030</v>
      </c>
      <c r="B254">
        <v>1026</v>
      </c>
      <c r="C254" t="s">
        <v>1031</v>
      </c>
      <c r="D254" t="s">
        <v>1032</v>
      </c>
      <c r="E254" t="s">
        <v>128</v>
      </c>
      <c r="F254">
        <v>32</v>
      </c>
      <c r="G254">
        <v>126.0625</v>
      </c>
      <c r="H254">
        <v>126</v>
      </c>
      <c r="I254">
        <v>4895.43359375</v>
      </c>
      <c r="J254">
        <v>69.967375209807599</v>
      </c>
      <c r="K254">
        <v>0.10772848917183279</v>
      </c>
      <c r="L254">
        <v>-0.9358804898985964</v>
      </c>
      <c r="M254">
        <v>4.9375</v>
      </c>
      <c r="N254">
        <v>2</v>
      </c>
      <c r="O254">
        <v>1</v>
      </c>
      <c r="P254">
        <v>1</v>
      </c>
      <c r="Q254">
        <v>0.1766846959694085</v>
      </c>
      <c r="R254">
        <v>3.422414204014729</v>
      </c>
      <c r="S254">
        <v>1</v>
      </c>
      <c r="T254">
        <v>1</v>
      </c>
      <c r="U254">
        <v>0</v>
      </c>
      <c r="V254">
        <v>0</v>
      </c>
      <c r="W254">
        <v>3.4339872044851458</v>
      </c>
      <c r="X254">
        <v>1</v>
      </c>
      <c r="Y254">
        <v>1</v>
      </c>
      <c r="Z254">
        <v>0</v>
      </c>
      <c r="AA254">
        <v>0</v>
      </c>
      <c r="AB254">
        <v>3.401197381662155</v>
      </c>
      <c r="AC254">
        <v>1</v>
      </c>
      <c r="AD254">
        <v>1</v>
      </c>
      <c r="AE254">
        <v>0</v>
      </c>
      <c r="AF254">
        <v>0</v>
      </c>
      <c r="AG254">
        <v>3.3672958299864728</v>
      </c>
      <c r="AH254">
        <v>0.14220081433510659</v>
      </c>
      <c r="AI254">
        <v>0.19922579117497091</v>
      </c>
      <c r="AJ254">
        <v>-0.25792144963697827</v>
      </c>
      <c r="AK254">
        <v>-1.6141327895655311E-2</v>
      </c>
      <c r="AL254">
        <v>448.5788287054076</v>
      </c>
      <c r="AM254">
        <v>681.1512566510354</v>
      </c>
      <c r="AN254">
        <v>4034</v>
      </c>
      <c r="AO254">
        <v>79.773367171703754</v>
      </c>
      <c r="AP254">
        <v>264.30567807595031</v>
      </c>
      <c r="AQ254">
        <v>1.65625</v>
      </c>
      <c r="AR254">
        <v>4.0625</v>
      </c>
      <c r="AS254">
        <v>32</v>
      </c>
      <c r="AT254">
        <v>0.93749999999999978</v>
      </c>
      <c r="AU254">
        <v>0.13823529411764701</v>
      </c>
      <c r="AV254">
        <v>0.14233121569973509</v>
      </c>
      <c r="AW254">
        <v>0.40625</v>
      </c>
      <c r="AX254">
        <v>80.741935483870961</v>
      </c>
      <c r="AY254">
        <v>51</v>
      </c>
      <c r="AZ254">
        <v>94.5</v>
      </c>
      <c r="BA254">
        <v>0.55502132045459673</v>
      </c>
      <c r="BB254">
        <v>0.5</v>
      </c>
      <c r="BC254">
        <v>3.2998296856670919</v>
      </c>
      <c r="BD254" t="s">
        <v>1033</v>
      </c>
      <c r="BE254" t="s">
        <v>62</v>
      </c>
    </row>
    <row r="255" spans="1:57" x14ac:dyDescent="0.3">
      <c r="A255" t="s">
        <v>1034</v>
      </c>
      <c r="B255">
        <v>3450</v>
      </c>
      <c r="C255" t="s">
        <v>1035</v>
      </c>
      <c r="D255" t="s">
        <v>1036</v>
      </c>
      <c r="E255" t="s">
        <v>72</v>
      </c>
      <c r="F255">
        <v>3512</v>
      </c>
      <c r="G255">
        <v>126.7303530751708</v>
      </c>
      <c r="H255">
        <v>127</v>
      </c>
      <c r="I255">
        <v>5446.5534294880936</v>
      </c>
      <c r="J255">
        <v>73.800768488465579</v>
      </c>
      <c r="K255">
        <v>2.1896004935334869E-2</v>
      </c>
      <c r="L255">
        <v>-1.192014911557604</v>
      </c>
      <c r="M255">
        <v>7.9443493904176261</v>
      </c>
      <c r="N255">
        <v>26</v>
      </c>
      <c r="O255">
        <v>4</v>
      </c>
      <c r="P255">
        <v>22</v>
      </c>
      <c r="Q255">
        <v>3.7602723887372842</v>
      </c>
      <c r="R255">
        <v>5.5066033813511144</v>
      </c>
      <c r="S255">
        <v>3</v>
      </c>
      <c r="T255">
        <v>1</v>
      </c>
      <c r="U255">
        <v>2</v>
      </c>
      <c r="V255">
        <v>0.18948584381363981</v>
      </c>
      <c r="W255">
        <v>8.1158279028087961</v>
      </c>
      <c r="X255">
        <v>2</v>
      </c>
      <c r="Y255">
        <v>1</v>
      </c>
      <c r="Z255">
        <v>1</v>
      </c>
      <c r="AA255">
        <v>7.1610536028091767E-2</v>
      </c>
      <c r="AB255">
        <v>8.1562621146080119</v>
      </c>
      <c r="AC255">
        <v>2</v>
      </c>
      <c r="AD255">
        <v>1</v>
      </c>
      <c r="AE255">
        <v>1</v>
      </c>
      <c r="AF255">
        <v>6.5380756785669764E-2</v>
      </c>
      <c r="AG255">
        <v>8.1571603523809397</v>
      </c>
      <c r="AH255">
        <v>-3.5736070591917499E-3</v>
      </c>
      <c r="AI255">
        <v>9.4662892728333108E-3</v>
      </c>
      <c r="AJ255">
        <v>-1.143759607509081E-2</v>
      </c>
      <c r="AK255">
        <v>1.4465484814556799E-2</v>
      </c>
      <c r="AL255">
        <v>4022.5346709419819</v>
      </c>
      <c r="AM255">
        <v>7704.0428231591286</v>
      </c>
      <c r="AN255">
        <v>445077</v>
      </c>
      <c r="AO255">
        <v>69.702315844493199</v>
      </c>
      <c r="AP255">
        <v>3746.481506970375</v>
      </c>
      <c r="AQ255">
        <v>1.0065489749430521</v>
      </c>
      <c r="AR255">
        <v>3.998291571753986</v>
      </c>
      <c r="AS255">
        <v>3498</v>
      </c>
      <c r="AT255">
        <v>263.85421412300678</v>
      </c>
      <c r="AU255">
        <v>1.3260976372325709E-2</v>
      </c>
      <c r="AV255">
        <v>-3.5736694011991731E-3</v>
      </c>
      <c r="AW255">
        <v>0.37072892938496582</v>
      </c>
      <c r="AX255">
        <v>84.639418968954715</v>
      </c>
      <c r="AY255">
        <v>64</v>
      </c>
      <c r="AZ255">
        <v>128</v>
      </c>
      <c r="BA255">
        <v>0.58234485028768312</v>
      </c>
      <c r="BB255">
        <v>0.50313211845102501</v>
      </c>
      <c r="BC255">
        <v>5.3158512239427758</v>
      </c>
      <c r="BD255" t="s">
        <v>1037</v>
      </c>
      <c r="BE255" t="s">
        <v>68</v>
      </c>
    </row>
    <row r="256" spans="1:57" x14ac:dyDescent="0.3">
      <c r="A256" t="s">
        <v>1038</v>
      </c>
      <c r="B256">
        <v>3756</v>
      </c>
      <c r="C256" t="s">
        <v>1039</v>
      </c>
      <c r="D256" t="s">
        <v>1040</v>
      </c>
      <c r="E256" t="s">
        <v>93</v>
      </c>
      <c r="F256">
        <v>3771</v>
      </c>
      <c r="G256">
        <v>127.6064704322461</v>
      </c>
      <c r="H256">
        <v>129</v>
      </c>
      <c r="I256">
        <v>5478.7806953384916</v>
      </c>
      <c r="J256">
        <v>74.018786097439417</v>
      </c>
      <c r="K256">
        <v>-2.0739727551067431E-2</v>
      </c>
      <c r="L256">
        <v>-1.188015758609305</v>
      </c>
      <c r="M256">
        <v>7.9476641021113288</v>
      </c>
      <c r="N256">
        <v>26</v>
      </c>
      <c r="O256">
        <v>4</v>
      </c>
      <c r="P256">
        <v>22</v>
      </c>
      <c r="Q256">
        <v>3.9083256204253809</v>
      </c>
      <c r="R256">
        <v>5.5089009644159583</v>
      </c>
      <c r="S256">
        <v>3</v>
      </c>
      <c r="T256">
        <v>1</v>
      </c>
      <c r="U256">
        <v>2</v>
      </c>
      <c r="V256">
        <v>0.17390876720000881</v>
      </c>
      <c r="W256">
        <v>8.1941037881315175</v>
      </c>
      <c r="X256">
        <v>2</v>
      </c>
      <c r="Y256">
        <v>1</v>
      </c>
      <c r="Z256">
        <v>1</v>
      </c>
      <c r="AA256">
        <v>1.628871842681226E-2</v>
      </c>
      <c r="AB256">
        <v>8.2341971783663315</v>
      </c>
      <c r="AC256">
        <v>1</v>
      </c>
      <c r="AD256">
        <v>1</v>
      </c>
      <c r="AE256">
        <v>0</v>
      </c>
      <c r="AF256">
        <v>0</v>
      </c>
      <c r="AG256">
        <v>8.234299635696253</v>
      </c>
      <c r="AH256">
        <v>3.5378876424259922E-2</v>
      </c>
      <c r="AI256">
        <v>1.372750500365842E-2</v>
      </c>
      <c r="AJ256">
        <v>-1.03701629554084E-2</v>
      </c>
      <c r="AK256">
        <v>1.601469109210743E-2</v>
      </c>
      <c r="AL256">
        <v>4153.7330322832286</v>
      </c>
      <c r="AM256">
        <v>8050.5731408713482</v>
      </c>
      <c r="AN256">
        <v>481204</v>
      </c>
      <c r="AO256">
        <v>39.520548324472948</v>
      </c>
      <c r="AP256">
        <v>3727.6948450487639</v>
      </c>
      <c r="AQ256">
        <v>1.0060991779368871</v>
      </c>
      <c r="AR256">
        <v>3.98011137629276</v>
      </c>
      <c r="AS256">
        <v>3753</v>
      </c>
      <c r="AT256">
        <v>265.4635375232034</v>
      </c>
      <c r="AU256">
        <v>1.452259503642345E-2</v>
      </c>
      <c r="AV256">
        <v>3.538886044921756E-2</v>
      </c>
      <c r="AW256">
        <v>0.35773004508088041</v>
      </c>
      <c r="AX256">
        <v>83.658090185676386</v>
      </c>
      <c r="AY256">
        <v>64</v>
      </c>
      <c r="AZ256">
        <v>128</v>
      </c>
      <c r="BA256">
        <v>0.58005511669363519</v>
      </c>
      <c r="BB256">
        <v>0.5059665871121718</v>
      </c>
      <c r="BC256">
        <v>5.3033535566996166</v>
      </c>
      <c r="BD256" t="s">
        <v>1041</v>
      </c>
      <c r="BE256" t="s">
        <v>68</v>
      </c>
    </row>
    <row r="257" spans="1:57" x14ac:dyDescent="0.3">
      <c r="A257" t="s">
        <v>1042</v>
      </c>
      <c r="B257">
        <v>2251</v>
      </c>
      <c r="C257" t="s">
        <v>1043</v>
      </c>
      <c r="D257" t="s">
        <v>1044</v>
      </c>
      <c r="E257" t="s">
        <v>72</v>
      </c>
      <c r="F257">
        <v>2264</v>
      </c>
      <c r="G257">
        <v>123.8661660777385</v>
      </c>
      <c r="H257">
        <v>120</v>
      </c>
      <c r="I257">
        <v>5501.8544383045737</v>
      </c>
      <c r="J257">
        <v>74.17448643775414</v>
      </c>
      <c r="K257">
        <v>7.877350977412749E-2</v>
      </c>
      <c r="L257">
        <v>-1.2071254223193211</v>
      </c>
      <c r="M257">
        <v>7.9134848545315224</v>
      </c>
      <c r="N257">
        <v>19</v>
      </c>
      <c r="O257">
        <v>2</v>
      </c>
      <c r="P257">
        <v>17</v>
      </c>
      <c r="Q257">
        <v>3.0629782789794642</v>
      </c>
      <c r="R257">
        <v>5.4852097153223554</v>
      </c>
      <c r="S257">
        <v>2</v>
      </c>
      <c r="T257">
        <v>1</v>
      </c>
      <c r="U257">
        <v>1</v>
      </c>
      <c r="V257">
        <v>0.1225594073829839</v>
      </c>
      <c r="W257">
        <v>7.7036185376891808</v>
      </c>
      <c r="X257">
        <v>2</v>
      </c>
      <c r="Y257">
        <v>1</v>
      </c>
      <c r="Z257">
        <v>1</v>
      </c>
      <c r="AA257">
        <v>2.102585462008795E-2</v>
      </c>
      <c r="AB257">
        <v>7.7233917944474522</v>
      </c>
      <c r="AC257">
        <v>1</v>
      </c>
      <c r="AD257">
        <v>1</v>
      </c>
      <c r="AE257">
        <v>0</v>
      </c>
      <c r="AF257">
        <v>0</v>
      </c>
      <c r="AG257">
        <v>7.7235624722779708</v>
      </c>
      <c r="AH257">
        <v>2.603789870233425E-2</v>
      </c>
      <c r="AI257">
        <v>-3.6398584771846032E-3</v>
      </c>
      <c r="AJ257">
        <v>-7.6178056007098083E-3</v>
      </c>
      <c r="AK257">
        <v>7.230543098072654E-3</v>
      </c>
      <c r="AL257">
        <v>3263.2579308521699</v>
      </c>
      <c r="AM257">
        <v>6045.1225526642866</v>
      </c>
      <c r="AN257">
        <v>280432.99999999988</v>
      </c>
      <c r="AO257">
        <v>49.631012264023759</v>
      </c>
      <c r="AP257">
        <v>2962.4736197682901</v>
      </c>
      <c r="AQ257">
        <v>1.010159010600707</v>
      </c>
      <c r="AR257">
        <v>3.951413427561838</v>
      </c>
      <c r="AS257">
        <v>2252</v>
      </c>
      <c r="AT257">
        <v>271.57597173144882</v>
      </c>
      <c r="AU257">
        <v>3.4348368322594081E-2</v>
      </c>
      <c r="AV257">
        <v>2.6047466066820481E-2</v>
      </c>
      <c r="AW257">
        <v>0.38560070671378088</v>
      </c>
      <c r="AX257">
        <v>83.884224480777732</v>
      </c>
      <c r="AY257">
        <v>64</v>
      </c>
      <c r="AZ257">
        <v>129</v>
      </c>
      <c r="BA257">
        <v>0.59882766042183111</v>
      </c>
      <c r="BB257">
        <v>0.48984098939929333</v>
      </c>
      <c r="BC257">
        <v>5.2959563812453343</v>
      </c>
      <c r="BD257" t="s">
        <v>1045</v>
      </c>
      <c r="BE257" t="s">
        <v>68</v>
      </c>
    </row>
    <row r="258" spans="1:57" x14ac:dyDescent="0.3">
      <c r="A258" t="s">
        <v>1046</v>
      </c>
      <c r="B258">
        <v>129</v>
      </c>
      <c r="C258" t="s">
        <v>1047</v>
      </c>
      <c r="D258" t="s">
        <v>1048</v>
      </c>
      <c r="E258" t="s">
        <v>60</v>
      </c>
      <c r="F258">
        <v>512</v>
      </c>
      <c r="G258">
        <v>128.099609375</v>
      </c>
      <c r="H258">
        <v>131</v>
      </c>
      <c r="I258">
        <v>5506.7967185974121</v>
      </c>
      <c r="J258">
        <v>74.207794190350469</v>
      </c>
      <c r="K258">
        <v>-4.4306290863585562E-2</v>
      </c>
      <c r="L258">
        <v>-1.186395213242615</v>
      </c>
      <c r="M258">
        <v>7.6548275889650306</v>
      </c>
      <c r="N258">
        <v>7</v>
      </c>
      <c r="O258">
        <v>1</v>
      </c>
      <c r="P258">
        <v>6</v>
      </c>
      <c r="Q258">
        <v>1.1286821615328659</v>
      </c>
      <c r="R258">
        <v>5.3059221609635934</v>
      </c>
      <c r="S258">
        <v>1</v>
      </c>
      <c r="T258">
        <v>1</v>
      </c>
      <c r="U258">
        <v>0</v>
      </c>
      <c r="V258">
        <v>0</v>
      </c>
      <c r="W258">
        <v>6.2363695902037044</v>
      </c>
      <c r="X258">
        <v>1</v>
      </c>
      <c r="Y258">
        <v>1</v>
      </c>
      <c r="Z258">
        <v>0</v>
      </c>
      <c r="AA258">
        <v>0</v>
      </c>
      <c r="AB258">
        <v>6.2344107257183694</v>
      </c>
      <c r="AC258">
        <v>1</v>
      </c>
      <c r="AD258">
        <v>1</v>
      </c>
      <c r="AE258">
        <v>0</v>
      </c>
      <c r="AF258">
        <v>0</v>
      </c>
      <c r="AG258">
        <v>6.2324480165505216</v>
      </c>
      <c r="AH258">
        <v>-8.3428320435349548E-3</v>
      </c>
      <c r="AI258">
        <v>2.905025236182188E-2</v>
      </c>
      <c r="AJ258">
        <v>1.289757035235232E-2</v>
      </c>
      <c r="AK258">
        <v>8.8146814065973411E-2</v>
      </c>
      <c r="AL258">
        <v>1630.6013484106579</v>
      </c>
      <c r="AM258">
        <v>2926.1387941383341</v>
      </c>
      <c r="AN258">
        <v>65587</v>
      </c>
      <c r="AO258">
        <v>55</v>
      </c>
      <c r="AP258">
        <v>1455.127041279902</v>
      </c>
      <c r="AQ258">
        <v>1.044921875</v>
      </c>
      <c r="AR258">
        <v>4.099609375</v>
      </c>
      <c r="AS258">
        <v>507</v>
      </c>
      <c r="AT258">
        <v>128.2109375</v>
      </c>
      <c r="AU258">
        <v>2.05575980392157E-2</v>
      </c>
      <c r="AV258">
        <v>-8.3647166978699037E-3</v>
      </c>
      <c r="AW258">
        <v>0.35546875</v>
      </c>
      <c r="AX258">
        <v>86.072407045009783</v>
      </c>
      <c r="AY258">
        <v>61</v>
      </c>
      <c r="AZ258">
        <v>122.25</v>
      </c>
      <c r="BA258">
        <v>0.5792975837507347</v>
      </c>
      <c r="BB258">
        <v>0.501953125</v>
      </c>
      <c r="BC258">
        <v>5.094948074208304</v>
      </c>
      <c r="BD258" t="s">
        <v>1049</v>
      </c>
      <c r="BE258" t="s">
        <v>62</v>
      </c>
    </row>
    <row r="259" spans="1:57" x14ac:dyDescent="0.3">
      <c r="A259" t="s">
        <v>1050</v>
      </c>
      <c r="B259">
        <v>1797</v>
      </c>
      <c r="C259" t="s">
        <v>1051</v>
      </c>
      <c r="D259" t="s">
        <v>1052</v>
      </c>
      <c r="E259" t="s">
        <v>66</v>
      </c>
      <c r="F259">
        <v>70</v>
      </c>
      <c r="G259">
        <v>108.21428571428569</v>
      </c>
      <c r="H259">
        <v>101</v>
      </c>
      <c r="I259">
        <v>5838.6255102040814</v>
      </c>
      <c r="J259">
        <v>76.410899158458292</v>
      </c>
      <c r="K259">
        <v>0.26244051850999572</v>
      </c>
      <c r="L259">
        <v>-1.2410487765448479</v>
      </c>
      <c r="M259">
        <v>5.7934290883117283</v>
      </c>
      <c r="N259">
        <v>3</v>
      </c>
      <c r="O259">
        <v>1</v>
      </c>
      <c r="P259">
        <v>2</v>
      </c>
      <c r="Q259">
        <v>0.46848389698594078</v>
      </c>
      <c r="R259">
        <v>4.0156990383372468</v>
      </c>
      <c r="S259">
        <v>2</v>
      </c>
      <c r="T259">
        <v>1</v>
      </c>
      <c r="U259">
        <v>1</v>
      </c>
      <c r="V259">
        <v>0.1203728348804772</v>
      </c>
      <c r="W259">
        <v>4.2140152819723324</v>
      </c>
      <c r="X259">
        <v>1</v>
      </c>
      <c r="Y259">
        <v>1</v>
      </c>
      <c r="Z259">
        <v>0</v>
      </c>
      <c r="AA259">
        <v>0</v>
      </c>
      <c r="AB259">
        <v>4.2195077051761087</v>
      </c>
      <c r="AC259">
        <v>1</v>
      </c>
      <c r="AD259">
        <v>1</v>
      </c>
      <c r="AE259">
        <v>0</v>
      </c>
      <c r="AF259">
        <v>0</v>
      </c>
      <c r="AG259">
        <v>4.2046926193909648</v>
      </c>
      <c r="AH259">
        <v>9.7325738957042621E-3</v>
      </c>
      <c r="AI259">
        <v>6.1472593381399869E-3</v>
      </c>
      <c r="AJ259">
        <v>-2.404328507865248E-3</v>
      </c>
      <c r="AK259">
        <v>0.1015072514845403</v>
      </c>
      <c r="AL259">
        <v>685.0990254172699</v>
      </c>
      <c r="AM259">
        <v>871.24412501451434</v>
      </c>
      <c r="AN259">
        <v>7575</v>
      </c>
      <c r="AO259">
        <v>117.540603551353</v>
      </c>
      <c r="AP259">
        <v>555.55048942801886</v>
      </c>
      <c r="AQ259">
        <v>1.328571428571429</v>
      </c>
      <c r="AR259">
        <v>3.4857142857142862</v>
      </c>
      <c r="AS259">
        <v>70</v>
      </c>
      <c r="AT259">
        <v>10.914285714285709</v>
      </c>
      <c r="AU259">
        <v>0.1599541021227768</v>
      </c>
      <c r="AV259">
        <v>1.027208167329921E-2</v>
      </c>
      <c r="AW259">
        <v>0.4</v>
      </c>
      <c r="AX259">
        <v>84.463768115942031</v>
      </c>
      <c r="AY259">
        <v>64.5</v>
      </c>
      <c r="AZ259">
        <v>123</v>
      </c>
      <c r="BA259">
        <v>0.70610731895605028</v>
      </c>
      <c r="BB259">
        <v>0.44285714285714278</v>
      </c>
      <c r="BC259">
        <v>4.0331942783479997</v>
      </c>
      <c r="BD259" t="s">
        <v>1053</v>
      </c>
      <c r="BE259" t="s">
        <v>68</v>
      </c>
    </row>
    <row r="260" spans="1:57" x14ac:dyDescent="0.3">
      <c r="A260" t="s">
        <v>1054</v>
      </c>
      <c r="B260">
        <v>2310</v>
      </c>
      <c r="C260" t="s">
        <v>1055</v>
      </c>
      <c r="D260" t="s">
        <v>1056</v>
      </c>
      <c r="E260" t="s">
        <v>10622</v>
      </c>
      <c r="F260">
        <v>64</v>
      </c>
      <c r="G260">
        <v>112.671875</v>
      </c>
      <c r="H260">
        <v>112</v>
      </c>
      <c r="I260">
        <v>5462.564208984375</v>
      </c>
      <c r="J260">
        <v>73.909161874454881</v>
      </c>
      <c r="K260">
        <v>0.15181125027690459</v>
      </c>
      <c r="L260">
        <v>-1.1588172154595291</v>
      </c>
      <c r="M260">
        <v>5.738204882778696</v>
      </c>
      <c r="N260">
        <v>3</v>
      </c>
      <c r="O260">
        <v>1</v>
      </c>
      <c r="P260">
        <v>2</v>
      </c>
      <c r="Q260">
        <v>0.3976974544878587</v>
      </c>
      <c r="R260">
        <v>3.9774205359733639</v>
      </c>
      <c r="S260">
        <v>1</v>
      </c>
      <c r="T260">
        <v>1</v>
      </c>
      <c r="U260">
        <v>0</v>
      </c>
      <c r="V260">
        <v>0</v>
      </c>
      <c r="W260">
        <v>4.1431347263915326</v>
      </c>
      <c r="X260">
        <v>1</v>
      </c>
      <c r="Y260">
        <v>1</v>
      </c>
      <c r="Z260">
        <v>0</v>
      </c>
      <c r="AA260">
        <v>0</v>
      </c>
      <c r="AB260">
        <v>4.1271343850450908</v>
      </c>
      <c r="AC260">
        <v>1</v>
      </c>
      <c r="AD260">
        <v>1</v>
      </c>
      <c r="AE260">
        <v>0</v>
      </c>
      <c r="AF260">
        <v>0</v>
      </c>
      <c r="AG260">
        <v>4.1108738641733096</v>
      </c>
      <c r="AH260">
        <v>3.9696379309712947E-2</v>
      </c>
      <c r="AI260">
        <v>7.3087679018897398E-3</v>
      </c>
      <c r="AJ260">
        <v>8.4447285166931896E-2</v>
      </c>
      <c r="AK260">
        <v>-0.14568420119891859</v>
      </c>
      <c r="AL260">
        <v>656.14022777397088</v>
      </c>
      <c r="AM260">
        <v>855.31339373163189</v>
      </c>
      <c r="AN260">
        <v>7211</v>
      </c>
      <c r="AO260">
        <v>138.84165602724499</v>
      </c>
      <c r="AP260">
        <v>533.86938523398271</v>
      </c>
      <c r="AQ260">
        <v>1.359375</v>
      </c>
      <c r="AR260">
        <v>3.546875</v>
      </c>
      <c r="AS260">
        <v>64</v>
      </c>
      <c r="AT260">
        <v>7.75</v>
      </c>
      <c r="AU260">
        <v>0.1099352589641434</v>
      </c>
      <c r="AV260">
        <v>4.0803353838358272E-2</v>
      </c>
      <c r="AW260">
        <v>0.390625</v>
      </c>
      <c r="AX260">
        <v>82.682539682539684</v>
      </c>
      <c r="AY260">
        <v>69.5</v>
      </c>
      <c r="AZ260">
        <v>130.5</v>
      </c>
      <c r="BA260">
        <v>0.65596815420400945</v>
      </c>
      <c r="BB260">
        <v>0.484375</v>
      </c>
      <c r="BC260">
        <v>3.9230880024042492</v>
      </c>
      <c r="BD260" t="s">
        <v>1057</v>
      </c>
      <c r="BE260" t="s">
        <v>62</v>
      </c>
    </row>
    <row r="261" spans="1:57" x14ac:dyDescent="0.3">
      <c r="A261" t="s">
        <v>1058</v>
      </c>
      <c r="B261">
        <v>1601</v>
      </c>
      <c r="C261" t="s">
        <v>1059</v>
      </c>
      <c r="D261" t="s">
        <v>1060</v>
      </c>
      <c r="E261" t="s">
        <v>93</v>
      </c>
      <c r="F261">
        <v>1645</v>
      </c>
      <c r="G261">
        <v>124.93556231003041</v>
      </c>
      <c r="H261">
        <v>120</v>
      </c>
      <c r="I261">
        <v>5530.0687961123785</v>
      </c>
      <c r="J261">
        <v>74.364432332348102</v>
      </c>
      <c r="K261">
        <v>7.870389038055664E-2</v>
      </c>
      <c r="L261">
        <v>-1.1978167237070381</v>
      </c>
      <c r="M261">
        <v>7.8862341538411158</v>
      </c>
      <c r="N261">
        <v>14</v>
      </c>
      <c r="O261">
        <v>1</v>
      </c>
      <c r="P261">
        <v>13</v>
      </c>
      <c r="Q261">
        <v>2.5330547915804029</v>
      </c>
      <c r="R261">
        <v>5.4663209689705239</v>
      </c>
      <c r="S261">
        <v>2</v>
      </c>
      <c r="T261">
        <v>1</v>
      </c>
      <c r="U261">
        <v>1</v>
      </c>
      <c r="V261">
        <v>9.8647960195993742E-2</v>
      </c>
      <c r="W261">
        <v>7.3913956596928179</v>
      </c>
      <c r="X261">
        <v>1</v>
      </c>
      <c r="Y261">
        <v>1</v>
      </c>
      <c r="Z261">
        <v>0</v>
      </c>
      <c r="AA261">
        <v>0</v>
      </c>
      <c r="AB261">
        <v>7.4042791180372678</v>
      </c>
      <c r="AC261">
        <v>1</v>
      </c>
      <c r="AD261">
        <v>1</v>
      </c>
      <c r="AE261">
        <v>0</v>
      </c>
      <c r="AF261">
        <v>0</v>
      </c>
      <c r="AG261">
        <v>7.4036702900123696</v>
      </c>
      <c r="AH261">
        <v>-1.5347336168081351E-2</v>
      </c>
      <c r="AI261">
        <v>3.6890132146491117E-2</v>
      </c>
      <c r="AJ261">
        <v>-1.540577915405569E-2</v>
      </c>
      <c r="AK261">
        <v>6.24459140849492E-3</v>
      </c>
      <c r="AL261">
        <v>2791.3299173011801</v>
      </c>
      <c r="AM261">
        <v>5194.4270418188953</v>
      </c>
      <c r="AN261">
        <v>205519</v>
      </c>
      <c r="AO261">
        <v>44.965288680073513</v>
      </c>
      <c r="AP261">
        <v>2520.8666211595419</v>
      </c>
      <c r="AQ261">
        <v>1.0139817629179331</v>
      </c>
      <c r="AR261">
        <v>4.0182370820668689</v>
      </c>
      <c r="AS261">
        <v>1640</v>
      </c>
      <c r="AT261">
        <v>255.62492401215809</v>
      </c>
      <c r="AU261">
        <v>3.75230943441206E-2</v>
      </c>
      <c r="AV261">
        <v>-1.5352243984763141E-2</v>
      </c>
      <c r="AW261">
        <v>0.4</v>
      </c>
      <c r="AX261">
        <v>87.156326034063255</v>
      </c>
      <c r="AY261">
        <v>65</v>
      </c>
      <c r="AZ261">
        <v>130</v>
      </c>
      <c r="BA261">
        <v>0.59522229665730486</v>
      </c>
      <c r="BB261">
        <v>0.48206686930091192</v>
      </c>
      <c r="BC261">
        <v>5.2760121429719113</v>
      </c>
      <c r="BD261" t="s">
        <v>1061</v>
      </c>
      <c r="BE261" t="s">
        <v>68</v>
      </c>
    </row>
    <row r="262" spans="1:57" x14ac:dyDescent="0.3">
      <c r="A262" t="s">
        <v>1062</v>
      </c>
      <c r="B262">
        <v>3193</v>
      </c>
      <c r="C262" t="s">
        <v>1063</v>
      </c>
      <c r="D262" t="s">
        <v>1064</v>
      </c>
      <c r="E262" t="s">
        <v>66</v>
      </c>
      <c r="F262">
        <v>72</v>
      </c>
      <c r="G262">
        <v>118.8472222222222</v>
      </c>
      <c r="H262">
        <v>123.5</v>
      </c>
      <c r="I262">
        <v>6149.4905478395058</v>
      </c>
      <c r="J262">
        <v>78.418687491180989</v>
      </c>
      <c r="K262">
        <v>8.9319770026884307E-2</v>
      </c>
      <c r="L262">
        <v>-1.2312961695023319</v>
      </c>
      <c r="M262">
        <v>5.8921472236645371</v>
      </c>
      <c r="N262">
        <v>2</v>
      </c>
      <c r="O262">
        <v>1</v>
      </c>
      <c r="P262">
        <v>1</v>
      </c>
      <c r="Q262">
        <v>0.3677985242255285</v>
      </c>
      <c r="R262">
        <v>4.0841252355271811</v>
      </c>
      <c r="S262">
        <v>2</v>
      </c>
      <c r="T262">
        <v>1</v>
      </c>
      <c r="U262">
        <v>1</v>
      </c>
      <c r="V262">
        <v>0.16776575221435111</v>
      </c>
      <c r="W262">
        <v>4.2236293316576567</v>
      </c>
      <c r="X262">
        <v>2</v>
      </c>
      <c r="Y262">
        <v>1</v>
      </c>
      <c r="Z262">
        <v>1</v>
      </c>
      <c r="AA262">
        <v>0.11951030798891769</v>
      </c>
      <c r="AB262">
        <v>4.2286910368905044</v>
      </c>
      <c r="AC262">
        <v>1</v>
      </c>
      <c r="AD262">
        <v>1</v>
      </c>
      <c r="AE262">
        <v>0</v>
      </c>
      <c r="AF262">
        <v>0</v>
      </c>
      <c r="AG262">
        <v>4.2341065045972579</v>
      </c>
      <c r="AH262">
        <v>0.1098270592664097</v>
      </c>
      <c r="AI262">
        <v>0.14543895987597619</v>
      </c>
      <c r="AJ262">
        <v>-0.24396328006751339</v>
      </c>
      <c r="AK262">
        <v>-1.793935791804101E-3</v>
      </c>
      <c r="AL262">
        <v>709.22868637353952</v>
      </c>
      <c r="AM262">
        <v>978.12763503791439</v>
      </c>
      <c r="AN262">
        <v>8557</v>
      </c>
      <c r="AO262">
        <v>44.493973153132067</v>
      </c>
      <c r="AP262">
        <v>645.78745943637</v>
      </c>
      <c r="AQ262">
        <v>1.319444444444444</v>
      </c>
      <c r="AR262">
        <v>3.8888888888888888</v>
      </c>
      <c r="AS262">
        <v>70</v>
      </c>
      <c r="AT262">
        <v>7.2222222222222241</v>
      </c>
      <c r="AU262">
        <v>8.8054457619675036E-2</v>
      </c>
      <c r="AV262">
        <v>0.1117128428330191</v>
      </c>
      <c r="AW262">
        <v>0.33333333333333331</v>
      </c>
      <c r="AX262">
        <v>79.309859154929583</v>
      </c>
      <c r="AY262">
        <v>76</v>
      </c>
      <c r="AZ262">
        <v>141</v>
      </c>
      <c r="BA262">
        <v>0.65982768486210486</v>
      </c>
      <c r="BB262">
        <v>0.51388888888888884</v>
      </c>
      <c r="BC262">
        <v>3.9819563671900058</v>
      </c>
      <c r="BD262" t="s">
        <v>1065</v>
      </c>
      <c r="BE262" t="s">
        <v>68</v>
      </c>
    </row>
    <row r="263" spans="1:57" x14ac:dyDescent="0.3">
      <c r="A263" t="s">
        <v>1066</v>
      </c>
      <c r="B263">
        <v>3590</v>
      </c>
      <c r="C263" t="s">
        <v>1067</v>
      </c>
      <c r="D263" t="s">
        <v>1068</v>
      </c>
      <c r="E263" t="s">
        <v>66</v>
      </c>
      <c r="F263">
        <v>72</v>
      </c>
      <c r="G263">
        <v>114.875</v>
      </c>
      <c r="H263">
        <v>105.5</v>
      </c>
      <c r="I263">
        <v>6503.109375</v>
      </c>
      <c r="J263">
        <v>80.641858702537363</v>
      </c>
      <c r="K263">
        <v>0.1079930926259921</v>
      </c>
      <c r="L263">
        <v>-1.448792605027668</v>
      </c>
      <c r="M263">
        <v>5.7495824666299482</v>
      </c>
      <c r="N263">
        <v>3</v>
      </c>
      <c r="O263">
        <v>1</v>
      </c>
      <c r="P263">
        <v>2</v>
      </c>
      <c r="Q263">
        <v>0.53531636883655254</v>
      </c>
      <c r="R263">
        <v>3.9853068761414421</v>
      </c>
      <c r="S263">
        <v>2</v>
      </c>
      <c r="T263">
        <v>1</v>
      </c>
      <c r="U263">
        <v>1</v>
      </c>
      <c r="V263">
        <v>0.16776575221435111</v>
      </c>
      <c r="W263">
        <v>4.2236293316576567</v>
      </c>
      <c r="X263">
        <v>2</v>
      </c>
      <c r="Y263">
        <v>1</v>
      </c>
      <c r="Z263">
        <v>1</v>
      </c>
      <c r="AA263">
        <v>0.11951030798891769</v>
      </c>
      <c r="AB263">
        <v>4.2286910368905044</v>
      </c>
      <c r="AC263">
        <v>1</v>
      </c>
      <c r="AD263">
        <v>1</v>
      </c>
      <c r="AE263">
        <v>0</v>
      </c>
      <c r="AF263">
        <v>0</v>
      </c>
      <c r="AG263">
        <v>4.2341065045972579</v>
      </c>
      <c r="AH263">
        <v>3.582657841828335E-2</v>
      </c>
      <c r="AI263">
        <v>0.15604147428406981</v>
      </c>
      <c r="AJ263">
        <v>3.120258845194513E-2</v>
      </c>
      <c r="AK263">
        <v>-9.3380076464490411E-2</v>
      </c>
      <c r="AL263">
        <v>709.57076933930148</v>
      </c>
      <c r="AM263">
        <v>956.48540150868564</v>
      </c>
      <c r="AN263">
        <v>8271</v>
      </c>
      <c r="AO263">
        <v>45.388956634515431</v>
      </c>
      <c r="AP263">
        <v>542.42586202904772</v>
      </c>
      <c r="AQ263">
        <v>1.319444444444444</v>
      </c>
      <c r="AR263">
        <v>3.5972222222222219</v>
      </c>
      <c r="AS263">
        <v>71</v>
      </c>
      <c r="AT263">
        <v>13.388888888888889</v>
      </c>
      <c r="AU263">
        <v>0.1247723132969034</v>
      </c>
      <c r="AV263">
        <v>3.6028676634119038E-2</v>
      </c>
      <c r="AW263">
        <v>0.375</v>
      </c>
      <c r="AX263">
        <v>92.676056338028175</v>
      </c>
      <c r="AY263">
        <v>75</v>
      </c>
      <c r="AZ263">
        <v>151</v>
      </c>
      <c r="BA263">
        <v>0.70199659371088019</v>
      </c>
      <c r="BB263">
        <v>0.45833333333333331</v>
      </c>
      <c r="BC263">
        <v>4.0210069125736654</v>
      </c>
      <c r="BD263" t="s">
        <v>1069</v>
      </c>
      <c r="BE263" t="s">
        <v>68</v>
      </c>
    </row>
    <row r="264" spans="1:57" x14ac:dyDescent="0.3">
      <c r="A264" t="s">
        <v>1070</v>
      </c>
      <c r="B264">
        <v>2317</v>
      </c>
      <c r="C264" t="s">
        <v>1071</v>
      </c>
      <c r="D264" t="s">
        <v>1072</v>
      </c>
      <c r="E264" t="s">
        <v>93</v>
      </c>
      <c r="F264">
        <v>2399</v>
      </c>
      <c r="G264">
        <v>127.2630262609421</v>
      </c>
      <c r="H264">
        <v>125</v>
      </c>
      <c r="I264">
        <v>5420.4539518254878</v>
      </c>
      <c r="J264">
        <v>73.623732259547182</v>
      </c>
      <c r="K264">
        <v>2.6213250202696069E-2</v>
      </c>
      <c r="L264">
        <v>-1.186853529574595</v>
      </c>
      <c r="M264">
        <v>7.9200976729790167</v>
      </c>
      <c r="N264">
        <v>19</v>
      </c>
      <c r="O264">
        <v>2</v>
      </c>
      <c r="P264">
        <v>17</v>
      </c>
      <c r="Q264">
        <v>3.1060337536335529</v>
      </c>
      <c r="R264">
        <v>5.4897933717848062</v>
      </c>
      <c r="S264">
        <v>2</v>
      </c>
      <c r="T264">
        <v>1</v>
      </c>
      <c r="U264">
        <v>1</v>
      </c>
      <c r="V264">
        <v>0.13388663645301649</v>
      </c>
      <c r="W264">
        <v>7.757531846209579</v>
      </c>
      <c r="X264">
        <v>1</v>
      </c>
      <c r="Y264">
        <v>1</v>
      </c>
      <c r="Z264">
        <v>0</v>
      </c>
      <c r="AA264">
        <v>0</v>
      </c>
      <c r="AB264">
        <v>7.7819732344343846</v>
      </c>
      <c r="AC264">
        <v>1</v>
      </c>
      <c r="AD264">
        <v>1</v>
      </c>
      <c r="AE264">
        <v>0</v>
      </c>
      <c r="AF264">
        <v>0</v>
      </c>
      <c r="AG264">
        <v>7.7815559592353409</v>
      </c>
      <c r="AH264">
        <v>-1.9342460498120901E-2</v>
      </c>
      <c r="AI264">
        <v>5.7705249263274704E-3</v>
      </c>
      <c r="AJ264">
        <v>-4.707844082002509E-3</v>
      </c>
      <c r="AK264">
        <v>-5.3077220020930953E-2</v>
      </c>
      <c r="AL264">
        <v>3328.2789919735101</v>
      </c>
      <c r="AM264">
        <v>6385.9328959508957</v>
      </c>
      <c r="AN264">
        <v>305304</v>
      </c>
      <c r="AO264">
        <v>74.768019350120184</v>
      </c>
      <c r="AP264">
        <v>3003.0860897776929</v>
      </c>
      <c r="AQ264">
        <v>1.009587328053356</v>
      </c>
      <c r="AR264">
        <v>3.9987494789495619</v>
      </c>
      <c r="AS264">
        <v>2392</v>
      </c>
      <c r="AT264">
        <v>263.54939558149232</v>
      </c>
      <c r="AU264">
        <v>1.450440951703735E-2</v>
      </c>
      <c r="AV264">
        <v>-1.935283647284048E-2</v>
      </c>
      <c r="AW264">
        <v>0.38432680283451442</v>
      </c>
      <c r="AX264">
        <v>86.160967472894072</v>
      </c>
      <c r="AY264">
        <v>63</v>
      </c>
      <c r="AZ264">
        <v>128</v>
      </c>
      <c r="BA264">
        <v>0.57851627784324378</v>
      </c>
      <c r="BB264">
        <v>0.48770320967069608</v>
      </c>
      <c r="BC264">
        <v>5.3059476086705466</v>
      </c>
      <c r="BD264" t="s">
        <v>1073</v>
      </c>
      <c r="BE264" t="s">
        <v>68</v>
      </c>
    </row>
    <row r="265" spans="1:57" x14ac:dyDescent="0.3">
      <c r="A265" t="s">
        <v>1074</v>
      </c>
      <c r="B265">
        <v>2626</v>
      </c>
      <c r="C265" t="s">
        <v>1075</v>
      </c>
      <c r="D265" t="s">
        <v>1076</v>
      </c>
      <c r="E265" t="s">
        <v>72</v>
      </c>
      <c r="F265">
        <v>2640</v>
      </c>
      <c r="G265">
        <v>126.15909090909091</v>
      </c>
      <c r="H265">
        <v>125</v>
      </c>
      <c r="I265">
        <v>5571.5012052341599</v>
      </c>
      <c r="J265">
        <v>74.6424892754399</v>
      </c>
      <c r="K265">
        <v>3.3855046842779582E-2</v>
      </c>
      <c r="L265">
        <v>-1.1996224539526059</v>
      </c>
      <c r="M265">
        <v>7.9218110594437832</v>
      </c>
      <c r="N265">
        <v>20</v>
      </c>
      <c r="O265">
        <v>4</v>
      </c>
      <c r="P265">
        <v>16</v>
      </c>
      <c r="Q265">
        <v>3.3871309762098072</v>
      </c>
      <c r="R265">
        <v>5.4909810007820496</v>
      </c>
      <c r="S265">
        <v>3</v>
      </c>
      <c r="T265">
        <v>1</v>
      </c>
      <c r="U265">
        <v>2</v>
      </c>
      <c r="V265">
        <v>0.15585763928891189</v>
      </c>
      <c r="W265">
        <v>7.8470925030905736</v>
      </c>
      <c r="X265">
        <v>1</v>
      </c>
      <c r="Y265">
        <v>1</v>
      </c>
      <c r="Z265">
        <v>0</v>
      </c>
      <c r="AA265">
        <v>0</v>
      </c>
      <c r="AB265">
        <v>7.877776333277259</v>
      </c>
      <c r="AC265">
        <v>1</v>
      </c>
      <c r="AD265">
        <v>1</v>
      </c>
      <c r="AE265">
        <v>0</v>
      </c>
      <c r="AF265">
        <v>0</v>
      </c>
      <c r="AG265">
        <v>7.877397186353285</v>
      </c>
      <c r="AH265">
        <v>2.0073963771509919E-2</v>
      </c>
      <c r="AI265">
        <v>2.0370830461446301E-3</v>
      </c>
      <c r="AJ265">
        <v>3.0862777306963761E-2</v>
      </c>
      <c r="AK265">
        <v>1.8683778250492489E-2</v>
      </c>
      <c r="AL265">
        <v>3512.076008313833</v>
      </c>
      <c r="AM265">
        <v>6662.7796085287382</v>
      </c>
      <c r="AN265">
        <v>333060</v>
      </c>
      <c r="AO265">
        <v>55.784514519776302</v>
      </c>
      <c r="AP265">
        <v>3170.5421113312009</v>
      </c>
      <c r="AQ265">
        <v>1.0087121212121211</v>
      </c>
      <c r="AR265">
        <v>4.000757575757576</v>
      </c>
      <c r="AS265">
        <v>2629</v>
      </c>
      <c r="AT265">
        <v>284.8</v>
      </c>
      <c r="AU265">
        <v>1.6800356506238841E-2</v>
      </c>
      <c r="AV265">
        <v>2.0093160895482898E-2</v>
      </c>
      <c r="AW265">
        <v>0.37121212121212122</v>
      </c>
      <c r="AX265">
        <v>85.017430845017046</v>
      </c>
      <c r="AY265">
        <v>64</v>
      </c>
      <c r="AZ265">
        <v>129</v>
      </c>
      <c r="BA265">
        <v>0.59165367107176281</v>
      </c>
      <c r="BB265">
        <v>0.49090909090909091</v>
      </c>
      <c r="BC265">
        <v>5.3006223454865076</v>
      </c>
      <c r="BD265" t="s">
        <v>1077</v>
      </c>
      <c r="BE265" t="s">
        <v>62</v>
      </c>
    </row>
    <row r="266" spans="1:57" x14ac:dyDescent="0.3">
      <c r="A266" t="s">
        <v>1078</v>
      </c>
      <c r="B266">
        <v>820</v>
      </c>
      <c r="C266" t="s">
        <v>1079</v>
      </c>
      <c r="D266" t="s">
        <v>1080</v>
      </c>
      <c r="E266" t="s">
        <v>93</v>
      </c>
      <c r="F266">
        <v>820</v>
      </c>
      <c r="G266">
        <v>123.1670731707317</v>
      </c>
      <c r="H266">
        <v>121.5</v>
      </c>
      <c r="I266">
        <v>5370.0245255800119</v>
      </c>
      <c r="J266">
        <v>73.28045118297247</v>
      </c>
      <c r="K266">
        <v>4.7824186524477702E-2</v>
      </c>
      <c r="L266">
        <v>-1.191443665154168</v>
      </c>
      <c r="M266">
        <v>7.7448256557345587</v>
      </c>
      <c r="N266">
        <v>9</v>
      </c>
      <c r="O266">
        <v>1</v>
      </c>
      <c r="P266">
        <v>8</v>
      </c>
      <c r="Q266">
        <v>1.744390665008825</v>
      </c>
      <c r="R266">
        <v>5.3683040672007163</v>
      </c>
      <c r="S266">
        <v>2</v>
      </c>
      <c r="T266">
        <v>1</v>
      </c>
      <c r="U266">
        <v>1</v>
      </c>
      <c r="V266">
        <v>8.5589767562680455E-2</v>
      </c>
      <c r="W266">
        <v>6.6979280812075013</v>
      </c>
      <c r="X266">
        <v>1</v>
      </c>
      <c r="Y266">
        <v>1</v>
      </c>
      <c r="Z266">
        <v>0</v>
      </c>
      <c r="AA266">
        <v>0</v>
      </c>
      <c r="AB266">
        <v>6.7068623366027458</v>
      </c>
      <c r="AC266">
        <v>1</v>
      </c>
      <c r="AD266">
        <v>1</v>
      </c>
      <c r="AE266">
        <v>0</v>
      </c>
      <c r="AF266">
        <v>0</v>
      </c>
      <c r="AG266">
        <v>6.705639094860004</v>
      </c>
      <c r="AH266">
        <v>-2.562226482575792E-4</v>
      </c>
      <c r="AI266">
        <v>-6.8942560695537626E-3</v>
      </c>
      <c r="AJ266">
        <v>4.066865235182239E-2</v>
      </c>
      <c r="AK266">
        <v>6.3534979993897676E-3</v>
      </c>
      <c r="AL266">
        <v>1963.6086224589531</v>
      </c>
      <c r="AM266">
        <v>3603.7711050793519</v>
      </c>
      <c r="AN266">
        <v>100997</v>
      </c>
      <c r="AO266">
        <v>73.74112382745858</v>
      </c>
      <c r="AP266">
        <v>1706.0670361333921</v>
      </c>
      <c r="AQ266">
        <v>1.0280487804878049</v>
      </c>
      <c r="AR266">
        <v>4.0975609756097562</v>
      </c>
      <c r="AS266">
        <v>817</v>
      </c>
      <c r="AT266">
        <v>222.7439024390244</v>
      </c>
      <c r="AU266">
        <v>3.758967001434721E-2</v>
      </c>
      <c r="AV266">
        <v>-2.5353371074168568E-4</v>
      </c>
      <c r="AW266">
        <v>0.3878048780487805</v>
      </c>
      <c r="AX266">
        <v>84.642246642246647</v>
      </c>
      <c r="AY266">
        <v>63.5</v>
      </c>
      <c r="AZ266">
        <v>127.25</v>
      </c>
      <c r="BA266">
        <v>0.59496787003611418</v>
      </c>
      <c r="BB266">
        <v>0.48780487804878048</v>
      </c>
      <c r="BC266">
        <v>5.1584934428509461</v>
      </c>
      <c r="BD266" t="s">
        <v>1081</v>
      </c>
      <c r="BE266" t="s">
        <v>68</v>
      </c>
    </row>
    <row r="267" spans="1:57" x14ac:dyDescent="0.3">
      <c r="A267" t="s">
        <v>1082</v>
      </c>
      <c r="B267">
        <v>2317</v>
      </c>
      <c r="C267" t="s">
        <v>1083</v>
      </c>
      <c r="D267" t="s">
        <v>1084</v>
      </c>
      <c r="E267" t="s">
        <v>128</v>
      </c>
      <c r="F267">
        <v>32</v>
      </c>
      <c r="G267">
        <v>147.5</v>
      </c>
      <c r="H267">
        <v>150.5</v>
      </c>
      <c r="I267">
        <v>3463.0625</v>
      </c>
      <c r="J267">
        <v>58.847790952592263</v>
      </c>
      <c r="K267">
        <v>-6.3618141816287041E-2</v>
      </c>
      <c r="L267">
        <v>-0.61965642958211697</v>
      </c>
      <c r="M267">
        <v>5</v>
      </c>
      <c r="N267">
        <v>1</v>
      </c>
      <c r="O267">
        <v>1</v>
      </c>
      <c r="P267">
        <v>0</v>
      </c>
      <c r="Q267">
        <v>0</v>
      </c>
      <c r="R267">
        <v>3.465735902799727</v>
      </c>
      <c r="S267">
        <v>1</v>
      </c>
      <c r="T267">
        <v>1</v>
      </c>
      <c r="U267">
        <v>0</v>
      </c>
      <c r="V267">
        <v>0</v>
      </c>
      <c r="W267">
        <v>3.4339872044851458</v>
      </c>
      <c r="X267">
        <v>1</v>
      </c>
      <c r="Y267">
        <v>1</v>
      </c>
      <c r="Z267">
        <v>0</v>
      </c>
      <c r="AA267">
        <v>0</v>
      </c>
      <c r="AB267">
        <v>3.401197381662155</v>
      </c>
      <c r="AC267">
        <v>1</v>
      </c>
      <c r="AD267">
        <v>1</v>
      </c>
      <c r="AE267">
        <v>0</v>
      </c>
      <c r="AF267">
        <v>0</v>
      </c>
      <c r="AG267">
        <v>3.3672958299864728</v>
      </c>
      <c r="AH267">
        <v>-0.17195988016387229</v>
      </c>
      <c r="AI267">
        <v>-0.26243029110794269</v>
      </c>
      <c r="AJ267">
        <v>-5.0307711743579567E-4</v>
      </c>
      <c r="AK267">
        <v>-0.10344889819343429</v>
      </c>
      <c r="AL267">
        <v>422.55542730452072</v>
      </c>
      <c r="AM267">
        <v>792.75778826542853</v>
      </c>
      <c r="AN267">
        <v>4720</v>
      </c>
      <c r="AO267">
        <v>29.386577410265669</v>
      </c>
      <c r="AP267">
        <v>253.94661029065159</v>
      </c>
      <c r="AQ267">
        <v>1.71875</v>
      </c>
      <c r="AR267">
        <v>4</v>
      </c>
      <c r="AS267">
        <v>32</v>
      </c>
      <c r="AT267">
        <v>0</v>
      </c>
      <c r="AU267">
        <v>0.1624750996015937</v>
      </c>
      <c r="AV267">
        <v>-0.17930010428953799</v>
      </c>
      <c r="AW267">
        <v>0.34375</v>
      </c>
      <c r="AX267">
        <v>79.483870967741936</v>
      </c>
      <c r="AY267">
        <v>39.5</v>
      </c>
      <c r="AZ267">
        <v>74.25</v>
      </c>
      <c r="BA267">
        <v>0.3989680742548628</v>
      </c>
      <c r="BB267">
        <v>0.5</v>
      </c>
      <c r="BC267">
        <v>3.1487931944695369</v>
      </c>
      <c r="BD267" t="s">
        <v>1085</v>
      </c>
      <c r="BE267" t="s">
        <v>62</v>
      </c>
    </row>
    <row r="268" spans="1:57" x14ac:dyDescent="0.3">
      <c r="A268" t="s">
        <v>1086</v>
      </c>
      <c r="B268">
        <v>3843</v>
      </c>
      <c r="C268" t="s">
        <v>1087</v>
      </c>
      <c r="D268" t="s">
        <v>1088</v>
      </c>
      <c r="E268" t="s">
        <v>115</v>
      </c>
      <c r="F268">
        <v>3885</v>
      </c>
      <c r="G268">
        <v>129.5722007722008</v>
      </c>
      <c r="H268">
        <v>130</v>
      </c>
      <c r="I268">
        <v>5353.4072066109138</v>
      </c>
      <c r="J268">
        <v>73.166981669404095</v>
      </c>
      <c r="K268">
        <v>-3.3415885465862771E-2</v>
      </c>
      <c r="L268">
        <v>-1.1819194808995941</v>
      </c>
      <c r="M268">
        <v>7.9560832027938977</v>
      </c>
      <c r="N268">
        <v>29</v>
      </c>
      <c r="O268">
        <v>7</v>
      </c>
      <c r="P268">
        <v>22</v>
      </c>
      <c r="Q268">
        <v>3.762006738716511</v>
      </c>
      <c r="R268">
        <v>5.5147366403169276</v>
      </c>
      <c r="S268">
        <v>3</v>
      </c>
      <c r="T268">
        <v>1</v>
      </c>
      <c r="U268">
        <v>2</v>
      </c>
      <c r="V268">
        <v>0.18077550817268701</v>
      </c>
      <c r="W268">
        <v>8.2198705608005689</v>
      </c>
      <c r="X268">
        <v>1</v>
      </c>
      <c r="Y268">
        <v>1</v>
      </c>
      <c r="Z268">
        <v>0</v>
      </c>
      <c r="AA268">
        <v>0</v>
      </c>
      <c r="AB268">
        <v>8.2643633297316654</v>
      </c>
      <c r="AC268">
        <v>1</v>
      </c>
      <c r="AD268">
        <v>1</v>
      </c>
      <c r="AE268">
        <v>0</v>
      </c>
      <c r="AF268">
        <v>0</v>
      </c>
      <c r="AG268">
        <v>8.2641057637289563</v>
      </c>
      <c r="AH268">
        <v>1.5170159606020001E-2</v>
      </c>
      <c r="AI268">
        <v>2.6896211095322042E-2</v>
      </c>
      <c r="AJ268">
        <v>-1.0075237285241871E-2</v>
      </c>
      <c r="AK268">
        <v>1.8350342155183559E-3</v>
      </c>
      <c r="AL268">
        <v>4165.3218507629008</v>
      </c>
      <c r="AM268">
        <v>8286.9277708664213</v>
      </c>
      <c r="AN268">
        <v>503388</v>
      </c>
      <c r="AO268">
        <v>93.601449790673314</v>
      </c>
      <c r="AP268">
        <v>3758.3075806228771</v>
      </c>
      <c r="AQ268">
        <v>1.0059202059202059</v>
      </c>
      <c r="AR268">
        <v>4.0102960102960106</v>
      </c>
      <c r="AS268">
        <v>3871</v>
      </c>
      <c r="AT268">
        <v>238.74157014157009</v>
      </c>
      <c r="AU268">
        <v>1.8971913089560141E-2</v>
      </c>
      <c r="AV268">
        <v>1.517113100558343E-2</v>
      </c>
      <c r="AW268">
        <v>0.37065637065637058</v>
      </c>
      <c r="AX268">
        <v>83.750257466529348</v>
      </c>
      <c r="AY268">
        <v>62</v>
      </c>
      <c r="AZ268">
        <v>125</v>
      </c>
      <c r="BA268">
        <v>0.56468116797705725</v>
      </c>
      <c r="BB268">
        <v>0.50424710424710428</v>
      </c>
      <c r="BC268">
        <v>5.3047025403195054</v>
      </c>
      <c r="BD268" t="s">
        <v>1089</v>
      </c>
      <c r="BE268" t="s">
        <v>68</v>
      </c>
    </row>
    <row r="269" spans="1:57" x14ac:dyDescent="0.3">
      <c r="A269" t="s">
        <v>1090</v>
      </c>
      <c r="B269">
        <v>3128</v>
      </c>
      <c r="C269" t="s">
        <v>1091</v>
      </c>
      <c r="D269" t="s">
        <v>1092</v>
      </c>
      <c r="E269" t="s">
        <v>98</v>
      </c>
      <c r="F269">
        <v>16</v>
      </c>
      <c r="G269">
        <v>158.1875</v>
      </c>
      <c r="H269">
        <v>194</v>
      </c>
      <c r="I269">
        <v>6057.27734375</v>
      </c>
      <c r="J269">
        <v>77.82851240869249</v>
      </c>
      <c r="K269">
        <v>-0.59555835797099588</v>
      </c>
      <c r="L269">
        <v>-1.161656113521691</v>
      </c>
      <c r="M269">
        <v>3.7028195311147831</v>
      </c>
      <c r="N269">
        <v>3</v>
      </c>
      <c r="O269">
        <v>1</v>
      </c>
      <c r="P269">
        <v>2</v>
      </c>
      <c r="Q269">
        <v>0.51507875363771272</v>
      </c>
      <c r="R269">
        <v>2.566598918114511</v>
      </c>
      <c r="S269">
        <v>1</v>
      </c>
      <c r="T269">
        <v>1</v>
      </c>
      <c r="U269">
        <v>0</v>
      </c>
      <c r="V269">
        <v>0</v>
      </c>
      <c r="W269">
        <v>2.7080502011022101</v>
      </c>
      <c r="X269">
        <v>1</v>
      </c>
      <c r="Y269">
        <v>1</v>
      </c>
      <c r="Z269">
        <v>0</v>
      </c>
      <c r="AA269">
        <v>0</v>
      </c>
      <c r="AB269">
        <v>2.639057329615258</v>
      </c>
      <c r="AC269">
        <v>1</v>
      </c>
      <c r="AD269">
        <v>1</v>
      </c>
      <c r="AE269">
        <v>0</v>
      </c>
      <c r="AF269">
        <v>0</v>
      </c>
      <c r="AG269">
        <v>2.5649493574615372</v>
      </c>
      <c r="AH269">
        <v>8.5320561269598874E-2</v>
      </c>
      <c r="AI269">
        <v>-0.40169406569963939</v>
      </c>
      <c r="AJ269">
        <v>-3.2921925976179219E-2</v>
      </c>
      <c r="AK269">
        <v>-8.19447068769939E-2</v>
      </c>
      <c r="AL269">
        <v>425.16279995257281</v>
      </c>
      <c r="AM269">
        <v>562.60607314220192</v>
      </c>
      <c r="AN269">
        <v>2531</v>
      </c>
      <c r="AO269">
        <v>68.761175855878264</v>
      </c>
      <c r="AP269">
        <v>279.0936617019986</v>
      </c>
      <c r="AQ269">
        <v>2.3125</v>
      </c>
      <c r="AR269">
        <v>4.5</v>
      </c>
      <c r="AS269">
        <v>15</v>
      </c>
      <c r="AT269">
        <v>3.25</v>
      </c>
      <c r="AU269">
        <v>0.23493975903614461</v>
      </c>
      <c r="AV269">
        <v>9.7602852974430609E-2</v>
      </c>
      <c r="AW269">
        <v>0.1875</v>
      </c>
      <c r="AX269">
        <v>78.066666666666663</v>
      </c>
      <c r="AY269">
        <v>47.5</v>
      </c>
      <c r="AZ269">
        <v>114</v>
      </c>
      <c r="BA269">
        <v>0.49200165884594232</v>
      </c>
      <c r="BB269">
        <v>0.5625</v>
      </c>
      <c r="BC269">
        <v>2.7080502011022101</v>
      </c>
      <c r="BD269" t="s">
        <v>1091</v>
      </c>
      <c r="BE269" t="s">
        <v>62</v>
      </c>
    </row>
    <row r="270" spans="1:57" x14ac:dyDescent="0.3">
      <c r="A270" t="s">
        <v>1093</v>
      </c>
      <c r="B270">
        <v>3119</v>
      </c>
      <c r="C270" t="s">
        <v>1094</v>
      </c>
      <c r="D270" t="s">
        <v>1095</v>
      </c>
      <c r="E270" t="s">
        <v>115</v>
      </c>
      <c r="F270">
        <v>3165</v>
      </c>
      <c r="G270">
        <v>130.73807266982621</v>
      </c>
      <c r="H270">
        <v>131</v>
      </c>
      <c r="I270">
        <v>5419.4659912301067</v>
      </c>
      <c r="J270">
        <v>73.617022428444542</v>
      </c>
      <c r="K270">
        <v>-5.7486146198716857E-2</v>
      </c>
      <c r="L270">
        <v>-1.179631832294562</v>
      </c>
      <c r="M270">
        <v>7.9399803885636544</v>
      </c>
      <c r="N270">
        <v>28</v>
      </c>
      <c r="O270">
        <v>4</v>
      </c>
      <c r="P270">
        <v>24</v>
      </c>
      <c r="Q270">
        <v>3.5790268207151561</v>
      </c>
      <c r="R270">
        <v>5.5035750200341624</v>
      </c>
      <c r="S270">
        <v>2</v>
      </c>
      <c r="T270">
        <v>1</v>
      </c>
      <c r="U270">
        <v>1</v>
      </c>
      <c r="V270">
        <v>0.15493765844615909</v>
      </c>
      <c r="W270">
        <v>8.0262932228682295</v>
      </c>
      <c r="X270">
        <v>1</v>
      </c>
      <c r="Y270">
        <v>1</v>
      </c>
      <c r="Z270">
        <v>0</v>
      </c>
      <c r="AA270">
        <v>0</v>
      </c>
      <c r="AB270">
        <v>8.0592762233056501</v>
      </c>
      <c r="AC270">
        <v>1</v>
      </c>
      <c r="AD270">
        <v>1</v>
      </c>
      <c r="AE270">
        <v>0</v>
      </c>
      <c r="AF270">
        <v>0</v>
      </c>
      <c r="AG270">
        <v>8.0589600177694152</v>
      </c>
      <c r="AH270">
        <v>1.376629635008274E-2</v>
      </c>
      <c r="AI270">
        <v>6.1976300549272901E-3</v>
      </c>
      <c r="AJ270">
        <v>2.966582381565893E-2</v>
      </c>
      <c r="AK270">
        <v>1.013710696072638E-3</v>
      </c>
      <c r="AL270">
        <v>3809.4016429903459</v>
      </c>
      <c r="AM270">
        <v>7532.506430291478</v>
      </c>
      <c r="AN270">
        <v>413786.00000000012</v>
      </c>
      <c r="AO270">
        <v>54.977933185996918</v>
      </c>
      <c r="AP270">
        <v>3421.0225946796659</v>
      </c>
      <c r="AQ270">
        <v>1.007266982622433</v>
      </c>
      <c r="AR270">
        <v>4.0148499210110584</v>
      </c>
      <c r="AS270">
        <v>3148</v>
      </c>
      <c r="AT270">
        <v>265.23823064770932</v>
      </c>
      <c r="AU270">
        <v>2.6633212526716851E-2</v>
      </c>
      <c r="AV270">
        <v>1.3771296410801E-2</v>
      </c>
      <c r="AW270">
        <v>0.36366508688783572</v>
      </c>
      <c r="AX270">
        <v>84.555309734513273</v>
      </c>
      <c r="AY270">
        <v>64</v>
      </c>
      <c r="AZ270">
        <v>127</v>
      </c>
      <c r="BA270">
        <v>0.56308786664127586</v>
      </c>
      <c r="BB270">
        <v>0.50300157977883098</v>
      </c>
      <c r="BC270">
        <v>5.3125170354264526</v>
      </c>
      <c r="BD270" t="s">
        <v>1096</v>
      </c>
      <c r="BE270" t="s">
        <v>68</v>
      </c>
    </row>
    <row r="271" spans="1:57" x14ac:dyDescent="0.3">
      <c r="A271" t="s">
        <v>1097</v>
      </c>
      <c r="B271">
        <v>155</v>
      </c>
      <c r="C271" t="s">
        <v>1098</v>
      </c>
      <c r="D271" t="s">
        <v>1099</v>
      </c>
      <c r="E271" t="s">
        <v>60</v>
      </c>
      <c r="F271">
        <v>512</v>
      </c>
      <c r="G271">
        <v>127.724609375</v>
      </c>
      <c r="H271">
        <v>124.5</v>
      </c>
      <c r="I271">
        <v>5313.4847068786621</v>
      </c>
      <c r="J271">
        <v>72.893653406031603</v>
      </c>
      <c r="K271">
        <v>6.4768838789811559E-2</v>
      </c>
      <c r="L271">
        <v>-1.2021067134886489</v>
      </c>
      <c r="M271">
        <v>7.5833135162078777</v>
      </c>
      <c r="N271">
        <v>7</v>
      </c>
      <c r="O271">
        <v>1</v>
      </c>
      <c r="P271">
        <v>6</v>
      </c>
      <c r="Q271">
        <v>1.265318900476619</v>
      </c>
      <c r="R271">
        <v>5.2563523830616132</v>
      </c>
      <c r="S271">
        <v>2</v>
      </c>
      <c r="T271">
        <v>1</v>
      </c>
      <c r="U271">
        <v>1</v>
      </c>
      <c r="V271">
        <v>8.8472037443809853E-2</v>
      </c>
      <c r="W271">
        <v>6.2255179709385784</v>
      </c>
      <c r="X271">
        <v>1</v>
      </c>
      <c r="Y271">
        <v>1</v>
      </c>
      <c r="Z271">
        <v>0</v>
      </c>
      <c r="AA271">
        <v>0</v>
      </c>
      <c r="AB271">
        <v>6.2344107257183694</v>
      </c>
      <c r="AC271">
        <v>1</v>
      </c>
      <c r="AD271">
        <v>1</v>
      </c>
      <c r="AE271">
        <v>0</v>
      </c>
      <c r="AF271">
        <v>0</v>
      </c>
      <c r="AG271">
        <v>6.2324480165505216</v>
      </c>
      <c r="AH271">
        <v>5.7250864342583009E-2</v>
      </c>
      <c r="AI271">
        <v>1.3644351200056529E-2</v>
      </c>
      <c r="AJ271">
        <v>-6.169012603632085E-3</v>
      </c>
      <c r="AK271">
        <v>-2.603070058729115E-2</v>
      </c>
      <c r="AL271">
        <v>1558.9814411402431</v>
      </c>
      <c r="AM271">
        <v>2939.835346780545</v>
      </c>
      <c r="AN271">
        <v>65395</v>
      </c>
      <c r="AO271">
        <v>58.19284091585029</v>
      </c>
      <c r="AP271">
        <v>1320.715196848284</v>
      </c>
      <c r="AQ271">
        <v>1.044921875</v>
      </c>
      <c r="AR271">
        <v>4.0625</v>
      </c>
      <c r="AS271">
        <v>512</v>
      </c>
      <c r="AT271">
        <v>152.7265625</v>
      </c>
      <c r="AU271">
        <v>2.732077205882355E-2</v>
      </c>
      <c r="AV271">
        <v>5.7419094431339017E-2</v>
      </c>
      <c r="AW271">
        <v>0.40625</v>
      </c>
      <c r="AX271">
        <v>81.416829745596871</v>
      </c>
      <c r="AY271">
        <v>63.5</v>
      </c>
      <c r="AZ271">
        <v>127.25</v>
      </c>
      <c r="BA271">
        <v>0.57070954268503982</v>
      </c>
      <c r="BB271">
        <v>0.486328125</v>
      </c>
      <c r="BC271">
        <v>5.0189413700713397</v>
      </c>
      <c r="BD271" t="s">
        <v>1100</v>
      </c>
      <c r="BE271" t="s">
        <v>62</v>
      </c>
    </row>
    <row r="272" spans="1:57" x14ac:dyDescent="0.3">
      <c r="A272" t="s">
        <v>1101</v>
      </c>
      <c r="B272">
        <v>2490</v>
      </c>
      <c r="C272" t="s">
        <v>1102</v>
      </c>
      <c r="D272" t="s">
        <v>1103</v>
      </c>
      <c r="E272" t="s">
        <v>93</v>
      </c>
      <c r="F272">
        <v>2510</v>
      </c>
      <c r="G272">
        <v>126.31274900398409</v>
      </c>
      <c r="H272">
        <v>125.5</v>
      </c>
      <c r="I272">
        <v>5484.6826661481564</v>
      </c>
      <c r="J272">
        <v>74.058643426329084</v>
      </c>
      <c r="K272">
        <v>1.213549470355425E-2</v>
      </c>
      <c r="L272">
        <v>-1.195490694270313</v>
      </c>
      <c r="M272">
        <v>7.9361575421722321</v>
      </c>
      <c r="N272">
        <v>19</v>
      </c>
      <c r="O272">
        <v>2</v>
      </c>
      <c r="P272">
        <v>17</v>
      </c>
      <c r="Q272">
        <v>2.8887134726974479</v>
      </c>
      <c r="R272">
        <v>5.5009252248362168</v>
      </c>
      <c r="S272">
        <v>2</v>
      </c>
      <c r="T272">
        <v>1</v>
      </c>
      <c r="U272">
        <v>1</v>
      </c>
      <c r="V272">
        <v>0.13537947613150961</v>
      </c>
      <c r="W272">
        <v>7.8022232288648228</v>
      </c>
      <c r="X272">
        <v>1</v>
      </c>
      <c r="Y272">
        <v>1</v>
      </c>
      <c r="Z272">
        <v>0</v>
      </c>
      <c r="AA272">
        <v>0</v>
      </c>
      <c r="AB272">
        <v>7.8272409017528126</v>
      </c>
      <c r="AC272">
        <v>1</v>
      </c>
      <c r="AD272">
        <v>1</v>
      </c>
      <c r="AE272">
        <v>0</v>
      </c>
      <c r="AF272">
        <v>0</v>
      </c>
      <c r="AG272">
        <v>7.8268420981582913</v>
      </c>
      <c r="AH272">
        <v>5.652012415431254E-2</v>
      </c>
      <c r="AI272">
        <v>1.0643978399272671E-2</v>
      </c>
      <c r="AJ272">
        <v>1.2323763311668659E-3</v>
      </c>
      <c r="AK272">
        <v>-1.1962027883530449E-3</v>
      </c>
      <c r="AL272">
        <v>3398.176897222711</v>
      </c>
      <c r="AM272">
        <v>6501.2131771833056</v>
      </c>
      <c r="AN272">
        <v>317045</v>
      </c>
      <c r="AO272">
        <v>113.66005946382251</v>
      </c>
      <c r="AP272">
        <v>3025.4127009554932</v>
      </c>
      <c r="AQ272">
        <v>1.0091633466135459</v>
      </c>
      <c r="AR272">
        <v>3.945816733067729</v>
      </c>
      <c r="AS272">
        <v>2498</v>
      </c>
      <c r="AT272">
        <v>217.8788844621514</v>
      </c>
      <c r="AU272">
        <v>1.235840949925787E-2</v>
      </c>
      <c r="AV272">
        <v>5.655444669161451E-2</v>
      </c>
      <c r="AW272">
        <v>0.37569721115537852</v>
      </c>
      <c r="AX272">
        <v>82.728975687524908</v>
      </c>
      <c r="AY272">
        <v>63.5</v>
      </c>
      <c r="AZ272">
        <v>128</v>
      </c>
      <c r="BA272">
        <v>0.58631170654035225</v>
      </c>
      <c r="BB272">
        <v>0.49681274900398409</v>
      </c>
      <c r="BC272">
        <v>5.283327230292465</v>
      </c>
      <c r="BD272" t="s">
        <v>1104</v>
      </c>
      <c r="BE272" t="s">
        <v>68</v>
      </c>
    </row>
    <row r="273" spans="1:57" x14ac:dyDescent="0.3">
      <c r="A273" t="s">
        <v>1105</v>
      </c>
      <c r="B273">
        <v>1261</v>
      </c>
      <c r="C273" t="s">
        <v>1106</v>
      </c>
      <c r="D273" t="s">
        <v>1107</v>
      </c>
      <c r="E273" t="s">
        <v>85</v>
      </c>
      <c r="F273">
        <v>8</v>
      </c>
      <c r="G273">
        <v>133.5</v>
      </c>
      <c r="H273">
        <v>139</v>
      </c>
      <c r="I273">
        <v>6691.75</v>
      </c>
      <c r="J273">
        <v>81.803117300014918</v>
      </c>
      <c r="K273">
        <v>-5.1312918522996652E-2</v>
      </c>
      <c r="L273">
        <v>-1.4377507878745051</v>
      </c>
      <c r="M273">
        <v>3</v>
      </c>
      <c r="N273">
        <v>1</v>
      </c>
      <c r="O273">
        <v>1</v>
      </c>
      <c r="P273">
        <v>0</v>
      </c>
      <c r="Q273">
        <v>0</v>
      </c>
      <c r="R273">
        <v>2.0794415416798362</v>
      </c>
      <c r="S273">
        <v>1</v>
      </c>
      <c r="T273">
        <v>1</v>
      </c>
      <c r="U273">
        <v>0</v>
      </c>
      <c r="V273">
        <v>0</v>
      </c>
      <c r="W273">
        <v>1.945910149055313</v>
      </c>
      <c r="X273">
        <v>1</v>
      </c>
      <c r="Y273">
        <v>1</v>
      </c>
      <c r="Z273">
        <v>0</v>
      </c>
      <c r="AA273">
        <v>0</v>
      </c>
      <c r="AB273">
        <v>1.791759469228055</v>
      </c>
      <c r="AC273">
        <v>1</v>
      </c>
      <c r="AD273">
        <v>1</v>
      </c>
      <c r="AE273">
        <v>0</v>
      </c>
      <c r="AF273">
        <v>0</v>
      </c>
      <c r="AG273">
        <v>1.6094379124341009</v>
      </c>
      <c r="AH273">
        <v>9.718590054918369E-2</v>
      </c>
      <c r="AI273">
        <v>-0.31295064818619939</v>
      </c>
      <c r="AJ273">
        <v>0.10514346023088129</v>
      </c>
      <c r="AK273">
        <v>0</v>
      </c>
      <c r="AL273">
        <v>344.55894027792891</v>
      </c>
      <c r="AM273">
        <v>278.19262512609959</v>
      </c>
      <c r="AN273">
        <v>1068</v>
      </c>
      <c r="AO273">
        <v>156.52532413334399</v>
      </c>
      <c r="AP273">
        <v>267.86916493148021</v>
      </c>
      <c r="AQ273">
        <v>3.5</v>
      </c>
      <c r="AR273">
        <v>4</v>
      </c>
      <c r="AS273">
        <v>8</v>
      </c>
      <c r="AT273">
        <v>0</v>
      </c>
      <c r="AU273">
        <v>0.2225490196078431</v>
      </c>
      <c r="AV273">
        <v>0.1326498039760074</v>
      </c>
      <c r="AW273">
        <v>0.25</v>
      </c>
      <c r="AX273">
        <v>76.285714285714292</v>
      </c>
      <c r="AY273">
        <v>63</v>
      </c>
      <c r="AZ273">
        <v>126.5</v>
      </c>
      <c r="BA273">
        <v>0.61275743295891327</v>
      </c>
      <c r="BB273">
        <v>0.5</v>
      </c>
      <c r="BC273">
        <v>1.945910149055313</v>
      </c>
      <c r="BD273" t="s">
        <v>1106</v>
      </c>
      <c r="BE273" t="s">
        <v>68</v>
      </c>
    </row>
    <row r="274" spans="1:57" x14ac:dyDescent="0.3">
      <c r="A274" t="s">
        <v>1108</v>
      </c>
      <c r="B274">
        <v>1097</v>
      </c>
      <c r="C274" t="s">
        <v>1109</v>
      </c>
      <c r="D274" t="s">
        <v>1110</v>
      </c>
      <c r="E274" t="s">
        <v>128</v>
      </c>
      <c r="F274">
        <v>32</v>
      </c>
      <c r="G274">
        <v>136.5625</v>
      </c>
      <c r="H274">
        <v>141</v>
      </c>
      <c r="I274">
        <v>5760.12109375</v>
      </c>
      <c r="J274">
        <v>75.895461614974053</v>
      </c>
      <c r="K274">
        <v>-0.1270395547982606</v>
      </c>
      <c r="L274">
        <v>-1.1707340563765161</v>
      </c>
      <c r="M274">
        <v>5</v>
      </c>
      <c r="N274">
        <v>1</v>
      </c>
      <c r="O274">
        <v>1</v>
      </c>
      <c r="P274">
        <v>0</v>
      </c>
      <c r="Q274">
        <v>0</v>
      </c>
      <c r="R274">
        <v>3.465735902799727</v>
      </c>
      <c r="S274">
        <v>1</v>
      </c>
      <c r="T274">
        <v>1</v>
      </c>
      <c r="U274">
        <v>0</v>
      </c>
      <c r="V274">
        <v>0</v>
      </c>
      <c r="W274">
        <v>3.4339872044851458</v>
      </c>
      <c r="X274">
        <v>1</v>
      </c>
      <c r="Y274">
        <v>1</v>
      </c>
      <c r="Z274">
        <v>0</v>
      </c>
      <c r="AA274">
        <v>0</v>
      </c>
      <c r="AB274">
        <v>3.401197381662155</v>
      </c>
      <c r="AC274">
        <v>1</v>
      </c>
      <c r="AD274">
        <v>1</v>
      </c>
      <c r="AE274">
        <v>0</v>
      </c>
      <c r="AF274">
        <v>0</v>
      </c>
      <c r="AG274">
        <v>3.3672958299864728</v>
      </c>
      <c r="AH274">
        <v>-0.26147591518597357</v>
      </c>
      <c r="AI274">
        <v>0.11023323585997739</v>
      </c>
      <c r="AJ274">
        <v>8.019840331997144E-2</v>
      </c>
      <c r="AK274">
        <v>-5.0740383265597037E-2</v>
      </c>
      <c r="AL274">
        <v>514.5535998218993</v>
      </c>
      <c r="AM274">
        <v>718.56564968715611</v>
      </c>
      <c r="AN274">
        <v>4370</v>
      </c>
      <c r="AO274">
        <v>118.32078989448701</v>
      </c>
      <c r="AP274">
        <v>348.39554845470923</v>
      </c>
      <c r="AQ274">
        <v>1.71875</v>
      </c>
      <c r="AR274">
        <v>3.9375</v>
      </c>
      <c r="AS274">
        <v>32</v>
      </c>
      <c r="AT274">
        <v>0</v>
      </c>
      <c r="AU274">
        <v>0.16428571428571431</v>
      </c>
      <c r="AV274">
        <v>-0.27411868242213472</v>
      </c>
      <c r="AW274">
        <v>0.375</v>
      </c>
      <c r="AX274">
        <v>103.7741935483871</v>
      </c>
      <c r="AY274">
        <v>65.5</v>
      </c>
      <c r="AZ274">
        <v>131.5</v>
      </c>
      <c r="BA274">
        <v>0.55575624065884888</v>
      </c>
      <c r="BB274">
        <v>0.53125</v>
      </c>
      <c r="BC274">
        <v>3.2998296856670919</v>
      </c>
      <c r="BD274" t="s">
        <v>1111</v>
      </c>
      <c r="BE274" t="s">
        <v>62</v>
      </c>
    </row>
    <row r="275" spans="1:57" x14ac:dyDescent="0.3">
      <c r="A275" t="s">
        <v>1112</v>
      </c>
      <c r="B275">
        <v>1371</v>
      </c>
      <c r="C275" t="s">
        <v>1113</v>
      </c>
      <c r="D275" t="s">
        <v>1114</v>
      </c>
      <c r="E275" t="s">
        <v>106</v>
      </c>
      <c r="F275">
        <v>1391</v>
      </c>
      <c r="G275">
        <v>126.64989216391081</v>
      </c>
      <c r="H275">
        <v>124</v>
      </c>
      <c r="I275">
        <v>5404.8486682126704</v>
      </c>
      <c r="J275">
        <v>73.517675889629899</v>
      </c>
      <c r="K275">
        <v>2.5596008678694451E-2</v>
      </c>
      <c r="L275">
        <v>-1.172432005831725</v>
      </c>
      <c r="M275">
        <v>7.8705467653277514</v>
      </c>
      <c r="N275">
        <v>12</v>
      </c>
      <c r="O275">
        <v>1</v>
      </c>
      <c r="P275">
        <v>11</v>
      </c>
      <c r="Q275">
        <v>2.193780310152281</v>
      </c>
      <c r="R275">
        <v>5.4554472998521373</v>
      </c>
      <c r="S275">
        <v>2</v>
      </c>
      <c r="T275">
        <v>1</v>
      </c>
      <c r="U275">
        <v>1</v>
      </c>
      <c r="V275">
        <v>0.1105818288515935</v>
      </c>
      <c r="W275">
        <v>7.2201043468880179</v>
      </c>
      <c r="X275">
        <v>1</v>
      </c>
      <c r="Y275">
        <v>1</v>
      </c>
      <c r="Z275">
        <v>0</v>
      </c>
      <c r="AA275">
        <v>0</v>
      </c>
      <c r="AB275">
        <v>7.2363393427543468</v>
      </c>
      <c r="AC275">
        <v>1</v>
      </c>
      <c r="AD275">
        <v>1</v>
      </c>
      <c r="AE275">
        <v>0</v>
      </c>
      <c r="AF275">
        <v>0</v>
      </c>
      <c r="AG275">
        <v>7.2356191410667492</v>
      </c>
      <c r="AH275">
        <v>-3.816709952101793E-3</v>
      </c>
      <c r="AI275">
        <v>-1.74370814833666E-2</v>
      </c>
      <c r="AJ275">
        <v>4.2784787901603786E-3</v>
      </c>
      <c r="AK275">
        <v>6.9177217967626381E-2</v>
      </c>
      <c r="AL275">
        <v>2535.5851180029558</v>
      </c>
      <c r="AM275">
        <v>4837.4439644673848</v>
      </c>
      <c r="AN275">
        <v>176170</v>
      </c>
      <c r="AO275">
        <v>116.3788199448753</v>
      </c>
      <c r="AP275">
        <v>2195.219926557344</v>
      </c>
      <c r="AQ275">
        <v>1.016534867002157</v>
      </c>
      <c r="AR275">
        <v>4.0726096333572972</v>
      </c>
      <c r="AS275">
        <v>1389</v>
      </c>
      <c r="AT275">
        <v>224.97771387491011</v>
      </c>
      <c r="AU275">
        <v>2.2965562932577791E-2</v>
      </c>
      <c r="AV275">
        <v>-3.817574032326139E-3</v>
      </c>
      <c r="AW275">
        <v>0.38461538461538458</v>
      </c>
      <c r="AX275">
        <v>85.89712230215828</v>
      </c>
      <c r="AY275">
        <v>64</v>
      </c>
      <c r="AZ275">
        <v>127</v>
      </c>
      <c r="BA275">
        <v>0.580479577467646</v>
      </c>
      <c r="BB275">
        <v>0.49101365923795831</v>
      </c>
      <c r="BC275">
        <v>5.2478837449947218</v>
      </c>
      <c r="BD275" t="s">
        <v>1115</v>
      </c>
      <c r="BE275" t="s">
        <v>68</v>
      </c>
    </row>
    <row r="276" spans="1:57" x14ac:dyDescent="0.3">
      <c r="A276" t="s">
        <v>1116</v>
      </c>
      <c r="B276">
        <v>2463</v>
      </c>
      <c r="C276" t="s">
        <v>1117</v>
      </c>
      <c r="D276" t="s">
        <v>1118</v>
      </c>
      <c r="E276" t="s">
        <v>115</v>
      </c>
      <c r="F276">
        <v>2544</v>
      </c>
      <c r="G276">
        <v>125.81996855345911</v>
      </c>
      <c r="H276">
        <v>126</v>
      </c>
      <c r="I276">
        <v>5394.8984062883192</v>
      </c>
      <c r="J276">
        <v>73.449972132658559</v>
      </c>
      <c r="K276">
        <v>7.8861002151247445E-3</v>
      </c>
      <c r="L276">
        <v>-1.1740256483040421</v>
      </c>
      <c r="M276">
        <v>7.9215420850003513</v>
      </c>
      <c r="N276">
        <v>18</v>
      </c>
      <c r="O276">
        <v>1</v>
      </c>
      <c r="P276">
        <v>17</v>
      </c>
      <c r="Q276">
        <v>3.194844479783014</v>
      </c>
      <c r="R276">
        <v>5.4907945619049352</v>
      </c>
      <c r="S276">
        <v>2</v>
      </c>
      <c r="T276">
        <v>1</v>
      </c>
      <c r="U276">
        <v>1</v>
      </c>
      <c r="V276">
        <v>0.14702866814087881</v>
      </c>
      <c r="W276">
        <v>7.8111169931603834</v>
      </c>
      <c r="X276">
        <v>1</v>
      </c>
      <c r="Y276">
        <v>1</v>
      </c>
      <c r="Z276">
        <v>0</v>
      </c>
      <c r="AA276">
        <v>0</v>
      </c>
      <c r="AB276">
        <v>7.8407064517493996</v>
      </c>
      <c r="AC276">
        <v>1</v>
      </c>
      <c r="AD276">
        <v>1</v>
      </c>
      <c r="AE276">
        <v>0</v>
      </c>
      <c r="AF276">
        <v>0</v>
      </c>
      <c r="AG276">
        <v>7.8403129833201648</v>
      </c>
      <c r="AH276">
        <v>1.6864924015421431E-2</v>
      </c>
      <c r="AI276">
        <v>-5.261845148189593E-2</v>
      </c>
      <c r="AJ276">
        <v>2.5110151833546712E-2</v>
      </c>
      <c r="AK276">
        <v>2.2640115911989591E-4</v>
      </c>
      <c r="AL276">
        <v>3401.426829108701</v>
      </c>
      <c r="AM276">
        <v>6513.6877056103594</v>
      </c>
      <c r="AN276">
        <v>320086</v>
      </c>
      <c r="AO276">
        <v>45.302007755192072</v>
      </c>
      <c r="AP276">
        <v>3115.7560103888832</v>
      </c>
      <c r="AQ276">
        <v>1.009040880503145</v>
      </c>
      <c r="AR276">
        <v>3.974842767295597</v>
      </c>
      <c r="AS276">
        <v>2535</v>
      </c>
      <c r="AT276">
        <v>262.94339622641508</v>
      </c>
      <c r="AU276">
        <v>1.8354605993340711E-2</v>
      </c>
      <c r="AV276">
        <v>1.687701907346012E-2</v>
      </c>
      <c r="AW276">
        <v>0.36871069182389937</v>
      </c>
      <c r="AX276">
        <v>84.332284703106566</v>
      </c>
      <c r="AY276">
        <v>63</v>
      </c>
      <c r="AZ276">
        <v>126</v>
      </c>
      <c r="BA276">
        <v>0.58377039016227938</v>
      </c>
      <c r="BB276">
        <v>0.50157232704402521</v>
      </c>
      <c r="BC276">
        <v>5.2862460730180931</v>
      </c>
      <c r="BD276" t="s">
        <v>1119</v>
      </c>
      <c r="BE276" t="s">
        <v>62</v>
      </c>
    </row>
    <row r="277" spans="1:57" x14ac:dyDescent="0.3">
      <c r="A277" t="s">
        <v>1120</v>
      </c>
      <c r="B277">
        <v>2826</v>
      </c>
      <c r="C277" t="s">
        <v>1121</v>
      </c>
      <c r="D277" t="s">
        <v>1122</v>
      </c>
      <c r="E277" t="s">
        <v>85</v>
      </c>
      <c r="F277">
        <v>8</v>
      </c>
      <c r="G277">
        <v>100.875</v>
      </c>
      <c r="H277">
        <v>85</v>
      </c>
      <c r="I277">
        <v>2681.859375</v>
      </c>
      <c r="J277">
        <v>51.786671789177568</v>
      </c>
      <c r="K277">
        <v>0.66826950892766546</v>
      </c>
      <c r="L277">
        <v>-0.78128186369413299</v>
      </c>
      <c r="M277">
        <v>3</v>
      </c>
      <c r="N277">
        <v>1</v>
      </c>
      <c r="O277">
        <v>1</v>
      </c>
      <c r="P277">
        <v>0</v>
      </c>
      <c r="Q277">
        <v>0</v>
      </c>
      <c r="R277">
        <v>2.0794415416798362</v>
      </c>
      <c r="S277">
        <v>1</v>
      </c>
      <c r="T277">
        <v>1</v>
      </c>
      <c r="U277">
        <v>0</v>
      </c>
      <c r="V277">
        <v>0</v>
      </c>
      <c r="W277">
        <v>1.945910149055313</v>
      </c>
      <c r="X277">
        <v>1</v>
      </c>
      <c r="Y277">
        <v>1</v>
      </c>
      <c r="Z277">
        <v>0</v>
      </c>
      <c r="AA277">
        <v>0</v>
      </c>
      <c r="AB277">
        <v>1.791759469228055</v>
      </c>
      <c r="AC277">
        <v>1</v>
      </c>
      <c r="AD277">
        <v>1</v>
      </c>
      <c r="AE277">
        <v>0</v>
      </c>
      <c r="AF277">
        <v>0</v>
      </c>
      <c r="AG277">
        <v>1.6094379124341009</v>
      </c>
      <c r="AH277">
        <v>0.1153285383857981</v>
      </c>
      <c r="AI277">
        <v>0.33076835684197647</v>
      </c>
      <c r="AJ277">
        <v>-0.2889764272688608</v>
      </c>
      <c r="AK277">
        <v>0</v>
      </c>
      <c r="AL277">
        <v>220.39799952821949</v>
      </c>
      <c r="AM277">
        <v>232.99296513834699</v>
      </c>
      <c r="AN277">
        <v>807</v>
      </c>
      <c r="AO277">
        <v>65.490457320131767</v>
      </c>
      <c r="AP277">
        <v>145.05077039637311</v>
      </c>
      <c r="AQ277">
        <v>3.5</v>
      </c>
      <c r="AR277">
        <v>3.5</v>
      </c>
      <c r="AS277">
        <v>8</v>
      </c>
      <c r="AT277">
        <v>0</v>
      </c>
      <c r="AU277">
        <v>0.3479899497487437</v>
      </c>
      <c r="AV277">
        <v>0.19797398274809541</v>
      </c>
      <c r="AW277">
        <v>0.75</v>
      </c>
      <c r="AX277">
        <v>51.714285714285722</v>
      </c>
      <c r="AY277">
        <v>30.5</v>
      </c>
      <c r="AZ277">
        <v>62.75</v>
      </c>
      <c r="BA277">
        <v>0.51337468935987673</v>
      </c>
      <c r="BB277">
        <v>0.375</v>
      </c>
      <c r="BC277">
        <v>1.7478680974667571</v>
      </c>
      <c r="BD277" t="s">
        <v>1121</v>
      </c>
      <c r="BE277" t="s">
        <v>68</v>
      </c>
    </row>
    <row r="278" spans="1:57" x14ac:dyDescent="0.3">
      <c r="A278" t="s">
        <v>1123</v>
      </c>
      <c r="B278">
        <v>137</v>
      </c>
      <c r="C278" t="s">
        <v>1124</v>
      </c>
      <c r="D278" t="s">
        <v>1125</v>
      </c>
      <c r="E278" t="s">
        <v>60</v>
      </c>
      <c r="F278">
        <v>256</v>
      </c>
      <c r="G278">
        <v>123.5625</v>
      </c>
      <c r="H278">
        <v>121</v>
      </c>
      <c r="I278">
        <v>5106.44921875</v>
      </c>
      <c r="J278">
        <v>71.459423582547885</v>
      </c>
      <c r="K278">
        <v>0.13026318992719199</v>
      </c>
      <c r="L278">
        <v>-1.1239517629695119</v>
      </c>
      <c r="M278">
        <v>7.1095605350955369</v>
      </c>
      <c r="N278">
        <v>5</v>
      </c>
      <c r="O278">
        <v>1</v>
      </c>
      <c r="P278">
        <v>4</v>
      </c>
      <c r="Q278">
        <v>0.83930499963609884</v>
      </c>
      <c r="R278">
        <v>4.9279718399217263</v>
      </c>
      <c r="S278">
        <v>2</v>
      </c>
      <c r="T278">
        <v>1</v>
      </c>
      <c r="U278">
        <v>1</v>
      </c>
      <c r="V278">
        <v>6.2621943781838052E-2</v>
      </c>
      <c r="W278">
        <v>5.5358270966834446</v>
      </c>
      <c r="X278">
        <v>1</v>
      </c>
      <c r="Y278">
        <v>1</v>
      </c>
      <c r="Z278">
        <v>0</v>
      </c>
      <c r="AA278">
        <v>0</v>
      </c>
      <c r="AB278">
        <v>5.5373342670185366</v>
      </c>
      <c r="AC278">
        <v>1</v>
      </c>
      <c r="AD278">
        <v>1</v>
      </c>
      <c r="AE278">
        <v>0</v>
      </c>
      <c r="AF278">
        <v>0</v>
      </c>
      <c r="AG278">
        <v>5.5333894887275203</v>
      </c>
      <c r="AH278">
        <v>-8.0158698721592113E-3</v>
      </c>
      <c r="AI278">
        <v>-9.2709296311496409E-2</v>
      </c>
      <c r="AJ278">
        <v>-2.0129517614635599E-2</v>
      </c>
      <c r="AK278">
        <v>-9.8449257736272534E-3</v>
      </c>
      <c r="AL278">
        <v>1160.875012597849</v>
      </c>
      <c r="AM278">
        <v>1966.761095081439</v>
      </c>
      <c r="AN278">
        <v>31632</v>
      </c>
      <c r="AO278">
        <v>119.11283660880871</v>
      </c>
      <c r="AP278">
        <v>1041.6518345024569</v>
      </c>
      <c r="AQ278">
        <v>1.08984375</v>
      </c>
      <c r="AR278">
        <v>4.0234375</v>
      </c>
      <c r="AS278">
        <v>255</v>
      </c>
      <c r="AT278">
        <v>66.109375</v>
      </c>
      <c r="AU278">
        <v>6.9912647637795255E-2</v>
      </c>
      <c r="AV278">
        <v>-8.0231787673454274E-3</v>
      </c>
      <c r="AW278">
        <v>0.40234375</v>
      </c>
      <c r="AX278">
        <v>82.466666666666669</v>
      </c>
      <c r="AY278">
        <v>61.5</v>
      </c>
      <c r="AZ278">
        <v>121.5</v>
      </c>
      <c r="BA278">
        <v>0.57832613926189491</v>
      </c>
      <c r="BB278">
        <v>0.4765625</v>
      </c>
      <c r="BC278">
        <v>4.8363285650142762</v>
      </c>
      <c r="BD278" t="s">
        <v>1126</v>
      </c>
      <c r="BE278" t="s">
        <v>62</v>
      </c>
    </row>
    <row r="279" spans="1:57" x14ac:dyDescent="0.3">
      <c r="A279" t="s">
        <v>1127</v>
      </c>
      <c r="B279">
        <v>140</v>
      </c>
      <c r="C279" t="s">
        <v>1128</v>
      </c>
      <c r="D279" t="s">
        <v>1129</v>
      </c>
      <c r="E279" t="s">
        <v>60</v>
      </c>
      <c r="F279">
        <v>512</v>
      </c>
      <c r="G279">
        <v>124.501953125</v>
      </c>
      <c r="H279">
        <v>118</v>
      </c>
      <c r="I279">
        <v>5621.4882774353027</v>
      </c>
      <c r="J279">
        <v>74.976584861110496</v>
      </c>
      <c r="K279">
        <v>8.1553381659333249E-2</v>
      </c>
      <c r="L279">
        <v>-1.2535542050534489</v>
      </c>
      <c r="M279">
        <v>7.5874460902334873</v>
      </c>
      <c r="N279">
        <v>7</v>
      </c>
      <c r="O279">
        <v>1</v>
      </c>
      <c r="P279">
        <v>6</v>
      </c>
      <c r="Q279">
        <v>1.3122266479195599</v>
      </c>
      <c r="R279">
        <v>5.2592168650959223</v>
      </c>
      <c r="S279">
        <v>2</v>
      </c>
      <c r="T279">
        <v>1</v>
      </c>
      <c r="U279">
        <v>1</v>
      </c>
      <c r="V279">
        <v>7.6620080535545504E-2</v>
      </c>
      <c r="W279">
        <v>6.2282308757548588</v>
      </c>
      <c r="X279">
        <v>1</v>
      </c>
      <c r="Y279">
        <v>1</v>
      </c>
      <c r="Z279">
        <v>0</v>
      </c>
      <c r="AA279">
        <v>0</v>
      </c>
      <c r="AB279">
        <v>6.2344107257183694</v>
      </c>
      <c r="AC279">
        <v>1</v>
      </c>
      <c r="AD279">
        <v>1</v>
      </c>
      <c r="AE279">
        <v>0</v>
      </c>
      <c r="AF279">
        <v>0</v>
      </c>
      <c r="AG279">
        <v>6.2324480165505216</v>
      </c>
      <c r="AH279">
        <v>1.9707463403038229E-2</v>
      </c>
      <c r="AI279">
        <v>2.5189621977216709E-2</v>
      </c>
      <c r="AJ279">
        <v>-2.2357926569779089E-2</v>
      </c>
      <c r="AK279">
        <v>1.2146593461804221E-2</v>
      </c>
      <c r="AL279">
        <v>1617.17890162406</v>
      </c>
      <c r="AM279">
        <v>2863.4439753803458</v>
      </c>
      <c r="AN279">
        <v>63745</v>
      </c>
      <c r="AO279">
        <v>12.47377549645609</v>
      </c>
      <c r="AP279">
        <v>1390.449315526281</v>
      </c>
      <c r="AQ279">
        <v>1.044921875</v>
      </c>
      <c r="AR279">
        <v>3.96484375</v>
      </c>
      <c r="AS279">
        <v>508</v>
      </c>
      <c r="AT279">
        <v>168.75</v>
      </c>
      <c r="AU279">
        <v>3.7478469488188997E-2</v>
      </c>
      <c r="AV279">
        <v>1.9745884548701471E-2</v>
      </c>
      <c r="AW279">
        <v>0.384765625</v>
      </c>
      <c r="AX279">
        <v>84.706457925636002</v>
      </c>
      <c r="AY279">
        <v>67.5</v>
      </c>
      <c r="AZ279">
        <v>134</v>
      </c>
      <c r="BA279">
        <v>0.60221211779572636</v>
      </c>
      <c r="BB279">
        <v>0.482421875</v>
      </c>
      <c r="BC279">
        <v>5.0710046756128699</v>
      </c>
      <c r="BD279" t="s">
        <v>1130</v>
      </c>
      <c r="BE279" t="s">
        <v>62</v>
      </c>
    </row>
    <row r="280" spans="1:57" x14ac:dyDescent="0.3">
      <c r="A280" t="s">
        <v>1131</v>
      </c>
      <c r="B280">
        <v>1448</v>
      </c>
      <c r="C280" t="s">
        <v>1132</v>
      </c>
      <c r="D280" t="s">
        <v>1133</v>
      </c>
      <c r="E280" t="s">
        <v>66</v>
      </c>
      <c r="F280">
        <v>71</v>
      </c>
      <c r="G280">
        <v>120.63380281690139</v>
      </c>
      <c r="H280">
        <v>122</v>
      </c>
      <c r="I280">
        <v>5373.556040468161</v>
      </c>
      <c r="J280">
        <v>73.304543109333693</v>
      </c>
      <c r="K280">
        <v>8.6509823114280307E-2</v>
      </c>
      <c r="L280">
        <v>-1.021983440234403</v>
      </c>
      <c r="M280">
        <v>5.9525640209131279</v>
      </c>
      <c r="N280">
        <v>2</v>
      </c>
      <c r="O280">
        <v>1</v>
      </c>
      <c r="P280">
        <v>1</v>
      </c>
      <c r="Q280">
        <v>0.31210913055372153</v>
      </c>
      <c r="R280">
        <v>4.1260029681985104</v>
      </c>
      <c r="S280">
        <v>1</v>
      </c>
      <c r="T280">
        <v>1</v>
      </c>
      <c r="U280">
        <v>0</v>
      </c>
      <c r="V280">
        <v>0</v>
      </c>
      <c r="W280">
        <v>4.2484952420493576</v>
      </c>
      <c r="X280">
        <v>1</v>
      </c>
      <c r="Y280">
        <v>1</v>
      </c>
      <c r="Z280">
        <v>0</v>
      </c>
      <c r="AA280">
        <v>0</v>
      </c>
      <c r="AB280">
        <v>4.2341065045972579</v>
      </c>
      <c r="AC280">
        <v>1</v>
      </c>
      <c r="AD280">
        <v>1</v>
      </c>
      <c r="AE280">
        <v>0</v>
      </c>
      <c r="AF280">
        <v>0</v>
      </c>
      <c r="AG280">
        <v>4.2195077051761087</v>
      </c>
      <c r="AH280">
        <v>0.17839306531080071</v>
      </c>
      <c r="AI280">
        <v>-8.7913563295608552E-2</v>
      </c>
      <c r="AJ280">
        <v>-0.22777154974767519</v>
      </c>
      <c r="AK280">
        <v>-2.829479824892845E-2</v>
      </c>
      <c r="AL280">
        <v>649.60836249091346</v>
      </c>
      <c r="AM280">
        <v>996.37341161929544</v>
      </c>
      <c r="AN280">
        <v>8565</v>
      </c>
      <c r="AO280">
        <v>99.428103578199554</v>
      </c>
      <c r="AP280">
        <v>472.82397828615791</v>
      </c>
      <c r="AQ280">
        <v>1.323943661971831</v>
      </c>
      <c r="AR280">
        <v>3.746478873239437</v>
      </c>
      <c r="AS280">
        <v>71</v>
      </c>
      <c r="AT280">
        <v>5.6197183098591541</v>
      </c>
      <c r="AU280">
        <v>9.8647440196735992E-2</v>
      </c>
      <c r="AV280">
        <v>0.18170717327703501</v>
      </c>
      <c r="AW280">
        <v>0.38028169014084512</v>
      </c>
      <c r="AX280">
        <v>73.3</v>
      </c>
      <c r="AY280">
        <v>54</v>
      </c>
      <c r="AZ280">
        <v>120</v>
      </c>
      <c r="BA280">
        <v>0.60766171170609362</v>
      </c>
      <c r="BB280">
        <v>0.50704225352112675</v>
      </c>
      <c r="BC280">
        <v>4.0355032434961027</v>
      </c>
      <c r="BD280" t="s">
        <v>1134</v>
      </c>
      <c r="BE280" t="s">
        <v>68</v>
      </c>
    </row>
    <row r="281" spans="1:57" x14ac:dyDescent="0.3">
      <c r="A281" t="s">
        <v>1135</v>
      </c>
      <c r="B281">
        <v>136</v>
      </c>
      <c r="C281" t="s">
        <v>1136</v>
      </c>
      <c r="D281" t="s">
        <v>1137</v>
      </c>
      <c r="E281" t="s">
        <v>60</v>
      </c>
      <c r="F281">
        <v>256</v>
      </c>
      <c r="G281">
        <v>125.3671875</v>
      </c>
      <c r="H281">
        <v>118</v>
      </c>
      <c r="I281">
        <v>5532.8886108398438</v>
      </c>
      <c r="J281">
        <v>74.383389347621446</v>
      </c>
      <c r="K281">
        <v>2.884869087163244E-2</v>
      </c>
      <c r="L281">
        <v>-1.184392164488808</v>
      </c>
      <c r="M281">
        <v>7.19795581042011</v>
      </c>
      <c r="N281">
        <v>4</v>
      </c>
      <c r="O281">
        <v>1</v>
      </c>
      <c r="P281">
        <v>3</v>
      </c>
      <c r="Q281">
        <v>0.75915132752186609</v>
      </c>
      <c r="R281">
        <v>4.9892427757877744</v>
      </c>
      <c r="S281">
        <v>1</v>
      </c>
      <c r="T281">
        <v>1</v>
      </c>
      <c r="U281">
        <v>0</v>
      </c>
      <c r="V281">
        <v>0</v>
      </c>
      <c r="W281">
        <v>5.541263545158424</v>
      </c>
      <c r="X281">
        <v>1</v>
      </c>
      <c r="Y281">
        <v>1</v>
      </c>
      <c r="Z281">
        <v>0</v>
      </c>
      <c r="AA281">
        <v>0</v>
      </c>
      <c r="AB281">
        <v>5.5373342670185366</v>
      </c>
      <c r="AC281">
        <v>1</v>
      </c>
      <c r="AD281">
        <v>1</v>
      </c>
      <c r="AE281">
        <v>0</v>
      </c>
      <c r="AF281">
        <v>0</v>
      </c>
      <c r="AG281">
        <v>5.5333894887275203</v>
      </c>
      <c r="AH281">
        <v>-6.2992893258970326E-2</v>
      </c>
      <c r="AI281">
        <v>1.870868611064936E-2</v>
      </c>
      <c r="AJ281">
        <v>-0.15299776674487389</v>
      </c>
      <c r="AK281">
        <v>6.6715766163083945E-2</v>
      </c>
      <c r="AL281">
        <v>1188.679276639873</v>
      </c>
      <c r="AM281">
        <v>2006.7375456912409</v>
      </c>
      <c r="AN281">
        <v>32094</v>
      </c>
      <c r="AO281">
        <v>43.187697446748068</v>
      </c>
      <c r="AP281">
        <v>1049.7623422480231</v>
      </c>
      <c r="AQ281">
        <v>1.08984375</v>
      </c>
      <c r="AR281">
        <v>3.9765625</v>
      </c>
      <c r="AS281">
        <v>255</v>
      </c>
      <c r="AT281">
        <v>59.8125</v>
      </c>
      <c r="AU281">
        <v>4.1161151960784292E-2</v>
      </c>
      <c r="AV281">
        <v>-6.3203413987796456E-2</v>
      </c>
      <c r="AW281">
        <v>0.390625</v>
      </c>
      <c r="AX281">
        <v>89.345098039215685</v>
      </c>
      <c r="AY281">
        <v>68</v>
      </c>
      <c r="AZ281">
        <v>125.25</v>
      </c>
      <c r="BA281">
        <v>0.5933242248704147</v>
      </c>
      <c r="BB281">
        <v>0.47265625</v>
      </c>
      <c r="BC281">
        <v>4.8608457244590522</v>
      </c>
      <c r="BD281" t="s">
        <v>1138</v>
      </c>
      <c r="BE281" t="s">
        <v>62</v>
      </c>
    </row>
    <row r="282" spans="1:57" x14ac:dyDescent="0.3">
      <c r="A282" t="s">
        <v>1139</v>
      </c>
      <c r="B282">
        <v>149</v>
      </c>
      <c r="C282" t="s">
        <v>1140</v>
      </c>
      <c r="D282" t="s">
        <v>1141</v>
      </c>
      <c r="E282" t="s">
        <v>60</v>
      </c>
      <c r="F282">
        <v>512</v>
      </c>
      <c r="G282">
        <v>129</v>
      </c>
      <c r="H282">
        <v>128</v>
      </c>
      <c r="I282">
        <v>5548.97265625</v>
      </c>
      <c r="J282">
        <v>74.491426729859327</v>
      </c>
      <c r="K282">
        <v>-6.7835185674024745E-2</v>
      </c>
      <c r="L282">
        <v>-1.2319459175937231</v>
      </c>
      <c r="M282">
        <v>7.6078843586840943</v>
      </c>
      <c r="N282">
        <v>7</v>
      </c>
      <c r="O282">
        <v>1</v>
      </c>
      <c r="P282">
        <v>6</v>
      </c>
      <c r="Q282">
        <v>1.172513358564395</v>
      </c>
      <c r="R282">
        <v>5.2733835932479867</v>
      </c>
      <c r="S282">
        <v>2</v>
      </c>
      <c r="T282">
        <v>1</v>
      </c>
      <c r="U282">
        <v>1</v>
      </c>
      <c r="V282">
        <v>8.8472037443809853E-2</v>
      </c>
      <c r="W282">
        <v>6.2255179709385784</v>
      </c>
      <c r="X282">
        <v>1</v>
      </c>
      <c r="Y282">
        <v>1</v>
      </c>
      <c r="Z282">
        <v>0</v>
      </c>
      <c r="AA282">
        <v>0</v>
      </c>
      <c r="AB282">
        <v>6.2344107257183694</v>
      </c>
      <c r="AC282">
        <v>1</v>
      </c>
      <c r="AD282">
        <v>1</v>
      </c>
      <c r="AE282">
        <v>0</v>
      </c>
      <c r="AF282">
        <v>0</v>
      </c>
      <c r="AG282">
        <v>6.2324480165505216</v>
      </c>
      <c r="AH282">
        <v>2.2050464014664879E-2</v>
      </c>
      <c r="AI282">
        <v>-5.024332347555889E-2</v>
      </c>
      <c r="AJ282">
        <v>5.2037715314701409E-2</v>
      </c>
      <c r="AK282">
        <v>3.3778071250520049E-2</v>
      </c>
      <c r="AL282">
        <v>1623.4473018890451</v>
      </c>
      <c r="AM282">
        <v>2953.9270231319501</v>
      </c>
      <c r="AN282">
        <v>66048</v>
      </c>
      <c r="AO282">
        <v>106.0746234000022</v>
      </c>
      <c r="AP282">
        <v>1432.4404869903599</v>
      </c>
      <c r="AQ282">
        <v>1.044921875</v>
      </c>
      <c r="AR282">
        <v>4.009765625</v>
      </c>
      <c r="AS282">
        <v>511</v>
      </c>
      <c r="AT282">
        <v>131.14453125</v>
      </c>
      <c r="AU282">
        <v>3.3685661764705888E-2</v>
      </c>
      <c r="AV282">
        <v>2.2060647761476301E-2</v>
      </c>
      <c r="AW282">
        <v>0.34765625</v>
      </c>
      <c r="AX282">
        <v>84.731898238747547</v>
      </c>
      <c r="AY282">
        <v>64.5</v>
      </c>
      <c r="AZ282">
        <v>126.25</v>
      </c>
      <c r="BA282">
        <v>0.57745292038650642</v>
      </c>
      <c r="BB282">
        <v>0.494140625</v>
      </c>
      <c r="BC282">
        <v>5.0981063525404444</v>
      </c>
      <c r="BD282" t="s">
        <v>1142</v>
      </c>
      <c r="BE282" t="s">
        <v>62</v>
      </c>
    </row>
    <row r="283" spans="1:57" x14ac:dyDescent="0.3">
      <c r="A283" t="s">
        <v>1143</v>
      </c>
      <c r="B283">
        <v>1923</v>
      </c>
      <c r="C283" t="s">
        <v>1144</v>
      </c>
      <c r="D283" t="s">
        <v>1145</v>
      </c>
      <c r="E283" t="s">
        <v>115</v>
      </c>
      <c r="F283">
        <v>1952</v>
      </c>
      <c r="G283">
        <v>126.2607581967213</v>
      </c>
      <c r="H283">
        <v>127</v>
      </c>
      <c r="I283">
        <v>5617.1333371300561</v>
      </c>
      <c r="J283">
        <v>74.947537231920137</v>
      </c>
      <c r="K283">
        <v>3.7473911409615507E-2</v>
      </c>
      <c r="L283">
        <v>-1.252587365451189</v>
      </c>
      <c r="M283">
        <v>7.9009961092611434</v>
      </c>
      <c r="N283">
        <v>16</v>
      </c>
      <c r="O283">
        <v>2</v>
      </c>
      <c r="P283">
        <v>14</v>
      </c>
      <c r="Q283">
        <v>2.7964821651496372</v>
      </c>
      <c r="R283">
        <v>5.4765531767494506</v>
      </c>
      <c r="S283">
        <v>2</v>
      </c>
      <c r="T283">
        <v>1</v>
      </c>
      <c r="U283">
        <v>1</v>
      </c>
      <c r="V283">
        <v>0.1219048326460685</v>
      </c>
      <c r="W283">
        <v>7.5554912224926767</v>
      </c>
      <c r="X283">
        <v>1</v>
      </c>
      <c r="Y283">
        <v>1</v>
      </c>
      <c r="Z283">
        <v>0</v>
      </c>
      <c r="AA283">
        <v>0</v>
      </c>
      <c r="AB283">
        <v>7.57558465155779</v>
      </c>
      <c r="AC283">
        <v>1</v>
      </c>
      <c r="AD283">
        <v>1</v>
      </c>
      <c r="AE283">
        <v>0</v>
      </c>
      <c r="AF283">
        <v>0</v>
      </c>
      <c r="AG283">
        <v>7.5750716995075598</v>
      </c>
      <c r="AH283">
        <v>-6.1739560570428622E-3</v>
      </c>
      <c r="AI283">
        <v>-8.3965802069559323E-3</v>
      </c>
      <c r="AJ283">
        <v>-9.7748861450800834E-3</v>
      </c>
      <c r="AK283">
        <v>-1.9379101334979269E-2</v>
      </c>
      <c r="AL283">
        <v>3051.4165357015231</v>
      </c>
      <c r="AM283">
        <v>5724.6706565222876</v>
      </c>
      <c r="AN283">
        <v>246461</v>
      </c>
      <c r="AO283">
        <v>28.293414116044062</v>
      </c>
      <c r="AP283">
        <v>2751.6513662816401</v>
      </c>
      <c r="AQ283">
        <v>1.011782786885246</v>
      </c>
      <c r="AR283">
        <v>3.997438524590164</v>
      </c>
      <c r="AS283">
        <v>1949</v>
      </c>
      <c r="AT283">
        <v>262.55737704918027</v>
      </c>
      <c r="AU283">
        <v>2.4815171970427489E-2</v>
      </c>
      <c r="AV283">
        <v>-6.1781292874690356E-3</v>
      </c>
      <c r="AW283">
        <v>0.37243852459016391</v>
      </c>
      <c r="AX283">
        <v>86.675038441824711</v>
      </c>
      <c r="AY283">
        <v>66</v>
      </c>
      <c r="AZ283">
        <v>132</v>
      </c>
      <c r="BA283">
        <v>0.59359327713799792</v>
      </c>
      <c r="BB283">
        <v>0.50051229508196726</v>
      </c>
      <c r="BC283">
        <v>5.29038217610867</v>
      </c>
      <c r="BD283" t="s">
        <v>1146</v>
      </c>
      <c r="BE283" t="s">
        <v>62</v>
      </c>
    </row>
    <row r="284" spans="1:57" x14ac:dyDescent="0.3">
      <c r="A284" t="s">
        <v>1147</v>
      </c>
      <c r="B284">
        <v>3508</v>
      </c>
      <c r="C284" t="s">
        <v>1148</v>
      </c>
      <c r="D284" t="s">
        <v>1149</v>
      </c>
      <c r="E284" t="s">
        <v>115</v>
      </c>
      <c r="F284">
        <v>3553</v>
      </c>
      <c r="G284">
        <v>126.02476780185761</v>
      </c>
      <c r="H284">
        <v>124</v>
      </c>
      <c r="I284">
        <v>5512.7199044282124</v>
      </c>
      <c r="J284">
        <v>74.247692923270094</v>
      </c>
      <c r="K284">
        <v>3.6377695527940422E-2</v>
      </c>
      <c r="L284">
        <v>-1.194652818439405</v>
      </c>
      <c r="M284">
        <v>7.9410896925591548</v>
      </c>
      <c r="N284">
        <v>27</v>
      </c>
      <c r="O284">
        <v>4</v>
      </c>
      <c r="P284">
        <v>23</v>
      </c>
      <c r="Q284">
        <v>3.912742651096663</v>
      </c>
      <c r="R284">
        <v>5.5043439309710243</v>
      </c>
      <c r="S284">
        <v>3</v>
      </c>
      <c r="T284">
        <v>1</v>
      </c>
      <c r="U284">
        <v>2</v>
      </c>
      <c r="V284">
        <v>0.16533378714858729</v>
      </c>
      <c r="W284">
        <v>8.1393081842659996</v>
      </c>
      <c r="X284">
        <v>1</v>
      </c>
      <c r="Y284">
        <v>1</v>
      </c>
      <c r="Z284">
        <v>0</v>
      </c>
      <c r="AA284">
        <v>0</v>
      </c>
      <c r="AB284">
        <v>8.1749845329430855</v>
      </c>
      <c r="AC284">
        <v>1</v>
      </c>
      <c r="AD284">
        <v>1</v>
      </c>
      <c r="AE284">
        <v>0</v>
      </c>
      <c r="AF284">
        <v>0</v>
      </c>
      <c r="AG284">
        <v>8.174702882469461</v>
      </c>
      <c r="AH284">
        <v>-9.3887990901934896E-3</v>
      </c>
      <c r="AI284">
        <v>8.6477892055270133E-3</v>
      </c>
      <c r="AJ284">
        <v>-1.4988216305303869E-2</v>
      </c>
      <c r="AK284">
        <v>2.7429042647256791E-2</v>
      </c>
      <c r="AL284">
        <v>4059.370975315484</v>
      </c>
      <c r="AM284">
        <v>7716.0746033696578</v>
      </c>
      <c r="AN284">
        <v>447766</v>
      </c>
      <c r="AO284">
        <v>45.595177755353468</v>
      </c>
      <c r="AP284">
        <v>3681.6314047174792</v>
      </c>
      <c r="AQ284">
        <v>1.006473402758232</v>
      </c>
      <c r="AR284">
        <v>3.9873346467773709</v>
      </c>
      <c r="AS284">
        <v>3544</v>
      </c>
      <c r="AT284">
        <v>282.38868561778781</v>
      </c>
      <c r="AU284">
        <v>1.9833004972323879E-2</v>
      </c>
      <c r="AV284">
        <v>-9.3913481935054902E-3</v>
      </c>
      <c r="AW284">
        <v>0.37996059667886289</v>
      </c>
      <c r="AX284">
        <v>86.292511261261268</v>
      </c>
      <c r="AY284">
        <v>65</v>
      </c>
      <c r="AZ284">
        <v>129</v>
      </c>
      <c r="BA284">
        <v>0.58915159470879574</v>
      </c>
      <c r="BB284">
        <v>0.49028989586265131</v>
      </c>
      <c r="BC284">
        <v>5.3246558853984656</v>
      </c>
      <c r="BD284" t="s">
        <v>1150</v>
      </c>
      <c r="BE284" t="s">
        <v>68</v>
      </c>
    </row>
    <row r="285" spans="1:57" x14ac:dyDescent="0.3">
      <c r="A285" t="s">
        <v>1151</v>
      </c>
      <c r="B285">
        <v>2540</v>
      </c>
      <c r="C285" t="s">
        <v>1152</v>
      </c>
      <c r="D285" t="s">
        <v>1153</v>
      </c>
      <c r="E285" t="s">
        <v>106</v>
      </c>
      <c r="F285">
        <v>2564</v>
      </c>
      <c r="G285">
        <v>127.5167706708268</v>
      </c>
      <c r="H285">
        <v>128</v>
      </c>
      <c r="I285">
        <v>5326.3519028319633</v>
      </c>
      <c r="J285">
        <v>72.981860094354701</v>
      </c>
      <c r="K285">
        <v>-9.3808239683907928E-3</v>
      </c>
      <c r="L285">
        <v>-1.1968846149957839</v>
      </c>
      <c r="M285">
        <v>7.928258623445533</v>
      </c>
      <c r="N285">
        <v>19</v>
      </c>
      <c r="O285">
        <v>2</v>
      </c>
      <c r="P285">
        <v>17</v>
      </c>
      <c r="Q285">
        <v>3.112435679556286</v>
      </c>
      <c r="R285">
        <v>5.4954501115913317</v>
      </c>
      <c r="S285">
        <v>3</v>
      </c>
      <c r="T285">
        <v>1</v>
      </c>
      <c r="U285">
        <v>2</v>
      </c>
      <c r="V285">
        <v>0.14388206228673259</v>
      </c>
      <c r="W285">
        <v>7.8220219355008611</v>
      </c>
      <c r="X285">
        <v>2</v>
      </c>
      <c r="Y285">
        <v>1</v>
      </c>
      <c r="Z285">
        <v>1</v>
      </c>
      <c r="AA285">
        <v>1.9756517986214001E-2</v>
      </c>
      <c r="AB285">
        <v>7.8480023839550697</v>
      </c>
      <c r="AC285">
        <v>1</v>
      </c>
      <c r="AD285">
        <v>1</v>
      </c>
      <c r="AE285">
        <v>0</v>
      </c>
      <c r="AF285">
        <v>0</v>
      </c>
      <c r="AG285">
        <v>7.8481530861995257</v>
      </c>
      <c r="AH285">
        <v>-5.326931996373083E-3</v>
      </c>
      <c r="AI285">
        <v>5.8146351845366796E-3</v>
      </c>
      <c r="AJ285">
        <v>-7.4460491860184278E-3</v>
      </c>
      <c r="AK285">
        <v>2.7040983122257752E-4</v>
      </c>
      <c r="AL285">
        <v>3405.508098720295</v>
      </c>
      <c r="AM285">
        <v>6614.4744000979008</v>
      </c>
      <c r="AN285">
        <v>326953</v>
      </c>
      <c r="AO285">
        <v>131.57875824104809</v>
      </c>
      <c r="AP285">
        <v>3164.6078818932901</v>
      </c>
      <c r="AQ285">
        <v>1.008970358814353</v>
      </c>
      <c r="AR285">
        <v>3.9960998439937598</v>
      </c>
      <c r="AS285">
        <v>2556</v>
      </c>
      <c r="AT285">
        <v>247.606864274571</v>
      </c>
      <c r="AU285">
        <v>1.4202685754489019E-2</v>
      </c>
      <c r="AV285">
        <v>-5.3283053029924386E-3</v>
      </c>
      <c r="AW285">
        <v>0.3705148205928237</v>
      </c>
      <c r="AX285">
        <v>84.712446351931334</v>
      </c>
      <c r="AY285">
        <v>63</v>
      </c>
      <c r="AZ285">
        <v>126</v>
      </c>
      <c r="BA285">
        <v>0.57233146440597105</v>
      </c>
      <c r="BB285">
        <v>0.50195007800312008</v>
      </c>
      <c r="BC285">
        <v>5.3038944365726586</v>
      </c>
      <c r="BD285" t="s">
        <v>1154</v>
      </c>
      <c r="BE285" t="s">
        <v>68</v>
      </c>
    </row>
    <row r="286" spans="1:57" x14ac:dyDescent="0.3">
      <c r="A286" t="s">
        <v>1155</v>
      </c>
      <c r="B286">
        <v>2031</v>
      </c>
      <c r="C286" t="s">
        <v>1156</v>
      </c>
      <c r="D286" t="s">
        <v>1157</v>
      </c>
      <c r="E286" t="s">
        <v>106</v>
      </c>
      <c r="F286">
        <v>2075</v>
      </c>
      <c r="G286">
        <v>129.25590361445779</v>
      </c>
      <c r="H286">
        <v>130</v>
      </c>
      <c r="I286">
        <v>5476.6858386413123</v>
      </c>
      <c r="J286">
        <v>74.004633899785716</v>
      </c>
      <c r="K286">
        <v>-2.276586095790584E-2</v>
      </c>
      <c r="L286">
        <v>-1.1960683982485609</v>
      </c>
      <c r="M286">
        <v>7.8998678018067201</v>
      </c>
      <c r="N286">
        <v>17</v>
      </c>
      <c r="O286">
        <v>1</v>
      </c>
      <c r="P286">
        <v>16</v>
      </c>
      <c r="Q286">
        <v>2.977882232858351</v>
      </c>
      <c r="R286">
        <v>5.4757710936186132</v>
      </c>
      <c r="S286">
        <v>2</v>
      </c>
      <c r="T286">
        <v>1</v>
      </c>
      <c r="U286">
        <v>1</v>
      </c>
      <c r="V286">
        <v>0.11618069422992</v>
      </c>
      <c r="W286">
        <v>7.6185187464985598</v>
      </c>
      <c r="X286">
        <v>1</v>
      </c>
      <c r="Y286">
        <v>1</v>
      </c>
      <c r="Z286">
        <v>0</v>
      </c>
      <c r="AA286">
        <v>0</v>
      </c>
      <c r="AB286">
        <v>7.6367521124357811</v>
      </c>
      <c r="AC286">
        <v>1</v>
      </c>
      <c r="AD286">
        <v>1</v>
      </c>
      <c r="AE286">
        <v>0</v>
      </c>
      <c r="AF286">
        <v>0</v>
      </c>
      <c r="AG286">
        <v>7.6362696033793753</v>
      </c>
      <c r="AH286">
        <v>-6.5951143129606548E-4</v>
      </c>
      <c r="AI286">
        <v>-4.5927463558821893E-2</v>
      </c>
      <c r="AJ286">
        <v>3.0901542488613518E-2</v>
      </c>
      <c r="AK286">
        <v>-8.5890176402925473E-3</v>
      </c>
      <c r="AL286">
        <v>3133.939441067293</v>
      </c>
      <c r="AM286">
        <v>6017.4542440905043</v>
      </c>
      <c r="AN286">
        <v>268206</v>
      </c>
      <c r="AO286">
        <v>160.91641033333201</v>
      </c>
      <c r="AP286">
        <v>2824.6857630257941</v>
      </c>
      <c r="AQ286">
        <v>1.0110843373493981</v>
      </c>
      <c r="AR286">
        <v>3.974939759036145</v>
      </c>
      <c r="AS286">
        <v>2066</v>
      </c>
      <c r="AT286">
        <v>280.07662650602413</v>
      </c>
      <c r="AU286">
        <v>2.2763997165131111E-2</v>
      </c>
      <c r="AV286">
        <v>-6.5966062737066991E-4</v>
      </c>
      <c r="AW286">
        <v>0.37108433734939761</v>
      </c>
      <c r="AX286">
        <v>85.416586306653812</v>
      </c>
      <c r="AY286">
        <v>63</v>
      </c>
      <c r="AZ286">
        <v>126.5</v>
      </c>
      <c r="BA286">
        <v>0.57254354989096212</v>
      </c>
      <c r="BB286">
        <v>0.50024096385542172</v>
      </c>
      <c r="BC286">
        <v>5.2890748335031006</v>
      </c>
      <c r="BD286" t="s">
        <v>1158</v>
      </c>
      <c r="BE286" t="s">
        <v>68</v>
      </c>
    </row>
    <row r="287" spans="1:57" x14ac:dyDescent="0.3">
      <c r="A287" t="s">
        <v>1159</v>
      </c>
      <c r="B287">
        <v>1087</v>
      </c>
      <c r="C287" t="s">
        <v>1160</v>
      </c>
      <c r="D287" t="s">
        <v>1161</v>
      </c>
      <c r="E287" t="s">
        <v>72</v>
      </c>
      <c r="F287">
        <v>1088</v>
      </c>
      <c r="G287">
        <v>127.9549632352941</v>
      </c>
      <c r="H287">
        <v>126</v>
      </c>
      <c r="I287">
        <v>5544.2727878662954</v>
      </c>
      <c r="J287">
        <v>74.459873676137107</v>
      </c>
      <c r="K287">
        <v>8.0188598534119346E-3</v>
      </c>
      <c r="L287">
        <v>-1.2359201036012619</v>
      </c>
      <c r="M287">
        <v>7.8190028684334534</v>
      </c>
      <c r="N287">
        <v>11</v>
      </c>
      <c r="O287">
        <v>1</v>
      </c>
      <c r="P287">
        <v>10</v>
      </c>
      <c r="Q287">
        <v>2.0203362664115292</v>
      </c>
      <c r="R287">
        <v>5.4197197930447709</v>
      </c>
      <c r="S287">
        <v>2</v>
      </c>
      <c r="T287">
        <v>1</v>
      </c>
      <c r="U287">
        <v>1</v>
      </c>
      <c r="V287">
        <v>9.5910577594181826E-2</v>
      </c>
      <c r="W287">
        <v>6.978423489134828</v>
      </c>
      <c r="X287">
        <v>1</v>
      </c>
      <c r="Y287">
        <v>1</v>
      </c>
      <c r="Z287">
        <v>0</v>
      </c>
      <c r="AA287">
        <v>0</v>
      </c>
      <c r="AB287">
        <v>6.9902565004938797</v>
      </c>
      <c r="AC287">
        <v>1</v>
      </c>
      <c r="AD287">
        <v>1</v>
      </c>
      <c r="AE287">
        <v>0</v>
      </c>
      <c r="AF287">
        <v>0</v>
      </c>
      <c r="AG287">
        <v>6.9893352659745593</v>
      </c>
      <c r="AH287">
        <v>3.2930330857474523E-2</v>
      </c>
      <c r="AI287">
        <v>1.135306743776167E-2</v>
      </c>
      <c r="AJ287">
        <v>3.240046006450633E-2</v>
      </c>
      <c r="AK287">
        <v>2.4839108348020419E-3</v>
      </c>
      <c r="AL287">
        <v>2321.185760897049</v>
      </c>
      <c r="AM287">
        <v>4296.2210910762942</v>
      </c>
      <c r="AN287">
        <v>139215</v>
      </c>
      <c r="AO287">
        <v>104.6470801933216</v>
      </c>
      <c r="AP287">
        <v>2147.3999685739532</v>
      </c>
      <c r="AQ287">
        <v>1.021139705882353</v>
      </c>
      <c r="AR287">
        <v>4.039522058823529</v>
      </c>
      <c r="AS287">
        <v>1083</v>
      </c>
      <c r="AT287">
        <v>238.24264705882351</v>
      </c>
      <c r="AU287">
        <v>2.3835784313725461E-2</v>
      </c>
      <c r="AV287">
        <v>3.2975490621255987E-2</v>
      </c>
      <c r="AW287">
        <v>0.37867647058823528</v>
      </c>
      <c r="AX287">
        <v>84.09659613615456</v>
      </c>
      <c r="AY287">
        <v>65</v>
      </c>
      <c r="AZ287">
        <v>132.25</v>
      </c>
      <c r="BA287">
        <v>0.58192251237034209</v>
      </c>
      <c r="BB287">
        <v>0.49356617647058831</v>
      </c>
      <c r="BC287">
        <v>5.2315938252982876</v>
      </c>
      <c r="BD287" t="s">
        <v>1162</v>
      </c>
      <c r="BE287" t="s">
        <v>62</v>
      </c>
    </row>
    <row r="288" spans="1:57" x14ac:dyDescent="0.3">
      <c r="A288" t="s">
        <v>1163</v>
      </c>
      <c r="B288">
        <v>3269</v>
      </c>
      <c r="C288" t="s">
        <v>1164</v>
      </c>
      <c r="D288" t="s">
        <v>1165</v>
      </c>
      <c r="E288" t="s">
        <v>106</v>
      </c>
      <c r="F288">
        <v>3289</v>
      </c>
      <c r="G288">
        <v>126.54211006384919</v>
      </c>
      <c r="H288">
        <v>127</v>
      </c>
      <c r="I288">
        <v>5458.0822188373841</v>
      </c>
      <c r="J288">
        <v>73.878834714939728</v>
      </c>
      <c r="K288">
        <v>1.883689689932146E-2</v>
      </c>
      <c r="L288">
        <v>-1.204799098599884</v>
      </c>
      <c r="M288">
        <v>7.9411759160249611</v>
      </c>
      <c r="N288">
        <v>25</v>
      </c>
      <c r="O288">
        <v>3</v>
      </c>
      <c r="P288">
        <v>22</v>
      </c>
      <c r="Q288">
        <v>3.619100044463532</v>
      </c>
      <c r="R288">
        <v>5.5044036965232443</v>
      </c>
      <c r="S288">
        <v>2</v>
      </c>
      <c r="T288">
        <v>1</v>
      </c>
      <c r="U288">
        <v>1</v>
      </c>
      <c r="V288">
        <v>0.1578697498363838</v>
      </c>
      <c r="W288">
        <v>8.0634617216225948</v>
      </c>
      <c r="X288">
        <v>1</v>
      </c>
      <c r="Y288">
        <v>1</v>
      </c>
      <c r="Z288">
        <v>0</v>
      </c>
      <c r="AA288">
        <v>0</v>
      </c>
      <c r="AB288">
        <v>8.0977305736642187</v>
      </c>
      <c r="AC288">
        <v>1</v>
      </c>
      <c r="AD288">
        <v>1</v>
      </c>
      <c r="AE288">
        <v>0</v>
      </c>
      <c r="AF288">
        <v>0</v>
      </c>
      <c r="AG288">
        <v>8.0974262985972132</v>
      </c>
      <c r="AH288">
        <v>2.2796447507550141E-3</v>
      </c>
      <c r="AI288">
        <v>8.832686238985011E-4</v>
      </c>
      <c r="AJ288">
        <v>-8.2529090191095621E-3</v>
      </c>
      <c r="AK288">
        <v>1.345614751671621E-2</v>
      </c>
      <c r="AL288">
        <v>3875.889328254912</v>
      </c>
      <c r="AM288">
        <v>7456.2430831565352</v>
      </c>
      <c r="AN288">
        <v>416197</v>
      </c>
      <c r="AO288">
        <v>54.469855811265113</v>
      </c>
      <c r="AP288">
        <v>3506.553700749645</v>
      </c>
      <c r="AQ288">
        <v>1.0069930069930071</v>
      </c>
      <c r="AR288">
        <v>3.9790209790209792</v>
      </c>
      <c r="AS288">
        <v>3273</v>
      </c>
      <c r="AT288">
        <v>260.98601398601397</v>
      </c>
      <c r="AU288">
        <v>1.362950774715482E-2</v>
      </c>
      <c r="AV288">
        <v>2.2809355438600711E-3</v>
      </c>
      <c r="AW288">
        <v>0.36819702037093338</v>
      </c>
      <c r="AX288">
        <v>85.398418491484179</v>
      </c>
      <c r="AY288">
        <v>64</v>
      </c>
      <c r="AZ288">
        <v>128</v>
      </c>
      <c r="BA288">
        <v>0.58382806069586457</v>
      </c>
      <c r="BB288">
        <v>0.50167224080267558</v>
      </c>
      <c r="BC288">
        <v>5.3103627835821889</v>
      </c>
      <c r="BD288" t="s">
        <v>1166</v>
      </c>
      <c r="BE288" t="s">
        <v>68</v>
      </c>
    </row>
    <row r="289" spans="1:57" x14ac:dyDescent="0.3">
      <c r="A289" t="s">
        <v>1167</v>
      </c>
      <c r="B289">
        <v>1355</v>
      </c>
      <c r="C289" t="s">
        <v>1168</v>
      </c>
      <c r="D289" t="s">
        <v>1169</v>
      </c>
      <c r="E289" t="s">
        <v>93</v>
      </c>
      <c r="F289">
        <v>1370</v>
      </c>
      <c r="G289">
        <v>124.3664233576642</v>
      </c>
      <c r="H289">
        <v>124</v>
      </c>
      <c r="I289">
        <v>5482.9095295433963</v>
      </c>
      <c r="J289">
        <v>74.04667129279612</v>
      </c>
      <c r="K289">
        <v>2.440351491676878E-2</v>
      </c>
      <c r="L289">
        <v>-1.1899831176116289</v>
      </c>
      <c r="M289">
        <v>7.868228379004532</v>
      </c>
      <c r="N289">
        <v>13</v>
      </c>
      <c r="O289">
        <v>1</v>
      </c>
      <c r="P289">
        <v>12</v>
      </c>
      <c r="Q289">
        <v>2.259279638046428</v>
      </c>
      <c r="R289">
        <v>5.4538403169087513</v>
      </c>
      <c r="S289">
        <v>2</v>
      </c>
      <c r="T289">
        <v>1</v>
      </c>
      <c r="U289">
        <v>1</v>
      </c>
      <c r="V289">
        <v>0.12383836701891419</v>
      </c>
      <c r="W289">
        <v>7.2005705355999776</v>
      </c>
      <c r="X289">
        <v>1</v>
      </c>
      <c r="Y289">
        <v>1</v>
      </c>
      <c r="Z289">
        <v>0</v>
      </c>
      <c r="AA289">
        <v>0</v>
      </c>
      <c r="AB289">
        <v>7.2211050981824929</v>
      </c>
      <c r="AC289">
        <v>1</v>
      </c>
      <c r="AD289">
        <v>1</v>
      </c>
      <c r="AE289">
        <v>0</v>
      </c>
      <c r="AF289">
        <v>0</v>
      </c>
      <c r="AG289">
        <v>7.2203738367239492</v>
      </c>
      <c r="AH289">
        <v>3.2110074956218211E-2</v>
      </c>
      <c r="AI289">
        <v>-5.8463071594671316E-3</v>
      </c>
      <c r="AJ289">
        <v>1.0592606417259591E-2</v>
      </c>
      <c r="AK289">
        <v>-1.6546810281899669E-2</v>
      </c>
      <c r="AL289">
        <v>2552.2937872250841</v>
      </c>
      <c r="AM289">
        <v>4710.3272098329044</v>
      </c>
      <c r="AN289">
        <v>170382</v>
      </c>
      <c r="AO289">
        <v>120.6688996576604</v>
      </c>
      <c r="AP289">
        <v>2291.1125699526419</v>
      </c>
      <c r="AQ289">
        <v>1.016788321167883</v>
      </c>
      <c r="AR289">
        <v>3.9956204379562039</v>
      </c>
      <c r="AS289">
        <v>1363</v>
      </c>
      <c r="AT289">
        <v>242.27007299270079</v>
      </c>
      <c r="AU289">
        <v>2.6921425504508378E-2</v>
      </c>
      <c r="AV289">
        <v>3.213937980885876E-2</v>
      </c>
      <c r="AW289">
        <v>0.37445255474452549</v>
      </c>
      <c r="AX289">
        <v>83.435354273192118</v>
      </c>
      <c r="AY289">
        <v>64</v>
      </c>
      <c r="AZ289">
        <v>128.75</v>
      </c>
      <c r="BA289">
        <v>0.59539117788927631</v>
      </c>
      <c r="BB289">
        <v>0.49708029197080289</v>
      </c>
      <c r="BC289">
        <v>5.243813651944528</v>
      </c>
      <c r="BD289" t="s">
        <v>1170</v>
      </c>
      <c r="BE289" t="s">
        <v>68</v>
      </c>
    </row>
    <row r="290" spans="1:57" x14ac:dyDescent="0.3">
      <c r="A290" t="s">
        <v>1171</v>
      </c>
      <c r="B290">
        <v>1587</v>
      </c>
      <c r="C290" t="s">
        <v>1172</v>
      </c>
      <c r="D290" t="s">
        <v>1173</v>
      </c>
      <c r="E290" t="s">
        <v>98</v>
      </c>
      <c r="F290">
        <v>16</v>
      </c>
      <c r="G290">
        <v>133.125</v>
      </c>
      <c r="H290">
        <v>144</v>
      </c>
      <c r="I290">
        <v>8270.984375</v>
      </c>
      <c r="J290">
        <v>90.944952443772266</v>
      </c>
      <c r="K290">
        <v>-9.3109628247802674E-3</v>
      </c>
      <c r="L290">
        <v>-1.6032795535302731</v>
      </c>
      <c r="M290">
        <v>4</v>
      </c>
      <c r="N290">
        <v>1</v>
      </c>
      <c r="O290">
        <v>1</v>
      </c>
      <c r="P290">
        <v>0</v>
      </c>
      <c r="Q290">
        <v>0</v>
      </c>
      <c r="R290">
        <v>2.7725887222397811</v>
      </c>
      <c r="S290">
        <v>1</v>
      </c>
      <c r="T290">
        <v>1</v>
      </c>
      <c r="U290">
        <v>0</v>
      </c>
      <c r="V290">
        <v>0</v>
      </c>
      <c r="W290">
        <v>2.7080502011022101</v>
      </c>
      <c r="X290">
        <v>1</v>
      </c>
      <c r="Y290">
        <v>1</v>
      </c>
      <c r="Z290">
        <v>0</v>
      </c>
      <c r="AA290">
        <v>0</v>
      </c>
      <c r="AB290">
        <v>2.639057329615258</v>
      </c>
      <c r="AC290">
        <v>1</v>
      </c>
      <c r="AD290">
        <v>1</v>
      </c>
      <c r="AE290">
        <v>0</v>
      </c>
      <c r="AF290">
        <v>0</v>
      </c>
      <c r="AG290">
        <v>2.5649493574615372</v>
      </c>
      <c r="AH290">
        <v>4.8910512654365877E-2</v>
      </c>
      <c r="AI290">
        <v>0.15995748503333379</v>
      </c>
      <c r="AJ290">
        <v>-6.8093490421144695E-2</v>
      </c>
      <c r="AK290">
        <v>-0.10073170892974879</v>
      </c>
      <c r="AL290">
        <v>457.58043922223192</v>
      </c>
      <c r="AM290">
        <v>454.43606991653883</v>
      </c>
      <c r="AN290">
        <v>2130</v>
      </c>
      <c r="AO290">
        <v>122.781713730326</v>
      </c>
      <c r="AP290">
        <v>339.64981966725668</v>
      </c>
      <c r="AQ290">
        <v>2.3125</v>
      </c>
      <c r="AR290">
        <v>4.125</v>
      </c>
      <c r="AS290">
        <v>16</v>
      </c>
      <c r="AT290">
        <v>0</v>
      </c>
      <c r="AU290">
        <v>0.20973320158102771</v>
      </c>
      <c r="AV290">
        <v>4.7284035974184707E-2</v>
      </c>
      <c r="AW290">
        <v>0.25</v>
      </c>
      <c r="AX290">
        <v>101.6666666666667</v>
      </c>
      <c r="AY290">
        <v>91.5</v>
      </c>
      <c r="AZ290">
        <v>181.5</v>
      </c>
      <c r="BA290">
        <v>0.68315457234758514</v>
      </c>
      <c r="BB290">
        <v>0.5</v>
      </c>
      <c r="BC290">
        <v>2.7080502011022101</v>
      </c>
      <c r="BD290" t="s">
        <v>1172</v>
      </c>
      <c r="BE290" t="s">
        <v>62</v>
      </c>
    </row>
    <row r="291" spans="1:57" x14ac:dyDescent="0.3">
      <c r="A291" t="s">
        <v>1174</v>
      </c>
      <c r="B291">
        <v>613</v>
      </c>
      <c r="C291" t="s">
        <v>1175</v>
      </c>
      <c r="D291" t="s">
        <v>1176</v>
      </c>
      <c r="E291" t="s">
        <v>115</v>
      </c>
      <c r="F291">
        <v>653</v>
      </c>
      <c r="G291">
        <v>125.8621745788668</v>
      </c>
      <c r="H291">
        <v>124</v>
      </c>
      <c r="I291">
        <v>5357.797236925112</v>
      </c>
      <c r="J291">
        <v>73.196975599577286</v>
      </c>
      <c r="K291">
        <v>3.9134115384434953E-2</v>
      </c>
      <c r="L291">
        <v>-1.192404659482172</v>
      </c>
      <c r="M291">
        <v>7.6727010153392694</v>
      </c>
      <c r="N291">
        <v>8</v>
      </c>
      <c r="O291">
        <v>1</v>
      </c>
      <c r="P291">
        <v>7</v>
      </c>
      <c r="Q291">
        <v>1.5231073988426631</v>
      </c>
      <c r="R291">
        <v>5.3183110760618426</v>
      </c>
      <c r="S291">
        <v>2</v>
      </c>
      <c r="T291">
        <v>1</v>
      </c>
      <c r="U291">
        <v>1</v>
      </c>
      <c r="V291">
        <v>6.7831620040231549E-2</v>
      </c>
      <c r="W291">
        <v>6.4736659068908251</v>
      </c>
      <c r="X291">
        <v>1</v>
      </c>
      <c r="Y291">
        <v>1</v>
      </c>
      <c r="Z291">
        <v>0</v>
      </c>
      <c r="AA291">
        <v>0</v>
      </c>
      <c r="AB291">
        <v>6.4785096422085697</v>
      </c>
      <c r="AC291">
        <v>1</v>
      </c>
      <c r="AD291">
        <v>1</v>
      </c>
      <c r="AE291">
        <v>0</v>
      </c>
      <c r="AF291">
        <v>0</v>
      </c>
      <c r="AG291">
        <v>6.4769723628896827</v>
      </c>
      <c r="AH291">
        <v>-3.1433036842013651E-2</v>
      </c>
      <c r="AI291">
        <v>4.2950320611646858E-2</v>
      </c>
      <c r="AJ291">
        <v>-3.3064115575756572E-2</v>
      </c>
      <c r="AK291">
        <v>1.6740483221122929E-2</v>
      </c>
      <c r="AL291">
        <v>1788.818354966887</v>
      </c>
      <c r="AM291">
        <v>3262.3811691667111</v>
      </c>
      <c r="AN291">
        <v>82187.999999999985</v>
      </c>
      <c r="AO291">
        <v>57.478927205572937</v>
      </c>
      <c r="AP291">
        <v>1657.458655807297</v>
      </c>
      <c r="AQ291">
        <v>1.0352220520673809</v>
      </c>
      <c r="AR291">
        <v>3.98468606431853</v>
      </c>
      <c r="AS291">
        <v>652</v>
      </c>
      <c r="AT291">
        <v>199.54670750382849</v>
      </c>
      <c r="AU291">
        <v>3.5474281596252599E-2</v>
      </c>
      <c r="AV291">
        <v>-3.14560519332793E-2</v>
      </c>
      <c r="AW291">
        <v>0.38284839203675353</v>
      </c>
      <c r="AX291">
        <v>86.101226993865026</v>
      </c>
      <c r="AY291">
        <v>63</v>
      </c>
      <c r="AZ291">
        <v>122</v>
      </c>
      <c r="BA291">
        <v>0.58156452361079436</v>
      </c>
      <c r="BB291">
        <v>0.49464012251148542</v>
      </c>
      <c r="BC291">
        <v>5.1781590419777501</v>
      </c>
      <c r="BD291" t="s">
        <v>1177</v>
      </c>
      <c r="BE291" t="s">
        <v>68</v>
      </c>
    </row>
    <row r="292" spans="1:57" x14ac:dyDescent="0.3">
      <c r="A292" t="s">
        <v>1178</v>
      </c>
      <c r="B292">
        <v>3065</v>
      </c>
      <c r="C292" t="s">
        <v>1179</v>
      </c>
      <c r="D292" t="s">
        <v>1180</v>
      </c>
      <c r="E292" t="s">
        <v>66</v>
      </c>
      <c r="F292">
        <v>72</v>
      </c>
      <c r="G292">
        <v>118.9444444444444</v>
      </c>
      <c r="H292">
        <v>101.5</v>
      </c>
      <c r="I292">
        <v>7328.8858024691353</v>
      </c>
      <c r="J292">
        <v>85.60891193368326</v>
      </c>
      <c r="K292">
        <v>9.0119502031682855E-2</v>
      </c>
      <c r="L292">
        <v>-1.478250467992146</v>
      </c>
      <c r="M292">
        <v>5.7481954462117564</v>
      </c>
      <c r="N292">
        <v>5</v>
      </c>
      <c r="O292">
        <v>1</v>
      </c>
      <c r="P292">
        <v>4</v>
      </c>
      <c r="Q292">
        <v>0.63959194115637996</v>
      </c>
      <c r="R292">
        <v>3.984345466849192</v>
      </c>
      <c r="S292">
        <v>2</v>
      </c>
      <c r="T292">
        <v>1</v>
      </c>
      <c r="U292">
        <v>1</v>
      </c>
      <c r="V292">
        <v>0.16776575221435111</v>
      </c>
      <c r="W292">
        <v>4.2236293316576567</v>
      </c>
      <c r="X292">
        <v>2</v>
      </c>
      <c r="Y292">
        <v>1</v>
      </c>
      <c r="Z292">
        <v>1</v>
      </c>
      <c r="AA292">
        <v>0.11951030798891769</v>
      </c>
      <c r="AB292">
        <v>4.2286910368905044</v>
      </c>
      <c r="AC292">
        <v>1</v>
      </c>
      <c r="AD292">
        <v>1</v>
      </c>
      <c r="AE292">
        <v>0</v>
      </c>
      <c r="AF292">
        <v>0</v>
      </c>
      <c r="AG292">
        <v>4.2341065045972579</v>
      </c>
      <c r="AH292">
        <v>0.19543838923821691</v>
      </c>
      <c r="AI292">
        <v>2.921214938109444E-2</v>
      </c>
      <c r="AJ292">
        <v>-0.20259733257604651</v>
      </c>
      <c r="AK292">
        <v>0.1477827508649443</v>
      </c>
      <c r="AL292">
        <v>722.51297660223781</v>
      </c>
      <c r="AM292">
        <v>1012.0746013221431</v>
      </c>
      <c r="AN292">
        <v>8564</v>
      </c>
      <c r="AO292">
        <v>85.999999999999972</v>
      </c>
      <c r="AP292">
        <v>531.44701366748563</v>
      </c>
      <c r="AQ292">
        <v>1.319444444444444</v>
      </c>
      <c r="AR292">
        <v>3.666666666666667</v>
      </c>
      <c r="AS292">
        <v>72</v>
      </c>
      <c r="AT292">
        <v>19.777777777777779</v>
      </c>
      <c r="AU292">
        <v>0.13636363636363641</v>
      </c>
      <c r="AV292">
        <v>0.19646193766362141</v>
      </c>
      <c r="AW292">
        <v>0.375</v>
      </c>
      <c r="AX292">
        <v>86.08450704225352</v>
      </c>
      <c r="AY292">
        <v>80.5</v>
      </c>
      <c r="AZ292">
        <v>158.75</v>
      </c>
      <c r="BA292">
        <v>0.71973863372550151</v>
      </c>
      <c r="BB292">
        <v>0.47222222222222221</v>
      </c>
      <c r="BC292">
        <v>3.930750241280216</v>
      </c>
      <c r="BD292" t="s">
        <v>1181</v>
      </c>
      <c r="BE292" t="s">
        <v>68</v>
      </c>
    </row>
    <row r="293" spans="1:57" x14ac:dyDescent="0.3">
      <c r="A293" t="s">
        <v>1182</v>
      </c>
      <c r="B293">
        <v>149</v>
      </c>
      <c r="C293" t="s">
        <v>1183</v>
      </c>
      <c r="D293" t="s">
        <v>1184</v>
      </c>
      <c r="E293" t="s">
        <v>60</v>
      </c>
      <c r="F293">
        <v>256</v>
      </c>
      <c r="G293">
        <v>124.3203125</v>
      </c>
      <c r="H293">
        <v>119</v>
      </c>
      <c r="I293">
        <v>6059.3583374023438</v>
      </c>
      <c r="J293">
        <v>77.841880356285998</v>
      </c>
      <c r="K293">
        <v>0.1213062933838642</v>
      </c>
      <c r="L293">
        <v>-1.354425062689002</v>
      </c>
      <c r="M293">
        <v>7.1593843144008638</v>
      </c>
      <c r="N293">
        <v>5</v>
      </c>
      <c r="O293">
        <v>1</v>
      </c>
      <c r="P293">
        <v>4</v>
      </c>
      <c r="Q293">
        <v>0.80777472107017567</v>
      </c>
      <c r="R293">
        <v>4.9625070520720547</v>
      </c>
      <c r="S293">
        <v>2</v>
      </c>
      <c r="T293">
        <v>1</v>
      </c>
      <c r="U293">
        <v>1</v>
      </c>
      <c r="V293">
        <v>6.2621943781838052E-2</v>
      </c>
      <c r="W293">
        <v>5.5358270966834446</v>
      </c>
      <c r="X293">
        <v>1</v>
      </c>
      <c r="Y293">
        <v>1</v>
      </c>
      <c r="Z293">
        <v>0</v>
      </c>
      <c r="AA293">
        <v>0</v>
      </c>
      <c r="AB293">
        <v>5.5373342670185366</v>
      </c>
      <c r="AC293">
        <v>1</v>
      </c>
      <c r="AD293">
        <v>1</v>
      </c>
      <c r="AE293">
        <v>0</v>
      </c>
      <c r="AF293">
        <v>0</v>
      </c>
      <c r="AG293">
        <v>5.5333894887275203</v>
      </c>
      <c r="AH293">
        <v>9.4163567321344246E-2</v>
      </c>
      <c r="AI293">
        <v>-2.8471771910519191E-2</v>
      </c>
      <c r="AJ293">
        <v>2.5583773372418139E-2</v>
      </c>
      <c r="AK293">
        <v>-5.9303712992120478E-2</v>
      </c>
      <c r="AL293">
        <v>1211.687491316661</v>
      </c>
      <c r="AM293">
        <v>2009.8824401906541</v>
      </c>
      <c r="AN293">
        <v>31826</v>
      </c>
      <c r="AO293">
        <v>90.889072825087894</v>
      </c>
      <c r="AP293">
        <v>1048.1746763056351</v>
      </c>
      <c r="AQ293">
        <v>1.08984375</v>
      </c>
      <c r="AR293">
        <v>3.93359375</v>
      </c>
      <c r="AS293">
        <v>256</v>
      </c>
      <c r="AT293">
        <v>65.249999999999986</v>
      </c>
      <c r="AU293">
        <v>8.0928308823529416E-2</v>
      </c>
      <c r="AV293">
        <v>9.4618399660315267E-2</v>
      </c>
      <c r="AW293">
        <v>0.39453125</v>
      </c>
      <c r="AX293">
        <v>82.333333333333329</v>
      </c>
      <c r="AY293">
        <v>73</v>
      </c>
      <c r="AZ293">
        <v>147</v>
      </c>
      <c r="BA293">
        <v>0.62613967734585607</v>
      </c>
      <c r="BB293">
        <v>0.47265625</v>
      </c>
      <c r="BC293">
        <v>4.7773612338721421</v>
      </c>
      <c r="BD293" t="s">
        <v>1185</v>
      </c>
      <c r="BE293" t="s">
        <v>62</v>
      </c>
    </row>
    <row r="294" spans="1:57" x14ac:dyDescent="0.3">
      <c r="A294" t="s">
        <v>1186</v>
      </c>
      <c r="B294">
        <v>2691</v>
      </c>
      <c r="C294" t="s">
        <v>1187</v>
      </c>
      <c r="D294" t="s">
        <v>1188</v>
      </c>
      <c r="E294" t="s">
        <v>106</v>
      </c>
      <c r="F294">
        <v>2735</v>
      </c>
      <c r="G294">
        <v>129.3129798903108</v>
      </c>
      <c r="H294">
        <v>131</v>
      </c>
      <c r="I294">
        <v>5439.7016779575479</v>
      </c>
      <c r="J294">
        <v>73.75433328257769</v>
      </c>
      <c r="K294">
        <v>-5.5681694028532097E-2</v>
      </c>
      <c r="L294">
        <v>-1.1906139460856691</v>
      </c>
      <c r="M294">
        <v>7.9383808251212047</v>
      </c>
      <c r="N294">
        <v>20</v>
      </c>
      <c r="O294">
        <v>4</v>
      </c>
      <c r="P294">
        <v>16</v>
      </c>
      <c r="Q294">
        <v>3.094457680266598</v>
      </c>
      <c r="R294">
        <v>5.5024662871438963</v>
      </c>
      <c r="S294">
        <v>3</v>
      </c>
      <c r="T294">
        <v>1</v>
      </c>
      <c r="U294">
        <v>2</v>
      </c>
      <c r="V294">
        <v>0.15060797049740171</v>
      </c>
      <c r="W294">
        <v>7.8829062002352641</v>
      </c>
      <c r="X294">
        <v>1</v>
      </c>
      <c r="Y294">
        <v>1</v>
      </c>
      <c r="Z294">
        <v>0</v>
      </c>
      <c r="AA294">
        <v>0</v>
      </c>
      <c r="AB294">
        <v>7.9131551859280673</v>
      </c>
      <c r="AC294">
        <v>1</v>
      </c>
      <c r="AD294">
        <v>1</v>
      </c>
      <c r="AE294">
        <v>0</v>
      </c>
      <c r="AF294">
        <v>0</v>
      </c>
      <c r="AG294">
        <v>7.9127892206906827</v>
      </c>
      <c r="AH294">
        <v>-1.5220537434280141E-2</v>
      </c>
      <c r="AI294">
        <v>-5.3814686157524399E-3</v>
      </c>
      <c r="AJ294">
        <v>-2.6998327815020199E-3</v>
      </c>
      <c r="AK294">
        <v>-1.936756712118632E-2</v>
      </c>
      <c r="AL294">
        <v>3540.8790163707758</v>
      </c>
      <c r="AM294">
        <v>6933.5424417411004</v>
      </c>
      <c r="AN294">
        <v>353671</v>
      </c>
      <c r="AO294">
        <v>10.434627177097861</v>
      </c>
      <c r="AP294">
        <v>3158.384800824731</v>
      </c>
      <c r="AQ294">
        <v>1.008409506398537</v>
      </c>
      <c r="AR294">
        <v>3.9736745886654479</v>
      </c>
      <c r="AS294">
        <v>2727</v>
      </c>
      <c r="AT294">
        <v>229.4519195612431</v>
      </c>
      <c r="AU294">
        <v>2.2454027314765031E-2</v>
      </c>
      <c r="AV294">
        <v>-1.5221023442777841E-2</v>
      </c>
      <c r="AW294">
        <v>0.35319926873857399</v>
      </c>
      <c r="AX294">
        <v>85.654352596927581</v>
      </c>
      <c r="AY294">
        <v>64</v>
      </c>
      <c r="AZ294">
        <v>127</v>
      </c>
      <c r="BA294">
        <v>0.57035522145680584</v>
      </c>
      <c r="BB294">
        <v>0.50895795246800735</v>
      </c>
      <c r="BC294">
        <v>5.3121019017425501</v>
      </c>
      <c r="BD294" t="s">
        <v>1189</v>
      </c>
      <c r="BE294" t="s">
        <v>68</v>
      </c>
    </row>
    <row r="295" spans="1:57" x14ac:dyDescent="0.3">
      <c r="A295" t="s">
        <v>1190</v>
      </c>
      <c r="B295">
        <v>3717</v>
      </c>
      <c r="C295" t="s">
        <v>1191</v>
      </c>
      <c r="D295" t="s">
        <v>1192</v>
      </c>
      <c r="E295" t="s">
        <v>85</v>
      </c>
      <c r="F295">
        <v>8</v>
      </c>
      <c r="G295">
        <v>84.125</v>
      </c>
      <c r="H295">
        <v>83.5</v>
      </c>
      <c r="I295">
        <v>2569.609375</v>
      </c>
      <c r="J295">
        <v>50.691314591357759</v>
      </c>
      <c r="K295">
        <v>-0.21244544673977489</v>
      </c>
      <c r="L295">
        <v>-1.4261582002451669</v>
      </c>
      <c r="M295">
        <v>3</v>
      </c>
      <c r="N295">
        <v>1</v>
      </c>
      <c r="O295">
        <v>1</v>
      </c>
      <c r="P295">
        <v>0</v>
      </c>
      <c r="Q295">
        <v>0</v>
      </c>
      <c r="R295">
        <v>2.0794415416798362</v>
      </c>
      <c r="S295">
        <v>1</v>
      </c>
      <c r="T295">
        <v>1</v>
      </c>
      <c r="U295">
        <v>0</v>
      </c>
      <c r="V295">
        <v>0</v>
      </c>
      <c r="W295">
        <v>1.945910149055313</v>
      </c>
      <c r="X295">
        <v>1</v>
      </c>
      <c r="Y295">
        <v>1</v>
      </c>
      <c r="Z295">
        <v>0</v>
      </c>
      <c r="AA295">
        <v>0</v>
      </c>
      <c r="AB295">
        <v>1.791759469228055</v>
      </c>
      <c r="AC295">
        <v>1</v>
      </c>
      <c r="AD295">
        <v>1</v>
      </c>
      <c r="AE295">
        <v>0</v>
      </c>
      <c r="AF295">
        <v>0</v>
      </c>
      <c r="AG295">
        <v>1.6094379124341009</v>
      </c>
      <c r="AH295">
        <v>-0.57238226262503422</v>
      </c>
      <c r="AI295">
        <v>0.26013043081694082</v>
      </c>
      <c r="AJ295">
        <v>0.3356016843513423</v>
      </c>
      <c r="AK295">
        <v>0</v>
      </c>
      <c r="AL295">
        <v>192.56537478940581</v>
      </c>
      <c r="AM295">
        <v>200.22881019527551</v>
      </c>
      <c r="AN295">
        <v>673</v>
      </c>
      <c r="AO295">
        <v>38.01315561749643</v>
      </c>
      <c r="AP295">
        <v>120.15141255118461</v>
      </c>
      <c r="AQ295">
        <v>3.5</v>
      </c>
      <c r="AR295">
        <v>3.5</v>
      </c>
      <c r="AS295">
        <v>8</v>
      </c>
      <c r="AT295">
        <v>0</v>
      </c>
      <c r="AU295">
        <v>0.29020979020979021</v>
      </c>
      <c r="AV295">
        <v>-0.77741780326544052</v>
      </c>
      <c r="AW295">
        <v>0.5</v>
      </c>
      <c r="AX295">
        <v>84.285714285714292</v>
      </c>
      <c r="AY295">
        <v>42</v>
      </c>
      <c r="AZ295">
        <v>85.75</v>
      </c>
      <c r="BA295">
        <v>0.60257134729697193</v>
      </c>
      <c r="BB295">
        <v>0.5</v>
      </c>
      <c r="BC295">
        <v>1.945910149055313</v>
      </c>
      <c r="BD295" t="s">
        <v>1191</v>
      </c>
      <c r="BE295" t="s">
        <v>68</v>
      </c>
    </row>
    <row r="296" spans="1:57" x14ac:dyDescent="0.3">
      <c r="A296" t="s">
        <v>1193</v>
      </c>
      <c r="B296">
        <v>731</v>
      </c>
      <c r="C296" t="s">
        <v>1194</v>
      </c>
      <c r="D296" t="s">
        <v>1195</v>
      </c>
      <c r="E296" t="s">
        <v>85</v>
      </c>
      <c r="F296">
        <v>8</v>
      </c>
      <c r="G296">
        <v>132.5</v>
      </c>
      <c r="H296">
        <v>133.5</v>
      </c>
      <c r="I296">
        <v>6418.25</v>
      </c>
      <c r="J296">
        <v>80.11398130164298</v>
      </c>
      <c r="K296">
        <v>-0.29520029433304462</v>
      </c>
      <c r="L296">
        <v>-1.180181097329033</v>
      </c>
      <c r="M296">
        <v>3</v>
      </c>
      <c r="N296">
        <v>1</v>
      </c>
      <c r="O296">
        <v>1</v>
      </c>
      <c r="P296">
        <v>0</v>
      </c>
      <c r="Q296">
        <v>0</v>
      </c>
      <c r="R296">
        <v>2.0794415416798362</v>
      </c>
      <c r="S296">
        <v>1</v>
      </c>
      <c r="T296">
        <v>1</v>
      </c>
      <c r="U296">
        <v>0</v>
      </c>
      <c r="V296">
        <v>0</v>
      </c>
      <c r="W296">
        <v>1.945910149055313</v>
      </c>
      <c r="X296">
        <v>1</v>
      </c>
      <c r="Y296">
        <v>1</v>
      </c>
      <c r="Z296">
        <v>0</v>
      </c>
      <c r="AA296">
        <v>0</v>
      </c>
      <c r="AB296">
        <v>1.791759469228055</v>
      </c>
      <c r="AC296">
        <v>1</v>
      </c>
      <c r="AD296">
        <v>1</v>
      </c>
      <c r="AE296">
        <v>0</v>
      </c>
      <c r="AF296">
        <v>0</v>
      </c>
      <c r="AG296">
        <v>1.6094379124341009</v>
      </c>
      <c r="AH296">
        <v>-0.23655688855996571</v>
      </c>
      <c r="AI296">
        <v>9.9511159583998754E-2</v>
      </c>
      <c r="AJ296">
        <v>-0.19249308612160629</v>
      </c>
      <c r="AK296">
        <v>0</v>
      </c>
      <c r="AL296">
        <v>319.88316552553181</v>
      </c>
      <c r="AM296">
        <v>299.11663346154</v>
      </c>
      <c r="AN296">
        <v>1060</v>
      </c>
      <c r="AO296">
        <v>62.128898268036266</v>
      </c>
      <c r="AP296">
        <v>244.7018819170454</v>
      </c>
      <c r="AQ296">
        <v>3.5</v>
      </c>
      <c r="AR296">
        <v>3.625</v>
      </c>
      <c r="AS296">
        <v>8</v>
      </c>
      <c r="AT296">
        <v>0</v>
      </c>
      <c r="AU296">
        <v>0.23268398268398269</v>
      </c>
      <c r="AV296">
        <v>-0.27076501206489101</v>
      </c>
      <c r="AW296">
        <v>0.125</v>
      </c>
      <c r="AX296">
        <v>115.71428571428569</v>
      </c>
      <c r="AY296">
        <v>78.5</v>
      </c>
      <c r="AZ296">
        <v>115.75</v>
      </c>
      <c r="BA296">
        <v>0.60463382114447528</v>
      </c>
      <c r="BB296">
        <v>0.5</v>
      </c>
      <c r="BC296">
        <v>1.945910149055313</v>
      </c>
      <c r="BD296" t="s">
        <v>1194</v>
      </c>
      <c r="BE296" t="s">
        <v>68</v>
      </c>
    </row>
    <row r="297" spans="1:57" x14ac:dyDescent="0.3">
      <c r="A297" t="s">
        <v>1196</v>
      </c>
      <c r="B297">
        <v>1146</v>
      </c>
      <c r="C297" t="s">
        <v>1197</v>
      </c>
      <c r="D297" t="s">
        <v>1198</v>
      </c>
      <c r="E297" t="s">
        <v>66</v>
      </c>
      <c r="F297">
        <v>72</v>
      </c>
      <c r="G297">
        <v>115.0694444444444</v>
      </c>
      <c r="H297">
        <v>99</v>
      </c>
      <c r="I297">
        <v>6599.6201774691363</v>
      </c>
      <c r="J297">
        <v>81.238046366644838</v>
      </c>
      <c r="K297">
        <v>0.20987260002125649</v>
      </c>
      <c r="L297">
        <v>-1.2582713735401101</v>
      </c>
      <c r="M297">
        <v>5.7600670152711091</v>
      </c>
      <c r="N297">
        <v>4</v>
      </c>
      <c r="O297">
        <v>1</v>
      </c>
      <c r="P297">
        <v>3</v>
      </c>
      <c r="Q297">
        <v>0.58419281151234193</v>
      </c>
      <c r="R297">
        <v>3.992574211471505</v>
      </c>
      <c r="S297">
        <v>2</v>
      </c>
      <c r="T297">
        <v>1</v>
      </c>
      <c r="U297">
        <v>1</v>
      </c>
      <c r="V297">
        <v>0.16776575221435111</v>
      </c>
      <c r="W297">
        <v>4.2236293316576567</v>
      </c>
      <c r="X297">
        <v>2</v>
      </c>
      <c r="Y297">
        <v>1</v>
      </c>
      <c r="Z297">
        <v>1</v>
      </c>
      <c r="AA297">
        <v>0.11951030798891769</v>
      </c>
      <c r="AB297">
        <v>4.2286910368905044</v>
      </c>
      <c r="AC297">
        <v>1</v>
      </c>
      <c r="AD297">
        <v>1</v>
      </c>
      <c r="AE297">
        <v>0</v>
      </c>
      <c r="AF297">
        <v>0</v>
      </c>
      <c r="AG297">
        <v>4.2341065045972579</v>
      </c>
      <c r="AH297">
        <v>-5.9018148906817593E-2</v>
      </c>
      <c r="AI297">
        <v>-3.6762213548766652E-2</v>
      </c>
      <c r="AJ297">
        <v>-2.9420223342536151E-3</v>
      </c>
      <c r="AK297">
        <v>-1.8702923280202521E-2</v>
      </c>
      <c r="AL297">
        <v>717.66544273774912</v>
      </c>
      <c r="AM297">
        <v>955.76111675461595</v>
      </c>
      <c r="AN297">
        <v>8285</v>
      </c>
      <c r="AO297">
        <v>75.033035213298533</v>
      </c>
      <c r="AP297">
        <v>531.01129931480727</v>
      </c>
      <c r="AQ297">
        <v>1.319444444444444</v>
      </c>
      <c r="AR297">
        <v>3.75</v>
      </c>
      <c r="AS297">
        <v>72</v>
      </c>
      <c r="AT297">
        <v>16.499999999999989</v>
      </c>
      <c r="AU297">
        <v>0.12859477124183011</v>
      </c>
      <c r="AV297">
        <v>-6.0119582752095467E-2</v>
      </c>
      <c r="AW297">
        <v>0.375</v>
      </c>
      <c r="AX297">
        <v>99.647887323943664</v>
      </c>
      <c r="AY297">
        <v>68.5</v>
      </c>
      <c r="AZ297">
        <v>133.5</v>
      </c>
      <c r="BA297">
        <v>0.70599147114042593</v>
      </c>
      <c r="BB297">
        <v>0.47222222222222221</v>
      </c>
      <c r="BC297">
        <v>4.1186332760328117</v>
      </c>
      <c r="BD297" t="s">
        <v>1199</v>
      </c>
      <c r="BE297" t="s">
        <v>68</v>
      </c>
    </row>
    <row r="298" spans="1:57" x14ac:dyDescent="0.3">
      <c r="A298" t="s">
        <v>1200</v>
      </c>
      <c r="B298">
        <v>2541</v>
      </c>
      <c r="C298" t="s">
        <v>1201</v>
      </c>
      <c r="D298" t="s">
        <v>1202</v>
      </c>
      <c r="E298" t="s">
        <v>66</v>
      </c>
      <c r="F298">
        <v>70</v>
      </c>
      <c r="G298">
        <v>129.31428571428569</v>
      </c>
      <c r="H298">
        <v>133</v>
      </c>
      <c r="I298">
        <v>5925.8726530612239</v>
      </c>
      <c r="J298">
        <v>76.979689873766205</v>
      </c>
      <c r="K298">
        <v>-0.11850464621674731</v>
      </c>
      <c r="L298">
        <v>-1.2249299682847969</v>
      </c>
      <c r="M298">
        <v>5.8220005168831577</v>
      </c>
      <c r="N298">
        <v>3</v>
      </c>
      <c r="O298">
        <v>1</v>
      </c>
      <c r="P298">
        <v>2</v>
      </c>
      <c r="Q298">
        <v>0.45338235029118151</v>
      </c>
      <c r="R298">
        <v>4.0355032434961027</v>
      </c>
      <c r="S298">
        <v>2</v>
      </c>
      <c r="T298">
        <v>1</v>
      </c>
      <c r="U298">
        <v>1</v>
      </c>
      <c r="V298">
        <v>0.1203728348804772</v>
      </c>
      <c r="W298">
        <v>4.2140152819723324</v>
      </c>
      <c r="X298">
        <v>1</v>
      </c>
      <c r="Y298">
        <v>1</v>
      </c>
      <c r="Z298">
        <v>0</v>
      </c>
      <c r="AA298">
        <v>0</v>
      </c>
      <c r="AB298">
        <v>4.2195077051761087</v>
      </c>
      <c r="AC298">
        <v>1</v>
      </c>
      <c r="AD298">
        <v>1</v>
      </c>
      <c r="AE298">
        <v>0</v>
      </c>
      <c r="AF298">
        <v>0</v>
      </c>
      <c r="AG298">
        <v>4.2046926193909648</v>
      </c>
      <c r="AH298">
        <v>0.22973718176268221</v>
      </c>
      <c r="AI298">
        <v>-7.1085985185525738E-2</v>
      </c>
      <c r="AJ298">
        <v>5.3952073939416761E-3</v>
      </c>
      <c r="AK298">
        <v>0.1218345610112795</v>
      </c>
      <c r="AL298">
        <v>684.4008448052449</v>
      </c>
      <c r="AM298">
        <v>1056.8630392013281</v>
      </c>
      <c r="AN298">
        <v>9052</v>
      </c>
      <c r="AO298">
        <v>92.535440624682266</v>
      </c>
      <c r="AP298">
        <v>506.64341096294788</v>
      </c>
      <c r="AQ298">
        <v>1.328571428571429</v>
      </c>
      <c r="AR298">
        <v>3.8</v>
      </c>
      <c r="AS298">
        <v>69</v>
      </c>
      <c r="AT298">
        <v>10.571428571428569</v>
      </c>
      <c r="AU298">
        <v>8.8571428571428579E-2</v>
      </c>
      <c r="AV298">
        <v>0.23282806154696409</v>
      </c>
      <c r="AW298">
        <v>0.31428571428571428</v>
      </c>
      <c r="AX298">
        <v>75.637681159420296</v>
      </c>
      <c r="AY298">
        <v>74.5</v>
      </c>
      <c r="AZ298">
        <v>146.75</v>
      </c>
      <c r="BA298">
        <v>0.59529145947455087</v>
      </c>
      <c r="BB298">
        <v>0.54285714285714282</v>
      </c>
      <c r="BC298">
        <v>3.977845220235408</v>
      </c>
      <c r="BD298" t="s">
        <v>1203</v>
      </c>
      <c r="BE298" t="s">
        <v>68</v>
      </c>
    </row>
    <row r="299" spans="1:57" x14ac:dyDescent="0.3">
      <c r="A299" t="s">
        <v>1204</v>
      </c>
      <c r="B299">
        <v>2805</v>
      </c>
      <c r="C299" t="s">
        <v>1205</v>
      </c>
      <c r="D299" t="s">
        <v>1206</v>
      </c>
      <c r="E299" t="s">
        <v>115</v>
      </c>
      <c r="F299">
        <v>2848</v>
      </c>
      <c r="G299">
        <v>127.0775983146067</v>
      </c>
      <c r="H299">
        <v>125.5</v>
      </c>
      <c r="I299">
        <v>5611.5413801869636</v>
      </c>
      <c r="J299">
        <v>74.910222134145101</v>
      </c>
      <c r="K299">
        <v>1.2472408108852549E-2</v>
      </c>
      <c r="L299">
        <v>-1.228161991504358</v>
      </c>
      <c r="M299">
        <v>7.9327581913418967</v>
      </c>
      <c r="N299">
        <v>22</v>
      </c>
      <c r="O299">
        <v>3</v>
      </c>
      <c r="P299">
        <v>19</v>
      </c>
      <c r="Q299">
        <v>3.3877075582169129</v>
      </c>
      <c r="R299">
        <v>5.4985689743924544</v>
      </c>
      <c r="S299">
        <v>3</v>
      </c>
      <c r="T299">
        <v>1</v>
      </c>
      <c r="U299">
        <v>2</v>
      </c>
      <c r="V299">
        <v>0.13121829063022569</v>
      </c>
      <c r="W299">
        <v>7.9309515111921929</v>
      </c>
      <c r="X299">
        <v>1</v>
      </c>
      <c r="Y299">
        <v>1</v>
      </c>
      <c r="Z299">
        <v>0</v>
      </c>
      <c r="AA299">
        <v>0</v>
      </c>
      <c r="AB299">
        <v>7.9536697786497994</v>
      </c>
      <c r="AC299">
        <v>1</v>
      </c>
      <c r="AD299">
        <v>1</v>
      </c>
      <c r="AE299">
        <v>0</v>
      </c>
      <c r="AF299">
        <v>0</v>
      </c>
      <c r="AG299">
        <v>7.953318346560434</v>
      </c>
      <c r="AH299">
        <v>1.7790261353776881E-2</v>
      </c>
      <c r="AI299">
        <v>2.3053388604050609E-2</v>
      </c>
      <c r="AJ299">
        <v>1.883980695946548E-2</v>
      </c>
      <c r="AK299">
        <v>3.582873029403548E-2</v>
      </c>
      <c r="AL299">
        <v>3669.8798720480049</v>
      </c>
      <c r="AM299">
        <v>6964.5670881065462</v>
      </c>
      <c r="AN299">
        <v>361917</v>
      </c>
      <c r="AO299">
        <v>52.058219263011523</v>
      </c>
      <c r="AP299">
        <v>3376.534239512614</v>
      </c>
      <c r="AQ299">
        <v>1.008075842696629</v>
      </c>
      <c r="AR299">
        <v>4.007022471910112</v>
      </c>
      <c r="AS299">
        <v>2840</v>
      </c>
      <c r="AT299">
        <v>264.08988764044938</v>
      </c>
      <c r="AU299">
        <v>1.4558548138356499E-2</v>
      </c>
      <c r="AV299">
        <v>1.780302230790649E-2</v>
      </c>
      <c r="AW299">
        <v>0.37359550561797761</v>
      </c>
      <c r="AX299">
        <v>85.457674745345983</v>
      </c>
      <c r="AY299">
        <v>65.5</v>
      </c>
      <c r="AZ299">
        <v>131.25</v>
      </c>
      <c r="BA299">
        <v>0.5894840878932055</v>
      </c>
      <c r="BB299">
        <v>0.4964887640449438</v>
      </c>
      <c r="BC299">
        <v>5.3086329724091161</v>
      </c>
      <c r="BD299" t="s">
        <v>1207</v>
      </c>
      <c r="BE299" t="s">
        <v>62</v>
      </c>
    </row>
    <row r="300" spans="1:57" x14ac:dyDescent="0.3">
      <c r="A300" t="s">
        <v>1208</v>
      </c>
      <c r="B300">
        <v>131</v>
      </c>
      <c r="C300" t="s">
        <v>1209</v>
      </c>
      <c r="D300" t="s">
        <v>1210</v>
      </c>
      <c r="E300" t="s">
        <v>60</v>
      </c>
      <c r="F300">
        <v>256</v>
      </c>
      <c r="G300">
        <v>128.6796875</v>
      </c>
      <c r="H300">
        <v>131.5</v>
      </c>
      <c r="I300">
        <v>5680.7020874023438</v>
      </c>
      <c r="J300">
        <v>75.370432448025298</v>
      </c>
      <c r="K300">
        <v>1.0696364746329731E-2</v>
      </c>
      <c r="L300">
        <v>-1.276010462723995</v>
      </c>
      <c r="M300">
        <v>7.2239519902328189</v>
      </c>
      <c r="N300">
        <v>5</v>
      </c>
      <c r="O300">
        <v>1</v>
      </c>
      <c r="P300">
        <v>4</v>
      </c>
      <c r="Q300">
        <v>0.75731301830446862</v>
      </c>
      <c r="R300">
        <v>5.0072619545302839</v>
      </c>
      <c r="S300">
        <v>1</v>
      </c>
      <c r="T300">
        <v>1</v>
      </c>
      <c r="U300">
        <v>0</v>
      </c>
      <c r="V300">
        <v>0</v>
      </c>
      <c r="W300">
        <v>5.541263545158424</v>
      </c>
      <c r="X300">
        <v>1</v>
      </c>
      <c r="Y300">
        <v>1</v>
      </c>
      <c r="Z300">
        <v>0</v>
      </c>
      <c r="AA300">
        <v>0</v>
      </c>
      <c r="AB300">
        <v>5.5373342670185366</v>
      </c>
      <c r="AC300">
        <v>1</v>
      </c>
      <c r="AD300">
        <v>1</v>
      </c>
      <c r="AE300">
        <v>0</v>
      </c>
      <c r="AF300">
        <v>0</v>
      </c>
      <c r="AG300">
        <v>5.5333894887275203</v>
      </c>
      <c r="AH300">
        <v>8.4630664525203611E-2</v>
      </c>
      <c r="AI300">
        <v>7.252651370089247E-2</v>
      </c>
      <c r="AJ300">
        <v>-6.0335269932504751E-2</v>
      </c>
      <c r="AK300">
        <v>3.7282304120057938E-2</v>
      </c>
      <c r="AL300">
        <v>1222.642600808864</v>
      </c>
      <c r="AM300">
        <v>2048.9926965919949</v>
      </c>
      <c r="AN300">
        <v>32942</v>
      </c>
      <c r="AO300">
        <v>199.7538708435863</v>
      </c>
      <c r="AP300">
        <v>1082.640746688003</v>
      </c>
      <c r="AQ300">
        <v>1.08984375</v>
      </c>
      <c r="AR300">
        <v>4.04296875</v>
      </c>
      <c r="AS300">
        <v>256</v>
      </c>
      <c r="AT300">
        <v>61.734375</v>
      </c>
      <c r="AU300">
        <v>4.5327818627451E-2</v>
      </c>
      <c r="AV300">
        <v>8.4756851388350554E-2</v>
      </c>
      <c r="AW300">
        <v>0.36328125</v>
      </c>
      <c r="AX300">
        <v>82.835294117647052</v>
      </c>
      <c r="AY300">
        <v>66</v>
      </c>
      <c r="AZ300">
        <v>133.5</v>
      </c>
      <c r="BA300">
        <v>0.58572128913528254</v>
      </c>
      <c r="BB300">
        <v>0.51171875</v>
      </c>
      <c r="BC300">
        <v>4.8370479770541728</v>
      </c>
      <c r="BD300" t="s">
        <v>1211</v>
      </c>
      <c r="BE300" t="s">
        <v>62</v>
      </c>
    </row>
    <row r="301" spans="1:57" x14ac:dyDescent="0.3">
      <c r="A301" t="s">
        <v>1212</v>
      </c>
      <c r="B301">
        <v>2613</v>
      </c>
      <c r="C301" t="s">
        <v>1213</v>
      </c>
      <c r="D301" t="s">
        <v>1214</v>
      </c>
      <c r="E301" t="s">
        <v>98</v>
      </c>
      <c r="F301">
        <v>16</v>
      </c>
      <c r="G301">
        <v>129.1875</v>
      </c>
      <c r="H301">
        <v>119.5</v>
      </c>
      <c r="I301">
        <v>5769.40234375</v>
      </c>
      <c r="J301">
        <v>75.956581964632932</v>
      </c>
      <c r="K301">
        <v>4.0572033395093847E-2</v>
      </c>
      <c r="L301">
        <v>-1.2192835528537549</v>
      </c>
      <c r="M301">
        <v>4</v>
      </c>
      <c r="N301">
        <v>1</v>
      </c>
      <c r="O301">
        <v>1</v>
      </c>
      <c r="P301">
        <v>0</v>
      </c>
      <c r="Q301">
        <v>0</v>
      </c>
      <c r="R301">
        <v>2.7725887222397811</v>
      </c>
      <c r="S301">
        <v>1</v>
      </c>
      <c r="T301">
        <v>1</v>
      </c>
      <c r="U301">
        <v>0</v>
      </c>
      <c r="V301">
        <v>0</v>
      </c>
      <c r="W301">
        <v>2.7080502011022101</v>
      </c>
      <c r="X301">
        <v>1</v>
      </c>
      <c r="Y301">
        <v>1</v>
      </c>
      <c r="Z301">
        <v>0</v>
      </c>
      <c r="AA301">
        <v>0</v>
      </c>
      <c r="AB301">
        <v>2.639057329615258</v>
      </c>
      <c r="AC301">
        <v>1</v>
      </c>
      <c r="AD301">
        <v>1</v>
      </c>
      <c r="AE301">
        <v>0</v>
      </c>
      <c r="AF301">
        <v>0</v>
      </c>
      <c r="AG301">
        <v>2.5649493574615372</v>
      </c>
      <c r="AH301">
        <v>-0.38719928238071671</v>
      </c>
      <c r="AI301">
        <v>-0.24232709667853111</v>
      </c>
      <c r="AJ301">
        <v>0.1295947624422211</v>
      </c>
      <c r="AK301">
        <v>-0.30954356123054882</v>
      </c>
      <c r="AL301">
        <v>372.34020327478208</v>
      </c>
      <c r="AM301">
        <v>469.79120151966862</v>
      </c>
      <c r="AN301">
        <v>2067</v>
      </c>
      <c r="AO301">
        <v>25</v>
      </c>
      <c r="AP301">
        <v>230.21297739963029</v>
      </c>
      <c r="AQ301">
        <v>2.25</v>
      </c>
      <c r="AR301">
        <v>3.875</v>
      </c>
      <c r="AS301">
        <v>16</v>
      </c>
      <c r="AT301">
        <v>0</v>
      </c>
      <c r="AU301">
        <v>0.14043209876543211</v>
      </c>
      <c r="AV301">
        <v>-0.39690202131450508</v>
      </c>
      <c r="AW301">
        <v>0.375</v>
      </c>
      <c r="AX301">
        <v>116.3333333333333</v>
      </c>
      <c r="AY301">
        <v>62.5</v>
      </c>
      <c r="AZ301">
        <v>121</v>
      </c>
      <c r="BA301">
        <v>0.58795612551239806</v>
      </c>
      <c r="BB301">
        <v>0.5</v>
      </c>
      <c r="BC301">
        <v>2.615630577027551</v>
      </c>
      <c r="BD301" t="s">
        <v>1213</v>
      </c>
      <c r="BE301" t="s">
        <v>62</v>
      </c>
    </row>
    <row r="302" spans="1:57" x14ac:dyDescent="0.3">
      <c r="A302" t="s">
        <v>1215</v>
      </c>
      <c r="B302">
        <v>2330</v>
      </c>
      <c r="C302" t="s">
        <v>1216</v>
      </c>
      <c r="D302" t="s">
        <v>1217</v>
      </c>
      <c r="E302" t="s">
        <v>66</v>
      </c>
      <c r="F302">
        <v>70</v>
      </c>
      <c r="G302">
        <v>117.2571428571429</v>
      </c>
      <c r="H302">
        <v>116.5</v>
      </c>
      <c r="I302">
        <v>6106.4195918367332</v>
      </c>
      <c r="J302">
        <v>78.14358317761436</v>
      </c>
      <c r="K302">
        <v>0.15656492221503551</v>
      </c>
      <c r="L302">
        <v>-1.2170782907943489</v>
      </c>
      <c r="M302">
        <v>5.9470703383426358</v>
      </c>
      <c r="N302">
        <v>3</v>
      </c>
      <c r="O302">
        <v>1</v>
      </c>
      <c r="P302">
        <v>2</v>
      </c>
      <c r="Q302">
        <v>0.34089725358236611</v>
      </c>
      <c r="R302">
        <v>4.1221950376138752</v>
      </c>
      <c r="S302">
        <v>2</v>
      </c>
      <c r="T302">
        <v>1</v>
      </c>
      <c r="U302">
        <v>1</v>
      </c>
      <c r="V302">
        <v>0.1203728348804772</v>
      </c>
      <c r="W302">
        <v>4.2140152819723324</v>
      </c>
      <c r="X302">
        <v>1</v>
      </c>
      <c r="Y302">
        <v>1</v>
      </c>
      <c r="Z302">
        <v>0</v>
      </c>
      <c r="AA302">
        <v>0</v>
      </c>
      <c r="AB302">
        <v>4.2195077051761087</v>
      </c>
      <c r="AC302">
        <v>1</v>
      </c>
      <c r="AD302">
        <v>1</v>
      </c>
      <c r="AE302">
        <v>0</v>
      </c>
      <c r="AF302">
        <v>0</v>
      </c>
      <c r="AG302">
        <v>4.2046926193909648</v>
      </c>
      <c r="AH302">
        <v>3.8517021746153367E-2</v>
      </c>
      <c r="AI302">
        <v>-6.8934521673773411E-2</v>
      </c>
      <c r="AJ302">
        <v>1.164498335718882E-2</v>
      </c>
      <c r="AK302">
        <v>-0.1051486360060248</v>
      </c>
      <c r="AL302">
        <v>700.04032069513505</v>
      </c>
      <c r="AM302">
        <v>948.59872939038473</v>
      </c>
      <c r="AN302">
        <v>8208</v>
      </c>
      <c r="AO302">
        <v>159.6620573598905</v>
      </c>
      <c r="AP302">
        <v>542.3959877614393</v>
      </c>
      <c r="AQ302">
        <v>1.328571428571429</v>
      </c>
      <c r="AR302">
        <v>3.8</v>
      </c>
      <c r="AS302">
        <v>69</v>
      </c>
      <c r="AT302">
        <v>6.8</v>
      </c>
      <c r="AU302">
        <v>0.10461192350956131</v>
      </c>
      <c r="AV302">
        <v>3.899078140558887E-2</v>
      </c>
      <c r="AW302">
        <v>0.37142857142857139</v>
      </c>
      <c r="AX302">
        <v>91.246376811594203</v>
      </c>
      <c r="AY302">
        <v>70</v>
      </c>
      <c r="AZ302">
        <v>136.25</v>
      </c>
      <c r="BA302">
        <v>0.66642919376620435</v>
      </c>
      <c r="BB302">
        <v>0.48571428571428571</v>
      </c>
      <c r="BC302">
        <v>4.0457021945415557</v>
      </c>
      <c r="BD302" t="s">
        <v>1218</v>
      </c>
      <c r="BE302" t="s">
        <v>68</v>
      </c>
    </row>
    <row r="303" spans="1:57" x14ac:dyDescent="0.3">
      <c r="A303" t="s">
        <v>1219</v>
      </c>
      <c r="B303">
        <v>2768</v>
      </c>
      <c r="C303" t="s">
        <v>1220</v>
      </c>
      <c r="D303" t="s">
        <v>1221</v>
      </c>
      <c r="E303" t="s">
        <v>128</v>
      </c>
      <c r="F303">
        <v>32</v>
      </c>
      <c r="G303">
        <v>94.625</v>
      </c>
      <c r="H303">
        <v>68.5</v>
      </c>
      <c r="I303">
        <v>5320.296875</v>
      </c>
      <c r="J303">
        <v>72.94036519650831</v>
      </c>
      <c r="K303">
        <v>0.88670949812553779</v>
      </c>
      <c r="L303">
        <v>-0.38386073135752419</v>
      </c>
      <c r="M303">
        <v>4.8125</v>
      </c>
      <c r="N303">
        <v>2</v>
      </c>
      <c r="O303">
        <v>1</v>
      </c>
      <c r="P303">
        <v>1</v>
      </c>
      <c r="Q303">
        <v>0.3045434781492361</v>
      </c>
      <c r="R303">
        <v>3.335770806444736</v>
      </c>
      <c r="S303">
        <v>1</v>
      </c>
      <c r="T303">
        <v>1</v>
      </c>
      <c r="U303">
        <v>0</v>
      </c>
      <c r="V303">
        <v>0</v>
      </c>
      <c r="W303">
        <v>3.4339872044851458</v>
      </c>
      <c r="X303">
        <v>1</v>
      </c>
      <c r="Y303">
        <v>1</v>
      </c>
      <c r="Z303">
        <v>0</v>
      </c>
      <c r="AA303">
        <v>0</v>
      </c>
      <c r="AB303">
        <v>3.401197381662155</v>
      </c>
      <c r="AC303">
        <v>1</v>
      </c>
      <c r="AD303">
        <v>1</v>
      </c>
      <c r="AE303">
        <v>0</v>
      </c>
      <c r="AF303">
        <v>0</v>
      </c>
      <c r="AG303">
        <v>3.3672958299864728</v>
      </c>
      <c r="AH303">
        <v>-1.4156612794751231E-3</v>
      </c>
      <c r="AI303">
        <v>-2.9296157991653429E-2</v>
      </c>
      <c r="AJ303">
        <v>-4.7495458870657467E-2</v>
      </c>
      <c r="AK303">
        <v>-1.9589815241748139E-2</v>
      </c>
      <c r="AL303">
        <v>469.73359944913739</v>
      </c>
      <c r="AM303">
        <v>485.92627583673362</v>
      </c>
      <c r="AN303">
        <v>3028</v>
      </c>
      <c r="AO303">
        <v>148.57555929302569</v>
      </c>
      <c r="AP303">
        <v>346.55298455101632</v>
      </c>
      <c r="AQ303">
        <v>1.65625</v>
      </c>
      <c r="AR303">
        <v>4.0625</v>
      </c>
      <c r="AS303">
        <v>32</v>
      </c>
      <c r="AT303">
        <v>2.4375</v>
      </c>
      <c r="AU303">
        <v>0.29546568627450981</v>
      </c>
      <c r="AV303">
        <v>-1.539807106583205E-3</v>
      </c>
      <c r="AW303">
        <v>0.59375</v>
      </c>
      <c r="AX303">
        <v>81.838709677419359</v>
      </c>
      <c r="AY303">
        <v>38</v>
      </c>
      <c r="AZ303">
        <v>85.75</v>
      </c>
      <c r="BA303">
        <v>0.77083609190497548</v>
      </c>
      <c r="BB303">
        <v>0.34375</v>
      </c>
      <c r="BC303">
        <v>3.165672166849038</v>
      </c>
      <c r="BD303" t="s">
        <v>1222</v>
      </c>
      <c r="BE303" t="s">
        <v>62</v>
      </c>
    </row>
    <row r="304" spans="1:57" x14ac:dyDescent="0.3">
      <c r="A304" t="s">
        <v>1223</v>
      </c>
      <c r="B304">
        <v>2171</v>
      </c>
      <c r="C304" t="s">
        <v>1224</v>
      </c>
      <c r="D304" t="s">
        <v>1225</v>
      </c>
      <c r="E304" t="s">
        <v>115</v>
      </c>
      <c r="F304">
        <v>2209</v>
      </c>
      <c r="G304">
        <v>126.43186962426439</v>
      </c>
      <c r="H304">
        <v>125</v>
      </c>
      <c r="I304">
        <v>5537.548210221119</v>
      </c>
      <c r="J304">
        <v>74.414704260791893</v>
      </c>
      <c r="K304">
        <v>4.6229419767484251E-2</v>
      </c>
      <c r="L304">
        <v>-1.208796584143238</v>
      </c>
      <c r="M304">
        <v>7.9112460473837931</v>
      </c>
      <c r="N304">
        <v>16</v>
      </c>
      <c r="O304">
        <v>2</v>
      </c>
      <c r="P304">
        <v>14</v>
      </c>
      <c r="Q304">
        <v>2.8594501586030132</v>
      </c>
      <c r="R304">
        <v>5.4836578924600996</v>
      </c>
      <c r="S304">
        <v>3</v>
      </c>
      <c r="T304">
        <v>1</v>
      </c>
      <c r="U304">
        <v>2</v>
      </c>
      <c r="V304">
        <v>0.13630633465842229</v>
      </c>
      <c r="W304">
        <v>7.6751192514968771</v>
      </c>
      <c r="X304">
        <v>1</v>
      </c>
      <c r="Y304">
        <v>1</v>
      </c>
      <c r="Z304">
        <v>0</v>
      </c>
      <c r="AA304">
        <v>0</v>
      </c>
      <c r="AB304">
        <v>7.6993894062567367</v>
      </c>
      <c r="AC304">
        <v>1</v>
      </c>
      <c r="AD304">
        <v>1</v>
      </c>
      <c r="AE304">
        <v>0</v>
      </c>
      <c r="AF304">
        <v>0</v>
      </c>
      <c r="AG304">
        <v>7.6989361998134473</v>
      </c>
      <c r="AH304">
        <v>4.0477610915418552E-3</v>
      </c>
      <c r="AI304">
        <v>-7.6976303042273729E-3</v>
      </c>
      <c r="AJ304">
        <v>-1.1006311660977651E-2</v>
      </c>
      <c r="AK304">
        <v>2.8548542852727061E-3</v>
      </c>
      <c r="AL304">
        <v>3220.3150995045439</v>
      </c>
      <c r="AM304">
        <v>6096.9597882799781</v>
      </c>
      <c r="AN304">
        <v>279288</v>
      </c>
      <c r="AO304">
        <v>37.252133351982927</v>
      </c>
      <c r="AP304">
        <v>2939.08116864059</v>
      </c>
      <c r="AQ304">
        <v>1.010411951109099</v>
      </c>
      <c r="AR304">
        <v>4.0181077410593016</v>
      </c>
      <c r="AS304">
        <v>2203</v>
      </c>
      <c r="AT304">
        <v>240.68537799909461</v>
      </c>
      <c r="AU304">
        <v>2.0715610825588759E-2</v>
      </c>
      <c r="AV304">
        <v>4.0496051175610004E-3</v>
      </c>
      <c r="AW304">
        <v>0.37709370755998189</v>
      </c>
      <c r="AX304">
        <v>85.812952898550719</v>
      </c>
      <c r="AY304">
        <v>64</v>
      </c>
      <c r="AZ304">
        <v>129</v>
      </c>
      <c r="BA304">
        <v>0.58857552673974278</v>
      </c>
      <c r="BB304">
        <v>0.49162516976007242</v>
      </c>
      <c r="BC304">
        <v>5.2972740991761231</v>
      </c>
      <c r="BD304" t="s">
        <v>1226</v>
      </c>
      <c r="BE304" t="s">
        <v>68</v>
      </c>
    </row>
    <row r="305" spans="1:57" x14ac:dyDescent="0.3">
      <c r="A305" t="s">
        <v>1227</v>
      </c>
      <c r="B305">
        <v>3377</v>
      </c>
      <c r="C305" t="s">
        <v>1228</v>
      </c>
      <c r="D305" t="s">
        <v>1229</v>
      </c>
      <c r="E305" t="s">
        <v>72</v>
      </c>
      <c r="F305">
        <v>3384</v>
      </c>
      <c r="G305">
        <v>126.1279550827423</v>
      </c>
      <c r="H305">
        <v>126</v>
      </c>
      <c r="I305">
        <v>5434.3598095298976</v>
      </c>
      <c r="J305">
        <v>73.718110458217097</v>
      </c>
      <c r="K305">
        <v>1.8363336586886089E-2</v>
      </c>
      <c r="L305">
        <v>-1.2216105741956871</v>
      </c>
      <c r="M305">
        <v>7.943301348399908</v>
      </c>
      <c r="N305">
        <v>24</v>
      </c>
      <c r="O305">
        <v>4</v>
      </c>
      <c r="P305">
        <v>20</v>
      </c>
      <c r="Q305">
        <v>3.6719747326881209</v>
      </c>
      <c r="R305">
        <v>5.5058769339814173</v>
      </c>
      <c r="S305">
        <v>3</v>
      </c>
      <c r="T305">
        <v>1</v>
      </c>
      <c r="U305">
        <v>2</v>
      </c>
      <c r="V305">
        <v>0.16950776475138099</v>
      </c>
      <c r="W305">
        <v>8.090093737762011</v>
      </c>
      <c r="X305">
        <v>2</v>
      </c>
      <c r="Y305">
        <v>1</v>
      </c>
      <c r="Z305">
        <v>1</v>
      </c>
      <c r="AA305">
        <v>1.7195435496892789E-2</v>
      </c>
      <c r="AB305">
        <v>8.1258126257444161</v>
      </c>
      <c r="AC305">
        <v>1</v>
      </c>
      <c r="AD305">
        <v>1</v>
      </c>
      <c r="AE305">
        <v>0</v>
      </c>
      <c r="AF305">
        <v>0</v>
      </c>
      <c r="AG305">
        <v>8.1259268027078857</v>
      </c>
      <c r="AH305">
        <v>-1.72233802283129E-2</v>
      </c>
      <c r="AI305">
        <v>1.4862066322475109E-2</v>
      </c>
      <c r="AJ305">
        <v>-3.3379201473272203E-2</v>
      </c>
      <c r="AK305">
        <v>-5.7117986585068416E-3</v>
      </c>
      <c r="AL305">
        <v>3934.1597863885099</v>
      </c>
      <c r="AM305">
        <v>7532.9818647839256</v>
      </c>
      <c r="AN305">
        <v>426817</v>
      </c>
      <c r="AO305">
        <v>51.696109794917547</v>
      </c>
      <c r="AP305">
        <v>3548.8072210168862</v>
      </c>
      <c r="AQ305">
        <v>1.0067966903073291</v>
      </c>
      <c r="AR305">
        <v>3.9884751773049651</v>
      </c>
      <c r="AS305">
        <v>3373</v>
      </c>
      <c r="AT305">
        <v>261.12529550827418</v>
      </c>
      <c r="AU305">
        <v>1.8498817966903058E-2</v>
      </c>
      <c r="AV305">
        <v>-1.7224981151140881E-2</v>
      </c>
      <c r="AW305">
        <v>0.38031914893617019</v>
      </c>
      <c r="AX305">
        <v>86.173514631983451</v>
      </c>
      <c r="AY305">
        <v>65</v>
      </c>
      <c r="AZ305">
        <v>130</v>
      </c>
      <c r="BA305">
        <v>0.5844708289281042</v>
      </c>
      <c r="BB305">
        <v>0.49645390070921991</v>
      </c>
      <c r="BC305">
        <v>5.3184255127517801</v>
      </c>
      <c r="BD305" t="s">
        <v>1230</v>
      </c>
      <c r="BE305" t="s">
        <v>68</v>
      </c>
    </row>
    <row r="306" spans="1:57" x14ac:dyDescent="0.3">
      <c r="A306" t="s">
        <v>1231</v>
      </c>
      <c r="B306">
        <v>1775</v>
      </c>
      <c r="C306" t="s">
        <v>1232</v>
      </c>
      <c r="D306" t="s">
        <v>1233</v>
      </c>
      <c r="E306" t="s">
        <v>85</v>
      </c>
      <c r="F306">
        <v>8</v>
      </c>
      <c r="G306">
        <v>123.875</v>
      </c>
      <c r="H306">
        <v>148.5</v>
      </c>
      <c r="I306">
        <v>3772.609375</v>
      </c>
      <c r="J306">
        <v>61.421570925856336</v>
      </c>
      <c r="K306">
        <v>-0.47704595230357688</v>
      </c>
      <c r="L306">
        <v>-1.147974033934487</v>
      </c>
      <c r="M306">
        <v>3</v>
      </c>
      <c r="N306">
        <v>1</v>
      </c>
      <c r="O306">
        <v>1</v>
      </c>
      <c r="P306">
        <v>0</v>
      </c>
      <c r="Q306">
        <v>0</v>
      </c>
      <c r="R306">
        <v>2.0794415416798362</v>
      </c>
      <c r="S306">
        <v>1</v>
      </c>
      <c r="T306">
        <v>1</v>
      </c>
      <c r="U306">
        <v>0</v>
      </c>
      <c r="V306">
        <v>0</v>
      </c>
      <c r="W306">
        <v>1.945910149055313</v>
      </c>
      <c r="X306">
        <v>1</v>
      </c>
      <c r="Y306">
        <v>1</v>
      </c>
      <c r="Z306">
        <v>0</v>
      </c>
      <c r="AA306">
        <v>0</v>
      </c>
      <c r="AB306">
        <v>1.791759469228055</v>
      </c>
      <c r="AC306">
        <v>1</v>
      </c>
      <c r="AD306">
        <v>1</v>
      </c>
      <c r="AE306">
        <v>0</v>
      </c>
      <c r="AF306">
        <v>0</v>
      </c>
      <c r="AG306">
        <v>1.6094379124341009</v>
      </c>
      <c r="AH306">
        <v>3.3495963917547119E-4</v>
      </c>
      <c r="AI306">
        <v>-0.39897058153549231</v>
      </c>
      <c r="AJ306">
        <v>0.30113596358621147</v>
      </c>
      <c r="AK306">
        <v>0</v>
      </c>
      <c r="AL306">
        <v>283.70536080229363</v>
      </c>
      <c r="AM306">
        <v>269.1695901323929</v>
      </c>
      <c r="AN306">
        <v>991</v>
      </c>
      <c r="AO306">
        <v>147</v>
      </c>
      <c r="AP306">
        <v>170.24899561390009</v>
      </c>
      <c r="AQ306">
        <v>3.5</v>
      </c>
      <c r="AR306">
        <v>3.875</v>
      </c>
      <c r="AS306">
        <v>8</v>
      </c>
      <c r="AT306">
        <v>0</v>
      </c>
      <c r="AU306">
        <v>0.27982233502538068</v>
      </c>
      <c r="AV306">
        <v>5.166090782171652E-2</v>
      </c>
      <c r="AW306">
        <v>0.25</v>
      </c>
      <c r="AX306">
        <v>62.571428571428569</v>
      </c>
      <c r="AY306">
        <v>45.5</v>
      </c>
      <c r="AZ306">
        <v>95</v>
      </c>
      <c r="BA306">
        <v>0.49583508315524788</v>
      </c>
      <c r="BB306">
        <v>0.625</v>
      </c>
      <c r="BC306">
        <v>1.945910149055313</v>
      </c>
      <c r="BD306" t="s">
        <v>1232</v>
      </c>
      <c r="BE306" t="s">
        <v>68</v>
      </c>
    </row>
    <row r="307" spans="1:57" x14ac:dyDescent="0.3">
      <c r="A307" t="s">
        <v>1234</v>
      </c>
      <c r="B307">
        <v>3945</v>
      </c>
      <c r="C307" t="s">
        <v>1235</v>
      </c>
      <c r="D307" t="s">
        <v>1236</v>
      </c>
      <c r="E307" t="s">
        <v>72</v>
      </c>
      <c r="F307">
        <v>3952</v>
      </c>
      <c r="G307">
        <v>128.4658400809717</v>
      </c>
      <c r="H307">
        <v>130</v>
      </c>
      <c r="I307">
        <v>5566.919379658636</v>
      </c>
      <c r="J307">
        <v>74.611791157019113</v>
      </c>
      <c r="K307">
        <v>-3.6780478943003153E-2</v>
      </c>
      <c r="L307">
        <v>-1.2286559292970409</v>
      </c>
      <c r="M307">
        <v>7.9541909947391432</v>
      </c>
      <c r="N307">
        <v>27</v>
      </c>
      <c r="O307">
        <v>6</v>
      </c>
      <c r="P307">
        <v>21</v>
      </c>
      <c r="Q307">
        <v>3.8633898651313978</v>
      </c>
      <c r="R307">
        <v>5.5134250616387357</v>
      </c>
      <c r="S307">
        <v>3</v>
      </c>
      <c r="T307">
        <v>1</v>
      </c>
      <c r="U307">
        <v>2</v>
      </c>
      <c r="V307">
        <v>0.1758207818375655</v>
      </c>
      <c r="W307">
        <v>8.2411948712661811</v>
      </c>
      <c r="X307">
        <v>2</v>
      </c>
      <c r="Y307">
        <v>1</v>
      </c>
      <c r="Z307">
        <v>1</v>
      </c>
      <c r="AA307">
        <v>1.5911145173365421E-2</v>
      </c>
      <c r="AB307">
        <v>8.2811198972974154</v>
      </c>
      <c r="AC307">
        <v>1</v>
      </c>
      <c r="AD307">
        <v>1</v>
      </c>
      <c r="AE307">
        <v>0</v>
      </c>
      <c r="AF307">
        <v>0</v>
      </c>
      <c r="AG307">
        <v>8.2812176612866466</v>
      </c>
      <c r="AH307">
        <v>1.778301133611538E-2</v>
      </c>
      <c r="AI307">
        <v>6.5282085019992336E-3</v>
      </c>
      <c r="AJ307">
        <v>9.0803488133547137E-3</v>
      </c>
      <c r="AK307">
        <v>-4.9326598487981609E-3</v>
      </c>
      <c r="AL307">
        <v>4281.765445659652</v>
      </c>
      <c r="AM307">
        <v>8299.9199796356461</v>
      </c>
      <c r="AN307">
        <v>507697</v>
      </c>
      <c r="AO307">
        <v>103.327142425418</v>
      </c>
      <c r="AP307">
        <v>3900.6314136991618</v>
      </c>
      <c r="AQ307">
        <v>1.0058198380566801</v>
      </c>
      <c r="AR307">
        <v>4.0012651821862351</v>
      </c>
      <c r="AS307">
        <v>3937</v>
      </c>
      <c r="AT307">
        <v>247.51417004048591</v>
      </c>
      <c r="AU307">
        <v>1.6611097880447789E-2</v>
      </c>
      <c r="AV307">
        <v>1.7789716403853469E-2</v>
      </c>
      <c r="AW307">
        <v>0.35298582995951422</v>
      </c>
      <c r="AX307">
        <v>84.806631232599344</v>
      </c>
      <c r="AY307">
        <v>65</v>
      </c>
      <c r="AZ307">
        <v>130</v>
      </c>
      <c r="BA307">
        <v>0.58079090215727003</v>
      </c>
      <c r="BB307">
        <v>0.50683198380566796</v>
      </c>
      <c r="BC307">
        <v>5.3179680157044196</v>
      </c>
      <c r="BD307" t="s">
        <v>1237</v>
      </c>
      <c r="BE307" t="s">
        <v>62</v>
      </c>
    </row>
    <row r="308" spans="1:57" x14ac:dyDescent="0.3">
      <c r="A308" t="s">
        <v>1238</v>
      </c>
      <c r="B308">
        <v>1263</v>
      </c>
      <c r="C308" t="s">
        <v>1239</v>
      </c>
      <c r="D308" t="s">
        <v>1240</v>
      </c>
      <c r="E308" t="s">
        <v>10622</v>
      </c>
      <c r="F308">
        <v>64</v>
      </c>
      <c r="G308">
        <v>123.375</v>
      </c>
      <c r="H308">
        <v>124.5</v>
      </c>
      <c r="I308">
        <v>5041.921875</v>
      </c>
      <c r="J308">
        <v>71.006491780681571</v>
      </c>
      <c r="K308">
        <v>1.989056208890088E-2</v>
      </c>
      <c r="L308">
        <v>-1.094067159978912</v>
      </c>
      <c r="M308">
        <v>5.8125</v>
      </c>
      <c r="N308">
        <v>2</v>
      </c>
      <c r="O308">
        <v>1</v>
      </c>
      <c r="P308">
        <v>1</v>
      </c>
      <c r="Q308">
        <v>0.3045434781492361</v>
      </c>
      <c r="R308">
        <v>4.0289179870046823</v>
      </c>
      <c r="S308">
        <v>1</v>
      </c>
      <c r="T308">
        <v>1</v>
      </c>
      <c r="U308">
        <v>0</v>
      </c>
      <c r="V308">
        <v>0</v>
      </c>
      <c r="W308">
        <v>4.1431347263915326</v>
      </c>
      <c r="X308">
        <v>1</v>
      </c>
      <c r="Y308">
        <v>1</v>
      </c>
      <c r="Z308">
        <v>0</v>
      </c>
      <c r="AA308">
        <v>0</v>
      </c>
      <c r="AB308">
        <v>4.1271343850450908</v>
      </c>
      <c r="AC308">
        <v>1</v>
      </c>
      <c r="AD308">
        <v>1</v>
      </c>
      <c r="AE308">
        <v>0</v>
      </c>
      <c r="AF308">
        <v>0</v>
      </c>
      <c r="AG308">
        <v>4.1108738641733096</v>
      </c>
      <c r="AH308">
        <v>0.16570631045019421</v>
      </c>
      <c r="AI308">
        <v>-0.14342491315005751</v>
      </c>
      <c r="AJ308">
        <v>-0.18397762858594971</v>
      </c>
      <c r="AK308">
        <v>0.18857390612458669</v>
      </c>
      <c r="AL308">
        <v>622.81660824773326</v>
      </c>
      <c r="AM308">
        <v>953.38946527155917</v>
      </c>
      <c r="AN308">
        <v>7896</v>
      </c>
      <c r="AO308">
        <v>57.36641736105603</v>
      </c>
      <c r="AP308">
        <v>448.27739588052691</v>
      </c>
      <c r="AQ308">
        <v>1.359375</v>
      </c>
      <c r="AR308">
        <v>3.953125</v>
      </c>
      <c r="AS308">
        <v>64</v>
      </c>
      <c r="AT308">
        <v>4.8750000000000009</v>
      </c>
      <c r="AU308">
        <v>8.5629921259842479E-2</v>
      </c>
      <c r="AV308">
        <v>0.16942415768882699</v>
      </c>
      <c r="AW308">
        <v>0.359375</v>
      </c>
      <c r="AX308">
        <v>74.920634920634924</v>
      </c>
      <c r="AY308">
        <v>51</v>
      </c>
      <c r="AZ308">
        <v>103.25</v>
      </c>
      <c r="BA308">
        <v>0.57553387461545347</v>
      </c>
      <c r="BB308">
        <v>0.5</v>
      </c>
      <c r="BC308">
        <v>3.9587918211102049</v>
      </c>
      <c r="BD308" t="s">
        <v>1241</v>
      </c>
      <c r="BE308" t="s">
        <v>62</v>
      </c>
    </row>
    <row r="309" spans="1:57" x14ac:dyDescent="0.3">
      <c r="A309" t="s">
        <v>1242</v>
      </c>
      <c r="B309">
        <v>696</v>
      </c>
      <c r="C309" t="s">
        <v>1243</v>
      </c>
      <c r="D309" t="s">
        <v>1244</v>
      </c>
      <c r="E309" t="s">
        <v>66</v>
      </c>
      <c r="F309">
        <v>72</v>
      </c>
      <c r="G309">
        <v>131.0972222222222</v>
      </c>
      <c r="H309">
        <v>134.5</v>
      </c>
      <c r="I309">
        <v>6341.559992283951</v>
      </c>
      <c r="J309">
        <v>79.63391232561635</v>
      </c>
      <c r="K309">
        <v>-0.17661146100938921</v>
      </c>
      <c r="L309">
        <v>-1.261883656923624</v>
      </c>
      <c r="M309">
        <v>5.8261071194678236</v>
      </c>
      <c r="N309">
        <v>3</v>
      </c>
      <c r="O309">
        <v>1</v>
      </c>
      <c r="P309">
        <v>2</v>
      </c>
      <c r="Q309">
        <v>0.43969686527576402</v>
      </c>
      <c r="R309">
        <v>4.0383497234993424</v>
      </c>
      <c r="S309">
        <v>2</v>
      </c>
      <c r="T309">
        <v>1</v>
      </c>
      <c r="U309">
        <v>1</v>
      </c>
      <c r="V309">
        <v>0.16776575221435111</v>
      </c>
      <c r="W309">
        <v>4.2236293316576567</v>
      </c>
      <c r="X309">
        <v>2</v>
      </c>
      <c r="Y309">
        <v>1</v>
      </c>
      <c r="Z309">
        <v>1</v>
      </c>
      <c r="AA309">
        <v>0.11951030798891769</v>
      </c>
      <c r="AB309">
        <v>4.2286910368905044</v>
      </c>
      <c r="AC309">
        <v>1</v>
      </c>
      <c r="AD309">
        <v>1</v>
      </c>
      <c r="AE309">
        <v>0</v>
      </c>
      <c r="AF309">
        <v>0</v>
      </c>
      <c r="AG309">
        <v>4.2341065045972579</v>
      </c>
      <c r="AH309">
        <v>0.1045597636210191</v>
      </c>
      <c r="AI309">
        <v>0.18718910164689789</v>
      </c>
      <c r="AJ309">
        <v>6.5119987363582099E-2</v>
      </c>
      <c r="AK309">
        <v>-0.2113500049310203</v>
      </c>
      <c r="AL309">
        <v>729.34139598756565</v>
      </c>
      <c r="AM309">
        <v>1077.998204126013</v>
      </c>
      <c r="AN309">
        <v>9439</v>
      </c>
      <c r="AO309">
        <v>36.530421052250041</v>
      </c>
      <c r="AP309">
        <v>524.83009405241273</v>
      </c>
      <c r="AQ309">
        <v>1.319444444444444</v>
      </c>
      <c r="AR309">
        <v>3.9444444444444451</v>
      </c>
      <c r="AS309">
        <v>72</v>
      </c>
      <c r="AT309">
        <v>9.6666666666666661</v>
      </c>
      <c r="AU309">
        <v>8.975625823451916E-2</v>
      </c>
      <c r="AV309">
        <v>0.1066129779850449</v>
      </c>
      <c r="AW309">
        <v>0.34722222222222221</v>
      </c>
      <c r="AX309">
        <v>84.267605633802816</v>
      </c>
      <c r="AY309">
        <v>72.5</v>
      </c>
      <c r="AZ309">
        <v>144.25</v>
      </c>
      <c r="BA309">
        <v>0.60744164503065756</v>
      </c>
      <c r="BB309">
        <v>0.5</v>
      </c>
      <c r="BC309">
        <v>4.0014816398818356</v>
      </c>
      <c r="BD309" t="s">
        <v>1245</v>
      </c>
      <c r="BE309" t="s">
        <v>68</v>
      </c>
    </row>
    <row r="310" spans="1:57" x14ac:dyDescent="0.3">
      <c r="A310" t="s">
        <v>1246</v>
      </c>
      <c r="B310">
        <v>154</v>
      </c>
      <c r="C310" t="s">
        <v>1247</v>
      </c>
      <c r="D310" t="s">
        <v>1248</v>
      </c>
      <c r="E310" t="s">
        <v>60</v>
      </c>
      <c r="F310">
        <v>256</v>
      </c>
      <c r="G310">
        <v>128.29296875</v>
      </c>
      <c r="H310">
        <v>127</v>
      </c>
      <c r="I310">
        <v>5496.6290130615234</v>
      </c>
      <c r="J310">
        <v>74.139254198174427</v>
      </c>
      <c r="K310">
        <v>-8.9019674604813484E-4</v>
      </c>
      <c r="L310">
        <v>-1.2447077487333791</v>
      </c>
      <c r="M310">
        <v>7.186160693198806</v>
      </c>
      <c r="N310">
        <v>4</v>
      </c>
      <c r="O310">
        <v>1</v>
      </c>
      <c r="P310">
        <v>3</v>
      </c>
      <c r="Q310">
        <v>0.76761933613381794</v>
      </c>
      <c r="R310">
        <v>4.9810670235414536</v>
      </c>
      <c r="S310">
        <v>1</v>
      </c>
      <c r="T310">
        <v>1</v>
      </c>
      <c r="U310">
        <v>0</v>
      </c>
      <c r="V310">
        <v>0</v>
      </c>
      <c r="W310">
        <v>5.541263545158424</v>
      </c>
      <c r="X310">
        <v>1</v>
      </c>
      <c r="Y310">
        <v>1</v>
      </c>
      <c r="Z310">
        <v>0</v>
      </c>
      <c r="AA310">
        <v>0</v>
      </c>
      <c r="AB310">
        <v>5.5373342670185366</v>
      </c>
      <c r="AC310">
        <v>1</v>
      </c>
      <c r="AD310">
        <v>1</v>
      </c>
      <c r="AE310">
        <v>0</v>
      </c>
      <c r="AF310">
        <v>0</v>
      </c>
      <c r="AG310">
        <v>5.5333894887275203</v>
      </c>
      <c r="AH310">
        <v>-2.630458542695023E-2</v>
      </c>
      <c r="AI310">
        <v>-1.4967322723987941E-2</v>
      </c>
      <c r="AJ310">
        <v>-4.663091933541523E-2</v>
      </c>
      <c r="AK310">
        <v>8.3311055783892085E-2</v>
      </c>
      <c r="AL310">
        <v>1176.5916320303199</v>
      </c>
      <c r="AM310">
        <v>2058.226209976986</v>
      </c>
      <c r="AN310">
        <v>32843</v>
      </c>
      <c r="AO310">
        <v>27.027041113196201</v>
      </c>
      <c r="AP310">
        <v>966.2738523072851</v>
      </c>
      <c r="AQ310">
        <v>1.08984375</v>
      </c>
      <c r="AR310">
        <v>4.15625</v>
      </c>
      <c r="AS310">
        <v>254</v>
      </c>
      <c r="AT310">
        <v>60.406250000000007</v>
      </c>
      <c r="AU310">
        <v>2.662377450980391E-2</v>
      </c>
      <c r="AV310">
        <v>-2.6464400751775339E-2</v>
      </c>
      <c r="AW310">
        <v>0.3671875</v>
      </c>
      <c r="AX310">
        <v>85.650980392156868</v>
      </c>
      <c r="AY310">
        <v>63.5</v>
      </c>
      <c r="AZ310">
        <v>125.75</v>
      </c>
      <c r="BA310">
        <v>0.57789023763762914</v>
      </c>
      <c r="BB310">
        <v>0.49609375</v>
      </c>
      <c r="BC310">
        <v>4.8497715867102347</v>
      </c>
      <c r="BD310" t="s">
        <v>1249</v>
      </c>
      <c r="BE310" t="s">
        <v>62</v>
      </c>
    </row>
    <row r="311" spans="1:57" x14ac:dyDescent="0.3">
      <c r="A311" t="s">
        <v>1250</v>
      </c>
      <c r="B311">
        <v>1304</v>
      </c>
      <c r="C311" t="s">
        <v>1251</v>
      </c>
      <c r="D311" t="s">
        <v>1252</v>
      </c>
      <c r="E311" t="s">
        <v>72</v>
      </c>
      <c r="F311">
        <v>1312</v>
      </c>
      <c r="G311">
        <v>129.42987804878049</v>
      </c>
      <c r="H311">
        <v>131</v>
      </c>
      <c r="I311">
        <v>5482.9508755948837</v>
      </c>
      <c r="J311">
        <v>74.046950481399861</v>
      </c>
      <c r="K311">
        <v>-1.518767450887446E-2</v>
      </c>
      <c r="L311">
        <v>-1.199313595905017</v>
      </c>
      <c r="M311">
        <v>7.8494277620361457</v>
      </c>
      <c r="N311">
        <v>14</v>
      </c>
      <c r="O311">
        <v>1</v>
      </c>
      <c r="P311">
        <v>13</v>
      </c>
      <c r="Q311">
        <v>2.339458100944444</v>
      </c>
      <c r="R311">
        <v>5.4408087222643298</v>
      </c>
      <c r="S311">
        <v>3</v>
      </c>
      <c r="T311">
        <v>1</v>
      </c>
      <c r="U311">
        <v>2</v>
      </c>
      <c r="V311">
        <v>0.1105425117534173</v>
      </c>
      <c r="W311">
        <v>7.1633423035963126</v>
      </c>
      <c r="X311">
        <v>1</v>
      </c>
      <c r="Y311">
        <v>1</v>
      </c>
      <c r="Z311">
        <v>0</v>
      </c>
      <c r="AA311">
        <v>0</v>
      </c>
      <c r="AB311">
        <v>7.1777824161951962</v>
      </c>
      <c r="AC311">
        <v>1</v>
      </c>
      <c r="AD311">
        <v>1</v>
      </c>
      <c r="AE311">
        <v>0</v>
      </c>
      <c r="AF311">
        <v>0</v>
      </c>
      <c r="AG311">
        <v>7.1770187659099003</v>
      </c>
      <c r="AH311">
        <v>1.3081432318452071E-2</v>
      </c>
      <c r="AI311">
        <v>-1.989969926435688E-3</v>
      </c>
      <c r="AJ311">
        <v>1.346142185549682E-2</v>
      </c>
      <c r="AK311">
        <v>-5.9945522261532269E-5</v>
      </c>
      <c r="AL311">
        <v>2493.8467600973281</v>
      </c>
      <c r="AM311">
        <v>4790.9400264616188</v>
      </c>
      <c r="AN311">
        <v>169812</v>
      </c>
      <c r="AO311">
        <v>102.4258875301788</v>
      </c>
      <c r="AP311">
        <v>2124.3959490173002</v>
      </c>
      <c r="AQ311">
        <v>1.0175304878048781</v>
      </c>
      <c r="AR311">
        <v>4.0609756097560972</v>
      </c>
      <c r="AS311">
        <v>1310</v>
      </c>
      <c r="AT311">
        <v>271.2545731707317</v>
      </c>
      <c r="AU311">
        <v>2.0677905308464809E-2</v>
      </c>
      <c r="AV311">
        <v>1.309467984905311E-2</v>
      </c>
      <c r="AW311">
        <v>0.36814024390243899</v>
      </c>
      <c r="AX311">
        <v>85.316552250190696</v>
      </c>
      <c r="AY311">
        <v>65</v>
      </c>
      <c r="AZ311">
        <v>130</v>
      </c>
      <c r="BA311">
        <v>0.57210090589355644</v>
      </c>
      <c r="BB311">
        <v>0.50685975609756095</v>
      </c>
      <c r="BC311">
        <v>5.2704992784886722</v>
      </c>
      <c r="BD311" t="s">
        <v>1253</v>
      </c>
      <c r="BE311" t="s">
        <v>62</v>
      </c>
    </row>
    <row r="312" spans="1:57" x14ac:dyDescent="0.3">
      <c r="A312" t="s">
        <v>1254</v>
      </c>
      <c r="B312">
        <v>3652</v>
      </c>
      <c r="C312" t="s">
        <v>1255</v>
      </c>
      <c r="D312" t="s">
        <v>1256</v>
      </c>
      <c r="E312" t="s">
        <v>128</v>
      </c>
      <c r="F312">
        <v>32</v>
      </c>
      <c r="G312">
        <v>135.0625</v>
      </c>
      <c r="H312">
        <v>145</v>
      </c>
      <c r="I312">
        <v>6103.24609375</v>
      </c>
      <c r="J312">
        <v>78.123274980955586</v>
      </c>
      <c r="K312">
        <v>-0.17710831981358599</v>
      </c>
      <c r="L312">
        <v>-1.1936886940596241</v>
      </c>
      <c r="M312">
        <v>4.9375</v>
      </c>
      <c r="N312">
        <v>2</v>
      </c>
      <c r="O312">
        <v>1</v>
      </c>
      <c r="P312">
        <v>1</v>
      </c>
      <c r="Q312">
        <v>0.1766846959694085</v>
      </c>
      <c r="R312">
        <v>3.422414204014729</v>
      </c>
      <c r="S312">
        <v>1</v>
      </c>
      <c r="T312">
        <v>1</v>
      </c>
      <c r="U312">
        <v>0</v>
      </c>
      <c r="V312">
        <v>0</v>
      </c>
      <c r="W312">
        <v>3.4339872044851458</v>
      </c>
      <c r="X312">
        <v>1</v>
      </c>
      <c r="Y312">
        <v>1</v>
      </c>
      <c r="Z312">
        <v>0</v>
      </c>
      <c r="AA312">
        <v>0</v>
      </c>
      <c r="AB312">
        <v>3.401197381662155</v>
      </c>
      <c r="AC312">
        <v>1</v>
      </c>
      <c r="AD312">
        <v>1</v>
      </c>
      <c r="AE312">
        <v>0</v>
      </c>
      <c r="AF312">
        <v>0</v>
      </c>
      <c r="AG312">
        <v>3.3672958299864728</v>
      </c>
      <c r="AH312">
        <v>-0.30494852652693138</v>
      </c>
      <c r="AI312">
        <v>0.17100239146560711</v>
      </c>
      <c r="AJ312">
        <v>0.20467613849827609</v>
      </c>
      <c r="AK312">
        <v>0.20860645206092299</v>
      </c>
      <c r="AL312">
        <v>507.23351963682882</v>
      </c>
      <c r="AM312">
        <v>722.32828863116993</v>
      </c>
      <c r="AN312">
        <v>4322</v>
      </c>
      <c r="AO312">
        <v>71.38156103437754</v>
      </c>
      <c r="AP312">
        <v>344.05916193466601</v>
      </c>
      <c r="AQ312">
        <v>1.71875</v>
      </c>
      <c r="AR312">
        <v>4.28125</v>
      </c>
      <c r="AS312">
        <v>32</v>
      </c>
      <c r="AT312">
        <v>0.93749999999999978</v>
      </c>
      <c r="AU312">
        <v>9.9754901960784292E-2</v>
      </c>
      <c r="AV312">
        <v>-0.31122999477767588</v>
      </c>
      <c r="AW312">
        <v>0.28125</v>
      </c>
      <c r="AX312">
        <v>113.1612903225806</v>
      </c>
      <c r="AY312">
        <v>68</v>
      </c>
      <c r="AZ312">
        <v>138.5</v>
      </c>
      <c r="BA312">
        <v>0.57842313729536754</v>
      </c>
      <c r="BB312">
        <v>0.5625</v>
      </c>
      <c r="BC312">
        <v>3.2998296856670919</v>
      </c>
      <c r="BD312" t="s">
        <v>1257</v>
      </c>
      <c r="BE312" t="s">
        <v>62</v>
      </c>
    </row>
    <row r="313" spans="1:57" x14ac:dyDescent="0.3">
      <c r="A313" t="s">
        <v>1258</v>
      </c>
      <c r="B313">
        <v>3862</v>
      </c>
      <c r="C313" t="s">
        <v>1259</v>
      </c>
      <c r="D313" t="s">
        <v>1260</v>
      </c>
      <c r="E313" t="s">
        <v>106</v>
      </c>
      <c r="F313">
        <v>3920</v>
      </c>
      <c r="G313">
        <v>125.977806122449</v>
      </c>
      <c r="H313">
        <v>123</v>
      </c>
      <c r="I313">
        <v>5245.7273135542482</v>
      </c>
      <c r="J313">
        <v>72.427393391963577</v>
      </c>
      <c r="K313">
        <v>6.5416765082448758E-2</v>
      </c>
      <c r="L313">
        <v>-1.1561623836139101</v>
      </c>
      <c r="M313">
        <v>7.9499605800160538</v>
      </c>
      <c r="N313">
        <v>28</v>
      </c>
      <c r="O313">
        <v>4</v>
      </c>
      <c r="P313">
        <v>24</v>
      </c>
      <c r="Q313">
        <v>4.0354871143394817</v>
      </c>
      <c r="R313">
        <v>5.5104927616008279</v>
      </c>
      <c r="S313">
        <v>3</v>
      </c>
      <c r="T313">
        <v>1</v>
      </c>
      <c r="U313">
        <v>2</v>
      </c>
      <c r="V313">
        <v>0.1828734905873467</v>
      </c>
      <c r="W313">
        <v>8.2289741560533507</v>
      </c>
      <c r="X313">
        <v>1</v>
      </c>
      <c r="Y313">
        <v>1</v>
      </c>
      <c r="Z313">
        <v>0</v>
      </c>
      <c r="AA313">
        <v>0</v>
      </c>
      <c r="AB313">
        <v>8.2733365985044838</v>
      </c>
      <c r="AC313">
        <v>1</v>
      </c>
      <c r="AD313">
        <v>1</v>
      </c>
      <c r="AE313">
        <v>0</v>
      </c>
      <c r="AF313">
        <v>0</v>
      </c>
      <c r="AG313">
        <v>8.2730813336658287</v>
      </c>
      <c r="AH313">
        <v>-1.023115879219939E-2</v>
      </c>
      <c r="AI313">
        <v>2.3406534307184632E-2</v>
      </c>
      <c r="AJ313">
        <v>1.1202205035846621E-2</v>
      </c>
      <c r="AK313">
        <v>1.7085871879449831E-3</v>
      </c>
      <c r="AL313">
        <v>4146.6438966315591</v>
      </c>
      <c r="AM313">
        <v>8098.1845739973251</v>
      </c>
      <c r="AN313">
        <v>493833</v>
      </c>
      <c r="AO313">
        <v>123.0115532653563</v>
      </c>
      <c r="AP313">
        <v>3797.5077513510169</v>
      </c>
      <c r="AQ313">
        <v>1.005867346938776</v>
      </c>
      <c r="AR313">
        <v>3.9849489795918371</v>
      </c>
      <c r="AS313">
        <v>3904</v>
      </c>
      <c r="AT313">
        <v>272.26122448979589</v>
      </c>
      <c r="AU313">
        <v>2.3614445778311399E-2</v>
      </c>
      <c r="AV313">
        <v>-1.023671816254026E-2</v>
      </c>
      <c r="AW313">
        <v>0.39821428571428569</v>
      </c>
      <c r="AX313">
        <v>83.835672365399333</v>
      </c>
      <c r="AY313">
        <v>61</v>
      </c>
      <c r="AZ313">
        <v>122</v>
      </c>
      <c r="BA313">
        <v>0.57492185029452714</v>
      </c>
      <c r="BB313">
        <v>0.48877551020408161</v>
      </c>
      <c r="BC313">
        <v>5.3019830998223618</v>
      </c>
      <c r="BD313" t="s">
        <v>1261</v>
      </c>
      <c r="BE313" t="s">
        <v>62</v>
      </c>
    </row>
    <row r="314" spans="1:57" x14ac:dyDescent="0.3">
      <c r="A314" t="s">
        <v>1262</v>
      </c>
      <c r="B314">
        <v>158</v>
      </c>
      <c r="C314" t="s">
        <v>1263</v>
      </c>
      <c r="D314" t="s">
        <v>1264</v>
      </c>
      <c r="E314" t="s">
        <v>60</v>
      </c>
      <c r="F314">
        <v>256</v>
      </c>
      <c r="G314">
        <v>133.63671875</v>
      </c>
      <c r="H314">
        <v>138</v>
      </c>
      <c r="I314">
        <v>5757.7234954833984</v>
      </c>
      <c r="J314">
        <v>75.8796645715003</v>
      </c>
      <c r="K314">
        <v>-7.7188804585225021E-2</v>
      </c>
      <c r="L314">
        <v>-1.239531512852585</v>
      </c>
      <c r="M314">
        <v>7.1716704356029197</v>
      </c>
      <c r="N314">
        <v>6</v>
      </c>
      <c r="O314">
        <v>1</v>
      </c>
      <c r="P314">
        <v>5</v>
      </c>
      <c r="Q314">
        <v>0.8778793874543992</v>
      </c>
      <c r="R314">
        <v>4.9710231423432791</v>
      </c>
      <c r="S314">
        <v>2</v>
      </c>
      <c r="T314">
        <v>1</v>
      </c>
      <c r="U314">
        <v>1</v>
      </c>
      <c r="V314">
        <v>6.2621943781838052E-2</v>
      </c>
      <c r="W314">
        <v>5.5358270966834446</v>
      </c>
      <c r="X314">
        <v>1</v>
      </c>
      <c r="Y314">
        <v>1</v>
      </c>
      <c r="Z314">
        <v>0</v>
      </c>
      <c r="AA314">
        <v>0</v>
      </c>
      <c r="AB314">
        <v>5.5373342670185366</v>
      </c>
      <c r="AC314">
        <v>1</v>
      </c>
      <c r="AD314">
        <v>1</v>
      </c>
      <c r="AE314">
        <v>0</v>
      </c>
      <c r="AF314">
        <v>0</v>
      </c>
      <c r="AG314">
        <v>5.5333894887275203</v>
      </c>
      <c r="AH314">
        <v>8.7542621191679632E-2</v>
      </c>
      <c r="AI314">
        <v>3.8733318566439898E-2</v>
      </c>
      <c r="AJ314">
        <v>4.4830458600862259E-2</v>
      </c>
      <c r="AK314">
        <v>0.1014079928692649</v>
      </c>
      <c r="AL314">
        <v>1206.442780699595</v>
      </c>
      <c r="AM314">
        <v>2142.5029327629468</v>
      </c>
      <c r="AN314">
        <v>34211</v>
      </c>
      <c r="AO314">
        <v>35.840469131073903</v>
      </c>
      <c r="AP314">
        <v>977.04817368540444</v>
      </c>
      <c r="AQ314">
        <v>1.08984375</v>
      </c>
      <c r="AR314">
        <v>4.01171875</v>
      </c>
      <c r="AS314">
        <v>256</v>
      </c>
      <c r="AT314">
        <v>80.96875</v>
      </c>
      <c r="AU314">
        <v>4.9157475490196112E-2</v>
      </c>
      <c r="AV314">
        <v>8.7589381234067121E-2</v>
      </c>
      <c r="AW314">
        <v>0.34765625</v>
      </c>
      <c r="AX314">
        <v>83.235294117647058</v>
      </c>
      <c r="AY314">
        <v>66</v>
      </c>
      <c r="AZ314">
        <v>132</v>
      </c>
      <c r="BA314">
        <v>0.56780550496343507</v>
      </c>
      <c r="BB314">
        <v>0.515625</v>
      </c>
      <c r="BC314">
        <v>4.7982734256894179</v>
      </c>
      <c r="BD314" t="s">
        <v>1265</v>
      </c>
      <c r="BE314" t="s">
        <v>62</v>
      </c>
    </row>
    <row r="315" spans="1:57" x14ac:dyDescent="0.3">
      <c r="A315" t="s">
        <v>1266</v>
      </c>
      <c r="B315">
        <v>1816</v>
      </c>
      <c r="C315" t="s">
        <v>1267</v>
      </c>
      <c r="D315" t="s">
        <v>1268</v>
      </c>
      <c r="E315" t="s">
        <v>93</v>
      </c>
      <c r="F315">
        <v>1832</v>
      </c>
      <c r="G315">
        <v>129.3564410480349</v>
      </c>
      <c r="H315">
        <v>129</v>
      </c>
      <c r="I315">
        <v>5618.5154170281839</v>
      </c>
      <c r="J315">
        <v>74.95675698046297</v>
      </c>
      <c r="K315">
        <v>2.3548732336650942E-3</v>
      </c>
      <c r="L315">
        <v>-1.218129446469691</v>
      </c>
      <c r="M315">
        <v>7.8977909385024816</v>
      </c>
      <c r="N315">
        <v>17</v>
      </c>
      <c r="O315">
        <v>1</v>
      </c>
      <c r="P315">
        <v>16</v>
      </c>
      <c r="Q315">
        <v>2.6749342865760268</v>
      </c>
      <c r="R315">
        <v>5.4743315216748973</v>
      </c>
      <c r="S315">
        <v>2</v>
      </c>
      <c r="T315">
        <v>1</v>
      </c>
      <c r="U315">
        <v>1</v>
      </c>
      <c r="V315">
        <v>0.1236466822496282</v>
      </c>
      <c r="W315">
        <v>7.4914180678250499</v>
      </c>
      <c r="X315">
        <v>1</v>
      </c>
      <c r="Y315">
        <v>1</v>
      </c>
      <c r="Z315">
        <v>0</v>
      </c>
      <c r="AA315">
        <v>0</v>
      </c>
      <c r="AB315">
        <v>7.5120712458354681</v>
      </c>
      <c r="AC315">
        <v>1</v>
      </c>
      <c r="AD315">
        <v>1</v>
      </c>
      <c r="AE315">
        <v>0</v>
      </c>
      <c r="AF315">
        <v>0</v>
      </c>
      <c r="AG315">
        <v>7.5115246483908669</v>
      </c>
      <c r="AH315">
        <v>-1.222839386753094E-2</v>
      </c>
      <c r="AI315">
        <v>2.1054772395199739E-3</v>
      </c>
      <c r="AJ315">
        <v>-3.0410486805650921E-2</v>
      </c>
      <c r="AK315">
        <v>8.4347786900509057E-3</v>
      </c>
      <c r="AL315">
        <v>2982.3830735210499</v>
      </c>
      <c r="AM315">
        <v>5661.5837186051676</v>
      </c>
      <c r="AN315">
        <v>236981</v>
      </c>
      <c r="AO315">
        <v>22.999999999999549</v>
      </c>
      <c r="AP315">
        <v>2719.2804618338851</v>
      </c>
      <c r="AQ315">
        <v>1.0125545851528379</v>
      </c>
      <c r="AR315">
        <v>4.0655021834061138</v>
      </c>
      <c r="AS315">
        <v>1829</v>
      </c>
      <c r="AT315">
        <v>255.96506550218339</v>
      </c>
      <c r="AU315">
        <v>2.2895795872934329E-2</v>
      </c>
      <c r="AV315">
        <v>-1.2229216394856451E-2</v>
      </c>
      <c r="AW315">
        <v>0.36353711790393012</v>
      </c>
      <c r="AX315">
        <v>87.303113052976514</v>
      </c>
      <c r="AY315">
        <v>65.5</v>
      </c>
      <c r="AZ315">
        <v>131</v>
      </c>
      <c r="BA315">
        <v>0.57945902324746779</v>
      </c>
      <c r="BB315">
        <v>0.49836244541484709</v>
      </c>
      <c r="BC315">
        <v>5.300601825276571</v>
      </c>
      <c r="BD315" t="s">
        <v>1269</v>
      </c>
      <c r="BE315" t="s">
        <v>68</v>
      </c>
    </row>
    <row r="316" spans="1:57" x14ac:dyDescent="0.3">
      <c r="A316" t="s">
        <v>1270</v>
      </c>
      <c r="B316">
        <v>3764</v>
      </c>
      <c r="C316" t="s">
        <v>1271</v>
      </c>
      <c r="D316" t="s">
        <v>1272</v>
      </c>
      <c r="E316" t="s">
        <v>10622</v>
      </c>
      <c r="F316">
        <v>64</v>
      </c>
      <c r="G316">
        <v>126.484375</v>
      </c>
      <c r="H316">
        <v>124</v>
      </c>
      <c r="I316">
        <v>4998.999755859375</v>
      </c>
      <c r="J316">
        <v>70.703604970746539</v>
      </c>
      <c r="K316">
        <v>-0.1003785264130075</v>
      </c>
      <c r="L316">
        <v>-1.1471391855904149</v>
      </c>
      <c r="M316">
        <v>5.78125</v>
      </c>
      <c r="N316">
        <v>2</v>
      </c>
      <c r="O316">
        <v>1</v>
      </c>
      <c r="P316">
        <v>1</v>
      </c>
      <c r="Q316">
        <v>0.32821556024332821</v>
      </c>
      <c r="R316">
        <v>4.0072571376121839</v>
      </c>
      <c r="S316">
        <v>1</v>
      </c>
      <c r="T316">
        <v>1</v>
      </c>
      <c r="U316">
        <v>0</v>
      </c>
      <c r="V316">
        <v>0</v>
      </c>
      <c r="W316">
        <v>4.1431347263915326</v>
      </c>
      <c r="X316">
        <v>1</v>
      </c>
      <c r="Y316">
        <v>1</v>
      </c>
      <c r="Z316">
        <v>0</v>
      </c>
      <c r="AA316">
        <v>0</v>
      </c>
      <c r="AB316">
        <v>4.1271343850450908</v>
      </c>
      <c r="AC316">
        <v>1</v>
      </c>
      <c r="AD316">
        <v>1</v>
      </c>
      <c r="AE316">
        <v>0</v>
      </c>
      <c r="AF316">
        <v>0</v>
      </c>
      <c r="AG316">
        <v>4.1108738641733096</v>
      </c>
      <c r="AH316">
        <v>-6.7041097802866129E-2</v>
      </c>
      <c r="AI316">
        <v>-5.5310968764112622E-2</v>
      </c>
      <c r="AJ316">
        <v>9.2002385529712655E-2</v>
      </c>
      <c r="AK316">
        <v>4.098343519941465E-2</v>
      </c>
      <c r="AL316">
        <v>628.46769353987565</v>
      </c>
      <c r="AM316">
        <v>974.09206863451504</v>
      </c>
      <c r="AN316">
        <v>8095</v>
      </c>
      <c r="AO316">
        <v>77.850376272734849</v>
      </c>
      <c r="AP316">
        <v>500.62068802205982</v>
      </c>
      <c r="AQ316">
        <v>1.359375</v>
      </c>
      <c r="AR316">
        <v>3.9375</v>
      </c>
      <c r="AS316">
        <v>64</v>
      </c>
      <c r="AT316">
        <v>5.46875</v>
      </c>
      <c r="AU316">
        <v>7.9977766798418948E-2</v>
      </c>
      <c r="AV316">
        <v>-6.7346143146798917E-2</v>
      </c>
      <c r="AW316">
        <v>0.375</v>
      </c>
      <c r="AX316">
        <v>87.158730158730165</v>
      </c>
      <c r="AY316">
        <v>61.5</v>
      </c>
      <c r="AZ316">
        <v>114.25</v>
      </c>
      <c r="BA316">
        <v>0.55899082373412956</v>
      </c>
      <c r="BB316">
        <v>0.5</v>
      </c>
      <c r="BC316">
        <v>3.9367871487114772</v>
      </c>
      <c r="BD316" t="s">
        <v>1273</v>
      </c>
      <c r="BE316" t="s">
        <v>62</v>
      </c>
    </row>
    <row r="317" spans="1:57" x14ac:dyDescent="0.3">
      <c r="A317" t="s">
        <v>1274</v>
      </c>
      <c r="B317">
        <v>2888</v>
      </c>
      <c r="C317" t="s">
        <v>1275</v>
      </c>
      <c r="D317" t="s">
        <v>1276</v>
      </c>
      <c r="E317" t="s">
        <v>98</v>
      </c>
      <c r="F317">
        <v>16</v>
      </c>
      <c r="G317">
        <v>132.9375</v>
      </c>
      <c r="H317">
        <v>104.5</v>
      </c>
      <c r="I317">
        <v>4765.05859375</v>
      </c>
      <c r="J317">
        <v>69.029403834525468</v>
      </c>
      <c r="K317">
        <v>0.27697419074223101</v>
      </c>
      <c r="L317">
        <v>-1.3880114394130101</v>
      </c>
      <c r="M317">
        <v>3.875</v>
      </c>
      <c r="N317">
        <v>2</v>
      </c>
      <c r="O317">
        <v>1</v>
      </c>
      <c r="P317">
        <v>1</v>
      </c>
      <c r="Q317">
        <v>0.24944382578492949</v>
      </c>
      <c r="R317">
        <v>2.6859453246697882</v>
      </c>
      <c r="S317">
        <v>1</v>
      </c>
      <c r="T317">
        <v>1</v>
      </c>
      <c r="U317">
        <v>0</v>
      </c>
      <c r="V317">
        <v>0</v>
      </c>
      <c r="W317">
        <v>2.7080502011022101</v>
      </c>
      <c r="X317">
        <v>1</v>
      </c>
      <c r="Y317">
        <v>1</v>
      </c>
      <c r="Z317">
        <v>0</v>
      </c>
      <c r="AA317">
        <v>0</v>
      </c>
      <c r="AB317">
        <v>2.639057329615258</v>
      </c>
      <c r="AC317">
        <v>1</v>
      </c>
      <c r="AD317">
        <v>1</v>
      </c>
      <c r="AE317">
        <v>0</v>
      </c>
      <c r="AF317">
        <v>0</v>
      </c>
      <c r="AG317">
        <v>2.5649493574615372</v>
      </c>
      <c r="AH317">
        <v>9.961588672424182E-2</v>
      </c>
      <c r="AI317">
        <v>-0.33386929184206321</v>
      </c>
      <c r="AJ317">
        <v>-6.1961718810842267E-2</v>
      </c>
      <c r="AK317">
        <v>-0.12642209524902551</v>
      </c>
      <c r="AL317">
        <v>382.37806018180822</v>
      </c>
      <c r="AM317">
        <v>461.28734980660101</v>
      </c>
      <c r="AN317">
        <v>2127</v>
      </c>
      <c r="AO317">
        <v>90.174498991120259</v>
      </c>
      <c r="AP317">
        <v>249.20339743454269</v>
      </c>
      <c r="AQ317">
        <v>2.25</v>
      </c>
      <c r="AR317">
        <v>3.6875</v>
      </c>
      <c r="AS317">
        <v>16</v>
      </c>
      <c r="AT317">
        <v>0.87499999999999989</v>
      </c>
      <c r="AU317">
        <v>0.23749999999999999</v>
      </c>
      <c r="AV317">
        <v>0.1010416841659996</v>
      </c>
      <c r="AW317">
        <v>0.5625</v>
      </c>
      <c r="AX317">
        <v>78.13333333333334</v>
      </c>
      <c r="AY317">
        <v>54</v>
      </c>
      <c r="AZ317">
        <v>116</v>
      </c>
      <c r="BA317">
        <v>0.51926208808293728</v>
      </c>
      <c r="BB317">
        <v>0.4375</v>
      </c>
      <c r="BC317">
        <v>2.7080502011022101</v>
      </c>
      <c r="BD317" t="s">
        <v>1275</v>
      </c>
      <c r="BE317" t="s">
        <v>62</v>
      </c>
    </row>
    <row r="318" spans="1:57" x14ac:dyDescent="0.3">
      <c r="A318" t="s">
        <v>1277</v>
      </c>
      <c r="B318">
        <v>696</v>
      </c>
      <c r="C318" t="s">
        <v>1278</v>
      </c>
      <c r="D318" t="s">
        <v>1279</v>
      </c>
      <c r="E318" t="s">
        <v>98</v>
      </c>
      <c r="F318">
        <v>16</v>
      </c>
      <c r="G318">
        <v>116.8125</v>
      </c>
      <c r="H318">
        <v>106.5</v>
      </c>
      <c r="I318">
        <v>5038.40234375</v>
      </c>
      <c r="J318">
        <v>70.981704288851788</v>
      </c>
      <c r="K318">
        <v>0.42718849671674591</v>
      </c>
      <c r="L318">
        <v>-0.89884155525095055</v>
      </c>
      <c r="M318">
        <v>4</v>
      </c>
      <c r="N318">
        <v>1</v>
      </c>
      <c r="O318">
        <v>1</v>
      </c>
      <c r="P318">
        <v>0</v>
      </c>
      <c r="Q318">
        <v>0</v>
      </c>
      <c r="R318">
        <v>2.7725887222397811</v>
      </c>
      <c r="S318">
        <v>1</v>
      </c>
      <c r="T318">
        <v>1</v>
      </c>
      <c r="U318">
        <v>0</v>
      </c>
      <c r="V318">
        <v>0</v>
      </c>
      <c r="W318">
        <v>2.7080502011022101</v>
      </c>
      <c r="X318">
        <v>1</v>
      </c>
      <c r="Y318">
        <v>1</v>
      </c>
      <c r="Z318">
        <v>0</v>
      </c>
      <c r="AA318">
        <v>0</v>
      </c>
      <c r="AB318">
        <v>2.639057329615258</v>
      </c>
      <c r="AC318">
        <v>1</v>
      </c>
      <c r="AD318">
        <v>1</v>
      </c>
      <c r="AE318">
        <v>0</v>
      </c>
      <c r="AF318">
        <v>0</v>
      </c>
      <c r="AG318">
        <v>2.5649493574615372</v>
      </c>
      <c r="AH318">
        <v>-0.1625163005851154</v>
      </c>
      <c r="AI318">
        <v>-0.26070246799774538</v>
      </c>
      <c r="AJ318">
        <v>-0.15203062455468969</v>
      </c>
      <c r="AK318">
        <v>-2.9339211881246462E-2</v>
      </c>
      <c r="AL318">
        <v>383.04866219051661</v>
      </c>
      <c r="AM318">
        <v>390.14192596291878</v>
      </c>
      <c r="AN318">
        <v>1869</v>
      </c>
      <c r="AO318">
        <v>155.09886501626229</v>
      </c>
      <c r="AP318">
        <v>301.52446003599778</v>
      </c>
      <c r="AQ318">
        <v>2.25</v>
      </c>
      <c r="AR318">
        <v>4.125</v>
      </c>
      <c r="AS318">
        <v>16</v>
      </c>
      <c r="AT318">
        <v>0</v>
      </c>
      <c r="AU318">
        <v>0.21715686274509799</v>
      </c>
      <c r="AV318">
        <v>-0.16951905702449521</v>
      </c>
      <c r="AW318">
        <v>0.5625</v>
      </c>
      <c r="AX318">
        <v>91.266666666666666</v>
      </c>
      <c r="AY318">
        <v>56</v>
      </c>
      <c r="AZ318">
        <v>108.25</v>
      </c>
      <c r="BA318">
        <v>0.60765503939091958</v>
      </c>
      <c r="BB318">
        <v>0.4375</v>
      </c>
      <c r="BC318">
        <v>2.615630577027551</v>
      </c>
      <c r="BD318" t="s">
        <v>1278</v>
      </c>
      <c r="BE318" t="s">
        <v>62</v>
      </c>
    </row>
    <row r="319" spans="1:57" x14ac:dyDescent="0.3">
      <c r="A319" t="s">
        <v>1280</v>
      </c>
      <c r="B319">
        <v>2232</v>
      </c>
      <c r="C319" t="s">
        <v>1281</v>
      </c>
      <c r="D319" t="s">
        <v>1282</v>
      </c>
      <c r="E319" t="s">
        <v>115</v>
      </c>
      <c r="F319">
        <v>2316</v>
      </c>
      <c r="G319">
        <v>128.3065630397237</v>
      </c>
      <c r="H319">
        <v>128.5</v>
      </c>
      <c r="I319">
        <v>5488.8265717797049</v>
      </c>
      <c r="J319">
        <v>74.086615334888293</v>
      </c>
      <c r="K319">
        <v>-1.9581790379050772E-2</v>
      </c>
      <c r="L319">
        <v>-1.2023575161469631</v>
      </c>
      <c r="M319">
        <v>7.9345635859127581</v>
      </c>
      <c r="N319">
        <v>19</v>
      </c>
      <c r="O319">
        <v>2</v>
      </c>
      <c r="P319">
        <v>17</v>
      </c>
      <c r="Q319">
        <v>2.706645106838907</v>
      </c>
      <c r="R319">
        <v>5.4998203785490443</v>
      </c>
      <c r="S319">
        <v>2</v>
      </c>
      <c r="T319">
        <v>1</v>
      </c>
      <c r="U319">
        <v>1</v>
      </c>
      <c r="V319">
        <v>0.1211757480600619</v>
      </c>
      <c r="W319">
        <v>7.726804703765227</v>
      </c>
      <c r="X319">
        <v>1</v>
      </c>
      <c r="Y319">
        <v>1</v>
      </c>
      <c r="Z319">
        <v>0</v>
      </c>
      <c r="AA319">
        <v>0</v>
      </c>
      <c r="AB319">
        <v>7.7467329077536231</v>
      </c>
      <c r="AC319">
        <v>1</v>
      </c>
      <c r="AD319">
        <v>1</v>
      </c>
      <c r="AE319">
        <v>0</v>
      </c>
      <c r="AF319">
        <v>0</v>
      </c>
      <c r="AG319">
        <v>7.7463006622314401</v>
      </c>
      <c r="AH319">
        <v>-6.0044395366113954E-3</v>
      </c>
      <c r="AI319">
        <v>1.9686851469134879E-2</v>
      </c>
      <c r="AJ319">
        <v>3.7710785425917278E-3</v>
      </c>
      <c r="AK319">
        <v>-3.6720095630742521E-3</v>
      </c>
      <c r="AL319">
        <v>3296.4951671247381</v>
      </c>
      <c r="AM319">
        <v>6322.3859114359066</v>
      </c>
      <c r="AN319">
        <v>297158</v>
      </c>
      <c r="AO319">
        <v>143.65742129115421</v>
      </c>
      <c r="AP319">
        <v>2983.408055168416</v>
      </c>
      <c r="AQ319">
        <v>1.0099309153713301</v>
      </c>
      <c r="AR319">
        <v>3.9676165803108812</v>
      </c>
      <c r="AS319">
        <v>2301</v>
      </c>
      <c r="AT319">
        <v>207.30224525043181</v>
      </c>
      <c r="AU319">
        <v>1.332418977953875E-2</v>
      </c>
      <c r="AV319">
        <v>-6.0075576089792778E-3</v>
      </c>
      <c r="AW319">
        <v>0.36917098445595847</v>
      </c>
      <c r="AX319">
        <v>86.267818574514038</v>
      </c>
      <c r="AY319">
        <v>64.5</v>
      </c>
      <c r="AZ319">
        <v>129</v>
      </c>
      <c r="BA319">
        <v>0.57741875068347903</v>
      </c>
      <c r="BB319">
        <v>0.5</v>
      </c>
      <c r="BC319">
        <v>5.3019141364272526</v>
      </c>
      <c r="BD319" t="s">
        <v>1283</v>
      </c>
      <c r="BE319" t="s">
        <v>68</v>
      </c>
    </row>
    <row r="320" spans="1:57" x14ac:dyDescent="0.3">
      <c r="A320" t="s">
        <v>1284</v>
      </c>
      <c r="B320">
        <v>654</v>
      </c>
      <c r="C320" t="s">
        <v>1285</v>
      </c>
      <c r="D320" t="s">
        <v>1286</v>
      </c>
      <c r="E320" t="s">
        <v>128</v>
      </c>
      <c r="F320">
        <v>32</v>
      </c>
      <c r="G320">
        <v>141.09375</v>
      </c>
      <c r="H320">
        <v>152.5</v>
      </c>
      <c r="I320">
        <v>4035.3349609375</v>
      </c>
      <c r="J320">
        <v>63.524286386684423</v>
      </c>
      <c r="K320">
        <v>-0.70172783357915813</v>
      </c>
      <c r="L320">
        <v>-0.25090888402649009</v>
      </c>
      <c r="M320">
        <v>4.8125</v>
      </c>
      <c r="N320">
        <v>2</v>
      </c>
      <c r="O320">
        <v>1</v>
      </c>
      <c r="P320">
        <v>1</v>
      </c>
      <c r="Q320">
        <v>0.3045434781492361</v>
      </c>
      <c r="R320">
        <v>3.335770806444736</v>
      </c>
      <c r="S320">
        <v>1</v>
      </c>
      <c r="T320">
        <v>1</v>
      </c>
      <c r="U320">
        <v>0</v>
      </c>
      <c r="V320">
        <v>0</v>
      </c>
      <c r="W320">
        <v>3.4339872044851458</v>
      </c>
      <c r="X320">
        <v>1</v>
      </c>
      <c r="Y320">
        <v>1</v>
      </c>
      <c r="Z320">
        <v>0</v>
      </c>
      <c r="AA320">
        <v>0</v>
      </c>
      <c r="AB320">
        <v>3.401197381662155</v>
      </c>
      <c r="AC320">
        <v>1</v>
      </c>
      <c r="AD320">
        <v>1</v>
      </c>
      <c r="AE320">
        <v>0</v>
      </c>
      <c r="AF320">
        <v>0</v>
      </c>
      <c r="AG320">
        <v>3.3672958299864728</v>
      </c>
      <c r="AH320">
        <v>1.3843704102649859E-2</v>
      </c>
      <c r="AI320">
        <v>-0.37568848293988921</v>
      </c>
      <c r="AJ320">
        <v>-0.27965857423303858</v>
      </c>
      <c r="AK320">
        <v>-0.23838992912462981</v>
      </c>
      <c r="AL320">
        <v>421.82254983847582</v>
      </c>
      <c r="AM320">
        <v>766.96462529100165</v>
      </c>
      <c r="AN320">
        <v>4515</v>
      </c>
      <c r="AO320">
        <v>120.3726827201294</v>
      </c>
      <c r="AP320">
        <v>207.20622204840959</v>
      </c>
      <c r="AQ320">
        <v>1.71875</v>
      </c>
      <c r="AR320">
        <v>3.84375</v>
      </c>
      <c r="AS320">
        <v>31</v>
      </c>
      <c r="AT320">
        <v>2.4375</v>
      </c>
      <c r="AU320">
        <v>0.22462606837606841</v>
      </c>
      <c r="AV320">
        <v>1.319476853038754E-2</v>
      </c>
      <c r="AW320">
        <v>0.25</v>
      </c>
      <c r="AX320">
        <v>67.354838709677423</v>
      </c>
      <c r="AY320">
        <v>41.5</v>
      </c>
      <c r="AZ320">
        <v>74.25</v>
      </c>
      <c r="BA320">
        <v>0.45022750041503912</v>
      </c>
      <c r="BB320">
        <v>0.59375</v>
      </c>
      <c r="BC320">
        <v>3.3445488586064429</v>
      </c>
      <c r="BD320" t="s">
        <v>1287</v>
      </c>
      <c r="BE320" t="s">
        <v>62</v>
      </c>
    </row>
    <row r="321" spans="1:57" x14ac:dyDescent="0.3">
      <c r="A321" t="s">
        <v>1288</v>
      </c>
      <c r="B321">
        <v>3301</v>
      </c>
      <c r="C321" t="s">
        <v>1289</v>
      </c>
      <c r="D321" t="s">
        <v>1290</v>
      </c>
      <c r="E321" t="s">
        <v>85</v>
      </c>
      <c r="F321">
        <v>8</v>
      </c>
      <c r="G321">
        <v>111.25</v>
      </c>
      <c r="H321">
        <v>124</v>
      </c>
      <c r="I321">
        <v>1916.6875</v>
      </c>
      <c r="J321">
        <v>43.779989721332733</v>
      </c>
      <c r="K321">
        <v>-0.72717995901380073</v>
      </c>
      <c r="L321">
        <v>-0.95373343172197877</v>
      </c>
      <c r="M321">
        <v>3</v>
      </c>
      <c r="N321">
        <v>1</v>
      </c>
      <c r="O321">
        <v>1</v>
      </c>
      <c r="P321">
        <v>0</v>
      </c>
      <c r="Q321">
        <v>0</v>
      </c>
      <c r="R321">
        <v>2.0794415416798362</v>
      </c>
      <c r="S321">
        <v>1</v>
      </c>
      <c r="T321">
        <v>1</v>
      </c>
      <c r="U321">
        <v>0</v>
      </c>
      <c r="V321">
        <v>0</v>
      </c>
      <c r="W321">
        <v>1.945910149055313</v>
      </c>
      <c r="X321">
        <v>1</v>
      </c>
      <c r="Y321">
        <v>1</v>
      </c>
      <c r="Z321">
        <v>0</v>
      </c>
      <c r="AA321">
        <v>0</v>
      </c>
      <c r="AB321">
        <v>1.791759469228055</v>
      </c>
      <c r="AC321">
        <v>1</v>
      </c>
      <c r="AD321">
        <v>1</v>
      </c>
      <c r="AE321">
        <v>0</v>
      </c>
      <c r="AF321">
        <v>0</v>
      </c>
      <c r="AG321">
        <v>1.6094379124341009</v>
      </c>
      <c r="AH321">
        <v>-0.138296051129879</v>
      </c>
      <c r="AI321">
        <v>-0.332254540711514</v>
      </c>
      <c r="AJ321">
        <v>0.45348012521603032</v>
      </c>
      <c r="AK321">
        <v>0</v>
      </c>
      <c r="AL321">
        <v>220.44263812120761</v>
      </c>
      <c r="AM321">
        <v>256.41966246402069</v>
      </c>
      <c r="AN321">
        <v>890</v>
      </c>
      <c r="AO321">
        <v>56</v>
      </c>
      <c r="AP321">
        <v>138.1955136753723</v>
      </c>
      <c r="AQ321">
        <v>3.5</v>
      </c>
      <c r="AR321">
        <v>4.5</v>
      </c>
      <c r="AS321">
        <v>8</v>
      </c>
      <c r="AT321">
        <v>0</v>
      </c>
      <c r="AU321">
        <v>0.23926380368098149</v>
      </c>
      <c r="AV321">
        <v>-0.15364841240290081</v>
      </c>
      <c r="AW321">
        <v>0.5</v>
      </c>
      <c r="AX321">
        <v>50</v>
      </c>
      <c r="AY321">
        <v>21</v>
      </c>
      <c r="AZ321">
        <v>52.5</v>
      </c>
      <c r="BA321">
        <v>0.39352799749512568</v>
      </c>
      <c r="BB321">
        <v>0.625</v>
      </c>
      <c r="BC321">
        <v>1.7478680974667571</v>
      </c>
      <c r="BD321" t="s">
        <v>1289</v>
      </c>
      <c r="BE321" t="s">
        <v>68</v>
      </c>
    </row>
    <row r="322" spans="1:57" x14ac:dyDescent="0.3">
      <c r="A322" t="s">
        <v>1291</v>
      </c>
      <c r="B322">
        <v>135</v>
      </c>
      <c r="C322" t="s">
        <v>1292</v>
      </c>
      <c r="D322" t="s">
        <v>1293</v>
      </c>
      <c r="E322" t="s">
        <v>60</v>
      </c>
      <c r="F322">
        <v>512</v>
      </c>
      <c r="G322">
        <v>120.220703125</v>
      </c>
      <c r="H322">
        <v>114</v>
      </c>
      <c r="I322">
        <v>5353.1798057556152</v>
      </c>
      <c r="J322">
        <v>73.165427667414178</v>
      </c>
      <c r="K322">
        <v>0.15395899710280381</v>
      </c>
      <c r="L322">
        <v>-1.164491201102416</v>
      </c>
      <c r="M322">
        <v>7.5745666828521383</v>
      </c>
      <c r="N322">
        <v>7</v>
      </c>
      <c r="O322">
        <v>1</v>
      </c>
      <c r="P322">
        <v>6</v>
      </c>
      <c r="Q322">
        <v>1.2623733424236629</v>
      </c>
      <c r="R322">
        <v>5.2502895401822549</v>
      </c>
      <c r="S322">
        <v>2</v>
      </c>
      <c r="T322">
        <v>1</v>
      </c>
      <c r="U322">
        <v>1</v>
      </c>
      <c r="V322">
        <v>4.4237310481092071E-2</v>
      </c>
      <c r="W322">
        <v>6.2336566853874231</v>
      </c>
      <c r="X322">
        <v>1</v>
      </c>
      <c r="Y322">
        <v>1</v>
      </c>
      <c r="Z322">
        <v>0</v>
      </c>
      <c r="AA322">
        <v>0</v>
      </c>
      <c r="AB322">
        <v>6.2344107257183694</v>
      </c>
      <c r="AC322">
        <v>1</v>
      </c>
      <c r="AD322">
        <v>1</v>
      </c>
      <c r="AE322">
        <v>0</v>
      </c>
      <c r="AF322">
        <v>0</v>
      </c>
      <c r="AG322">
        <v>6.2324480165505216</v>
      </c>
      <c r="AH322">
        <v>-6.8958747509514542E-2</v>
      </c>
      <c r="AI322">
        <v>3.2750275921577122E-2</v>
      </c>
      <c r="AJ322">
        <v>1.1225617309706049E-2</v>
      </c>
      <c r="AK322">
        <v>8.5964416435992841E-2</v>
      </c>
      <c r="AL322">
        <v>1575.808073131032</v>
      </c>
      <c r="AM322">
        <v>2767.237235340524</v>
      </c>
      <c r="AN322">
        <v>61553</v>
      </c>
      <c r="AO322">
        <v>4.5492949257576987</v>
      </c>
      <c r="AP322">
        <v>1304.5185955494189</v>
      </c>
      <c r="AQ322">
        <v>1.044921875</v>
      </c>
      <c r="AR322">
        <v>3.875</v>
      </c>
      <c r="AS322">
        <v>511</v>
      </c>
      <c r="AT322">
        <v>149.27734375</v>
      </c>
      <c r="AU322">
        <v>6.1192790354330728E-2</v>
      </c>
      <c r="AV322">
        <v>-6.8999419239104215E-2</v>
      </c>
      <c r="AW322">
        <v>0.404296875</v>
      </c>
      <c r="AX322">
        <v>87.925636007827791</v>
      </c>
      <c r="AY322">
        <v>64</v>
      </c>
      <c r="AZ322">
        <v>123.5</v>
      </c>
      <c r="BA322">
        <v>0.60859257819628709</v>
      </c>
      <c r="BB322">
        <v>0.474609375</v>
      </c>
      <c r="BC322">
        <v>5.1087050443365669</v>
      </c>
      <c r="BD322" t="s">
        <v>1294</v>
      </c>
      <c r="BE322" t="s">
        <v>62</v>
      </c>
    </row>
    <row r="323" spans="1:57" x14ac:dyDescent="0.3">
      <c r="A323" t="s">
        <v>1295</v>
      </c>
      <c r="B323">
        <v>3118</v>
      </c>
      <c r="C323" t="s">
        <v>1296</v>
      </c>
      <c r="D323" t="s">
        <v>1297</v>
      </c>
      <c r="E323" t="s">
        <v>98</v>
      </c>
      <c r="F323">
        <v>16</v>
      </c>
      <c r="G323">
        <v>134.25</v>
      </c>
      <c r="H323">
        <v>156</v>
      </c>
      <c r="I323">
        <v>6125.6875</v>
      </c>
      <c r="J323">
        <v>78.266771365631271</v>
      </c>
      <c r="K323">
        <v>-0.13996921733477111</v>
      </c>
      <c r="L323">
        <v>-1.2873477359966801</v>
      </c>
      <c r="M323">
        <v>3.875</v>
      </c>
      <c r="N323">
        <v>2</v>
      </c>
      <c r="O323">
        <v>1</v>
      </c>
      <c r="P323">
        <v>1</v>
      </c>
      <c r="Q323">
        <v>0.24944382578492949</v>
      </c>
      <c r="R323">
        <v>2.6859453246697882</v>
      </c>
      <c r="S323">
        <v>1</v>
      </c>
      <c r="T323">
        <v>1</v>
      </c>
      <c r="U323">
        <v>0</v>
      </c>
      <c r="V323">
        <v>0</v>
      </c>
      <c r="W323">
        <v>2.7080502011022101</v>
      </c>
      <c r="X323">
        <v>1</v>
      </c>
      <c r="Y323">
        <v>1</v>
      </c>
      <c r="Z323">
        <v>0</v>
      </c>
      <c r="AA323">
        <v>0</v>
      </c>
      <c r="AB323">
        <v>2.639057329615258</v>
      </c>
      <c r="AC323">
        <v>1</v>
      </c>
      <c r="AD323">
        <v>1</v>
      </c>
      <c r="AE323">
        <v>0</v>
      </c>
      <c r="AF323">
        <v>0</v>
      </c>
      <c r="AG323">
        <v>2.5649493574615372</v>
      </c>
      <c r="AH323">
        <v>-0.1317766628235606</v>
      </c>
      <c r="AI323">
        <v>-0.154333442164655</v>
      </c>
      <c r="AJ323">
        <v>-9.4459422921916933E-2</v>
      </c>
      <c r="AK323">
        <v>-6.0448572099050107E-2</v>
      </c>
      <c r="AL323">
        <v>415.3049109636238</v>
      </c>
      <c r="AM323">
        <v>462.49522260180862</v>
      </c>
      <c r="AN323">
        <v>2148</v>
      </c>
      <c r="AO323">
        <v>172.19776119384071</v>
      </c>
      <c r="AP323">
        <v>279.57572353996522</v>
      </c>
      <c r="AQ323">
        <v>2.3125</v>
      </c>
      <c r="AR323">
        <v>4.25</v>
      </c>
      <c r="AS323">
        <v>15</v>
      </c>
      <c r="AT323">
        <v>0.87499999999999989</v>
      </c>
      <c r="AU323">
        <v>0.1471456692913386</v>
      </c>
      <c r="AV323">
        <v>-0.1409956318205273</v>
      </c>
      <c r="AW323">
        <v>0.25</v>
      </c>
      <c r="AX323">
        <v>93.466666666666669</v>
      </c>
      <c r="AY323">
        <v>68.5</v>
      </c>
      <c r="AZ323">
        <v>140.25</v>
      </c>
      <c r="BA323">
        <v>0.58299271035851974</v>
      </c>
      <c r="BB323">
        <v>0.5625</v>
      </c>
      <c r="BC323">
        <v>2.3959081192939289</v>
      </c>
      <c r="BD323" t="s">
        <v>1296</v>
      </c>
      <c r="BE323" t="s">
        <v>62</v>
      </c>
    </row>
    <row r="324" spans="1:57" x14ac:dyDescent="0.3">
      <c r="A324" t="s">
        <v>1298</v>
      </c>
      <c r="B324">
        <v>2177</v>
      </c>
      <c r="C324" t="s">
        <v>1299</v>
      </c>
      <c r="D324" t="s">
        <v>1300</v>
      </c>
      <c r="E324" t="s">
        <v>98</v>
      </c>
      <c r="F324">
        <v>16</v>
      </c>
      <c r="G324">
        <v>127.8125</v>
      </c>
      <c r="H324">
        <v>131.5</v>
      </c>
      <c r="I324">
        <v>4140.27734375</v>
      </c>
      <c r="J324">
        <v>64.344986935658014</v>
      </c>
      <c r="K324">
        <v>-0.17895574240499099</v>
      </c>
      <c r="L324">
        <v>-0.74272910324852592</v>
      </c>
      <c r="M324">
        <v>4</v>
      </c>
      <c r="N324">
        <v>1</v>
      </c>
      <c r="O324">
        <v>1</v>
      </c>
      <c r="P324">
        <v>0</v>
      </c>
      <c r="Q324">
        <v>0</v>
      </c>
      <c r="R324">
        <v>2.7725887222397811</v>
      </c>
      <c r="S324">
        <v>1</v>
      </c>
      <c r="T324">
        <v>1</v>
      </c>
      <c r="U324">
        <v>0</v>
      </c>
      <c r="V324">
        <v>0</v>
      </c>
      <c r="W324">
        <v>2.7080502011022101</v>
      </c>
      <c r="X324">
        <v>1</v>
      </c>
      <c r="Y324">
        <v>1</v>
      </c>
      <c r="Z324">
        <v>0</v>
      </c>
      <c r="AA324">
        <v>0</v>
      </c>
      <c r="AB324">
        <v>2.639057329615258</v>
      </c>
      <c r="AC324">
        <v>1</v>
      </c>
      <c r="AD324">
        <v>1</v>
      </c>
      <c r="AE324">
        <v>0</v>
      </c>
      <c r="AF324">
        <v>0</v>
      </c>
      <c r="AG324">
        <v>2.5649493574615372</v>
      </c>
      <c r="AH324">
        <v>9.8277532264501449E-2</v>
      </c>
      <c r="AI324">
        <v>0.1733568903426797</v>
      </c>
      <c r="AJ324">
        <v>-0.23619229586257709</v>
      </c>
      <c r="AK324">
        <v>0.16619827042081839</v>
      </c>
      <c r="AL324">
        <v>360.34157380778288</v>
      </c>
      <c r="AM324">
        <v>444.71895640475032</v>
      </c>
      <c r="AN324">
        <v>2045</v>
      </c>
      <c r="AO324">
        <v>88.343209892529202</v>
      </c>
      <c r="AP324">
        <v>268.56093328898442</v>
      </c>
      <c r="AQ324">
        <v>2.25</v>
      </c>
      <c r="AR324">
        <v>3.8125</v>
      </c>
      <c r="AS324">
        <v>16</v>
      </c>
      <c r="AT324">
        <v>0</v>
      </c>
      <c r="AU324">
        <v>0.1753691983122363</v>
      </c>
      <c r="AV324">
        <v>0.1059774042445812</v>
      </c>
      <c r="AW324">
        <v>0.4375</v>
      </c>
      <c r="AX324">
        <v>71.13333333333334</v>
      </c>
      <c r="AY324">
        <v>38.5</v>
      </c>
      <c r="AZ324">
        <v>78.25</v>
      </c>
      <c r="BA324">
        <v>0.50343266062128522</v>
      </c>
      <c r="BB324">
        <v>0.5</v>
      </c>
      <c r="BC324">
        <v>2.615630577027551</v>
      </c>
      <c r="BD324" t="s">
        <v>1299</v>
      </c>
      <c r="BE324" t="s">
        <v>62</v>
      </c>
    </row>
    <row r="325" spans="1:57" x14ac:dyDescent="0.3">
      <c r="A325" t="s">
        <v>1301</v>
      </c>
      <c r="B325">
        <v>152</v>
      </c>
      <c r="C325" t="s">
        <v>1302</v>
      </c>
      <c r="D325" t="s">
        <v>1303</v>
      </c>
      <c r="E325" t="s">
        <v>60</v>
      </c>
      <c r="F325">
        <v>512</v>
      </c>
      <c r="G325">
        <v>122.373046875</v>
      </c>
      <c r="H325">
        <v>126</v>
      </c>
      <c r="I325">
        <v>5545.1088829040527</v>
      </c>
      <c r="J325">
        <v>74.465487864540663</v>
      </c>
      <c r="K325">
        <v>7.5484489990910536E-2</v>
      </c>
      <c r="L325">
        <v>-1.187758612304018</v>
      </c>
      <c r="M325">
        <v>7.5699115081462089</v>
      </c>
      <c r="N325">
        <v>6</v>
      </c>
      <c r="O325">
        <v>1</v>
      </c>
      <c r="P325">
        <v>5</v>
      </c>
      <c r="Q325">
        <v>1.307527898352931</v>
      </c>
      <c r="R325">
        <v>5.2470628189598267</v>
      </c>
      <c r="S325">
        <v>2</v>
      </c>
      <c r="T325">
        <v>1</v>
      </c>
      <c r="U325">
        <v>1</v>
      </c>
      <c r="V325">
        <v>4.4237310481092057E-2</v>
      </c>
      <c r="W325">
        <v>6.2336566853874222</v>
      </c>
      <c r="X325">
        <v>1</v>
      </c>
      <c r="Y325">
        <v>1</v>
      </c>
      <c r="Z325">
        <v>0</v>
      </c>
      <c r="AA325">
        <v>0</v>
      </c>
      <c r="AB325">
        <v>6.2344107257183694</v>
      </c>
      <c r="AC325">
        <v>1</v>
      </c>
      <c r="AD325">
        <v>1</v>
      </c>
      <c r="AE325">
        <v>0</v>
      </c>
      <c r="AF325">
        <v>0</v>
      </c>
      <c r="AG325">
        <v>6.2324480165505216</v>
      </c>
      <c r="AH325">
        <v>-6.8917627316444213E-2</v>
      </c>
      <c r="AI325">
        <v>2.0275111002255888E-2</v>
      </c>
      <c r="AJ325">
        <v>-1.6548702910839281E-2</v>
      </c>
      <c r="AK325">
        <v>-3.2741328149075343E-4</v>
      </c>
      <c r="AL325">
        <v>1630.793607546211</v>
      </c>
      <c r="AM325">
        <v>2801.230302846664</v>
      </c>
      <c r="AN325">
        <v>62655</v>
      </c>
      <c r="AO325">
        <v>122.9074886159122</v>
      </c>
      <c r="AP325">
        <v>1528.261352846951</v>
      </c>
      <c r="AQ325">
        <v>1.044921875</v>
      </c>
      <c r="AR325">
        <v>3.888671875</v>
      </c>
      <c r="AS325">
        <v>508</v>
      </c>
      <c r="AT325">
        <v>163.0859375</v>
      </c>
      <c r="AU325">
        <v>5.7552083333333337E-2</v>
      </c>
      <c r="AV325">
        <v>-6.9009086279421358E-2</v>
      </c>
      <c r="AW325">
        <v>0.3671875</v>
      </c>
      <c r="AX325">
        <v>87.933463796477497</v>
      </c>
      <c r="AY325">
        <v>64</v>
      </c>
      <c r="AZ325">
        <v>123</v>
      </c>
      <c r="BA325">
        <v>0.60851216641361139</v>
      </c>
      <c r="BB325">
        <v>0.515625</v>
      </c>
      <c r="BC325">
        <v>5.1086833242359724</v>
      </c>
      <c r="BD325" t="s">
        <v>1304</v>
      </c>
      <c r="BE325" t="s">
        <v>62</v>
      </c>
    </row>
    <row r="326" spans="1:57" x14ac:dyDescent="0.3">
      <c r="A326" t="s">
        <v>1305</v>
      </c>
      <c r="B326">
        <v>1686</v>
      </c>
      <c r="C326" t="s">
        <v>1306</v>
      </c>
      <c r="D326" t="s">
        <v>1307</v>
      </c>
      <c r="E326" t="s">
        <v>115</v>
      </c>
      <c r="F326">
        <v>1738</v>
      </c>
      <c r="G326">
        <v>128.24568469505181</v>
      </c>
      <c r="H326">
        <v>127</v>
      </c>
      <c r="I326">
        <v>5239.8550590536324</v>
      </c>
      <c r="J326">
        <v>72.386843135017514</v>
      </c>
      <c r="K326">
        <v>2.4827603391373329E-3</v>
      </c>
      <c r="L326">
        <v>-1.1361311606765649</v>
      </c>
      <c r="M326">
        <v>7.869917494766181</v>
      </c>
      <c r="N326">
        <v>18</v>
      </c>
      <c r="O326">
        <v>1</v>
      </c>
      <c r="P326">
        <v>17</v>
      </c>
      <c r="Q326">
        <v>2.785351919119202</v>
      </c>
      <c r="R326">
        <v>5.4550111227365754</v>
      </c>
      <c r="S326">
        <v>2</v>
      </c>
      <c r="T326">
        <v>1</v>
      </c>
      <c r="U326">
        <v>1</v>
      </c>
      <c r="V326">
        <v>0.12233102567224451</v>
      </c>
      <c r="W326">
        <v>7.4391642461552561</v>
      </c>
      <c r="X326">
        <v>1</v>
      </c>
      <c r="Y326">
        <v>1</v>
      </c>
      <c r="Z326">
        <v>0</v>
      </c>
      <c r="AA326">
        <v>0</v>
      </c>
      <c r="AB326">
        <v>7.4593388952202986</v>
      </c>
      <c r="AC326">
        <v>1</v>
      </c>
      <c r="AD326">
        <v>1</v>
      </c>
      <c r="AE326">
        <v>0</v>
      </c>
      <c r="AF326">
        <v>0</v>
      </c>
      <c r="AG326">
        <v>7.4587626923809616</v>
      </c>
      <c r="AH326">
        <v>1.6686155155825812E-2</v>
      </c>
      <c r="AI326">
        <v>9.7861136232380748E-3</v>
      </c>
      <c r="AJ326">
        <v>-1.10156515328638E-2</v>
      </c>
      <c r="AK326">
        <v>-2.1778893257277759E-2</v>
      </c>
      <c r="AL326">
        <v>2820.6624567839749</v>
      </c>
      <c r="AM326">
        <v>5453.0303781374068</v>
      </c>
      <c r="AN326">
        <v>222891</v>
      </c>
      <c r="AO326">
        <v>88.278792001397051</v>
      </c>
      <c r="AP326">
        <v>2510.784060750887</v>
      </c>
      <c r="AQ326">
        <v>1.0132336018411969</v>
      </c>
      <c r="AR326">
        <v>4.054085155350978</v>
      </c>
      <c r="AS326">
        <v>1731</v>
      </c>
      <c r="AT326">
        <v>290.26237054085152</v>
      </c>
      <c r="AU326">
        <v>2.479749091811639E-2</v>
      </c>
      <c r="AV326">
        <v>1.6708352586685071E-2</v>
      </c>
      <c r="AW326">
        <v>0.37744533947065589</v>
      </c>
      <c r="AX326">
        <v>82.735175590097867</v>
      </c>
      <c r="AY326">
        <v>59.5</v>
      </c>
      <c r="AZ326">
        <v>118</v>
      </c>
      <c r="BA326">
        <v>0.56443882152559077</v>
      </c>
      <c r="BB326">
        <v>0.49884925201380897</v>
      </c>
      <c r="BC326">
        <v>5.2522248803702656</v>
      </c>
      <c r="BD326" t="s">
        <v>1308</v>
      </c>
      <c r="BE326" t="s">
        <v>68</v>
      </c>
    </row>
    <row r="327" spans="1:57" x14ac:dyDescent="0.3">
      <c r="A327" t="s">
        <v>1309</v>
      </c>
      <c r="B327">
        <v>3783</v>
      </c>
      <c r="C327" t="s">
        <v>1310</v>
      </c>
      <c r="D327" t="s">
        <v>1311</v>
      </c>
      <c r="E327" t="s">
        <v>115</v>
      </c>
      <c r="F327">
        <v>3842</v>
      </c>
      <c r="G327">
        <v>128.44560124934929</v>
      </c>
      <c r="H327">
        <v>128</v>
      </c>
      <c r="I327">
        <v>5503.2824390060168</v>
      </c>
      <c r="J327">
        <v>74.184111769340589</v>
      </c>
      <c r="K327">
        <v>-7.7871588848596506E-3</v>
      </c>
      <c r="L327">
        <v>-1.2096463106452611</v>
      </c>
      <c r="M327">
        <v>7.9525819501248858</v>
      </c>
      <c r="N327">
        <v>26</v>
      </c>
      <c r="O327">
        <v>6</v>
      </c>
      <c r="P327">
        <v>20</v>
      </c>
      <c r="Q327">
        <v>3.8201687089503982</v>
      </c>
      <c r="R327">
        <v>5.5123097569009722</v>
      </c>
      <c r="S327">
        <v>3</v>
      </c>
      <c r="T327">
        <v>1</v>
      </c>
      <c r="U327">
        <v>2</v>
      </c>
      <c r="V327">
        <v>0.17006185333170171</v>
      </c>
      <c r="W327">
        <v>8.2151827296349236</v>
      </c>
      <c r="X327">
        <v>1</v>
      </c>
      <c r="Y327">
        <v>1</v>
      </c>
      <c r="Z327">
        <v>0</v>
      </c>
      <c r="AA327">
        <v>0</v>
      </c>
      <c r="AB327">
        <v>8.2532276455817737</v>
      </c>
      <c r="AC327">
        <v>1</v>
      </c>
      <c r="AD327">
        <v>1</v>
      </c>
      <c r="AE327">
        <v>0</v>
      </c>
      <c r="AF327">
        <v>0</v>
      </c>
      <c r="AG327">
        <v>8.2529671950007959</v>
      </c>
      <c r="AH327">
        <v>7.2134091376639372E-3</v>
      </c>
      <c r="AI327">
        <v>-2.1789946387595419E-2</v>
      </c>
      <c r="AJ327">
        <v>3.366095352117847E-3</v>
      </c>
      <c r="AK327">
        <v>9.7271980026528235E-3</v>
      </c>
      <c r="AL327">
        <v>4203.7288056417692</v>
      </c>
      <c r="AM327">
        <v>8176.7131616938623</v>
      </c>
      <c r="AN327">
        <v>493488</v>
      </c>
      <c r="AO327">
        <v>105.39444363423389</v>
      </c>
      <c r="AP327">
        <v>3818.4449331404362</v>
      </c>
      <c r="AQ327">
        <v>1.0059864653826129</v>
      </c>
      <c r="AR327">
        <v>4.0543987506507024</v>
      </c>
      <c r="AS327">
        <v>3834</v>
      </c>
      <c r="AT327">
        <v>248.9359708485164</v>
      </c>
      <c r="AU327">
        <v>1.466250216900911E-2</v>
      </c>
      <c r="AV327">
        <v>7.2151447325184328E-3</v>
      </c>
      <c r="AW327">
        <v>0.3709005726184279</v>
      </c>
      <c r="AX327">
        <v>85.292892475917725</v>
      </c>
      <c r="AY327">
        <v>64</v>
      </c>
      <c r="AZ327">
        <v>128</v>
      </c>
      <c r="BA327">
        <v>0.57755276200800532</v>
      </c>
      <c r="BB327">
        <v>0.49791775117126502</v>
      </c>
      <c r="BC327">
        <v>5.3192348408988517</v>
      </c>
      <c r="BD327" t="s">
        <v>1312</v>
      </c>
      <c r="BE327" t="s">
        <v>68</v>
      </c>
    </row>
    <row r="328" spans="1:57" x14ac:dyDescent="0.3">
      <c r="A328" t="s">
        <v>1313</v>
      </c>
      <c r="B328">
        <v>3288</v>
      </c>
      <c r="C328" t="s">
        <v>1314</v>
      </c>
      <c r="D328" t="s">
        <v>1315</v>
      </c>
      <c r="E328" t="s">
        <v>85</v>
      </c>
      <c r="F328">
        <v>8</v>
      </c>
      <c r="G328">
        <v>82.5</v>
      </c>
      <c r="H328">
        <v>93.5</v>
      </c>
      <c r="I328">
        <v>3738</v>
      </c>
      <c r="J328">
        <v>61.139185470531089</v>
      </c>
      <c r="K328">
        <v>-0.12663360202321691</v>
      </c>
      <c r="L328">
        <v>-1.5860511126240679</v>
      </c>
      <c r="M328">
        <v>3</v>
      </c>
      <c r="N328">
        <v>1</v>
      </c>
      <c r="O328">
        <v>1</v>
      </c>
      <c r="P328">
        <v>0</v>
      </c>
      <c r="Q328">
        <v>0</v>
      </c>
      <c r="R328">
        <v>2.0794415416798362</v>
      </c>
      <c r="S328">
        <v>1</v>
      </c>
      <c r="T328">
        <v>1</v>
      </c>
      <c r="U328">
        <v>0</v>
      </c>
      <c r="V328">
        <v>0</v>
      </c>
      <c r="W328">
        <v>1.945910149055313</v>
      </c>
      <c r="X328">
        <v>1</v>
      </c>
      <c r="Y328">
        <v>1</v>
      </c>
      <c r="Z328">
        <v>0</v>
      </c>
      <c r="AA328">
        <v>0</v>
      </c>
      <c r="AB328">
        <v>1.791759469228055</v>
      </c>
      <c r="AC328">
        <v>1</v>
      </c>
      <c r="AD328">
        <v>1</v>
      </c>
      <c r="AE328">
        <v>0</v>
      </c>
      <c r="AF328">
        <v>0</v>
      </c>
      <c r="AG328">
        <v>1.6094379124341009</v>
      </c>
      <c r="AH328">
        <v>-0.3221558988764045</v>
      </c>
      <c r="AI328">
        <v>-7.64446227929374E-2</v>
      </c>
      <c r="AJ328">
        <v>0.2667285313001605</v>
      </c>
      <c r="AK328">
        <v>0</v>
      </c>
      <c r="AL328">
        <v>239.60944486221749</v>
      </c>
      <c r="AM328">
        <v>164.13809409402779</v>
      </c>
      <c r="AN328">
        <v>660</v>
      </c>
      <c r="AO328">
        <v>130</v>
      </c>
      <c r="AP328">
        <v>202.3186410692648</v>
      </c>
      <c r="AQ328">
        <v>3.5</v>
      </c>
      <c r="AR328">
        <v>2.375</v>
      </c>
      <c r="AS328">
        <v>8</v>
      </c>
      <c r="AT328">
        <v>0</v>
      </c>
      <c r="AU328">
        <v>0.30182926829268292</v>
      </c>
      <c r="AV328">
        <v>-0.38932808692106402</v>
      </c>
      <c r="AW328">
        <v>0.25</v>
      </c>
      <c r="AX328">
        <v>83.571428571428569</v>
      </c>
      <c r="AY328">
        <v>63</v>
      </c>
      <c r="AZ328">
        <v>122.25</v>
      </c>
      <c r="BA328">
        <v>0.74108103600643749</v>
      </c>
      <c r="BB328">
        <v>0.625</v>
      </c>
      <c r="BC328">
        <v>1.945910149055313</v>
      </c>
      <c r="BD328" t="s">
        <v>1314</v>
      </c>
      <c r="BE328" t="s">
        <v>68</v>
      </c>
    </row>
    <row r="329" spans="1:57" x14ac:dyDescent="0.3">
      <c r="A329" t="s">
        <v>1316</v>
      </c>
      <c r="B329">
        <v>2981</v>
      </c>
      <c r="C329" t="s">
        <v>1317</v>
      </c>
      <c r="D329" t="s">
        <v>1318</v>
      </c>
      <c r="E329" t="s">
        <v>115</v>
      </c>
      <c r="F329">
        <v>3014</v>
      </c>
      <c r="G329">
        <v>128.26642335766419</v>
      </c>
      <c r="H329">
        <v>129</v>
      </c>
      <c r="I329">
        <v>5433.4801134850022</v>
      </c>
      <c r="J329">
        <v>73.712143595780759</v>
      </c>
      <c r="K329">
        <v>-9.3714502748930336E-3</v>
      </c>
      <c r="L329">
        <v>-1.1733515675523549</v>
      </c>
      <c r="M329">
        <v>7.9485959174930612</v>
      </c>
      <c r="N329">
        <v>21</v>
      </c>
      <c r="O329">
        <v>4</v>
      </c>
      <c r="P329">
        <v>17</v>
      </c>
      <c r="Q329">
        <v>3.1180293349475958</v>
      </c>
      <c r="R329">
        <v>5.5095468496206008</v>
      </c>
      <c r="S329">
        <v>3</v>
      </c>
      <c r="T329">
        <v>1</v>
      </c>
      <c r="U329">
        <v>2</v>
      </c>
      <c r="V329">
        <v>0.14913457374983061</v>
      </c>
      <c r="W329">
        <v>7.9806110938543107</v>
      </c>
      <c r="X329">
        <v>1</v>
      </c>
      <c r="Y329">
        <v>1</v>
      </c>
      <c r="Z329">
        <v>0</v>
      </c>
      <c r="AA329">
        <v>0</v>
      </c>
      <c r="AB329">
        <v>8.0103595889197834</v>
      </c>
      <c r="AC329">
        <v>1</v>
      </c>
      <c r="AD329">
        <v>1</v>
      </c>
      <c r="AE329">
        <v>0</v>
      </c>
      <c r="AF329">
        <v>0</v>
      </c>
      <c r="AG329">
        <v>8.0100275284817304</v>
      </c>
      <c r="AH329">
        <v>1.0549171139024669E-3</v>
      </c>
      <c r="AI329">
        <v>1.9043687493431521E-2</v>
      </c>
      <c r="AJ329">
        <v>-3.80782454422679E-3</v>
      </c>
      <c r="AK329">
        <v>-8.6020798295596886E-3</v>
      </c>
      <c r="AL329">
        <v>3691.9972559421408</v>
      </c>
      <c r="AM329">
        <v>7234.1428837226922</v>
      </c>
      <c r="AN329">
        <v>386594.99999999988</v>
      </c>
      <c r="AO329">
        <v>62.934456168885752</v>
      </c>
      <c r="AP329">
        <v>3331.3497730867271</v>
      </c>
      <c r="AQ329">
        <v>1.007631055076311</v>
      </c>
      <c r="AR329">
        <v>4.0248838752488387</v>
      </c>
      <c r="AS329">
        <v>3003</v>
      </c>
      <c r="AT329">
        <v>211.39615129396151</v>
      </c>
      <c r="AU329">
        <v>1.3769728196520781E-2</v>
      </c>
      <c r="AV329">
        <v>1.054926388446383E-3</v>
      </c>
      <c r="AW329">
        <v>0.36496350364963498</v>
      </c>
      <c r="AX329">
        <v>85.041486890142721</v>
      </c>
      <c r="AY329">
        <v>63</v>
      </c>
      <c r="AZ329">
        <v>126</v>
      </c>
      <c r="BA329">
        <v>0.57467996429773593</v>
      </c>
      <c r="BB329">
        <v>0.50132714001327139</v>
      </c>
      <c r="BC329">
        <v>5.3100497865271947</v>
      </c>
      <c r="BD329" t="s">
        <v>1319</v>
      </c>
      <c r="BE329" t="s">
        <v>68</v>
      </c>
    </row>
    <row r="330" spans="1:57" x14ac:dyDescent="0.3">
      <c r="A330" t="s">
        <v>1320</v>
      </c>
      <c r="B330">
        <v>997</v>
      </c>
      <c r="C330" t="s">
        <v>1321</v>
      </c>
      <c r="D330" t="s">
        <v>1322</v>
      </c>
      <c r="E330" t="s">
        <v>10622</v>
      </c>
      <c r="F330">
        <v>64</v>
      </c>
      <c r="G330">
        <v>121.578125</v>
      </c>
      <c r="H330">
        <v>124</v>
      </c>
      <c r="I330">
        <v>4780.931396484375</v>
      </c>
      <c r="J330">
        <v>69.144279564432338</v>
      </c>
      <c r="K330">
        <v>8.3461595577096037E-2</v>
      </c>
      <c r="L330">
        <v>-1.059796535982269</v>
      </c>
      <c r="M330">
        <v>5.738204882778696</v>
      </c>
      <c r="N330">
        <v>3</v>
      </c>
      <c r="O330">
        <v>1</v>
      </c>
      <c r="P330">
        <v>2</v>
      </c>
      <c r="Q330">
        <v>0.3976974544878587</v>
      </c>
      <c r="R330">
        <v>3.9774205359733652</v>
      </c>
      <c r="S330">
        <v>1</v>
      </c>
      <c r="T330">
        <v>1</v>
      </c>
      <c r="U330">
        <v>0</v>
      </c>
      <c r="V330">
        <v>0</v>
      </c>
      <c r="W330">
        <v>4.1431347263915326</v>
      </c>
      <c r="X330">
        <v>1</v>
      </c>
      <c r="Y330">
        <v>1</v>
      </c>
      <c r="Z330">
        <v>0</v>
      </c>
      <c r="AA330">
        <v>0</v>
      </c>
      <c r="AB330">
        <v>4.1271343850450908</v>
      </c>
      <c r="AC330">
        <v>1</v>
      </c>
      <c r="AD330">
        <v>1</v>
      </c>
      <c r="AE330">
        <v>0</v>
      </c>
      <c r="AF330">
        <v>0</v>
      </c>
      <c r="AG330">
        <v>4.1108738641733096</v>
      </c>
      <c r="AH330">
        <v>-5.8336015069682702E-2</v>
      </c>
      <c r="AI330">
        <v>-0.14002387216110959</v>
      </c>
      <c r="AJ330">
        <v>0.29172787743847312</v>
      </c>
      <c r="AK330">
        <v>-5.7010687561134969E-2</v>
      </c>
      <c r="AL330">
        <v>608.16212283799314</v>
      </c>
      <c r="AM330">
        <v>939.21128205808179</v>
      </c>
      <c r="AN330">
        <v>7781</v>
      </c>
      <c r="AO330">
        <v>105.93544339942279</v>
      </c>
      <c r="AP330">
        <v>473.77090789443719</v>
      </c>
      <c r="AQ330">
        <v>1.359375</v>
      </c>
      <c r="AR330">
        <v>3.921875</v>
      </c>
      <c r="AS330">
        <v>64</v>
      </c>
      <c r="AT330">
        <v>7.75</v>
      </c>
      <c r="AU330">
        <v>0.10435491967871489</v>
      </c>
      <c r="AV330">
        <v>-6.0463000875621127E-2</v>
      </c>
      <c r="AW330">
        <v>0.453125</v>
      </c>
      <c r="AX330">
        <v>83.301587301587304</v>
      </c>
      <c r="AY330">
        <v>60</v>
      </c>
      <c r="AZ330">
        <v>125.75</v>
      </c>
      <c r="BA330">
        <v>0.56872302944655828</v>
      </c>
      <c r="BB330">
        <v>0.53125</v>
      </c>
      <c r="BC330">
        <v>4.0028011659076608</v>
      </c>
      <c r="BD330" t="s">
        <v>1323</v>
      </c>
      <c r="BE330" t="s">
        <v>62</v>
      </c>
    </row>
    <row r="331" spans="1:57" x14ac:dyDescent="0.3">
      <c r="A331" t="s">
        <v>1324</v>
      </c>
      <c r="B331">
        <v>2271</v>
      </c>
      <c r="C331" t="s">
        <v>1325</v>
      </c>
      <c r="D331" t="s">
        <v>1326</v>
      </c>
      <c r="E331" t="s">
        <v>106</v>
      </c>
      <c r="F331">
        <v>2319</v>
      </c>
      <c r="G331">
        <v>129.55799913755931</v>
      </c>
      <c r="H331">
        <v>131</v>
      </c>
      <c r="I331">
        <v>5462.0086024648554</v>
      </c>
      <c r="J331">
        <v>73.905403066791095</v>
      </c>
      <c r="K331">
        <v>-3.4727314231042368E-2</v>
      </c>
      <c r="L331">
        <v>-1.20705598298787</v>
      </c>
      <c r="M331">
        <v>7.9257587649976822</v>
      </c>
      <c r="N331">
        <v>19</v>
      </c>
      <c r="O331">
        <v>2</v>
      </c>
      <c r="P331">
        <v>17</v>
      </c>
      <c r="Q331">
        <v>2.825747338751456</v>
      </c>
      <c r="R331">
        <v>5.4937173417564251</v>
      </c>
      <c r="S331">
        <v>2</v>
      </c>
      <c r="T331">
        <v>1</v>
      </c>
      <c r="U331">
        <v>1</v>
      </c>
      <c r="V331">
        <v>0.13134281408225279</v>
      </c>
      <c r="W331">
        <v>7.7245377743549204</v>
      </c>
      <c r="X331">
        <v>1</v>
      </c>
      <c r="Y331">
        <v>1</v>
      </c>
      <c r="Z331">
        <v>0</v>
      </c>
      <c r="AA331">
        <v>0</v>
      </c>
      <c r="AB331">
        <v>7.7480285244323754</v>
      </c>
      <c r="AC331">
        <v>1</v>
      </c>
      <c r="AD331">
        <v>1</v>
      </c>
      <c r="AE331">
        <v>0</v>
      </c>
      <c r="AF331">
        <v>0</v>
      </c>
      <c r="AG331">
        <v>7.7475968386928846</v>
      </c>
      <c r="AH331">
        <v>-6.8098038953169496E-3</v>
      </c>
      <c r="AI331">
        <v>-4.7384167931855362E-2</v>
      </c>
      <c r="AJ331">
        <v>4.3172525045067746E-3</v>
      </c>
      <c r="AK331">
        <v>-2.033966038980899E-2</v>
      </c>
      <c r="AL331">
        <v>3285.4195757966959</v>
      </c>
      <c r="AM331">
        <v>6387.2896608007277</v>
      </c>
      <c r="AN331">
        <v>300445</v>
      </c>
      <c r="AO331">
        <v>113.6151460384653</v>
      </c>
      <c r="AP331">
        <v>2955.6579855603259</v>
      </c>
      <c r="AQ331">
        <v>1.0099180681328159</v>
      </c>
      <c r="AR331">
        <v>4.0526088831392846</v>
      </c>
      <c r="AS331">
        <v>2311</v>
      </c>
      <c r="AT331">
        <v>225.65545493747311</v>
      </c>
      <c r="AU331">
        <v>2.1936433046698681E-2</v>
      </c>
      <c r="AV331">
        <v>-6.8144262839703786E-3</v>
      </c>
      <c r="AW331">
        <v>0.37214316515739537</v>
      </c>
      <c r="AX331">
        <v>86.494391716997413</v>
      </c>
      <c r="AY331">
        <v>65</v>
      </c>
      <c r="AZ331">
        <v>131</v>
      </c>
      <c r="BA331">
        <v>0.57044260916936051</v>
      </c>
      <c r="BB331">
        <v>0.50539025442000862</v>
      </c>
      <c r="BC331">
        <v>5.2889636610866031</v>
      </c>
      <c r="BD331" t="s">
        <v>1327</v>
      </c>
      <c r="BE331" t="s">
        <v>68</v>
      </c>
    </row>
    <row r="332" spans="1:57" x14ac:dyDescent="0.3">
      <c r="A332" t="s">
        <v>1328</v>
      </c>
      <c r="B332">
        <v>2739</v>
      </c>
      <c r="C332" t="s">
        <v>1329</v>
      </c>
      <c r="D332" t="s">
        <v>1330</v>
      </c>
      <c r="E332" t="s">
        <v>106</v>
      </c>
      <c r="F332">
        <v>2765</v>
      </c>
      <c r="G332">
        <v>128.21374321880651</v>
      </c>
      <c r="H332">
        <v>127</v>
      </c>
      <c r="I332">
        <v>5406.3496122089282</v>
      </c>
      <c r="J332">
        <v>73.527883229485994</v>
      </c>
      <c r="K332">
        <v>-4.5881684363499936E-3</v>
      </c>
      <c r="L332">
        <v>-1.176005589822104</v>
      </c>
      <c r="M332">
        <v>7.9349301540178336</v>
      </c>
      <c r="N332">
        <v>21</v>
      </c>
      <c r="O332">
        <v>3</v>
      </c>
      <c r="P332">
        <v>18</v>
      </c>
      <c r="Q332">
        <v>3.2288009600544338</v>
      </c>
      <c r="R332">
        <v>5.5000744641975441</v>
      </c>
      <c r="S332">
        <v>3</v>
      </c>
      <c r="T332">
        <v>1</v>
      </c>
      <c r="U332">
        <v>2</v>
      </c>
      <c r="V332">
        <v>0.1397993582427467</v>
      </c>
      <c r="W332">
        <v>7.898164085422291</v>
      </c>
      <c r="X332">
        <v>1</v>
      </c>
      <c r="Y332">
        <v>1</v>
      </c>
      <c r="Z332">
        <v>0</v>
      </c>
      <c r="AA332">
        <v>0</v>
      </c>
      <c r="AB332">
        <v>7.9240723249234168</v>
      </c>
      <c r="AC332">
        <v>1</v>
      </c>
      <c r="AD332">
        <v>1</v>
      </c>
      <c r="AE332">
        <v>0</v>
      </c>
      <c r="AF332">
        <v>0</v>
      </c>
      <c r="AG332">
        <v>7.9237103339692379</v>
      </c>
      <c r="AH332">
        <v>-1.7657874775392012E-2</v>
      </c>
      <c r="AI332">
        <v>-1.8353567051181401E-2</v>
      </c>
      <c r="AJ332">
        <v>1.6220851623225192E-2</v>
      </c>
      <c r="AK332">
        <v>-2.5815325434673839E-2</v>
      </c>
      <c r="AL332">
        <v>3558.7696531436131</v>
      </c>
      <c r="AM332">
        <v>6909.1893559131886</v>
      </c>
      <c r="AN332">
        <v>354511</v>
      </c>
      <c r="AO332">
        <v>69.869519977332459</v>
      </c>
      <c r="AP332">
        <v>3195.6916470230171</v>
      </c>
      <c r="AQ332">
        <v>1.008318264014467</v>
      </c>
      <c r="AR332">
        <v>3.9967450271247742</v>
      </c>
      <c r="AS332">
        <v>2756</v>
      </c>
      <c r="AT332">
        <v>247.09692585895121</v>
      </c>
      <c r="AU332">
        <v>1.8033542530936419E-2</v>
      </c>
      <c r="AV332">
        <v>-1.7661470363419349E-2</v>
      </c>
      <c r="AW332">
        <v>0.37576853526220622</v>
      </c>
      <c r="AX332">
        <v>85.064037626628078</v>
      </c>
      <c r="AY332">
        <v>62</v>
      </c>
      <c r="AZ332">
        <v>125</v>
      </c>
      <c r="BA332">
        <v>0.57347895306359675</v>
      </c>
      <c r="BB332">
        <v>0.49367088607594939</v>
      </c>
      <c r="BC332">
        <v>5.3135699056076851</v>
      </c>
      <c r="BD332" t="s">
        <v>1331</v>
      </c>
      <c r="BE332" t="s">
        <v>68</v>
      </c>
    </row>
    <row r="333" spans="1:57" x14ac:dyDescent="0.3">
      <c r="A333" t="s">
        <v>1332</v>
      </c>
      <c r="B333">
        <v>3136</v>
      </c>
      <c r="C333" t="s">
        <v>1333</v>
      </c>
      <c r="D333" t="s">
        <v>1334</v>
      </c>
      <c r="E333" t="s">
        <v>66</v>
      </c>
      <c r="F333">
        <v>72</v>
      </c>
      <c r="G333">
        <v>117.1388888888889</v>
      </c>
      <c r="H333">
        <v>105</v>
      </c>
      <c r="I333">
        <v>5688.9807098765432</v>
      </c>
      <c r="J333">
        <v>75.425332017012323</v>
      </c>
      <c r="K333">
        <v>0.15471806234790961</v>
      </c>
      <c r="L333">
        <v>-1.1124979107382491</v>
      </c>
      <c r="M333">
        <v>5.787844793048885</v>
      </c>
      <c r="N333">
        <v>3</v>
      </c>
      <c r="O333">
        <v>1</v>
      </c>
      <c r="P333">
        <v>2</v>
      </c>
      <c r="Q333">
        <v>0.48947556197266617</v>
      </c>
      <c r="R333">
        <v>4.0118282998203929</v>
      </c>
      <c r="S333">
        <v>2</v>
      </c>
      <c r="T333">
        <v>1</v>
      </c>
      <c r="U333">
        <v>1</v>
      </c>
      <c r="V333">
        <v>0.16776575221435111</v>
      </c>
      <c r="W333">
        <v>4.2236293316576567</v>
      </c>
      <c r="X333">
        <v>2</v>
      </c>
      <c r="Y333">
        <v>1</v>
      </c>
      <c r="Z333">
        <v>1</v>
      </c>
      <c r="AA333">
        <v>0.11951030798891769</v>
      </c>
      <c r="AB333">
        <v>4.2286910368905044</v>
      </c>
      <c r="AC333">
        <v>1</v>
      </c>
      <c r="AD333">
        <v>1</v>
      </c>
      <c r="AE333">
        <v>0</v>
      </c>
      <c r="AF333">
        <v>0</v>
      </c>
      <c r="AG333">
        <v>4.2341065045972579</v>
      </c>
      <c r="AH333">
        <v>0.2328742052879976</v>
      </c>
      <c r="AI333">
        <v>0.1004697468608506</v>
      </c>
      <c r="AJ333">
        <v>3.5803002703391801E-3</v>
      </c>
      <c r="AK333">
        <v>-7.6970867606469318E-2</v>
      </c>
      <c r="AL333">
        <v>694.83052655748133</v>
      </c>
      <c r="AM333">
        <v>956.43428387101073</v>
      </c>
      <c r="AN333">
        <v>8434</v>
      </c>
      <c r="AO333">
        <v>135.06771993560471</v>
      </c>
      <c r="AP333">
        <v>554.98846028863682</v>
      </c>
      <c r="AQ333">
        <v>1.319444444444444</v>
      </c>
      <c r="AR333">
        <v>3.708333333333333</v>
      </c>
      <c r="AS333">
        <v>71</v>
      </c>
      <c r="AT333">
        <v>11.58333333333333</v>
      </c>
      <c r="AU333">
        <v>0.11083662714097491</v>
      </c>
      <c r="AV333">
        <v>0.23514333796261941</v>
      </c>
      <c r="AW333">
        <v>0.40277777777777779</v>
      </c>
      <c r="AX333">
        <v>73.464788732394368</v>
      </c>
      <c r="AY333">
        <v>58</v>
      </c>
      <c r="AZ333">
        <v>118.25</v>
      </c>
      <c r="BA333">
        <v>0.64389659772645091</v>
      </c>
      <c r="BB333">
        <v>0.45833333333333331</v>
      </c>
      <c r="BC333">
        <v>3.955061402332479</v>
      </c>
      <c r="BD333" t="s">
        <v>1335</v>
      </c>
      <c r="BE333" t="s">
        <v>68</v>
      </c>
    </row>
    <row r="334" spans="1:57" x14ac:dyDescent="0.3">
      <c r="A334" t="s">
        <v>1336</v>
      </c>
      <c r="B334">
        <v>138</v>
      </c>
      <c r="C334" t="s">
        <v>1337</v>
      </c>
      <c r="D334" t="s">
        <v>1338</v>
      </c>
      <c r="E334" t="s">
        <v>60</v>
      </c>
      <c r="F334">
        <v>256</v>
      </c>
      <c r="G334">
        <v>129.71875</v>
      </c>
      <c r="H334">
        <v>125</v>
      </c>
      <c r="I334">
        <v>5351.9677734375</v>
      </c>
      <c r="J334">
        <v>73.157144377275273</v>
      </c>
      <c r="K334">
        <v>-1.5620749297289441E-3</v>
      </c>
      <c r="L334">
        <v>-1.1554673031739799</v>
      </c>
      <c r="M334">
        <v>7.085632031114784</v>
      </c>
      <c r="N334">
        <v>6</v>
      </c>
      <c r="O334">
        <v>1</v>
      </c>
      <c r="P334">
        <v>5</v>
      </c>
      <c r="Q334">
        <v>0.93390300240336677</v>
      </c>
      <c r="R334">
        <v>4.9113858648524502</v>
      </c>
      <c r="S334">
        <v>1</v>
      </c>
      <c r="T334">
        <v>1</v>
      </c>
      <c r="U334">
        <v>0</v>
      </c>
      <c r="V334">
        <v>0</v>
      </c>
      <c r="W334">
        <v>5.541263545158424</v>
      </c>
      <c r="X334">
        <v>1</v>
      </c>
      <c r="Y334">
        <v>1</v>
      </c>
      <c r="Z334">
        <v>0</v>
      </c>
      <c r="AA334">
        <v>0</v>
      </c>
      <c r="AB334">
        <v>5.5373342670185366</v>
      </c>
      <c r="AC334">
        <v>1</v>
      </c>
      <c r="AD334">
        <v>1</v>
      </c>
      <c r="AE334">
        <v>0</v>
      </c>
      <c r="AF334">
        <v>0</v>
      </c>
      <c r="AG334">
        <v>5.5333894887275203</v>
      </c>
      <c r="AH334">
        <v>-2.0210320095512841E-2</v>
      </c>
      <c r="AI334">
        <v>-2.3451510116022239E-2</v>
      </c>
      <c r="AJ334">
        <v>0.1248766595173449</v>
      </c>
      <c r="AK334">
        <v>0.1257495255263516</v>
      </c>
      <c r="AL334">
        <v>1154.845113085451</v>
      </c>
      <c r="AM334">
        <v>2084.2592844419942</v>
      </c>
      <c r="AN334">
        <v>33208</v>
      </c>
      <c r="AO334">
        <v>131.30183330644459</v>
      </c>
      <c r="AP334">
        <v>900.42702804174883</v>
      </c>
      <c r="AQ334">
        <v>1.08984375</v>
      </c>
      <c r="AR334">
        <v>3.9609375</v>
      </c>
      <c r="AS334">
        <v>253</v>
      </c>
      <c r="AT334">
        <v>81.8515625</v>
      </c>
      <c r="AU334">
        <v>3.6632627952755903E-2</v>
      </c>
      <c r="AV334">
        <v>-2.023792990545089E-2</v>
      </c>
      <c r="AW334">
        <v>0.39453125</v>
      </c>
      <c r="AX334">
        <v>84.011764705882356</v>
      </c>
      <c r="AY334">
        <v>60</v>
      </c>
      <c r="AZ334">
        <v>118.25</v>
      </c>
      <c r="BA334">
        <v>0.56396738618954678</v>
      </c>
      <c r="BB334">
        <v>0.48828125</v>
      </c>
      <c r="BC334">
        <v>4.7977305122067353</v>
      </c>
      <c r="BD334" t="s">
        <v>1339</v>
      </c>
      <c r="BE334" t="s">
        <v>62</v>
      </c>
    </row>
    <row r="335" spans="1:57" x14ac:dyDescent="0.3">
      <c r="A335" t="s">
        <v>1340</v>
      </c>
      <c r="B335">
        <v>2826</v>
      </c>
      <c r="C335" t="s">
        <v>1341</v>
      </c>
      <c r="D335" t="s">
        <v>1342</v>
      </c>
      <c r="E335" t="s">
        <v>93</v>
      </c>
      <c r="F335">
        <v>2864</v>
      </c>
      <c r="G335">
        <v>127.1641061452514</v>
      </c>
      <c r="H335">
        <v>127</v>
      </c>
      <c r="I335">
        <v>5459.285918335102</v>
      </c>
      <c r="J335">
        <v>73.886980709290739</v>
      </c>
      <c r="K335">
        <v>1.6381743763068741E-2</v>
      </c>
      <c r="L335">
        <v>-1.189546897751256</v>
      </c>
      <c r="M335">
        <v>7.9332037263612403</v>
      </c>
      <c r="N335">
        <v>22</v>
      </c>
      <c r="O335">
        <v>4</v>
      </c>
      <c r="P335">
        <v>18</v>
      </c>
      <c r="Q335">
        <v>3.390588997504711</v>
      </c>
      <c r="R335">
        <v>5.4988777957349413</v>
      </c>
      <c r="S335">
        <v>3</v>
      </c>
      <c r="T335">
        <v>1</v>
      </c>
      <c r="U335">
        <v>2</v>
      </c>
      <c r="V335">
        <v>0.15412643460492231</v>
      </c>
      <c r="W335">
        <v>7.9274846568348689</v>
      </c>
      <c r="X335">
        <v>1</v>
      </c>
      <c r="Y335">
        <v>1</v>
      </c>
      <c r="Z335">
        <v>0</v>
      </c>
      <c r="AA335">
        <v>0</v>
      </c>
      <c r="AB335">
        <v>7.9592759601163969</v>
      </c>
      <c r="AC335">
        <v>1</v>
      </c>
      <c r="AD335">
        <v>1</v>
      </c>
      <c r="AE335">
        <v>0</v>
      </c>
      <c r="AF335">
        <v>0</v>
      </c>
      <c r="AG335">
        <v>7.9589264930501091</v>
      </c>
      <c r="AH335">
        <v>-7.6702778992673616E-3</v>
      </c>
      <c r="AI335">
        <v>-4.5110186623060237E-3</v>
      </c>
      <c r="AJ335">
        <v>-2.4453576546855729E-2</v>
      </c>
      <c r="AK335">
        <v>2.8547297163210631E-3</v>
      </c>
      <c r="AL335">
        <v>3651.8620767172811</v>
      </c>
      <c r="AM335">
        <v>6972.2457911804977</v>
      </c>
      <c r="AN335">
        <v>364198</v>
      </c>
      <c r="AO335">
        <v>20.30294321103084</v>
      </c>
      <c r="AP335">
        <v>3336.447035140402</v>
      </c>
      <c r="AQ335">
        <v>1.008030726256983</v>
      </c>
      <c r="AR335">
        <v>3.989874301675977</v>
      </c>
      <c r="AS335">
        <v>2852</v>
      </c>
      <c r="AT335">
        <v>263.06145251396651</v>
      </c>
      <c r="AU335">
        <v>1.0588509146675419E-2</v>
      </c>
      <c r="AV335">
        <v>-7.6724291700678033E-3</v>
      </c>
      <c r="AW335">
        <v>0.37150837988826818</v>
      </c>
      <c r="AX335">
        <v>85.922109675165913</v>
      </c>
      <c r="AY335">
        <v>64</v>
      </c>
      <c r="AZ335">
        <v>128</v>
      </c>
      <c r="BA335">
        <v>0.5810364492704756</v>
      </c>
      <c r="BB335">
        <v>0.49965083798882681</v>
      </c>
      <c r="BC335">
        <v>5.3078913108600752</v>
      </c>
      <c r="BD335" t="s">
        <v>1343</v>
      </c>
      <c r="BE335" t="s">
        <v>62</v>
      </c>
    </row>
    <row r="336" spans="1:57" x14ac:dyDescent="0.3">
      <c r="A336" t="s">
        <v>1344</v>
      </c>
      <c r="B336">
        <v>2627</v>
      </c>
      <c r="C336" t="s">
        <v>1345</v>
      </c>
      <c r="D336" t="s">
        <v>1346</v>
      </c>
      <c r="E336" t="s">
        <v>106</v>
      </c>
      <c r="F336">
        <v>2655</v>
      </c>
      <c r="G336">
        <v>128.34237288135591</v>
      </c>
      <c r="H336">
        <v>129</v>
      </c>
      <c r="I336">
        <v>5349.0718580229186</v>
      </c>
      <c r="J336">
        <v>73.137349268502476</v>
      </c>
      <c r="K336">
        <v>-9.6936545758172718E-3</v>
      </c>
      <c r="L336">
        <v>-1.163539671670464</v>
      </c>
      <c r="M336">
        <v>7.9345403235854484</v>
      </c>
      <c r="N336">
        <v>22</v>
      </c>
      <c r="O336">
        <v>4</v>
      </c>
      <c r="P336">
        <v>18</v>
      </c>
      <c r="Q336">
        <v>3.1060337536335529</v>
      </c>
      <c r="R336">
        <v>5.4998042543324601</v>
      </c>
      <c r="S336">
        <v>3</v>
      </c>
      <c r="T336">
        <v>1</v>
      </c>
      <c r="U336">
        <v>2</v>
      </c>
      <c r="V336">
        <v>0.14662685676216591</v>
      </c>
      <c r="W336">
        <v>7.8557448059144281</v>
      </c>
      <c r="X336">
        <v>1</v>
      </c>
      <c r="Y336">
        <v>1</v>
      </c>
      <c r="Z336">
        <v>0</v>
      </c>
      <c r="AA336">
        <v>0</v>
      </c>
      <c r="AB336">
        <v>7.8834463541377406</v>
      </c>
      <c r="AC336">
        <v>1</v>
      </c>
      <c r="AD336">
        <v>1</v>
      </c>
      <c r="AE336">
        <v>0</v>
      </c>
      <c r="AF336">
        <v>0</v>
      </c>
      <c r="AG336">
        <v>7.883069351305755</v>
      </c>
      <c r="AH336">
        <v>3.675697389017709E-2</v>
      </c>
      <c r="AI336">
        <v>7.7664262212332504E-3</v>
      </c>
      <c r="AJ336">
        <v>3.0012580399681282E-2</v>
      </c>
      <c r="AK336">
        <v>-2.4211574598673229E-2</v>
      </c>
      <c r="AL336">
        <v>3440.039512300249</v>
      </c>
      <c r="AM336">
        <v>6789.7311547522322</v>
      </c>
      <c r="AN336">
        <v>340749</v>
      </c>
      <c r="AO336">
        <v>70.704543980962669</v>
      </c>
      <c r="AP336">
        <v>3100.2721066056092</v>
      </c>
      <c r="AQ336">
        <v>1.0086629001883241</v>
      </c>
      <c r="AR336">
        <v>3.9977401129943502</v>
      </c>
      <c r="AS336">
        <v>2648</v>
      </c>
      <c r="AT336">
        <v>238.1374764595104</v>
      </c>
      <c r="AU336">
        <v>2.0250360031018041E-2</v>
      </c>
      <c r="AV336">
        <v>3.6764825051030889E-2</v>
      </c>
      <c r="AW336">
        <v>0.3672316384180791</v>
      </c>
      <c r="AX336">
        <v>82.134513941220803</v>
      </c>
      <c r="AY336">
        <v>63</v>
      </c>
      <c r="AZ336">
        <v>126</v>
      </c>
      <c r="BA336">
        <v>0.56986128296157601</v>
      </c>
      <c r="BB336">
        <v>0.5062146892655367</v>
      </c>
      <c r="BC336">
        <v>5.2750512457149838</v>
      </c>
      <c r="BD336" t="s">
        <v>1347</v>
      </c>
      <c r="BE336" t="s">
        <v>68</v>
      </c>
    </row>
    <row r="337" spans="1:57" x14ac:dyDescent="0.3">
      <c r="A337" t="s">
        <v>1348</v>
      </c>
      <c r="B337">
        <v>2563</v>
      </c>
      <c r="C337" t="s">
        <v>1349</v>
      </c>
      <c r="D337" t="s">
        <v>1350</v>
      </c>
      <c r="E337" t="s">
        <v>106</v>
      </c>
      <c r="F337">
        <v>2601</v>
      </c>
      <c r="G337">
        <v>128.01384083044979</v>
      </c>
      <c r="H337">
        <v>127</v>
      </c>
      <c r="I337">
        <v>5626.413495474857</v>
      </c>
      <c r="J337">
        <v>75.00942271124913</v>
      </c>
      <c r="K337">
        <v>1.31641568863743E-2</v>
      </c>
      <c r="L337">
        <v>-1.2502069853766229</v>
      </c>
      <c r="M337">
        <v>7.9196638628110696</v>
      </c>
      <c r="N337">
        <v>23</v>
      </c>
      <c r="O337">
        <v>2</v>
      </c>
      <c r="P337">
        <v>21</v>
      </c>
      <c r="Q337">
        <v>3.3891103147560631</v>
      </c>
      <c r="R337">
        <v>5.4894926774899773</v>
      </c>
      <c r="S337">
        <v>3</v>
      </c>
      <c r="T337">
        <v>1</v>
      </c>
      <c r="U337">
        <v>2</v>
      </c>
      <c r="V337">
        <v>0.14008285680286661</v>
      </c>
      <c r="W337">
        <v>7.8369391579177901</v>
      </c>
      <c r="X337">
        <v>1</v>
      </c>
      <c r="Y337">
        <v>1</v>
      </c>
      <c r="Z337">
        <v>0</v>
      </c>
      <c r="AA337">
        <v>0</v>
      </c>
      <c r="AB337">
        <v>7.8628820346414887</v>
      </c>
      <c r="AC337">
        <v>1</v>
      </c>
      <c r="AD337">
        <v>1</v>
      </c>
      <c r="AE337">
        <v>0</v>
      </c>
      <c r="AF337">
        <v>0</v>
      </c>
      <c r="AG337">
        <v>7.8624971972305424</v>
      </c>
      <c r="AH337">
        <v>7.4414327927998787E-4</v>
      </c>
      <c r="AI337">
        <v>-4.1064304203696786E-3</v>
      </c>
      <c r="AJ337">
        <v>1.5959479609244612E-2</v>
      </c>
      <c r="AK337">
        <v>7.9009549275825316E-3</v>
      </c>
      <c r="AL337">
        <v>3519.7479826456679</v>
      </c>
      <c r="AM337">
        <v>6698.4831222196681</v>
      </c>
      <c r="AN337">
        <v>332964</v>
      </c>
      <c r="AO337">
        <v>152.2919828872644</v>
      </c>
      <c r="AP337">
        <v>3216.239765018438</v>
      </c>
      <c r="AQ337">
        <v>1.00884275278739</v>
      </c>
      <c r="AR337">
        <v>4.0207612456747404</v>
      </c>
      <c r="AS337">
        <v>2591</v>
      </c>
      <c r="AT337">
        <v>289.4083044982699</v>
      </c>
      <c r="AU337">
        <v>1.937716262975786E-2</v>
      </c>
      <c r="AV337">
        <v>7.4485493165611357E-4</v>
      </c>
      <c r="AW337">
        <v>0.36755094194540561</v>
      </c>
      <c r="AX337">
        <v>86.796538461538461</v>
      </c>
      <c r="AY337">
        <v>68</v>
      </c>
      <c r="AZ337">
        <v>134</v>
      </c>
      <c r="BA337">
        <v>0.58594775552900313</v>
      </c>
      <c r="BB337">
        <v>0.49480968858131491</v>
      </c>
      <c r="BC337">
        <v>5.3186982319068106</v>
      </c>
      <c r="BD337" t="s">
        <v>1351</v>
      </c>
      <c r="BE337" t="s">
        <v>68</v>
      </c>
    </row>
    <row r="338" spans="1:57" x14ac:dyDescent="0.3">
      <c r="A338" t="s">
        <v>1352</v>
      </c>
      <c r="B338">
        <v>986</v>
      </c>
      <c r="C338" t="s">
        <v>1353</v>
      </c>
      <c r="D338" t="s">
        <v>1354</v>
      </c>
      <c r="E338" t="s">
        <v>66</v>
      </c>
      <c r="F338">
        <v>71</v>
      </c>
      <c r="G338">
        <v>129.91549295774649</v>
      </c>
      <c r="H338">
        <v>147</v>
      </c>
      <c r="I338">
        <v>6097.6266613767111</v>
      </c>
      <c r="J338">
        <v>78.087301537296767</v>
      </c>
      <c r="K338">
        <v>-0.12791406423528021</v>
      </c>
      <c r="L338">
        <v>-1.3519533506950281</v>
      </c>
      <c r="M338">
        <v>5.8398879645750998</v>
      </c>
      <c r="N338">
        <v>2</v>
      </c>
      <c r="O338">
        <v>1</v>
      </c>
      <c r="P338">
        <v>1</v>
      </c>
      <c r="Q338">
        <v>0.3869395588747967</v>
      </c>
      <c r="R338">
        <v>4.0479018774311921</v>
      </c>
      <c r="S338">
        <v>1</v>
      </c>
      <c r="T338">
        <v>1</v>
      </c>
      <c r="U338">
        <v>0</v>
      </c>
      <c r="V338">
        <v>0</v>
      </c>
      <c r="W338">
        <v>4.2484952420493576</v>
      </c>
      <c r="X338">
        <v>1</v>
      </c>
      <c r="Y338">
        <v>1</v>
      </c>
      <c r="Z338">
        <v>0</v>
      </c>
      <c r="AA338">
        <v>0</v>
      </c>
      <c r="AB338">
        <v>4.2341065045972579</v>
      </c>
      <c r="AC338">
        <v>1</v>
      </c>
      <c r="AD338">
        <v>1</v>
      </c>
      <c r="AE338">
        <v>0</v>
      </c>
      <c r="AF338">
        <v>0</v>
      </c>
      <c r="AG338">
        <v>4.2195077051761087</v>
      </c>
      <c r="AH338">
        <v>0.31786135284708689</v>
      </c>
      <c r="AI338">
        <v>-1.0067494466304229E-2</v>
      </c>
      <c r="AJ338">
        <v>-4.6199988678925337E-2</v>
      </c>
      <c r="AK338">
        <v>0.18233086513695779</v>
      </c>
      <c r="AL338">
        <v>682.18165680630602</v>
      </c>
      <c r="AM338">
        <v>1079.768580352754</v>
      </c>
      <c r="AN338">
        <v>9224</v>
      </c>
      <c r="AO338">
        <v>59.150277907828887</v>
      </c>
      <c r="AP338">
        <v>475.34450076842569</v>
      </c>
      <c r="AQ338">
        <v>1.323943661971831</v>
      </c>
      <c r="AR338">
        <v>3.943661971830986</v>
      </c>
      <c r="AS338">
        <v>70</v>
      </c>
      <c r="AT338">
        <v>7.5915492957746471</v>
      </c>
      <c r="AU338">
        <v>0.1314553990610329</v>
      </c>
      <c r="AV338">
        <v>0.32147218949075412</v>
      </c>
      <c r="AW338">
        <v>0.352112676056338</v>
      </c>
      <c r="AX338">
        <v>74.971428571428575</v>
      </c>
      <c r="AY338">
        <v>65</v>
      </c>
      <c r="AZ338">
        <v>133.5</v>
      </c>
      <c r="BA338">
        <v>0.60106227332481255</v>
      </c>
      <c r="BB338">
        <v>0.52112676056338025</v>
      </c>
      <c r="BC338">
        <v>3.9835656015018861</v>
      </c>
      <c r="BD338" t="s">
        <v>1355</v>
      </c>
      <c r="BE338" t="s">
        <v>68</v>
      </c>
    </row>
    <row r="339" spans="1:57" x14ac:dyDescent="0.3">
      <c r="A339" t="s">
        <v>1356</v>
      </c>
      <c r="B339">
        <v>136</v>
      </c>
      <c r="C339" t="s">
        <v>1357</v>
      </c>
      <c r="D339" t="s">
        <v>1358</v>
      </c>
      <c r="E339" t="s">
        <v>60</v>
      </c>
      <c r="F339">
        <v>256</v>
      </c>
      <c r="G339">
        <v>142.15234375</v>
      </c>
      <c r="H339">
        <v>151</v>
      </c>
      <c r="I339">
        <v>4975.5744476318359</v>
      </c>
      <c r="J339">
        <v>70.537751932081278</v>
      </c>
      <c r="K339">
        <v>-0.21381043104834521</v>
      </c>
      <c r="L339">
        <v>-1.0832594710483909</v>
      </c>
      <c r="M339">
        <v>7.0984091562975937</v>
      </c>
      <c r="N339">
        <v>5</v>
      </c>
      <c r="O339">
        <v>1</v>
      </c>
      <c r="P339">
        <v>4</v>
      </c>
      <c r="Q339">
        <v>0.91892088612303413</v>
      </c>
      <c r="R339">
        <v>4.9202422931485774</v>
      </c>
      <c r="S339">
        <v>2</v>
      </c>
      <c r="T339">
        <v>1</v>
      </c>
      <c r="U339">
        <v>1</v>
      </c>
      <c r="V339">
        <v>6.2621943781838038E-2</v>
      </c>
      <c r="W339">
        <v>5.5358270966834446</v>
      </c>
      <c r="X339">
        <v>1</v>
      </c>
      <c r="Y339">
        <v>1</v>
      </c>
      <c r="Z339">
        <v>0</v>
      </c>
      <c r="AA339">
        <v>0</v>
      </c>
      <c r="AB339">
        <v>5.5373342670185366</v>
      </c>
      <c r="AC339">
        <v>1</v>
      </c>
      <c r="AD339">
        <v>1</v>
      </c>
      <c r="AE339">
        <v>0</v>
      </c>
      <c r="AF339">
        <v>0</v>
      </c>
      <c r="AG339">
        <v>5.5333894887275203</v>
      </c>
      <c r="AH339">
        <v>-1.7881493517452371E-2</v>
      </c>
      <c r="AI339">
        <v>-4.7366890180571657E-2</v>
      </c>
      <c r="AJ339">
        <v>-0.12309504231353691</v>
      </c>
      <c r="AK339">
        <v>-6.9983587192417984E-2</v>
      </c>
      <c r="AL339">
        <v>1128.402332580953</v>
      </c>
      <c r="AM339">
        <v>2274.5375740633231</v>
      </c>
      <c r="AN339">
        <v>36391</v>
      </c>
      <c r="AO339">
        <v>65.387589850609643</v>
      </c>
      <c r="AP339">
        <v>919.47958895191073</v>
      </c>
      <c r="AQ339">
        <v>1.08984375</v>
      </c>
      <c r="AR339">
        <v>4.12890625</v>
      </c>
      <c r="AS339">
        <v>255</v>
      </c>
      <c r="AT339">
        <v>81.304687499999986</v>
      </c>
      <c r="AU339">
        <v>9.012057086614178E-2</v>
      </c>
      <c r="AV339">
        <v>-1.7956593962385529E-2</v>
      </c>
      <c r="AW339">
        <v>0.33203125</v>
      </c>
      <c r="AX339">
        <v>81.41568627450981</v>
      </c>
      <c r="AY339">
        <v>60</v>
      </c>
      <c r="AZ339">
        <v>120</v>
      </c>
      <c r="BA339">
        <v>0.49621237379057481</v>
      </c>
      <c r="BB339">
        <v>0.53515625</v>
      </c>
      <c r="BC339">
        <v>4.8662821729340324</v>
      </c>
      <c r="BD339" t="s">
        <v>1359</v>
      </c>
      <c r="BE339" t="s">
        <v>62</v>
      </c>
    </row>
    <row r="340" spans="1:57" x14ac:dyDescent="0.3">
      <c r="A340" t="s">
        <v>1360</v>
      </c>
      <c r="B340">
        <v>1747</v>
      </c>
      <c r="C340" t="s">
        <v>1361</v>
      </c>
      <c r="D340" t="s">
        <v>1362</v>
      </c>
      <c r="E340" t="s">
        <v>106</v>
      </c>
      <c r="F340">
        <v>1773</v>
      </c>
      <c r="G340">
        <v>125.2041737168641</v>
      </c>
      <c r="H340">
        <v>128</v>
      </c>
      <c r="I340">
        <v>5591.9019115140973</v>
      </c>
      <c r="J340">
        <v>74.779020530587971</v>
      </c>
      <c r="K340">
        <v>-3.9892357825958829E-3</v>
      </c>
      <c r="L340">
        <v>-1.2109535704656571</v>
      </c>
      <c r="M340">
        <v>7.8944754986826569</v>
      </c>
      <c r="N340">
        <v>15</v>
      </c>
      <c r="O340">
        <v>2</v>
      </c>
      <c r="P340">
        <v>13</v>
      </c>
      <c r="Q340">
        <v>2.606774410482894</v>
      </c>
      <c r="R340">
        <v>5.4720334339114407</v>
      </c>
      <c r="S340">
        <v>2</v>
      </c>
      <c r="T340">
        <v>1</v>
      </c>
      <c r="U340">
        <v>1</v>
      </c>
      <c r="V340">
        <v>9.7942734694253714E-2</v>
      </c>
      <c r="W340">
        <v>7.4665644674296763</v>
      </c>
      <c r="X340">
        <v>1</v>
      </c>
      <c r="Y340">
        <v>1</v>
      </c>
      <c r="Z340">
        <v>0</v>
      </c>
      <c r="AA340">
        <v>0</v>
      </c>
      <c r="AB340">
        <v>7.4792996377828356</v>
      </c>
      <c r="AC340">
        <v>1</v>
      </c>
      <c r="AD340">
        <v>1</v>
      </c>
      <c r="AE340">
        <v>0</v>
      </c>
      <c r="AF340">
        <v>0</v>
      </c>
      <c r="AG340">
        <v>7.4787348255678729</v>
      </c>
      <c r="AH340">
        <v>9.3322218723229291E-3</v>
      </c>
      <c r="AI340">
        <v>-2.4506078295305621E-2</v>
      </c>
      <c r="AJ340">
        <v>8.7804992125487154E-3</v>
      </c>
      <c r="AK340">
        <v>-9.1541337783050663E-3</v>
      </c>
      <c r="AL340">
        <v>2937.1341763052642</v>
      </c>
      <c r="AM340">
        <v>5392.7158121283928</v>
      </c>
      <c r="AN340">
        <v>221987</v>
      </c>
      <c r="AO340">
        <v>127.9417728088289</v>
      </c>
      <c r="AP340">
        <v>2638.805892199412</v>
      </c>
      <c r="AQ340">
        <v>1.01297236322617</v>
      </c>
      <c r="AR340">
        <v>3.9842075578116192</v>
      </c>
      <c r="AS340">
        <v>1770</v>
      </c>
      <c r="AT340">
        <v>251.17597292724199</v>
      </c>
      <c r="AU340">
        <v>2.9667230682459109E-2</v>
      </c>
      <c r="AV340">
        <v>9.3371571874210097E-3</v>
      </c>
      <c r="AW340">
        <v>0.34348561759729268</v>
      </c>
      <c r="AX340">
        <v>85.449209932279913</v>
      </c>
      <c r="AY340">
        <v>65</v>
      </c>
      <c r="AZ340">
        <v>130</v>
      </c>
      <c r="BA340">
        <v>0.597256611426491</v>
      </c>
      <c r="BB340">
        <v>0.50705019740552737</v>
      </c>
      <c r="BC340">
        <v>5.2915722458759662</v>
      </c>
      <c r="BD340" t="s">
        <v>1363</v>
      </c>
      <c r="BE340" t="s">
        <v>68</v>
      </c>
    </row>
    <row r="341" spans="1:57" x14ac:dyDescent="0.3">
      <c r="A341" t="s">
        <v>1364</v>
      </c>
      <c r="B341">
        <v>1598</v>
      </c>
      <c r="C341" t="s">
        <v>1365</v>
      </c>
      <c r="D341" t="s">
        <v>1366</v>
      </c>
      <c r="E341" t="s">
        <v>115</v>
      </c>
      <c r="F341">
        <v>1632</v>
      </c>
      <c r="G341">
        <v>129.19914215686271</v>
      </c>
      <c r="H341">
        <v>126.5</v>
      </c>
      <c r="I341">
        <v>5532.9082590680264</v>
      </c>
      <c r="J341">
        <v>74.383521421535477</v>
      </c>
      <c r="K341">
        <v>-1.5288916664173669E-3</v>
      </c>
      <c r="L341">
        <v>-1.216670933016035</v>
      </c>
      <c r="M341">
        <v>7.8859412804800773</v>
      </c>
      <c r="N341">
        <v>14</v>
      </c>
      <c r="O341">
        <v>1</v>
      </c>
      <c r="P341">
        <v>13</v>
      </c>
      <c r="Q341">
        <v>2.5449091339377921</v>
      </c>
      <c r="R341">
        <v>5.4661179646260472</v>
      </c>
      <c r="S341">
        <v>2</v>
      </c>
      <c r="T341">
        <v>1</v>
      </c>
      <c r="U341">
        <v>1</v>
      </c>
      <c r="V341">
        <v>0.1187387593540804</v>
      </c>
      <c r="W341">
        <v>7.3773993872281514</v>
      </c>
      <c r="X341">
        <v>1</v>
      </c>
      <c r="Y341">
        <v>1</v>
      </c>
      <c r="Z341">
        <v>0</v>
      </c>
      <c r="AA341">
        <v>0</v>
      </c>
      <c r="AB341">
        <v>7.3963352938008082</v>
      </c>
      <c r="AC341">
        <v>1</v>
      </c>
      <c r="AD341">
        <v>1</v>
      </c>
      <c r="AE341">
        <v>0</v>
      </c>
      <c r="AF341">
        <v>0</v>
      </c>
      <c r="AG341">
        <v>7.3957216086020434</v>
      </c>
      <c r="AH341">
        <v>2.7380747611604361E-2</v>
      </c>
      <c r="AI341">
        <v>-7.1580126185347951E-4</v>
      </c>
      <c r="AJ341">
        <v>-9.769730850582305E-3</v>
      </c>
      <c r="AK341">
        <v>-1.064253087075694E-2</v>
      </c>
      <c r="AL341">
        <v>2788.7107813596531</v>
      </c>
      <c r="AM341">
        <v>5338.054437520138</v>
      </c>
      <c r="AN341">
        <v>210853</v>
      </c>
      <c r="AO341">
        <v>10.28624239761035</v>
      </c>
      <c r="AP341">
        <v>2536.3962348497998</v>
      </c>
      <c r="AQ341">
        <v>1.014093137254902</v>
      </c>
      <c r="AR341">
        <v>4.0318627450980404</v>
      </c>
      <c r="AS341">
        <v>1629</v>
      </c>
      <c r="AT341">
        <v>260.07843137254912</v>
      </c>
      <c r="AU341">
        <v>2.0465686274509839E-2</v>
      </c>
      <c r="AV341">
        <v>2.7385886165204029E-2</v>
      </c>
      <c r="AW341">
        <v>0.38419117647058831</v>
      </c>
      <c r="AX341">
        <v>84.422440220723487</v>
      </c>
      <c r="AY341">
        <v>65.5</v>
      </c>
      <c r="AZ341">
        <v>130</v>
      </c>
      <c r="BA341">
        <v>0.57572767264371816</v>
      </c>
      <c r="BB341">
        <v>0.49325980392156871</v>
      </c>
      <c r="BC341">
        <v>5.2725002218624279</v>
      </c>
      <c r="BD341" t="s">
        <v>1367</v>
      </c>
      <c r="BE341" t="s">
        <v>62</v>
      </c>
    </row>
    <row r="342" spans="1:57" x14ac:dyDescent="0.3">
      <c r="A342" t="s">
        <v>1368</v>
      </c>
      <c r="B342">
        <v>3480</v>
      </c>
      <c r="C342" t="s">
        <v>1369</v>
      </c>
      <c r="D342" t="s">
        <v>1370</v>
      </c>
      <c r="E342" t="s">
        <v>98</v>
      </c>
      <c r="F342">
        <v>16</v>
      </c>
      <c r="G342">
        <v>117.1875</v>
      </c>
      <c r="H342">
        <v>123.5</v>
      </c>
      <c r="I342">
        <v>4158.52734375</v>
      </c>
      <c r="J342">
        <v>64.486644692912961</v>
      </c>
      <c r="K342">
        <v>7.6174345560296036E-2</v>
      </c>
      <c r="L342">
        <v>-0.58722195552000178</v>
      </c>
      <c r="M342">
        <v>4</v>
      </c>
      <c r="N342">
        <v>1</v>
      </c>
      <c r="O342">
        <v>1</v>
      </c>
      <c r="P342">
        <v>0</v>
      </c>
      <c r="Q342">
        <v>0</v>
      </c>
      <c r="R342">
        <v>2.7725887222397811</v>
      </c>
      <c r="S342">
        <v>1</v>
      </c>
      <c r="T342">
        <v>1</v>
      </c>
      <c r="U342">
        <v>0</v>
      </c>
      <c r="V342">
        <v>0</v>
      </c>
      <c r="W342">
        <v>2.7080502011022101</v>
      </c>
      <c r="X342">
        <v>1</v>
      </c>
      <c r="Y342">
        <v>1</v>
      </c>
      <c r="Z342">
        <v>0</v>
      </c>
      <c r="AA342">
        <v>0</v>
      </c>
      <c r="AB342">
        <v>2.639057329615258</v>
      </c>
      <c r="AC342">
        <v>1</v>
      </c>
      <c r="AD342">
        <v>1</v>
      </c>
      <c r="AE342">
        <v>0</v>
      </c>
      <c r="AF342">
        <v>0</v>
      </c>
      <c r="AG342">
        <v>2.5649493574615372</v>
      </c>
      <c r="AH342">
        <v>-0.13178828001198589</v>
      </c>
      <c r="AI342">
        <v>0.20110585553216609</v>
      </c>
      <c r="AJ342">
        <v>-0.21607128096165351</v>
      </c>
      <c r="AK342">
        <v>-6.2294461775173941E-2</v>
      </c>
      <c r="AL342">
        <v>337.08265550621201</v>
      </c>
      <c r="AM342">
        <v>415.49763339504159</v>
      </c>
      <c r="AN342">
        <v>1875</v>
      </c>
      <c r="AO342">
        <v>55.523436377580339</v>
      </c>
      <c r="AP342">
        <v>265.56984872317742</v>
      </c>
      <c r="AQ342">
        <v>2.25</v>
      </c>
      <c r="AR342">
        <v>4.375</v>
      </c>
      <c r="AS342">
        <v>16</v>
      </c>
      <c r="AT342">
        <v>0</v>
      </c>
      <c r="AU342">
        <v>0.26556324110671942</v>
      </c>
      <c r="AV342">
        <v>-0.1424844202173457</v>
      </c>
      <c r="AW342">
        <v>0.4375</v>
      </c>
      <c r="AX342">
        <v>79.2</v>
      </c>
      <c r="AY342">
        <v>48</v>
      </c>
      <c r="AZ342">
        <v>89.75</v>
      </c>
      <c r="BA342">
        <v>0.55028603471285731</v>
      </c>
      <c r="BB342">
        <v>0.5625</v>
      </c>
      <c r="BC342">
        <v>2.615630577027551</v>
      </c>
      <c r="BD342" t="s">
        <v>1369</v>
      </c>
      <c r="BE342" t="s">
        <v>62</v>
      </c>
    </row>
    <row r="343" spans="1:57" x14ac:dyDescent="0.3">
      <c r="A343" t="s">
        <v>1371</v>
      </c>
      <c r="B343">
        <v>156</v>
      </c>
      <c r="C343" t="s">
        <v>1372</v>
      </c>
      <c r="D343" t="s">
        <v>1373</v>
      </c>
      <c r="E343" t="s">
        <v>60</v>
      </c>
      <c r="F343">
        <v>256</v>
      </c>
      <c r="G343">
        <v>125.6875</v>
      </c>
      <c r="H343">
        <v>129</v>
      </c>
      <c r="I343">
        <v>5057.09765625</v>
      </c>
      <c r="J343">
        <v>71.113273418188257</v>
      </c>
      <c r="K343">
        <v>3.0958325028111841E-2</v>
      </c>
      <c r="L343">
        <v>-1.028277579721081</v>
      </c>
      <c r="M343">
        <v>7.0880379764848849</v>
      </c>
      <c r="N343">
        <v>6</v>
      </c>
      <c r="O343">
        <v>1</v>
      </c>
      <c r="P343">
        <v>5</v>
      </c>
      <c r="Q343">
        <v>0.9129431200675473</v>
      </c>
      <c r="R343">
        <v>4.913053539102318</v>
      </c>
      <c r="S343">
        <v>2</v>
      </c>
      <c r="T343">
        <v>1</v>
      </c>
      <c r="U343">
        <v>1</v>
      </c>
      <c r="V343">
        <v>6.2621943781838052E-2</v>
      </c>
      <c r="W343">
        <v>5.5358270966834446</v>
      </c>
      <c r="X343">
        <v>1</v>
      </c>
      <c r="Y343">
        <v>1</v>
      </c>
      <c r="Z343">
        <v>0</v>
      </c>
      <c r="AA343">
        <v>0</v>
      </c>
      <c r="AB343">
        <v>5.5373342670185366</v>
      </c>
      <c r="AC343">
        <v>1</v>
      </c>
      <c r="AD343">
        <v>1</v>
      </c>
      <c r="AE343">
        <v>0</v>
      </c>
      <c r="AF343">
        <v>0</v>
      </c>
      <c r="AG343">
        <v>5.5333894887275203</v>
      </c>
      <c r="AH343">
        <v>-4.4516812815102842E-2</v>
      </c>
      <c r="AI343">
        <v>-2.1185711922908471E-2</v>
      </c>
      <c r="AJ343">
        <v>2.299493728164391E-2</v>
      </c>
      <c r="AK343">
        <v>-8.6865278012724992E-3</v>
      </c>
      <c r="AL343">
        <v>1143.3996370890579</v>
      </c>
      <c r="AM343">
        <v>2007.828496138206</v>
      </c>
      <c r="AN343">
        <v>32176</v>
      </c>
      <c r="AO343">
        <v>79.614331894821319</v>
      </c>
      <c r="AP343">
        <v>986.58086302243089</v>
      </c>
      <c r="AQ343">
        <v>1.08984375</v>
      </c>
      <c r="AR343">
        <v>3.97265625</v>
      </c>
      <c r="AS343">
        <v>255</v>
      </c>
      <c r="AT343">
        <v>78.21875</v>
      </c>
      <c r="AU343">
        <v>5.2411417322834608E-2</v>
      </c>
      <c r="AV343">
        <v>-4.4907322202863378E-2</v>
      </c>
      <c r="AW343">
        <v>0.3671875</v>
      </c>
      <c r="AX343">
        <v>84.274509803921575</v>
      </c>
      <c r="AY343">
        <v>56</v>
      </c>
      <c r="AZ343">
        <v>111.5</v>
      </c>
      <c r="BA343">
        <v>0.56579431859324325</v>
      </c>
      <c r="BB343">
        <v>0.51171875</v>
      </c>
      <c r="BC343">
        <v>4.8451855751315271</v>
      </c>
      <c r="BD343" t="s">
        <v>1374</v>
      </c>
      <c r="BE343" t="s">
        <v>62</v>
      </c>
    </row>
    <row r="344" spans="1:57" x14ac:dyDescent="0.3">
      <c r="A344" t="s">
        <v>1375</v>
      </c>
      <c r="B344">
        <v>597</v>
      </c>
      <c r="C344" t="s">
        <v>1376</v>
      </c>
      <c r="D344" t="s">
        <v>1377</v>
      </c>
      <c r="E344" t="s">
        <v>115</v>
      </c>
      <c r="F344">
        <v>631</v>
      </c>
      <c r="G344">
        <v>123.6339144215531</v>
      </c>
      <c r="H344">
        <v>122</v>
      </c>
      <c r="I344">
        <v>5132.2827800814248</v>
      </c>
      <c r="J344">
        <v>71.639952401445839</v>
      </c>
      <c r="K344">
        <v>9.9721216495648399E-2</v>
      </c>
      <c r="L344">
        <v>-1.1251730911639859</v>
      </c>
      <c r="M344">
        <v>7.6566212808061138</v>
      </c>
      <c r="N344">
        <v>8</v>
      </c>
      <c r="O344">
        <v>1</v>
      </c>
      <c r="P344">
        <v>7</v>
      </c>
      <c r="Q344">
        <v>1.408498343812856</v>
      </c>
      <c r="R344">
        <v>5.3071654534060411</v>
      </c>
      <c r="S344">
        <v>1</v>
      </c>
      <c r="T344">
        <v>1</v>
      </c>
      <c r="U344">
        <v>0</v>
      </c>
      <c r="V344">
        <v>0</v>
      </c>
      <c r="W344">
        <v>6.4457198193855803</v>
      </c>
      <c r="X344">
        <v>1</v>
      </c>
      <c r="Y344">
        <v>1</v>
      </c>
      <c r="Z344">
        <v>0</v>
      </c>
      <c r="AA344">
        <v>0</v>
      </c>
      <c r="AB344">
        <v>6.4441312567004392</v>
      </c>
      <c r="AC344">
        <v>1</v>
      </c>
      <c r="AD344">
        <v>1</v>
      </c>
      <c r="AE344">
        <v>0</v>
      </c>
      <c r="AF344">
        <v>0</v>
      </c>
      <c r="AG344">
        <v>6.4425401664681976</v>
      </c>
      <c r="AH344">
        <v>-5.9839353503570017E-2</v>
      </c>
      <c r="AI344">
        <v>-2.0745027156075551E-2</v>
      </c>
      <c r="AJ344">
        <v>3.5002120002397682E-3</v>
      </c>
      <c r="AK344">
        <v>-2.1115898140063531E-2</v>
      </c>
      <c r="AL344">
        <v>1717.05229776754</v>
      </c>
      <c r="AM344">
        <v>3152.0238588454899</v>
      </c>
      <c r="AN344">
        <v>78013</v>
      </c>
      <c r="AO344">
        <v>98.398624462194064</v>
      </c>
      <c r="AP344">
        <v>1537.798284531746</v>
      </c>
      <c r="AQ344">
        <v>1.036450079239303</v>
      </c>
      <c r="AR344">
        <v>3.9714738510301109</v>
      </c>
      <c r="AS344">
        <v>630</v>
      </c>
      <c r="AT344">
        <v>164.87480190174321</v>
      </c>
      <c r="AU344">
        <v>4.5411889002827777E-2</v>
      </c>
      <c r="AV344">
        <v>-5.9852372802679937E-2</v>
      </c>
      <c r="AW344">
        <v>0.41362916006339151</v>
      </c>
      <c r="AX344">
        <v>85.061904761904756</v>
      </c>
      <c r="AY344">
        <v>60</v>
      </c>
      <c r="AZ344">
        <v>120.5</v>
      </c>
      <c r="BA344">
        <v>0.57945227033074398</v>
      </c>
      <c r="BB344">
        <v>0.49445324881141051</v>
      </c>
      <c r="BC344">
        <v>5.1592042387355317</v>
      </c>
      <c r="BD344" t="s">
        <v>1378</v>
      </c>
      <c r="BE344" t="s">
        <v>68</v>
      </c>
    </row>
    <row r="345" spans="1:57" x14ac:dyDescent="0.3">
      <c r="A345" t="s">
        <v>1379</v>
      </c>
      <c r="B345">
        <v>1216</v>
      </c>
      <c r="C345" t="s">
        <v>1380</v>
      </c>
      <c r="D345" t="s">
        <v>1381</v>
      </c>
      <c r="E345" t="s">
        <v>93</v>
      </c>
      <c r="F345">
        <v>1216</v>
      </c>
      <c r="G345">
        <v>129.02384868421049</v>
      </c>
      <c r="H345">
        <v>130.5</v>
      </c>
      <c r="I345">
        <v>5278.9986088718406</v>
      </c>
      <c r="J345">
        <v>72.65671757567803</v>
      </c>
      <c r="K345">
        <v>-3.5555540287883117E-2</v>
      </c>
      <c r="L345">
        <v>-1.1757125660309351</v>
      </c>
      <c r="M345">
        <v>7.8422855991167664</v>
      </c>
      <c r="N345">
        <v>12</v>
      </c>
      <c r="O345">
        <v>1</v>
      </c>
      <c r="P345">
        <v>11</v>
      </c>
      <c r="Q345">
        <v>2.1091836472431988</v>
      </c>
      <c r="R345">
        <v>5.4358581521736467</v>
      </c>
      <c r="S345">
        <v>2</v>
      </c>
      <c r="T345">
        <v>1</v>
      </c>
      <c r="U345">
        <v>1</v>
      </c>
      <c r="V345">
        <v>9.5145899772208262E-2</v>
      </c>
      <c r="W345">
        <v>7.0899485426287079</v>
      </c>
      <c r="X345">
        <v>1</v>
      </c>
      <c r="Y345">
        <v>1</v>
      </c>
      <c r="Z345">
        <v>0</v>
      </c>
      <c r="AA345">
        <v>0</v>
      </c>
      <c r="AB345">
        <v>7.1016759716194429</v>
      </c>
      <c r="AC345">
        <v>1</v>
      </c>
      <c r="AD345">
        <v>1</v>
      </c>
      <c r="AE345">
        <v>0</v>
      </c>
      <c r="AF345">
        <v>0</v>
      </c>
      <c r="AG345">
        <v>7.1008519089440503</v>
      </c>
      <c r="AH345">
        <v>-2.521187215282791E-2</v>
      </c>
      <c r="AI345">
        <v>-2.4629051439672971E-2</v>
      </c>
      <c r="AJ345">
        <v>5.3656848651656167E-2</v>
      </c>
      <c r="AK345">
        <v>-2.1186404638597341E-2</v>
      </c>
      <c r="AL345">
        <v>2393.7666926042052</v>
      </c>
      <c r="AM345">
        <v>4575.1592345380432</v>
      </c>
      <c r="AN345">
        <v>156893</v>
      </c>
      <c r="AO345">
        <v>68.926020335621743</v>
      </c>
      <c r="AP345">
        <v>2151.2437395513421</v>
      </c>
      <c r="AQ345">
        <v>1.0189144736842111</v>
      </c>
      <c r="AR345">
        <v>4.0345394736842106</v>
      </c>
      <c r="AS345">
        <v>1213</v>
      </c>
      <c r="AT345">
        <v>234.17269736842101</v>
      </c>
      <c r="AU345">
        <v>2.3226264189886488E-2</v>
      </c>
      <c r="AV345">
        <v>-2.5248082711334541E-2</v>
      </c>
      <c r="AW345">
        <v>0.37335526315789469</v>
      </c>
      <c r="AX345">
        <v>85.592592592592595</v>
      </c>
      <c r="AY345">
        <v>63.5</v>
      </c>
      <c r="AZ345">
        <v>127</v>
      </c>
      <c r="BA345">
        <v>0.56312626166893676</v>
      </c>
      <c r="BB345">
        <v>0.50164473684210531</v>
      </c>
      <c r="BC345">
        <v>5.2333875420123102</v>
      </c>
      <c r="BD345" t="s">
        <v>1382</v>
      </c>
      <c r="BE345" t="s">
        <v>62</v>
      </c>
    </row>
    <row r="346" spans="1:57" x14ac:dyDescent="0.3">
      <c r="A346" t="s">
        <v>1383</v>
      </c>
      <c r="B346">
        <v>3066</v>
      </c>
      <c r="C346" t="s">
        <v>1384</v>
      </c>
      <c r="D346" t="s">
        <v>1385</v>
      </c>
      <c r="E346" t="s">
        <v>128</v>
      </c>
      <c r="F346">
        <v>32</v>
      </c>
      <c r="G346">
        <v>132.0625</v>
      </c>
      <c r="H346">
        <v>146</v>
      </c>
      <c r="I346">
        <v>6853.87109375</v>
      </c>
      <c r="J346">
        <v>82.788109615753399</v>
      </c>
      <c r="K346">
        <v>-0.2072653225671896</v>
      </c>
      <c r="L346">
        <v>-1.4446158818370041</v>
      </c>
      <c r="M346">
        <v>4.8125</v>
      </c>
      <c r="N346">
        <v>2</v>
      </c>
      <c r="O346">
        <v>1</v>
      </c>
      <c r="P346">
        <v>1</v>
      </c>
      <c r="Q346">
        <v>0.30454347814923599</v>
      </c>
      <c r="R346">
        <v>3.335770806444736</v>
      </c>
      <c r="S346">
        <v>1</v>
      </c>
      <c r="T346">
        <v>1</v>
      </c>
      <c r="U346">
        <v>0</v>
      </c>
      <c r="V346">
        <v>0</v>
      </c>
      <c r="W346">
        <v>3.4339872044851458</v>
      </c>
      <c r="X346">
        <v>1</v>
      </c>
      <c r="Y346">
        <v>1</v>
      </c>
      <c r="Z346">
        <v>0</v>
      </c>
      <c r="AA346">
        <v>0</v>
      </c>
      <c r="AB346">
        <v>3.401197381662155</v>
      </c>
      <c r="AC346">
        <v>1</v>
      </c>
      <c r="AD346">
        <v>1</v>
      </c>
      <c r="AE346">
        <v>0</v>
      </c>
      <c r="AF346">
        <v>0</v>
      </c>
      <c r="AG346">
        <v>3.3672958299864728</v>
      </c>
      <c r="AH346">
        <v>0.2322170629793496</v>
      </c>
      <c r="AI346">
        <v>0.25497220577331131</v>
      </c>
      <c r="AJ346">
        <v>-0.19007743471270511</v>
      </c>
      <c r="AK346">
        <v>-8.6253612665287804E-2</v>
      </c>
      <c r="AL346">
        <v>503.74122310989361</v>
      </c>
      <c r="AM346">
        <v>723.6468614868362</v>
      </c>
      <c r="AN346">
        <v>4226</v>
      </c>
      <c r="AO346">
        <v>13.38437703956226</v>
      </c>
      <c r="AP346">
        <v>392.68750702606371</v>
      </c>
      <c r="AQ346">
        <v>1.71875</v>
      </c>
      <c r="AR346">
        <v>4.0625</v>
      </c>
      <c r="AS346">
        <v>32</v>
      </c>
      <c r="AT346">
        <v>2.4375</v>
      </c>
      <c r="AU346">
        <v>0.16074999999999989</v>
      </c>
      <c r="AV346">
        <v>0.24556134419364611</v>
      </c>
      <c r="AW346">
        <v>0.28125</v>
      </c>
      <c r="AX346">
        <v>80.258064516129039</v>
      </c>
      <c r="AY346">
        <v>70.5</v>
      </c>
      <c r="AZ346">
        <v>157.25</v>
      </c>
      <c r="BA346">
        <v>0.62688582766306411</v>
      </c>
      <c r="BB346">
        <v>0.5625</v>
      </c>
      <c r="BC346">
        <v>3.2551105127277409</v>
      </c>
      <c r="BD346" t="s">
        <v>1386</v>
      </c>
      <c r="BE346" t="s">
        <v>62</v>
      </c>
    </row>
    <row r="347" spans="1:57" x14ac:dyDescent="0.3">
      <c r="A347" t="s">
        <v>1387</v>
      </c>
      <c r="B347">
        <v>2259</v>
      </c>
      <c r="C347" t="s">
        <v>1388</v>
      </c>
      <c r="D347" t="s">
        <v>1389</v>
      </c>
      <c r="E347" t="s">
        <v>106</v>
      </c>
      <c r="F347">
        <v>2291</v>
      </c>
      <c r="G347">
        <v>125.42688782191181</v>
      </c>
      <c r="H347">
        <v>125</v>
      </c>
      <c r="I347">
        <v>5510.8216952030416</v>
      </c>
      <c r="J347">
        <v>74.234908871790509</v>
      </c>
      <c r="K347">
        <v>4.4286921560612563E-2</v>
      </c>
      <c r="L347">
        <v>-1.224371333006244</v>
      </c>
      <c r="M347">
        <v>7.9302695347643652</v>
      </c>
      <c r="N347">
        <v>17</v>
      </c>
      <c r="O347">
        <v>2</v>
      </c>
      <c r="P347">
        <v>15</v>
      </c>
      <c r="Q347">
        <v>2.7360011905422188</v>
      </c>
      <c r="R347">
        <v>5.4968439691023567</v>
      </c>
      <c r="S347">
        <v>3</v>
      </c>
      <c r="T347">
        <v>1</v>
      </c>
      <c r="U347">
        <v>2</v>
      </c>
      <c r="V347">
        <v>0.12885583138041989</v>
      </c>
      <c r="W347">
        <v>7.7142853301098224</v>
      </c>
      <c r="X347">
        <v>1</v>
      </c>
      <c r="Y347">
        <v>1</v>
      </c>
      <c r="Z347">
        <v>0</v>
      </c>
      <c r="AA347">
        <v>0</v>
      </c>
      <c r="AB347">
        <v>7.7358703199525678</v>
      </c>
      <c r="AC347">
        <v>1</v>
      </c>
      <c r="AD347">
        <v>1</v>
      </c>
      <c r="AE347">
        <v>0</v>
      </c>
      <c r="AF347">
        <v>0</v>
      </c>
      <c r="AG347">
        <v>7.7354333524996903</v>
      </c>
      <c r="AH347">
        <v>1.2025359015622031E-2</v>
      </c>
      <c r="AI347">
        <v>1.222311152923264E-2</v>
      </c>
      <c r="AJ347">
        <v>1.041065026975564E-2</v>
      </c>
      <c r="AK347">
        <v>-2.6264274614536641E-4</v>
      </c>
      <c r="AL347">
        <v>3250.4175688054829</v>
      </c>
      <c r="AM347">
        <v>6172.6712716943412</v>
      </c>
      <c r="AN347">
        <v>287353</v>
      </c>
      <c r="AO347">
        <v>59.311746054204903</v>
      </c>
      <c r="AP347">
        <v>2870.602746978715</v>
      </c>
      <c r="AQ347">
        <v>1.0100392841553909</v>
      </c>
      <c r="AR347">
        <v>3.9720646006110871</v>
      </c>
      <c r="AS347">
        <v>2277</v>
      </c>
      <c r="AT347">
        <v>214.13487560017461</v>
      </c>
      <c r="AU347">
        <v>2.507339033387251E-2</v>
      </c>
      <c r="AV347">
        <v>1.203562342038899E-2</v>
      </c>
      <c r="AW347">
        <v>0.37363596682671318</v>
      </c>
      <c r="AX347">
        <v>84.776419213973796</v>
      </c>
      <c r="AY347">
        <v>65</v>
      </c>
      <c r="AZ347">
        <v>130.5</v>
      </c>
      <c r="BA347">
        <v>0.59185801514260183</v>
      </c>
      <c r="BB347">
        <v>0.49890877346137058</v>
      </c>
      <c r="BC347">
        <v>5.3026305142082872</v>
      </c>
      <c r="BD347" t="s">
        <v>1390</v>
      </c>
      <c r="BE347" t="s">
        <v>68</v>
      </c>
    </row>
    <row r="348" spans="1:57" x14ac:dyDescent="0.3">
      <c r="A348" t="s">
        <v>1391</v>
      </c>
      <c r="B348">
        <v>2919</v>
      </c>
      <c r="C348" t="s">
        <v>1392</v>
      </c>
      <c r="D348" t="s">
        <v>1393</v>
      </c>
      <c r="E348" t="s">
        <v>93</v>
      </c>
      <c r="F348">
        <v>3065</v>
      </c>
      <c r="G348">
        <v>127.4884176182708</v>
      </c>
      <c r="H348">
        <v>127</v>
      </c>
      <c r="I348">
        <v>5503.611692928368</v>
      </c>
      <c r="J348">
        <v>74.186330903532138</v>
      </c>
      <c r="K348">
        <v>8.4174541473559066E-3</v>
      </c>
      <c r="L348">
        <v>-1.2101835665792231</v>
      </c>
      <c r="M348">
        <v>7.9425018512557406</v>
      </c>
      <c r="N348">
        <v>23</v>
      </c>
      <c r="O348">
        <v>3</v>
      </c>
      <c r="P348">
        <v>20</v>
      </c>
      <c r="Q348">
        <v>3.3370602435880499</v>
      </c>
      <c r="R348">
        <v>5.5053227647900602</v>
      </c>
      <c r="S348">
        <v>3</v>
      </c>
      <c r="T348">
        <v>1</v>
      </c>
      <c r="U348">
        <v>2</v>
      </c>
      <c r="V348">
        <v>0.15007746730058691</v>
      </c>
      <c r="W348">
        <v>7.9969918799666226</v>
      </c>
      <c r="X348">
        <v>1</v>
      </c>
      <c r="Y348">
        <v>1</v>
      </c>
      <c r="Z348">
        <v>0</v>
      </c>
      <c r="AA348">
        <v>0</v>
      </c>
      <c r="AB348">
        <v>8.027150106832778</v>
      </c>
      <c r="AC348">
        <v>1</v>
      </c>
      <c r="AD348">
        <v>1</v>
      </c>
      <c r="AE348">
        <v>0</v>
      </c>
      <c r="AF348">
        <v>0</v>
      </c>
      <c r="AG348">
        <v>8.0268235762176285</v>
      </c>
      <c r="AH348">
        <v>-2.6885405694857929E-2</v>
      </c>
      <c r="AI348">
        <v>-5.9032730280609508E-3</v>
      </c>
      <c r="AJ348">
        <v>-1.419978872666168E-2</v>
      </c>
      <c r="AK348">
        <v>6.4028415526783634E-3</v>
      </c>
      <c r="AL348">
        <v>3770.5586734042481</v>
      </c>
      <c r="AM348">
        <v>7243.466800532462</v>
      </c>
      <c r="AN348">
        <v>390751.99999999988</v>
      </c>
      <c r="AO348">
        <v>7.8443799851181018</v>
      </c>
      <c r="AP348">
        <v>3458.2169009066238</v>
      </c>
      <c r="AQ348">
        <v>1.0075040783034259</v>
      </c>
      <c r="AR348">
        <v>4.0140293637846653</v>
      </c>
      <c r="AS348">
        <v>3051</v>
      </c>
      <c r="AT348">
        <v>238.1099510603589</v>
      </c>
      <c r="AU348">
        <v>1.1854268624252319E-2</v>
      </c>
      <c r="AV348">
        <v>-2.6903215690017811E-2</v>
      </c>
      <c r="AW348">
        <v>0.37520391517128882</v>
      </c>
      <c r="AX348">
        <v>86.463120104438644</v>
      </c>
      <c r="AY348">
        <v>64</v>
      </c>
      <c r="AZ348">
        <v>129</v>
      </c>
      <c r="BA348">
        <v>0.58190643738055337</v>
      </c>
      <c r="BB348">
        <v>0.49657422512234911</v>
      </c>
      <c r="BC348">
        <v>5.3254375654844708</v>
      </c>
      <c r="BD348" t="s">
        <v>1394</v>
      </c>
      <c r="BE348" t="s">
        <v>68</v>
      </c>
    </row>
    <row r="349" spans="1:57" x14ac:dyDescent="0.3">
      <c r="A349" t="s">
        <v>1395</v>
      </c>
      <c r="B349">
        <v>1478</v>
      </c>
      <c r="C349" t="s">
        <v>1396</v>
      </c>
      <c r="D349" t="s">
        <v>1397</v>
      </c>
      <c r="E349" t="s">
        <v>10622</v>
      </c>
      <c r="F349">
        <v>64</v>
      </c>
      <c r="G349">
        <v>135.453125</v>
      </c>
      <c r="H349">
        <v>149.5</v>
      </c>
      <c r="I349">
        <v>5666.685302734375</v>
      </c>
      <c r="J349">
        <v>75.277389053648605</v>
      </c>
      <c r="K349">
        <v>-0.2072703902168343</v>
      </c>
      <c r="L349">
        <v>-1.377452595140737</v>
      </c>
      <c r="M349">
        <v>5.675704882778696</v>
      </c>
      <c r="N349">
        <v>3</v>
      </c>
      <c r="O349">
        <v>1</v>
      </c>
      <c r="P349">
        <v>2</v>
      </c>
      <c r="Q349">
        <v>0.43350740410072691</v>
      </c>
      <c r="R349">
        <v>3.9340988371883689</v>
      </c>
      <c r="S349">
        <v>1</v>
      </c>
      <c r="T349">
        <v>1</v>
      </c>
      <c r="U349">
        <v>0</v>
      </c>
      <c r="V349">
        <v>0</v>
      </c>
      <c r="W349">
        <v>4.1431347263915326</v>
      </c>
      <c r="X349">
        <v>1</v>
      </c>
      <c r="Y349">
        <v>1</v>
      </c>
      <c r="Z349">
        <v>0</v>
      </c>
      <c r="AA349">
        <v>0</v>
      </c>
      <c r="AB349">
        <v>4.1271343850450908</v>
      </c>
      <c r="AC349">
        <v>1</v>
      </c>
      <c r="AD349">
        <v>1</v>
      </c>
      <c r="AE349">
        <v>0</v>
      </c>
      <c r="AF349">
        <v>0</v>
      </c>
      <c r="AG349">
        <v>4.1108738641733096</v>
      </c>
      <c r="AH349">
        <v>-0.20152380044986071</v>
      </c>
      <c r="AI349">
        <v>-2.4657897638175562E-4</v>
      </c>
      <c r="AJ349">
        <v>-5.2708812601345849E-2</v>
      </c>
      <c r="AK349">
        <v>-2.3294877128664081E-2</v>
      </c>
      <c r="AL349">
        <v>678.27120661561332</v>
      </c>
      <c r="AM349">
        <v>1037.7182518758159</v>
      </c>
      <c r="AN349">
        <v>8669</v>
      </c>
      <c r="AO349">
        <v>152.5164143027144</v>
      </c>
      <c r="AP349">
        <v>550.35114421288176</v>
      </c>
      <c r="AQ349">
        <v>1.359375</v>
      </c>
      <c r="AR349">
        <v>4.015625</v>
      </c>
      <c r="AS349">
        <v>64</v>
      </c>
      <c r="AT349">
        <v>8.5625</v>
      </c>
      <c r="AU349">
        <v>0.1153455284552846</v>
      </c>
      <c r="AV349">
        <v>-0.20203434936914999</v>
      </c>
      <c r="AW349">
        <v>0.3125</v>
      </c>
      <c r="AX349">
        <v>96.841269841269835</v>
      </c>
      <c r="AY349">
        <v>71.5</v>
      </c>
      <c r="AZ349">
        <v>139.5</v>
      </c>
      <c r="BA349">
        <v>0.55574494168110633</v>
      </c>
      <c r="BB349">
        <v>0.5625</v>
      </c>
      <c r="BC349">
        <v>3.9450926748029782</v>
      </c>
      <c r="BD349" t="s">
        <v>1398</v>
      </c>
      <c r="BE349" t="s">
        <v>62</v>
      </c>
    </row>
    <row r="350" spans="1:57" x14ac:dyDescent="0.3">
      <c r="A350" t="s">
        <v>1399</v>
      </c>
      <c r="B350">
        <v>2220</v>
      </c>
      <c r="C350" t="s">
        <v>1400</v>
      </c>
      <c r="D350" t="s">
        <v>1401</v>
      </c>
      <c r="E350" t="s">
        <v>128</v>
      </c>
      <c r="F350">
        <v>32</v>
      </c>
      <c r="G350">
        <v>136.15625</v>
      </c>
      <c r="H350">
        <v>133</v>
      </c>
      <c r="I350">
        <v>3634.8193359375</v>
      </c>
      <c r="J350">
        <v>60.289462893091859</v>
      </c>
      <c r="K350">
        <v>8.9238350904431232E-3</v>
      </c>
      <c r="L350">
        <v>-0.97332676287892683</v>
      </c>
      <c r="M350">
        <v>4.9375</v>
      </c>
      <c r="N350">
        <v>2</v>
      </c>
      <c r="O350">
        <v>1</v>
      </c>
      <c r="P350">
        <v>1</v>
      </c>
      <c r="Q350">
        <v>0.1766846959694085</v>
      </c>
      <c r="R350">
        <v>3.422414204014729</v>
      </c>
      <c r="S350">
        <v>1</v>
      </c>
      <c r="T350">
        <v>1</v>
      </c>
      <c r="U350">
        <v>0</v>
      </c>
      <c r="V350">
        <v>0</v>
      </c>
      <c r="W350">
        <v>3.4339872044851458</v>
      </c>
      <c r="X350">
        <v>1</v>
      </c>
      <c r="Y350">
        <v>1</v>
      </c>
      <c r="Z350">
        <v>0</v>
      </c>
      <c r="AA350">
        <v>0</v>
      </c>
      <c r="AB350">
        <v>3.401197381662155</v>
      </c>
      <c r="AC350">
        <v>1</v>
      </c>
      <c r="AD350">
        <v>1</v>
      </c>
      <c r="AE350">
        <v>0</v>
      </c>
      <c r="AF350">
        <v>0</v>
      </c>
      <c r="AG350">
        <v>3.3672958299864728</v>
      </c>
      <c r="AH350">
        <v>0.24711892187246021</v>
      </c>
      <c r="AI350">
        <v>-5.1608469649158863E-2</v>
      </c>
      <c r="AJ350">
        <v>-0.23097936657303561</v>
      </c>
      <c r="AK350">
        <v>0.1069592436167655</v>
      </c>
      <c r="AL350">
        <v>446.81702368721949</v>
      </c>
      <c r="AM350">
        <v>714.07390888009252</v>
      </c>
      <c r="AN350">
        <v>4357</v>
      </c>
      <c r="AO350">
        <v>38.637920895142599</v>
      </c>
      <c r="AP350">
        <v>337.43488288086633</v>
      </c>
      <c r="AQ350">
        <v>1.65625</v>
      </c>
      <c r="AR350">
        <v>3.71875</v>
      </c>
      <c r="AS350">
        <v>32</v>
      </c>
      <c r="AT350">
        <v>0.93749999999999978</v>
      </c>
      <c r="AU350">
        <v>0.1182008368200837</v>
      </c>
      <c r="AV350">
        <v>0.25586748467920511</v>
      </c>
      <c r="AW350">
        <v>0.40625</v>
      </c>
      <c r="AX350">
        <v>59.935483870967737</v>
      </c>
      <c r="AY350">
        <v>52.5</v>
      </c>
      <c r="AZ350">
        <v>86.75</v>
      </c>
      <c r="BA350">
        <v>0.44279614702293768</v>
      </c>
      <c r="BB350">
        <v>0.4375</v>
      </c>
      <c r="BC350">
        <v>3.3445488586064429</v>
      </c>
      <c r="BD350" t="s">
        <v>1402</v>
      </c>
      <c r="BE350" t="s">
        <v>62</v>
      </c>
    </row>
    <row r="351" spans="1:57" x14ac:dyDescent="0.3">
      <c r="A351" t="s">
        <v>1403</v>
      </c>
      <c r="B351">
        <v>146</v>
      </c>
      <c r="C351" t="s">
        <v>1404</v>
      </c>
      <c r="D351" t="s">
        <v>1405</v>
      </c>
      <c r="E351" t="s">
        <v>60</v>
      </c>
      <c r="F351">
        <v>256</v>
      </c>
      <c r="G351">
        <v>138.65625</v>
      </c>
      <c r="H351">
        <v>143</v>
      </c>
      <c r="I351">
        <v>4977.3818359375</v>
      </c>
      <c r="J351">
        <v>70.55056226521161</v>
      </c>
      <c r="K351">
        <v>-0.1695863047683879</v>
      </c>
      <c r="L351">
        <v>-1.0747875178264239</v>
      </c>
      <c r="M351">
        <v>7.222427148336088</v>
      </c>
      <c r="N351">
        <v>4</v>
      </c>
      <c r="O351">
        <v>1</v>
      </c>
      <c r="P351">
        <v>3</v>
      </c>
      <c r="Q351">
        <v>0.73365883084268935</v>
      </c>
      <c r="R351">
        <v>5.0062050146687653</v>
      </c>
      <c r="S351">
        <v>2</v>
      </c>
      <c r="T351">
        <v>1</v>
      </c>
      <c r="U351">
        <v>1</v>
      </c>
      <c r="V351">
        <v>6.2621943781838038E-2</v>
      </c>
      <c r="W351">
        <v>5.5358270966834446</v>
      </c>
      <c r="X351">
        <v>1</v>
      </c>
      <c r="Y351">
        <v>1</v>
      </c>
      <c r="Z351">
        <v>0</v>
      </c>
      <c r="AA351">
        <v>0</v>
      </c>
      <c r="AB351">
        <v>5.5373342670185366</v>
      </c>
      <c r="AC351">
        <v>1</v>
      </c>
      <c r="AD351">
        <v>1</v>
      </c>
      <c r="AE351">
        <v>0</v>
      </c>
      <c r="AF351">
        <v>0</v>
      </c>
      <c r="AG351">
        <v>5.5333894887275203</v>
      </c>
      <c r="AH351">
        <v>-2.5105457826409658E-3</v>
      </c>
      <c r="AI351">
        <v>7.336202491142059E-2</v>
      </c>
      <c r="AJ351">
        <v>-6.9348842059264578E-3</v>
      </c>
      <c r="AK351">
        <v>1.3086865886385661E-2</v>
      </c>
      <c r="AL351">
        <v>1129.5435528500459</v>
      </c>
      <c r="AM351">
        <v>2218.1260924967492</v>
      </c>
      <c r="AN351">
        <v>35496</v>
      </c>
      <c r="AO351">
        <v>87.123454161954641</v>
      </c>
      <c r="AP351">
        <v>939.71320487895298</v>
      </c>
      <c r="AQ351">
        <v>1.08984375</v>
      </c>
      <c r="AR351">
        <v>4.03125</v>
      </c>
      <c r="AS351">
        <v>256</v>
      </c>
      <c r="AT351">
        <v>57.2421875</v>
      </c>
      <c r="AU351">
        <v>7.614889705882355E-2</v>
      </c>
      <c r="AV351">
        <v>-2.5054174871341518E-3</v>
      </c>
      <c r="AW351">
        <v>0.33203125</v>
      </c>
      <c r="AX351">
        <v>81.54117647058824</v>
      </c>
      <c r="AY351">
        <v>57</v>
      </c>
      <c r="AZ351">
        <v>114.5</v>
      </c>
      <c r="BA351">
        <v>0.50881631563821761</v>
      </c>
      <c r="BB351">
        <v>0.52734375</v>
      </c>
      <c r="BC351">
        <v>4.8180735486991093</v>
      </c>
      <c r="BD351" t="s">
        <v>1406</v>
      </c>
      <c r="BE351" t="s">
        <v>62</v>
      </c>
    </row>
    <row r="352" spans="1:57" x14ac:dyDescent="0.3">
      <c r="A352" t="s">
        <v>1407</v>
      </c>
      <c r="B352">
        <v>1048</v>
      </c>
      <c r="C352" t="s">
        <v>1408</v>
      </c>
      <c r="D352" t="s">
        <v>1409</v>
      </c>
      <c r="E352" t="s">
        <v>72</v>
      </c>
      <c r="F352">
        <v>1056</v>
      </c>
      <c r="G352">
        <v>128.94223484848479</v>
      </c>
      <c r="H352">
        <v>128</v>
      </c>
      <c r="I352">
        <v>5419.7400343993922</v>
      </c>
      <c r="J352">
        <v>73.618883680747246</v>
      </c>
      <c r="K352">
        <v>-3.6224105613309292E-2</v>
      </c>
      <c r="L352">
        <v>-1.167162026537351</v>
      </c>
      <c r="M352">
        <v>7.8213639913116042</v>
      </c>
      <c r="N352">
        <v>9</v>
      </c>
      <c r="O352">
        <v>1</v>
      </c>
      <c r="P352">
        <v>8</v>
      </c>
      <c r="Q352">
        <v>1.860597753411521</v>
      </c>
      <c r="R352">
        <v>5.4213563987107296</v>
      </c>
      <c r="S352">
        <v>2</v>
      </c>
      <c r="T352">
        <v>1</v>
      </c>
      <c r="U352">
        <v>1</v>
      </c>
      <c r="V352">
        <v>6.1574461226882718E-2</v>
      </c>
      <c r="W352">
        <v>6.9560399535457318</v>
      </c>
      <c r="X352">
        <v>1</v>
      </c>
      <c r="Y352">
        <v>1</v>
      </c>
      <c r="Z352">
        <v>0</v>
      </c>
      <c r="AA352">
        <v>0</v>
      </c>
      <c r="AB352">
        <v>6.9603477291013078</v>
      </c>
      <c r="AC352">
        <v>1</v>
      </c>
      <c r="AD352">
        <v>1</v>
      </c>
      <c r="AE352">
        <v>0</v>
      </c>
      <c r="AF352">
        <v>0</v>
      </c>
      <c r="AG352">
        <v>6.9593985121339781</v>
      </c>
      <c r="AH352">
        <v>-7.3512322544854276E-3</v>
      </c>
      <c r="AI352">
        <v>-4.3132677034422758E-2</v>
      </c>
      <c r="AJ352">
        <v>1.6137190518238979E-2</v>
      </c>
      <c r="AK352">
        <v>-2.6877862895812659E-2</v>
      </c>
      <c r="AL352">
        <v>2246.897515356899</v>
      </c>
      <c r="AM352">
        <v>4269.8780492518736</v>
      </c>
      <c r="AN352">
        <v>136163</v>
      </c>
      <c r="AO352">
        <v>88.055174535524387</v>
      </c>
      <c r="AP352">
        <v>2065.266892415234</v>
      </c>
      <c r="AQ352">
        <v>1.021780303030303</v>
      </c>
      <c r="AR352">
        <v>3.9678030303030298</v>
      </c>
      <c r="AS352">
        <v>1053</v>
      </c>
      <c r="AT352">
        <v>204.8901515151515</v>
      </c>
      <c r="AU352">
        <v>2.1746880570410021E-2</v>
      </c>
      <c r="AV352">
        <v>-7.3662072931471381E-3</v>
      </c>
      <c r="AW352">
        <v>0.375</v>
      </c>
      <c r="AX352">
        <v>84.85592417061612</v>
      </c>
      <c r="AY352">
        <v>63</v>
      </c>
      <c r="AZ352">
        <v>126.25</v>
      </c>
      <c r="BA352">
        <v>0.57094468517048758</v>
      </c>
      <c r="BB352">
        <v>0.49621212121212122</v>
      </c>
      <c r="BC352">
        <v>5.2312549389616567</v>
      </c>
      <c r="BD352" t="s">
        <v>1410</v>
      </c>
      <c r="BE352" t="s">
        <v>62</v>
      </c>
    </row>
    <row r="353" spans="1:57" x14ac:dyDescent="0.3">
      <c r="A353" t="s">
        <v>1411</v>
      </c>
      <c r="B353">
        <v>3759</v>
      </c>
      <c r="C353" t="s">
        <v>1412</v>
      </c>
      <c r="D353" t="s">
        <v>1413</v>
      </c>
      <c r="E353" t="s">
        <v>85</v>
      </c>
      <c r="F353">
        <v>8</v>
      </c>
      <c r="G353">
        <v>155.875</v>
      </c>
      <c r="H353">
        <v>166</v>
      </c>
      <c r="I353">
        <v>4913.859375</v>
      </c>
      <c r="J353">
        <v>70.098925633707111</v>
      </c>
      <c r="K353">
        <v>-0.2852326590125786</v>
      </c>
      <c r="L353">
        <v>-1.4105524547257631</v>
      </c>
      <c r="M353">
        <v>3</v>
      </c>
      <c r="N353">
        <v>1</v>
      </c>
      <c r="O353">
        <v>1</v>
      </c>
      <c r="P353">
        <v>0</v>
      </c>
      <c r="Q353">
        <v>0</v>
      </c>
      <c r="R353">
        <v>2.0794415416798362</v>
      </c>
      <c r="S353">
        <v>1</v>
      </c>
      <c r="T353">
        <v>1</v>
      </c>
      <c r="U353">
        <v>0</v>
      </c>
      <c r="V353">
        <v>0</v>
      </c>
      <c r="W353">
        <v>1.945910149055313</v>
      </c>
      <c r="X353">
        <v>1</v>
      </c>
      <c r="Y353">
        <v>1</v>
      </c>
      <c r="Z353">
        <v>0</v>
      </c>
      <c r="AA353">
        <v>0</v>
      </c>
      <c r="AB353">
        <v>1.791759469228055</v>
      </c>
      <c r="AC353">
        <v>1</v>
      </c>
      <c r="AD353">
        <v>1</v>
      </c>
      <c r="AE353">
        <v>0</v>
      </c>
      <c r="AF353">
        <v>0</v>
      </c>
      <c r="AG353">
        <v>1.6094379124341009</v>
      </c>
      <c r="AH353">
        <v>-0.22848043003367391</v>
      </c>
      <c r="AI353">
        <v>-0.30715816552035541</v>
      </c>
      <c r="AJ353">
        <v>0.28097942045299168</v>
      </c>
      <c r="AK353">
        <v>0</v>
      </c>
      <c r="AL353">
        <v>320.70804685301869</v>
      </c>
      <c r="AM353">
        <v>361.70892812276833</v>
      </c>
      <c r="AN353">
        <v>1247</v>
      </c>
      <c r="AO353">
        <v>29</v>
      </c>
      <c r="AP353">
        <v>173.1040149736568</v>
      </c>
      <c r="AQ353">
        <v>3.5</v>
      </c>
      <c r="AR353">
        <v>4.125</v>
      </c>
      <c r="AS353">
        <v>8</v>
      </c>
      <c r="AT353">
        <v>0</v>
      </c>
      <c r="AU353">
        <v>0.18297872340425539</v>
      </c>
      <c r="AV353">
        <v>-0.24972759794933569</v>
      </c>
      <c r="AW353">
        <v>0.375</v>
      </c>
      <c r="AX353">
        <v>93.857142857142861</v>
      </c>
      <c r="AY353">
        <v>65.5</v>
      </c>
      <c r="AZ353">
        <v>134.25</v>
      </c>
      <c r="BA353">
        <v>0.44971243389707849</v>
      </c>
      <c r="BB353">
        <v>0.625</v>
      </c>
      <c r="BC353">
        <v>1.945910149055313</v>
      </c>
      <c r="BD353" t="s">
        <v>1412</v>
      </c>
      <c r="BE353" t="s">
        <v>68</v>
      </c>
    </row>
    <row r="354" spans="1:57" x14ac:dyDescent="0.3">
      <c r="A354" t="s">
        <v>1414</v>
      </c>
      <c r="B354">
        <v>3678</v>
      </c>
      <c r="C354" t="s">
        <v>1415</v>
      </c>
      <c r="D354" t="s">
        <v>1416</v>
      </c>
      <c r="E354" t="s">
        <v>10622</v>
      </c>
      <c r="F354">
        <v>64</v>
      </c>
      <c r="G354">
        <v>131.3125</v>
      </c>
      <c r="H354">
        <v>131.5</v>
      </c>
      <c r="I354">
        <v>6054.18359375</v>
      </c>
      <c r="J354">
        <v>77.808634442136309</v>
      </c>
      <c r="K354">
        <v>2.967649743194847E-2</v>
      </c>
      <c r="L354">
        <v>-1.3251258560234771</v>
      </c>
      <c r="M354">
        <v>5.84375</v>
      </c>
      <c r="N354">
        <v>2</v>
      </c>
      <c r="O354">
        <v>1</v>
      </c>
      <c r="P354">
        <v>1</v>
      </c>
      <c r="Q354">
        <v>0.27850299534160988</v>
      </c>
      <c r="R354">
        <v>4.0505788363971806</v>
      </c>
      <c r="S354">
        <v>1</v>
      </c>
      <c r="T354">
        <v>1</v>
      </c>
      <c r="U354">
        <v>0</v>
      </c>
      <c r="V354">
        <v>0</v>
      </c>
      <c r="W354">
        <v>4.1431347263915326</v>
      </c>
      <c r="X354">
        <v>1</v>
      </c>
      <c r="Y354">
        <v>1</v>
      </c>
      <c r="Z354">
        <v>0</v>
      </c>
      <c r="AA354">
        <v>0</v>
      </c>
      <c r="AB354">
        <v>4.1271343850450908</v>
      </c>
      <c r="AC354">
        <v>1</v>
      </c>
      <c r="AD354">
        <v>1</v>
      </c>
      <c r="AE354">
        <v>0</v>
      </c>
      <c r="AF354">
        <v>0</v>
      </c>
      <c r="AG354">
        <v>4.1108738641733096</v>
      </c>
      <c r="AH354">
        <v>0.1198069770806732</v>
      </c>
      <c r="AI354">
        <v>-7.5497593832002788E-2</v>
      </c>
      <c r="AJ354">
        <v>5.53459267739057E-2</v>
      </c>
      <c r="AK354">
        <v>-5.5941369475265998E-2</v>
      </c>
      <c r="AL354">
        <v>670.93780478507006</v>
      </c>
      <c r="AM354">
        <v>1020.2256917516791</v>
      </c>
      <c r="AN354">
        <v>8404</v>
      </c>
      <c r="AO354">
        <v>35.582161445017697</v>
      </c>
      <c r="AP354">
        <v>513.66024287167306</v>
      </c>
      <c r="AQ354">
        <v>1.359375</v>
      </c>
      <c r="AR354">
        <v>3.9375</v>
      </c>
      <c r="AS354">
        <v>64</v>
      </c>
      <c r="AT354">
        <v>4.21875</v>
      </c>
      <c r="AU354">
        <v>8.1323818897637845E-2</v>
      </c>
      <c r="AV354">
        <v>0.1220414719308998</v>
      </c>
      <c r="AW354">
        <v>0.359375</v>
      </c>
      <c r="AX354">
        <v>83.666666666666671</v>
      </c>
      <c r="AY354">
        <v>75</v>
      </c>
      <c r="AZ354">
        <v>144.75</v>
      </c>
      <c r="BA354">
        <v>0.59254552645129988</v>
      </c>
      <c r="BB354">
        <v>0.5</v>
      </c>
      <c r="BC354">
        <v>3.901083330005521</v>
      </c>
      <c r="BD354" t="s">
        <v>1417</v>
      </c>
      <c r="BE354" t="s">
        <v>62</v>
      </c>
    </row>
    <row r="355" spans="1:57" x14ac:dyDescent="0.3">
      <c r="A355" t="s">
        <v>1418</v>
      </c>
      <c r="B355">
        <v>2808</v>
      </c>
      <c r="C355" t="s">
        <v>1419</v>
      </c>
      <c r="D355" t="s">
        <v>1420</v>
      </c>
      <c r="E355" t="s">
        <v>72</v>
      </c>
      <c r="F355">
        <v>2816</v>
      </c>
      <c r="G355">
        <v>126.89950284090909</v>
      </c>
      <c r="H355">
        <v>128</v>
      </c>
      <c r="I355">
        <v>5473.7125565710148</v>
      </c>
      <c r="J355">
        <v>73.984542686773537</v>
      </c>
      <c r="K355">
        <v>-4.7718449163783759E-3</v>
      </c>
      <c r="L355">
        <v>-1.1806046931955709</v>
      </c>
      <c r="M355">
        <v>7.9404317275942411</v>
      </c>
      <c r="N355">
        <v>21</v>
      </c>
      <c r="O355">
        <v>4</v>
      </c>
      <c r="P355">
        <v>17</v>
      </c>
      <c r="Q355">
        <v>3.1585696921233199</v>
      </c>
      <c r="R355">
        <v>5.5038878644106841</v>
      </c>
      <c r="S355">
        <v>2</v>
      </c>
      <c r="T355">
        <v>1</v>
      </c>
      <c r="U355">
        <v>1</v>
      </c>
      <c r="V355">
        <v>0.1553753620888616</v>
      </c>
      <c r="W355">
        <v>7.9092297904650319</v>
      </c>
      <c r="X355">
        <v>2</v>
      </c>
      <c r="Y355">
        <v>1</v>
      </c>
      <c r="Z355">
        <v>1</v>
      </c>
      <c r="AA355">
        <v>4.987531172069825E-2</v>
      </c>
      <c r="AB355">
        <v>7.938913744238711</v>
      </c>
      <c r="AC355">
        <v>2</v>
      </c>
      <c r="AD355">
        <v>1</v>
      </c>
      <c r="AE355">
        <v>1</v>
      </c>
      <c r="AF355">
        <v>4.2159887913689888E-2</v>
      </c>
      <c r="AG355">
        <v>7.9395427232407956</v>
      </c>
      <c r="AH355">
        <v>1.573299663014471E-3</v>
      </c>
      <c r="AI355">
        <v>-1.392836836189607E-2</v>
      </c>
      <c r="AJ355">
        <v>2.1233712208778632E-2</v>
      </c>
      <c r="AK355">
        <v>-4.1492380606865067E-2</v>
      </c>
      <c r="AL355">
        <v>3602.7335198475948</v>
      </c>
      <c r="AM355">
        <v>6912.4305555257879</v>
      </c>
      <c r="AN355">
        <v>357349</v>
      </c>
      <c r="AO355">
        <v>107.4261267236612</v>
      </c>
      <c r="AP355">
        <v>3262.2880790400018</v>
      </c>
      <c r="AQ355">
        <v>1.008167613636364</v>
      </c>
      <c r="AR355">
        <v>3.989701704545455</v>
      </c>
      <c r="AS355">
        <v>2802</v>
      </c>
      <c r="AT355">
        <v>232.18181818181819</v>
      </c>
      <c r="AU355">
        <v>1.339405080213907E-2</v>
      </c>
      <c r="AV355">
        <v>1.5736186980961221E-3</v>
      </c>
      <c r="AW355">
        <v>0.35617897727272729</v>
      </c>
      <c r="AX355">
        <v>85.618117229129666</v>
      </c>
      <c r="AY355">
        <v>63</v>
      </c>
      <c r="AZ355">
        <v>127.25</v>
      </c>
      <c r="BA355">
        <v>0.583016804876897</v>
      </c>
      <c r="BB355">
        <v>0.51136363636363635</v>
      </c>
      <c r="BC355">
        <v>5.312965380690132</v>
      </c>
      <c r="BD355" t="s">
        <v>1421</v>
      </c>
      <c r="BE355" t="s">
        <v>62</v>
      </c>
    </row>
    <row r="356" spans="1:57" x14ac:dyDescent="0.3">
      <c r="A356" t="s">
        <v>1422</v>
      </c>
      <c r="B356">
        <v>630</v>
      </c>
      <c r="C356" t="s">
        <v>1423</v>
      </c>
      <c r="D356" t="s">
        <v>1424</v>
      </c>
      <c r="E356" t="s">
        <v>93</v>
      </c>
      <c r="F356">
        <v>646</v>
      </c>
      <c r="G356">
        <v>129.22600619195049</v>
      </c>
      <c r="H356">
        <v>128</v>
      </c>
      <c r="I356">
        <v>5275.862233894698</v>
      </c>
      <c r="J356">
        <v>72.635130852051873</v>
      </c>
      <c r="K356">
        <v>3.7352862441095681E-3</v>
      </c>
      <c r="L356">
        <v>-1.1467487563296941</v>
      </c>
      <c r="M356">
        <v>7.7027299026554488</v>
      </c>
      <c r="N356">
        <v>7</v>
      </c>
      <c r="O356">
        <v>1</v>
      </c>
      <c r="P356">
        <v>6</v>
      </c>
      <c r="Q356">
        <v>1.486311455843502</v>
      </c>
      <c r="R356">
        <v>5.3391255146404086</v>
      </c>
      <c r="S356">
        <v>2</v>
      </c>
      <c r="T356">
        <v>1</v>
      </c>
      <c r="U356">
        <v>1</v>
      </c>
      <c r="V356">
        <v>6.8198689342646834E-2</v>
      </c>
      <c r="W356">
        <v>6.4628024360463776</v>
      </c>
      <c r="X356">
        <v>1</v>
      </c>
      <c r="Y356">
        <v>1</v>
      </c>
      <c r="Z356">
        <v>0</v>
      </c>
      <c r="AA356">
        <v>0</v>
      </c>
      <c r="AB356">
        <v>6.4676987261043539</v>
      </c>
      <c r="AC356">
        <v>1</v>
      </c>
      <c r="AD356">
        <v>1</v>
      </c>
      <c r="AE356">
        <v>0</v>
      </c>
      <c r="AF356">
        <v>0</v>
      </c>
      <c r="AG356">
        <v>6.4661447242376173</v>
      </c>
      <c r="AH356">
        <v>-0.1183425184967989</v>
      </c>
      <c r="AI356">
        <v>-1.737151566758189E-2</v>
      </c>
      <c r="AJ356">
        <v>-2.2250084310021699E-2</v>
      </c>
      <c r="AK356">
        <v>6.3712881168456401E-3</v>
      </c>
      <c r="AL356">
        <v>1753.946652016454</v>
      </c>
      <c r="AM356">
        <v>3334.6161910901042</v>
      </c>
      <c r="AN356">
        <v>83480</v>
      </c>
      <c r="AO356">
        <v>191.30069781678671</v>
      </c>
      <c r="AP356">
        <v>1481.430417399441</v>
      </c>
      <c r="AQ356">
        <v>1.035603715170279</v>
      </c>
      <c r="AR356">
        <v>4.0123839009287927</v>
      </c>
      <c r="AS356">
        <v>645</v>
      </c>
      <c r="AT356">
        <v>198.6191950464397</v>
      </c>
      <c r="AU356">
        <v>3.0134158926728601E-2</v>
      </c>
      <c r="AV356">
        <v>-0.11848242320220299</v>
      </c>
      <c r="AW356">
        <v>0.38390092879256971</v>
      </c>
      <c r="AX356">
        <v>89.541085271317826</v>
      </c>
      <c r="AY356">
        <v>61</v>
      </c>
      <c r="AZ356">
        <v>122</v>
      </c>
      <c r="BA356">
        <v>0.56207827659829313</v>
      </c>
      <c r="BB356">
        <v>0.49690402476780188</v>
      </c>
      <c r="BC356">
        <v>5.18061250216424</v>
      </c>
      <c r="BD356" t="s">
        <v>1425</v>
      </c>
      <c r="BE356" t="s">
        <v>68</v>
      </c>
    </row>
    <row r="357" spans="1:57" x14ac:dyDescent="0.3">
      <c r="A357" t="s">
        <v>1426</v>
      </c>
      <c r="B357">
        <v>1979</v>
      </c>
      <c r="C357" t="s">
        <v>1427</v>
      </c>
      <c r="D357" t="s">
        <v>1428</v>
      </c>
      <c r="E357" t="s">
        <v>66</v>
      </c>
      <c r="F357">
        <v>72</v>
      </c>
      <c r="G357">
        <v>112.4722222222222</v>
      </c>
      <c r="H357">
        <v>110</v>
      </c>
      <c r="I357">
        <v>6006.2492283950614</v>
      </c>
      <c r="J357">
        <v>77.499995021903459</v>
      </c>
      <c r="K357">
        <v>0.17278835480777799</v>
      </c>
      <c r="L357">
        <v>-1.1889490045539179</v>
      </c>
      <c r="M357">
        <v>5.621178126382218</v>
      </c>
      <c r="N357">
        <v>4</v>
      </c>
      <c r="O357">
        <v>1</v>
      </c>
      <c r="P357">
        <v>3</v>
      </c>
      <c r="Q357">
        <v>0.63828473850422529</v>
      </c>
      <c r="R357">
        <v>3.896303769727067</v>
      </c>
      <c r="S357">
        <v>2</v>
      </c>
      <c r="T357">
        <v>1</v>
      </c>
      <c r="U357">
        <v>1</v>
      </c>
      <c r="V357">
        <v>0.2053564712318961</v>
      </c>
      <c r="W357">
        <v>4.2041040589658278</v>
      </c>
      <c r="X357">
        <v>2</v>
      </c>
      <c r="Y357">
        <v>1</v>
      </c>
      <c r="Z357">
        <v>1</v>
      </c>
      <c r="AA357">
        <v>0.11951030798891769</v>
      </c>
      <c r="AB357">
        <v>4.2286910368905044</v>
      </c>
      <c r="AC357">
        <v>1</v>
      </c>
      <c r="AD357">
        <v>1</v>
      </c>
      <c r="AE357">
        <v>0</v>
      </c>
      <c r="AF357">
        <v>0</v>
      </c>
      <c r="AG357">
        <v>4.2341065045972579</v>
      </c>
      <c r="AH357">
        <v>3.6485659562026512E-2</v>
      </c>
      <c r="AI357">
        <v>2.2900527372817631E-2</v>
      </c>
      <c r="AJ357">
        <v>-7.2180167472747261E-2</v>
      </c>
      <c r="AK357">
        <v>4.3066944692136018E-2</v>
      </c>
      <c r="AL357">
        <v>660.39336713666682</v>
      </c>
      <c r="AM357">
        <v>952.43404004786362</v>
      </c>
      <c r="AN357">
        <v>8098</v>
      </c>
      <c r="AO357">
        <v>22.310844172584481</v>
      </c>
      <c r="AP357">
        <v>623.63974895538911</v>
      </c>
      <c r="AQ357">
        <v>1.319444444444444</v>
      </c>
      <c r="AR357">
        <v>3.4305555555555549</v>
      </c>
      <c r="AS357">
        <v>72</v>
      </c>
      <c r="AT357">
        <v>16.5</v>
      </c>
      <c r="AU357">
        <v>0.1135555555555556</v>
      </c>
      <c r="AV357">
        <v>3.6639045833569167E-2</v>
      </c>
      <c r="AW357">
        <v>0.41666666666666669</v>
      </c>
      <c r="AX357">
        <v>86.788732394366193</v>
      </c>
      <c r="AY357">
        <v>68.5</v>
      </c>
      <c r="AZ357">
        <v>136</v>
      </c>
      <c r="BA357">
        <v>0.68905898265955157</v>
      </c>
      <c r="BB357">
        <v>0.5</v>
      </c>
      <c r="BC357">
        <v>3.9819563671900058</v>
      </c>
      <c r="BD357" t="s">
        <v>1429</v>
      </c>
      <c r="BE357" t="s">
        <v>68</v>
      </c>
    </row>
    <row r="358" spans="1:57" x14ac:dyDescent="0.3">
      <c r="A358" t="s">
        <v>1430</v>
      </c>
      <c r="B358">
        <v>1026</v>
      </c>
      <c r="C358" t="s">
        <v>1431</v>
      </c>
      <c r="D358" t="s">
        <v>1432</v>
      </c>
      <c r="E358" t="s">
        <v>10622</v>
      </c>
      <c r="F358">
        <v>64</v>
      </c>
      <c r="G358">
        <v>116.734375</v>
      </c>
      <c r="H358">
        <v>112</v>
      </c>
      <c r="I358">
        <v>5082.632568359375</v>
      </c>
      <c r="J358">
        <v>71.292584245203059</v>
      </c>
      <c r="K358">
        <v>0.1075459179643737</v>
      </c>
      <c r="L358">
        <v>-1.1774959341233979</v>
      </c>
      <c r="M358">
        <v>5.84375</v>
      </c>
      <c r="N358">
        <v>2</v>
      </c>
      <c r="O358">
        <v>1</v>
      </c>
      <c r="P358">
        <v>1</v>
      </c>
      <c r="Q358">
        <v>0.27850299534160988</v>
      </c>
      <c r="R358">
        <v>4.0505788363971806</v>
      </c>
      <c r="S358">
        <v>1</v>
      </c>
      <c r="T358">
        <v>1</v>
      </c>
      <c r="U358">
        <v>0</v>
      </c>
      <c r="V358">
        <v>0</v>
      </c>
      <c r="W358">
        <v>4.1431347263915326</v>
      </c>
      <c r="X358">
        <v>1</v>
      </c>
      <c r="Y358">
        <v>1</v>
      </c>
      <c r="Z358">
        <v>0</v>
      </c>
      <c r="AA358">
        <v>0</v>
      </c>
      <c r="AB358">
        <v>4.1271343850450908</v>
      </c>
      <c r="AC358">
        <v>1</v>
      </c>
      <c r="AD358">
        <v>1</v>
      </c>
      <c r="AE358">
        <v>0</v>
      </c>
      <c r="AF358">
        <v>0</v>
      </c>
      <c r="AG358">
        <v>4.1108738641733096</v>
      </c>
      <c r="AH358">
        <v>5.3289836256163577E-2</v>
      </c>
      <c r="AI358">
        <v>5.2580969534110178E-2</v>
      </c>
      <c r="AJ358">
        <v>-0.1311044709748746</v>
      </c>
      <c r="AK358">
        <v>-0.116721640605745</v>
      </c>
      <c r="AL358">
        <v>642.37660934324822</v>
      </c>
      <c r="AM358">
        <v>885.86866507889977</v>
      </c>
      <c r="AN358">
        <v>7471</v>
      </c>
      <c r="AO358">
        <v>131.08096188735379</v>
      </c>
      <c r="AP358">
        <v>547.83317925586721</v>
      </c>
      <c r="AQ358">
        <v>1.359375</v>
      </c>
      <c r="AR358">
        <v>3.796875</v>
      </c>
      <c r="AS358">
        <v>64</v>
      </c>
      <c r="AT358">
        <v>4.2187499999999991</v>
      </c>
      <c r="AU358">
        <v>7.3022959183673519E-2</v>
      </c>
      <c r="AV358">
        <v>5.4070515401390393E-2</v>
      </c>
      <c r="AW358">
        <v>0.390625</v>
      </c>
      <c r="AX358">
        <v>81.396825396825392</v>
      </c>
      <c r="AY358">
        <v>64.5</v>
      </c>
      <c r="AZ358">
        <v>121.75</v>
      </c>
      <c r="BA358">
        <v>0.61072485499839324</v>
      </c>
      <c r="BB358">
        <v>0.484375</v>
      </c>
      <c r="BC358">
        <v>3.8570739852080629</v>
      </c>
      <c r="BD358" t="s">
        <v>1433</v>
      </c>
      <c r="BE358" t="s">
        <v>62</v>
      </c>
    </row>
    <row r="359" spans="1:57" x14ac:dyDescent="0.3">
      <c r="A359" t="s">
        <v>1434</v>
      </c>
      <c r="B359">
        <v>3847</v>
      </c>
      <c r="C359" t="s">
        <v>1435</v>
      </c>
      <c r="D359" t="s">
        <v>1436</v>
      </c>
      <c r="E359" t="s">
        <v>72</v>
      </c>
      <c r="F359">
        <v>3864</v>
      </c>
      <c r="G359">
        <v>128.01268115942031</v>
      </c>
      <c r="H359">
        <v>128</v>
      </c>
      <c r="I359">
        <v>5465.5254603062094</v>
      </c>
      <c r="J359">
        <v>73.929192206503984</v>
      </c>
      <c r="K359">
        <v>-5.0807673604676947E-3</v>
      </c>
      <c r="L359">
        <v>-1.1939691985105201</v>
      </c>
      <c r="M359">
        <v>7.9489403728748016</v>
      </c>
      <c r="N359">
        <v>32</v>
      </c>
      <c r="O359">
        <v>7</v>
      </c>
      <c r="P359">
        <v>25</v>
      </c>
      <c r="Q359">
        <v>4.0310077446588961</v>
      </c>
      <c r="R359">
        <v>5.5097856078972889</v>
      </c>
      <c r="S359">
        <v>3</v>
      </c>
      <c r="T359">
        <v>1</v>
      </c>
      <c r="U359">
        <v>2</v>
      </c>
      <c r="V359">
        <v>0.19169853064630579</v>
      </c>
      <c r="W359">
        <v>8.2094051306905946</v>
      </c>
      <c r="X359">
        <v>2</v>
      </c>
      <c r="Y359">
        <v>1</v>
      </c>
      <c r="Z359">
        <v>1</v>
      </c>
      <c r="AA359">
        <v>8.0455298620970214E-2</v>
      </c>
      <c r="AB359">
        <v>8.2499665222769103</v>
      </c>
      <c r="AC359">
        <v>2</v>
      </c>
      <c r="AD359">
        <v>1</v>
      </c>
      <c r="AE359">
        <v>1</v>
      </c>
      <c r="AF359">
        <v>7.3748510313344631E-2</v>
      </c>
      <c r="AG359">
        <v>8.2511414336940412</v>
      </c>
      <c r="AH359">
        <v>4.1313733011698302E-3</v>
      </c>
      <c r="AI359">
        <v>6.4537078524878246E-3</v>
      </c>
      <c r="AJ359">
        <v>2.44286821901053E-2</v>
      </c>
      <c r="AK359">
        <v>5.9067223779768231E-3</v>
      </c>
      <c r="AL359">
        <v>4185.9324321670429</v>
      </c>
      <c r="AM359">
        <v>8180.2860997236594</v>
      </c>
      <c r="AN359">
        <v>494641</v>
      </c>
      <c r="AO359">
        <v>135.54221955122509</v>
      </c>
      <c r="AP359">
        <v>3778.70905266912</v>
      </c>
      <c r="AQ359">
        <v>1.0059523809523809</v>
      </c>
      <c r="AR359">
        <v>4.0165631469979299</v>
      </c>
      <c r="AS359">
        <v>3853</v>
      </c>
      <c r="AT359">
        <v>275.59420289855069</v>
      </c>
      <c r="AU359">
        <v>1.1539398368042851E-2</v>
      </c>
      <c r="AV359">
        <v>4.133187298091953E-3</v>
      </c>
      <c r="AW359">
        <v>0.37060041407867489</v>
      </c>
      <c r="AX359">
        <v>85.257054103028736</v>
      </c>
      <c r="AY359">
        <v>64</v>
      </c>
      <c r="AZ359">
        <v>128</v>
      </c>
      <c r="BA359">
        <v>0.57751459884225409</v>
      </c>
      <c r="BB359">
        <v>0.49948240165631469</v>
      </c>
      <c r="BC359">
        <v>5.3243994406655961</v>
      </c>
      <c r="BD359" t="s">
        <v>1437</v>
      </c>
      <c r="BE359" t="s">
        <v>68</v>
      </c>
    </row>
    <row r="360" spans="1:57" x14ac:dyDescent="0.3">
      <c r="A360" t="s">
        <v>1438</v>
      </c>
      <c r="B360">
        <v>3833</v>
      </c>
      <c r="C360" t="s">
        <v>1439</v>
      </c>
      <c r="D360" t="s">
        <v>1440</v>
      </c>
      <c r="E360" t="s">
        <v>128</v>
      </c>
      <c r="F360">
        <v>32</v>
      </c>
      <c r="G360">
        <v>125.59375</v>
      </c>
      <c r="H360">
        <v>141</v>
      </c>
      <c r="I360">
        <v>5760.3037109375</v>
      </c>
      <c r="J360">
        <v>75.896664689151521</v>
      </c>
      <c r="K360">
        <v>-0.26351895274820492</v>
      </c>
      <c r="L360">
        <v>-1.1408702292671009</v>
      </c>
      <c r="M360">
        <v>4.9375</v>
      </c>
      <c r="N360">
        <v>2</v>
      </c>
      <c r="O360">
        <v>1</v>
      </c>
      <c r="P360">
        <v>1</v>
      </c>
      <c r="Q360">
        <v>0.1766846959694085</v>
      </c>
      <c r="R360">
        <v>3.422414204014729</v>
      </c>
      <c r="S360">
        <v>1</v>
      </c>
      <c r="T360">
        <v>1</v>
      </c>
      <c r="U360">
        <v>0</v>
      </c>
      <c r="V360">
        <v>0</v>
      </c>
      <c r="W360">
        <v>3.4339872044851458</v>
      </c>
      <c r="X360">
        <v>1</v>
      </c>
      <c r="Y360">
        <v>1</v>
      </c>
      <c r="Z360">
        <v>0</v>
      </c>
      <c r="AA360">
        <v>0</v>
      </c>
      <c r="AB360">
        <v>3.401197381662155</v>
      </c>
      <c r="AC360">
        <v>1</v>
      </c>
      <c r="AD360">
        <v>1</v>
      </c>
      <c r="AE360">
        <v>0</v>
      </c>
      <c r="AF360">
        <v>0</v>
      </c>
      <c r="AG360">
        <v>3.3672958299864728</v>
      </c>
      <c r="AH360">
        <v>-0.15965451197251659</v>
      </c>
      <c r="AI360">
        <v>-1.2648455951300579E-2</v>
      </c>
      <c r="AJ360">
        <v>-0.1342501584287395</v>
      </c>
      <c r="AK360">
        <v>-6.7713377827876717E-2</v>
      </c>
      <c r="AL360">
        <v>521.03789020094689</v>
      </c>
      <c r="AM360">
        <v>646.22791410998798</v>
      </c>
      <c r="AN360">
        <v>4019</v>
      </c>
      <c r="AO360">
        <v>119.7264115795238</v>
      </c>
      <c r="AP360">
        <v>429.82254353046449</v>
      </c>
      <c r="AQ360">
        <v>1.71875</v>
      </c>
      <c r="AR360">
        <v>3.75</v>
      </c>
      <c r="AS360">
        <v>32</v>
      </c>
      <c r="AT360">
        <v>0.93749999999999978</v>
      </c>
      <c r="AU360">
        <v>0.1131072874493927</v>
      </c>
      <c r="AV360">
        <v>-0.1613580189743829</v>
      </c>
      <c r="AW360">
        <v>0.25</v>
      </c>
      <c r="AX360">
        <v>94.903225806451616</v>
      </c>
      <c r="AY360">
        <v>60.5</v>
      </c>
      <c r="AZ360">
        <v>118.25</v>
      </c>
      <c r="BA360">
        <v>0.60430287883872824</v>
      </c>
      <c r="BB360">
        <v>0.5625</v>
      </c>
      <c r="BC360">
        <v>3.3892680315457948</v>
      </c>
      <c r="BD360" t="s">
        <v>1441</v>
      </c>
      <c r="BE360" t="s">
        <v>62</v>
      </c>
    </row>
    <row r="361" spans="1:57" x14ac:dyDescent="0.3">
      <c r="A361" t="s">
        <v>1442</v>
      </c>
      <c r="B361">
        <v>786</v>
      </c>
      <c r="C361" t="s">
        <v>1443</v>
      </c>
      <c r="D361" t="s">
        <v>1444</v>
      </c>
      <c r="E361" t="s">
        <v>98</v>
      </c>
      <c r="F361">
        <v>16</v>
      </c>
      <c r="G361">
        <v>151.4375</v>
      </c>
      <c r="H361">
        <v>165</v>
      </c>
      <c r="I361">
        <v>4150.62109375</v>
      </c>
      <c r="J361">
        <v>64.425314075679907</v>
      </c>
      <c r="K361">
        <v>-0.37935177274721837</v>
      </c>
      <c r="L361">
        <v>-0.9322074528434805</v>
      </c>
      <c r="M361">
        <v>3.875</v>
      </c>
      <c r="N361">
        <v>2</v>
      </c>
      <c r="O361">
        <v>1</v>
      </c>
      <c r="P361">
        <v>1</v>
      </c>
      <c r="Q361">
        <v>0.24944382578492949</v>
      </c>
      <c r="R361">
        <v>2.6859453246697882</v>
      </c>
      <c r="S361">
        <v>1</v>
      </c>
      <c r="T361">
        <v>1</v>
      </c>
      <c r="U361">
        <v>0</v>
      </c>
      <c r="V361">
        <v>0</v>
      </c>
      <c r="W361">
        <v>2.7080502011022101</v>
      </c>
      <c r="X361">
        <v>1</v>
      </c>
      <c r="Y361">
        <v>1</v>
      </c>
      <c r="Z361">
        <v>0</v>
      </c>
      <c r="AA361">
        <v>0</v>
      </c>
      <c r="AB361">
        <v>2.639057329615258</v>
      </c>
      <c r="AC361">
        <v>1</v>
      </c>
      <c r="AD361">
        <v>1</v>
      </c>
      <c r="AE361">
        <v>0</v>
      </c>
      <c r="AF361">
        <v>0</v>
      </c>
      <c r="AG361">
        <v>2.5649493574615372</v>
      </c>
      <c r="AH361">
        <v>-0.25720648218122483</v>
      </c>
      <c r="AI361">
        <v>-0.1452720507755334</v>
      </c>
      <c r="AJ361">
        <v>3.9921253784495729E-2</v>
      </c>
      <c r="AK361">
        <v>3.2534075754852197E-2</v>
      </c>
      <c r="AL361">
        <v>390.4898364086788</v>
      </c>
      <c r="AM361">
        <v>529.96291159054067</v>
      </c>
      <c r="AN361">
        <v>2423</v>
      </c>
      <c r="AO361">
        <v>99.94107416366414</v>
      </c>
      <c r="AP361">
        <v>280.72940708091119</v>
      </c>
      <c r="AQ361">
        <v>2.3125</v>
      </c>
      <c r="AR361">
        <v>4.375</v>
      </c>
      <c r="AS361">
        <v>16</v>
      </c>
      <c r="AT361">
        <v>0.87499999999999989</v>
      </c>
      <c r="AU361">
        <v>0.15560165975103729</v>
      </c>
      <c r="AV361">
        <v>-0.2640949298080103</v>
      </c>
      <c r="AW361">
        <v>0.3125</v>
      </c>
      <c r="AX361">
        <v>88.86666666666666</v>
      </c>
      <c r="AY361">
        <v>48.5</v>
      </c>
      <c r="AZ361">
        <v>90</v>
      </c>
      <c r="BA361">
        <v>0.42542510326491068</v>
      </c>
      <c r="BB361">
        <v>0.5</v>
      </c>
      <c r="BC361">
        <v>2.4307913288782319</v>
      </c>
      <c r="BD361" t="s">
        <v>1443</v>
      </c>
      <c r="BE361" t="s">
        <v>62</v>
      </c>
    </row>
    <row r="362" spans="1:57" x14ac:dyDescent="0.3">
      <c r="A362" t="s">
        <v>1445</v>
      </c>
      <c r="B362">
        <v>3166</v>
      </c>
      <c r="C362" t="s">
        <v>1446</v>
      </c>
      <c r="D362" t="s">
        <v>1447</v>
      </c>
      <c r="E362" t="s">
        <v>98</v>
      </c>
      <c r="F362">
        <v>16</v>
      </c>
      <c r="G362">
        <v>127.8125</v>
      </c>
      <c r="H362">
        <v>163.5</v>
      </c>
      <c r="I362">
        <v>6190.65234375</v>
      </c>
      <c r="J362">
        <v>78.680698673499336</v>
      </c>
      <c r="K362">
        <v>-0.31556219300159899</v>
      </c>
      <c r="L362">
        <v>-1.482814431464522</v>
      </c>
      <c r="M362">
        <v>3.875</v>
      </c>
      <c r="N362">
        <v>2</v>
      </c>
      <c r="O362">
        <v>1</v>
      </c>
      <c r="P362">
        <v>1</v>
      </c>
      <c r="Q362">
        <v>0.24944382578492941</v>
      </c>
      <c r="R362">
        <v>2.6859453246697882</v>
      </c>
      <c r="S362">
        <v>1</v>
      </c>
      <c r="T362">
        <v>1</v>
      </c>
      <c r="U362">
        <v>0</v>
      </c>
      <c r="V362">
        <v>0</v>
      </c>
      <c r="W362">
        <v>2.7080502011022101</v>
      </c>
      <c r="X362">
        <v>1</v>
      </c>
      <c r="Y362">
        <v>1</v>
      </c>
      <c r="Z362">
        <v>0</v>
      </c>
      <c r="AA362">
        <v>0</v>
      </c>
      <c r="AB362">
        <v>2.639057329615258</v>
      </c>
      <c r="AC362">
        <v>1</v>
      </c>
      <c r="AD362">
        <v>1</v>
      </c>
      <c r="AE362">
        <v>0</v>
      </c>
      <c r="AF362">
        <v>0</v>
      </c>
      <c r="AG362">
        <v>2.5649493574615372</v>
      </c>
      <c r="AH362">
        <v>0.1241491471832217</v>
      </c>
      <c r="AI362">
        <v>-0.18684428135413331</v>
      </c>
      <c r="AJ362">
        <v>7.4366271413490725E-2</v>
      </c>
      <c r="AK362">
        <v>0.14528732836238101</v>
      </c>
      <c r="AL362">
        <v>417.8258496395585</v>
      </c>
      <c r="AM362">
        <v>431.1015650319319</v>
      </c>
      <c r="AN362">
        <v>2045</v>
      </c>
      <c r="AO362">
        <v>155.99699549105731</v>
      </c>
      <c r="AP362">
        <v>294.32527899482488</v>
      </c>
      <c r="AQ362">
        <v>2.3125</v>
      </c>
      <c r="AR362">
        <v>3.5625</v>
      </c>
      <c r="AS362">
        <v>16</v>
      </c>
      <c r="AT362">
        <v>0.875</v>
      </c>
      <c r="AU362">
        <v>0.2393558951965066</v>
      </c>
      <c r="AV362">
        <v>0.12689861037366421</v>
      </c>
      <c r="AW362">
        <v>0.25</v>
      </c>
      <c r="AX362">
        <v>82.933333333333337</v>
      </c>
      <c r="AY362">
        <v>63</v>
      </c>
      <c r="AZ362">
        <v>148</v>
      </c>
      <c r="BA362">
        <v>0.61559470844791653</v>
      </c>
      <c r="BB362">
        <v>0.5625</v>
      </c>
      <c r="BC362">
        <v>2.615630577027551</v>
      </c>
      <c r="BD362" t="s">
        <v>1446</v>
      </c>
      <c r="BE362" t="s">
        <v>62</v>
      </c>
    </row>
    <row r="363" spans="1:57" x14ac:dyDescent="0.3">
      <c r="A363" t="s">
        <v>1448</v>
      </c>
      <c r="B363">
        <v>1739</v>
      </c>
      <c r="C363" t="s">
        <v>1449</v>
      </c>
      <c r="D363" t="s">
        <v>1450</v>
      </c>
      <c r="E363" t="s">
        <v>115</v>
      </c>
      <c r="F363">
        <v>1776</v>
      </c>
      <c r="G363">
        <v>125.97015765765769</v>
      </c>
      <c r="H363">
        <v>123</v>
      </c>
      <c r="I363">
        <v>5640.3836815066761</v>
      </c>
      <c r="J363">
        <v>75.102487851646273</v>
      </c>
      <c r="K363">
        <v>2.7884181513321511E-2</v>
      </c>
      <c r="L363">
        <v>-1.265779221684227</v>
      </c>
      <c r="M363">
        <v>7.8659248180866737</v>
      </c>
      <c r="N363">
        <v>16</v>
      </c>
      <c r="O363">
        <v>1</v>
      </c>
      <c r="P363">
        <v>15</v>
      </c>
      <c r="Q363">
        <v>2.8878938338948248</v>
      </c>
      <c r="R363">
        <v>5.4522436101532898</v>
      </c>
      <c r="S363">
        <v>2</v>
      </c>
      <c r="T363">
        <v>1</v>
      </c>
      <c r="U363">
        <v>1</v>
      </c>
      <c r="V363">
        <v>0.1138222883874259</v>
      </c>
      <c r="W363">
        <v>7.4635924510330316</v>
      </c>
      <c r="X363">
        <v>1</v>
      </c>
      <c r="Y363">
        <v>1</v>
      </c>
      <c r="Z363">
        <v>0</v>
      </c>
      <c r="AA363">
        <v>0</v>
      </c>
      <c r="AB363">
        <v>7.4809921628695228</v>
      </c>
      <c r="AC363">
        <v>1</v>
      </c>
      <c r="AD363">
        <v>1</v>
      </c>
      <c r="AE363">
        <v>0</v>
      </c>
      <c r="AF363">
        <v>0</v>
      </c>
      <c r="AG363">
        <v>7.4804283060742103</v>
      </c>
      <c r="AH363">
        <v>-2.3035718326998949E-2</v>
      </c>
      <c r="AI363">
        <v>-1.6496889302571639E-2</v>
      </c>
      <c r="AJ363">
        <v>-5.1094400736742943E-2</v>
      </c>
      <c r="AK363">
        <v>2.0030688476289599E-2</v>
      </c>
      <c r="AL363">
        <v>2938.7911681305641</v>
      </c>
      <c r="AM363">
        <v>5437.2097136415287</v>
      </c>
      <c r="AN363">
        <v>223723</v>
      </c>
      <c r="AO363">
        <v>38.274248491416628</v>
      </c>
      <c r="AP363">
        <v>2657.411437455974</v>
      </c>
      <c r="AQ363">
        <v>1.012950450450451</v>
      </c>
      <c r="AR363">
        <v>4.0028153153153152</v>
      </c>
      <c r="AS363">
        <v>1772</v>
      </c>
      <c r="AT363">
        <v>305.35135135135141</v>
      </c>
      <c r="AU363">
        <v>2.9603868574456849E-2</v>
      </c>
      <c r="AV363">
        <v>-2.303676037080939E-2</v>
      </c>
      <c r="AW363">
        <v>0.39414414414414423</v>
      </c>
      <c r="AX363">
        <v>87.913802816901409</v>
      </c>
      <c r="AY363">
        <v>67</v>
      </c>
      <c r="AZ363">
        <v>135</v>
      </c>
      <c r="BA363">
        <v>0.59619269554102072</v>
      </c>
      <c r="BB363">
        <v>0.48592342342342337</v>
      </c>
      <c r="BC363">
        <v>5.3134618347267892</v>
      </c>
      <c r="BD363" t="s">
        <v>1451</v>
      </c>
      <c r="BE363" t="s">
        <v>62</v>
      </c>
    </row>
    <row r="364" spans="1:57" x14ac:dyDescent="0.3">
      <c r="A364" t="s">
        <v>1452</v>
      </c>
      <c r="B364">
        <v>2111</v>
      </c>
      <c r="C364" t="s">
        <v>1453</v>
      </c>
      <c r="D364" t="s">
        <v>1454</v>
      </c>
      <c r="E364" t="s">
        <v>10622</v>
      </c>
      <c r="F364">
        <v>64</v>
      </c>
      <c r="G364">
        <v>125.96875</v>
      </c>
      <c r="H364">
        <v>128</v>
      </c>
      <c r="I364">
        <v>6251.5615234375</v>
      </c>
      <c r="J364">
        <v>79.066816828790451</v>
      </c>
      <c r="K364">
        <v>-5.5930627745446299E-2</v>
      </c>
      <c r="L364">
        <v>-1.172485522782958</v>
      </c>
      <c r="M364">
        <v>5.550704882778696</v>
      </c>
      <c r="N364">
        <v>3</v>
      </c>
      <c r="O364">
        <v>1</v>
      </c>
      <c r="P364">
        <v>2</v>
      </c>
      <c r="Q364">
        <v>0.49152822909778032</v>
      </c>
      <c r="R364">
        <v>3.8474554396183751</v>
      </c>
      <c r="S364">
        <v>1</v>
      </c>
      <c r="T364">
        <v>1</v>
      </c>
      <c r="U364">
        <v>0</v>
      </c>
      <c r="V364">
        <v>0</v>
      </c>
      <c r="W364">
        <v>4.1431347263915326</v>
      </c>
      <c r="X364">
        <v>1</v>
      </c>
      <c r="Y364">
        <v>1</v>
      </c>
      <c r="Z364">
        <v>0</v>
      </c>
      <c r="AA364">
        <v>0</v>
      </c>
      <c r="AB364">
        <v>4.1271343850450908</v>
      </c>
      <c r="AC364">
        <v>1</v>
      </c>
      <c r="AD364">
        <v>1</v>
      </c>
      <c r="AE364">
        <v>0</v>
      </c>
      <c r="AF364">
        <v>0</v>
      </c>
      <c r="AG364">
        <v>4.1108738641733096</v>
      </c>
      <c r="AH364">
        <v>2.8541147981152839E-2</v>
      </c>
      <c r="AI364">
        <v>-0.10250962786797491</v>
      </c>
      <c r="AJ364">
        <v>-0.23941402423441391</v>
      </c>
      <c r="AK364">
        <v>5.5204932978463662E-2</v>
      </c>
      <c r="AL364">
        <v>706.06692419081867</v>
      </c>
      <c r="AM364">
        <v>957.66878332945396</v>
      </c>
      <c r="AN364">
        <v>8062</v>
      </c>
      <c r="AO364">
        <v>166.06814318145109</v>
      </c>
      <c r="AP364">
        <v>557.24641693801527</v>
      </c>
      <c r="AQ364">
        <v>1.359375</v>
      </c>
      <c r="AR364">
        <v>3.84375</v>
      </c>
      <c r="AS364">
        <v>64</v>
      </c>
      <c r="AT364">
        <v>9.4374999999999964</v>
      </c>
      <c r="AU364">
        <v>0.1084486166007905</v>
      </c>
      <c r="AV364">
        <v>2.932662743105674E-2</v>
      </c>
      <c r="AW364">
        <v>0.296875</v>
      </c>
      <c r="AX364">
        <v>88.349206349206355</v>
      </c>
      <c r="AY364">
        <v>66.5</v>
      </c>
      <c r="AZ364">
        <v>133.5</v>
      </c>
      <c r="BA364">
        <v>0.62767009142180463</v>
      </c>
      <c r="BB364">
        <v>0.515625</v>
      </c>
      <c r="BC364">
        <v>3.914782476312749</v>
      </c>
      <c r="BD364" t="s">
        <v>1455</v>
      </c>
      <c r="BE364" t="s">
        <v>62</v>
      </c>
    </row>
    <row r="365" spans="1:57" x14ac:dyDescent="0.3">
      <c r="A365" t="s">
        <v>1456</v>
      </c>
      <c r="B365">
        <v>3743</v>
      </c>
      <c r="C365" t="s">
        <v>1457</v>
      </c>
      <c r="D365" t="s">
        <v>1458</v>
      </c>
      <c r="E365" t="s">
        <v>66</v>
      </c>
      <c r="F365">
        <v>71</v>
      </c>
      <c r="G365">
        <v>104.4366197183099</v>
      </c>
      <c r="H365">
        <v>100</v>
      </c>
      <c r="I365">
        <v>5682.3868280103152</v>
      </c>
      <c r="J365">
        <v>75.381608022184793</v>
      </c>
      <c r="K365">
        <v>0.30779570805205919</v>
      </c>
      <c r="L365">
        <v>-1.1598557738744679</v>
      </c>
      <c r="M365">
        <v>5.8643293377231229</v>
      </c>
      <c r="N365">
        <v>3</v>
      </c>
      <c r="O365">
        <v>1</v>
      </c>
      <c r="P365">
        <v>2</v>
      </c>
      <c r="Q365">
        <v>0.46996136401075689</v>
      </c>
      <c r="R365">
        <v>4.0648433463177573</v>
      </c>
      <c r="S365">
        <v>1</v>
      </c>
      <c r="T365">
        <v>1</v>
      </c>
      <c r="U365">
        <v>0</v>
      </c>
      <c r="V365">
        <v>0</v>
      </c>
      <c r="W365">
        <v>4.2484952420493576</v>
      </c>
      <c r="X365">
        <v>1</v>
      </c>
      <c r="Y365">
        <v>1</v>
      </c>
      <c r="Z365">
        <v>0</v>
      </c>
      <c r="AA365">
        <v>0</v>
      </c>
      <c r="AB365">
        <v>4.2341065045972579</v>
      </c>
      <c r="AC365">
        <v>1</v>
      </c>
      <c r="AD365">
        <v>1</v>
      </c>
      <c r="AE365">
        <v>0</v>
      </c>
      <c r="AF365">
        <v>0</v>
      </c>
      <c r="AG365">
        <v>4.2195077051761087</v>
      </c>
      <c r="AH365">
        <v>4.095702806797704E-2</v>
      </c>
      <c r="AI365">
        <v>9.6885824944320478E-2</v>
      </c>
      <c r="AJ365">
        <v>-2.9099257699110339E-2</v>
      </c>
      <c r="AK365">
        <v>0.2203368838377763</v>
      </c>
      <c r="AL365">
        <v>663.92265785305506</v>
      </c>
      <c r="AM365">
        <v>858.51831919262804</v>
      </c>
      <c r="AN365">
        <v>7415</v>
      </c>
      <c r="AO365">
        <v>152.83463305126969</v>
      </c>
      <c r="AP365">
        <v>515.94878402307529</v>
      </c>
      <c r="AQ365">
        <v>1.323943661971831</v>
      </c>
      <c r="AR365">
        <v>3.563380281690141</v>
      </c>
      <c r="AS365">
        <v>71</v>
      </c>
      <c r="AT365">
        <v>11.957746478873229</v>
      </c>
      <c r="AU365">
        <v>0.1540317602828124</v>
      </c>
      <c r="AV365">
        <v>4.1375686949291009E-2</v>
      </c>
      <c r="AW365">
        <v>0.39436619718309862</v>
      </c>
      <c r="AX365">
        <v>84.757142857142853</v>
      </c>
      <c r="AY365">
        <v>67</v>
      </c>
      <c r="AZ365">
        <v>131</v>
      </c>
      <c r="BA365">
        <v>0.72179287519556579</v>
      </c>
      <c r="BB365">
        <v>0.47887323943661969</v>
      </c>
      <c r="BC365">
        <v>4.0504531904608037</v>
      </c>
      <c r="BD365" t="s">
        <v>1459</v>
      </c>
      <c r="BE365" t="s">
        <v>68</v>
      </c>
    </row>
    <row r="366" spans="1:57" x14ac:dyDescent="0.3">
      <c r="A366" t="s">
        <v>1460</v>
      </c>
      <c r="B366">
        <v>149</v>
      </c>
      <c r="C366" t="s">
        <v>1461</v>
      </c>
      <c r="D366" t="s">
        <v>1462</v>
      </c>
      <c r="E366" t="s">
        <v>60</v>
      </c>
      <c r="F366">
        <v>256</v>
      </c>
      <c r="G366">
        <v>130.0546875</v>
      </c>
      <c r="H366">
        <v>136</v>
      </c>
      <c r="I366">
        <v>5507.5985717773438</v>
      </c>
      <c r="J366">
        <v>74.213196749482123</v>
      </c>
      <c r="K366">
        <v>-7.3901516180898463E-2</v>
      </c>
      <c r="L366">
        <v>-1.160266880548245</v>
      </c>
      <c r="M366">
        <v>7.262370751809458</v>
      </c>
      <c r="N366">
        <v>4</v>
      </c>
      <c r="O366">
        <v>1</v>
      </c>
      <c r="P366">
        <v>3</v>
      </c>
      <c r="Q366">
        <v>0.69747226515442229</v>
      </c>
      <c r="R366">
        <v>5.0338918107977353</v>
      </c>
      <c r="S366">
        <v>1</v>
      </c>
      <c r="T366">
        <v>1</v>
      </c>
      <c r="U366">
        <v>0</v>
      </c>
      <c r="V366">
        <v>0</v>
      </c>
      <c r="W366">
        <v>5.541263545158424</v>
      </c>
      <c r="X366">
        <v>1</v>
      </c>
      <c r="Y366">
        <v>1</v>
      </c>
      <c r="Z366">
        <v>0</v>
      </c>
      <c r="AA366">
        <v>0</v>
      </c>
      <c r="AB366">
        <v>5.5373342670185366</v>
      </c>
      <c r="AC366">
        <v>1</v>
      </c>
      <c r="AD366">
        <v>1</v>
      </c>
      <c r="AE366">
        <v>0</v>
      </c>
      <c r="AF366">
        <v>0</v>
      </c>
      <c r="AG366">
        <v>5.5333894887275203</v>
      </c>
      <c r="AH366">
        <v>-2.1660766981322251E-2</v>
      </c>
      <c r="AI366">
        <v>4.1267882991105759E-2</v>
      </c>
      <c r="AJ366">
        <v>5.058849574076154E-2</v>
      </c>
      <c r="AK366">
        <v>-3.2026611191236982E-3</v>
      </c>
      <c r="AL366">
        <v>1178.61756385231</v>
      </c>
      <c r="AM366">
        <v>2085.868317554789</v>
      </c>
      <c r="AN366">
        <v>33294</v>
      </c>
      <c r="AO366">
        <v>78.455971191947199</v>
      </c>
      <c r="AP366">
        <v>1010.2048496703731</v>
      </c>
      <c r="AQ366">
        <v>1.08984375</v>
      </c>
      <c r="AR366">
        <v>3.9296875</v>
      </c>
      <c r="AS366">
        <v>255</v>
      </c>
      <c r="AT366">
        <v>54.273437500000007</v>
      </c>
      <c r="AU366">
        <v>4.5128676470588269E-2</v>
      </c>
      <c r="AV366">
        <v>-2.1755810899963351E-2</v>
      </c>
      <c r="AW366">
        <v>0.33984375</v>
      </c>
      <c r="AX366">
        <v>85.909803921568624</v>
      </c>
      <c r="AY366">
        <v>61</v>
      </c>
      <c r="AZ366">
        <v>131.5</v>
      </c>
      <c r="BA366">
        <v>0.57063069525642529</v>
      </c>
      <c r="BB366">
        <v>0.5234375</v>
      </c>
      <c r="BC366">
        <v>4.8321544420618761</v>
      </c>
      <c r="BD366" t="s">
        <v>1463</v>
      </c>
      <c r="BE366" t="s">
        <v>62</v>
      </c>
    </row>
    <row r="367" spans="1:57" x14ac:dyDescent="0.3">
      <c r="A367" t="s">
        <v>1464</v>
      </c>
      <c r="B367">
        <v>2431</v>
      </c>
      <c r="C367" t="s">
        <v>1465</v>
      </c>
      <c r="D367" t="s">
        <v>1466</v>
      </c>
      <c r="E367" t="s">
        <v>93</v>
      </c>
      <c r="F367">
        <v>2501</v>
      </c>
      <c r="G367">
        <v>130.6113554578169</v>
      </c>
      <c r="H367">
        <v>132</v>
      </c>
      <c r="I367">
        <v>5607.3427578988403</v>
      </c>
      <c r="J367">
        <v>74.882192528656901</v>
      </c>
      <c r="K367">
        <v>-4.1845122102242567E-2</v>
      </c>
      <c r="L367">
        <v>-1.214624642522238</v>
      </c>
      <c r="M367">
        <v>7.9145509796240949</v>
      </c>
      <c r="N367">
        <v>21</v>
      </c>
      <c r="O367">
        <v>3</v>
      </c>
      <c r="P367">
        <v>18</v>
      </c>
      <c r="Q367">
        <v>3.33155037561695</v>
      </c>
      <c r="R367">
        <v>5.485948696924396</v>
      </c>
      <c r="S367">
        <v>2</v>
      </c>
      <c r="T367">
        <v>1</v>
      </c>
      <c r="U367">
        <v>1</v>
      </c>
      <c r="V367">
        <v>0.13414153808615159</v>
      </c>
      <c r="W367">
        <v>7.7990927123561358</v>
      </c>
      <c r="X367">
        <v>1</v>
      </c>
      <c r="Y367">
        <v>1</v>
      </c>
      <c r="Z367">
        <v>0</v>
      </c>
      <c r="AA367">
        <v>0</v>
      </c>
      <c r="AB367">
        <v>7.8236459308349531</v>
      </c>
      <c r="AC367">
        <v>1</v>
      </c>
      <c r="AD367">
        <v>1</v>
      </c>
      <c r="AE367">
        <v>0</v>
      </c>
      <c r="AF367">
        <v>0</v>
      </c>
      <c r="AG367">
        <v>7.8232456906855186</v>
      </c>
      <c r="AH367">
        <v>1.7640567590566491E-2</v>
      </c>
      <c r="AI367">
        <v>1.34128375217518E-2</v>
      </c>
      <c r="AJ367">
        <v>1.51843367987938E-2</v>
      </c>
      <c r="AK367">
        <v>-2.6371540384082091E-2</v>
      </c>
      <c r="AL367">
        <v>3452.0501937970062</v>
      </c>
      <c r="AM367">
        <v>6691.2396803212814</v>
      </c>
      <c r="AN367">
        <v>326659</v>
      </c>
      <c r="AO367">
        <v>60.552847258306457</v>
      </c>
      <c r="AP367">
        <v>3120.2363345209428</v>
      </c>
      <c r="AQ367">
        <v>1.009196321471411</v>
      </c>
      <c r="AR367">
        <v>4.0607756897241103</v>
      </c>
      <c r="AS367">
        <v>2489</v>
      </c>
      <c r="AT367">
        <v>290.84326269492198</v>
      </c>
      <c r="AU367">
        <v>2.6597988255678159E-2</v>
      </c>
      <c r="AV367">
        <v>1.7656656217725199E-2</v>
      </c>
      <c r="AW367">
        <v>0.36385445821671331</v>
      </c>
      <c r="AX367">
        <v>85.604399999999998</v>
      </c>
      <c r="AY367">
        <v>65</v>
      </c>
      <c r="AZ367">
        <v>128</v>
      </c>
      <c r="BA367">
        <v>0.5733206907330608</v>
      </c>
      <c r="BB367">
        <v>0.50499800079968016</v>
      </c>
      <c r="BC367">
        <v>5.306134060117941</v>
      </c>
      <c r="BD367" t="s">
        <v>1467</v>
      </c>
      <c r="BE367" t="s">
        <v>68</v>
      </c>
    </row>
    <row r="368" spans="1:57" x14ac:dyDescent="0.3">
      <c r="A368" t="s">
        <v>522</v>
      </c>
      <c r="B368">
        <v>2398</v>
      </c>
      <c r="C368" t="s">
        <v>523</v>
      </c>
      <c r="D368" t="s">
        <v>524</v>
      </c>
      <c r="E368" t="s">
        <v>93</v>
      </c>
      <c r="F368">
        <v>2402</v>
      </c>
      <c r="G368">
        <v>127.4050791007494</v>
      </c>
      <c r="H368">
        <v>129</v>
      </c>
      <c r="I368">
        <v>5423.7797077581063</v>
      </c>
      <c r="J368">
        <v>73.646314963873834</v>
      </c>
      <c r="K368">
        <v>-1.41324837350524E-2</v>
      </c>
      <c r="L368">
        <v>-1.185375457311272</v>
      </c>
      <c r="M368">
        <v>7.9371527031205913</v>
      </c>
      <c r="N368">
        <v>18</v>
      </c>
      <c r="O368">
        <v>2</v>
      </c>
      <c r="P368">
        <v>16</v>
      </c>
      <c r="Q368">
        <v>2.7418090906997432</v>
      </c>
      <c r="R368">
        <v>5.5016150178417877</v>
      </c>
      <c r="S368">
        <v>3</v>
      </c>
      <c r="T368">
        <v>1</v>
      </c>
      <c r="U368">
        <v>2</v>
      </c>
      <c r="V368">
        <v>0.14577258209831501</v>
      </c>
      <c r="W368">
        <v>7.7551309453096984</v>
      </c>
      <c r="X368">
        <v>1</v>
      </c>
      <c r="Y368">
        <v>1</v>
      </c>
      <c r="Z368">
        <v>0</v>
      </c>
      <c r="AA368">
        <v>0</v>
      </c>
      <c r="AB368">
        <v>7.7832240163360362</v>
      </c>
      <c r="AC368">
        <v>1</v>
      </c>
      <c r="AD368">
        <v>1</v>
      </c>
      <c r="AE368">
        <v>0</v>
      </c>
      <c r="AF368">
        <v>0</v>
      </c>
      <c r="AG368">
        <v>7.7828072628396949</v>
      </c>
      <c r="AH368">
        <v>2.6237439070374211E-2</v>
      </c>
      <c r="AI368">
        <v>2.6914185050482108E-3</v>
      </c>
      <c r="AJ368">
        <v>3.2299644677045478E-2</v>
      </c>
      <c r="AK368">
        <v>2.2366881859552271E-2</v>
      </c>
      <c r="AL368">
        <v>3337.5008398246991</v>
      </c>
      <c r="AM368">
        <v>6393.6219112619901</v>
      </c>
      <c r="AN368">
        <v>306027</v>
      </c>
      <c r="AO368">
        <v>24.470422544566379</v>
      </c>
      <c r="AP368">
        <v>2985.7153099241641</v>
      </c>
      <c r="AQ368">
        <v>1.009575353871774</v>
      </c>
      <c r="AR368">
        <v>4.0037468776019987</v>
      </c>
      <c r="AS368">
        <v>2392</v>
      </c>
      <c r="AT368">
        <v>205.1074104912573</v>
      </c>
      <c r="AU368">
        <v>1.0835741457282329E-2</v>
      </c>
      <c r="AV368">
        <v>2.624284639230318E-2</v>
      </c>
      <c r="AW368">
        <v>0.36719400499583682</v>
      </c>
      <c r="AX368">
        <v>83.771345272803003</v>
      </c>
      <c r="AY368">
        <v>64</v>
      </c>
      <c r="AZ368">
        <v>128</v>
      </c>
      <c r="BA368">
        <v>0.57804850076373959</v>
      </c>
      <c r="BB368">
        <v>0.50374687760199832</v>
      </c>
      <c r="BC368">
        <v>5.2916857575291631</v>
      </c>
      <c r="BD368" t="s">
        <v>525</v>
      </c>
      <c r="BE368" t="s">
        <v>68</v>
      </c>
    </row>
    <row r="369" spans="1:57" x14ac:dyDescent="0.3">
      <c r="A369" t="s">
        <v>1468</v>
      </c>
      <c r="B369">
        <v>2953</v>
      </c>
      <c r="C369" t="s">
        <v>1469</v>
      </c>
      <c r="D369" t="s">
        <v>1470</v>
      </c>
      <c r="E369" t="s">
        <v>106</v>
      </c>
      <c r="F369">
        <v>3011</v>
      </c>
      <c r="G369">
        <v>128.1298571903022</v>
      </c>
      <c r="H369">
        <v>129</v>
      </c>
      <c r="I369">
        <v>5334.9114001456637</v>
      </c>
      <c r="J369">
        <v>73.040477819806625</v>
      </c>
      <c r="K369">
        <v>-4.9830167975394163E-3</v>
      </c>
      <c r="L369">
        <v>-1.177092290607227</v>
      </c>
      <c r="M369">
        <v>7.9294134998848333</v>
      </c>
      <c r="N369">
        <v>22</v>
      </c>
      <c r="O369">
        <v>2</v>
      </c>
      <c r="P369">
        <v>20</v>
      </c>
      <c r="Q369">
        <v>3.6520888948516079</v>
      </c>
      <c r="R369">
        <v>5.4962506109391338</v>
      </c>
      <c r="S369">
        <v>3</v>
      </c>
      <c r="T369">
        <v>1</v>
      </c>
      <c r="U369">
        <v>2</v>
      </c>
      <c r="V369">
        <v>0.14353840921857719</v>
      </c>
      <c r="W369">
        <v>7.9818877465100471</v>
      </c>
      <c r="X369">
        <v>2</v>
      </c>
      <c r="Y369">
        <v>1</v>
      </c>
      <c r="Z369">
        <v>1</v>
      </c>
      <c r="AA369">
        <v>2.578124036357074E-2</v>
      </c>
      <c r="AB369">
        <v>8.0084416446851332</v>
      </c>
      <c r="AC369">
        <v>1</v>
      </c>
      <c r="AD369">
        <v>1</v>
      </c>
      <c r="AE369">
        <v>0</v>
      </c>
      <c r="AF369">
        <v>0</v>
      </c>
      <c r="AG369">
        <v>8.0090306850697317</v>
      </c>
      <c r="AH369">
        <v>-1.3168690475125779E-2</v>
      </c>
      <c r="AI369">
        <v>-1.1525880054300891E-2</v>
      </c>
      <c r="AJ369">
        <v>-1.993237197021654E-2</v>
      </c>
      <c r="AK369">
        <v>-1.5750581575566119E-3</v>
      </c>
      <c r="AL369">
        <v>3673.7835489089312</v>
      </c>
      <c r="AM369">
        <v>7211.0403851154551</v>
      </c>
      <c r="AN369">
        <v>385798.99999999988</v>
      </c>
      <c r="AO369">
        <v>164.66294337603591</v>
      </c>
      <c r="AP369">
        <v>3321.741431283298</v>
      </c>
      <c r="AQ369">
        <v>1.0076386582530721</v>
      </c>
      <c r="AR369">
        <v>3.990036532713384</v>
      </c>
      <c r="AS369">
        <v>3001</v>
      </c>
      <c r="AT369">
        <v>290.30322152108931</v>
      </c>
      <c r="AU369">
        <v>1.373786312931019E-2</v>
      </c>
      <c r="AV369">
        <v>-1.317371334081174E-2</v>
      </c>
      <c r="AW369">
        <v>0.36864828960478252</v>
      </c>
      <c r="AX369">
        <v>84.789036544850504</v>
      </c>
      <c r="AY369">
        <v>63</v>
      </c>
      <c r="AZ369">
        <v>126</v>
      </c>
      <c r="BA369">
        <v>0.57005041152371505</v>
      </c>
      <c r="BB369">
        <v>0.50215875124543341</v>
      </c>
      <c r="BC369">
        <v>5.3050288562340064</v>
      </c>
      <c r="BD369" t="s">
        <v>1471</v>
      </c>
      <c r="BE369" t="s">
        <v>68</v>
      </c>
    </row>
    <row r="370" spans="1:57" x14ac:dyDescent="0.3">
      <c r="A370" t="s">
        <v>1472</v>
      </c>
      <c r="B370">
        <v>917</v>
      </c>
      <c r="C370" t="s">
        <v>1473</v>
      </c>
      <c r="D370" t="s">
        <v>1474</v>
      </c>
      <c r="E370" t="s">
        <v>106</v>
      </c>
      <c r="F370">
        <v>927</v>
      </c>
      <c r="G370">
        <v>129.78748651564189</v>
      </c>
      <c r="H370">
        <v>127</v>
      </c>
      <c r="I370">
        <v>5536.6829933587705</v>
      </c>
      <c r="J370">
        <v>74.408890553204543</v>
      </c>
      <c r="K370">
        <v>1.579073626669342E-2</v>
      </c>
      <c r="L370">
        <v>-1.2418348163433071</v>
      </c>
      <c r="M370">
        <v>7.7904589576264538</v>
      </c>
      <c r="N370">
        <v>9</v>
      </c>
      <c r="O370">
        <v>1</v>
      </c>
      <c r="P370">
        <v>8</v>
      </c>
      <c r="Q370">
        <v>1.808517625017793</v>
      </c>
      <c r="R370">
        <v>5.3999346617467481</v>
      </c>
      <c r="S370">
        <v>2</v>
      </c>
      <c r="T370">
        <v>1</v>
      </c>
      <c r="U370">
        <v>1</v>
      </c>
      <c r="V370">
        <v>5.6918420526819918E-2</v>
      </c>
      <c r="W370">
        <v>6.8263830002149044</v>
      </c>
      <c r="X370">
        <v>1</v>
      </c>
      <c r="Y370">
        <v>1</v>
      </c>
      <c r="Z370">
        <v>0</v>
      </c>
      <c r="AA370">
        <v>0</v>
      </c>
      <c r="AB370">
        <v>6.8297937375124249</v>
      </c>
      <c r="AC370">
        <v>1</v>
      </c>
      <c r="AD370">
        <v>1</v>
      </c>
      <c r="AE370">
        <v>0</v>
      </c>
      <c r="AF370">
        <v>0</v>
      </c>
      <c r="AG370">
        <v>6.8287120716416831</v>
      </c>
      <c r="AH370">
        <v>4.6300143867376187E-2</v>
      </c>
      <c r="AI370">
        <v>6.3717677742777647E-3</v>
      </c>
      <c r="AJ370">
        <v>-4.9570195088336752E-2</v>
      </c>
      <c r="AK370">
        <v>2.2081956181523401E-3</v>
      </c>
      <c r="AL370">
        <v>2143.5903944800139</v>
      </c>
      <c r="AM370">
        <v>4019.035608288762</v>
      </c>
      <c r="AN370">
        <v>120313</v>
      </c>
      <c r="AO370">
        <v>93.242801841567513</v>
      </c>
      <c r="AP370">
        <v>1901.404366329318</v>
      </c>
      <c r="AQ370">
        <v>1.0248112189859759</v>
      </c>
      <c r="AR370">
        <v>4.0625674217907228</v>
      </c>
      <c r="AS370">
        <v>921</v>
      </c>
      <c r="AT370">
        <v>220.51887810140241</v>
      </c>
      <c r="AU370">
        <v>3.3682340250015819E-2</v>
      </c>
      <c r="AV370">
        <v>4.6315589170474833E-2</v>
      </c>
      <c r="AW370">
        <v>0.38619201725997843</v>
      </c>
      <c r="AX370">
        <v>83.66414686825054</v>
      </c>
      <c r="AY370">
        <v>67</v>
      </c>
      <c r="AZ370">
        <v>134.5</v>
      </c>
      <c r="BA370">
        <v>0.57331328736562637</v>
      </c>
      <c r="BB370">
        <v>0.48867313915857608</v>
      </c>
      <c r="BC370">
        <v>5.1907622871215118</v>
      </c>
      <c r="BD370" t="s">
        <v>1475</v>
      </c>
      <c r="BE370" t="s">
        <v>68</v>
      </c>
    </row>
    <row r="371" spans="1:57" x14ac:dyDescent="0.3">
      <c r="A371" t="s">
        <v>1476</v>
      </c>
      <c r="B371">
        <v>3697</v>
      </c>
      <c r="C371" t="s">
        <v>1477</v>
      </c>
      <c r="D371" t="s">
        <v>1478</v>
      </c>
      <c r="E371" t="s">
        <v>72</v>
      </c>
      <c r="F371">
        <v>3704</v>
      </c>
      <c r="G371">
        <v>129.1217602591793</v>
      </c>
      <c r="H371">
        <v>129</v>
      </c>
      <c r="I371">
        <v>5640.7079066207098</v>
      </c>
      <c r="J371">
        <v>75.104646371717308</v>
      </c>
      <c r="K371">
        <v>-1.9896027177494811E-2</v>
      </c>
      <c r="L371">
        <v>-1.2318030209679489</v>
      </c>
      <c r="M371">
        <v>7.9442966250741733</v>
      </c>
      <c r="N371">
        <v>28</v>
      </c>
      <c r="O371">
        <v>2</v>
      </c>
      <c r="P371">
        <v>26</v>
      </c>
      <c r="Q371">
        <v>3.94381933378039</v>
      </c>
      <c r="R371">
        <v>5.5065668072020459</v>
      </c>
      <c r="S371">
        <v>3</v>
      </c>
      <c r="T371">
        <v>1</v>
      </c>
      <c r="U371">
        <v>2</v>
      </c>
      <c r="V371">
        <v>0.16761418294426</v>
      </c>
      <c r="W371">
        <v>8.1791789124287302</v>
      </c>
      <c r="X371">
        <v>1</v>
      </c>
      <c r="Y371">
        <v>1</v>
      </c>
      <c r="Z371">
        <v>0</v>
      </c>
      <c r="AA371">
        <v>0</v>
      </c>
      <c r="AB371">
        <v>8.2166284931334452</v>
      </c>
      <c r="AC371">
        <v>1</v>
      </c>
      <c r="AD371">
        <v>1</v>
      </c>
      <c r="AE371">
        <v>0</v>
      </c>
      <c r="AF371">
        <v>0</v>
      </c>
      <c r="AG371">
        <v>8.2163583323861538</v>
      </c>
      <c r="AH371">
        <v>1.0646997718841479E-2</v>
      </c>
      <c r="AI371">
        <v>-2.9499368711686059E-2</v>
      </c>
      <c r="AJ371">
        <v>-2.2307542502561211E-2</v>
      </c>
      <c r="AK371">
        <v>-1.5136912276449031E-3</v>
      </c>
      <c r="AL371">
        <v>4190.399824945297</v>
      </c>
      <c r="AM371">
        <v>8067.7387356742274</v>
      </c>
      <c r="AN371">
        <v>478266.99999999988</v>
      </c>
      <c r="AO371">
        <v>23.71655013307765</v>
      </c>
      <c r="AP371">
        <v>3821.625918920688</v>
      </c>
      <c r="AQ371">
        <v>1.0062095032397409</v>
      </c>
      <c r="AR371">
        <v>4.0132289416846652</v>
      </c>
      <c r="AS371">
        <v>3689</v>
      </c>
      <c r="AT371">
        <v>275.19654427645793</v>
      </c>
      <c r="AU371">
        <v>2.3162029390589981E-2</v>
      </c>
      <c r="AV371">
        <v>1.0648678113555949E-2</v>
      </c>
      <c r="AW371">
        <v>0.36690064794816413</v>
      </c>
      <c r="AX371">
        <v>86.58385093167702</v>
      </c>
      <c r="AY371">
        <v>66</v>
      </c>
      <c r="AZ371">
        <v>132</v>
      </c>
      <c r="BA371">
        <v>0.58165754727137964</v>
      </c>
      <c r="BB371">
        <v>0.49811015118790503</v>
      </c>
      <c r="BC371">
        <v>5.3278762507374582</v>
      </c>
      <c r="BD371" t="s">
        <v>1479</v>
      </c>
      <c r="BE371" t="s">
        <v>68</v>
      </c>
    </row>
    <row r="372" spans="1:57" x14ac:dyDescent="0.3">
      <c r="A372" t="s">
        <v>1480</v>
      </c>
      <c r="B372">
        <v>3186</v>
      </c>
      <c r="C372" t="s">
        <v>1481</v>
      </c>
      <c r="D372" t="s">
        <v>1482</v>
      </c>
      <c r="E372" t="s">
        <v>106</v>
      </c>
      <c r="F372">
        <v>3242</v>
      </c>
      <c r="G372">
        <v>124.4016039481801</v>
      </c>
      <c r="H372">
        <v>124</v>
      </c>
      <c r="I372">
        <v>5361.6443897777508</v>
      </c>
      <c r="J372">
        <v>73.223250336063003</v>
      </c>
      <c r="K372">
        <v>5.6594281426876898E-2</v>
      </c>
      <c r="L372">
        <v>-1.1731298222925639</v>
      </c>
      <c r="M372">
        <v>7.9434272931153664</v>
      </c>
      <c r="N372">
        <v>26</v>
      </c>
      <c r="O372">
        <v>5</v>
      </c>
      <c r="P372">
        <v>21</v>
      </c>
      <c r="Q372">
        <v>3.5592690255295052</v>
      </c>
      <c r="R372">
        <v>5.5059642322058302</v>
      </c>
      <c r="S372">
        <v>2</v>
      </c>
      <c r="T372">
        <v>1</v>
      </c>
      <c r="U372">
        <v>1</v>
      </c>
      <c r="V372">
        <v>0.1437477665175862</v>
      </c>
      <c r="W372">
        <v>8.0549788501038933</v>
      </c>
      <c r="X372">
        <v>2</v>
      </c>
      <c r="Y372">
        <v>1</v>
      </c>
      <c r="Z372">
        <v>1</v>
      </c>
      <c r="AA372">
        <v>1.7568208385868221E-2</v>
      </c>
      <c r="AB372">
        <v>8.082900740156397</v>
      </c>
      <c r="AC372">
        <v>1</v>
      </c>
      <c r="AD372">
        <v>1</v>
      </c>
      <c r="AE372">
        <v>0</v>
      </c>
      <c r="AF372">
        <v>0</v>
      </c>
      <c r="AG372">
        <v>8.0830199191713312</v>
      </c>
      <c r="AH372">
        <v>9.0966803352891413E-3</v>
      </c>
      <c r="AI372">
        <v>-4.151471844477405E-2</v>
      </c>
      <c r="AJ372">
        <v>-2.2367053548054479E-3</v>
      </c>
      <c r="AK372">
        <v>1.8031082708427151E-2</v>
      </c>
      <c r="AL372">
        <v>3819.593225061079</v>
      </c>
      <c r="AM372">
        <v>7277.7448151929229</v>
      </c>
      <c r="AN372">
        <v>403309.99999999988</v>
      </c>
      <c r="AO372">
        <v>88.585789604119228</v>
      </c>
      <c r="AP372">
        <v>3479.530458208596</v>
      </c>
      <c r="AQ372">
        <v>1.007094386181369</v>
      </c>
      <c r="AR372">
        <v>3.9972239358420731</v>
      </c>
      <c r="AS372">
        <v>3229</v>
      </c>
      <c r="AT372">
        <v>256.08760024676121</v>
      </c>
      <c r="AU372">
        <v>2.6374423921326721E-2</v>
      </c>
      <c r="AV372">
        <v>9.0978320990618197E-3</v>
      </c>
      <c r="AW372">
        <v>0.38340530536705741</v>
      </c>
      <c r="AX372">
        <v>83.960814563406359</v>
      </c>
      <c r="AY372">
        <v>63</v>
      </c>
      <c r="AZ372">
        <v>125</v>
      </c>
      <c r="BA372">
        <v>0.58860374795942638</v>
      </c>
      <c r="BB372">
        <v>0.49784083898827891</v>
      </c>
      <c r="BC372">
        <v>5.3076171428625791</v>
      </c>
      <c r="BD372" t="s">
        <v>1483</v>
      </c>
      <c r="BE372" t="s">
        <v>68</v>
      </c>
    </row>
    <row r="373" spans="1:57" x14ac:dyDescent="0.3">
      <c r="A373" t="s">
        <v>1484</v>
      </c>
      <c r="B373">
        <v>3531</v>
      </c>
      <c r="C373" t="s">
        <v>1485</v>
      </c>
      <c r="D373" t="s">
        <v>1486</v>
      </c>
      <c r="E373" t="s">
        <v>93</v>
      </c>
      <c r="F373">
        <v>3543</v>
      </c>
      <c r="G373">
        <v>127.5752187411798</v>
      </c>
      <c r="H373">
        <v>128</v>
      </c>
      <c r="I373">
        <v>5503.8937917599424</v>
      </c>
      <c r="J373">
        <v>74.188232164946101</v>
      </c>
      <c r="K373">
        <v>2.6641909900998089E-3</v>
      </c>
      <c r="L373">
        <v>-1.198620871369346</v>
      </c>
      <c r="M373">
        <v>7.9463685494358334</v>
      </c>
      <c r="N373">
        <v>24</v>
      </c>
      <c r="O373">
        <v>1</v>
      </c>
      <c r="P373">
        <v>23</v>
      </c>
      <c r="Q373">
        <v>3.68614042401886</v>
      </c>
      <c r="R373">
        <v>5.5080029557316621</v>
      </c>
      <c r="S373">
        <v>3</v>
      </c>
      <c r="T373">
        <v>1</v>
      </c>
      <c r="U373">
        <v>2</v>
      </c>
      <c r="V373">
        <v>0.18175465519223941</v>
      </c>
      <c r="W373">
        <v>8.1279245825737014</v>
      </c>
      <c r="X373">
        <v>1</v>
      </c>
      <c r="Y373">
        <v>1</v>
      </c>
      <c r="Z373">
        <v>0</v>
      </c>
      <c r="AA373">
        <v>0</v>
      </c>
      <c r="AB373">
        <v>8.1721644521119021</v>
      </c>
      <c r="AC373">
        <v>1</v>
      </c>
      <c r="AD373">
        <v>1</v>
      </c>
      <c r="AE373">
        <v>0</v>
      </c>
      <c r="AF373">
        <v>0</v>
      </c>
      <c r="AG373">
        <v>8.1718820061278237</v>
      </c>
      <c r="AH373">
        <v>7.1111493301385179E-3</v>
      </c>
      <c r="AI373">
        <v>-3.066545110997879E-2</v>
      </c>
      <c r="AJ373">
        <v>2.4093442502054412E-2</v>
      </c>
      <c r="AK373">
        <v>2.1552105536118551E-2</v>
      </c>
      <c r="AL373">
        <v>4052.124513411939</v>
      </c>
      <c r="AM373">
        <v>7793.8728452423447</v>
      </c>
      <c r="AN373">
        <v>451998.99999999988</v>
      </c>
      <c r="AO373">
        <v>162.19118076605679</v>
      </c>
      <c r="AP373">
        <v>3672.5025726084041</v>
      </c>
      <c r="AQ373">
        <v>1.006491673722834</v>
      </c>
      <c r="AR373">
        <v>3.988992379339543</v>
      </c>
      <c r="AS373">
        <v>3528</v>
      </c>
      <c r="AT373">
        <v>251.33474456675131</v>
      </c>
      <c r="AU373">
        <v>9.77569690026725E-3</v>
      </c>
      <c r="AV373">
        <v>7.1133557939382277E-3</v>
      </c>
      <c r="AW373">
        <v>0.36635619531470498</v>
      </c>
      <c r="AX373">
        <v>85.4192546583851</v>
      </c>
      <c r="AY373">
        <v>64</v>
      </c>
      <c r="AZ373">
        <v>128</v>
      </c>
      <c r="BA373">
        <v>0.58152541611907116</v>
      </c>
      <c r="BB373">
        <v>0.50155235675980803</v>
      </c>
      <c r="BC373">
        <v>5.3163792622362731</v>
      </c>
      <c r="BD373" t="s">
        <v>1487</v>
      </c>
      <c r="BE373" t="s">
        <v>68</v>
      </c>
    </row>
    <row r="374" spans="1:57" x14ac:dyDescent="0.3">
      <c r="A374" t="s">
        <v>1488</v>
      </c>
      <c r="B374">
        <v>3713</v>
      </c>
      <c r="C374" t="s">
        <v>1489</v>
      </c>
      <c r="D374" t="s">
        <v>1490</v>
      </c>
      <c r="E374" t="s">
        <v>66</v>
      </c>
      <c r="F374">
        <v>71</v>
      </c>
      <c r="G374">
        <v>113.169014084507</v>
      </c>
      <c r="H374">
        <v>95</v>
      </c>
      <c r="I374">
        <v>6441.3235469152942</v>
      </c>
      <c r="J374">
        <v>80.257856605539217</v>
      </c>
      <c r="K374">
        <v>0.3378022110050623</v>
      </c>
      <c r="L374">
        <v>-1.26010493327394</v>
      </c>
      <c r="M374">
        <v>5.7516532813850949</v>
      </c>
      <c r="N374">
        <v>3</v>
      </c>
      <c r="O374">
        <v>1</v>
      </c>
      <c r="P374">
        <v>2</v>
      </c>
      <c r="Q374">
        <v>0.52663877066556086</v>
      </c>
      <c r="R374">
        <v>3.9867422555504399</v>
      </c>
      <c r="S374">
        <v>2</v>
      </c>
      <c r="T374">
        <v>1</v>
      </c>
      <c r="U374">
        <v>1</v>
      </c>
      <c r="V374">
        <v>0.11951030798891769</v>
      </c>
      <c r="W374">
        <v>4.2286910368905044</v>
      </c>
      <c r="X374">
        <v>1</v>
      </c>
      <c r="Y374">
        <v>1</v>
      </c>
      <c r="Z374">
        <v>0</v>
      </c>
      <c r="AA374">
        <v>0</v>
      </c>
      <c r="AB374">
        <v>4.2341065045972579</v>
      </c>
      <c r="AC374">
        <v>1</v>
      </c>
      <c r="AD374">
        <v>1</v>
      </c>
      <c r="AE374">
        <v>0</v>
      </c>
      <c r="AF374">
        <v>0</v>
      </c>
      <c r="AG374">
        <v>4.2195077051761087</v>
      </c>
      <c r="AH374">
        <v>-9.7587543758480375E-2</v>
      </c>
      <c r="AI374">
        <v>0.14531886284667769</v>
      </c>
      <c r="AJ374">
        <v>8.81845725820527E-2</v>
      </c>
      <c r="AK374">
        <v>-3.0055171469643262E-3</v>
      </c>
      <c r="AL374">
        <v>707.4336031758171</v>
      </c>
      <c r="AM374">
        <v>930.69044106925253</v>
      </c>
      <c r="AN374">
        <v>8035</v>
      </c>
      <c r="AO374">
        <v>65.631609713397367</v>
      </c>
      <c r="AP374">
        <v>554.77255975690628</v>
      </c>
      <c r="AQ374">
        <v>1.323943661971831</v>
      </c>
      <c r="AR374">
        <v>3.6901408450704229</v>
      </c>
      <c r="AS374">
        <v>70</v>
      </c>
      <c r="AT374">
        <v>13.140845070422531</v>
      </c>
      <c r="AU374">
        <v>0.14078873239436621</v>
      </c>
      <c r="AV374">
        <v>-9.8163450115761774E-2</v>
      </c>
      <c r="AW374">
        <v>0.39436619718309862</v>
      </c>
      <c r="AX374">
        <v>98.185714285714283</v>
      </c>
      <c r="AY374">
        <v>67</v>
      </c>
      <c r="AZ374">
        <v>144</v>
      </c>
      <c r="BA374">
        <v>0.70918578954490163</v>
      </c>
      <c r="BB374">
        <v>0.45070422535211269</v>
      </c>
      <c r="BC374">
        <v>4.0082240648548968</v>
      </c>
      <c r="BD374" t="s">
        <v>1491</v>
      </c>
      <c r="BE374" t="s">
        <v>68</v>
      </c>
    </row>
    <row r="375" spans="1:57" x14ac:dyDescent="0.3">
      <c r="A375" t="s">
        <v>1492</v>
      </c>
      <c r="B375">
        <v>3287</v>
      </c>
      <c r="C375" t="s">
        <v>1493</v>
      </c>
      <c r="D375" t="s">
        <v>1494</v>
      </c>
      <c r="E375" t="s">
        <v>106</v>
      </c>
      <c r="F375">
        <v>3381</v>
      </c>
      <c r="G375">
        <v>124.7003845016267</v>
      </c>
      <c r="H375">
        <v>122</v>
      </c>
      <c r="I375">
        <v>5409.3509285714727</v>
      </c>
      <c r="J375">
        <v>73.54828977326035</v>
      </c>
      <c r="K375">
        <v>5.0524466082054763E-2</v>
      </c>
      <c r="L375">
        <v>-1.1911393629535301</v>
      </c>
      <c r="M375">
        <v>7.9480889611555972</v>
      </c>
      <c r="N375">
        <v>22</v>
      </c>
      <c r="O375">
        <v>5</v>
      </c>
      <c r="P375">
        <v>17</v>
      </c>
      <c r="Q375">
        <v>3.5033618584901332</v>
      </c>
      <c r="R375">
        <v>5.5091954542646171</v>
      </c>
      <c r="S375">
        <v>3</v>
      </c>
      <c r="T375">
        <v>1</v>
      </c>
      <c r="U375">
        <v>2</v>
      </c>
      <c r="V375">
        <v>0.16048013786606821</v>
      </c>
      <c r="W375">
        <v>8.0912792345538467</v>
      </c>
      <c r="X375">
        <v>1</v>
      </c>
      <c r="Y375">
        <v>1</v>
      </c>
      <c r="Z375">
        <v>0</v>
      </c>
      <c r="AA375">
        <v>0</v>
      </c>
      <c r="AB375">
        <v>8.1253350867142906</v>
      </c>
      <c r="AC375">
        <v>1</v>
      </c>
      <c r="AD375">
        <v>1</v>
      </c>
      <c r="AE375">
        <v>0</v>
      </c>
      <c r="AF375">
        <v>0</v>
      </c>
      <c r="AG375">
        <v>8.1250390973677451</v>
      </c>
      <c r="AH375">
        <v>1.340817486556679E-2</v>
      </c>
      <c r="AI375">
        <v>-9.3759271806683354E-4</v>
      </c>
      <c r="AJ375">
        <v>-1.9113864657890479E-3</v>
      </c>
      <c r="AK375">
        <v>1.4563054724830099E-3</v>
      </c>
      <c r="AL375">
        <v>3946.5891276054208</v>
      </c>
      <c r="AM375">
        <v>7435.6323374590474</v>
      </c>
      <c r="AN375">
        <v>421612</v>
      </c>
      <c r="AO375">
        <v>163.51617364677921</v>
      </c>
      <c r="AP375">
        <v>3595.0012755465232</v>
      </c>
      <c r="AQ375">
        <v>1.0068027210884349</v>
      </c>
      <c r="AR375">
        <v>3.9719018041999412</v>
      </c>
      <c r="AS375">
        <v>3370</v>
      </c>
      <c r="AT375">
        <v>237.90564921620819</v>
      </c>
      <c r="AU375">
        <v>2.4903874593315559E-2</v>
      </c>
      <c r="AV375">
        <v>1.341571080202433E-2</v>
      </c>
      <c r="AW375">
        <v>0.38598047914818101</v>
      </c>
      <c r="AX375">
        <v>84.141715976331355</v>
      </c>
      <c r="AY375">
        <v>63</v>
      </c>
      <c r="AZ375">
        <v>127</v>
      </c>
      <c r="BA375">
        <v>0.58980002401116005</v>
      </c>
      <c r="BB375">
        <v>0.4930493936705117</v>
      </c>
      <c r="BC375">
        <v>5.3097390572123446</v>
      </c>
      <c r="BD375" t="s">
        <v>1495</v>
      </c>
      <c r="BE375" t="s">
        <v>68</v>
      </c>
    </row>
    <row r="376" spans="1:57" x14ac:dyDescent="0.3">
      <c r="A376" t="s">
        <v>1496</v>
      </c>
      <c r="B376">
        <v>1684</v>
      </c>
      <c r="C376" t="s">
        <v>1497</v>
      </c>
      <c r="D376" t="s">
        <v>1498</v>
      </c>
      <c r="E376" t="s">
        <v>85</v>
      </c>
      <c r="F376">
        <v>8</v>
      </c>
      <c r="G376">
        <v>125.75</v>
      </c>
      <c r="H376">
        <v>135</v>
      </c>
      <c r="I376">
        <v>2149.6875</v>
      </c>
      <c r="J376">
        <v>46.364722580858817</v>
      </c>
      <c r="K376">
        <v>-0.22917423117503449</v>
      </c>
      <c r="L376">
        <v>-1.5239516083478239</v>
      </c>
      <c r="M376">
        <v>3</v>
      </c>
      <c r="N376">
        <v>1</v>
      </c>
      <c r="O376">
        <v>1</v>
      </c>
      <c r="P376">
        <v>0</v>
      </c>
      <c r="Q376">
        <v>0</v>
      </c>
      <c r="R376">
        <v>2.0794415416798362</v>
      </c>
      <c r="S376">
        <v>1</v>
      </c>
      <c r="T376">
        <v>1</v>
      </c>
      <c r="U376">
        <v>0</v>
      </c>
      <c r="V376">
        <v>0</v>
      </c>
      <c r="W376">
        <v>1.945910149055313</v>
      </c>
      <c r="X376">
        <v>1</v>
      </c>
      <c r="Y376">
        <v>1</v>
      </c>
      <c r="Z376">
        <v>0</v>
      </c>
      <c r="AA376">
        <v>0</v>
      </c>
      <c r="AB376">
        <v>1.791759469228055</v>
      </c>
      <c r="AC376">
        <v>1</v>
      </c>
      <c r="AD376">
        <v>1</v>
      </c>
      <c r="AE376">
        <v>0</v>
      </c>
      <c r="AF376">
        <v>0</v>
      </c>
      <c r="AG376">
        <v>1.6094379124341009</v>
      </c>
      <c r="AH376">
        <v>-6.2251053932257598E-2</v>
      </c>
      <c r="AI376">
        <v>3.2933565925279837E-2</v>
      </c>
      <c r="AJ376">
        <v>-0.21506396278528861</v>
      </c>
      <c r="AK376">
        <v>0</v>
      </c>
      <c r="AL376">
        <v>245.61514302652711</v>
      </c>
      <c r="AM376">
        <v>288.74764330823331</v>
      </c>
      <c r="AN376">
        <v>1006</v>
      </c>
      <c r="AO376">
        <v>97.293370791642332</v>
      </c>
      <c r="AP376">
        <v>156.89646291213319</v>
      </c>
      <c r="AQ376">
        <v>3.5</v>
      </c>
      <c r="AR376">
        <v>4</v>
      </c>
      <c r="AS376">
        <v>8</v>
      </c>
      <c r="AT376">
        <v>0</v>
      </c>
      <c r="AU376">
        <v>0.31521739130434778</v>
      </c>
      <c r="AV376">
        <v>-7.4504496179977564E-2</v>
      </c>
      <c r="AW376">
        <v>0.5</v>
      </c>
      <c r="AX376">
        <v>51.714285714285722</v>
      </c>
      <c r="AY376">
        <v>44.5</v>
      </c>
      <c r="AZ376">
        <v>86</v>
      </c>
      <c r="BA376">
        <v>0.36870554736269451</v>
      </c>
      <c r="BB376">
        <v>0.625</v>
      </c>
      <c r="BC376">
        <v>1.7478680974667571</v>
      </c>
      <c r="BD376" t="s">
        <v>1497</v>
      </c>
      <c r="BE376" t="s">
        <v>68</v>
      </c>
    </row>
    <row r="377" spans="1:57" x14ac:dyDescent="0.3">
      <c r="A377" t="s">
        <v>1499</v>
      </c>
      <c r="B377">
        <v>519</v>
      </c>
      <c r="C377" t="s">
        <v>1500</v>
      </c>
      <c r="D377" t="s">
        <v>1501</v>
      </c>
      <c r="E377" t="s">
        <v>85</v>
      </c>
      <c r="F377">
        <v>8</v>
      </c>
      <c r="G377">
        <v>134.125</v>
      </c>
      <c r="H377">
        <v>169</v>
      </c>
      <c r="I377">
        <v>6069.609375</v>
      </c>
      <c r="J377">
        <v>77.907697790398089</v>
      </c>
      <c r="K377">
        <v>-0.59068379923708736</v>
      </c>
      <c r="L377">
        <v>-1.3033932896448639</v>
      </c>
      <c r="M377">
        <v>3</v>
      </c>
      <c r="N377">
        <v>1</v>
      </c>
      <c r="O377">
        <v>1</v>
      </c>
      <c r="P377">
        <v>0</v>
      </c>
      <c r="Q377">
        <v>0</v>
      </c>
      <c r="R377">
        <v>2.0794415416798362</v>
      </c>
      <c r="S377">
        <v>1</v>
      </c>
      <c r="T377">
        <v>1</v>
      </c>
      <c r="U377">
        <v>0</v>
      </c>
      <c r="V377">
        <v>0</v>
      </c>
      <c r="W377">
        <v>1.945910149055313</v>
      </c>
      <c r="X377">
        <v>1</v>
      </c>
      <c r="Y377">
        <v>1</v>
      </c>
      <c r="Z377">
        <v>0</v>
      </c>
      <c r="AA377">
        <v>0</v>
      </c>
      <c r="AB377">
        <v>1.791759469228055</v>
      </c>
      <c r="AC377">
        <v>1</v>
      </c>
      <c r="AD377">
        <v>1</v>
      </c>
      <c r="AE377">
        <v>0</v>
      </c>
      <c r="AF377">
        <v>0</v>
      </c>
      <c r="AG377">
        <v>1.6094379124341009</v>
      </c>
      <c r="AH377">
        <v>2.8942541607135958E-2</v>
      </c>
      <c r="AI377">
        <v>-0.46684493699398899</v>
      </c>
      <c r="AJ377">
        <v>0.3764383905471676</v>
      </c>
      <c r="AK377">
        <v>0</v>
      </c>
      <c r="AL377">
        <v>329.01932400996651</v>
      </c>
      <c r="AM377">
        <v>290.20558993242128</v>
      </c>
      <c r="AN377">
        <v>1073</v>
      </c>
      <c r="AO377">
        <v>51</v>
      </c>
      <c r="AP377">
        <v>265.58049627184602</v>
      </c>
      <c r="AQ377">
        <v>3.5</v>
      </c>
      <c r="AR377">
        <v>3.125</v>
      </c>
      <c r="AS377">
        <v>8</v>
      </c>
      <c r="AT377">
        <v>0</v>
      </c>
      <c r="AU377">
        <v>0.38571428571428568</v>
      </c>
      <c r="AV377">
        <v>6.9178233620166632E-2</v>
      </c>
      <c r="AW377">
        <v>0.125</v>
      </c>
      <c r="AX377">
        <v>82.285714285714292</v>
      </c>
      <c r="AY377">
        <v>37</v>
      </c>
      <c r="AZ377">
        <v>125.25</v>
      </c>
      <c r="BA377">
        <v>0.58085888380539119</v>
      </c>
      <c r="BB377">
        <v>0.625</v>
      </c>
      <c r="BC377">
        <v>1.945910149055313</v>
      </c>
      <c r="BD377" t="s">
        <v>1500</v>
      </c>
      <c r="BE377" t="s">
        <v>68</v>
      </c>
    </row>
    <row r="378" spans="1:57" x14ac:dyDescent="0.3">
      <c r="A378" t="s">
        <v>1502</v>
      </c>
      <c r="B378">
        <v>582</v>
      </c>
      <c r="C378" t="s">
        <v>1503</v>
      </c>
      <c r="D378" t="s">
        <v>1504</v>
      </c>
      <c r="E378" t="s">
        <v>85</v>
      </c>
      <c r="F378">
        <v>8</v>
      </c>
      <c r="G378">
        <v>109</v>
      </c>
      <c r="H378">
        <v>139.5</v>
      </c>
      <c r="I378">
        <v>3479.75</v>
      </c>
      <c r="J378">
        <v>58.989405828504488</v>
      </c>
      <c r="K378">
        <v>-0.54670011671460539</v>
      </c>
      <c r="L378">
        <v>-1.242876409100613</v>
      </c>
      <c r="M378">
        <v>3</v>
      </c>
      <c r="N378">
        <v>1</v>
      </c>
      <c r="O378">
        <v>1</v>
      </c>
      <c r="P378">
        <v>0</v>
      </c>
      <c r="Q378">
        <v>0</v>
      </c>
      <c r="R378">
        <v>2.0794415416798362</v>
      </c>
      <c r="S378">
        <v>1</v>
      </c>
      <c r="T378">
        <v>1</v>
      </c>
      <c r="U378">
        <v>0</v>
      </c>
      <c r="V378">
        <v>0</v>
      </c>
      <c r="W378">
        <v>1.945910149055313</v>
      </c>
      <c r="X378">
        <v>1</v>
      </c>
      <c r="Y378">
        <v>1</v>
      </c>
      <c r="Z378">
        <v>0</v>
      </c>
      <c r="AA378">
        <v>0</v>
      </c>
      <c r="AB378">
        <v>1.791759469228055</v>
      </c>
      <c r="AC378">
        <v>1</v>
      </c>
      <c r="AD378">
        <v>1</v>
      </c>
      <c r="AE378">
        <v>0</v>
      </c>
      <c r="AF378">
        <v>0</v>
      </c>
      <c r="AG378">
        <v>1.6094379124341009</v>
      </c>
      <c r="AH378">
        <v>-0.49371362885264752</v>
      </c>
      <c r="AI378">
        <v>0.1277031395933616</v>
      </c>
      <c r="AJ378">
        <v>0.35016883396795739</v>
      </c>
      <c r="AK378">
        <v>0</v>
      </c>
      <c r="AL378">
        <v>257.31509778311738</v>
      </c>
      <c r="AM378">
        <v>238.06499207750969</v>
      </c>
      <c r="AN378">
        <v>872</v>
      </c>
      <c r="AO378">
        <v>123.56080592056129</v>
      </c>
      <c r="AP378">
        <v>152.4335920983298</v>
      </c>
      <c r="AQ378">
        <v>3.5</v>
      </c>
      <c r="AR378">
        <v>4.125</v>
      </c>
      <c r="AS378">
        <v>8</v>
      </c>
      <c r="AT378">
        <v>0</v>
      </c>
      <c r="AU378">
        <v>0.31898907103825141</v>
      </c>
      <c r="AV378">
        <v>-0.6086484221839894</v>
      </c>
      <c r="AW378">
        <v>0.125</v>
      </c>
      <c r="AX378">
        <v>80.428571428571431</v>
      </c>
      <c r="AY378">
        <v>27.5</v>
      </c>
      <c r="AZ378">
        <v>87.25</v>
      </c>
      <c r="BA378">
        <v>0.5411872094358211</v>
      </c>
      <c r="BB378">
        <v>0.625</v>
      </c>
      <c r="BC378">
        <v>1.945910149055313</v>
      </c>
      <c r="BD378" t="s">
        <v>1503</v>
      </c>
      <c r="BE378" t="s">
        <v>68</v>
      </c>
    </row>
    <row r="379" spans="1:57" x14ac:dyDescent="0.3">
      <c r="A379" t="s">
        <v>1505</v>
      </c>
      <c r="B379">
        <v>2015</v>
      </c>
      <c r="C379" t="s">
        <v>1506</v>
      </c>
      <c r="D379" t="s">
        <v>1507</v>
      </c>
      <c r="E379" t="s">
        <v>115</v>
      </c>
      <c r="F379">
        <v>2064</v>
      </c>
      <c r="G379">
        <v>126.3929263565891</v>
      </c>
      <c r="H379">
        <v>126</v>
      </c>
      <c r="I379">
        <v>5600.036015855042</v>
      </c>
      <c r="J379">
        <v>74.833388376145592</v>
      </c>
      <c r="K379">
        <v>2.0371027857076399E-2</v>
      </c>
      <c r="L379">
        <v>-1.2237345099364101</v>
      </c>
      <c r="M379">
        <v>7.8974251824988908</v>
      </c>
      <c r="N379">
        <v>18</v>
      </c>
      <c r="O379">
        <v>1</v>
      </c>
      <c r="P379">
        <v>17</v>
      </c>
      <c r="Q379">
        <v>2.9823700726100379</v>
      </c>
      <c r="R379">
        <v>5.4740779989322288</v>
      </c>
      <c r="S379">
        <v>2</v>
      </c>
      <c r="T379">
        <v>1</v>
      </c>
      <c r="U379">
        <v>1</v>
      </c>
      <c r="V379">
        <v>0.1122539624983091</v>
      </c>
      <c r="W379">
        <v>7.6144450378462789</v>
      </c>
      <c r="X379">
        <v>1</v>
      </c>
      <c r="Y379">
        <v>1</v>
      </c>
      <c r="Z379">
        <v>0</v>
      </c>
      <c r="AA379">
        <v>0</v>
      </c>
      <c r="AB379">
        <v>7.6314316645769038</v>
      </c>
      <c r="AC379">
        <v>1</v>
      </c>
      <c r="AD379">
        <v>1</v>
      </c>
      <c r="AE379">
        <v>0</v>
      </c>
      <c r="AF379">
        <v>0</v>
      </c>
      <c r="AG379">
        <v>7.6309465808904617</v>
      </c>
      <c r="AH379">
        <v>4.0024462827912338E-3</v>
      </c>
      <c r="AI379">
        <v>-4.1286097642237188E-2</v>
      </c>
      <c r="AJ379">
        <v>-3.3155911779044552E-3</v>
      </c>
      <c r="AK379">
        <v>-2.3771990293868499E-2</v>
      </c>
      <c r="AL379">
        <v>3134.110255258468</v>
      </c>
      <c r="AM379">
        <v>5891.3989771431789</v>
      </c>
      <c r="AN379">
        <v>260875</v>
      </c>
      <c r="AO379">
        <v>66.407493578463573</v>
      </c>
      <c r="AP379">
        <v>2813.9352382693801</v>
      </c>
      <c r="AQ379">
        <v>1.0111434108527131</v>
      </c>
      <c r="AR379">
        <v>4.0184108527131794</v>
      </c>
      <c r="AS379">
        <v>2054</v>
      </c>
      <c r="AT379">
        <v>282.41860465116281</v>
      </c>
      <c r="AU379">
        <v>1.8638850889192871E-2</v>
      </c>
      <c r="AV379">
        <v>4.0039655450500016E-3</v>
      </c>
      <c r="AW379">
        <v>0.37209302325581389</v>
      </c>
      <c r="AX379">
        <v>86.50315075133301</v>
      </c>
      <c r="AY379">
        <v>66</v>
      </c>
      <c r="AZ379">
        <v>132</v>
      </c>
      <c r="BA379">
        <v>0.59206943405218782</v>
      </c>
      <c r="BB379">
        <v>0.49757751937984501</v>
      </c>
      <c r="BC379">
        <v>5.316003730036158</v>
      </c>
      <c r="BD379" t="s">
        <v>1508</v>
      </c>
      <c r="BE379" t="s">
        <v>62</v>
      </c>
    </row>
    <row r="380" spans="1:57" x14ac:dyDescent="0.3">
      <c r="A380" t="s">
        <v>1509</v>
      </c>
      <c r="B380">
        <v>777</v>
      </c>
      <c r="C380" t="s">
        <v>1510</v>
      </c>
      <c r="D380" t="s">
        <v>1511</v>
      </c>
      <c r="E380" t="s">
        <v>106</v>
      </c>
      <c r="F380">
        <v>785</v>
      </c>
      <c r="G380">
        <v>131.90318471337579</v>
      </c>
      <c r="H380">
        <v>130</v>
      </c>
      <c r="I380">
        <v>5127.3078242525053</v>
      </c>
      <c r="J380">
        <v>71.605222045968858</v>
      </c>
      <c r="K380">
        <v>-5.6104689224721088E-2</v>
      </c>
      <c r="L380">
        <v>-1.1091610323617971</v>
      </c>
      <c r="M380">
        <v>7.7584548015788561</v>
      </c>
      <c r="N380">
        <v>9</v>
      </c>
      <c r="O380">
        <v>1</v>
      </c>
      <c r="P380">
        <v>8</v>
      </c>
      <c r="Q380">
        <v>1.6134585976706479</v>
      </c>
      <c r="R380">
        <v>5.3777510712161458</v>
      </c>
      <c r="S380">
        <v>2</v>
      </c>
      <c r="T380">
        <v>1</v>
      </c>
      <c r="U380">
        <v>1</v>
      </c>
      <c r="V380">
        <v>9.4487283618932577E-2</v>
      </c>
      <c r="W380">
        <v>6.6520313921261209</v>
      </c>
      <c r="X380">
        <v>1</v>
      </c>
      <c r="Y380">
        <v>1</v>
      </c>
      <c r="Z380">
        <v>0</v>
      </c>
      <c r="AA380">
        <v>0</v>
      </c>
      <c r="AB380">
        <v>6.6631326959908046</v>
      </c>
      <c r="AC380">
        <v>1</v>
      </c>
      <c r="AD380">
        <v>1</v>
      </c>
      <c r="AE380">
        <v>0</v>
      </c>
      <c r="AF380">
        <v>0</v>
      </c>
      <c r="AG380">
        <v>6.6618547405453103</v>
      </c>
      <c r="AH380">
        <v>2.3078117642219339E-2</v>
      </c>
      <c r="AI380">
        <v>-7.6059503914142554E-3</v>
      </c>
      <c r="AJ380">
        <v>3.1017498502326313E-4</v>
      </c>
      <c r="AK380">
        <v>3.36660558880683E-2</v>
      </c>
      <c r="AL380">
        <v>1900.3073916564749</v>
      </c>
      <c r="AM380">
        <v>3751.206714807352</v>
      </c>
      <c r="AN380">
        <v>103544</v>
      </c>
      <c r="AO380">
        <v>144.514018291404</v>
      </c>
      <c r="AP380">
        <v>1619.8352086262969</v>
      </c>
      <c r="AQ380">
        <v>1.0292993630573251</v>
      </c>
      <c r="AR380">
        <v>4.0420382165605098</v>
      </c>
      <c r="AS380">
        <v>782</v>
      </c>
      <c r="AT380">
        <v>199.05732484076441</v>
      </c>
      <c r="AU380">
        <v>5.1155239165729997E-2</v>
      </c>
      <c r="AV380">
        <v>2.3117048519941549E-2</v>
      </c>
      <c r="AW380">
        <v>0.36433121019108278</v>
      </c>
      <c r="AX380">
        <v>81.670918367346943</v>
      </c>
      <c r="AY380">
        <v>59</v>
      </c>
      <c r="AZ380">
        <v>117</v>
      </c>
      <c r="BA380">
        <v>0.54286196502052808</v>
      </c>
      <c r="BB380">
        <v>0.49299363057324841</v>
      </c>
      <c r="BC380">
        <v>5.1469355753450996</v>
      </c>
      <c r="BD380" t="s">
        <v>1512</v>
      </c>
      <c r="BE380" t="s">
        <v>68</v>
      </c>
    </row>
    <row r="381" spans="1:57" x14ac:dyDescent="0.3">
      <c r="A381" t="s">
        <v>1513</v>
      </c>
      <c r="B381">
        <v>2320</v>
      </c>
      <c r="C381" t="s">
        <v>1514</v>
      </c>
      <c r="D381" t="s">
        <v>1515</v>
      </c>
      <c r="E381" t="s">
        <v>106</v>
      </c>
      <c r="F381">
        <v>2338</v>
      </c>
      <c r="G381">
        <v>127.4542343883661</v>
      </c>
      <c r="H381">
        <v>126</v>
      </c>
      <c r="I381">
        <v>5394.0468789903998</v>
      </c>
      <c r="J381">
        <v>73.444175255702888</v>
      </c>
      <c r="K381">
        <v>-3.1285788294466762E-3</v>
      </c>
      <c r="L381">
        <v>-1.2007272312085839</v>
      </c>
      <c r="M381">
        <v>7.9278911468569229</v>
      </c>
      <c r="N381">
        <v>17</v>
      </c>
      <c r="O381">
        <v>1</v>
      </c>
      <c r="P381">
        <v>16</v>
      </c>
      <c r="Q381">
        <v>2.8596631514644781</v>
      </c>
      <c r="R381">
        <v>5.4951953962300273</v>
      </c>
      <c r="S381">
        <v>3</v>
      </c>
      <c r="T381">
        <v>1</v>
      </c>
      <c r="U381">
        <v>2</v>
      </c>
      <c r="V381">
        <v>0.14919528333830789</v>
      </c>
      <c r="W381">
        <v>7.7267397375342526</v>
      </c>
      <c r="X381">
        <v>2</v>
      </c>
      <c r="Y381">
        <v>1</v>
      </c>
      <c r="Z381">
        <v>1</v>
      </c>
      <c r="AA381">
        <v>2.069014531765509E-2</v>
      </c>
      <c r="AB381">
        <v>7.7556018960195559</v>
      </c>
      <c r="AC381">
        <v>1</v>
      </c>
      <c r="AD381">
        <v>1</v>
      </c>
      <c r="AE381">
        <v>0</v>
      </c>
      <c r="AF381">
        <v>0</v>
      </c>
      <c r="AG381">
        <v>7.7557671701029971</v>
      </c>
      <c r="AH381">
        <v>-2.538951867018828E-2</v>
      </c>
      <c r="AI381">
        <v>-2.9456004195301102E-4</v>
      </c>
      <c r="AJ381">
        <v>2.2083086478682051E-2</v>
      </c>
      <c r="AK381">
        <v>-1.24882706185561E-2</v>
      </c>
      <c r="AL381">
        <v>3280.8933682598272</v>
      </c>
      <c r="AM381">
        <v>6310.8519794167796</v>
      </c>
      <c r="AN381">
        <v>297988</v>
      </c>
      <c r="AO381">
        <v>121.1677129752663</v>
      </c>
      <c r="AP381">
        <v>3034.1850554027651</v>
      </c>
      <c r="AQ381">
        <v>1.0098374679213</v>
      </c>
      <c r="AR381">
        <v>4.029512403763901</v>
      </c>
      <c r="AS381">
        <v>2329</v>
      </c>
      <c r="AT381">
        <v>229.2266894781865</v>
      </c>
      <c r="AU381">
        <v>1.326590516446091E-2</v>
      </c>
      <c r="AV381">
        <v>-2.540137203818554E-2</v>
      </c>
      <c r="AW381">
        <v>0.38023952095808378</v>
      </c>
      <c r="AX381">
        <v>86.795036371416344</v>
      </c>
      <c r="AY381">
        <v>64</v>
      </c>
      <c r="AZ381">
        <v>128.75</v>
      </c>
      <c r="BA381">
        <v>0.57623958598276892</v>
      </c>
      <c r="BB381">
        <v>0.49272882805816942</v>
      </c>
      <c r="BC381">
        <v>5.3019306660109997</v>
      </c>
      <c r="BD381" t="s">
        <v>1516</v>
      </c>
      <c r="BE381" t="s">
        <v>68</v>
      </c>
    </row>
    <row r="382" spans="1:57" x14ac:dyDescent="0.3">
      <c r="A382" t="s">
        <v>1517</v>
      </c>
      <c r="B382">
        <v>3360</v>
      </c>
      <c r="C382" t="s">
        <v>1518</v>
      </c>
      <c r="D382" t="s">
        <v>1519</v>
      </c>
      <c r="E382" t="s">
        <v>128</v>
      </c>
      <c r="F382">
        <v>32</v>
      </c>
      <c r="G382">
        <v>113.25</v>
      </c>
      <c r="H382">
        <v>119</v>
      </c>
      <c r="I382">
        <v>6287.6875</v>
      </c>
      <c r="J382">
        <v>79.294939939443807</v>
      </c>
      <c r="K382">
        <v>0.2288525536609062</v>
      </c>
      <c r="L382">
        <v>-1.230440497081329</v>
      </c>
      <c r="M382">
        <v>4.75</v>
      </c>
      <c r="N382">
        <v>2</v>
      </c>
      <c r="O382">
        <v>1</v>
      </c>
      <c r="P382">
        <v>1</v>
      </c>
      <c r="Q382">
        <v>0.3499271061118826</v>
      </c>
      <c r="R382">
        <v>3.2924491076597389</v>
      </c>
      <c r="S382">
        <v>1</v>
      </c>
      <c r="T382">
        <v>1</v>
      </c>
      <c r="U382">
        <v>0</v>
      </c>
      <c r="V382">
        <v>0</v>
      </c>
      <c r="W382">
        <v>3.4339872044851458</v>
      </c>
      <c r="X382">
        <v>1</v>
      </c>
      <c r="Y382">
        <v>1</v>
      </c>
      <c r="Z382">
        <v>0</v>
      </c>
      <c r="AA382">
        <v>0</v>
      </c>
      <c r="AB382">
        <v>3.401197381662155</v>
      </c>
      <c r="AC382">
        <v>1</v>
      </c>
      <c r="AD382">
        <v>1</v>
      </c>
      <c r="AE382">
        <v>0</v>
      </c>
      <c r="AF382">
        <v>0</v>
      </c>
      <c r="AG382">
        <v>3.3672958299864728</v>
      </c>
      <c r="AH382">
        <v>-0.2133724267665974</v>
      </c>
      <c r="AI382">
        <v>-4.512850014413089E-2</v>
      </c>
      <c r="AJ382">
        <v>8.1403822450622748E-2</v>
      </c>
      <c r="AK382">
        <v>0.1078502877647784</v>
      </c>
      <c r="AL382">
        <v>495.67361427034092</v>
      </c>
      <c r="AM382">
        <v>604.92286129404738</v>
      </c>
      <c r="AN382">
        <v>3624</v>
      </c>
      <c r="AO382">
        <v>141.67782700282081</v>
      </c>
      <c r="AP382">
        <v>330.82772297364357</v>
      </c>
      <c r="AQ382">
        <v>1.65625</v>
      </c>
      <c r="AR382">
        <v>3.53125</v>
      </c>
      <c r="AS382">
        <v>32</v>
      </c>
      <c r="AT382">
        <v>3</v>
      </c>
      <c r="AU382">
        <v>0.1518574297188755</v>
      </c>
      <c r="AV382">
        <v>-0.2175451024154707</v>
      </c>
      <c r="AW382">
        <v>0.3125</v>
      </c>
      <c r="AX382">
        <v>109.258064516129</v>
      </c>
      <c r="AY382">
        <v>79</v>
      </c>
      <c r="AZ382">
        <v>130.5</v>
      </c>
      <c r="BA382">
        <v>0.70017607010546412</v>
      </c>
      <c r="BB382">
        <v>0.53125</v>
      </c>
      <c r="BC382">
        <v>3.2998296856670919</v>
      </c>
      <c r="BD382" t="s">
        <v>1520</v>
      </c>
      <c r="BE382" t="s">
        <v>62</v>
      </c>
    </row>
    <row r="383" spans="1:57" x14ac:dyDescent="0.3">
      <c r="A383" t="s">
        <v>1521</v>
      </c>
      <c r="B383">
        <v>3988</v>
      </c>
      <c r="C383" t="s">
        <v>1522</v>
      </c>
      <c r="D383" t="s">
        <v>1523</v>
      </c>
      <c r="E383" t="s">
        <v>115</v>
      </c>
      <c r="F383">
        <v>4089</v>
      </c>
      <c r="G383">
        <v>126.16605527023719</v>
      </c>
      <c r="H383">
        <v>125</v>
      </c>
      <c r="I383">
        <v>5384.3253236663022</v>
      </c>
      <c r="J383">
        <v>73.377962111701507</v>
      </c>
      <c r="K383">
        <v>2.5347510615013179E-2</v>
      </c>
      <c r="L383">
        <v>-1.1881106431574311</v>
      </c>
      <c r="M383">
        <v>7.9610867937799146</v>
      </c>
      <c r="N383">
        <v>29</v>
      </c>
      <c r="O383">
        <v>7</v>
      </c>
      <c r="P383">
        <v>22</v>
      </c>
      <c r="Q383">
        <v>3.6948066349047202</v>
      </c>
      <c r="R383">
        <v>5.5182048653015654</v>
      </c>
      <c r="S383">
        <v>3</v>
      </c>
      <c r="T383">
        <v>1</v>
      </c>
      <c r="U383">
        <v>2</v>
      </c>
      <c r="V383">
        <v>0.180502565314726</v>
      </c>
      <c r="W383">
        <v>8.2734602397268482</v>
      </c>
      <c r="X383">
        <v>1</v>
      </c>
      <c r="Y383">
        <v>1</v>
      </c>
      <c r="Z383">
        <v>0</v>
      </c>
      <c r="AA383">
        <v>0</v>
      </c>
      <c r="AB383">
        <v>8.3155664835642789</v>
      </c>
      <c r="AC383">
        <v>1</v>
      </c>
      <c r="AD383">
        <v>1</v>
      </c>
      <c r="AE383">
        <v>0</v>
      </c>
      <c r="AF383">
        <v>0</v>
      </c>
      <c r="AG383">
        <v>8.3153217753775639</v>
      </c>
      <c r="AH383">
        <v>2.6091430888942401E-2</v>
      </c>
      <c r="AI383">
        <v>-7.4038166470140844E-3</v>
      </c>
      <c r="AJ383">
        <v>4.240593103885977E-3</v>
      </c>
      <c r="AK383">
        <v>-2.206810433108481E-3</v>
      </c>
      <c r="AL383">
        <v>4256.9669680715333</v>
      </c>
      <c r="AM383">
        <v>8305.595898714786</v>
      </c>
      <c r="AN383">
        <v>515893</v>
      </c>
      <c r="AO383">
        <v>98.036746558088453</v>
      </c>
      <c r="AP383">
        <v>3840.4684803886171</v>
      </c>
      <c r="AQ383">
        <v>1.0056248471508931</v>
      </c>
      <c r="AR383">
        <v>3.9782342871117629</v>
      </c>
      <c r="AS383">
        <v>4076</v>
      </c>
      <c r="AT383">
        <v>218.79946197114211</v>
      </c>
      <c r="AU383">
        <v>1.534101534964682E-2</v>
      </c>
      <c r="AV383">
        <v>2.6101432085663279E-2</v>
      </c>
      <c r="AW383">
        <v>0.38102225483003183</v>
      </c>
      <c r="AX383">
        <v>83.321917808219183</v>
      </c>
      <c r="AY383">
        <v>63</v>
      </c>
      <c r="AZ383">
        <v>126</v>
      </c>
      <c r="BA383">
        <v>0.58159829087571935</v>
      </c>
      <c r="BB383">
        <v>0.49107361213010509</v>
      </c>
      <c r="BC383">
        <v>5.301027019100264</v>
      </c>
      <c r="BD383" t="s">
        <v>1524</v>
      </c>
      <c r="BE383" t="s">
        <v>68</v>
      </c>
    </row>
    <row r="384" spans="1:57" x14ac:dyDescent="0.3">
      <c r="A384" t="s">
        <v>1525</v>
      </c>
      <c r="B384">
        <v>3598</v>
      </c>
      <c r="C384" t="s">
        <v>1526</v>
      </c>
      <c r="D384" t="s">
        <v>1527</v>
      </c>
      <c r="E384" t="s">
        <v>115</v>
      </c>
      <c r="F384">
        <v>3694</v>
      </c>
      <c r="G384">
        <v>127.9290741743368</v>
      </c>
      <c r="H384">
        <v>129</v>
      </c>
      <c r="I384">
        <v>5535.4183588071674</v>
      </c>
      <c r="J384">
        <v>74.400392195251015</v>
      </c>
      <c r="K384">
        <v>-1.7638084580095682E-2</v>
      </c>
      <c r="L384">
        <v>-1.219299147630285</v>
      </c>
      <c r="M384">
        <v>7.9513703344868549</v>
      </c>
      <c r="N384">
        <v>31</v>
      </c>
      <c r="O384">
        <v>4</v>
      </c>
      <c r="P384">
        <v>27</v>
      </c>
      <c r="Q384">
        <v>3.739952359635581</v>
      </c>
      <c r="R384">
        <v>5.5114699289375579</v>
      </c>
      <c r="S384">
        <v>3</v>
      </c>
      <c r="T384">
        <v>1</v>
      </c>
      <c r="U384">
        <v>2</v>
      </c>
      <c r="V384">
        <v>0.16707877626053169</v>
      </c>
      <c r="W384">
        <v>8.1773570746251281</v>
      </c>
      <c r="X384">
        <v>1</v>
      </c>
      <c r="Y384">
        <v>1</v>
      </c>
      <c r="Z384">
        <v>0</v>
      </c>
      <c r="AA384">
        <v>0</v>
      </c>
      <c r="AB384">
        <v>8.2139235956227417</v>
      </c>
      <c r="AC384">
        <v>1</v>
      </c>
      <c r="AD384">
        <v>1</v>
      </c>
      <c r="AE384">
        <v>0</v>
      </c>
      <c r="AF384">
        <v>0</v>
      </c>
      <c r="AG384">
        <v>8.2136527030300037</v>
      </c>
      <c r="AH384">
        <v>6.4489800185497971E-3</v>
      </c>
      <c r="AI384">
        <v>-4.8502945762222572E-3</v>
      </c>
      <c r="AJ384">
        <v>-1.3486111985373909E-2</v>
      </c>
      <c r="AK384">
        <v>2.671478274147457E-3</v>
      </c>
      <c r="AL384">
        <v>4144.920002973895</v>
      </c>
      <c r="AM384">
        <v>7982.663475867369</v>
      </c>
      <c r="AN384">
        <v>472570</v>
      </c>
      <c r="AO384">
        <v>211.39479094324611</v>
      </c>
      <c r="AP384">
        <v>3744.5887900096209</v>
      </c>
      <c r="AQ384">
        <v>1.0062263129399029</v>
      </c>
      <c r="AR384">
        <v>3.9902544667027611</v>
      </c>
      <c r="AS384">
        <v>3678</v>
      </c>
      <c r="AT384">
        <v>248.1505143475907</v>
      </c>
      <c r="AU384">
        <v>1.240910007749713E-2</v>
      </c>
      <c r="AV384">
        <v>6.4521511564389214E-3</v>
      </c>
      <c r="AW384">
        <v>0.35652409312398492</v>
      </c>
      <c r="AX384">
        <v>86.067695640400757</v>
      </c>
      <c r="AY384">
        <v>65</v>
      </c>
      <c r="AZ384">
        <v>129</v>
      </c>
      <c r="BA384">
        <v>0.58157531957013198</v>
      </c>
      <c r="BB384">
        <v>0.50785056848944232</v>
      </c>
      <c r="BC384">
        <v>5.3216878742538487</v>
      </c>
      <c r="BD384" t="s">
        <v>1528</v>
      </c>
      <c r="BE384" t="s">
        <v>68</v>
      </c>
    </row>
    <row r="385" spans="1:57" x14ac:dyDescent="0.3">
      <c r="A385" t="s">
        <v>1529</v>
      </c>
      <c r="B385">
        <v>700</v>
      </c>
      <c r="C385" t="s">
        <v>1530</v>
      </c>
      <c r="D385" t="s">
        <v>1531</v>
      </c>
      <c r="E385" t="s">
        <v>128</v>
      </c>
      <c r="F385">
        <v>32</v>
      </c>
      <c r="G385">
        <v>127.03125</v>
      </c>
      <c r="H385">
        <v>121.5</v>
      </c>
      <c r="I385">
        <v>4915.6552734375</v>
      </c>
      <c r="J385">
        <v>70.111734206461477</v>
      </c>
      <c r="K385">
        <v>-4.7089014786031218E-2</v>
      </c>
      <c r="L385">
        <v>-1.080861058874655</v>
      </c>
      <c r="M385">
        <v>4.9375</v>
      </c>
      <c r="N385">
        <v>2</v>
      </c>
      <c r="O385">
        <v>1</v>
      </c>
      <c r="P385">
        <v>1</v>
      </c>
      <c r="Q385">
        <v>0.1766846959694085</v>
      </c>
      <c r="R385">
        <v>3.422414204014729</v>
      </c>
      <c r="S385">
        <v>1</v>
      </c>
      <c r="T385">
        <v>1</v>
      </c>
      <c r="U385">
        <v>0</v>
      </c>
      <c r="V385">
        <v>0</v>
      </c>
      <c r="W385">
        <v>3.4339872044851458</v>
      </c>
      <c r="X385">
        <v>1</v>
      </c>
      <c r="Y385">
        <v>1</v>
      </c>
      <c r="Z385">
        <v>0</v>
      </c>
      <c r="AA385">
        <v>0</v>
      </c>
      <c r="AB385">
        <v>3.401197381662155</v>
      </c>
      <c r="AC385">
        <v>1</v>
      </c>
      <c r="AD385">
        <v>1</v>
      </c>
      <c r="AE385">
        <v>0</v>
      </c>
      <c r="AF385">
        <v>0</v>
      </c>
      <c r="AG385">
        <v>3.3672958299864728</v>
      </c>
      <c r="AH385">
        <v>0.29531941629213582</v>
      </c>
      <c r="AI385">
        <v>7.289607392754853E-2</v>
      </c>
      <c r="AJ385">
        <v>-0.1310471816964732</v>
      </c>
      <c r="AK385">
        <v>-0.2227450348466147</v>
      </c>
      <c r="AL385">
        <v>464.1677368707937</v>
      </c>
      <c r="AM385">
        <v>676.92784848035728</v>
      </c>
      <c r="AN385">
        <v>4065</v>
      </c>
      <c r="AO385">
        <v>27.297362906313921</v>
      </c>
      <c r="AP385">
        <v>342.79960739085101</v>
      </c>
      <c r="AQ385">
        <v>1.71875</v>
      </c>
      <c r="AR385">
        <v>4.125</v>
      </c>
      <c r="AS385">
        <v>32</v>
      </c>
      <c r="AT385">
        <v>0.93749999999999978</v>
      </c>
      <c r="AU385">
        <v>9.0250000000000052E-2</v>
      </c>
      <c r="AV385">
        <v>0.30337673139218341</v>
      </c>
      <c r="AW385">
        <v>0.375</v>
      </c>
      <c r="AX385">
        <v>69.483870967741936</v>
      </c>
      <c r="AY385">
        <v>62.5</v>
      </c>
      <c r="AZ385">
        <v>116.75</v>
      </c>
      <c r="BA385">
        <v>0.55192509092417397</v>
      </c>
      <c r="BB385">
        <v>0.5</v>
      </c>
      <c r="BC385">
        <v>3.165672166849038</v>
      </c>
      <c r="BD385" t="s">
        <v>1532</v>
      </c>
      <c r="BE385" t="s">
        <v>62</v>
      </c>
    </row>
    <row r="386" spans="1:57" x14ac:dyDescent="0.3">
      <c r="A386" t="s">
        <v>1533</v>
      </c>
      <c r="B386">
        <v>3093</v>
      </c>
      <c r="C386" t="s">
        <v>1534</v>
      </c>
      <c r="D386" t="s">
        <v>1535</v>
      </c>
      <c r="E386" t="s">
        <v>66</v>
      </c>
      <c r="F386">
        <v>72</v>
      </c>
      <c r="G386">
        <v>125.0555555555556</v>
      </c>
      <c r="H386">
        <v>114.5</v>
      </c>
      <c r="I386">
        <v>6071.774691358024</v>
      </c>
      <c r="J386">
        <v>77.921593229078837</v>
      </c>
      <c r="K386">
        <v>2.578017307976551E-2</v>
      </c>
      <c r="L386">
        <v>-1.2579111086716901</v>
      </c>
      <c r="M386">
        <v>5.798329341690045</v>
      </c>
      <c r="N386">
        <v>3</v>
      </c>
      <c r="O386">
        <v>1</v>
      </c>
      <c r="P386">
        <v>2</v>
      </c>
      <c r="Q386">
        <v>0.45352841221219159</v>
      </c>
      <c r="R386">
        <v>4.0190956351504559</v>
      </c>
      <c r="S386">
        <v>2</v>
      </c>
      <c r="T386">
        <v>1</v>
      </c>
      <c r="U386">
        <v>1</v>
      </c>
      <c r="V386">
        <v>0.16776575221435111</v>
      </c>
      <c r="W386">
        <v>4.2236293316576567</v>
      </c>
      <c r="X386">
        <v>2</v>
      </c>
      <c r="Y386">
        <v>1</v>
      </c>
      <c r="Z386">
        <v>1</v>
      </c>
      <c r="AA386">
        <v>0.11951030798891769</v>
      </c>
      <c r="AB386">
        <v>4.2286910368905044</v>
      </c>
      <c r="AC386">
        <v>1</v>
      </c>
      <c r="AD386">
        <v>1</v>
      </c>
      <c r="AE386">
        <v>0</v>
      </c>
      <c r="AF386">
        <v>0</v>
      </c>
      <c r="AG386">
        <v>4.2341065045972579</v>
      </c>
      <c r="AH386">
        <v>-7.3372421922368453E-2</v>
      </c>
      <c r="AI386">
        <v>4.4242216805763478E-2</v>
      </c>
      <c r="AJ386">
        <v>3.521565864900867E-2</v>
      </c>
      <c r="AK386">
        <v>5.9987704243277503E-4</v>
      </c>
      <c r="AL386">
        <v>714.47748264001245</v>
      </c>
      <c r="AM386">
        <v>1026.006786917314</v>
      </c>
      <c r="AN386">
        <v>9004</v>
      </c>
      <c r="AO386">
        <v>45.538906852634973</v>
      </c>
      <c r="AP386">
        <v>610.20595219052382</v>
      </c>
      <c r="AQ386">
        <v>1.319444444444444</v>
      </c>
      <c r="AR386">
        <v>3.625</v>
      </c>
      <c r="AS386">
        <v>71</v>
      </c>
      <c r="AT386">
        <v>9.9444444444444464</v>
      </c>
      <c r="AU386">
        <v>7.1568627450980388E-2</v>
      </c>
      <c r="AV386">
        <v>-7.3875828505906641E-2</v>
      </c>
      <c r="AW386">
        <v>0.41666666666666669</v>
      </c>
      <c r="AX386">
        <v>93.225352112676063</v>
      </c>
      <c r="AY386">
        <v>73.5</v>
      </c>
      <c r="AZ386">
        <v>133</v>
      </c>
      <c r="BA386">
        <v>0.62309581435958195</v>
      </c>
      <c r="BB386">
        <v>0.45833333333333331</v>
      </c>
      <c r="BC386">
        <v>3.942905821806348</v>
      </c>
      <c r="BD386" t="s">
        <v>1536</v>
      </c>
      <c r="BE386" t="s">
        <v>68</v>
      </c>
    </row>
    <row r="387" spans="1:57" x14ac:dyDescent="0.3">
      <c r="A387" t="s">
        <v>1537</v>
      </c>
      <c r="B387">
        <v>3712</v>
      </c>
      <c r="C387" t="s">
        <v>1538</v>
      </c>
      <c r="D387" t="s">
        <v>1539</v>
      </c>
      <c r="E387" t="s">
        <v>93</v>
      </c>
      <c r="F387">
        <v>3868</v>
      </c>
      <c r="G387">
        <v>127.9935367114788</v>
      </c>
      <c r="H387">
        <v>128.5</v>
      </c>
      <c r="I387">
        <v>5413.7116955578558</v>
      </c>
      <c r="J387">
        <v>73.577929405208565</v>
      </c>
      <c r="K387">
        <v>-9.8348260073716689E-3</v>
      </c>
      <c r="L387">
        <v>-1.2103356601648161</v>
      </c>
      <c r="M387">
        <v>7.947482820052592</v>
      </c>
      <c r="N387">
        <v>28</v>
      </c>
      <c r="O387">
        <v>6</v>
      </c>
      <c r="P387">
        <v>22</v>
      </c>
      <c r="Q387">
        <v>4.0470559805091648</v>
      </c>
      <c r="R387">
        <v>5.5087753092680538</v>
      </c>
      <c r="S387">
        <v>3</v>
      </c>
      <c r="T387">
        <v>1</v>
      </c>
      <c r="U387">
        <v>2</v>
      </c>
      <c r="V387">
        <v>0.16632291343610209</v>
      </c>
      <c r="W387">
        <v>8.2224571630680288</v>
      </c>
      <c r="X387">
        <v>2</v>
      </c>
      <c r="Y387">
        <v>1</v>
      </c>
      <c r="Z387">
        <v>1</v>
      </c>
      <c r="AA387">
        <v>1.6083074015958661E-2</v>
      </c>
      <c r="AB387">
        <v>8.2596170735393244</v>
      </c>
      <c r="AC387">
        <v>1</v>
      </c>
      <c r="AD387">
        <v>1</v>
      </c>
      <c r="AE387">
        <v>0</v>
      </c>
      <c r="AF387">
        <v>0</v>
      </c>
      <c r="AG387">
        <v>8.2597169610215246</v>
      </c>
      <c r="AH387">
        <v>-1.8698423978685111E-2</v>
      </c>
      <c r="AI387">
        <v>4.6752137496116397E-2</v>
      </c>
      <c r="AJ387">
        <v>1.0808101207031831E-3</v>
      </c>
      <c r="AK387">
        <v>-4.3532296219827611E-4</v>
      </c>
      <c r="AL387">
        <v>4187.8698446140525</v>
      </c>
      <c r="AM387">
        <v>8171.2236026541505</v>
      </c>
      <c r="AN387">
        <v>495079</v>
      </c>
      <c r="AO387">
        <v>87.932326785264308</v>
      </c>
      <c r="AP387">
        <v>3843.6349912851279</v>
      </c>
      <c r="AQ387">
        <v>1.005946225439504</v>
      </c>
      <c r="AR387">
        <v>4.0010341261633906</v>
      </c>
      <c r="AS387">
        <v>3854</v>
      </c>
      <c r="AT387">
        <v>277.50568769389872</v>
      </c>
      <c r="AU387">
        <v>1.2463247967232419E-2</v>
      </c>
      <c r="AV387">
        <v>-1.8700963439480089E-2</v>
      </c>
      <c r="AW387">
        <v>0.37150982419855222</v>
      </c>
      <c r="AX387">
        <v>86.218515645202999</v>
      </c>
      <c r="AY387">
        <v>64.5</v>
      </c>
      <c r="AZ387">
        <v>129</v>
      </c>
      <c r="BA387">
        <v>0.57485660054122012</v>
      </c>
      <c r="BB387">
        <v>0.50413650465356774</v>
      </c>
      <c r="BC387">
        <v>5.3260017241641577</v>
      </c>
      <c r="BD387" t="s">
        <v>1540</v>
      </c>
      <c r="BE387" t="s">
        <v>68</v>
      </c>
    </row>
    <row r="388" spans="1:57" x14ac:dyDescent="0.3">
      <c r="A388" t="s">
        <v>1541</v>
      </c>
      <c r="B388">
        <v>630</v>
      </c>
      <c r="C388" t="s">
        <v>1542</v>
      </c>
      <c r="D388" t="s">
        <v>1543</v>
      </c>
      <c r="E388" t="s">
        <v>10622</v>
      </c>
      <c r="F388">
        <v>64</v>
      </c>
      <c r="G388">
        <v>112.890625</v>
      </c>
      <c r="H388">
        <v>129</v>
      </c>
      <c r="I388">
        <v>5892.659912109375</v>
      </c>
      <c r="J388">
        <v>76.763662706448386</v>
      </c>
      <c r="K388">
        <v>5.3756905675128662E-2</v>
      </c>
      <c r="L388">
        <v>-1.3939478159072769</v>
      </c>
      <c r="M388">
        <v>5.632659765557392</v>
      </c>
      <c r="N388">
        <v>3</v>
      </c>
      <c r="O388">
        <v>1</v>
      </c>
      <c r="P388">
        <v>2</v>
      </c>
      <c r="Q388">
        <v>0.48983981078291211</v>
      </c>
      <c r="R388">
        <v>3.9042622355495489</v>
      </c>
      <c r="S388">
        <v>1</v>
      </c>
      <c r="T388">
        <v>1</v>
      </c>
      <c r="U388">
        <v>0</v>
      </c>
      <c r="V388">
        <v>0</v>
      </c>
      <c r="W388">
        <v>4.1431347263915326</v>
      </c>
      <c r="X388">
        <v>1</v>
      </c>
      <c r="Y388">
        <v>1</v>
      </c>
      <c r="Z388">
        <v>0</v>
      </c>
      <c r="AA388">
        <v>0</v>
      </c>
      <c r="AB388">
        <v>4.1271343850450908</v>
      </c>
      <c r="AC388">
        <v>1</v>
      </c>
      <c r="AD388">
        <v>1</v>
      </c>
      <c r="AE388">
        <v>0</v>
      </c>
      <c r="AF388">
        <v>0</v>
      </c>
      <c r="AG388">
        <v>4.1108738641733096</v>
      </c>
      <c r="AH388">
        <v>2.9742636335425409E-2</v>
      </c>
      <c r="AI388">
        <v>-0.19057692608467691</v>
      </c>
      <c r="AJ388">
        <v>0.1537369767147746</v>
      </c>
      <c r="AK388">
        <v>0.2433221673360931</v>
      </c>
      <c r="AL388">
        <v>640.39244266582057</v>
      </c>
      <c r="AM388">
        <v>884.68215726129802</v>
      </c>
      <c r="AN388">
        <v>7225</v>
      </c>
      <c r="AO388">
        <v>27.573277047280509</v>
      </c>
      <c r="AP388">
        <v>446.36358190078488</v>
      </c>
      <c r="AQ388">
        <v>1.359375</v>
      </c>
      <c r="AR388">
        <v>3.90625</v>
      </c>
      <c r="AS388">
        <v>64</v>
      </c>
      <c r="AT388">
        <v>10.53125</v>
      </c>
      <c r="AU388">
        <v>0.15556523904382469</v>
      </c>
      <c r="AV388">
        <v>3.053604655503309E-2</v>
      </c>
      <c r="AW388">
        <v>0.265625</v>
      </c>
      <c r="AX388">
        <v>88.634920634920633</v>
      </c>
      <c r="AY388">
        <v>75.5</v>
      </c>
      <c r="AZ388">
        <v>136.5</v>
      </c>
      <c r="BA388">
        <v>0.67998261774570201</v>
      </c>
      <c r="BB388">
        <v>0.515625</v>
      </c>
      <c r="BC388">
        <v>3.9450926748029782</v>
      </c>
      <c r="BD388" t="s">
        <v>1544</v>
      </c>
      <c r="BE388" t="s">
        <v>62</v>
      </c>
    </row>
    <row r="389" spans="1:57" x14ac:dyDescent="0.3">
      <c r="A389" t="s">
        <v>1545</v>
      </c>
      <c r="B389">
        <v>1703</v>
      </c>
      <c r="C389" t="s">
        <v>1546</v>
      </c>
      <c r="D389" t="s">
        <v>1547</v>
      </c>
      <c r="E389" t="s">
        <v>10622</v>
      </c>
      <c r="F389">
        <v>64</v>
      </c>
      <c r="G389">
        <v>140.40625</v>
      </c>
      <c r="H389">
        <v>151</v>
      </c>
      <c r="I389">
        <v>5113.0537109375</v>
      </c>
      <c r="J389">
        <v>71.505620135325728</v>
      </c>
      <c r="K389">
        <v>-0.1498427528676945</v>
      </c>
      <c r="L389">
        <v>-0.96404230025080162</v>
      </c>
      <c r="M389">
        <v>5.738204882778696</v>
      </c>
      <c r="N389">
        <v>3</v>
      </c>
      <c r="O389">
        <v>1</v>
      </c>
      <c r="P389">
        <v>2</v>
      </c>
      <c r="Q389">
        <v>0.3976974544878587</v>
      </c>
      <c r="R389">
        <v>3.9774205359733639</v>
      </c>
      <c r="S389">
        <v>1</v>
      </c>
      <c r="T389">
        <v>1</v>
      </c>
      <c r="U389">
        <v>0</v>
      </c>
      <c r="V389">
        <v>0</v>
      </c>
      <c r="W389">
        <v>4.1431347263915326</v>
      </c>
      <c r="X389">
        <v>1</v>
      </c>
      <c r="Y389">
        <v>1</v>
      </c>
      <c r="Z389">
        <v>0</v>
      </c>
      <c r="AA389">
        <v>0</v>
      </c>
      <c r="AB389">
        <v>4.1271343850450908</v>
      </c>
      <c r="AC389">
        <v>1</v>
      </c>
      <c r="AD389">
        <v>1</v>
      </c>
      <c r="AE389">
        <v>0</v>
      </c>
      <c r="AF389">
        <v>0</v>
      </c>
      <c r="AG389">
        <v>4.1108738641733096</v>
      </c>
      <c r="AH389">
        <v>0.1004935588950005</v>
      </c>
      <c r="AI389">
        <v>1.9447240251523799E-2</v>
      </c>
      <c r="AJ389">
        <v>-1.2687864667201581E-2</v>
      </c>
      <c r="AK389">
        <v>-0.18842395130455569</v>
      </c>
      <c r="AL389">
        <v>637.75386398905891</v>
      </c>
      <c r="AM389">
        <v>1087.2883743363691</v>
      </c>
      <c r="AN389">
        <v>8986</v>
      </c>
      <c r="AO389">
        <v>16.741601141283009</v>
      </c>
      <c r="AP389">
        <v>389.29289137376662</v>
      </c>
      <c r="AQ389">
        <v>1.359375</v>
      </c>
      <c r="AR389">
        <v>4.234375</v>
      </c>
      <c r="AS389">
        <v>63</v>
      </c>
      <c r="AT389">
        <v>7.75</v>
      </c>
      <c r="AU389">
        <v>0.12524606299212601</v>
      </c>
      <c r="AV389">
        <v>0.10210421588405599</v>
      </c>
      <c r="AW389">
        <v>0.3125</v>
      </c>
      <c r="AX389">
        <v>77.603174603174608</v>
      </c>
      <c r="AY389">
        <v>55.5</v>
      </c>
      <c r="AZ389">
        <v>102.5</v>
      </c>
      <c r="BA389">
        <v>0.50927661792353063</v>
      </c>
      <c r="BB389">
        <v>0.59375</v>
      </c>
      <c r="BC389">
        <v>3.9147824763127481</v>
      </c>
      <c r="BD389" t="s">
        <v>1548</v>
      </c>
      <c r="BE389" t="s">
        <v>62</v>
      </c>
    </row>
    <row r="390" spans="1:57" x14ac:dyDescent="0.3">
      <c r="A390" t="s">
        <v>1549</v>
      </c>
      <c r="B390">
        <v>144</v>
      </c>
      <c r="C390" t="s">
        <v>1550</v>
      </c>
      <c r="D390" t="s">
        <v>1551</v>
      </c>
      <c r="E390" t="s">
        <v>60</v>
      </c>
      <c r="F390">
        <v>256</v>
      </c>
      <c r="G390">
        <v>122.59375</v>
      </c>
      <c r="H390">
        <v>122.5</v>
      </c>
      <c r="I390">
        <v>5807.1787109375</v>
      </c>
      <c r="J390">
        <v>76.2048470304711</v>
      </c>
      <c r="K390">
        <v>8.129924999401382E-2</v>
      </c>
      <c r="L390">
        <v>-1.270821490710826</v>
      </c>
      <c r="M390">
        <v>7.219478369030762</v>
      </c>
      <c r="N390">
        <v>4</v>
      </c>
      <c r="O390">
        <v>1</v>
      </c>
      <c r="P390">
        <v>3</v>
      </c>
      <c r="Q390">
        <v>0.74187363627148395</v>
      </c>
      <c r="R390">
        <v>5.0041610766071836</v>
      </c>
      <c r="S390">
        <v>2</v>
      </c>
      <c r="T390">
        <v>1</v>
      </c>
      <c r="U390">
        <v>1</v>
      </c>
      <c r="V390">
        <v>6.2621943781838052E-2</v>
      </c>
      <c r="W390">
        <v>5.5358270966834446</v>
      </c>
      <c r="X390">
        <v>1</v>
      </c>
      <c r="Y390">
        <v>1</v>
      </c>
      <c r="Z390">
        <v>0</v>
      </c>
      <c r="AA390">
        <v>0</v>
      </c>
      <c r="AB390">
        <v>5.5373342670185366</v>
      </c>
      <c r="AC390">
        <v>1</v>
      </c>
      <c r="AD390">
        <v>1</v>
      </c>
      <c r="AE390">
        <v>0</v>
      </c>
      <c r="AF390">
        <v>0</v>
      </c>
      <c r="AG390">
        <v>5.5333894887275203</v>
      </c>
      <c r="AH390">
        <v>-2.9938053193565479E-2</v>
      </c>
      <c r="AI390">
        <v>4.5939390696808947E-2</v>
      </c>
      <c r="AJ390">
        <v>2.848059727710231E-2</v>
      </c>
      <c r="AK390">
        <v>-7.526976167571757E-2</v>
      </c>
      <c r="AL390">
        <v>1219.168397821697</v>
      </c>
      <c r="AM390">
        <v>1961.5678468390729</v>
      </c>
      <c r="AN390">
        <v>31384</v>
      </c>
      <c r="AO390">
        <v>84.377853435945198</v>
      </c>
      <c r="AP390">
        <v>1082.346684766133</v>
      </c>
      <c r="AQ390">
        <v>1.08984375</v>
      </c>
      <c r="AR390">
        <v>3.9296875</v>
      </c>
      <c r="AS390">
        <v>256</v>
      </c>
      <c r="AT390">
        <v>58.53125</v>
      </c>
      <c r="AU390">
        <v>5.7539682539682557E-2</v>
      </c>
      <c r="AV390">
        <v>-3.0060989682712511E-2</v>
      </c>
      <c r="AW390">
        <v>0.37109375</v>
      </c>
      <c r="AX390">
        <v>87.858823529411765</v>
      </c>
      <c r="AY390">
        <v>66.5</v>
      </c>
      <c r="AZ390">
        <v>132.25</v>
      </c>
      <c r="BA390">
        <v>0.62160466606553022</v>
      </c>
      <c r="BB390">
        <v>0.5</v>
      </c>
      <c r="BC390">
        <v>4.8889238774310639</v>
      </c>
      <c r="BD390" t="s">
        <v>1552</v>
      </c>
      <c r="BE390" t="s">
        <v>62</v>
      </c>
    </row>
    <row r="391" spans="1:57" x14ac:dyDescent="0.3">
      <c r="A391" t="s">
        <v>1553</v>
      </c>
      <c r="B391">
        <v>3814</v>
      </c>
      <c r="C391" t="s">
        <v>1554</v>
      </c>
      <c r="D391" t="s">
        <v>1555</v>
      </c>
      <c r="E391" t="s">
        <v>72</v>
      </c>
      <c r="F391">
        <v>3848</v>
      </c>
      <c r="G391">
        <v>128.28040540540539</v>
      </c>
      <c r="H391">
        <v>128</v>
      </c>
      <c r="I391">
        <v>5511.0068717691183</v>
      </c>
      <c r="J391">
        <v>74.236156095053289</v>
      </c>
      <c r="K391">
        <v>-1.7492075039447968E-2</v>
      </c>
      <c r="L391">
        <v>-1.2107937819092689</v>
      </c>
      <c r="M391">
        <v>7.9525120113117076</v>
      </c>
      <c r="N391">
        <v>25</v>
      </c>
      <c r="O391">
        <v>6</v>
      </c>
      <c r="P391">
        <v>19</v>
      </c>
      <c r="Q391">
        <v>3.8200488789412108</v>
      </c>
      <c r="R391">
        <v>5.5122612790098202</v>
      </c>
      <c r="S391">
        <v>2</v>
      </c>
      <c r="T391">
        <v>1</v>
      </c>
      <c r="U391">
        <v>1</v>
      </c>
      <c r="V391">
        <v>0.1643568731529412</v>
      </c>
      <c r="W391">
        <v>8.217571748201614</v>
      </c>
      <c r="X391">
        <v>1</v>
      </c>
      <c r="Y391">
        <v>1</v>
      </c>
      <c r="Z391">
        <v>0</v>
      </c>
      <c r="AA391">
        <v>0</v>
      </c>
      <c r="AB391">
        <v>8.2547889261487253</v>
      </c>
      <c r="AC391">
        <v>1</v>
      </c>
      <c r="AD391">
        <v>1</v>
      </c>
      <c r="AE391">
        <v>0</v>
      </c>
      <c r="AF391">
        <v>0</v>
      </c>
      <c r="AG391">
        <v>8.2545288819397449</v>
      </c>
      <c r="AH391">
        <v>1.134246072186427E-2</v>
      </c>
      <c r="AI391">
        <v>1.088012730399902E-2</v>
      </c>
      <c r="AJ391">
        <v>-1.0014259688453179E-2</v>
      </c>
      <c r="AK391">
        <v>-1.2800297116527861E-2</v>
      </c>
      <c r="AL391">
        <v>4218.7215869199836</v>
      </c>
      <c r="AM391">
        <v>8168.8984062758027</v>
      </c>
      <c r="AN391">
        <v>493623</v>
      </c>
      <c r="AO391">
        <v>2.0235372378221408</v>
      </c>
      <c r="AP391">
        <v>3826.0542565422888</v>
      </c>
      <c r="AQ391">
        <v>1.005977130977131</v>
      </c>
      <c r="AR391">
        <v>4.0153326403326401</v>
      </c>
      <c r="AS391">
        <v>3839</v>
      </c>
      <c r="AT391">
        <v>248.53222453222449</v>
      </c>
      <c r="AU391">
        <v>1.364294158411805E-2</v>
      </c>
      <c r="AV391">
        <v>1.1342923703124751E-2</v>
      </c>
      <c r="AW391">
        <v>0.37474012474012469</v>
      </c>
      <c r="AX391">
        <v>85.031453080322322</v>
      </c>
      <c r="AY391">
        <v>65</v>
      </c>
      <c r="AZ391">
        <v>130</v>
      </c>
      <c r="BA391">
        <v>0.57870222549144801</v>
      </c>
      <c r="BB391">
        <v>0.49740124740124741</v>
      </c>
      <c r="BC391">
        <v>5.3158221403325214</v>
      </c>
      <c r="BD391" t="s">
        <v>1556</v>
      </c>
      <c r="BE391" t="s">
        <v>68</v>
      </c>
    </row>
    <row r="392" spans="1:57" x14ac:dyDescent="0.3">
      <c r="A392" t="s">
        <v>1557</v>
      </c>
      <c r="B392">
        <v>961</v>
      </c>
      <c r="C392" t="s">
        <v>1558</v>
      </c>
      <c r="D392" t="s">
        <v>1559</v>
      </c>
      <c r="E392" t="s">
        <v>128</v>
      </c>
      <c r="F392">
        <v>32</v>
      </c>
      <c r="G392">
        <v>127</v>
      </c>
      <c r="H392">
        <v>106</v>
      </c>
      <c r="I392">
        <v>5194.25</v>
      </c>
      <c r="J392">
        <v>72.071145405078724</v>
      </c>
      <c r="K392">
        <v>0.27513032281689842</v>
      </c>
      <c r="L392">
        <v>-0.9648950771549698</v>
      </c>
      <c r="M392">
        <v>4.875</v>
      </c>
      <c r="N392">
        <v>2</v>
      </c>
      <c r="O392">
        <v>1</v>
      </c>
      <c r="P392">
        <v>1</v>
      </c>
      <c r="Q392">
        <v>0.24944382578492941</v>
      </c>
      <c r="R392">
        <v>3.3790925052297318</v>
      </c>
      <c r="S392">
        <v>1</v>
      </c>
      <c r="T392">
        <v>1</v>
      </c>
      <c r="U392">
        <v>0</v>
      </c>
      <c r="V392">
        <v>0</v>
      </c>
      <c r="W392">
        <v>3.4339872044851458</v>
      </c>
      <c r="X392">
        <v>1</v>
      </c>
      <c r="Y392">
        <v>1</v>
      </c>
      <c r="Z392">
        <v>0</v>
      </c>
      <c r="AA392">
        <v>0</v>
      </c>
      <c r="AB392">
        <v>3.401197381662155</v>
      </c>
      <c r="AC392">
        <v>1</v>
      </c>
      <c r="AD392">
        <v>1</v>
      </c>
      <c r="AE392">
        <v>0</v>
      </c>
      <c r="AF392">
        <v>0</v>
      </c>
      <c r="AG392">
        <v>3.3672958299864728</v>
      </c>
      <c r="AH392">
        <v>-1.470977523222794E-2</v>
      </c>
      <c r="AI392">
        <v>-0.1093456706935554</v>
      </c>
      <c r="AJ392">
        <v>-0.21341507436107229</v>
      </c>
      <c r="AK392">
        <v>0.19694854887616109</v>
      </c>
      <c r="AL392">
        <v>478.88073021690758</v>
      </c>
      <c r="AM392">
        <v>673.06555863966275</v>
      </c>
      <c r="AN392">
        <v>4064</v>
      </c>
      <c r="AO392">
        <v>82.131406500465133</v>
      </c>
      <c r="AP392">
        <v>332.50257141878251</v>
      </c>
      <c r="AQ392">
        <v>1.65625</v>
      </c>
      <c r="AR392">
        <v>4.09375</v>
      </c>
      <c r="AS392">
        <v>32</v>
      </c>
      <c r="AT392">
        <v>1.75</v>
      </c>
      <c r="AU392">
        <v>0.14669117647058821</v>
      </c>
      <c r="AV392">
        <v>-1.457392774041468E-2</v>
      </c>
      <c r="AW392">
        <v>0.5</v>
      </c>
      <c r="AX392">
        <v>79.774193548387103</v>
      </c>
      <c r="AY392">
        <v>49</v>
      </c>
      <c r="AZ392">
        <v>107</v>
      </c>
      <c r="BA392">
        <v>0.56748933389825762</v>
      </c>
      <c r="BB392">
        <v>0.40625</v>
      </c>
      <c r="BC392">
        <v>3.3892680315457948</v>
      </c>
      <c r="BD392" t="s">
        <v>1560</v>
      </c>
      <c r="BE392" t="s">
        <v>62</v>
      </c>
    </row>
    <row r="393" spans="1:57" x14ac:dyDescent="0.3">
      <c r="A393" t="s">
        <v>1561</v>
      </c>
      <c r="B393">
        <v>2381</v>
      </c>
      <c r="C393" t="s">
        <v>1562</v>
      </c>
      <c r="D393" t="s">
        <v>1563</v>
      </c>
      <c r="E393" t="s">
        <v>106</v>
      </c>
      <c r="F393">
        <v>2437</v>
      </c>
      <c r="G393">
        <v>127.9318834632745</v>
      </c>
      <c r="H393">
        <v>128</v>
      </c>
      <c r="I393">
        <v>5682.3663080241704</v>
      </c>
      <c r="J393">
        <v>75.381471914683189</v>
      </c>
      <c r="K393">
        <v>-6.2919368830790263E-3</v>
      </c>
      <c r="L393">
        <v>-1.23381624825297</v>
      </c>
      <c r="M393">
        <v>7.9245696589634989</v>
      </c>
      <c r="N393">
        <v>18</v>
      </c>
      <c r="O393">
        <v>3</v>
      </c>
      <c r="P393">
        <v>15</v>
      </c>
      <c r="Q393">
        <v>3.037462926567736</v>
      </c>
      <c r="R393">
        <v>5.4928931162614214</v>
      </c>
      <c r="S393">
        <v>2</v>
      </c>
      <c r="T393">
        <v>1</v>
      </c>
      <c r="U393">
        <v>1</v>
      </c>
      <c r="V393">
        <v>0.13739148529198689</v>
      </c>
      <c r="W393">
        <v>7.7719346564933698</v>
      </c>
      <c r="X393">
        <v>1</v>
      </c>
      <c r="Y393">
        <v>1</v>
      </c>
      <c r="Z393">
        <v>0</v>
      </c>
      <c r="AA393">
        <v>0</v>
      </c>
      <c r="AB393">
        <v>7.7977020355166919</v>
      </c>
      <c r="AC393">
        <v>1</v>
      </c>
      <c r="AD393">
        <v>1</v>
      </c>
      <c r="AE393">
        <v>0</v>
      </c>
      <c r="AF393">
        <v>0</v>
      </c>
      <c r="AG393">
        <v>7.7972912735474713</v>
      </c>
      <c r="AH393">
        <v>7.3668255692214491E-3</v>
      </c>
      <c r="AI393">
        <v>2.8250809669780681E-2</v>
      </c>
      <c r="AJ393">
        <v>4.82148782543895E-3</v>
      </c>
      <c r="AK393">
        <v>5.2138910477062357E-3</v>
      </c>
      <c r="AL393">
        <v>3424.4318172845828</v>
      </c>
      <c r="AM393">
        <v>6481.2434554465708</v>
      </c>
      <c r="AN393">
        <v>311770</v>
      </c>
      <c r="AO393">
        <v>101.1665325579087</v>
      </c>
      <c r="AP393">
        <v>3054.2397526349182</v>
      </c>
      <c r="AQ393">
        <v>1.0094378334017231</v>
      </c>
      <c r="AR393">
        <v>3.9729175215428811</v>
      </c>
      <c r="AS393">
        <v>2426</v>
      </c>
      <c r="AT393">
        <v>248.1112022979072</v>
      </c>
      <c r="AU393">
        <v>1.8524865834721349E-2</v>
      </c>
      <c r="AV393">
        <v>7.3674610878502501E-3</v>
      </c>
      <c r="AW393">
        <v>0.36027903159622487</v>
      </c>
      <c r="AX393">
        <v>86.681855500821015</v>
      </c>
      <c r="AY393">
        <v>67</v>
      </c>
      <c r="AZ393">
        <v>134</v>
      </c>
      <c r="BA393">
        <v>0.58923131493114456</v>
      </c>
      <c r="BB393">
        <v>0.50471891670086166</v>
      </c>
      <c r="BC393">
        <v>5.3079732535131949</v>
      </c>
      <c r="BD393" t="s">
        <v>1564</v>
      </c>
      <c r="BE393" t="s">
        <v>68</v>
      </c>
    </row>
    <row r="394" spans="1:57" x14ac:dyDescent="0.3">
      <c r="A394" t="s">
        <v>1565</v>
      </c>
      <c r="B394">
        <v>141</v>
      </c>
      <c r="C394" t="s">
        <v>1566</v>
      </c>
      <c r="D394" t="s">
        <v>1567</v>
      </c>
      <c r="E394" t="s">
        <v>60</v>
      </c>
      <c r="F394">
        <v>512</v>
      </c>
      <c r="G394">
        <v>128.775390625</v>
      </c>
      <c r="H394">
        <v>130</v>
      </c>
      <c r="I394">
        <v>5510.6155662536621</v>
      </c>
      <c r="J394">
        <v>74.233520502894521</v>
      </c>
      <c r="K394">
        <v>-3.3347058380955467E-2</v>
      </c>
      <c r="L394">
        <v>-1.204145015706316</v>
      </c>
      <c r="M394">
        <v>7.592386178149467</v>
      </c>
      <c r="N394">
        <v>7</v>
      </c>
      <c r="O394">
        <v>1</v>
      </c>
      <c r="P394">
        <v>6</v>
      </c>
      <c r="Q394">
        <v>1.2473103267130761</v>
      </c>
      <c r="R394">
        <v>5.2626410731066002</v>
      </c>
      <c r="S394">
        <v>2</v>
      </c>
      <c r="T394">
        <v>1</v>
      </c>
      <c r="U394">
        <v>1</v>
      </c>
      <c r="V394">
        <v>4.4237310481092057E-2</v>
      </c>
      <c r="W394">
        <v>6.2336566853874222</v>
      </c>
      <c r="X394">
        <v>1</v>
      </c>
      <c r="Y394">
        <v>1</v>
      </c>
      <c r="Z394">
        <v>0</v>
      </c>
      <c r="AA394">
        <v>0</v>
      </c>
      <c r="AB394">
        <v>6.2344107257183694</v>
      </c>
      <c r="AC394">
        <v>1</v>
      </c>
      <c r="AD394">
        <v>1</v>
      </c>
      <c r="AE394">
        <v>0</v>
      </c>
      <c r="AF394">
        <v>0</v>
      </c>
      <c r="AG394">
        <v>6.2324480165505216</v>
      </c>
      <c r="AH394">
        <v>1.432847649676745E-2</v>
      </c>
      <c r="AI394">
        <v>-3.0744689333458829E-2</v>
      </c>
      <c r="AJ394">
        <v>-6.3203471158410296E-2</v>
      </c>
      <c r="AK394">
        <v>6.4039042176226666E-3</v>
      </c>
      <c r="AL394">
        <v>1627.2454697952239</v>
      </c>
      <c r="AM394">
        <v>2943.4767165770008</v>
      </c>
      <c r="AN394">
        <v>65933</v>
      </c>
      <c r="AO394">
        <v>82.497902546858228</v>
      </c>
      <c r="AP394">
        <v>1455.561123548759</v>
      </c>
      <c r="AQ394">
        <v>1.044921875</v>
      </c>
      <c r="AR394">
        <v>3.974609375</v>
      </c>
      <c r="AS394">
        <v>511</v>
      </c>
      <c r="AT394">
        <v>148.41015625</v>
      </c>
      <c r="AU394">
        <v>2.005974264705879E-2</v>
      </c>
      <c r="AV394">
        <v>1.4332605290549401E-2</v>
      </c>
      <c r="AW394">
        <v>0.3671875</v>
      </c>
      <c r="AX394">
        <v>84.596868884540115</v>
      </c>
      <c r="AY394">
        <v>64</v>
      </c>
      <c r="AZ394">
        <v>128.5</v>
      </c>
      <c r="BA394">
        <v>0.57645735060564507</v>
      </c>
      <c r="BB394">
        <v>0.50390625</v>
      </c>
      <c r="BC394">
        <v>5.1006896696559947</v>
      </c>
      <c r="BD394" t="s">
        <v>1568</v>
      </c>
      <c r="BE394" t="s">
        <v>62</v>
      </c>
    </row>
    <row r="395" spans="1:57" x14ac:dyDescent="0.3">
      <c r="A395" t="s">
        <v>1569</v>
      </c>
      <c r="B395">
        <v>1723</v>
      </c>
      <c r="C395" t="s">
        <v>1570</v>
      </c>
      <c r="D395" t="s">
        <v>1571</v>
      </c>
      <c r="E395" t="s">
        <v>85</v>
      </c>
      <c r="F395">
        <v>8</v>
      </c>
      <c r="G395">
        <v>158.75</v>
      </c>
      <c r="H395">
        <v>162</v>
      </c>
      <c r="I395">
        <v>4853.9375</v>
      </c>
      <c r="J395">
        <v>69.670205253034823</v>
      </c>
      <c r="K395">
        <v>-0.76895887689384712</v>
      </c>
      <c r="L395">
        <v>-0.2922104741942797</v>
      </c>
      <c r="M395">
        <v>2.75</v>
      </c>
      <c r="N395">
        <v>2</v>
      </c>
      <c r="O395">
        <v>1</v>
      </c>
      <c r="P395">
        <v>1</v>
      </c>
      <c r="Q395">
        <v>0.3499271061118826</v>
      </c>
      <c r="R395">
        <v>1.9061547465398501</v>
      </c>
      <c r="S395">
        <v>1</v>
      </c>
      <c r="T395">
        <v>1</v>
      </c>
      <c r="U395">
        <v>0</v>
      </c>
      <c r="V395">
        <v>0</v>
      </c>
      <c r="W395">
        <v>1.945910149055313</v>
      </c>
      <c r="X395">
        <v>1</v>
      </c>
      <c r="Y395">
        <v>1</v>
      </c>
      <c r="Z395">
        <v>0</v>
      </c>
      <c r="AA395">
        <v>0</v>
      </c>
      <c r="AB395">
        <v>1.791759469228055</v>
      </c>
      <c r="AC395">
        <v>1</v>
      </c>
      <c r="AD395">
        <v>1</v>
      </c>
      <c r="AE395">
        <v>0</v>
      </c>
      <c r="AF395">
        <v>0</v>
      </c>
      <c r="AG395">
        <v>1.6094379124341009</v>
      </c>
      <c r="AH395">
        <v>-0.51471904252990486</v>
      </c>
      <c r="AI395">
        <v>9.9349110902231433E-2</v>
      </c>
      <c r="AJ395">
        <v>0.14549882183279039</v>
      </c>
      <c r="AK395">
        <v>0</v>
      </c>
      <c r="AL395">
        <v>332.86939934000247</v>
      </c>
      <c r="AM395">
        <v>360.05827720387992</v>
      </c>
      <c r="AN395">
        <v>1270</v>
      </c>
      <c r="AO395">
        <v>127.9374953336866</v>
      </c>
      <c r="AP395">
        <v>206.09533494242601</v>
      </c>
      <c r="AQ395">
        <v>3.5</v>
      </c>
      <c r="AR395">
        <v>4.375</v>
      </c>
      <c r="AS395">
        <v>8</v>
      </c>
      <c r="AT395">
        <v>0.74999999999999989</v>
      </c>
      <c r="AU395">
        <v>0.27991452991452992</v>
      </c>
      <c r="AV395">
        <v>-0.51754215753981903</v>
      </c>
      <c r="AW395">
        <v>0.125</v>
      </c>
      <c r="AX395">
        <v>119</v>
      </c>
      <c r="AY395">
        <v>59</v>
      </c>
      <c r="AZ395">
        <v>94.25</v>
      </c>
      <c r="BA395">
        <v>0.43886743466478628</v>
      </c>
      <c r="BB395">
        <v>0.625</v>
      </c>
      <c r="BC395">
        <v>1.945910149055313</v>
      </c>
      <c r="BD395" t="s">
        <v>1570</v>
      </c>
      <c r="BE395" t="s">
        <v>68</v>
      </c>
    </row>
    <row r="396" spans="1:57" x14ac:dyDescent="0.3">
      <c r="A396" t="s">
        <v>1572</v>
      </c>
      <c r="B396">
        <v>3405</v>
      </c>
      <c r="C396" t="s">
        <v>1573</v>
      </c>
      <c r="D396" t="s">
        <v>1574</v>
      </c>
      <c r="E396" t="s">
        <v>115</v>
      </c>
      <c r="F396">
        <v>3456</v>
      </c>
      <c r="G396">
        <v>128.1044560185185</v>
      </c>
      <c r="H396">
        <v>128</v>
      </c>
      <c r="I396">
        <v>5638.6664616253811</v>
      </c>
      <c r="J396">
        <v>75.091054471390805</v>
      </c>
      <c r="K396">
        <v>2.8058226582017721E-3</v>
      </c>
      <c r="L396">
        <v>-1.230055459894251</v>
      </c>
      <c r="M396">
        <v>7.9386165074297832</v>
      </c>
      <c r="N396">
        <v>28</v>
      </c>
      <c r="O396">
        <v>3</v>
      </c>
      <c r="P396">
        <v>25</v>
      </c>
      <c r="Q396">
        <v>3.9121205886322059</v>
      </c>
      <c r="R396">
        <v>5.5026296496715954</v>
      </c>
      <c r="S396">
        <v>3</v>
      </c>
      <c r="T396">
        <v>1</v>
      </c>
      <c r="U396">
        <v>2</v>
      </c>
      <c r="V396">
        <v>0.17687439966336871</v>
      </c>
      <c r="W396">
        <v>8.106196616298579</v>
      </c>
      <c r="X396">
        <v>2</v>
      </c>
      <c r="Y396">
        <v>1</v>
      </c>
      <c r="Z396">
        <v>1</v>
      </c>
      <c r="AA396">
        <v>1.7015268834715758E-2</v>
      </c>
      <c r="AB396">
        <v>8.1468868995980177</v>
      </c>
      <c r="AC396">
        <v>1</v>
      </c>
      <c r="AD396">
        <v>1</v>
      </c>
      <c r="AE396">
        <v>0</v>
      </c>
      <c r="AF396">
        <v>0</v>
      </c>
      <c r="AG396">
        <v>8.1469986973899946</v>
      </c>
      <c r="AH396">
        <v>7.0340693750911834E-3</v>
      </c>
      <c r="AI396">
        <v>2.4004460101630001E-2</v>
      </c>
      <c r="AJ396">
        <v>2.390382741657673E-2</v>
      </c>
      <c r="AK396">
        <v>2.9100753150105838E-3</v>
      </c>
      <c r="AL396">
        <v>4045.3459684241379</v>
      </c>
      <c r="AM396">
        <v>7735.5003067516309</v>
      </c>
      <c r="AN396">
        <v>442729</v>
      </c>
      <c r="AO396">
        <v>104.1464919461807</v>
      </c>
      <c r="AP396">
        <v>3701.3519403909222</v>
      </c>
      <c r="AQ396">
        <v>1.006655092592593</v>
      </c>
      <c r="AR396">
        <v>4.0037615740740744</v>
      </c>
      <c r="AS396">
        <v>3439</v>
      </c>
      <c r="AT396">
        <v>290.22222222222217</v>
      </c>
      <c r="AU396">
        <v>1.877382897603486E-2</v>
      </c>
      <c r="AV396">
        <v>7.0369034912349197E-3</v>
      </c>
      <c r="AW396">
        <v>0.36834490740740738</v>
      </c>
      <c r="AX396">
        <v>86.082778581765552</v>
      </c>
      <c r="AY396">
        <v>66</v>
      </c>
      <c r="AZ396">
        <v>132</v>
      </c>
      <c r="BA396">
        <v>0.58617051120013974</v>
      </c>
      <c r="BB396">
        <v>0.49537037037037029</v>
      </c>
      <c r="BC396">
        <v>5.3328719945910388</v>
      </c>
      <c r="BD396" t="s">
        <v>1575</v>
      </c>
      <c r="BE396" t="s">
        <v>62</v>
      </c>
    </row>
    <row r="397" spans="1:57" x14ac:dyDescent="0.3">
      <c r="A397" t="s">
        <v>1576</v>
      </c>
      <c r="B397">
        <v>670</v>
      </c>
      <c r="C397" t="s">
        <v>1577</v>
      </c>
      <c r="D397" t="s">
        <v>1578</v>
      </c>
      <c r="E397" t="s">
        <v>66</v>
      </c>
      <c r="F397">
        <v>70</v>
      </c>
      <c r="G397">
        <v>111.3428571428571</v>
      </c>
      <c r="H397">
        <v>106.5</v>
      </c>
      <c r="I397">
        <v>4861.1967346938764</v>
      </c>
      <c r="J397">
        <v>69.72228291367027</v>
      </c>
      <c r="K397">
        <v>0.29764988191473002</v>
      </c>
      <c r="L397">
        <v>-0.92136679352321948</v>
      </c>
      <c r="M397">
        <v>5.8613560526283504</v>
      </c>
      <c r="N397">
        <v>3</v>
      </c>
      <c r="O397">
        <v>1</v>
      </c>
      <c r="P397">
        <v>2</v>
      </c>
      <c r="Q397">
        <v>0.39819533775380711</v>
      </c>
      <c r="R397">
        <v>4.0627824221373086</v>
      </c>
      <c r="S397">
        <v>2</v>
      </c>
      <c r="T397">
        <v>1</v>
      </c>
      <c r="U397">
        <v>1</v>
      </c>
      <c r="V397">
        <v>0.1203728348804772</v>
      </c>
      <c r="W397">
        <v>4.2140152819723324</v>
      </c>
      <c r="X397">
        <v>1</v>
      </c>
      <c r="Y397">
        <v>1</v>
      </c>
      <c r="Z397">
        <v>0</v>
      </c>
      <c r="AA397">
        <v>0</v>
      </c>
      <c r="AB397">
        <v>4.2195077051761087</v>
      </c>
      <c r="AC397">
        <v>1</v>
      </c>
      <c r="AD397">
        <v>1</v>
      </c>
      <c r="AE397">
        <v>0</v>
      </c>
      <c r="AF397">
        <v>0</v>
      </c>
      <c r="AG397">
        <v>4.2046926193909648</v>
      </c>
      <c r="AH397">
        <v>-9.1785588220462927E-2</v>
      </c>
      <c r="AI397">
        <v>0.1192082181013772</v>
      </c>
      <c r="AJ397">
        <v>-7.1561917517964924E-2</v>
      </c>
      <c r="AK397">
        <v>-0.1067585560402145</v>
      </c>
      <c r="AL397">
        <v>618.92320015547728</v>
      </c>
      <c r="AM397">
        <v>908.30835750272752</v>
      </c>
      <c r="AN397">
        <v>7794</v>
      </c>
      <c r="AO397">
        <v>64.789696760805896</v>
      </c>
      <c r="AP397">
        <v>452.95603549314762</v>
      </c>
      <c r="AQ397">
        <v>1.328571428571429</v>
      </c>
      <c r="AR397">
        <v>3.6</v>
      </c>
      <c r="AS397">
        <v>68</v>
      </c>
      <c r="AT397">
        <v>8.4285714285714306</v>
      </c>
      <c r="AU397">
        <v>0.1588235294117647</v>
      </c>
      <c r="AV397">
        <v>-9.2328139011541091E-2</v>
      </c>
      <c r="AW397">
        <v>0.45714285714285707</v>
      </c>
      <c r="AX397">
        <v>84.014492753623188</v>
      </c>
      <c r="AY397">
        <v>55</v>
      </c>
      <c r="AZ397">
        <v>106.5</v>
      </c>
      <c r="BA397">
        <v>0.62619448344327933</v>
      </c>
      <c r="BB397">
        <v>0.44285714285714278</v>
      </c>
      <c r="BC397">
        <v>3.9854285266667779</v>
      </c>
      <c r="BD397" t="s">
        <v>1579</v>
      </c>
      <c r="BE397" t="s">
        <v>68</v>
      </c>
    </row>
    <row r="398" spans="1:57" x14ac:dyDescent="0.3">
      <c r="A398" t="s">
        <v>1580</v>
      </c>
      <c r="B398">
        <v>3622</v>
      </c>
      <c r="C398" t="s">
        <v>1581</v>
      </c>
      <c r="D398" t="s">
        <v>1582</v>
      </c>
      <c r="E398" t="s">
        <v>115</v>
      </c>
      <c r="F398">
        <v>3706</v>
      </c>
      <c r="G398">
        <v>127.59686994063679</v>
      </c>
      <c r="H398">
        <v>128</v>
      </c>
      <c r="I398">
        <v>5515.6917764952268</v>
      </c>
      <c r="J398">
        <v>74.267703455103728</v>
      </c>
      <c r="K398">
        <v>-1.535998731684949E-4</v>
      </c>
      <c r="L398">
        <v>-1.207595998180828</v>
      </c>
      <c r="M398">
        <v>7.950408020447628</v>
      </c>
      <c r="N398">
        <v>26</v>
      </c>
      <c r="O398">
        <v>6</v>
      </c>
      <c r="P398">
        <v>20</v>
      </c>
      <c r="Q398">
        <v>3.7405398251580948</v>
      </c>
      <c r="R398">
        <v>5.5108029036744508</v>
      </c>
      <c r="S398">
        <v>3</v>
      </c>
      <c r="T398">
        <v>1</v>
      </c>
      <c r="U398">
        <v>2</v>
      </c>
      <c r="V398">
        <v>0.17154324041865751</v>
      </c>
      <c r="W398">
        <v>8.1778683881471625</v>
      </c>
      <c r="X398">
        <v>1</v>
      </c>
      <c r="Y398">
        <v>1</v>
      </c>
      <c r="Z398">
        <v>0</v>
      </c>
      <c r="AA398">
        <v>0</v>
      </c>
      <c r="AB398">
        <v>8.2171685957660721</v>
      </c>
      <c r="AC398">
        <v>1</v>
      </c>
      <c r="AD398">
        <v>1</v>
      </c>
      <c r="AE398">
        <v>0</v>
      </c>
      <c r="AF398">
        <v>0</v>
      </c>
      <c r="AG398">
        <v>8.2168985809136146</v>
      </c>
      <c r="AH398">
        <v>-5.4408533422248681E-3</v>
      </c>
      <c r="AI398">
        <v>1.1913044653383239E-2</v>
      </c>
      <c r="AJ398">
        <v>-3.0376169214775881E-4</v>
      </c>
      <c r="AK398">
        <v>-1.418463555577671E-2</v>
      </c>
      <c r="AL398">
        <v>4134.0162758137358</v>
      </c>
      <c r="AM398">
        <v>7980.4953124043104</v>
      </c>
      <c r="AN398">
        <v>472874</v>
      </c>
      <c r="AO398">
        <v>53.617065048696908</v>
      </c>
      <c r="AP398">
        <v>3794.200140135838</v>
      </c>
      <c r="AQ398">
        <v>1.0062061521856449</v>
      </c>
      <c r="AR398">
        <v>4.000269832703724</v>
      </c>
      <c r="AS398">
        <v>3686</v>
      </c>
      <c r="AT398">
        <v>247.4247166756611</v>
      </c>
      <c r="AU398">
        <v>1.1872638963842389E-2</v>
      </c>
      <c r="AV398">
        <v>-5.4415850324125541E-3</v>
      </c>
      <c r="AW398">
        <v>0.36535348084187802</v>
      </c>
      <c r="AX398">
        <v>86.055060728744934</v>
      </c>
      <c r="AY398">
        <v>64</v>
      </c>
      <c r="AZ398">
        <v>129</v>
      </c>
      <c r="BA398">
        <v>0.58204957135434476</v>
      </c>
      <c r="BB398">
        <v>0.50242849433351322</v>
      </c>
      <c r="BC398">
        <v>5.3302375752817799</v>
      </c>
      <c r="BD398" t="s">
        <v>1583</v>
      </c>
      <c r="BE398" t="s">
        <v>68</v>
      </c>
    </row>
    <row r="399" spans="1:57" x14ac:dyDescent="0.3">
      <c r="A399" t="s">
        <v>1584</v>
      </c>
      <c r="B399">
        <v>643</v>
      </c>
      <c r="C399" t="s">
        <v>1585</v>
      </c>
      <c r="D399" t="s">
        <v>1586</v>
      </c>
      <c r="E399" t="s">
        <v>72</v>
      </c>
      <c r="F399">
        <v>656</v>
      </c>
      <c r="G399">
        <v>129.52591463414629</v>
      </c>
      <c r="H399">
        <v>129.5</v>
      </c>
      <c r="I399">
        <v>5382.7249381878346</v>
      </c>
      <c r="J399">
        <v>73.367056218631504</v>
      </c>
      <c r="K399">
        <v>1.6902999735089179E-2</v>
      </c>
      <c r="L399">
        <v>-1.172760215115275</v>
      </c>
      <c r="M399">
        <v>7.704842747566139</v>
      </c>
      <c r="N399">
        <v>8</v>
      </c>
      <c r="O399">
        <v>1</v>
      </c>
      <c r="P399">
        <v>7</v>
      </c>
      <c r="Q399">
        <v>1.4463305441477829</v>
      </c>
      <c r="R399">
        <v>5.3405900271332136</v>
      </c>
      <c r="S399">
        <v>2</v>
      </c>
      <c r="T399">
        <v>1</v>
      </c>
      <c r="U399">
        <v>1</v>
      </c>
      <c r="V399">
        <v>6.7676108812607993E-2</v>
      </c>
      <c r="W399">
        <v>6.4782857958133304</v>
      </c>
      <c r="X399">
        <v>1</v>
      </c>
      <c r="Y399">
        <v>1</v>
      </c>
      <c r="Z399">
        <v>0</v>
      </c>
      <c r="AA399">
        <v>0</v>
      </c>
      <c r="AB399">
        <v>6.4831073514571997</v>
      </c>
      <c r="AC399">
        <v>1</v>
      </c>
      <c r="AD399">
        <v>1</v>
      </c>
      <c r="AE399">
        <v>0</v>
      </c>
      <c r="AF399">
        <v>0</v>
      </c>
      <c r="AG399">
        <v>6.481577129276431</v>
      </c>
      <c r="AH399">
        <v>-1.5672985192786371E-2</v>
      </c>
      <c r="AI399">
        <v>-3.4665805188572547E-2</v>
      </c>
      <c r="AJ399">
        <v>-1.2106324595067099E-3</v>
      </c>
      <c r="AK399">
        <v>6.7486735516993374E-3</v>
      </c>
      <c r="AL399">
        <v>1777.7110505212311</v>
      </c>
      <c r="AM399">
        <v>3372.9065241798062</v>
      </c>
      <c r="AN399">
        <v>84969</v>
      </c>
      <c r="AO399">
        <v>232.89730450314701</v>
      </c>
      <c r="AP399">
        <v>1532.4560907478819</v>
      </c>
      <c r="AQ399">
        <v>1.035060975609756</v>
      </c>
      <c r="AR399">
        <v>4.0625</v>
      </c>
      <c r="AS399">
        <v>655</v>
      </c>
      <c r="AT399">
        <v>180.6280487804878</v>
      </c>
      <c r="AU399">
        <v>2.4252749880439989E-2</v>
      </c>
      <c r="AV399">
        <v>-1.5679766659001351E-2</v>
      </c>
      <c r="AW399">
        <v>0.37804878048780488</v>
      </c>
      <c r="AX399">
        <v>85.297709923664115</v>
      </c>
      <c r="AY399">
        <v>62</v>
      </c>
      <c r="AZ399">
        <v>124.25</v>
      </c>
      <c r="BA399">
        <v>0.56642762512707301</v>
      </c>
      <c r="BB399">
        <v>0.5</v>
      </c>
      <c r="BC399">
        <v>5.1724731834488944</v>
      </c>
      <c r="BD399" t="s">
        <v>1587</v>
      </c>
      <c r="BE399" t="s">
        <v>62</v>
      </c>
    </row>
    <row r="400" spans="1:57" x14ac:dyDescent="0.3">
      <c r="A400" t="s">
        <v>1588</v>
      </c>
      <c r="B400">
        <v>954</v>
      </c>
      <c r="C400" t="s">
        <v>1589</v>
      </c>
      <c r="D400" t="s">
        <v>1590</v>
      </c>
      <c r="E400" t="s">
        <v>10622</v>
      </c>
      <c r="F400">
        <v>64</v>
      </c>
      <c r="G400">
        <v>133.71875</v>
      </c>
      <c r="H400">
        <v>122</v>
      </c>
      <c r="I400">
        <v>6055.8896484375</v>
      </c>
      <c r="J400">
        <v>77.819596814925092</v>
      </c>
      <c r="K400">
        <v>-1.7761980578900001E-2</v>
      </c>
      <c r="L400">
        <v>-1.338252040396088</v>
      </c>
      <c r="M400">
        <v>5.706954882778696</v>
      </c>
      <c r="N400">
        <v>3</v>
      </c>
      <c r="O400">
        <v>1</v>
      </c>
      <c r="P400">
        <v>2</v>
      </c>
      <c r="Q400">
        <v>0.41620084153671261</v>
      </c>
      <c r="R400">
        <v>3.9557596865808669</v>
      </c>
      <c r="S400">
        <v>1</v>
      </c>
      <c r="T400">
        <v>1</v>
      </c>
      <c r="U400">
        <v>0</v>
      </c>
      <c r="V400">
        <v>0</v>
      </c>
      <c r="W400">
        <v>4.1431347263915326</v>
      </c>
      <c r="X400">
        <v>1</v>
      </c>
      <c r="Y400">
        <v>1</v>
      </c>
      <c r="Z400">
        <v>0</v>
      </c>
      <c r="AA400">
        <v>0</v>
      </c>
      <c r="AB400">
        <v>4.1271343850450908</v>
      </c>
      <c r="AC400">
        <v>1</v>
      </c>
      <c r="AD400">
        <v>1</v>
      </c>
      <c r="AE400">
        <v>0</v>
      </c>
      <c r="AF400">
        <v>0</v>
      </c>
      <c r="AG400">
        <v>4.1108738641733096</v>
      </c>
      <c r="AH400">
        <v>-0.12893573318345991</v>
      </c>
      <c r="AI400">
        <v>-0.10853135953974299</v>
      </c>
      <c r="AJ400">
        <v>-6.2151180648648628E-2</v>
      </c>
      <c r="AK400">
        <v>-4.5067609358528979E-2</v>
      </c>
      <c r="AL400">
        <v>700.76871099051925</v>
      </c>
      <c r="AM400">
        <v>1020.228020442825</v>
      </c>
      <c r="AN400">
        <v>8558</v>
      </c>
      <c r="AO400">
        <v>100.9244390114205</v>
      </c>
      <c r="AP400">
        <v>545.12700870088588</v>
      </c>
      <c r="AQ400">
        <v>1.359375</v>
      </c>
      <c r="AR400">
        <v>4.140625</v>
      </c>
      <c r="AS400">
        <v>63</v>
      </c>
      <c r="AT400">
        <v>8.1875000000000036</v>
      </c>
      <c r="AU400">
        <v>0.1106150793650794</v>
      </c>
      <c r="AV400">
        <v>-0.13357692905314481</v>
      </c>
      <c r="AW400">
        <v>0.4375</v>
      </c>
      <c r="AX400">
        <v>96.285714285714292</v>
      </c>
      <c r="AY400">
        <v>73</v>
      </c>
      <c r="AZ400">
        <v>143.5</v>
      </c>
      <c r="BA400">
        <v>0.58196473430184692</v>
      </c>
      <c r="BB400">
        <v>0.453125</v>
      </c>
      <c r="BC400">
        <v>4.0028011659076608</v>
      </c>
      <c r="BD400" t="s">
        <v>1591</v>
      </c>
      <c r="BE400" t="s">
        <v>62</v>
      </c>
    </row>
    <row r="401" spans="1:57" x14ac:dyDescent="0.3">
      <c r="A401" t="s">
        <v>1592</v>
      </c>
      <c r="B401">
        <v>2229</v>
      </c>
      <c r="C401" t="s">
        <v>1593</v>
      </c>
      <c r="D401" t="s">
        <v>1594</v>
      </c>
      <c r="E401" t="s">
        <v>98</v>
      </c>
      <c r="F401">
        <v>16</v>
      </c>
      <c r="G401">
        <v>120.6875</v>
      </c>
      <c r="H401">
        <v>104.5</v>
      </c>
      <c r="I401">
        <v>4678.83984375</v>
      </c>
      <c r="J401">
        <v>68.40204561085875</v>
      </c>
      <c r="K401">
        <v>8.7294750316134928E-2</v>
      </c>
      <c r="L401">
        <v>-0.93085913772395346</v>
      </c>
      <c r="M401">
        <v>4</v>
      </c>
      <c r="N401">
        <v>1</v>
      </c>
      <c r="O401">
        <v>1</v>
      </c>
      <c r="P401">
        <v>0</v>
      </c>
      <c r="Q401">
        <v>0</v>
      </c>
      <c r="R401">
        <v>2.7725887222397811</v>
      </c>
      <c r="S401">
        <v>1</v>
      </c>
      <c r="T401">
        <v>1</v>
      </c>
      <c r="U401">
        <v>0</v>
      </c>
      <c r="V401">
        <v>0</v>
      </c>
      <c r="W401">
        <v>2.7080502011022101</v>
      </c>
      <c r="X401">
        <v>1</v>
      </c>
      <c r="Y401">
        <v>1</v>
      </c>
      <c r="Z401">
        <v>0</v>
      </c>
      <c r="AA401">
        <v>0</v>
      </c>
      <c r="AB401">
        <v>2.639057329615258</v>
      </c>
      <c r="AC401">
        <v>1</v>
      </c>
      <c r="AD401">
        <v>1</v>
      </c>
      <c r="AE401">
        <v>0</v>
      </c>
      <c r="AF401">
        <v>0</v>
      </c>
      <c r="AG401">
        <v>2.5649493574615372</v>
      </c>
      <c r="AH401">
        <v>0.28318939031527413</v>
      </c>
      <c r="AI401">
        <v>-5.5779093541985488E-3</v>
      </c>
      <c r="AJ401">
        <v>0.15292602040603351</v>
      </c>
      <c r="AK401">
        <v>-0.23516665790047109</v>
      </c>
      <c r="AL401">
        <v>362.62118348575223</v>
      </c>
      <c r="AM401">
        <v>420.01771068300502</v>
      </c>
      <c r="AN401">
        <v>1931</v>
      </c>
      <c r="AO401">
        <v>108.4773685178059</v>
      </c>
      <c r="AP401">
        <v>283.08506738271052</v>
      </c>
      <c r="AQ401">
        <v>2.25</v>
      </c>
      <c r="AR401">
        <v>3.375</v>
      </c>
      <c r="AS401">
        <v>16</v>
      </c>
      <c r="AT401">
        <v>0</v>
      </c>
      <c r="AU401">
        <v>0.13567073170731711</v>
      </c>
      <c r="AV401">
        <v>0.29210380464746838</v>
      </c>
      <c r="AW401">
        <v>0.4375</v>
      </c>
      <c r="AX401">
        <v>68.666666666666671</v>
      </c>
      <c r="AY401">
        <v>57</v>
      </c>
      <c r="AZ401">
        <v>94.25</v>
      </c>
      <c r="BA401">
        <v>0.56676992738153287</v>
      </c>
      <c r="BB401">
        <v>0.4375</v>
      </c>
      <c r="BC401">
        <v>2.7080502011022101</v>
      </c>
      <c r="BD401" t="s">
        <v>1593</v>
      </c>
      <c r="BE401" t="s">
        <v>62</v>
      </c>
    </row>
    <row r="402" spans="1:57" x14ac:dyDescent="0.3">
      <c r="A402" t="s">
        <v>1595</v>
      </c>
      <c r="B402">
        <v>3565</v>
      </c>
      <c r="C402" t="s">
        <v>1596</v>
      </c>
      <c r="D402" t="s">
        <v>1597</v>
      </c>
      <c r="E402" t="s">
        <v>72</v>
      </c>
      <c r="F402">
        <v>3576</v>
      </c>
      <c r="G402">
        <v>127.211129753915</v>
      </c>
      <c r="H402">
        <v>126</v>
      </c>
      <c r="I402">
        <v>5476.4646524149321</v>
      </c>
      <c r="J402">
        <v>74.003139476747421</v>
      </c>
      <c r="K402">
        <v>1.518681113731373E-2</v>
      </c>
      <c r="L402">
        <v>-1.2242444313646479</v>
      </c>
      <c r="M402">
        <v>7.9441584570606727</v>
      </c>
      <c r="N402">
        <v>26</v>
      </c>
      <c r="O402">
        <v>6</v>
      </c>
      <c r="P402">
        <v>20</v>
      </c>
      <c r="Q402">
        <v>3.921968375382443</v>
      </c>
      <c r="R402">
        <v>5.5064710364330498</v>
      </c>
      <c r="S402">
        <v>3</v>
      </c>
      <c r="T402">
        <v>1</v>
      </c>
      <c r="U402">
        <v>2</v>
      </c>
      <c r="V402">
        <v>0.21213497607817999</v>
      </c>
      <c r="W402">
        <v>8.1284851181545346</v>
      </c>
      <c r="X402">
        <v>3</v>
      </c>
      <c r="Y402">
        <v>1</v>
      </c>
      <c r="Z402">
        <v>2</v>
      </c>
      <c r="AA402">
        <v>0.1085539238140501</v>
      </c>
      <c r="AB402">
        <v>8.1701845013883094</v>
      </c>
      <c r="AC402">
        <v>3</v>
      </c>
      <c r="AD402">
        <v>1</v>
      </c>
      <c r="AE402">
        <v>2</v>
      </c>
      <c r="AF402">
        <v>9.6205960725460449E-2</v>
      </c>
      <c r="AG402">
        <v>8.1721343619567666</v>
      </c>
      <c r="AH402">
        <v>1.268981941622508E-2</v>
      </c>
      <c r="AI402">
        <v>-1.0404326948944319E-2</v>
      </c>
      <c r="AJ402">
        <v>-1.5751634671715589E-3</v>
      </c>
      <c r="AK402">
        <v>1.277845029656143E-2</v>
      </c>
      <c r="AL402">
        <v>4060.1789926793558</v>
      </c>
      <c r="AM402">
        <v>7808.2019407418802</v>
      </c>
      <c r="AN402">
        <v>454907</v>
      </c>
      <c r="AO402">
        <v>68.075997744389355</v>
      </c>
      <c r="AP402">
        <v>3712.1378755516112</v>
      </c>
      <c r="AQ402">
        <v>1.006431767337808</v>
      </c>
      <c r="AR402">
        <v>4.0145413870246083</v>
      </c>
      <c r="AS402">
        <v>3570</v>
      </c>
      <c r="AT402">
        <v>281.89709172259512</v>
      </c>
      <c r="AU402">
        <v>1.227464140018422E-2</v>
      </c>
      <c r="AV402">
        <v>1.269196153569375E-2</v>
      </c>
      <c r="AW402">
        <v>0.37779642058165552</v>
      </c>
      <c r="AX402">
        <v>84.915524475524478</v>
      </c>
      <c r="AY402">
        <v>65</v>
      </c>
      <c r="AZ402">
        <v>129</v>
      </c>
      <c r="BA402">
        <v>0.58173478704185422</v>
      </c>
      <c r="BB402">
        <v>0.49524608501118572</v>
      </c>
      <c r="BC402">
        <v>5.3128773451850808</v>
      </c>
      <c r="BD402" t="s">
        <v>1598</v>
      </c>
      <c r="BE402" t="s">
        <v>68</v>
      </c>
    </row>
    <row r="403" spans="1:57" x14ac:dyDescent="0.3">
      <c r="A403" t="s">
        <v>1599</v>
      </c>
      <c r="B403">
        <v>1612</v>
      </c>
      <c r="C403" t="s">
        <v>1600</v>
      </c>
      <c r="D403" t="s">
        <v>1601</v>
      </c>
      <c r="E403" t="s">
        <v>98</v>
      </c>
      <c r="F403">
        <v>16</v>
      </c>
      <c r="G403">
        <v>127.3125</v>
      </c>
      <c r="H403">
        <v>142</v>
      </c>
      <c r="I403">
        <v>6604.71484375</v>
      </c>
      <c r="J403">
        <v>81.269396723182339</v>
      </c>
      <c r="K403">
        <v>-0.15077797083443659</v>
      </c>
      <c r="L403">
        <v>-1.745421314572742</v>
      </c>
      <c r="M403">
        <v>3.75</v>
      </c>
      <c r="N403">
        <v>2</v>
      </c>
      <c r="O403">
        <v>1</v>
      </c>
      <c r="P403">
        <v>1</v>
      </c>
      <c r="Q403">
        <v>0.3499271061118826</v>
      </c>
      <c r="R403">
        <v>2.5993019270997948</v>
      </c>
      <c r="S403">
        <v>1</v>
      </c>
      <c r="T403">
        <v>1</v>
      </c>
      <c r="U403">
        <v>0</v>
      </c>
      <c r="V403">
        <v>0</v>
      </c>
      <c r="W403">
        <v>2.7080502011022101</v>
      </c>
      <c r="X403">
        <v>1</v>
      </c>
      <c r="Y403">
        <v>1</v>
      </c>
      <c r="Z403">
        <v>0</v>
      </c>
      <c r="AA403">
        <v>0</v>
      </c>
      <c r="AB403">
        <v>2.639057329615258</v>
      </c>
      <c r="AC403">
        <v>1</v>
      </c>
      <c r="AD403">
        <v>1</v>
      </c>
      <c r="AE403">
        <v>0</v>
      </c>
      <c r="AF403">
        <v>0</v>
      </c>
      <c r="AG403">
        <v>2.5649493574615372</v>
      </c>
      <c r="AH403">
        <v>-0.16354531445635129</v>
      </c>
      <c r="AI403">
        <v>-0.18964028715282111</v>
      </c>
      <c r="AJ403">
        <v>5.0290704379624641E-3</v>
      </c>
      <c r="AK403">
        <v>6.6656779869021122E-3</v>
      </c>
      <c r="AL403">
        <v>424.38601604331478</v>
      </c>
      <c r="AM403">
        <v>430.00873175655789</v>
      </c>
      <c r="AN403">
        <v>2037</v>
      </c>
      <c r="AO403">
        <v>73</v>
      </c>
      <c r="AP403">
        <v>329.82974764688743</v>
      </c>
      <c r="AQ403">
        <v>2.3125</v>
      </c>
      <c r="AR403">
        <v>3.5625</v>
      </c>
      <c r="AS403">
        <v>16</v>
      </c>
      <c r="AT403">
        <v>1.5</v>
      </c>
      <c r="AU403">
        <v>0.3616071428571429</v>
      </c>
      <c r="AV403">
        <v>-0.17081073652156409</v>
      </c>
      <c r="AW403">
        <v>0.375</v>
      </c>
      <c r="AX403">
        <v>103.4</v>
      </c>
      <c r="AY403">
        <v>68</v>
      </c>
      <c r="AZ403">
        <v>158.25</v>
      </c>
      <c r="BA403">
        <v>0.6383457769125761</v>
      </c>
      <c r="BB403">
        <v>0.5</v>
      </c>
      <c r="BC403">
        <v>2.7080502011022101</v>
      </c>
      <c r="BD403" t="s">
        <v>1600</v>
      </c>
      <c r="BE403" t="s">
        <v>62</v>
      </c>
    </row>
    <row r="404" spans="1:57" x14ac:dyDescent="0.3">
      <c r="A404" t="s">
        <v>1602</v>
      </c>
      <c r="B404">
        <v>3603</v>
      </c>
      <c r="C404" t="s">
        <v>1603</v>
      </c>
      <c r="D404" t="s">
        <v>1604</v>
      </c>
      <c r="E404" t="s">
        <v>85</v>
      </c>
      <c r="F404">
        <v>8</v>
      </c>
      <c r="G404">
        <v>137.5</v>
      </c>
      <c r="H404">
        <v>116</v>
      </c>
      <c r="I404">
        <v>2718</v>
      </c>
      <c r="J404">
        <v>52.134441590948299</v>
      </c>
      <c r="K404">
        <v>0.80402956608264431</v>
      </c>
      <c r="L404">
        <v>-0.62201145640948186</v>
      </c>
      <c r="M404">
        <v>2.75</v>
      </c>
      <c r="N404">
        <v>2</v>
      </c>
      <c r="O404">
        <v>1</v>
      </c>
      <c r="P404">
        <v>1</v>
      </c>
      <c r="Q404">
        <v>0.3499271061118826</v>
      </c>
      <c r="R404">
        <v>1.9061547465398501</v>
      </c>
      <c r="S404">
        <v>1</v>
      </c>
      <c r="T404">
        <v>1</v>
      </c>
      <c r="U404">
        <v>0</v>
      </c>
      <c r="V404">
        <v>0</v>
      </c>
      <c r="W404">
        <v>1.945910149055313</v>
      </c>
      <c r="X404">
        <v>1</v>
      </c>
      <c r="Y404">
        <v>1</v>
      </c>
      <c r="Z404">
        <v>0</v>
      </c>
      <c r="AA404">
        <v>0</v>
      </c>
      <c r="AB404">
        <v>1.791759469228055</v>
      </c>
      <c r="AC404">
        <v>1</v>
      </c>
      <c r="AD404">
        <v>1</v>
      </c>
      <c r="AE404">
        <v>0</v>
      </c>
      <c r="AF404">
        <v>0</v>
      </c>
      <c r="AG404">
        <v>1.6094379124341009</v>
      </c>
      <c r="AH404">
        <v>6.8996044885945546E-2</v>
      </c>
      <c r="AI404">
        <v>-0.47077354672553351</v>
      </c>
      <c r="AJ404">
        <v>0.1152386865342163</v>
      </c>
      <c r="AK404">
        <v>0</v>
      </c>
      <c r="AL404">
        <v>268.13038433641191</v>
      </c>
      <c r="AM404">
        <v>317.96241443857491</v>
      </c>
      <c r="AN404">
        <v>1100</v>
      </c>
      <c r="AO404">
        <v>40</v>
      </c>
      <c r="AP404">
        <v>165.13426954639161</v>
      </c>
      <c r="AQ404">
        <v>3.5</v>
      </c>
      <c r="AR404">
        <v>3.875</v>
      </c>
      <c r="AS404">
        <v>8</v>
      </c>
      <c r="AT404">
        <v>0.74999999999999989</v>
      </c>
      <c r="AU404">
        <v>0.44012605042016811</v>
      </c>
      <c r="AV404">
        <v>7.1377797186562772E-2</v>
      </c>
      <c r="AW404">
        <v>0.625</v>
      </c>
      <c r="AX404">
        <v>58.428571428571431</v>
      </c>
      <c r="AY404">
        <v>21.5</v>
      </c>
      <c r="AZ404">
        <v>56</v>
      </c>
      <c r="BA404">
        <v>0.37915957520689669</v>
      </c>
      <c r="BB404">
        <v>0.375</v>
      </c>
      <c r="BC404">
        <v>1.945910149055313</v>
      </c>
      <c r="BD404" t="s">
        <v>1603</v>
      </c>
      <c r="BE404" t="s">
        <v>68</v>
      </c>
    </row>
    <row r="405" spans="1:57" x14ac:dyDescent="0.3">
      <c r="A405" t="s">
        <v>1605</v>
      </c>
      <c r="B405">
        <v>633</v>
      </c>
      <c r="C405" t="s">
        <v>1606</v>
      </c>
      <c r="D405" t="s">
        <v>1607</v>
      </c>
      <c r="E405" t="s">
        <v>98</v>
      </c>
      <c r="F405">
        <v>16</v>
      </c>
      <c r="G405">
        <v>132.375</v>
      </c>
      <c r="H405">
        <v>159</v>
      </c>
      <c r="I405">
        <v>5772.359375</v>
      </c>
      <c r="J405">
        <v>75.976044744379791</v>
      </c>
      <c r="K405">
        <v>-0.22205736362042819</v>
      </c>
      <c r="L405">
        <v>-1.23306693292765</v>
      </c>
      <c r="M405">
        <v>4</v>
      </c>
      <c r="N405">
        <v>1</v>
      </c>
      <c r="O405">
        <v>1</v>
      </c>
      <c r="P405">
        <v>0</v>
      </c>
      <c r="Q405">
        <v>0</v>
      </c>
      <c r="R405">
        <v>2.7725887222397811</v>
      </c>
      <c r="S405">
        <v>1</v>
      </c>
      <c r="T405">
        <v>1</v>
      </c>
      <c r="U405">
        <v>0</v>
      </c>
      <c r="V405">
        <v>0</v>
      </c>
      <c r="W405">
        <v>2.7080502011022101</v>
      </c>
      <c r="X405">
        <v>1</v>
      </c>
      <c r="Y405">
        <v>1</v>
      </c>
      <c r="Z405">
        <v>0</v>
      </c>
      <c r="AA405">
        <v>0</v>
      </c>
      <c r="AB405">
        <v>2.639057329615258</v>
      </c>
      <c r="AC405">
        <v>1</v>
      </c>
      <c r="AD405">
        <v>1</v>
      </c>
      <c r="AE405">
        <v>0</v>
      </c>
      <c r="AF405">
        <v>0</v>
      </c>
      <c r="AG405">
        <v>2.5649493574615372</v>
      </c>
      <c r="AH405">
        <v>3.3361947156573223E-2</v>
      </c>
      <c r="AI405">
        <v>-0.32050809217418141</v>
      </c>
      <c r="AJ405">
        <v>-0.2364509543054048</v>
      </c>
      <c r="AK405">
        <v>-7.9437364487549775E-2</v>
      </c>
      <c r="AL405">
        <v>395.63035030113588</v>
      </c>
      <c r="AM405">
        <v>464.97809187165001</v>
      </c>
      <c r="AN405">
        <v>2118</v>
      </c>
      <c r="AO405">
        <v>66</v>
      </c>
      <c r="AP405">
        <v>241.20530674095869</v>
      </c>
      <c r="AQ405">
        <v>2.3125</v>
      </c>
      <c r="AR405">
        <v>3.75</v>
      </c>
      <c r="AS405">
        <v>16</v>
      </c>
      <c r="AT405">
        <v>0</v>
      </c>
      <c r="AU405">
        <v>0.1687992125984252</v>
      </c>
      <c r="AV405">
        <v>3.9461488460219879E-2</v>
      </c>
      <c r="AW405">
        <v>0.375</v>
      </c>
      <c r="AX405">
        <v>87.4</v>
      </c>
      <c r="AY405">
        <v>57</v>
      </c>
      <c r="AZ405">
        <v>128</v>
      </c>
      <c r="BA405">
        <v>0.5739455693626424</v>
      </c>
      <c r="BB405">
        <v>0.5625</v>
      </c>
      <c r="BC405">
        <v>2.7080502011022101</v>
      </c>
      <c r="BD405" t="s">
        <v>1606</v>
      </c>
      <c r="BE405" t="s">
        <v>62</v>
      </c>
    </row>
    <row r="406" spans="1:57" x14ac:dyDescent="0.3">
      <c r="A406" t="s">
        <v>1608</v>
      </c>
      <c r="B406">
        <v>2140</v>
      </c>
      <c r="C406" t="s">
        <v>1609</v>
      </c>
      <c r="D406" t="s">
        <v>1610</v>
      </c>
      <c r="E406" t="s">
        <v>93</v>
      </c>
      <c r="F406">
        <v>2140</v>
      </c>
      <c r="G406">
        <v>128.71355140186921</v>
      </c>
      <c r="H406">
        <v>127</v>
      </c>
      <c r="I406">
        <v>5289.3445827146479</v>
      </c>
      <c r="J406">
        <v>72.727880367261136</v>
      </c>
      <c r="K406">
        <v>2.9024793061539989E-2</v>
      </c>
      <c r="L406">
        <v>-1.188836943007614</v>
      </c>
      <c r="M406">
        <v>7.9024406535185241</v>
      </c>
      <c r="N406">
        <v>18</v>
      </c>
      <c r="O406">
        <v>1</v>
      </c>
      <c r="P406">
        <v>17</v>
      </c>
      <c r="Q406">
        <v>3.005813052965038</v>
      </c>
      <c r="R406">
        <v>5.4775544585286697</v>
      </c>
      <c r="S406">
        <v>2</v>
      </c>
      <c r="T406">
        <v>1</v>
      </c>
      <c r="U406">
        <v>1</v>
      </c>
      <c r="V406">
        <v>0.1164266988666261</v>
      </c>
      <c r="W406">
        <v>7.6492986943687669</v>
      </c>
      <c r="X406">
        <v>1</v>
      </c>
      <c r="Y406">
        <v>1</v>
      </c>
      <c r="Z406">
        <v>0</v>
      </c>
      <c r="AA406">
        <v>0</v>
      </c>
      <c r="AB406">
        <v>7.6676260915849888</v>
      </c>
      <c r="AC406">
        <v>1</v>
      </c>
      <c r="AD406">
        <v>1</v>
      </c>
      <c r="AE406">
        <v>0</v>
      </c>
      <c r="AF406">
        <v>0</v>
      </c>
      <c r="AG406">
        <v>7.6671582553191477</v>
      </c>
      <c r="AH406">
        <v>-4.2296237387025593E-2</v>
      </c>
      <c r="AI406">
        <v>-9.3221265147722006E-3</v>
      </c>
      <c r="AJ406">
        <v>-4.3149267814253871E-2</v>
      </c>
      <c r="AK406">
        <v>-2.3819981229318589E-3</v>
      </c>
      <c r="AL406">
        <v>3107.8613965083209</v>
      </c>
      <c r="AM406">
        <v>6092.1389133943203</v>
      </c>
      <c r="AN406">
        <v>275447</v>
      </c>
      <c r="AO406">
        <v>120.8168530811386</v>
      </c>
      <c r="AP406">
        <v>2874.019541512102</v>
      </c>
      <c r="AQ406">
        <v>1.0107476635514021</v>
      </c>
      <c r="AR406">
        <v>4.0233644859813076</v>
      </c>
      <c r="AS406">
        <v>2131</v>
      </c>
      <c r="AT406">
        <v>276.68785046728971</v>
      </c>
      <c r="AU406">
        <v>2.720359171706066E-2</v>
      </c>
      <c r="AV406">
        <v>-4.2313585893212713E-2</v>
      </c>
      <c r="AW406">
        <v>0.39345794392523359</v>
      </c>
      <c r="AX406">
        <v>86.27442730247779</v>
      </c>
      <c r="AY406">
        <v>62.5</v>
      </c>
      <c r="AZ406">
        <v>125.25</v>
      </c>
      <c r="BA406">
        <v>0.56503670029420849</v>
      </c>
      <c r="BB406">
        <v>0.49158878504672898</v>
      </c>
      <c r="BC406">
        <v>5.3018548809021926</v>
      </c>
      <c r="BD406" t="s">
        <v>1611</v>
      </c>
      <c r="BE406" t="s">
        <v>68</v>
      </c>
    </row>
    <row r="407" spans="1:57" x14ac:dyDescent="0.3">
      <c r="A407" t="s">
        <v>1612</v>
      </c>
      <c r="B407">
        <v>3354</v>
      </c>
      <c r="C407" t="s">
        <v>1613</v>
      </c>
      <c r="D407" t="s">
        <v>1614</v>
      </c>
      <c r="E407" t="s">
        <v>128</v>
      </c>
      <c r="F407">
        <v>32</v>
      </c>
      <c r="G407">
        <v>142.6875</v>
      </c>
      <c r="H407">
        <v>148.5</v>
      </c>
      <c r="I407">
        <v>4800.33984375</v>
      </c>
      <c r="J407">
        <v>69.284484870351747</v>
      </c>
      <c r="K407">
        <v>-0.19536484689267211</v>
      </c>
      <c r="L407">
        <v>-1.1455541181316891</v>
      </c>
      <c r="M407">
        <v>4.875</v>
      </c>
      <c r="N407">
        <v>2</v>
      </c>
      <c r="O407">
        <v>1</v>
      </c>
      <c r="P407">
        <v>1</v>
      </c>
      <c r="Q407">
        <v>0.24944382578492941</v>
      </c>
      <c r="R407">
        <v>3.3790925052297318</v>
      </c>
      <c r="S407">
        <v>1</v>
      </c>
      <c r="T407">
        <v>1</v>
      </c>
      <c r="U407">
        <v>0</v>
      </c>
      <c r="V407">
        <v>0</v>
      </c>
      <c r="W407">
        <v>3.4339872044851458</v>
      </c>
      <c r="X407">
        <v>1</v>
      </c>
      <c r="Y407">
        <v>1</v>
      </c>
      <c r="Z407">
        <v>0</v>
      </c>
      <c r="AA407">
        <v>0</v>
      </c>
      <c r="AB407">
        <v>3.401197381662155</v>
      </c>
      <c r="AC407">
        <v>1</v>
      </c>
      <c r="AD407">
        <v>1</v>
      </c>
      <c r="AE407">
        <v>0</v>
      </c>
      <c r="AF407">
        <v>0</v>
      </c>
      <c r="AG407">
        <v>3.3672958299864728</v>
      </c>
      <c r="AH407">
        <v>-0.15856362810412999</v>
      </c>
      <c r="AI407">
        <v>-6.7832569227276387E-2</v>
      </c>
      <c r="AJ407">
        <v>2.89400846050125E-2</v>
      </c>
      <c r="AK407">
        <v>7.807445883958411E-2</v>
      </c>
      <c r="AL407">
        <v>476.28667498631381</v>
      </c>
      <c r="AM407">
        <v>760.44263638389043</v>
      </c>
      <c r="AN407">
        <v>4566</v>
      </c>
      <c r="AO407">
        <v>37.468235834827993</v>
      </c>
      <c r="AP407">
        <v>299.73805151600629</v>
      </c>
      <c r="AQ407">
        <v>1.71875</v>
      </c>
      <c r="AR407">
        <v>4.3125</v>
      </c>
      <c r="AS407">
        <v>32</v>
      </c>
      <c r="AT407">
        <v>1.75</v>
      </c>
      <c r="AU407">
        <v>8.1074297188755029E-2</v>
      </c>
      <c r="AV407">
        <v>-0.16048241254700249</v>
      </c>
      <c r="AW407">
        <v>0.34375</v>
      </c>
      <c r="AX407">
        <v>91.354838709677423</v>
      </c>
      <c r="AY407">
        <v>60</v>
      </c>
      <c r="AZ407">
        <v>125.75</v>
      </c>
      <c r="BA407">
        <v>0.48556800609970557</v>
      </c>
      <c r="BB407">
        <v>0.53125</v>
      </c>
      <c r="BC407">
        <v>3.2551105127277409</v>
      </c>
      <c r="BD407" t="s">
        <v>1615</v>
      </c>
      <c r="BE407" t="s">
        <v>62</v>
      </c>
    </row>
    <row r="408" spans="1:57" x14ac:dyDescent="0.3">
      <c r="A408" t="s">
        <v>1616</v>
      </c>
      <c r="B408">
        <v>2270</v>
      </c>
      <c r="C408" t="s">
        <v>1617</v>
      </c>
      <c r="D408" t="s">
        <v>1618</v>
      </c>
      <c r="E408" t="s">
        <v>66</v>
      </c>
      <c r="F408">
        <v>70</v>
      </c>
      <c r="G408">
        <v>124.2</v>
      </c>
      <c r="H408">
        <v>125.5</v>
      </c>
      <c r="I408">
        <v>6039.7885714285721</v>
      </c>
      <c r="J408">
        <v>77.716076660035867</v>
      </c>
      <c r="K408">
        <v>5.4665121087089912E-3</v>
      </c>
      <c r="L408">
        <v>-1.233824016778569</v>
      </c>
      <c r="M408">
        <v>5.8721401598021146</v>
      </c>
      <c r="N408">
        <v>2</v>
      </c>
      <c r="O408">
        <v>1</v>
      </c>
      <c r="P408">
        <v>1</v>
      </c>
      <c r="Q408">
        <v>0.35464438775055629</v>
      </c>
      <c r="R408">
        <v>4.0702573956196586</v>
      </c>
      <c r="S408">
        <v>2</v>
      </c>
      <c r="T408">
        <v>1</v>
      </c>
      <c r="U408">
        <v>1</v>
      </c>
      <c r="V408">
        <v>0.1203728348804772</v>
      </c>
      <c r="W408">
        <v>4.2140152819723324</v>
      </c>
      <c r="X408">
        <v>1</v>
      </c>
      <c r="Y408">
        <v>1</v>
      </c>
      <c r="Z408">
        <v>0</v>
      </c>
      <c r="AA408">
        <v>0</v>
      </c>
      <c r="AB408">
        <v>4.2195077051761087</v>
      </c>
      <c r="AC408">
        <v>1</v>
      </c>
      <c r="AD408">
        <v>1</v>
      </c>
      <c r="AE408">
        <v>0</v>
      </c>
      <c r="AF408">
        <v>0</v>
      </c>
      <c r="AG408">
        <v>4.2046926193909648</v>
      </c>
      <c r="AH408">
        <v>9.4340010009811112E-2</v>
      </c>
      <c r="AI408">
        <v>4.8110293359370178E-2</v>
      </c>
      <c r="AJ408">
        <v>-0.1027325459831612</v>
      </c>
      <c r="AK408">
        <v>3.5504081032164791E-2</v>
      </c>
      <c r="AL408">
        <v>686.89397775538691</v>
      </c>
      <c r="AM408">
        <v>1015.261869333908</v>
      </c>
      <c r="AN408">
        <v>8694</v>
      </c>
      <c r="AO408">
        <v>54.282887285801458</v>
      </c>
      <c r="AP408">
        <v>487.49143108491751</v>
      </c>
      <c r="AQ408">
        <v>1.328571428571429</v>
      </c>
      <c r="AR408">
        <v>3.7</v>
      </c>
      <c r="AS408">
        <v>70</v>
      </c>
      <c r="AT408">
        <v>6.6857142857142868</v>
      </c>
      <c r="AU408">
        <v>7.7952755905511817E-2</v>
      </c>
      <c r="AV408">
        <v>9.5016999339798153E-2</v>
      </c>
      <c r="AW408">
        <v>0.35714285714285721</v>
      </c>
      <c r="AX408">
        <v>81.14492753623189</v>
      </c>
      <c r="AY408">
        <v>68.5</v>
      </c>
      <c r="AZ408">
        <v>139</v>
      </c>
      <c r="BA408">
        <v>0.62573330644151259</v>
      </c>
      <c r="BB408">
        <v>0.51428571428571423</v>
      </c>
      <c r="BC408">
        <v>3.909988245929259</v>
      </c>
      <c r="BD408" t="s">
        <v>1619</v>
      </c>
      <c r="BE408" t="s">
        <v>68</v>
      </c>
    </row>
    <row r="409" spans="1:57" x14ac:dyDescent="0.3">
      <c r="A409" t="s">
        <v>1620</v>
      </c>
      <c r="B409">
        <v>2756</v>
      </c>
      <c r="C409" t="s">
        <v>1621</v>
      </c>
      <c r="D409" t="s">
        <v>1622</v>
      </c>
      <c r="E409" t="s">
        <v>66</v>
      </c>
      <c r="F409">
        <v>71</v>
      </c>
      <c r="G409">
        <v>117.1549295774648</v>
      </c>
      <c r="H409">
        <v>107</v>
      </c>
      <c r="I409">
        <v>6719.5957151358853</v>
      </c>
      <c r="J409">
        <v>81.973140205410488</v>
      </c>
      <c r="K409">
        <v>0.20909091836249741</v>
      </c>
      <c r="L409">
        <v>-1.3759259499856009</v>
      </c>
      <c r="M409">
        <v>5.8467925419789477</v>
      </c>
      <c r="N409">
        <v>3</v>
      </c>
      <c r="O409">
        <v>1</v>
      </c>
      <c r="P409">
        <v>2</v>
      </c>
      <c r="Q409">
        <v>0.45014853172937641</v>
      </c>
      <c r="R409">
        <v>4.0526877657916263</v>
      </c>
      <c r="S409">
        <v>1</v>
      </c>
      <c r="T409">
        <v>1</v>
      </c>
      <c r="U409">
        <v>0</v>
      </c>
      <c r="V409">
        <v>0</v>
      </c>
      <c r="W409">
        <v>4.2484952420493576</v>
      </c>
      <c r="X409">
        <v>1</v>
      </c>
      <c r="Y409">
        <v>1</v>
      </c>
      <c r="Z409">
        <v>0</v>
      </c>
      <c r="AA409">
        <v>0</v>
      </c>
      <c r="AB409">
        <v>4.2341065045972579</v>
      </c>
      <c r="AC409">
        <v>1</v>
      </c>
      <c r="AD409">
        <v>1</v>
      </c>
      <c r="AE409">
        <v>0</v>
      </c>
      <c r="AF409">
        <v>0</v>
      </c>
      <c r="AG409">
        <v>4.2195077051761087</v>
      </c>
      <c r="AH409">
        <v>0.14459544772440719</v>
      </c>
      <c r="AI409">
        <v>2.4628840682788259E-2</v>
      </c>
      <c r="AJ409">
        <v>-0.22500874049874059</v>
      </c>
      <c r="AK409">
        <v>3.081797016753339E-2</v>
      </c>
      <c r="AL409">
        <v>726.70000660730216</v>
      </c>
      <c r="AM409">
        <v>960.98548396786271</v>
      </c>
      <c r="AN409">
        <v>8318</v>
      </c>
      <c r="AO409">
        <v>212.31565818206241</v>
      </c>
      <c r="AP409">
        <v>547.97074275411944</v>
      </c>
      <c r="AQ409">
        <v>1.323943661971831</v>
      </c>
      <c r="AR409">
        <v>3.71830985915493</v>
      </c>
      <c r="AS409">
        <v>70</v>
      </c>
      <c r="AT409">
        <v>10.619718309859159</v>
      </c>
      <c r="AU409">
        <v>0.16282794808064069</v>
      </c>
      <c r="AV409">
        <v>0.14708271772939319</v>
      </c>
      <c r="AW409">
        <v>0.38028169014084512</v>
      </c>
      <c r="AX409">
        <v>84.328571428571422</v>
      </c>
      <c r="AY409">
        <v>74</v>
      </c>
      <c r="AZ409">
        <v>145.5</v>
      </c>
      <c r="BA409">
        <v>0.6996985999740496</v>
      </c>
      <c r="BB409">
        <v>0.45070422535211269</v>
      </c>
      <c r="BC409">
        <v>4.0355032434961027</v>
      </c>
      <c r="BD409" t="s">
        <v>1623</v>
      </c>
      <c r="BE409" t="s">
        <v>68</v>
      </c>
    </row>
    <row r="410" spans="1:57" x14ac:dyDescent="0.3">
      <c r="A410" t="s">
        <v>1624</v>
      </c>
      <c r="B410">
        <v>3550</v>
      </c>
      <c r="C410" t="s">
        <v>1625</v>
      </c>
      <c r="D410" t="s">
        <v>1626</v>
      </c>
      <c r="E410" t="s">
        <v>66</v>
      </c>
      <c r="F410">
        <v>72</v>
      </c>
      <c r="G410">
        <v>118</v>
      </c>
      <c r="H410">
        <v>118</v>
      </c>
      <c r="I410">
        <v>5658.1944444444443</v>
      </c>
      <c r="J410">
        <v>75.220970775738095</v>
      </c>
      <c r="K410">
        <v>6.4725572411127405E-2</v>
      </c>
      <c r="L410">
        <v>-1.130832392402616</v>
      </c>
      <c r="M410">
        <v>5.8434003486044412</v>
      </c>
      <c r="N410">
        <v>3</v>
      </c>
      <c r="O410">
        <v>1</v>
      </c>
      <c r="P410">
        <v>2</v>
      </c>
      <c r="Q410">
        <v>0.46193451815099568</v>
      </c>
      <c r="R410">
        <v>4.0503364765181669</v>
      </c>
      <c r="S410">
        <v>2</v>
      </c>
      <c r="T410">
        <v>1</v>
      </c>
      <c r="U410">
        <v>1</v>
      </c>
      <c r="V410">
        <v>0.16776575221435111</v>
      </c>
      <c r="W410">
        <v>4.2236293316576567</v>
      </c>
      <c r="X410">
        <v>2</v>
      </c>
      <c r="Y410">
        <v>1</v>
      </c>
      <c r="Z410">
        <v>1</v>
      </c>
      <c r="AA410">
        <v>0.11951030798891769</v>
      </c>
      <c r="AB410">
        <v>4.2286910368905044</v>
      </c>
      <c r="AC410">
        <v>1</v>
      </c>
      <c r="AD410">
        <v>1</v>
      </c>
      <c r="AE410">
        <v>0</v>
      </c>
      <c r="AF410">
        <v>0</v>
      </c>
      <c r="AG410">
        <v>4.2341065045972579</v>
      </c>
      <c r="AH410">
        <v>9.2775964063919095E-2</v>
      </c>
      <c r="AI410">
        <v>4.144922555781929E-2</v>
      </c>
      <c r="AJ410">
        <v>-0.1978104519011267</v>
      </c>
      <c r="AK410">
        <v>-0.1057635189867203</v>
      </c>
      <c r="AL410">
        <v>670.10517922928318</v>
      </c>
      <c r="AM410">
        <v>980.24336201276572</v>
      </c>
      <c r="AN410">
        <v>8496</v>
      </c>
      <c r="AO410">
        <v>105.13842470053589</v>
      </c>
      <c r="AP410">
        <v>492.88210876389411</v>
      </c>
      <c r="AQ410">
        <v>1.319444444444444</v>
      </c>
      <c r="AR410">
        <v>3.75</v>
      </c>
      <c r="AS410">
        <v>72</v>
      </c>
      <c r="AT410">
        <v>11.02777777777778</v>
      </c>
      <c r="AU410">
        <v>9.1135458167330707E-2</v>
      </c>
      <c r="AV410">
        <v>9.3362271074443795E-2</v>
      </c>
      <c r="AW410">
        <v>0.41666666666666669</v>
      </c>
      <c r="AX410">
        <v>79.802816901408448</v>
      </c>
      <c r="AY410">
        <v>63</v>
      </c>
      <c r="AZ410">
        <v>123.5</v>
      </c>
      <c r="BA410">
        <v>0.63746585403167877</v>
      </c>
      <c r="BB410">
        <v>0.5</v>
      </c>
      <c r="BC410">
        <v>3.962431094498176</v>
      </c>
      <c r="BD410" t="s">
        <v>1627</v>
      </c>
      <c r="BE410" t="s">
        <v>68</v>
      </c>
    </row>
    <row r="411" spans="1:57" x14ac:dyDescent="0.3">
      <c r="A411" t="s">
        <v>1628</v>
      </c>
      <c r="B411">
        <v>3914</v>
      </c>
      <c r="C411" t="s">
        <v>1629</v>
      </c>
      <c r="D411" t="s">
        <v>1630</v>
      </c>
      <c r="E411" t="s">
        <v>98</v>
      </c>
      <c r="F411">
        <v>16</v>
      </c>
      <c r="G411">
        <v>103</v>
      </c>
      <c r="H411">
        <v>100.5</v>
      </c>
      <c r="I411">
        <v>2642.75</v>
      </c>
      <c r="J411">
        <v>51.407684250508687</v>
      </c>
      <c r="K411">
        <v>0.66073014666074492</v>
      </c>
      <c r="L411">
        <v>1.504283673011735</v>
      </c>
      <c r="M411">
        <v>4</v>
      </c>
      <c r="N411">
        <v>1</v>
      </c>
      <c r="O411">
        <v>1</v>
      </c>
      <c r="P411">
        <v>0</v>
      </c>
      <c r="Q411">
        <v>0</v>
      </c>
      <c r="R411">
        <v>2.7725887222397811</v>
      </c>
      <c r="S411">
        <v>1</v>
      </c>
      <c r="T411">
        <v>1</v>
      </c>
      <c r="U411">
        <v>0</v>
      </c>
      <c r="V411">
        <v>0</v>
      </c>
      <c r="W411">
        <v>2.7080502011022101</v>
      </c>
      <c r="X411">
        <v>1</v>
      </c>
      <c r="Y411">
        <v>1</v>
      </c>
      <c r="Z411">
        <v>0</v>
      </c>
      <c r="AA411">
        <v>0</v>
      </c>
      <c r="AB411">
        <v>2.639057329615258</v>
      </c>
      <c r="AC411">
        <v>1</v>
      </c>
      <c r="AD411">
        <v>1</v>
      </c>
      <c r="AE411">
        <v>0</v>
      </c>
      <c r="AF411">
        <v>0</v>
      </c>
      <c r="AG411">
        <v>2.5649493574615372</v>
      </c>
      <c r="AH411">
        <v>0.1255794153817047</v>
      </c>
      <c r="AI411">
        <v>-0.17344622079273481</v>
      </c>
      <c r="AJ411">
        <v>-0.33807113801910887</v>
      </c>
      <c r="AK411">
        <v>6.4090436098760764E-3</v>
      </c>
      <c r="AL411">
        <v>287.85269286187219</v>
      </c>
      <c r="AM411">
        <v>359.40064998851727</v>
      </c>
      <c r="AN411">
        <v>1648</v>
      </c>
      <c r="AO411">
        <v>90.14109949340606</v>
      </c>
      <c r="AP411">
        <v>172.89293552954089</v>
      </c>
      <c r="AQ411">
        <v>2.25</v>
      </c>
      <c r="AR411">
        <v>3.5</v>
      </c>
      <c r="AS411">
        <v>16</v>
      </c>
      <c r="AT411">
        <v>0</v>
      </c>
      <c r="AU411">
        <v>0.3424586776859504</v>
      </c>
      <c r="AV411">
        <v>0.126359165866467</v>
      </c>
      <c r="AW411">
        <v>0.6875</v>
      </c>
      <c r="AX411">
        <v>57.93333333333333</v>
      </c>
      <c r="AY411">
        <v>20</v>
      </c>
      <c r="AZ411">
        <v>41.25</v>
      </c>
      <c r="BA411">
        <v>0.49910373058746299</v>
      </c>
      <c r="BB411">
        <v>0.4375</v>
      </c>
      <c r="BC411">
        <v>2.7080502011022101</v>
      </c>
      <c r="BD411" t="s">
        <v>1629</v>
      </c>
      <c r="BE411" t="s">
        <v>62</v>
      </c>
    </row>
    <row r="412" spans="1:57" x14ac:dyDescent="0.3">
      <c r="A412" t="s">
        <v>1631</v>
      </c>
      <c r="B412">
        <v>144</v>
      </c>
      <c r="C412" t="s">
        <v>1632</v>
      </c>
      <c r="D412" t="s">
        <v>1633</v>
      </c>
      <c r="E412" t="s">
        <v>60</v>
      </c>
      <c r="F412">
        <v>256</v>
      </c>
      <c r="G412">
        <v>126.2734375</v>
      </c>
      <c r="H412">
        <v>126</v>
      </c>
      <c r="I412">
        <v>5402.4955444335938</v>
      </c>
      <c r="J412">
        <v>73.501670351316463</v>
      </c>
      <c r="K412">
        <v>1.9674738991067309E-2</v>
      </c>
      <c r="L412">
        <v>-1.2255642202786889</v>
      </c>
      <c r="M412">
        <v>7.1336417735188977</v>
      </c>
      <c r="N412">
        <v>5</v>
      </c>
      <c r="O412">
        <v>1</v>
      </c>
      <c r="P412">
        <v>4</v>
      </c>
      <c r="Q412">
        <v>0.84649384796458171</v>
      </c>
      <c r="R412">
        <v>4.9446636824392716</v>
      </c>
      <c r="S412">
        <v>2</v>
      </c>
      <c r="T412">
        <v>1</v>
      </c>
      <c r="U412">
        <v>1</v>
      </c>
      <c r="V412">
        <v>8.8558721353391642E-2</v>
      </c>
      <c r="W412">
        <v>5.5303906482084644</v>
      </c>
      <c r="X412">
        <v>1</v>
      </c>
      <c r="Y412">
        <v>1</v>
      </c>
      <c r="Z412">
        <v>0</v>
      </c>
      <c r="AA412">
        <v>0</v>
      </c>
      <c r="AB412">
        <v>5.5373342670185366</v>
      </c>
      <c r="AC412">
        <v>1</v>
      </c>
      <c r="AD412">
        <v>1</v>
      </c>
      <c r="AE412">
        <v>0</v>
      </c>
      <c r="AF412">
        <v>0</v>
      </c>
      <c r="AG412">
        <v>5.5333894887275203</v>
      </c>
      <c r="AH412">
        <v>1.215506355297241E-2</v>
      </c>
      <c r="AI412">
        <v>-7.777778873996638E-2</v>
      </c>
      <c r="AJ412">
        <v>-3.6810148668446223E-2</v>
      </c>
      <c r="AK412">
        <v>4.7635665384074362E-3</v>
      </c>
      <c r="AL412">
        <v>1157.7307414196609</v>
      </c>
      <c r="AM412">
        <v>2030.9144566849391</v>
      </c>
      <c r="AN412">
        <v>32326</v>
      </c>
      <c r="AO412">
        <v>91.919692339188558</v>
      </c>
      <c r="AP412">
        <v>926.8078304348503</v>
      </c>
      <c r="AQ412">
        <v>1.08984375</v>
      </c>
      <c r="AR412">
        <v>3.93359375</v>
      </c>
      <c r="AS412">
        <v>256</v>
      </c>
      <c r="AT412">
        <v>69.875</v>
      </c>
      <c r="AU412">
        <v>2.969990079365081E-2</v>
      </c>
      <c r="AV412">
        <v>1.216750146072974E-2</v>
      </c>
      <c r="AW412">
        <v>0.3671875</v>
      </c>
      <c r="AX412">
        <v>84.980392156862749</v>
      </c>
      <c r="AY412">
        <v>66.5</v>
      </c>
      <c r="AZ412">
        <v>131.25</v>
      </c>
      <c r="BA412">
        <v>0.58208338829230388</v>
      </c>
      <c r="BB412">
        <v>0.5</v>
      </c>
      <c r="BC412">
        <v>4.8325588719823758</v>
      </c>
      <c r="BD412" t="s">
        <v>1634</v>
      </c>
      <c r="BE412" t="s">
        <v>62</v>
      </c>
    </row>
    <row r="413" spans="1:57" x14ac:dyDescent="0.3">
      <c r="A413" t="s">
        <v>1635</v>
      </c>
      <c r="B413">
        <v>3053</v>
      </c>
      <c r="C413" t="s">
        <v>1636</v>
      </c>
      <c r="D413" t="s">
        <v>1637</v>
      </c>
      <c r="E413" t="s">
        <v>85</v>
      </c>
      <c r="F413">
        <v>8</v>
      </c>
      <c r="G413">
        <v>198.75</v>
      </c>
      <c r="H413">
        <v>218.5</v>
      </c>
      <c r="I413">
        <v>3577.9375</v>
      </c>
      <c r="J413">
        <v>59.815863280571307</v>
      </c>
      <c r="K413">
        <v>-1.5200679961182859</v>
      </c>
      <c r="L413">
        <v>1.0991808115683981</v>
      </c>
      <c r="M413">
        <v>3</v>
      </c>
      <c r="N413">
        <v>1</v>
      </c>
      <c r="O413">
        <v>1</v>
      </c>
      <c r="P413">
        <v>0</v>
      </c>
      <c r="Q413">
        <v>0</v>
      </c>
      <c r="R413">
        <v>2.0794415416798362</v>
      </c>
      <c r="S413">
        <v>1</v>
      </c>
      <c r="T413">
        <v>1</v>
      </c>
      <c r="U413">
        <v>0</v>
      </c>
      <c r="V413">
        <v>0</v>
      </c>
      <c r="W413">
        <v>1.945910149055313</v>
      </c>
      <c r="X413">
        <v>1</v>
      </c>
      <c r="Y413">
        <v>1</v>
      </c>
      <c r="Z413">
        <v>0</v>
      </c>
      <c r="AA413">
        <v>0</v>
      </c>
      <c r="AB413">
        <v>1.791759469228055</v>
      </c>
      <c r="AC413">
        <v>1</v>
      </c>
      <c r="AD413">
        <v>1</v>
      </c>
      <c r="AE413">
        <v>0</v>
      </c>
      <c r="AF413">
        <v>0</v>
      </c>
      <c r="AG413">
        <v>1.6094379124341009</v>
      </c>
      <c r="AH413">
        <v>-1.492872988977588E-2</v>
      </c>
      <c r="AI413">
        <v>-0.18788320785368659</v>
      </c>
      <c r="AJ413">
        <v>0.2499759812741279</v>
      </c>
      <c r="AK413">
        <v>0</v>
      </c>
      <c r="AL413">
        <v>351.12323239939462</v>
      </c>
      <c r="AM413">
        <v>470.47685986603079</v>
      </c>
      <c r="AN413">
        <v>1590</v>
      </c>
      <c r="AO413">
        <v>84</v>
      </c>
      <c r="AP413">
        <v>167.40967713964449</v>
      </c>
      <c r="AQ413">
        <v>3.625</v>
      </c>
      <c r="AR413">
        <v>4.5</v>
      </c>
      <c r="AS413">
        <v>8</v>
      </c>
      <c r="AT413">
        <v>0</v>
      </c>
      <c r="AU413">
        <v>0.34523809523809518</v>
      </c>
      <c r="AV413">
        <v>3.3202312798254363E-2</v>
      </c>
      <c r="AW413">
        <v>0.125</v>
      </c>
      <c r="AX413">
        <v>55</v>
      </c>
      <c r="AY413">
        <v>20</v>
      </c>
      <c r="AZ413">
        <v>42.5</v>
      </c>
      <c r="BA413">
        <v>0.30096031839281162</v>
      </c>
      <c r="BB413">
        <v>0.75</v>
      </c>
      <c r="BC413">
        <v>1.945910149055313</v>
      </c>
      <c r="BD413" t="s">
        <v>1636</v>
      </c>
      <c r="BE413" t="s">
        <v>68</v>
      </c>
    </row>
    <row r="414" spans="1:57" x14ac:dyDescent="0.3">
      <c r="A414" t="s">
        <v>1638</v>
      </c>
      <c r="B414">
        <v>2228</v>
      </c>
      <c r="C414" t="s">
        <v>1639</v>
      </c>
      <c r="D414" t="s">
        <v>1640</v>
      </c>
      <c r="E414" t="s">
        <v>10622</v>
      </c>
      <c r="F414">
        <v>64</v>
      </c>
      <c r="G414">
        <v>143.796875</v>
      </c>
      <c r="H414">
        <v>158</v>
      </c>
      <c r="I414">
        <v>5481.474365234375</v>
      </c>
      <c r="J414">
        <v>74.036979714426323</v>
      </c>
      <c r="K414">
        <v>-0.37354240763808721</v>
      </c>
      <c r="L414">
        <v>-1.065445824510181</v>
      </c>
      <c r="M414">
        <v>5.831954882778696</v>
      </c>
      <c r="N414">
        <v>3</v>
      </c>
      <c r="O414">
        <v>1</v>
      </c>
      <c r="P414">
        <v>2</v>
      </c>
      <c r="Q414">
        <v>0.33385958650156278</v>
      </c>
      <c r="R414">
        <v>4.0424030841508598</v>
      </c>
      <c r="S414">
        <v>1</v>
      </c>
      <c r="T414">
        <v>1</v>
      </c>
      <c r="U414">
        <v>0</v>
      </c>
      <c r="V414">
        <v>0</v>
      </c>
      <c r="W414">
        <v>4.1431347263915326</v>
      </c>
      <c r="X414">
        <v>1</v>
      </c>
      <c r="Y414">
        <v>1</v>
      </c>
      <c r="Z414">
        <v>0</v>
      </c>
      <c r="AA414">
        <v>0</v>
      </c>
      <c r="AB414">
        <v>4.1271343850450908</v>
      </c>
      <c r="AC414">
        <v>1</v>
      </c>
      <c r="AD414">
        <v>1</v>
      </c>
      <c r="AE414">
        <v>0</v>
      </c>
      <c r="AF414">
        <v>0</v>
      </c>
      <c r="AG414">
        <v>4.1108738641733096</v>
      </c>
      <c r="AH414">
        <v>0.15869835534788501</v>
      </c>
      <c r="AI414">
        <v>-9.0664773389540654E-2</v>
      </c>
      <c r="AJ414">
        <v>0.118382002022838</v>
      </c>
      <c r="AK414">
        <v>-0.12824693322933131</v>
      </c>
      <c r="AL414">
        <v>665.69653099169591</v>
      </c>
      <c r="AM414">
        <v>1109.5157180615431</v>
      </c>
      <c r="AN414">
        <v>9203</v>
      </c>
      <c r="AO414">
        <v>14.412136262309231</v>
      </c>
      <c r="AP414">
        <v>563.18963006812226</v>
      </c>
      <c r="AQ414">
        <v>1.359375</v>
      </c>
      <c r="AR414">
        <v>3.96875</v>
      </c>
      <c r="AS414">
        <v>63</v>
      </c>
      <c r="AT414">
        <v>6.0625</v>
      </c>
      <c r="AU414">
        <v>0.14930555555555561</v>
      </c>
      <c r="AV414">
        <v>0.16137341516392631</v>
      </c>
      <c r="AW414">
        <v>0.265625</v>
      </c>
      <c r="AX414">
        <v>74.222222222222229</v>
      </c>
      <c r="AY414">
        <v>60.5</v>
      </c>
      <c r="AZ414">
        <v>112</v>
      </c>
      <c r="BA414">
        <v>0.51487196585062311</v>
      </c>
      <c r="BB414">
        <v>0.59375</v>
      </c>
      <c r="BC414">
        <v>3.8487684591165632</v>
      </c>
      <c r="BD414" t="s">
        <v>1641</v>
      </c>
      <c r="BE414" t="s">
        <v>62</v>
      </c>
    </row>
    <row r="415" spans="1:57" x14ac:dyDescent="0.3">
      <c r="A415" t="s">
        <v>1642</v>
      </c>
      <c r="B415">
        <v>1783</v>
      </c>
      <c r="C415" t="s">
        <v>1643</v>
      </c>
      <c r="D415" t="s">
        <v>1644</v>
      </c>
      <c r="E415" t="s">
        <v>106</v>
      </c>
      <c r="F415">
        <v>1799</v>
      </c>
      <c r="G415">
        <v>126.6325736520289</v>
      </c>
      <c r="H415">
        <v>124</v>
      </c>
      <c r="I415">
        <v>5411.6698894852643</v>
      </c>
      <c r="J415">
        <v>73.564052970763271</v>
      </c>
      <c r="K415">
        <v>4.9941654442219138E-2</v>
      </c>
      <c r="L415">
        <v>-1.1967584522932631</v>
      </c>
      <c r="M415">
        <v>7.9019217176473884</v>
      </c>
      <c r="N415">
        <v>17</v>
      </c>
      <c r="O415">
        <v>1</v>
      </c>
      <c r="P415">
        <v>16</v>
      </c>
      <c r="Q415">
        <v>2.5896493139681942</v>
      </c>
      <c r="R415">
        <v>5.4771947595926846</v>
      </c>
      <c r="S415">
        <v>3</v>
      </c>
      <c r="T415">
        <v>1</v>
      </c>
      <c r="U415">
        <v>2</v>
      </c>
      <c r="V415">
        <v>0.11066581429252929</v>
      </c>
      <c r="W415">
        <v>7.4787187938045587</v>
      </c>
      <c r="X415">
        <v>1</v>
      </c>
      <c r="Y415">
        <v>1</v>
      </c>
      <c r="Z415">
        <v>0</v>
      </c>
      <c r="AA415">
        <v>0</v>
      </c>
      <c r="AB415">
        <v>7.4938738867835593</v>
      </c>
      <c r="AC415">
        <v>1</v>
      </c>
      <c r="AD415">
        <v>1</v>
      </c>
      <c r="AE415">
        <v>0</v>
      </c>
      <c r="AF415">
        <v>0</v>
      </c>
      <c r="AG415">
        <v>7.493317248862148</v>
      </c>
      <c r="AH415">
        <v>1.254727317142936E-2</v>
      </c>
      <c r="AI415">
        <v>-1.0643431284300861E-2</v>
      </c>
      <c r="AJ415">
        <v>4.9646441275091342E-3</v>
      </c>
      <c r="AK415">
        <v>6.6647080251446469E-3</v>
      </c>
      <c r="AL415">
        <v>2886.7855408373271</v>
      </c>
      <c r="AM415">
        <v>5500.0439308438736</v>
      </c>
      <c r="AN415">
        <v>227812</v>
      </c>
      <c r="AO415">
        <v>160.27799702955789</v>
      </c>
      <c r="AP415">
        <v>2581.4125914151091</v>
      </c>
      <c r="AQ415">
        <v>1.012784880489161</v>
      </c>
      <c r="AR415">
        <v>4.0122290161200667</v>
      </c>
      <c r="AS415">
        <v>1792</v>
      </c>
      <c r="AT415">
        <v>244.30405780989429</v>
      </c>
      <c r="AU415">
        <v>1.8016545139456549E-2</v>
      </c>
      <c r="AV415">
        <v>1.2550451734954379E-2</v>
      </c>
      <c r="AW415">
        <v>0.39188438021122851</v>
      </c>
      <c r="AX415">
        <v>83.904894327030036</v>
      </c>
      <c r="AY415">
        <v>64</v>
      </c>
      <c r="AZ415">
        <v>128</v>
      </c>
      <c r="BA415">
        <v>0.58092519838464662</v>
      </c>
      <c r="BB415">
        <v>0.48971650917176213</v>
      </c>
      <c r="BC415">
        <v>5.2746541988946394</v>
      </c>
      <c r="BD415" t="s">
        <v>1645</v>
      </c>
      <c r="BE415" t="s">
        <v>68</v>
      </c>
    </row>
    <row r="416" spans="1:57" x14ac:dyDescent="0.3">
      <c r="A416" t="s">
        <v>1646</v>
      </c>
      <c r="B416">
        <v>3855</v>
      </c>
      <c r="C416" t="s">
        <v>1647</v>
      </c>
      <c r="D416" t="s">
        <v>1648</v>
      </c>
      <c r="E416" t="s">
        <v>10622</v>
      </c>
      <c r="F416">
        <v>64</v>
      </c>
      <c r="G416">
        <v>120.46875</v>
      </c>
      <c r="H416">
        <v>112.5</v>
      </c>
      <c r="I416">
        <v>5850.4052734375</v>
      </c>
      <c r="J416">
        <v>76.487942013349397</v>
      </c>
      <c r="K416">
        <v>0.15437697616819429</v>
      </c>
      <c r="L416">
        <v>-1.2214799625764099</v>
      </c>
      <c r="M416">
        <v>5.75</v>
      </c>
      <c r="N416">
        <v>2</v>
      </c>
      <c r="O416">
        <v>1</v>
      </c>
      <c r="P416">
        <v>1</v>
      </c>
      <c r="Q416">
        <v>0.3499271061118826</v>
      </c>
      <c r="R416">
        <v>3.985596288219686</v>
      </c>
      <c r="S416">
        <v>1</v>
      </c>
      <c r="T416">
        <v>1</v>
      </c>
      <c r="U416">
        <v>0</v>
      </c>
      <c r="V416">
        <v>0</v>
      </c>
      <c r="W416">
        <v>4.1431347263915326</v>
      </c>
      <c r="X416">
        <v>1</v>
      </c>
      <c r="Y416">
        <v>1</v>
      </c>
      <c r="Z416">
        <v>0</v>
      </c>
      <c r="AA416">
        <v>0</v>
      </c>
      <c r="AB416">
        <v>4.1271343850450908</v>
      </c>
      <c r="AC416">
        <v>1</v>
      </c>
      <c r="AD416">
        <v>1</v>
      </c>
      <c r="AE416">
        <v>0</v>
      </c>
      <c r="AF416">
        <v>0</v>
      </c>
      <c r="AG416">
        <v>4.1108738641733096</v>
      </c>
      <c r="AH416">
        <v>4.3555423489959208E-2</v>
      </c>
      <c r="AI416">
        <v>-0.13003406569056131</v>
      </c>
      <c r="AJ416">
        <v>-5.9667687639327872E-2</v>
      </c>
      <c r="AK416">
        <v>-4.7791520227214487E-2</v>
      </c>
      <c r="AL416">
        <v>648.65178736861958</v>
      </c>
      <c r="AM416">
        <v>939.40984599028718</v>
      </c>
      <c r="AN416">
        <v>7710</v>
      </c>
      <c r="AO416">
        <v>49.661840894021097</v>
      </c>
      <c r="AP416">
        <v>515.59172458849412</v>
      </c>
      <c r="AQ416">
        <v>1.359375</v>
      </c>
      <c r="AR416">
        <v>3.84375</v>
      </c>
      <c r="AS416">
        <v>64</v>
      </c>
      <c r="AT416">
        <v>5.9999999999999991</v>
      </c>
      <c r="AU416">
        <v>9.5595472440944906E-2</v>
      </c>
      <c r="AV416">
        <v>4.4437065221756153E-2</v>
      </c>
      <c r="AW416">
        <v>0.390625</v>
      </c>
      <c r="AX416">
        <v>84.222222222222229</v>
      </c>
      <c r="AY416">
        <v>62.5</v>
      </c>
      <c r="AZ416">
        <v>124.5</v>
      </c>
      <c r="BA416">
        <v>0.63491936301612983</v>
      </c>
      <c r="BB416">
        <v>0.46875</v>
      </c>
      <c r="BC416">
        <v>3.89277780391402</v>
      </c>
      <c r="BD416" t="s">
        <v>1649</v>
      </c>
      <c r="BE416" t="s">
        <v>62</v>
      </c>
    </row>
    <row r="417" spans="1:57" x14ac:dyDescent="0.3">
      <c r="A417" t="s">
        <v>1650</v>
      </c>
      <c r="B417">
        <v>3969</v>
      </c>
      <c r="C417" t="s">
        <v>1651</v>
      </c>
      <c r="D417" t="s">
        <v>1652</v>
      </c>
      <c r="E417" t="s">
        <v>106</v>
      </c>
      <c r="F417">
        <v>3969</v>
      </c>
      <c r="G417">
        <v>128.8951877047115</v>
      </c>
      <c r="H417">
        <v>130</v>
      </c>
      <c r="I417">
        <v>5471.1772229995368</v>
      </c>
      <c r="J417">
        <v>73.967406490964223</v>
      </c>
      <c r="K417">
        <v>-2.3102226194486309E-2</v>
      </c>
      <c r="L417">
        <v>-1.190738547005</v>
      </c>
      <c r="M417">
        <v>7.9596885758166289</v>
      </c>
      <c r="N417">
        <v>26</v>
      </c>
      <c r="O417">
        <v>4</v>
      </c>
      <c r="P417">
        <v>22</v>
      </c>
      <c r="Q417">
        <v>3.6228420806337862</v>
      </c>
      <c r="R417">
        <v>5.5172356944625038</v>
      </c>
      <c r="S417">
        <v>3</v>
      </c>
      <c r="T417">
        <v>1</v>
      </c>
      <c r="U417">
        <v>2</v>
      </c>
      <c r="V417">
        <v>0.1665212242630667</v>
      </c>
      <c r="W417">
        <v>8.2487206693709325</v>
      </c>
      <c r="X417">
        <v>1</v>
      </c>
      <c r="Y417">
        <v>1</v>
      </c>
      <c r="Z417">
        <v>0</v>
      </c>
      <c r="AA417">
        <v>0</v>
      </c>
      <c r="AB417">
        <v>8.2857654205143323</v>
      </c>
      <c r="AC417">
        <v>1</v>
      </c>
      <c r="AD417">
        <v>1</v>
      </c>
      <c r="AE417">
        <v>0</v>
      </c>
      <c r="AF417">
        <v>0</v>
      </c>
      <c r="AG417">
        <v>8.2855133090797395</v>
      </c>
      <c r="AH417">
        <v>1.6115613524068591E-2</v>
      </c>
      <c r="AI417">
        <v>-3.603295152442022E-3</v>
      </c>
      <c r="AJ417">
        <v>-1.3404202895955531E-2</v>
      </c>
      <c r="AK417">
        <v>-6.8790721139767811E-3</v>
      </c>
      <c r="AL417">
        <v>4244.5641873732657</v>
      </c>
      <c r="AM417">
        <v>8345.0357614133882</v>
      </c>
      <c r="AN417">
        <v>511585</v>
      </c>
      <c r="AO417">
        <v>127.825100888519</v>
      </c>
      <c r="AP417">
        <v>3849.37905420582</v>
      </c>
      <c r="AQ417">
        <v>1.0057949105568149</v>
      </c>
      <c r="AR417">
        <v>4.0120937263794403</v>
      </c>
      <c r="AS417">
        <v>3956</v>
      </c>
      <c r="AT417">
        <v>216.7193247669438</v>
      </c>
      <c r="AU417">
        <v>1.448283016910468E-2</v>
      </c>
      <c r="AV417">
        <v>1.6120577971596741E-2</v>
      </c>
      <c r="AW417">
        <v>0.36432350718064999</v>
      </c>
      <c r="AX417">
        <v>85.348286290322577</v>
      </c>
      <c r="AY417">
        <v>63</v>
      </c>
      <c r="AZ417">
        <v>127</v>
      </c>
      <c r="BA417">
        <v>0.57385700589860345</v>
      </c>
      <c r="BB417">
        <v>0.50667674477198288</v>
      </c>
      <c r="BC417">
        <v>5.3164540995916418</v>
      </c>
      <c r="BD417" t="s">
        <v>1653</v>
      </c>
      <c r="BE417" t="s">
        <v>68</v>
      </c>
    </row>
    <row r="418" spans="1:57" x14ac:dyDescent="0.3">
      <c r="A418" t="s">
        <v>1654</v>
      </c>
      <c r="B418">
        <v>1328</v>
      </c>
      <c r="C418" t="s">
        <v>1655</v>
      </c>
      <c r="D418" t="s">
        <v>1656</v>
      </c>
      <c r="E418" t="s">
        <v>66</v>
      </c>
      <c r="F418">
        <v>71</v>
      </c>
      <c r="G418">
        <v>125.2676056338028</v>
      </c>
      <c r="H418">
        <v>122</v>
      </c>
      <c r="I418">
        <v>4744.5621900416581</v>
      </c>
      <c r="J418">
        <v>68.880782443593503</v>
      </c>
      <c r="K418">
        <v>0.12118239250175029</v>
      </c>
      <c r="L418">
        <v>-0.7991163991593675</v>
      </c>
      <c r="M418">
        <v>5.8574247603192759</v>
      </c>
      <c r="N418">
        <v>3</v>
      </c>
      <c r="O418">
        <v>1</v>
      </c>
      <c r="P418">
        <v>2</v>
      </c>
      <c r="Q418">
        <v>0.41212475704841101</v>
      </c>
      <c r="R418">
        <v>4.0600574579573241</v>
      </c>
      <c r="S418">
        <v>1</v>
      </c>
      <c r="T418">
        <v>1</v>
      </c>
      <c r="U418">
        <v>0</v>
      </c>
      <c r="V418">
        <v>0</v>
      </c>
      <c r="W418">
        <v>4.2484952420493576</v>
      </c>
      <c r="X418">
        <v>1</v>
      </c>
      <c r="Y418">
        <v>1</v>
      </c>
      <c r="Z418">
        <v>0</v>
      </c>
      <c r="AA418">
        <v>0</v>
      </c>
      <c r="AB418">
        <v>4.2341065045972579</v>
      </c>
      <c r="AC418">
        <v>1</v>
      </c>
      <c r="AD418">
        <v>1</v>
      </c>
      <c r="AE418">
        <v>0</v>
      </c>
      <c r="AF418">
        <v>0</v>
      </c>
      <c r="AG418">
        <v>4.2195077051761087</v>
      </c>
      <c r="AH418">
        <v>0.1232378751971878</v>
      </c>
      <c r="AI418">
        <v>0.1255272150682453</v>
      </c>
      <c r="AJ418">
        <v>8.1319609124760828E-2</v>
      </c>
      <c r="AK418">
        <v>1.0403396452221131E-3</v>
      </c>
      <c r="AL418">
        <v>639.65620626667271</v>
      </c>
      <c r="AM418">
        <v>1020.702668647696</v>
      </c>
      <c r="AN418">
        <v>8894</v>
      </c>
      <c r="AO418">
        <v>90.863601849745123</v>
      </c>
      <c r="AP418">
        <v>471.67444213944742</v>
      </c>
      <c r="AQ418">
        <v>1.323943661971831</v>
      </c>
      <c r="AR418">
        <v>3.746478873239437</v>
      </c>
      <c r="AS418">
        <v>71</v>
      </c>
      <c r="AT418">
        <v>8.9014084507042295</v>
      </c>
      <c r="AU418">
        <v>9.7818282242474464E-2</v>
      </c>
      <c r="AV418">
        <v>0.1263531055695496</v>
      </c>
      <c r="AW418">
        <v>0.43661971830985907</v>
      </c>
      <c r="AX418">
        <v>74.214285714285708</v>
      </c>
      <c r="AY418">
        <v>49</v>
      </c>
      <c r="AZ418">
        <v>95.5</v>
      </c>
      <c r="BA418">
        <v>0.54986907505004934</v>
      </c>
      <c r="BB418">
        <v>0.47887323943661969</v>
      </c>
      <c r="BC418">
        <v>3.991040574984237</v>
      </c>
      <c r="BD418" t="s">
        <v>1657</v>
      </c>
      <c r="BE418" t="s">
        <v>68</v>
      </c>
    </row>
    <row r="419" spans="1:57" x14ac:dyDescent="0.3">
      <c r="A419" t="s">
        <v>1658</v>
      </c>
      <c r="B419">
        <v>3921</v>
      </c>
      <c r="C419" t="s">
        <v>1659</v>
      </c>
      <c r="D419" t="s">
        <v>1660</v>
      </c>
      <c r="E419" t="s">
        <v>106</v>
      </c>
      <c r="F419">
        <v>3961</v>
      </c>
      <c r="G419">
        <v>128.02019691996969</v>
      </c>
      <c r="H419">
        <v>127</v>
      </c>
      <c r="I419">
        <v>5556.943798093007</v>
      </c>
      <c r="J419">
        <v>74.544911282347144</v>
      </c>
      <c r="K419">
        <v>-1.8476427319146259E-3</v>
      </c>
      <c r="L419">
        <v>-1.2033953612081949</v>
      </c>
      <c r="M419">
        <v>7.9522985060270761</v>
      </c>
      <c r="N419">
        <v>29</v>
      </c>
      <c r="O419">
        <v>6</v>
      </c>
      <c r="P419">
        <v>23</v>
      </c>
      <c r="Q419">
        <v>3.9200050789936398</v>
      </c>
      <c r="R419">
        <v>5.5121132884237243</v>
      </c>
      <c r="S419">
        <v>3</v>
      </c>
      <c r="T419">
        <v>1</v>
      </c>
      <c r="U419">
        <v>2</v>
      </c>
      <c r="V419">
        <v>0.17408858823229939</v>
      </c>
      <c r="W419">
        <v>8.243126414809776</v>
      </c>
      <c r="X419">
        <v>2</v>
      </c>
      <c r="Y419">
        <v>1</v>
      </c>
      <c r="Z419">
        <v>1</v>
      </c>
      <c r="AA419">
        <v>1.589304947177014E-2</v>
      </c>
      <c r="AB419">
        <v>8.2833965843475781</v>
      </c>
      <c r="AC419">
        <v>1</v>
      </c>
      <c r="AD419">
        <v>1</v>
      </c>
      <c r="AE419">
        <v>0</v>
      </c>
      <c r="AF419">
        <v>0</v>
      </c>
      <c r="AG419">
        <v>8.283494126162509</v>
      </c>
      <c r="AH419">
        <v>-3.398590283993543E-3</v>
      </c>
      <c r="AI419">
        <v>-8.620588540032682E-3</v>
      </c>
      <c r="AJ419">
        <v>3.1480003022804098E-2</v>
      </c>
      <c r="AK419">
        <v>1.723299953588233E-2</v>
      </c>
      <c r="AL419">
        <v>4315.6380227971104</v>
      </c>
      <c r="AM419">
        <v>8264.6130251928826</v>
      </c>
      <c r="AN419">
        <v>507088</v>
      </c>
      <c r="AO419">
        <v>30.629786813054881</v>
      </c>
      <c r="AP419">
        <v>3932.4090392661469</v>
      </c>
      <c r="AQ419">
        <v>1.0058066144912901</v>
      </c>
      <c r="AR419">
        <v>4.0217116889674323</v>
      </c>
      <c r="AS419">
        <v>3944</v>
      </c>
      <c r="AT419">
        <v>254.2426155011361</v>
      </c>
      <c r="AU419">
        <v>1.312799798030795E-2</v>
      </c>
      <c r="AV419">
        <v>-3.3987067791409688E-3</v>
      </c>
      <c r="AW419">
        <v>0.37010855844483709</v>
      </c>
      <c r="AX419">
        <v>86.421969696969697</v>
      </c>
      <c r="AY419">
        <v>65</v>
      </c>
      <c r="AZ419">
        <v>130</v>
      </c>
      <c r="BA419">
        <v>0.58229024072621927</v>
      </c>
      <c r="BB419">
        <v>0.49558192375662707</v>
      </c>
      <c r="BC419">
        <v>5.3368731745141176</v>
      </c>
      <c r="BD419" t="s">
        <v>1661</v>
      </c>
      <c r="BE419" t="s">
        <v>68</v>
      </c>
    </row>
    <row r="420" spans="1:57" x14ac:dyDescent="0.3">
      <c r="A420" t="s">
        <v>1662</v>
      </c>
      <c r="B420">
        <v>1161</v>
      </c>
      <c r="C420" t="s">
        <v>1663</v>
      </c>
      <c r="D420" t="s">
        <v>1664</v>
      </c>
      <c r="E420" t="s">
        <v>85</v>
      </c>
      <c r="F420">
        <v>8</v>
      </c>
      <c r="G420">
        <v>167</v>
      </c>
      <c r="H420">
        <v>162.5</v>
      </c>
      <c r="I420">
        <v>3598.5</v>
      </c>
      <c r="J420">
        <v>59.987498697645329</v>
      </c>
      <c r="K420">
        <v>-0.1155513787549898</v>
      </c>
      <c r="L420">
        <v>-0.94962515934137937</v>
      </c>
      <c r="M420">
        <v>3</v>
      </c>
      <c r="N420">
        <v>1</v>
      </c>
      <c r="O420">
        <v>1</v>
      </c>
      <c r="P420">
        <v>0</v>
      </c>
      <c r="Q420">
        <v>0</v>
      </c>
      <c r="R420">
        <v>2.0794415416798362</v>
      </c>
      <c r="S420">
        <v>1</v>
      </c>
      <c r="T420">
        <v>1</v>
      </c>
      <c r="U420">
        <v>0</v>
      </c>
      <c r="V420">
        <v>0</v>
      </c>
      <c r="W420">
        <v>1.945910149055313</v>
      </c>
      <c r="X420">
        <v>1</v>
      </c>
      <c r="Y420">
        <v>1</v>
      </c>
      <c r="Z420">
        <v>0</v>
      </c>
      <c r="AA420">
        <v>0</v>
      </c>
      <c r="AB420">
        <v>1.791759469228055</v>
      </c>
      <c r="AC420">
        <v>1</v>
      </c>
      <c r="AD420">
        <v>1</v>
      </c>
      <c r="AE420">
        <v>0</v>
      </c>
      <c r="AF420">
        <v>0</v>
      </c>
      <c r="AG420">
        <v>1.6094379124341009</v>
      </c>
      <c r="AH420">
        <v>0.31005974711685419</v>
      </c>
      <c r="AI420">
        <v>-8.5521745171599273E-2</v>
      </c>
      <c r="AJ420">
        <v>-7.3294428233986386E-3</v>
      </c>
      <c r="AK420">
        <v>0</v>
      </c>
      <c r="AL420">
        <v>305.9630318649339</v>
      </c>
      <c r="AM420">
        <v>397.8525142964632</v>
      </c>
      <c r="AN420">
        <v>1336</v>
      </c>
      <c r="AO420">
        <v>6</v>
      </c>
      <c r="AP420">
        <v>183.27502916582631</v>
      </c>
      <c r="AQ420">
        <v>3.5</v>
      </c>
      <c r="AR420">
        <v>4.75</v>
      </c>
      <c r="AS420">
        <v>8</v>
      </c>
      <c r="AT420">
        <v>0</v>
      </c>
      <c r="AU420">
        <v>0.2470588235294118</v>
      </c>
      <c r="AV420">
        <v>0.36772076271810639</v>
      </c>
      <c r="AW420">
        <v>0.25</v>
      </c>
      <c r="AX420">
        <v>60.285714285714278</v>
      </c>
      <c r="AY420">
        <v>44.5</v>
      </c>
      <c r="AZ420">
        <v>83.75</v>
      </c>
      <c r="BA420">
        <v>0.35920657902781628</v>
      </c>
      <c r="BB420">
        <v>0.375</v>
      </c>
      <c r="BC420">
        <v>1.945910149055313</v>
      </c>
      <c r="BD420" t="s">
        <v>1663</v>
      </c>
      <c r="BE420" t="s">
        <v>68</v>
      </c>
    </row>
    <row r="421" spans="1:57" x14ac:dyDescent="0.3">
      <c r="A421" t="s">
        <v>1665</v>
      </c>
      <c r="B421">
        <v>152</v>
      </c>
      <c r="C421" t="s">
        <v>1666</v>
      </c>
      <c r="D421" t="s">
        <v>1667</v>
      </c>
      <c r="E421" t="s">
        <v>60</v>
      </c>
      <c r="F421">
        <v>256</v>
      </c>
      <c r="G421">
        <v>126.41796875</v>
      </c>
      <c r="H421">
        <v>124</v>
      </c>
      <c r="I421">
        <v>5599.3604583740234</v>
      </c>
      <c r="J421">
        <v>74.828874496239905</v>
      </c>
      <c r="K421">
        <v>-4.0973752625292148E-3</v>
      </c>
      <c r="L421">
        <v>-1.233774674813199</v>
      </c>
      <c r="M421">
        <v>7.1623330937061898</v>
      </c>
      <c r="N421">
        <v>5</v>
      </c>
      <c r="O421">
        <v>1</v>
      </c>
      <c r="P421">
        <v>4</v>
      </c>
      <c r="Q421">
        <v>0.79999999999999993</v>
      </c>
      <c r="R421">
        <v>4.9645509901336347</v>
      </c>
      <c r="S421">
        <v>1</v>
      </c>
      <c r="T421">
        <v>1</v>
      </c>
      <c r="U421">
        <v>0</v>
      </c>
      <c r="V421">
        <v>0</v>
      </c>
      <c r="W421">
        <v>5.541263545158424</v>
      </c>
      <c r="X421">
        <v>1</v>
      </c>
      <c r="Y421">
        <v>1</v>
      </c>
      <c r="Z421">
        <v>0</v>
      </c>
      <c r="AA421">
        <v>0</v>
      </c>
      <c r="AB421">
        <v>5.5373342670185366</v>
      </c>
      <c r="AC421">
        <v>1</v>
      </c>
      <c r="AD421">
        <v>1</v>
      </c>
      <c r="AE421">
        <v>0</v>
      </c>
      <c r="AF421">
        <v>0</v>
      </c>
      <c r="AG421">
        <v>5.5333894887275203</v>
      </c>
      <c r="AH421">
        <v>-1.8801396902914429E-2</v>
      </c>
      <c r="AI421">
        <v>8.8690250476171517E-2</v>
      </c>
      <c r="AJ421">
        <v>-5.1418865019037502E-2</v>
      </c>
      <c r="AK421">
        <v>-0.13331476715196369</v>
      </c>
      <c r="AL421">
        <v>1187.937239616477</v>
      </c>
      <c r="AM421">
        <v>2028.1780283624969</v>
      </c>
      <c r="AN421">
        <v>32363</v>
      </c>
      <c r="AO421">
        <v>160.78830538112811</v>
      </c>
      <c r="AP421">
        <v>959.6885114806671</v>
      </c>
      <c r="AQ421">
        <v>1.08984375</v>
      </c>
      <c r="AR421">
        <v>3.99609375</v>
      </c>
      <c r="AS421">
        <v>253</v>
      </c>
      <c r="AT421">
        <v>63.999999999999993</v>
      </c>
      <c r="AU421">
        <v>4.0938730314960647E-2</v>
      </c>
      <c r="AV421">
        <v>-1.8845361547126901E-2</v>
      </c>
      <c r="AW421">
        <v>0.375</v>
      </c>
      <c r="AX421">
        <v>87.97254901960784</v>
      </c>
      <c r="AY421">
        <v>65</v>
      </c>
      <c r="AZ421">
        <v>133</v>
      </c>
      <c r="BA421">
        <v>0.5919164438104445</v>
      </c>
      <c r="BB421">
        <v>0.49609375</v>
      </c>
      <c r="BC421">
        <v>4.8308846578334901</v>
      </c>
      <c r="BD421" t="s">
        <v>1668</v>
      </c>
      <c r="BE421" t="s">
        <v>62</v>
      </c>
    </row>
    <row r="422" spans="1:57" x14ac:dyDescent="0.3">
      <c r="A422" t="s">
        <v>1669</v>
      </c>
      <c r="B422">
        <v>150</v>
      </c>
      <c r="C422" t="s">
        <v>1670</v>
      </c>
      <c r="D422" t="s">
        <v>1671</v>
      </c>
      <c r="E422" t="s">
        <v>60</v>
      </c>
      <c r="F422">
        <v>512</v>
      </c>
      <c r="G422">
        <v>133.982421875</v>
      </c>
      <c r="H422">
        <v>136</v>
      </c>
      <c r="I422">
        <v>5380.7125816345206</v>
      </c>
      <c r="J422">
        <v>73.35334063036612</v>
      </c>
      <c r="K422">
        <v>-0.11915914187524961</v>
      </c>
      <c r="L422">
        <v>-1.194594895573371</v>
      </c>
      <c r="M422">
        <v>7.6169311056484483</v>
      </c>
      <c r="N422">
        <v>6</v>
      </c>
      <c r="O422">
        <v>1</v>
      </c>
      <c r="P422">
        <v>5</v>
      </c>
      <c r="Q422">
        <v>1.198425838254465</v>
      </c>
      <c r="R422">
        <v>5.2796543203995672</v>
      </c>
      <c r="S422">
        <v>2</v>
      </c>
      <c r="T422">
        <v>1</v>
      </c>
      <c r="U422">
        <v>1</v>
      </c>
      <c r="V422">
        <v>6.2560641760670568E-2</v>
      </c>
      <c r="W422">
        <v>6.2309437805711401</v>
      </c>
      <c r="X422">
        <v>1</v>
      </c>
      <c r="Y422">
        <v>1</v>
      </c>
      <c r="Z422">
        <v>0</v>
      </c>
      <c r="AA422">
        <v>0</v>
      </c>
      <c r="AB422">
        <v>6.2344107257183694</v>
      </c>
      <c r="AC422">
        <v>1</v>
      </c>
      <c r="AD422">
        <v>1</v>
      </c>
      <c r="AE422">
        <v>0</v>
      </c>
      <c r="AF422">
        <v>0</v>
      </c>
      <c r="AG422">
        <v>6.2324480165505216</v>
      </c>
      <c r="AH422">
        <v>-2.3185391869376449E-2</v>
      </c>
      <c r="AI422">
        <v>3.0671187288418639E-2</v>
      </c>
      <c r="AJ422">
        <v>2.9800010593801069E-2</v>
      </c>
      <c r="AK422">
        <v>-3.889863418810504E-2</v>
      </c>
      <c r="AL422">
        <v>1584.4636957190739</v>
      </c>
      <c r="AM422">
        <v>3071.7193551736218</v>
      </c>
      <c r="AN422">
        <v>68599</v>
      </c>
      <c r="AO422">
        <v>60.558442382094782</v>
      </c>
      <c r="AP422">
        <v>1378.1152001695989</v>
      </c>
      <c r="AQ422">
        <v>1.044921875</v>
      </c>
      <c r="AR422">
        <v>4.080078125</v>
      </c>
      <c r="AS422">
        <v>511</v>
      </c>
      <c r="AT422">
        <v>140.75</v>
      </c>
      <c r="AU422">
        <v>4.8881740196078383E-2</v>
      </c>
      <c r="AV422">
        <v>-2.325914343002565E-2</v>
      </c>
      <c r="AW422">
        <v>0.341796875</v>
      </c>
      <c r="AX422">
        <v>85.900195694716245</v>
      </c>
      <c r="AY422">
        <v>65</v>
      </c>
      <c r="AZ422">
        <v>129.5</v>
      </c>
      <c r="BA422">
        <v>0.54748480885650597</v>
      </c>
      <c r="BB422">
        <v>0.521484375</v>
      </c>
      <c r="BC422">
        <v>5.0900643395274674</v>
      </c>
      <c r="BD422" t="s">
        <v>1672</v>
      </c>
      <c r="BE422" t="s">
        <v>62</v>
      </c>
    </row>
    <row r="423" spans="1:57" x14ac:dyDescent="0.3">
      <c r="A423" t="s">
        <v>1673</v>
      </c>
      <c r="B423">
        <v>765</v>
      </c>
      <c r="C423" t="s">
        <v>1674</v>
      </c>
      <c r="D423" t="s">
        <v>1675</v>
      </c>
      <c r="E423" t="s">
        <v>93</v>
      </c>
      <c r="F423">
        <v>767</v>
      </c>
      <c r="G423">
        <v>126.8487614080834</v>
      </c>
      <c r="H423">
        <v>124</v>
      </c>
      <c r="I423">
        <v>5476.9523550499844</v>
      </c>
      <c r="J423">
        <v>74.006434551665734</v>
      </c>
      <c r="K423">
        <v>2.3405588496492699E-2</v>
      </c>
      <c r="L423">
        <v>-1.2136708772063309</v>
      </c>
      <c r="M423">
        <v>7.7525409435409074</v>
      </c>
      <c r="N423">
        <v>8</v>
      </c>
      <c r="O423">
        <v>1</v>
      </c>
      <c r="P423">
        <v>7</v>
      </c>
      <c r="Q423">
        <v>1.590559403792553</v>
      </c>
      <c r="R423">
        <v>5.3736518971909257</v>
      </c>
      <c r="S423">
        <v>2</v>
      </c>
      <c r="T423">
        <v>1</v>
      </c>
      <c r="U423">
        <v>1</v>
      </c>
      <c r="V423">
        <v>8.0790676209931134E-2</v>
      </c>
      <c r="W423">
        <v>6.6321332509343272</v>
      </c>
      <c r="X423">
        <v>1</v>
      </c>
      <c r="Y423">
        <v>1</v>
      </c>
      <c r="Z423">
        <v>0</v>
      </c>
      <c r="AA423">
        <v>0</v>
      </c>
      <c r="AB423">
        <v>6.6398758338265349</v>
      </c>
      <c r="AC423">
        <v>1</v>
      </c>
      <c r="AD423">
        <v>1</v>
      </c>
      <c r="AE423">
        <v>0</v>
      </c>
      <c r="AF423">
        <v>0</v>
      </c>
      <c r="AG423">
        <v>6.6385677891665189</v>
      </c>
      <c r="AH423">
        <v>-7.53133535334784E-2</v>
      </c>
      <c r="AI423">
        <v>-1.1787508922774151E-2</v>
      </c>
      <c r="AJ423">
        <v>-9.5115431682283383E-2</v>
      </c>
      <c r="AK423">
        <v>5.8236840639341236E-3</v>
      </c>
      <c r="AL423">
        <v>1946.350311586265</v>
      </c>
      <c r="AM423">
        <v>3571.279807658319</v>
      </c>
      <c r="AN423">
        <v>97293</v>
      </c>
      <c r="AO423">
        <v>34.684829412302513</v>
      </c>
      <c r="AP423">
        <v>1725.532779556341</v>
      </c>
      <c r="AQ423">
        <v>1.0299869621903519</v>
      </c>
      <c r="AR423">
        <v>3.9752281616688401</v>
      </c>
      <c r="AS423">
        <v>765</v>
      </c>
      <c r="AT423">
        <v>197.98696219035199</v>
      </c>
      <c r="AU423">
        <v>1.805274666611922E-2</v>
      </c>
      <c r="AV423">
        <v>-7.5360392186474431E-2</v>
      </c>
      <c r="AW423">
        <v>0.38461538461538458</v>
      </c>
      <c r="AX423">
        <v>90.121409921671017</v>
      </c>
      <c r="AY423">
        <v>64</v>
      </c>
      <c r="AZ423">
        <v>131</v>
      </c>
      <c r="BA423">
        <v>0.58342260287099401</v>
      </c>
      <c r="BB423">
        <v>0.49152542372881358</v>
      </c>
      <c r="BC423">
        <v>5.1956834137590757</v>
      </c>
      <c r="BD423" t="s">
        <v>1676</v>
      </c>
      <c r="BE423" t="s">
        <v>68</v>
      </c>
    </row>
    <row r="424" spans="1:57" x14ac:dyDescent="0.3">
      <c r="A424" t="s">
        <v>1677</v>
      </c>
      <c r="B424">
        <v>3873</v>
      </c>
      <c r="C424" t="s">
        <v>1678</v>
      </c>
      <c r="D424" t="s">
        <v>1679</v>
      </c>
      <c r="E424" t="s">
        <v>72</v>
      </c>
      <c r="F424">
        <v>3880</v>
      </c>
      <c r="G424">
        <v>125.83402061855671</v>
      </c>
      <c r="H424">
        <v>125</v>
      </c>
      <c r="I424">
        <v>5433.5482240408119</v>
      </c>
      <c r="J424">
        <v>73.712605597962764</v>
      </c>
      <c r="K424">
        <v>1.280080057051123E-2</v>
      </c>
      <c r="L424">
        <v>-1.202217568789596</v>
      </c>
      <c r="M424">
        <v>7.9534771152388677</v>
      </c>
      <c r="N424">
        <v>25</v>
      </c>
      <c r="O424">
        <v>7</v>
      </c>
      <c r="P424">
        <v>18</v>
      </c>
      <c r="Q424">
        <v>3.847559088240232</v>
      </c>
      <c r="R424">
        <v>5.5129302380758611</v>
      </c>
      <c r="S424">
        <v>3</v>
      </c>
      <c r="T424">
        <v>1</v>
      </c>
      <c r="U424">
        <v>2</v>
      </c>
      <c r="V424">
        <v>0.1736868644915793</v>
      </c>
      <c r="W424">
        <v>8.2226784372017399</v>
      </c>
      <c r="X424">
        <v>2</v>
      </c>
      <c r="Y424">
        <v>1</v>
      </c>
      <c r="Z424">
        <v>1</v>
      </c>
      <c r="AA424">
        <v>1.605817118006023E-2</v>
      </c>
      <c r="AB424">
        <v>8.2627173591751788</v>
      </c>
      <c r="AC424">
        <v>1</v>
      </c>
      <c r="AD424">
        <v>1</v>
      </c>
      <c r="AE424">
        <v>0</v>
      </c>
      <c r="AF424">
        <v>0</v>
      </c>
      <c r="AG424">
        <v>8.2628169376709266</v>
      </c>
      <c r="AH424">
        <v>4.725524157939762E-3</v>
      </c>
      <c r="AI424">
        <v>-1.861748414026191E-2</v>
      </c>
      <c r="AJ424">
        <v>-2.6883610018043052E-3</v>
      </c>
      <c r="AK424">
        <v>-5.1563529743266856E-3</v>
      </c>
      <c r="AL424">
        <v>4211.6651189327513</v>
      </c>
      <c r="AM424">
        <v>8048.6485154940892</v>
      </c>
      <c r="AN424">
        <v>488236</v>
      </c>
      <c r="AO424">
        <v>93.193241092168677</v>
      </c>
      <c r="AP424">
        <v>3889.996692737132</v>
      </c>
      <c r="AQ424">
        <v>1.0059278350515459</v>
      </c>
      <c r="AR424">
        <v>3.99639175257732</v>
      </c>
      <c r="AS424">
        <v>3859</v>
      </c>
      <c r="AT424">
        <v>250.04536082474229</v>
      </c>
      <c r="AU424">
        <v>1.5292096219931269E-2</v>
      </c>
      <c r="AV424">
        <v>4.7273138475468881E-3</v>
      </c>
      <c r="AW424">
        <v>0.3731958762886598</v>
      </c>
      <c r="AX424">
        <v>84.923433874709971</v>
      </c>
      <c r="AY424">
        <v>64</v>
      </c>
      <c r="AZ424">
        <v>127</v>
      </c>
      <c r="BA424">
        <v>0.58579234165464145</v>
      </c>
      <c r="BB424">
        <v>0.4981958762886598</v>
      </c>
      <c r="BC424">
        <v>5.3165648479945968</v>
      </c>
      <c r="BD424" t="s">
        <v>1680</v>
      </c>
      <c r="BE424" t="s">
        <v>68</v>
      </c>
    </row>
    <row r="425" spans="1:57" x14ac:dyDescent="0.3">
      <c r="A425" t="s">
        <v>1681</v>
      </c>
      <c r="B425">
        <v>148</v>
      </c>
      <c r="C425" t="s">
        <v>1682</v>
      </c>
      <c r="D425" t="s">
        <v>1683</v>
      </c>
      <c r="E425" t="s">
        <v>60</v>
      </c>
      <c r="F425">
        <v>256</v>
      </c>
      <c r="G425">
        <v>127.27734375</v>
      </c>
      <c r="H425">
        <v>125.5</v>
      </c>
      <c r="I425">
        <v>5644.9426116943359</v>
      </c>
      <c r="J425">
        <v>75.13283311372156</v>
      </c>
      <c r="K425">
        <v>2.2863716833524669E-2</v>
      </c>
      <c r="L425">
        <v>-1.1576632403509011</v>
      </c>
      <c r="M425">
        <v>7.09639331042011</v>
      </c>
      <c r="N425">
        <v>8</v>
      </c>
      <c r="O425">
        <v>1</v>
      </c>
      <c r="P425">
        <v>7</v>
      </c>
      <c r="Q425">
        <v>0.8989227262686863</v>
      </c>
      <c r="R425">
        <v>4.9188450152621552</v>
      </c>
      <c r="S425">
        <v>1</v>
      </c>
      <c r="T425">
        <v>1</v>
      </c>
      <c r="U425">
        <v>0</v>
      </c>
      <c r="V425">
        <v>0</v>
      </c>
      <c r="W425">
        <v>5.541263545158424</v>
      </c>
      <c r="X425">
        <v>1</v>
      </c>
      <c r="Y425">
        <v>1</v>
      </c>
      <c r="Z425">
        <v>0</v>
      </c>
      <c r="AA425">
        <v>0</v>
      </c>
      <c r="AB425">
        <v>5.5373342670185366</v>
      </c>
      <c r="AC425">
        <v>1</v>
      </c>
      <c r="AD425">
        <v>1</v>
      </c>
      <c r="AE425">
        <v>0</v>
      </c>
      <c r="AF425">
        <v>0</v>
      </c>
      <c r="AG425">
        <v>5.5333894887275203</v>
      </c>
      <c r="AH425">
        <v>-3.8406075102799399E-2</v>
      </c>
      <c r="AI425">
        <v>3.9458644711247652E-2</v>
      </c>
      <c r="AJ425">
        <v>2.9281734257933852E-2</v>
      </c>
      <c r="AK425">
        <v>0.1300711059120708</v>
      </c>
      <c r="AL425">
        <v>1194.9131397368849</v>
      </c>
      <c r="AM425">
        <v>2040.677727737562</v>
      </c>
      <c r="AN425">
        <v>32583</v>
      </c>
      <c r="AO425">
        <v>192.1272618403016</v>
      </c>
      <c r="AP425">
        <v>938.06553575358623</v>
      </c>
      <c r="AQ425">
        <v>1.08984375</v>
      </c>
      <c r="AR425">
        <v>4.1328125</v>
      </c>
      <c r="AS425">
        <v>255</v>
      </c>
      <c r="AT425">
        <v>74.859374999999986</v>
      </c>
      <c r="AU425">
        <v>4.2754289215686282E-2</v>
      </c>
      <c r="AV425">
        <v>-3.8545695158830912E-2</v>
      </c>
      <c r="AW425">
        <v>0.3828125</v>
      </c>
      <c r="AX425">
        <v>90.564705882352939</v>
      </c>
      <c r="AY425">
        <v>62.5</v>
      </c>
      <c r="AZ425">
        <v>127.75</v>
      </c>
      <c r="BA425">
        <v>0.59030799119518518</v>
      </c>
      <c r="BB425">
        <v>0.48046875</v>
      </c>
      <c r="BC425">
        <v>4.8448780517179362</v>
      </c>
      <c r="BD425" t="s">
        <v>1684</v>
      </c>
      <c r="BE425" t="s">
        <v>62</v>
      </c>
    </row>
    <row r="426" spans="1:57" x14ac:dyDescent="0.3">
      <c r="A426" t="s">
        <v>1685</v>
      </c>
      <c r="B426">
        <v>141</v>
      </c>
      <c r="C426" t="s">
        <v>1686</v>
      </c>
      <c r="D426" t="s">
        <v>1687</v>
      </c>
      <c r="E426" t="s">
        <v>60</v>
      </c>
      <c r="F426">
        <v>512</v>
      </c>
      <c r="G426">
        <v>127.609375</v>
      </c>
      <c r="H426">
        <v>125.5</v>
      </c>
      <c r="I426">
        <v>6020.292724609375</v>
      </c>
      <c r="J426">
        <v>77.590545330016695</v>
      </c>
      <c r="K426">
        <v>4.6124633275819463E-2</v>
      </c>
      <c r="L426">
        <v>-1.2590742017411289</v>
      </c>
      <c r="M426">
        <v>7.5978855003271342</v>
      </c>
      <c r="N426">
        <v>7</v>
      </c>
      <c r="O426">
        <v>1</v>
      </c>
      <c r="P426">
        <v>6</v>
      </c>
      <c r="Q426">
        <v>1.2323916014520711</v>
      </c>
      <c r="R426">
        <v>5.2664529127690409</v>
      </c>
      <c r="S426">
        <v>2</v>
      </c>
      <c r="T426">
        <v>1</v>
      </c>
      <c r="U426">
        <v>1</v>
      </c>
      <c r="V426">
        <v>8.8472037443809867E-2</v>
      </c>
      <c r="W426">
        <v>6.2255179709385784</v>
      </c>
      <c r="X426">
        <v>1</v>
      </c>
      <c r="Y426">
        <v>1</v>
      </c>
      <c r="Z426">
        <v>0</v>
      </c>
      <c r="AA426">
        <v>0</v>
      </c>
      <c r="AB426">
        <v>6.2344107257183694</v>
      </c>
      <c r="AC426">
        <v>1</v>
      </c>
      <c r="AD426">
        <v>1</v>
      </c>
      <c r="AE426">
        <v>0</v>
      </c>
      <c r="AF426">
        <v>0</v>
      </c>
      <c r="AG426">
        <v>6.2324480165505216</v>
      </c>
      <c r="AH426">
        <v>-4.6101564727560829E-2</v>
      </c>
      <c r="AI426">
        <v>5.2362522910642112E-2</v>
      </c>
      <c r="AJ426">
        <v>1.1188093195234391E-2</v>
      </c>
      <c r="AK426">
        <v>-4.7450258950096719E-2</v>
      </c>
      <c r="AL426">
        <v>1665.3793499419351</v>
      </c>
      <c r="AM426">
        <v>2940.4740469500798</v>
      </c>
      <c r="AN426">
        <v>65336</v>
      </c>
      <c r="AO426">
        <v>88.979748355174948</v>
      </c>
      <c r="AP426">
        <v>1415.036056175273</v>
      </c>
      <c r="AQ426">
        <v>1.044921875</v>
      </c>
      <c r="AR426">
        <v>3.994140625</v>
      </c>
      <c r="AS426">
        <v>511</v>
      </c>
      <c r="AT426">
        <v>146.1953125</v>
      </c>
      <c r="AU426">
        <v>4.6430759803921529E-2</v>
      </c>
      <c r="AV426">
        <v>-4.6117341309337083E-2</v>
      </c>
      <c r="AW426">
        <v>0.365234375</v>
      </c>
      <c r="AX426">
        <v>91.941291585127203</v>
      </c>
      <c r="AY426">
        <v>69</v>
      </c>
      <c r="AZ426">
        <v>138.75</v>
      </c>
      <c r="BA426">
        <v>0.60803170088417635</v>
      </c>
      <c r="BB426">
        <v>0.490234375</v>
      </c>
      <c r="BC426">
        <v>5.1589457442494453</v>
      </c>
      <c r="BD426" t="s">
        <v>1688</v>
      </c>
      <c r="BE426" t="s">
        <v>62</v>
      </c>
    </row>
    <row r="427" spans="1:57" x14ac:dyDescent="0.3">
      <c r="A427" t="s">
        <v>1689</v>
      </c>
      <c r="B427">
        <v>3813</v>
      </c>
      <c r="C427" t="s">
        <v>1690</v>
      </c>
      <c r="D427" t="s">
        <v>1691</v>
      </c>
      <c r="E427" t="s">
        <v>72</v>
      </c>
      <c r="F427">
        <v>3824</v>
      </c>
      <c r="G427">
        <v>128.51438284518829</v>
      </c>
      <c r="H427">
        <v>130</v>
      </c>
      <c r="I427">
        <v>5561.6624500375292</v>
      </c>
      <c r="J427">
        <v>74.576554291798232</v>
      </c>
      <c r="K427">
        <v>-8.7943735926695431E-3</v>
      </c>
      <c r="L427">
        <v>-1.2187918309947801</v>
      </c>
      <c r="M427">
        <v>7.9524974539356217</v>
      </c>
      <c r="N427">
        <v>24</v>
      </c>
      <c r="O427">
        <v>5</v>
      </c>
      <c r="P427">
        <v>19</v>
      </c>
      <c r="Q427">
        <v>3.7598828106737581</v>
      </c>
      <c r="R427">
        <v>5.5122511886056209</v>
      </c>
      <c r="S427">
        <v>3</v>
      </c>
      <c r="T427">
        <v>1</v>
      </c>
      <c r="U427">
        <v>2</v>
      </c>
      <c r="V427">
        <v>0.17564871523323841</v>
      </c>
      <c r="W427">
        <v>8.2065900028479479</v>
      </c>
      <c r="X427">
        <v>2</v>
      </c>
      <c r="Y427">
        <v>1</v>
      </c>
      <c r="Z427">
        <v>1</v>
      </c>
      <c r="AA427">
        <v>1.617538564811561E-2</v>
      </c>
      <c r="AB427">
        <v>8.2481664104200156</v>
      </c>
      <c r="AC427">
        <v>1</v>
      </c>
      <c r="AD427">
        <v>1</v>
      </c>
      <c r="AE427">
        <v>0</v>
      </c>
      <c r="AF427">
        <v>0</v>
      </c>
      <c r="AG427">
        <v>8.2482674474468975</v>
      </c>
      <c r="AH427">
        <v>1.215967360391346E-2</v>
      </c>
      <c r="AI427">
        <v>-7.8769188511154959E-3</v>
      </c>
      <c r="AJ427">
        <v>-2.9311263508883411E-4</v>
      </c>
      <c r="AK427">
        <v>1.5154312936031721E-2</v>
      </c>
      <c r="AL427">
        <v>4198.5878565021239</v>
      </c>
      <c r="AM427">
        <v>8172.9209595610864</v>
      </c>
      <c r="AN427">
        <v>491439</v>
      </c>
      <c r="AO427">
        <v>68.495887582145997</v>
      </c>
      <c r="AP427">
        <v>3851.2138047356011</v>
      </c>
      <c r="AQ427">
        <v>1.0060146443514639</v>
      </c>
      <c r="AR427">
        <v>4.03321129707113</v>
      </c>
      <c r="AS427">
        <v>3814</v>
      </c>
      <c r="AT427">
        <v>242.2761506276151</v>
      </c>
      <c r="AU427">
        <v>1.7346582984658299E-2</v>
      </c>
      <c r="AV427">
        <v>1.2162506470062361E-2</v>
      </c>
      <c r="AW427">
        <v>0.36480125523012552</v>
      </c>
      <c r="AX427">
        <v>85.809312058592724</v>
      </c>
      <c r="AY427">
        <v>64.5</v>
      </c>
      <c r="AZ427">
        <v>129</v>
      </c>
      <c r="BA427">
        <v>0.58029733824917518</v>
      </c>
      <c r="BB427">
        <v>0.50287656903765687</v>
      </c>
      <c r="BC427">
        <v>5.3209440100373344</v>
      </c>
      <c r="BD427" t="s">
        <v>1692</v>
      </c>
      <c r="BE427" t="s">
        <v>62</v>
      </c>
    </row>
    <row r="428" spans="1:57" x14ac:dyDescent="0.3">
      <c r="A428" t="s">
        <v>1693</v>
      </c>
      <c r="B428">
        <v>1991</v>
      </c>
      <c r="C428" t="s">
        <v>1694</v>
      </c>
      <c r="D428" t="s">
        <v>1695</v>
      </c>
      <c r="E428" t="s">
        <v>128</v>
      </c>
      <c r="F428">
        <v>32</v>
      </c>
      <c r="G428">
        <v>119.46875</v>
      </c>
      <c r="H428">
        <v>117.5</v>
      </c>
      <c r="I428">
        <v>5601.9990234375</v>
      </c>
      <c r="J428">
        <v>74.846503080888823</v>
      </c>
      <c r="K428">
        <v>4.456415123221559E-2</v>
      </c>
      <c r="L428">
        <v>-1.2722699022624411</v>
      </c>
      <c r="M428">
        <v>4.6875</v>
      </c>
      <c r="N428">
        <v>2</v>
      </c>
      <c r="O428">
        <v>1</v>
      </c>
      <c r="P428">
        <v>1</v>
      </c>
      <c r="Q428">
        <v>0.38844772154450058</v>
      </c>
      <c r="R428">
        <v>3.2491274088747431</v>
      </c>
      <c r="S428">
        <v>1</v>
      </c>
      <c r="T428">
        <v>1</v>
      </c>
      <c r="U428">
        <v>0</v>
      </c>
      <c r="V428">
        <v>0</v>
      </c>
      <c r="W428">
        <v>3.4339872044851458</v>
      </c>
      <c r="X428">
        <v>1</v>
      </c>
      <c r="Y428">
        <v>1</v>
      </c>
      <c r="Z428">
        <v>0</v>
      </c>
      <c r="AA428">
        <v>0</v>
      </c>
      <c r="AB428">
        <v>3.401197381662155</v>
      </c>
      <c r="AC428">
        <v>1</v>
      </c>
      <c r="AD428">
        <v>1</v>
      </c>
      <c r="AE428">
        <v>0</v>
      </c>
      <c r="AF428">
        <v>0</v>
      </c>
      <c r="AG428">
        <v>3.3672958299864728</v>
      </c>
      <c r="AH428">
        <v>4.760507135340046E-2</v>
      </c>
      <c r="AI428">
        <v>-0.37545819956150561</v>
      </c>
      <c r="AJ428">
        <v>0.1107085699127003</v>
      </c>
      <c r="AK428">
        <v>0.18314832988084781</v>
      </c>
      <c r="AL428">
        <v>460.03826173122258</v>
      </c>
      <c r="AM428">
        <v>651.42750766552308</v>
      </c>
      <c r="AN428">
        <v>3823</v>
      </c>
      <c r="AO428">
        <v>78.538692448588435</v>
      </c>
      <c r="AP428">
        <v>290.65856820195211</v>
      </c>
      <c r="AQ428">
        <v>1.65625</v>
      </c>
      <c r="AR428">
        <v>4.1875</v>
      </c>
      <c r="AS428">
        <v>32</v>
      </c>
      <c r="AT428">
        <v>3.4375</v>
      </c>
      <c r="AU428">
        <v>0.12816295546558701</v>
      </c>
      <c r="AV428">
        <v>4.8334654974244433E-2</v>
      </c>
      <c r="AW428">
        <v>0.4375</v>
      </c>
      <c r="AX428">
        <v>86.387096774193552</v>
      </c>
      <c r="AY428">
        <v>72.5</v>
      </c>
      <c r="AZ428">
        <v>139.25</v>
      </c>
      <c r="BA428">
        <v>0.6264944019326294</v>
      </c>
      <c r="BB428">
        <v>0.4375</v>
      </c>
      <c r="BC428">
        <v>3.2551105127277409</v>
      </c>
      <c r="BD428" t="s">
        <v>1696</v>
      </c>
      <c r="BE428" t="s">
        <v>62</v>
      </c>
    </row>
    <row r="429" spans="1:57" x14ac:dyDescent="0.3">
      <c r="A429" t="s">
        <v>1697</v>
      </c>
      <c r="B429">
        <v>2891</v>
      </c>
      <c r="C429" t="s">
        <v>1698</v>
      </c>
      <c r="D429" t="s">
        <v>1699</v>
      </c>
      <c r="E429" t="s">
        <v>115</v>
      </c>
      <c r="F429">
        <v>3008</v>
      </c>
      <c r="G429">
        <v>125.8936170212766</v>
      </c>
      <c r="H429">
        <v>124</v>
      </c>
      <c r="I429">
        <v>5528.8590284065194</v>
      </c>
      <c r="J429">
        <v>74.35629783956783</v>
      </c>
      <c r="K429">
        <v>4.4011483581427951E-2</v>
      </c>
      <c r="L429">
        <v>-1.236896802492659</v>
      </c>
      <c r="M429">
        <v>7.9329003888911922</v>
      </c>
      <c r="N429">
        <v>22</v>
      </c>
      <c r="O429">
        <v>3</v>
      </c>
      <c r="P429">
        <v>19</v>
      </c>
      <c r="Q429">
        <v>3.5454636509207091</v>
      </c>
      <c r="R429">
        <v>5.4986675382228229</v>
      </c>
      <c r="S429">
        <v>2</v>
      </c>
      <c r="T429">
        <v>1</v>
      </c>
      <c r="U429">
        <v>1</v>
      </c>
      <c r="V429">
        <v>0.15033893401236881</v>
      </c>
      <c r="W429">
        <v>7.9773486596908416</v>
      </c>
      <c r="X429">
        <v>1</v>
      </c>
      <c r="Y429">
        <v>1</v>
      </c>
      <c r="Z429">
        <v>0</v>
      </c>
      <c r="AA429">
        <v>0</v>
      </c>
      <c r="AB429">
        <v>8.0083655703129217</v>
      </c>
      <c r="AC429">
        <v>1</v>
      </c>
      <c r="AD429">
        <v>1</v>
      </c>
      <c r="AE429">
        <v>0</v>
      </c>
      <c r="AF429">
        <v>0</v>
      </c>
      <c r="AG429">
        <v>8.0080328469693107</v>
      </c>
      <c r="AH429">
        <v>5.3775044622390387E-3</v>
      </c>
      <c r="AI429">
        <v>-2.0774845715687589E-2</v>
      </c>
      <c r="AJ429">
        <v>-4.8388107198555578E-4</v>
      </c>
      <c r="AK429">
        <v>-1.170648632570874E-2</v>
      </c>
      <c r="AL429">
        <v>3739.5465945421079</v>
      </c>
      <c r="AM429">
        <v>7093.7297148431389</v>
      </c>
      <c r="AN429">
        <v>378688</v>
      </c>
      <c r="AO429">
        <v>80.768689192184297</v>
      </c>
      <c r="AP429">
        <v>3444.679244612274</v>
      </c>
      <c r="AQ429">
        <v>1.007646276595745</v>
      </c>
      <c r="AR429">
        <v>4.0149601063829783</v>
      </c>
      <c r="AS429">
        <v>2993</v>
      </c>
      <c r="AT429">
        <v>273.87234042553189</v>
      </c>
      <c r="AU429">
        <v>2.1822851481017948E-2</v>
      </c>
      <c r="AV429">
        <v>5.378686859458138E-3</v>
      </c>
      <c r="AW429">
        <v>0.38364361702127658</v>
      </c>
      <c r="AX429">
        <v>85.522115064848691</v>
      </c>
      <c r="AY429">
        <v>66.5</v>
      </c>
      <c r="AZ429">
        <v>133</v>
      </c>
      <c r="BA429">
        <v>0.59062802069624609</v>
      </c>
      <c r="BB429">
        <v>0.49601063829787229</v>
      </c>
      <c r="BC429">
        <v>5.3068708004402652</v>
      </c>
      <c r="BD429" t="s">
        <v>1700</v>
      </c>
      <c r="BE429" t="s">
        <v>62</v>
      </c>
    </row>
    <row r="430" spans="1:57" x14ac:dyDescent="0.3">
      <c r="A430" t="s">
        <v>1701</v>
      </c>
      <c r="B430">
        <v>1437</v>
      </c>
      <c r="C430" t="s">
        <v>1702</v>
      </c>
      <c r="D430" t="s">
        <v>1703</v>
      </c>
      <c r="E430" t="s">
        <v>93</v>
      </c>
      <c r="F430">
        <v>1441</v>
      </c>
      <c r="G430">
        <v>126.43372657876471</v>
      </c>
      <c r="H430">
        <v>127</v>
      </c>
      <c r="I430">
        <v>5442.5176411438388</v>
      </c>
      <c r="J430">
        <v>73.773420966794262</v>
      </c>
      <c r="K430">
        <v>6.2271009991206683E-3</v>
      </c>
      <c r="L430">
        <v>-1.1859739044456989</v>
      </c>
      <c r="M430">
        <v>7.8717727362932877</v>
      </c>
      <c r="N430">
        <v>12</v>
      </c>
      <c r="O430">
        <v>1</v>
      </c>
      <c r="P430">
        <v>11</v>
      </c>
      <c r="Q430">
        <v>2.3080583135421291</v>
      </c>
      <c r="R430">
        <v>5.456297078170337</v>
      </c>
      <c r="S430">
        <v>3</v>
      </c>
      <c r="T430">
        <v>1</v>
      </c>
      <c r="U430">
        <v>2</v>
      </c>
      <c r="V430">
        <v>0.11791720348086181</v>
      </c>
      <c r="W430">
        <v>7.2547063462895469</v>
      </c>
      <c r="X430">
        <v>1</v>
      </c>
      <c r="Y430">
        <v>1</v>
      </c>
      <c r="Z430">
        <v>0</v>
      </c>
      <c r="AA430">
        <v>0</v>
      </c>
      <c r="AB430">
        <v>7.271703706887366</v>
      </c>
      <c r="AC430">
        <v>1</v>
      </c>
      <c r="AD430">
        <v>1</v>
      </c>
      <c r="AE430">
        <v>0</v>
      </c>
      <c r="AF430">
        <v>0</v>
      </c>
      <c r="AG430">
        <v>7.2710085382809906</v>
      </c>
      <c r="AH430">
        <v>2.650137775134535E-2</v>
      </c>
      <c r="AI430">
        <v>-9.3308710528282063E-3</v>
      </c>
      <c r="AJ430">
        <v>4.9016548417914051E-2</v>
      </c>
      <c r="AK430">
        <v>-1.781171257605467E-2</v>
      </c>
      <c r="AL430">
        <v>2589.839312083232</v>
      </c>
      <c r="AM430">
        <v>4916.3489845197373</v>
      </c>
      <c r="AN430">
        <v>182191</v>
      </c>
      <c r="AO430">
        <v>33.928087080150213</v>
      </c>
      <c r="AP430">
        <v>2246.8417401278862</v>
      </c>
      <c r="AQ430">
        <v>1.0159611380985429</v>
      </c>
      <c r="AR430">
        <v>3.9673837612768912</v>
      </c>
      <c r="AS430">
        <v>1434</v>
      </c>
      <c r="AT430">
        <v>242.2755031228314</v>
      </c>
      <c r="AU430">
        <v>1.8660788395858049E-2</v>
      </c>
      <c r="AV430">
        <v>2.652463154535668E-2</v>
      </c>
      <c r="AW430">
        <v>0.36641221374045801</v>
      </c>
      <c r="AX430">
        <v>84.068749999999994</v>
      </c>
      <c r="AY430">
        <v>63</v>
      </c>
      <c r="AZ430">
        <v>126</v>
      </c>
      <c r="BA430">
        <v>0.58349479180173847</v>
      </c>
      <c r="BB430">
        <v>0.50451075641915333</v>
      </c>
      <c r="BC430">
        <v>5.2564852926393488</v>
      </c>
      <c r="BD430" t="s">
        <v>1704</v>
      </c>
      <c r="BE430" t="s">
        <v>68</v>
      </c>
    </row>
    <row r="431" spans="1:57" x14ac:dyDescent="0.3">
      <c r="A431" t="s">
        <v>1705</v>
      </c>
      <c r="B431">
        <v>3867</v>
      </c>
      <c r="C431" t="s">
        <v>1706</v>
      </c>
      <c r="D431" t="s">
        <v>1707</v>
      </c>
      <c r="E431" t="s">
        <v>128</v>
      </c>
      <c r="F431">
        <v>32</v>
      </c>
      <c r="G431">
        <v>143.03125</v>
      </c>
      <c r="H431">
        <v>156</v>
      </c>
      <c r="I431">
        <v>4445.2802734375</v>
      </c>
      <c r="J431">
        <v>66.672935089416157</v>
      </c>
      <c r="K431">
        <v>-0.41162236626779919</v>
      </c>
      <c r="L431">
        <v>-1.0223897667781481</v>
      </c>
      <c r="M431">
        <v>4.9375</v>
      </c>
      <c r="N431">
        <v>2</v>
      </c>
      <c r="O431">
        <v>1</v>
      </c>
      <c r="P431">
        <v>1</v>
      </c>
      <c r="Q431">
        <v>0.1766846959694085</v>
      </c>
      <c r="R431">
        <v>3.422414204014729</v>
      </c>
      <c r="S431">
        <v>1</v>
      </c>
      <c r="T431">
        <v>1</v>
      </c>
      <c r="U431">
        <v>0</v>
      </c>
      <c r="V431">
        <v>0</v>
      </c>
      <c r="W431">
        <v>3.4339872044851458</v>
      </c>
      <c r="X431">
        <v>1</v>
      </c>
      <c r="Y431">
        <v>1</v>
      </c>
      <c r="Z431">
        <v>0</v>
      </c>
      <c r="AA431">
        <v>0</v>
      </c>
      <c r="AB431">
        <v>3.401197381662155</v>
      </c>
      <c r="AC431">
        <v>1</v>
      </c>
      <c r="AD431">
        <v>1</v>
      </c>
      <c r="AE431">
        <v>0</v>
      </c>
      <c r="AF431">
        <v>0</v>
      </c>
      <c r="AG431">
        <v>3.3672958299864728</v>
      </c>
      <c r="AH431">
        <v>-1.206226478575086E-2</v>
      </c>
      <c r="AI431">
        <v>9.0457584051026732E-2</v>
      </c>
      <c r="AJ431">
        <v>-0.1066172395911482</v>
      </c>
      <c r="AK431">
        <v>-9.0770498226371149E-2</v>
      </c>
      <c r="AL431">
        <v>469.38255692739182</v>
      </c>
      <c r="AM431">
        <v>759.33063631879327</v>
      </c>
      <c r="AN431">
        <v>4577</v>
      </c>
      <c r="AO431">
        <v>61.994203460159852</v>
      </c>
      <c r="AP431">
        <v>277.42430062565052</v>
      </c>
      <c r="AQ431">
        <v>1.71875</v>
      </c>
      <c r="AR431">
        <v>3.90625</v>
      </c>
      <c r="AS431">
        <v>32</v>
      </c>
      <c r="AT431">
        <v>0.93749999999999978</v>
      </c>
      <c r="AU431">
        <v>0.14474999999999999</v>
      </c>
      <c r="AV431">
        <v>-1.204147846937636E-2</v>
      </c>
      <c r="AW431">
        <v>0.21875</v>
      </c>
      <c r="AX431">
        <v>82.064516129032256</v>
      </c>
      <c r="AY431">
        <v>49</v>
      </c>
      <c r="AZ431">
        <v>107.75</v>
      </c>
      <c r="BA431">
        <v>0.46614243453382498</v>
      </c>
      <c r="BB431">
        <v>0.5625</v>
      </c>
      <c r="BC431">
        <v>3.2551105127277409</v>
      </c>
      <c r="BD431" t="s">
        <v>1708</v>
      </c>
      <c r="BE431" t="s">
        <v>62</v>
      </c>
    </row>
    <row r="432" spans="1:57" x14ac:dyDescent="0.3">
      <c r="A432" t="s">
        <v>1709</v>
      </c>
      <c r="B432">
        <v>955</v>
      </c>
      <c r="C432" t="s">
        <v>1710</v>
      </c>
      <c r="D432" t="s">
        <v>1711</v>
      </c>
      <c r="E432" t="s">
        <v>66</v>
      </c>
      <c r="F432">
        <v>71</v>
      </c>
      <c r="G432">
        <v>121.50704225352111</v>
      </c>
      <c r="H432">
        <v>134</v>
      </c>
      <c r="I432">
        <v>6833.4048799841303</v>
      </c>
      <c r="J432">
        <v>82.664411205694378</v>
      </c>
      <c r="K432">
        <v>-7.704024773432851E-3</v>
      </c>
      <c r="L432">
        <v>-1.466102582239414</v>
      </c>
      <c r="M432">
        <v>5.8186235278944389</v>
      </c>
      <c r="N432">
        <v>3</v>
      </c>
      <c r="O432">
        <v>1</v>
      </c>
      <c r="P432">
        <v>2</v>
      </c>
      <c r="Q432">
        <v>0.46517619123176213</v>
      </c>
      <c r="R432">
        <v>4.0331624930997956</v>
      </c>
      <c r="S432">
        <v>1</v>
      </c>
      <c r="T432">
        <v>1</v>
      </c>
      <c r="U432">
        <v>0</v>
      </c>
      <c r="V432">
        <v>0</v>
      </c>
      <c r="W432">
        <v>4.2484952420493576</v>
      </c>
      <c r="X432">
        <v>1</v>
      </c>
      <c r="Y432">
        <v>1</v>
      </c>
      <c r="Z432">
        <v>0</v>
      </c>
      <c r="AA432">
        <v>0</v>
      </c>
      <c r="AB432">
        <v>4.2341065045972579</v>
      </c>
      <c r="AC432">
        <v>1</v>
      </c>
      <c r="AD432">
        <v>1</v>
      </c>
      <c r="AE432">
        <v>0</v>
      </c>
      <c r="AF432">
        <v>0</v>
      </c>
      <c r="AG432">
        <v>4.2195077051761087</v>
      </c>
      <c r="AH432">
        <v>-8.7693507155361547E-2</v>
      </c>
      <c r="AI432">
        <v>9.975908322047207E-2</v>
      </c>
      <c r="AJ432">
        <v>-8.2635040392713369E-2</v>
      </c>
      <c r="AK432">
        <v>-4.992881380153253E-2</v>
      </c>
      <c r="AL432">
        <v>731.01813711392469</v>
      </c>
      <c r="AM432">
        <v>999.5126228369943</v>
      </c>
      <c r="AN432">
        <v>8627</v>
      </c>
      <c r="AO432">
        <v>95.153834566398615</v>
      </c>
      <c r="AP432">
        <v>645.12767951628803</v>
      </c>
      <c r="AQ432">
        <v>1.323943661971831</v>
      </c>
      <c r="AR432">
        <v>3.746478873239437</v>
      </c>
      <c r="AS432">
        <v>71</v>
      </c>
      <c r="AT432">
        <v>10.971830985915499</v>
      </c>
      <c r="AU432">
        <v>0.13570836785418389</v>
      </c>
      <c r="AV432">
        <v>-8.8701122514352096E-2</v>
      </c>
      <c r="AW432">
        <v>0.323943661971831</v>
      </c>
      <c r="AX432">
        <v>104.6857142857143</v>
      </c>
      <c r="AY432">
        <v>78</v>
      </c>
      <c r="AZ432">
        <v>155.5</v>
      </c>
      <c r="BA432">
        <v>0.68032609199076166</v>
      </c>
      <c r="BB432">
        <v>0.53521126760563376</v>
      </c>
      <c r="BC432">
        <v>4.003369806660741</v>
      </c>
      <c r="BD432" t="s">
        <v>1712</v>
      </c>
      <c r="BE432" t="s">
        <v>68</v>
      </c>
    </row>
    <row r="433" spans="1:57" x14ac:dyDescent="0.3">
      <c r="A433" t="s">
        <v>1713</v>
      </c>
      <c r="B433">
        <v>649</v>
      </c>
      <c r="C433" t="s">
        <v>1714</v>
      </c>
      <c r="D433" t="s">
        <v>1715</v>
      </c>
      <c r="E433" t="s">
        <v>72</v>
      </c>
      <c r="F433">
        <v>664</v>
      </c>
      <c r="G433">
        <v>129.6355421686747</v>
      </c>
      <c r="H433">
        <v>131</v>
      </c>
      <c r="I433">
        <v>5504.6051222964143</v>
      </c>
      <c r="J433">
        <v>74.19302610283809</v>
      </c>
      <c r="K433">
        <v>-8.6495326952797241E-3</v>
      </c>
      <c r="L433">
        <v>-1.193030362393469</v>
      </c>
      <c r="M433">
        <v>7.7118251849559014</v>
      </c>
      <c r="N433">
        <v>8</v>
      </c>
      <c r="O433">
        <v>1</v>
      </c>
      <c r="P433">
        <v>7</v>
      </c>
      <c r="Q433">
        <v>1.4104886189540331</v>
      </c>
      <c r="R433">
        <v>5.3454298839233676</v>
      </c>
      <c r="S433">
        <v>2</v>
      </c>
      <c r="T433">
        <v>1</v>
      </c>
      <c r="U433">
        <v>1</v>
      </c>
      <c r="V433">
        <v>8.6839177064812492E-2</v>
      </c>
      <c r="W433">
        <v>6.4863202815801326</v>
      </c>
      <c r="X433">
        <v>1</v>
      </c>
      <c r="Y433">
        <v>1</v>
      </c>
      <c r="Z433">
        <v>0</v>
      </c>
      <c r="AA433">
        <v>0</v>
      </c>
      <c r="AB433">
        <v>6.4952655559370074</v>
      </c>
      <c r="AC433">
        <v>1</v>
      </c>
      <c r="AD433">
        <v>1</v>
      </c>
      <c r="AE433">
        <v>0</v>
      </c>
      <c r="AF433">
        <v>0</v>
      </c>
      <c r="AG433">
        <v>6.4937538398516867</v>
      </c>
      <c r="AH433">
        <v>-3.8955837470437023E-2</v>
      </c>
      <c r="AI433">
        <v>1.5124208105459841E-2</v>
      </c>
      <c r="AJ433">
        <v>-7.0099757126439025E-2</v>
      </c>
      <c r="AK433">
        <v>1.035479150328412E-2</v>
      </c>
      <c r="AL433">
        <v>1800.389777407539</v>
      </c>
      <c r="AM433">
        <v>3401.8263696735662</v>
      </c>
      <c r="AN433">
        <v>86078</v>
      </c>
      <c r="AO433">
        <v>86.617559391566971</v>
      </c>
      <c r="AP433">
        <v>1480.2275815805151</v>
      </c>
      <c r="AQ433">
        <v>1.034638554216867</v>
      </c>
      <c r="AR433">
        <v>4.0256024096385543</v>
      </c>
      <c r="AS433">
        <v>662</v>
      </c>
      <c r="AT433">
        <v>169.7168674698795</v>
      </c>
      <c r="AU433">
        <v>2.8697141507205259E-2</v>
      </c>
      <c r="AV433">
        <v>-3.8997809053048692E-2</v>
      </c>
      <c r="AW433">
        <v>0.35692771084337349</v>
      </c>
      <c r="AX433">
        <v>88.512820512820511</v>
      </c>
      <c r="AY433">
        <v>65</v>
      </c>
      <c r="AZ433">
        <v>131.25</v>
      </c>
      <c r="BA433">
        <v>0.57232009726392907</v>
      </c>
      <c r="BB433">
        <v>0.50753012048192769</v>
      </c>
      <c r="BC433">
        <v>5.1943030648602626</v>
      </c>
      <c r="BD433" t="s">
        <v>1716</v>
      </c>
      <c r="BE433" t="s">
        <v>68</v>
      </c>
    </row>
    <row r="434" spans="1:57" x14ac:dyDescent="0.3">
      <c r="A434" t="s">
        <v>1717</v>
      </c>
      <c r="B434">
        <v>1288</v>
      </c>
      <c r="C434" t="s">
        <v>1718</v>
      </c>
      <c r="D434" t="s">
        <v>1719</v>
      </c>
      <c r="E434" t="s">
        <v>66</v>
      </c>
      <c r="F434">
        <v>72</v>
      </c>
      <c r="G434">
        <v>130.83333333333329</v>
      </c>
      <c r="H434">
        <v>133</v>
      </c>
      <c r="I434">
        <v>5460.3888888888887</v>
      </c>
      <c r="J434">
        <v>73.894444235604666</v>
      </c>
      <c r="K434">
        <v>-0.2080215979042726</v>
      </c>
      <c r="L434">
        <v>-1.0427876954835451</v>
      </c>
      <c r="M434">
        <v>5.8538848972456003</v>
      </c>
      <c r="N434">
        <v>3</v>
      </c>
      <c r="O434">
        <v>1</v>
      </c>
      <c r="P434">
        <v>2</v>
      </c>
      <c r="Q434">
        <v>0.42496660317428592</v>
      </c>
      <c r="R434">
        <v>4.0576038118482298</v>
      </c>
      <c r="S434">
        <v>2</v>
      </c>
      <c r="T434">
        <v>1</v>
      </c>
      <c r="U434">
        <v>1</v>
      </c>
      <c r="V434">
        <v>0.16776575221435111</v>
      </c>
      <c r="W434">
        <v>4.2236293316576567</v>
      </c>
      <c r="X434">
        <v>2</v>
      </c>
      <c r="Y434">
        <v>1</v>
      </c>
      <c r="Z434">
        <v>1</v>
      </c>
      <c r="AA434">
        <v>0.11951030798891769</v>
      </c>
      <c r="AB434">
        <v>4.2286910368905044</v>
      </c>
      <c r="AC434">
        <v>1</v>
      </c>
      <c r="AD434">
        <v>1</v>
      </c>
      <c r="AE434">
        <v>0</v>
      </c>
      <c r="AF434">
        <v>0</v>
      </c>
      <c r="AG434">
        <v>4.2341065045972579</v>
      </c>
      <c r="AH434">
        <v>3.950625605511298E-2</v>
      </c>
      <c r="AI434">
        <v>8.3833003799530389E-2</v>
      </c>
      <c r="AJ434">
        <v>-6.0077813500824723E-2</v>
      </c>
      <c r="AK434">
        <v>-0.1109941068277369</v>
      </c>
      <c r="AL434">
        <v>672.10178674973236</v>
      </c>
      <c r="AM434">
        <v>1083.4561312059741</v>
      </c>
      <c r="AN434">
        <v>9420</v>
      </c>
      <c r="AO434">
        <v>42.000000000000071</v>
      </c>
      <c r="AP434">
        <v>476.92186508655448</v>
      </c>
      <c r="AQ434">
        <v>1.319444444444444</v>
      </c>
      <c r="AR434">
        <v>3.916666666666667</v>
      </c>
      <c r="AS434">
        <v>72</v>
      </c>
      <c r="AT434">
        <v>9.3333333333333357</v>
      </c>
      <c r="AU434">
        <v>7.4912510936132992E-2</v>
      </c>
      <c r="AV434">
        <v>3.9844843155121899E-2</v>
      </c>
      <c r="AW434">
        <v>0.34722222222222221</v>
      </c>
      <c r="AX434">
        <v>81.535211267605632</v>
      </c>
      <c r="AY434">
        <v>55.5</v>
      </c>
      <c r="AZ434">
        <v>110.5</v>
      </c>
      <c r="BA434">
        <v>0.56479829988997188</v>
      </c>
      <c r="BB434">
        <v>0.51388888888888884</v>
      </c>
      <c r="BC434">
        <v>4.0136372204079667</v>
      </c>
      <c r="BD434" t="s">
        <v>1720</v>
      </c>
      <c r="BE434" t="s">
        <v>68</v>
      </c>
    </row>
    <row r="435" spans="1:57" x14ac:dyDescent="0.3">
      <c r="A435" t="s">
        <v>1721</v>
      </c>
      <c r="B435">
        <v>1095</v>
      </c>
      <c r="C435" t="s">
        <v>1722</v>
      </c>
      <c r="D435" t="s">
        <v>1723</v>
      </c>
      <c r="E435" t="s">
        <v>115</v>
      </c>
      <c r="F435">
        <v>1136</v>
      </c>
      <c r="G435">
        <v>127.5827464788732</v>
      </c>
      <c r="H435">
        <v>128</v>
      </c>
      <c r="I435">
        <v>5407.3980825976987</v>
      </c>
      <c r="J435">
        <v>73.535012630703335</v>
      </c>
      <c r="K435">
        <v>6.2444825017903176E-3</v>
      </c>
      <c r="L435">
        <v>-1.1970827847452929</v>
      </c>
      <c r="M435">
        <v>7.84069625484545</v>
      </c>
      <c r="N435">
        <v>10</v>
      </c>
      <c r="O435">
        <v>1</v>
      </c>
      <c r="P435">
        <v>9</v>
      </c>
      <c r="Q435">
        <v>2.015009707303725</v>
      </c>
      <c r="R435">
        <v>5.434756502673034</v>
      </c>
      <c r="S435">
        <v>2</v>
      </c>
      <c r="T435">
        <v>1</v>
      </c>
      <c r="U435">
        <v>1</v>
      </c>
      <c r="V435">
        <v>7.8531289127734175E-2</v>
      </c>
      <c r="W435">
        <v>7.025838096851329</v>
      </c>
      <c r="X435">
        <v>1</v>
      </c>
      <c r="Y435">
        <v>1</v>
      </c>
      <c r="Z435">
        <v>0</v>
      </c>
      <c r="AA435">
        <v>0</v>
      </c>
      <c r="AB435">
        <v>7.0335064842876953</v>
      </c>
      <c r="AC435">
        <v>1</v>
      </c>
      <c r="AD435">
        <v>1</v>
      </c>
      <c r="AE435">
        <v>0</v>
      </c>
      <c r="AF435">
        <v>0</v>
      </c>
      <c r="AG435">
        <v>7.0326242610280048</v>
      </c>
      <c r="AH435">
        <v>-2.6312442791104191E-2</v>
      </c>
      <c r="AI435">
        <v>-1.172059292597539E-2</v>
      </c>
      <c r="AJ435">
        <v>-6.4877348068304724E-2</v>
      </c>
      <c r="AK435">
        <v>-5.2572143553510052E-2</v>
      </c>
      <c r="AL435">
        <v>2335.8670063156478</v>
      </c>
      <c r="AM435">
        <v>4379.2245122630984</v>
      </c>
      <c r="AN435">
        <v>144934</v>
      </c>
      <c r="AO435">
        <v>83.955782285461879</v>
      </c>
      <c r="AP435">
        <v>2141.3545465932912</v>
      </c>
      <c r="AQ435">
        <v>1.020246478873239</v>
      </c>
      <c r="AR435">
        <v>4.060739436619718</v>
      </c>
      <c r="AS435">
        <v>1133</v>
      </c>
      <c r="AT435">
        <v>230.5915492957746</v>
      </c>
      <c r="AU435">
        <v>1.2672604252968791E-2</v>
      </c>
      <c r="AV435">
        <v>-2.634508344417855E-2</v>
      </c>
      <c r="AW435">
        <v>0.36795774647887319</v>
      </c>
      <c r="AX435">
        <v>86.290748898678416</v>
      </c>
      <c r="AY435">
        <v>64</v>
      </c>
      <c r="AZ435">
        <v>127</v>
      </c>
      <c r="BA435">
        <v>0.57637113685180141</v>
      </c>
      <c r="BB435">
        <v>0.50176056338028174</v>
      </c>
      <c r="BC435">
        <v>5.2623926869893882</v>
      </c>
      <c r="BD435" t="s">
        <v>1724</v>
      </c>
      <c r="BE435" t="s">
        <v>62</v>
      </c>
    </row>
    <row r="436" spans="1:57" x14ac:dyDescent="0.3">
      <c r="A436" t="s">
        <v>1725</v>
      </c>
      <c r="B436">
        <v>1190</v>
      </c>
      <c r="C436" t="s">
        <v>1726</v>
      </c>
      <c r="D436" t="s">
        <v>1727</v>
      </c>
      <c r="E436" t="s">
        <v>115</v>
      </c>
      <c r="F436">
        <v>1245</v>
      </c>
      <c r="G436">
        <v>127.43534136546189</v>
      </c>
      <c r="H436">
        <v>125</v>
      </c>
      <c r="I436">
        <v>5439.738188738891</v>
      </c>
      <c r="J436">
        <v>73.754580798340186</v>
      </c>
      <c r="K436">
        <v>4.3540234216122731E-3</v>
      </c>
      <c r="L436">
        <v>-1.142521972222668</v>
      </c>
      <c r="M436">
        <v>7.8395929708265646</v>
      </c>
      <c r="N436">
        <v>12</v>
      </c>
      <c r="O436">
        <v>1</v>
      </c>
      <c r="P436">
        <v>11</v>
      </c>
      <c r="Q436">
        <v>2.1999092438448939</v>
      </c>
      <c r="R436">
        <v>5.4339917644660023</v>
      </c>
      <c r="S436">
        <v>2</v>
      </c>
      <c r="T436">
        <v>1</v>
      </c>
      <c r="U436">
        <v>1</v>
      </c>
      <c r="V436">
        <v>8.5054937975764841E-2</v>
      </c>
      <c r="W436">
        <v>7.1160578124871634</v>
      </c>
      <c r="X436">
        <v>1</v>
      </c>
      <c r="Y436">
        <v>1</v>
      </c>
      <c r="Z436">
        <v>0</v>
      </c>
      <c r="AA436">
        <v>0</v>
      </c>
      <c r="AB436">
        <v>7.1252830915107097</v>
      </c>
      <c r="AC436">
        <v>1</v>
      </c>
      <c r="AD436">
        <v>1</v>
      </c>
      <c r="AE436">
        <v>0</v>
      </c>
      <c r="AF436">
        <v>0</v>
      </c>
      <c r="AG436">
        <v>7.1244782624934242</v>
      </c>
      <c r="AH436">
        <v>-7.2109226236832212E-3</v>
      </c>
      <c r="AI436">
        <v>-1.8618642490565131E-2</v>
      </c>
      <c r="AJ436">
        <v>1.5993816129566019E-3</v>
      </c>
      <c r="AK436">
        <v>2.8047700796031982E-2</v>
      </c>
      <c r="AL436">
        <v>2425.2802763836812</v>
      </c>
      <c r="AM436">
        <v>4594.4530230468454</v>
      </c>
      <c r="AN436">
        <v>158657</v>
      </c>
      <c r="AO436">
        <v>118.7096829407857</v>
      </c>
      <c r="AP436">
        <v>2183.8637072286228</v>
      </c>
      <c r="AQ436">
        <v>1.0184738955823289</v>
      </c>
      <c r="AR436">
        <v>4.0433734939759036</v>
      </c>
      <c r="AS436">
        <v>1237</v>
      </c>
      <c r="AT436">
        <v>248.81767068273089</v>
      </c>
      <c r="AU436">
        <v>2.1072525395700481E-2</v>
      </c>
      <c r="AV436">
        <v>-7.2166078562657639E-3</v>
      </c>
      <c r="AW436">
        <v>0.38072289156626499</v>
      </c>
      <c r="AX436">
        <v>85.872186495176848</v>
      </c>
      <c r="AY436">
        <v>61</v>
      </c>
      <c r="AZ436">
        <v>121</v>
      </c>
      <c r="BA436">
        <v>0.57876080534696561</v>
      </c>
      <c r="BB436">
        <v>0.48995983935742971</v>
      </c>
      <c r="BC436">
        <v>5.249263148983772</v>
      </c>
      <c r="BD436" t="s">
        <v>1728</v>
      </c>
      <c r="BE436" t="s">
        <v>68</v>
      </c>
    </row>
    <row r="437" spans="1:57" x14ac:dyDescent="0.3">
      <c r="A437" t="s">
        <v>1729</v>
      </c>
      <c r="B437">
        <v>534</v>
      </c>
      <c r="C437" t="s">
        <v>1730</v>
      </c>
      <c r="D437" t="s">
        <v>1731</v>
      </c>
      <c r="E437" t="s">
        <v>72</v>
      </c>
      <c r="F437">
        <v>552</v>
      </c>
      <c r="G437">
        <v>125.1159420289855</v>
      </c>
      <c r="H437">
        <v>126</v>
      </c>
      <c r="I437">
        <v>5324.5952530980894</v>
      </c>
      <c r="J437">
        <v>72.96982426385641</v>
      </c>
      <c r="K437">
        <v>4.438913438066041E-2</v>
      </c>
      <c r="L437">
        <v>-1.1211084828547739</v>
      </c>
      <c r="M437">
        <v>7.6307635507832901</v>
      </c>
      <c r="N437">
        <v>7</v>
      </c>
      <c r="O437">
        <v>1</v>
      </c>
      <c r="P437">
        <v>6</v>
      </c>
      <c r="Q437">
        <v>1.369006124997864</v>
      </c>
      <c r="R437">
        <v>5.2892422407450361</v>
      </c>
      <c r="S437">
        <v>2</v>
      </c>
      <c r="T437">
        <v>1</v>
      </c>
      <c r="U437">
        <v>1</v>
      </c>
      <c r="V437">
        <v>8.52005864550716E-2</v>
      </c>
      <c r="W437">
        <v>6.3016709662409731</v>
      </c>
      <c r="X437">
        <v>1</v>
      </c>
      <c r="Y437">
        <v>1</v>
      </c>
      <c r="Z437">
        <v>0</v>
      </c>
      <c r="AA437">
        <v>0</v>
      </c>
      <c r="AB437">
        <v>6.3099182782265153</v>
      </c>
      <c r="AC437">
        <v>1</v>
      </c>
      <c r="AD437">
        <v>1</v>
      </c>
      <c r="AE437">
        <v>0</v>
      </c>
      <c r="AF437">
        <v>0</v>
      </c>
      <c r="AG437">
        <v>6.3080984415095296</v>
      </c>
      <c r="AH437">
        <v>4.5423522899244867E-2</v>
      </c>
      <c r="AI437">
        <v>-1.5523340378484711E-2</v>
      </c>
      <c r="AJ437">
        <v>2.842984764572733E-3</v>
      </c>
      <c r="AK437">
        <v>-4.9884696461976241E-2</v>
      </c>
      <c r="AL437">
        <v>1653.185895042217</v>
      </c>
      <c r="AM437">
        <v>2974.4176566907108</v>
      </c>
      <c r="AN437">
        <v>69064</v>
      </c>
      <c r="AO437">
        <v>74.733642854547597</v>
      </c>
      <c r="AP437">
        <v>1446.9810359571591</v>
      </c>
      <c r="AQ437">
        <v>1.041666666666667</v>
      </c>
      <c r="AR437">
        <v>3.932971014492753</v>
      </c>
      <c r="AS437">
        <v>550</v>
      </c>
      <c r="AT437">
        <v>181.17391304347831</v>
      </c>
      <c r="AU437">
        <v>3.565643648763861E-2</v>
      </c>
      <c r="AV437">
        <v>4.5516827443392742E-2</v>
      </c>
      <c r="AW437">
        <v>0.3641304347826087</v>
      </c>
      <c r="AX437">
        <v>83.705989110707804</v>
      </c>
      <c r="AY437">
        <v>61</v>
      </c>
      <c r="AZ437">
        <v>120.25</v>
      </c>
      <c r="BA437">
        <v>0.58321763861995746</v>
      </c>
      <c r="BB437">
        <v>0.50362318840579712</v>
      </c>
      <c r="BC437">
        <v>5.0641373232993949</v>
      </c>
      <c r="BD437" t="s">
        <v>1732</v>
      </c>
      <c r="BE437" t="s">
        <v>68</v>
      </c>
    </row>
    <row r="438" spans="1:57" x14ac:dyDescent="0.3">
      <c r="A438" t="s">
        <v>1733</v>
      </c>
      <c r="B438">
        <v>602</v>
      </c>
      <c r="C438" t="s">
        <v>1734</v>
      </c>
      <c r="D438" t="s">
        <v>1735</v>
      </c>
      <c r="E438" t="s">
        <v>10622</v>
      </c>
      <c r="F438">
        <v>64</v>
      </c>
      <c r="G438">
        <v>118.421875</v>
      </c>
      <c r="H438">
        <v>114.5</v>
      </c>
      <c r="I438">
        <v>5686.775146484375</v>
      </c>
      <c r="J438">
        <v>75.410709759850263</v>
      </c>
      <c r="K438">
        <v>0.16761201658800379</v>
      </c>
      <c r="L438">
        <v>-1.3063952687097971</v>
      </c>
      <c r="M438">
        <v>5.800704882778696</v>
      </c>
      <c r="N438">
        <v>3</v>
      </c>
      <c r="O438">
        <v>1</v>
      </c>
      <c r="P438">
        <v>2</v>
      </c>
      <c r="Q438">
        <v>0.35669242871684831</v>
      </c>
      <c r="R438">
        <v>4.0207422347583606</v>
      </c>
      <c r="S438">
        <v>1</v>
      </c>
      <c r="T438">
        <v>1</v>
      </c>
      <c r="U438">
        <v>0</v>
      </c>
      <c r="V438">
        <v>0</v>
      </c>
      <c r="W438">
        <v>4.1431347263915326</v>
      </c>
      <c r="X438">
        <v>1</v>
      </c>
      <c r="Y438">
        <v>1</v>
      </c>
      <c r="Z438">
        <v>0</v>
      </c>
      <c r="AA438">
        <v>0</v>
      </c>
      <c r="AB438">
        <v>4.1271343850450908</v>
      </c>
      <c r="AC438">
        <v>1</v>
      </c>
      <c r="AD438">
        <v>1</v>
      </c>
      <c r="AE438">
        <v>0</v>
      </c>
      <c r="AF438">
        <v>0</v>
      </c>
      <c r="AG438">
        <v>4.1108738641733096</v>
      </c>
      <c r="AH438">
        <v>1.5325039037427121E-2</v>
      </c>
      <c r="AI438">
        <v>1.6483437417397509E-2</v>
      </c>
      <c r="AJ438">
        <v>-1.273608201204043E-2</v>
      </c>
      <c r="AK438">
        <v>9.040592844057091E-2</v>
      </c>
      <c r="AL438">
        <v>645.49020206008208</v>
      </c>
      <c r="AM438">
        <v>919.13840037528325</v>
      </c>
      <c r="AN438">
        <v>7579</v>
      </c>
      <c r="AO438">
        <v>31</v>
      </c>
      <c r="AP438">
        <v>504.27177273594782</v>
      </c>
      <c r="AQ438">
        <v>1.359375</v>
      </c>
      <c r="AR438">
        <v>3.90625</v>
      </c>
      <c r="AS438">
        <v>64</v>
      </c>
      <c r="AT438">
        <v>6.6875000000000018</v>
      </c>
      <c r="AU438">
        <v>0.1246912055335969</v>
      </c>
      <c r="AV438">
        <v>1.548983841511852E-2</v>
      </c>
      <c r="AW438">
        <v>0.390625</v>
      </c>
      <c r="AX438">
        <v>86.206349206349202</v>
      </c>
      <c r="AY438">
        <v>68</v>
      </c>
      <c r="AZ438">
        <v>142</v>
      </c>
      <c r="BA438">
        <v>0.63679712688090995</v>
      </c>
      <c r="BB438">
        <v>0.484375</v>
      </c>
      <c r="BC438">
        <v>3.9807964935089331</v>
      </c>
      <c r="BD438" t="s">
        <v>1736</v>
      </c>
      <c r="BE438" t="s">
        <v>62</v>
      </c>
    </row>
    <row r="439" spans="1:57" x14ac:dyDescent="0.3">
      <c r="A439" t="s">
        <v>1737</v>
      </c>
      <c r="B439">
        <v>1725</v>
      </c>
      <c r="C439" t="s">
        <v>1738</v>
      </c>
      <c r="D439" t="s">
        <v>1739</v>
      </c>
      <c r="E439" t="s">
        <v>128</v>
      </c>
      <c r="F439">
        <v>32</v>
      </c>
      <c r="G439">
        <v>111.5</v>
      </c>
      <c r="H439">
        <v>98</v>
      </c>
      <c r="I439">
        <v>3805.5</v>
      </c>
      <c r="J439">
        <v>61.688734790073298</v>
      </c>
      <c r="K439">
        <v>0.27947471325142242</v>
      </c>
      <c r="L439">
        <v>-0.81199698929629438</v>
      </c>
      <c r="M439">
        <v>4.726409765557392</v>
      </c>
      <c r="N439">
        <v>3</v>
      </c>
      <c r="O439">
        <v>1</v>
      </c>
      <c r="P439">
        <v>2</v>
      </c>
      <c r="Q439">
        <v>0.44031528592635538</v>
      </c>
      <c r="R439">
        <v>3.2760976031670972</v>
      </c>
      <c r="S439">
        <v>1</v>
      </c>
      <c r="T439">
        <v>1</v>
      </c>
      <c r="U439">
        <v>0</v>
      </c>
      <c r="V439">
        <v>0</v>
      </c>
      <c r="W439">
        <v>3.4339872044851458</v>
      </c>
      <c r="X439">
        <v>1</v>
      </c>
      <c r="Y439">
        <v>1</v>
      </c>
      <c r="Z439">
        <v>0</v>
      </c>
      <c r="AA439">
        <v>0</v>
      </c>
      <c r="AB439">
        <v>3.401197381662155</v>
      </c>
      <c r="AC439">
        <v>1</v>
      </c>
      <c r="AD439">
        <v>1</v>
      </c>
      <c r="AE439">
        <v>0</v>
      </c>
      <c r="AF439">
        <v>0</v>
      </c>
      <c r="AG439">
        <v>3.3672958299864728</v>
      </c>
      <c r="AH439">
        <v>-0.1045218269609775</v>
      </c>
      <c r="AI439">
        <v>-0.12993118512679019</v>
      </c>
      <c r="AJ439">
        <v>0.17119752660622781</v>
      </c>
      <c r="AK439">
        <v>6.1333924582840628E-2</v>
      </c>
      <c r="AL439">
        <v>401.25206709134568</v>
      </c>
      <c r="AM439">
        <v>598.8361868281861</v>
      </c>
      <c r="AN439">
        <v>3568</v>
      </c>
      <c r="AO439">
        <v>63.095747362852308</v>
      </c>
      <c r="AP439">
        <v>232.60318159134229</v>
      </c>
      <c r="AQ439">
        <v>1.65625</v>
      </c>
      <c r="AR439">
        <v>3.8125</v>
      </c>
      <c r="AS439">
        <v>32</v>
      </c>
      <c r="AT439">
        <v>4.7500000000000018</v>
      </c>
      <c r="AU439">
        <v>0.15691489361702129</v>
      </c>
      <c r="AV439">
        <v>-0.11226126796331409</v>
      </c>
      <c r="AW439">
        <v>0.53125</v>
      </c>
      <c r="AX439">
        <v>77.935483870967744</v>
      </c>
      <c r="AY439">
        <v>44.5</v>
      </c>
      <c r="AZ439">
        <v>92.25</v>
      </c>
      <c r="BA439">
        <v>0.55326219542666633</v>
      </c>
      <c r="BB439">
        <v>0.4375</v>
      </c>
      <c r="BC439">
        <v>3.3892680315457948</v>
      </c>
      <c r="BD439" t="s">
        <v>1740</v>
      </c>
      <c r="BE439" t="s">
        <v>62</v>
      </c>
    </row>
    <row r="440" spans="1:57" x14ac:dyDescent="0.3">
      <c r="A440" t="s">
        <v>1741</v>
      </c>
      <c r="B440">
        <v>1164</v>
      </c>
      <c r="C440" t="s">
        <v>1742</v>
      </c>
      <c r="D440" t="s">
        <v>1743</v>
      </c>
      <c r="E440" t="s">
        <v>10622</v>
      </c>
      <c r="F440">
        <v>64</v>
      </c>
      <c r="G440">
        <v>143.015625</v>
      </c>
      <c r="H440">
        <v>150</v>
      </c>
      <c r="I440">
        <v>4957.171630859375</v>
      </c>
      <c r="J440">
        <v>70.407184511663118</v>
      </c>
      <c r="K440">
        <v>-0.22306312184748761</v>
      </c>
      <c r="L440">
        <v>-0.88955529253620735</v>
      </c>
      <c r="M440">
        <v>5.6875</v>
      </c>
      <c r="N440">
        <v>2</v>
      </c>
      <c r="O440">
        <v>1</v>
      </c>
      <c r="P440">
        <v>1</v>
      </c>
      <c r="Q440">
        <v>0.38844772154450069</v>
      </c>
      <c r="R440">
        <v>3.9422745894346898</v>
      </c>
      <c r="S440">
        <v>1</v>
      </c>
      <c r="T440">
        <v>1</v>
      </c>
      <c r="U440">
        <v>0</v>
      </c>
      <c r="V440">
        <v>0</v>
      </c>
      <c r="W440">
        <v>4.1431347263915326</v>
      </c>
      <c r="X440">
        <v>1</v>
      </c>
      <c r="Y440">
        <v>1</v>
      </c>
      <c r="Z440">
        <v>0</v>
      </c>
      <c r="AA440">
        <v>0</v>
      </c>
      <c r="AB440">
        <v>4.1271343850450908</v>
      </c>
      <c r="AC440">
        <v>1</v>
      </c>
      <c r="AD440">
        <v>1</v>
      </c>
      <c r="AE440">
        <v>0</v>
      </c>
      <c r="AF440">
        <v>0</v>
      </c>
      <c r="AG440">
        <v>4.1108738641733096</v>
      </c>
      <c r="AH440">
        <v>-3.0606305013771529E-2</v>
      </c>
      <c r="AI440">
        <v>-0.1134661046217417</v>
      </c>
      <c r="AJ440">
        <v>3.5993312929475253E-2</v>
      </c>
      <c r="AK440">
        <v>-2.188310547007263E-2</v>
      </c>
      <c r="AL440">
        <v>647.83931515680479</v>
      </c>
      <c r="AM440">
        <v>1098.4467314062899</v>
      </c>
      <c r="AN440">
        <v>9153</v>
      </c>
      <c r="AO440">
        <v>82.907756071740664</v>
      </c>
      <c r="AP440">
        <v>479.54551840990331</v>
      </c>
      <c r="AQ440">
        <v>1.359375</v>
      </c>
      <c r="AR440">
        <v>4.359375</v>
      </c>
      <c r="AS440">
        <v>62</v>
      </c>
      <c r="AT440">
        <v>6.875</v>
      </c>
      <c r="AU440">
        <v>0.130453431372549</v>
      </c>
      <c r="AV440">
        <v>-3.0793897954415748E-2</v>
      </c>
      <c r="AW440">
        <v>0.3125</v>
      </c>
      <c r="AX440">
        <v>82.936507936507937</v>
      </c>
      <c r="AY440">
        <v>54.5</v>
      </c>
      <c r="AZ440">
        <v>109.5</v>
      </c>
      <c r="BA440">
        <v>0.49230414167447167</v>
      </c>
      <c r="BB440">
        <v>0.53125</v>
      </c>
      <c r="BC440">
        <v>3.9450926748029782</v>
      </c>
      <c r="BD440" t="s">
        <v>1744</v>
      </c>
      <c r="BE440" t="s">
        <v>62</v>
      </c>
    </row>
    <row r="441" spans="1:57" x14ac:dyDescent="0.3">
      <c r="A441" t="s">
        <v>1745</v>
      </c>
      <c r="B441">
        <v>1336</v>
      </c>
      <c r="C441" t="s">
        <v>1746</v>
      </c>
      <c r="D441" t="s">
        <v>1747</v>
      </c>
      <c r="E441" t="s">
        <v>98</v>
      </c>
      <c r="F441">
        <v>16</v>
      </c>
      <c r="G441">
        <v>95.4375</v>
      </c>
      <c r="H441">
        <v>97.5</v>
      </c>
      <c r="I441">
        <v>6037.87109375</v>
      </c>
      <c r="J441">
        <v>77.70373925204629</v>
      </c>
      <c r="K441">
        <v>0.312731336664619</v>
      </c>
      <c r="L441">
        <v>-1.286222848354845</v>
      </c>
      <c r="M441">
        <v>4</v>
      </c>
      <c r="N441">
        <v>1</v>
      </c>
      <c r="O441">
        <v>1</v>
      </c>
      <c r="P441">
        <v>0</v>
      </c>
      <c r="Q441">
        <v>0</v>
      </c>
      <c r="R441">
        <v>2.7725887222397811</v>
      </c>
      <c r="S441">
        <v>1</v>
      </c>
      <c r="T441">
        <v>1</v>
      </c>
      <c r="U441">
        <v>0</v>
      </c>
      <c r="V441">
        <v>0</v>
      </c>
      <c r="W441">
        <v>2.7080502011022101</v>
      </c>
      <c r="X441">
        <v>1</v>
      </c>
      <c r="Y441">
        <v>1</v>
      </c>
      <c r="Z441">
        <v>0</v>
      </c>
      <c r="AA441">
        <v>0</v>
      </c>
      <c r="AB441">
        <v>2.639057329615258</v>
      </c>
      <c r="AC441">
        <v>1</v>
      </c>
      <c r="AD441">
        <v>1</v>
      </c>
      <c r="AE441">
        <v>0</v>
      </c>
      <c r="AF441">
        <v>0</v>
      </c>
      <c r="AG441">
        <v>2.5649493574615372</v>
      </c>
      <c r="AH441">
        <v>-6.2009686581117232E-2</v>
      </c>
      <c r="AI441">
        <v>0.46354091525171531</v>
      </c>
      <c r="AJ441">
        <v>-0.15275090655012791</v>
      </c>
      <c r="AK441">
        <v>-8.3059481333639565E-2</v>
      </c>
      <c r="AL441">
        <v>368.096894543931</v>
      </c>
      <c r="AM441">
        <v>326.86950947911021</v>
      </c>
      <c r="AN441">
        <v>1527</v>
      </c>
      <c r="AO441">
        <v>135.20675161745459</v>
      </c>
      <c r="AP441">
        <v>270.36250873949263</v>
      </c>
      <c r="AQ441">
        <v>2.25</v>
      </c>
      <c r="AR441">
        <v>3.25</v>
      </c>
      <c r="AS441">
        <v>16</v>
      </c>
      <c r="AT441">
        <v>0</v>
      </c>
      <c r="AU441">
        <v>0.29061181434599159</v>
      </c>
      <c r="AV441">
        <v>-6.3854198540261337E-2</v>
      </c>
      <c r="AW441">
        <v>0.1875</v>
      </c>
      <c r="AX441">
        <v>80.400000000000006</v>
      </c>
      <c r="AY441">
        <v>76</v>
      </c>
      <c r="AZ441">
        <v>130.5</v>
      </c>
      <c r="BA441">
        <v>0.81418456321724997</v>
      </c>
      <c r="BB441">
        <v>0.5</v>
      </c>
      <c r="BC441">
        <v>2.7080502011022101</v>
      </c>
      <c r="BD441" t="s">
        <v>1746</v>
      </c>
      <c r="BE441" t="s">
        <v>62</v>
      </c>
    </row>
    <row r="442" spans="1:57" x14ac:dyDescent="0.3">
      <c r="A442" t="s">
        <v>1748</v>
      </c>
      <c r="B442">
        <v>830</v>
      </c>
      <c r="C442" t="s">
        <v>1749</v>
      </c>
      <c r="D442" t="s">
        <v>1750</v>
      </c>
      <c r="E442" t="s">
        <v>66</v>
      </c>
      <c r="F442">
        <v>71</v>
      </c>
      <c r="G442">
        <v>109.77464788732389</v>
      </c>
      <c r="H442">
        <v>103</v>
      </c>
      <c r="I442">
        <v>5308.6816107915092</v>
      </c>
      <c r="J442">
        <v>72.86070004324354</v>
      </c>
      <c r="K442">
        <v>0.25268328560339792</v>
      </c>
      <c r="L442">
        <v>-1.093363781325458</v>
      </c>
      <c r="M442">
        <v>5.9137627884882891</v>
      </c>
      <c r="N442">
        <v>3</v>
      </c>
      <c r="O442">
        <v>1</v>
      </c>
      <c r="P442">
        <v>2</v>
      </c>
      <c r="Q442">
        <v>0.37763102391651798</v>
      </c>
      <c r="R442">
        <v>4.0991080033409828</v>
      </c>
      <c r="S442">
        <v>1</v>
      </c>
      <c r="T442">
        <v>1</v>
      </c>
      <c r="U442">
        <v>0</v>
      </c>
      <c r="V442">
        <v>0</v>
      </c>
      <c r="W442">
        <v>4.2484952420493576</v>
      </c>
      <c r="X442">
        <v>1</v>
      </c>
      <c r="Y442">
        <v>1</v>
      </c>
      <c r="Z442">
        <v>0</v>
      </c>
      <c r="AA442">
        <v>0</v>
      </c>
      <c r="AB442">
        <v>4.2341065045972579</v>
      </c>
      <c r="AC442">
        <v>1</v>
      </c>
      <c r="AD442">
        <v>1</v>
      </c>
      <c r="AE442">
        <v>0</v>
      </c>
      <c r="AF442">
        <v>0</v>
      </c>
      <c r="AG442">
        <v>4.2195077051761087</v>
      </c>
      <c r="AH442">
        <v>2.0907628873283849E-2</v>
      </c>
      <c r="AI442">
        <v>0.10648118433304429</v>
      </c>
      <c r="AJ442">
        <v>5.3477058006026451E-2</v>
      </c>
      <c r="AK442">
        <v>-4.1318127572880829E-2</v>
      </c>
      <c r="AL442">
        <v>637.56945892026249</v>
      </c>
      <c r="AM442">
        <v>908.84827394462468</v>
      </c>
      <c r="AN442">
        <v>7794</v>
      </c>
      <c r="AO442">
        <v>47.802976891465157</v>
      </c>
      <c r="AP442">
        <v>497.82361119343881</v>
      </c>
      <c r="AQ442">
        <v>1.323943661971831</v>
      </c>
      <c r="AR442">
        <v>3.647887323943662</v>
      </c>
      <c r="AS442">
        <v>71</v>
      </c>
      <c r="AT442">
        <v>7.9718309859154921</v>
      </c>
      <c r="AU442">
        <v>0.1172957746478874</v>
      </c>
      <c r="AV442">
        <v>2.0967758247055011E-2</v>
      </c>
      <c r="AW442">
        <v>0.43661971830985907</v>
      </c>
      <c r="AX442">
        <v>82.142857142857139</v>
      </c>
      <c r="AY442">
        <v>59</v>
      </c>
      <c r="AZ442">
        <v>118.5</v>
      </c>
      <c r="BA442">
        <v>0.66372975405058909</v>
      </c>
      <c r="BB442">
        <v>0.45070422535211269</v>
      </c>
      <c r="BC442">
        <v>4.0429782169784527</v>
      </c>
      <c r="BD442" t="s">
        <v>1751</v>
      </c>
      <c r="BE442" t="s">
        <v>68</v>
      </c>
    </row>
    <row r="443" spans="1:57" x14ac:dyDescent="0.3">
      <c r="A443" t="s">
        <v>1752</v>
      </c>
      <c r="B443">
        <v>3856</v>
      </c>
      <c r="C443" t="s">
        <v>1753</v>
      </c>
      <c r="D443" t="s">
        <v>1754</v>
      </c>
      <c r="E443" t="s">
        <v>72</v>
      </c>
      <c r="F443">
        <v>3864</v>
      </c>
      <c r="G443">
        <v>129.3038302277433</v>
      </c>
      <c r="H443">
        <v>129</v>
      </c>
      <c r="I443">
        <v>5308.2575836730412</v>
      </c>
      <c r="J443">
        <v>72.857790137177787</v>
      </c>
      <c r="K443">
        <v>-1.218921947083109E-3</v>
      </c>
      <c r="L443">
        <v>-1.196324386493526</v>
      </c>
      <c r="M443">
        <v>7.9533003674096392</v>
      </c>
      <c r="N443">
        <v>26</v>
      </c>
      <c r="O443">
        <v>5</v>
      </c>
      <c r="P443">
        <v>21</v>
      </c>
      <c r="Q443">
        <v>3.7964570243188578</v>
      </c>
      <c r="R443">
        <v>5.5128077258163666</v>
      </c>
      <c r="S443">
        <v>3</v>
      </c>
      <c r="T443">
        <v>1</v>
      </c>
      <c r="U443">
        <v>2</v>
      </c>
      <c r="V443">
        <v>0.16011940719892659</v>
      </c>
      <c r="W443">
        <v>8.2248363130690976</v>
      </c>
      <c r="X443">
        <v>1</v>
      </c>
      <c r="Y443">
        <v>1</v>
      </c>
      <c r="Z443">
        <v>0</v>
      </c>
      <c r="AA443">
        <v>0</v>
      </c>
      <c r="AB443">
        <v>8.2589404629884591</v>
      </c>
      <c r="AC443">
        <v>1</v>
      </c>
      <c r="AD443">
        <v>1</v>
      </c>
      <c r="AE443">
        <v>0</v>
      </c>
      <c r="AF443">
        <v>0</v>
      </c>
      <c r="AG443">
        <v>8.2586814962642343</v>
      </c>
      <c r="AH443">
        <v>1.436599273746517E-2</v>
      </c>
      <c r="AI443">
        <v>-2.226153932291268E-2</v>
      </c>
      <c r="AJ443">
        <v>-1.033552329302026E-2</v>
      </c>
      <c r="AK443">
        <v>-1.0875426484248069E-2</v>
      </c>
      <c r="AL443">
        <v>4148.8519832396169</v>
      </c>
      <c r="AM443">
        <v>8240.2795596489741</v>
      </c>
      <c r="AN443">
        <v>499630</v>
      </c>
      <c r="AO443">
        <v>45.70110177978966</v>
      </c>
      <c r="AP443">
        <v>3812.301848486879</v>
      </c>
      <c r="AQ443">
        <v>1.0059523809523809</v>
      </c>
      <c r="AR443">
        <v>4.0157867494824018</v>
      </c>
      <c r="AS443">
        <v>3840</v>
      </c>
      <c r="AT443">
        <v>244.45548654244311</v>
      </c>
      <c r="AU443">
        <v>1.9519546949214459E-2</v>
      </c>
      <c r="AV443">
        <v>1.437547950198808E-2</v>
      </c>
      <c r="AW443">
        <v>0.37991718426501042</v>
      </c>
      <c r="AX443">
        <v>83.40176028993011</v>
      </c>
      <c r="AY443">
        <v>63</v>
      </c>
      <c r="AZ443">
        <v>127</v>
      </c>
      <c r="BA443">
        <v>0.56346196403349469</v>
      </c>
      <c r="BB443">
        <v>0.4974120082815735</v>
      </c>
      <c r="BC443">
        <v>5.301780938265626</v>
      </c>
      <c r="BD443" t="s">
        <v>1755</v>
      </c>
      <c r="BE443" t="s">
        <v>68</v>
      </c>
    </row>
    <row r="444" spans="1:57" x14ac:dyDescent="0.3">
      <c r="A444" t="s">
        <v>1756</v>
      </c>
      <c r="B444">
        <v>1720</v>
      </c>
      <c r="C444" t="s">
        <v>1757</v>
      </c>
      <c r="D444" t="s">
        <v>1758</v>
      </c>
      <c r="E444" t="s">
        <v>10622</v>
      </c>
      <c r="F444">
        <v>64</v>
      </c>
      <c r="G444">
        <v>132.90625</v>
      </c>
      <c r="H444">
        <v>138</v>
      </c>
      <c r="I444">
        <v>5944.1787109375</v>
      </c>
      <c r="J444">
        <v>77.098500056340271</v>
      </c>
      <c r="K444">
        <v>-0.1168439061570674</v>
      </c>
      <c r="L444">
        <v>-1.251272574279356</v>
      </c>
      <c r="M444">
        <v>5.78125</v>
      </c>
      <c r="N444">
        <v>2</v>
      </c>
      <c r="O444">
        <v>1</v>
      </c>
      <c r="P444">
        <v>1</v>
      </c>
      <c r="Q444">
        <v>0.32821556024332821</v>
      </c>
      <c r="R444">
        <v>4.0072571376121839</v>
      </c>
      <c r="S444">
        <v>1</v>
      </c>
      <c r="T444">
        <v>1</v>
      </c>
      <c r="U444">
        <v>0</v>
      </c>
      <c r="V444">
        <v>0</v>
      </c>
      <c r="W444">
        <v>4.1431347263915326</v>
      </c>
      <c r="X444">
        <v>1</v>
      </c>
      <c r="Y444">
        <v>1</v>
      </c>
      <c r="Z444">
        <v>0</v>
      </c>
      <c r="AA444">
        <v>0</v>
      </c>
      <c r="AB444">
        <v>4.1271343850450908</v>
      </c>
      <c r="AC444">
        <v>1</v>
      </c>
      <c r="AD444">
        <v>1</v>
      </c>
      <c r="AE444">
        <v>0</v>
      </c>
      <c r="AF444">
        <v>0</v>
      </c>
      <c r="AG444">
        <v>4.1108738641733096</v>
      </c>
      <c r="AH444">
        <v>4.8379685970829853E-2</v>
      </c>
      <c r="AI444">
        <v>0.1625578101786494</v>
      </c>
      <c r="AJ444">
        <v>4.7999950179395253E-3</v>
      </c>
      <c r="AK444">
        <v>-0.14629315910113611</v>
      </c>
      <c r="AL444">
        <v>685.70770423538102</v>
      </c>
      <c r="AM444">
        <v>1020.163194960612</v>
      </c>
      <c r="AN444">
        <v>8506</v>
      </c>
      <c r="AO444">
        <v>105.07260197486499</v>
      </c>
      <c r="AP444">
        <v>550.19469866210397</v>
      </c>
      <c r="AQ444">
        <v>1.359375</v>
      </c>
      <c r="AR444">
        <v>4.1875</v>
      </c>
      <c r="AS444">
        <v>63</v>
      </c>
      <c r="AT444">
        <v>5.4687499999999991</v>
      </c>
      <c r="AU444">
        <v>8.7806372549019629E-2</v>
      </c>
      <c r="AV444">
        <v>4.9548485410449483E-2</v>
      </c>
      <c r="AW444">
        <v>0.28125</v>
      </c>
      <c r="AX444">
        <v>85.476190476190482</v>
      </c>
      <c r="AY444">
        <v>67</v>
      </c>
      <c r="AZ444">
        <v>135.75</v>
      </c>
      <c r="BA444">
        <v>0.58009687321958348</v>
      </c>
      <c r="BB444">
        <v>0.53125</v>
      </c>
      <c r="BC444">
        <v>3.901083330005521</v>
      </c>
      <c r="BD444" t="s">
        <v>1759</v>
      </c>
      <c r="BE444" t="s">
        <v>62</v>
      </c>
    </row>
    <row r="445" spans="1:57" x14ac:dyDescent="0.3">
      <c r="A445" t="s">
        <v>1760</v>
      </c>
      <c r="B445">
        <v>152</v>
      </c>
      <c r="C445" t="s">
        <v>1761</v>
      </c>
      <c r="D445" t="s">
        <v>1762</v>
      </c>
      <c r="E445" t="s">
        <v>60</v>
      </c>
      <c r="F445">
        <v>512</v>
      </c>
      <c r="G445">
        <v>122.98828125</v>
      </c>
      <c r="H445">
        <v>120</v>
      </c>
      <c r="I445">
        <v>5192.9725189208984</v>
      </c>
      <c r="J445">
        <v>72.062282221151577</v>
      </c>
      <c r="K445">
        <v>7.6772894353051652E-2</v>
      </c>
      <c r="L445">
        <v>-1.1728080614893051</v>
      </c>
      <c r="M445">
        <v>7.6022720357037521</v>
      </c>
      <c r="N445">
        <v>7</v>
      </c>
      <c r="O445">
        <v>1</v>
      </c>
      <c r="P445">
        <v>6</v>
      </c>
      <c r="Q445">
        <v>1.290849084139851</v>
      </c>
      <c r="R445">
        <v>5.2694934273977694</v>
      </c>
      <c r="S445">
        <v>2</v>
      </c>
      <c r="T445">
        <v>1</v>
      </c>
      <c r="U445">
        <v>1</v>
      </c>
      <c r="V445">
        <v>6.2560641760670568E-2</v>
      </c>
      <c r="W445">
        <v>6.2309437805711401</v>
      </c>
      <c r="X445">
        <v>1</v>
      </c>
      <c r="Y445">
        <v>1</v>
      </c>
      <c r="Z445">
        <v>0</v>
      </c>
      <c r="AA445">
        <v>0</v>
      </c>
      <c r="AB445">
        <v>6.2344107257183694</v>
      </c>
      <c r="AC445">
        <v>1</v>
      </c>
      <c r="AD445">
        <v>1</v>
      </c>
      <c r="AE445">
        <v>0</v>
      </c>
      <c r="AF445">
        <v>0</v>
      </c>
      <c r="AG445">
        <v>6.2324480165505216</v>
      </c>
      <c r="AH445">
        <v>-3.0402584131409859E-2</v>
      </c>
      <c r="AI445">
        <v>-4.8229144499391051E-2</v>
      </c>
      <c r="AJ445">
        <v>-7.9369337740663681E-2</v>
      </c>
      <c r="AK445">
        <v>6.8781579493006173E-2</v>
      </c>
      <c r="AL445">
        <v>1560.657132985041</v>
      </c>
      <c r="AM445">
        <v>2822.7155919899042</v>
      </c>
      <c r="AN445">
        <v>62970</v>
      </c>
      <c r="AO445">
        <v>23.53792801613373</v>
      </c>
      <c r="AP445">
        <v>1377.9755801372189</v>
      </c>
      <c r="AQ445">
        <v>1.044921875</v>
      </c>
      <c r="AR445">
        <v>3.876953125</v>
      </c>
      <c r="AS445">
        <v>511</v>
      </c>
      <c r="AT445">
        <v>164.75781250000011</v>
      </c>
      <c r="AU445">
        <v>5.008425245098036E-2</v>
      </c>
      <c r="AV445">
        <v>-3.0430541433798329E-2</v>
      </c>
      <c r="AW445">
        <v>0.37890625</v>
      </c>
      <c r="AX445">
        <v>85.657534246575338</v>
      </c>
      <c r="AY445">
        <v>60</v>
      </c>
      <c r="AZ445">
        <v>120</v>
      </c>
      <c r="BA445">
        <v>0.58592803711655717</v>
      </c>
      <c r="BB445">
        <v>0.494140625</v>
      </c>
      <c r="BC445">
        <v>5.101861448294791</v>
      </c>
      <c r="BD445" t="s">
        <v>1763</v>
      </c>
      <c r="BE445" t="s">
        <v>62</v>
      </c>
    </row>
    <row r="446" spans="1:57" x14ac:dyDescent="0.3">
      <c r="A446" t="s">
        <v>1764</v>
      </c>
      <c r="B446">
        <v>3483</v>
      </c>
      <c r="C446" t="s">
        <v>1765</v>
      </c>
      <c r="D446" t="s">
        <v>1766</v>
      </c>
      <c r="E446" t="s">
        <v>93</v>
      </c>
      <c r="F446">
        <v>3709</v>
      </c>
      <c r="G446">
        <v>128.39255864114321</v>
      </c>
      <c r="H446">
        <v>130</v>
      </c>
      <c r="I446">
        <v>5498.8359219785643</v>
      </c>
      <c r="J446">
        <v>74.154136243223576</v>
      </c>
      <c r="K446">
        <v>-1.7019925025173108E-2</v>
      </c>
      <c r="L446">
        <v>-1.207018379474428</v>
      </c>
      <c r="M446">
        <v>7.9573873842691736</v>
      </c>
      <c r="N446">
        <v>28</v>
      </c>
      <c r="O446">
        <v>6</v>
      </c>
      <c r="P446">
        <v>22</v>
      </c>
      <c r="Q446">
        <v>3.503327014553228</v>
      </c>
      <c r="R446">
        <v>5.5156406300294583</v>
      </c>
      <c r="S446">
        <v>3</v>
      </c>
      <c r="T446">
        <v>1</v>
      </c>
      <c r="U446">
        <v>2</v>
      </c>
      <c r="V446">
        <v>0.16502456997079221</v>
      </c>
      <c r="W446">
        <v>8.1810940998533219</v>
      </c>
      <c r="X446">
        <v>1</v>
      </c>
      <c r="Y446">
        <v>1</v>
      </c>
      <c r="Z446">
        <v>0</v>
      </c>
      <c r="AA446">
        <v>0</v>
      </c>
      <c r="AB446">
        <v>8.2179782031507287</v>
      </c>
      <c r="AC446">
        <v>1</v>
      </c>
      <c r="AD446">
        <v>1</v>
      </c>
      <c r="AE446">
        <v>0</v>
      </c>
      <c r="AF446">
        <v>0</v>
      </c>
      <c r="AG446">
        <v>8.2177084068453077</v>
      </c>
      <c r="AH446">
        <v>1.6383773696167551E-2</v>
      </c>
      <c r="AI446">
        <v>2.1123808323549181E-2</v>
      </c>
      <c r="AJ446">
        <v>1.9575541136707571E-3</v>
      </c>
      <c r="AK446">
        <v>6.2738017730070419E-3</v>
      </c>
      <c r="AL446">
        <v>4125.4024311030607</v>
      </c>
      <c r="AM446">
        <v>8032.2973538987526</v>
      </c>
      <c r="AN446">
        <v>476207.99999999988</v>
      </c>
      <c r="AO446">
        <v>5.6996644681179012</v>
      </c>
      <c r="AP446">
        <v>3733.8087081792378</v>
      </c>
      <c r="AQ446">
        <v>1.0062011323806961</v>
      </c>
      <c r="AR446">
        <v>4.0072795901860339</v>
      </c>
      <c r="AS446">
        <v>3697</v>
      </c>
      <c r="AT446">
        <v>216.86249662981939</v>
      </c>
      <c r="AU446">
        <v>1.469345894194829E-2</v>
      </c>
      <c r="AV446">
        <v>1.638509688780096E-2</v>
      </c>
      <c r="AW446">
        <v>0.35858722027500672</v>
      </c>
      <c r="AX446">
        <v>84.408036677454149</v>
      </c>
      <c r="AY446">
        <v>65</v>
      </c>
      <c r="AZ446">
        <v>129</v>
      </c>
      <c r="BA446">
        <v>0.57755789765421051</v>
      </c>
      <c r="BB446">
        <v>0.50741439741170125</v>
      </c>
      <c r="BC446">
        <v>5.3225830456447314</v>
      </c>
      <c r="BD446" t="s">
        <v>1767</v>
      </c>
      <c r="BE446" t="s">
        <v>68</v>
      </c>
    </row>
    <row r="447" spans="1:57" x14ac:dyDescent="0.3">
      <c r="A447" t="s">
        <v>1768</v>
      </c>
      <c r="B447">
        <v>1814</v>
      </c>
      <c r="C447" t="s">
        <v>1769</v>
      </c>
      <c r="D447" t="s">
        <v>1770</v>
      </c>
      <c r="E447" t="s">
        <v>72</v>
      </c>
      <c r="F447">
        <v>1816</v>
      </c>
      <c r="G447">
        <v>123.9801762114537</v>
      </c>
      <c r="H447">
        <v>121</v>
      </c>
      <c r="I447">
        <v>5428.0689902773192</v>
      </c>
      <c r="J447">
        <v>73.675430031166556</v>
      </c>
      <c r="K447">
        <v>6.3597797079185711E-2</v>
      </c>
      <c r="L447">
        <v>-1.2018746296053919</v>
      </c>
      <c r="M447">
        <v>7.898312187279612</v>
      </c>
      <c r="N447">
        <v>15</v>
      </c>
      <c r="O447">
        <v>1</v>
      </c>
      <c r="P447">
        <v>14</v>
      </c>
      <c r="Q447">
        <v>2.6381737883429892</v>
      </c>
      <c r="R447">
        <v>5.4746928237951122</v>
      </c>
      <c r="S447">
        <v>2</v>
      </c>
      <c r="T447">
        <v>1</v>
      </c>
      <c r="U447">
        <v>1</v>
      </c>
      <c r="V447">
        <v>9.3886791909805062E-2</v>
      </c>
      <c r="W447">
        <v>7.4916199699618051</v>
      </c>
      <c r="X447">
        <v>1</v>
      </c>
      <c r="Y447">
        <v>1</v>
      </c>
      <c r="Z447">
        <v>0</v>
      </c>
      <c r="AA447">
        <v>0</v>
      </c>
      <c r="AB447">
        <v>7.5032896306750834</v>
      </c>
      <c r="AC447">
        <v>1</v>
      </c>
      <c r="AD447">
        <v>1</v>
      </c>
      <c r="AE447">
        <v>0</v>
      </c>
      <c r="AF447">
        <v>0</v>
      </c>
      <c r="AG447">
        <v>7.5027382107548481</v>
      </c>
      <c r="AH447">
        <v>-3.1402547246311051E-2</v>
      </c>
      <c r="AI447">
        <v>2.3725880034008509E-2</v>
      </c>
      <c r="AJ447">
        <v>-2.5876577696596439E-3</v>
      </c>
      <c r="AK447">
        <v>3.3873309377200462E-3</v>
      </c>
      <c r="AL447">
        <v>2889.1559970958051</v>
      </c>
      <c r="AM447">
        <v>5424.3930189879611</v>
      </c>
      <c r="AN447">
        <v>225148</v>
      </c>
      <c r="AO447">
        <v>34.205262752970981</v>
      </c>
      <c r="AP447">
        <v>2552.802725660209</v>
      </c>
      <c r="AQ447">
        <v>1.0126651982378849</v>
      </c>
      <c r="AR447">
        <v>3.965308370044053</v>
      </c>
      <c r="AS447">
        <v>1815</v>
      </c>
      <c r="AT447">
        <v>251.17180616740089</v>
      </c>
      <c r="AU447">
        <v>2.9262762373671921E-2</v>
      </c>
      <c r="AV447">
        <v>-3.1437888682446437E-2</v>
      </c>
      <c r="AW447">
        <v>0.39041850220264318</v>
      </c>
      <c r="AX447">
        <v>86.606060606060609</v>
      </c>
      <c r="AY447">
        <v>65</v>
      </c>
      <c r="AZ447">
        <v>128</v>
      </c>
      <c r="BA447">
        <v>0.59425169638015207</v>
      </c>
      <c r="BB447">
        <v>0.49118942731277532</v>
      </c>
      <c r="BC447">
        <v>5.2863130175394097</v>
      </c>
      <c r="BD447" t="s">
        <v>1771</v>
      </c>
      <c r="BE447" t="s">
        <v>68</v>
      </c>
    </row>
    <row r="448" spans="1:57" x14ac:dyDescent="0.3">
      <c r="A448" t="s">
        <v>1772</v>
      </c>
      <c r="B448">
        <v>2006</v>
      </c>
      <c r="C448" t="s">
        <v>1773</v>
      </c>
      <c r="D448" t="s">
        <v>1774</v>
      </c>
      <c r="E448" t="s">
        <v>85</v>
      </c>
      <c r="F448">
        <v>8</v>
      </c>
      <c r="G448">
        <v>134.375</v>
      </c>
      <c r="H448">
        <v>117.5</v>
      </c>
      <c r="I448">
        <v>5715.984375</v>
      </c>
      <c r="J448">
        <v>75.604129351510949</v>
      </c>
      <c r="K448">
        <v>0.18396903354752361</v>
      </c>
      <c r="L448">
        <v>-1.735120162943145</v>
      </c>
      <c r="M448">
        <v>3</v>
      </c>
      <c r="N448">
        <v>1</v>
      </c>
      <c r="O448">
        <v>1</v>
      </c>
      <c r="P448">
        <v>0</v>
      </c>
      <c r="Q448">
        <v>0</v>
      </c>
      <c r="R448">
        <v>2.0794415416798362</v>
      </c>
      <c r="S448">
        <v>1</v>
      </c>
      <c r="T448">
        <v>1</v>
      </c>
      <c r="U448">
        <v>0</v>
      </c>
      <c r="V448">
        <v>0</v>
      </c>
      <c r="W448">
        <v>1.945910149055313</v>
      </c>
      <c r="X448">
        <v>1</v>
      </c>
      <c r="Y448">
        <v>1</v>
      </c>
      <c r="Z448">
        <v>0</v>
      </c>
      <c r="AA448">
        <v>0</v>
      </c>
      <c r="AB448">
        <v>1.791759469228055</v>
      </c>
      <c r="AC448">
        <v>1</v>
      </c>
      <c r="AD448">
        <v>1</v>
      </c>
      <c r="AE448">
        <v>0</v>
      </c>
      <c r="AF448">
        <v>0</v>
      </c>
      <c r="AG448">
        <v>1.6094379124341009</v>
      </c>
      <c r="AH448">
        <v>0.17257492011163869</v>
      </c>
      <c r="AI448">
        <v>-0.60234936020971885</v>
      </c>
      <c r="AJ448">
        <v>0.24582209155793919</v>
      </c>
      <c r="AK448">
        <v>0</v>
      </c>
      <c r="AL448">
        <v>311.45308192055239</v>
      </c>
      <c r="AM448">
        <v>305.25068019938902</v>
      </c>
      <c r="AN448">
        <v>1075</v>
      </c>
      <c r="AO448">
        <v>29</v>
      </c>
      <c r="AP448">
        <v>192.80264975125431</v>
      </c>
      <c r="AQ448">
        <v>3.5</v>
      </c>
      <c r="AR448">
        <v>4.25</v>
      </c>
      <c r="AS448">
        <v>8</v>
      </c>
      <c r="AT448">
        <v>0</v>
      </c>
      <c r="AU448">
        <v>0.36016949152542382</v>
      </c>
      <c r="AV448">
        <v>0.2198602751660087</v>
      </c>
      <c r="AW448">
        <v>0.5</v>
      </c>
      <c r="AX448">
        <v>77.714285714285708</v>
      </c>
      <c r="AY448">
        <v>66</v>
      </c>
      <c r="AZ448">
        <v>153.75</v>
      </c>
      <c r="BA448">
        <v>0.56263538122054657</v>
      </c>
      <c r="BB448">
        <v>0.5</v>
      </c>
      <c r="BC448">
        <v>1.7478680974667571</v>
      </c>
      <c r="BD448" t="s">
        <v>1773</v>
      </c>
      <c r="BE448" t="s">
        <v>68</v>
      </c>
    </row>
    <row r="449" spans="1:57" x14ac:dyDescent="0.3">
      <c r="A449" t="s">
        <v>1775</v>
      </c>
      <c r="B449">
        <v>1127</v>
      </c>
      <c r="C449" t="s">
        <v>1776</v>
      </c>
      <c r="D449" t="s">
        <v>1777</v>
      </c>
      <c r="E449" t="s">
        <v>106</v>
      </c>
      <c r="F449">
        <v>1151</v>
      </c>
      <c r="G449">
        <v>128.41963509991311</v>
      </c>
      <c r="H449">
        <v>132</v>
      </c>
      <c r="I449">
        <v>5311.4876770171522</v>
      </c>
      <c r="J449">
        <v>72.879953876337993</v>
      </c>
      <c r="K449">
        <v>-1.5261448743667709E-2</v>
      </c>
      <c r="L449">
        <v>-1.152832510916262</v>
      </c>
      <c r="M449">
        <v>7.8429103376725022</v>
      </c>
      <c r="N449">
        <v>10</v>
      </c>
      <c r="O449">
        <v>1</v>
      </c>
      <c r="P449">
        <v>9</v>
      </c>
      <c r="Q449">
        <v>2.0090817735520741</v>
      </c>
      <c r="R449">
        <v>5.4362911879421612</v>
      </c>
      <c r="S449">
        <v>2</v>
      </c>
      <c r="T449">
        <v>1</v>
      </c>
      <c r="U449">
        <v>1</v>
      </c>
      <c r="V449">
        <v>8.8462421601721589E-2</v>
      </c>
      <c r="W449">
        <v>7.0366679611398366</v>
      </c>
      <c r="X449">
        <v>1</v>
      </c>
      <c r="Y449">
        <v>1</v>
      </c>
      <c r="Z449">
        <v>0</v>
      </c>
      <c r="AA449">
        <v>0</v>
      </c>
      <c r="AB449">
        <v>7.0466472778487557</v>
      </c>
      <c r="AC449">
        <v>1</v>
      </c>
      <c r="AD449">
        <v>1</v>
      </c>
      <c r="AE449">
        <v>0</v>
      </c>
      <c r="AF449">
        <v>0</v>
      </c>
      <c r="AG449">
        <v>7.0457765768795113</v>
      </c>
      <c r="AH449">
        <v>3.4984536679472378E-2</v>
      </c>
      <c r="AI449">
        <v>2.730694595527107E-2</v>
      </c>
      <c r="AJ449">
        <v>3.4240328970167183E-2</v>
      </c>
      <c r="AK449">
        <v>-3.5321138577570389E-2</v>
      </c>
      <c r="AL449">
        <v>2319.152893938448</v>
      </c>
      <c r="AM449">
        <v>4440.3701258495239</v>
      </c>
      <c r="AN449">
        <v>147811</v>
      </c>
      <c r="AO449">
        <v>54.974786509058497</v>
      </c>
      <c r="AP449">
        <v>2066.566097839037</v>
      </c>
      <c r="AQ449">
        <v>1.0199826238053871</v>
      </c>
      <c r="AR449">
        <v>3.9530842745438748</v>
      </c>
      <c r="AS449">
        <v>1146</v>
      </c>
      <c r="AT449">
        <v>226.24934839270199</v>
      </c>
      <c r="AU449">
        <v>2.3645253062128391E-2</v>
      </c>
      <c r="AV449">
        <v>3.5043423842987177E-2</v>
      </c>
      <c r="AW449">
        <v>0.36490008688097308</v>
      </c>
      <c r="AX449">
        <v>82.944347826086954</v>
      </c>
      <c r="AY449">
        <v>62</v>
      </c>
      <c r="AZ449">
        <v>124</v>
      </c>
      <c r="BA449">
        <v>0.5675141018710721</v>
      </c>
      <c r="BB449">
        <v>0.50999131190269331</v>
      </c>
      <c r="BC449">
        <v>5.2065701363186321</v>
      </c>
      <c r="BD449" t="s">
        <v>1778</v>
      </c>
      <c r="BE449" t="s">
        <v>68</v>
      </c>
    </row>
    <row r="450" spans="1:57" x14ac:dyDescent="0.3">
      <c r="A450" t="s">
        <v>1779</v>
      </c>
      <c r="B450">
        <v>2300</v>
      </c>
      <c r="C450" t="s">
        <v>1780</v>
      </c>
      <c r="D450" t="s">
        <v>1781</v>
      </c>
      <c r="E450" t="s">
        <v>10622</v>
      </c>
      <c r="F450">
        <v>64</v>
      </c>
      <c r="G450">
        <v>121.453125</v>
      </c>
      <c r="H450">
        <v>112.5</v>
      </c>
      <c r="I450">
        <v>5534.654052734375</v>
      </c>
      <c r="J450">
        <v>74.395255579468071</v>
      </c>
      <c r="K450">
        <v>3.8341197196778531E-2</v>
      </c>
      <c r="L450">
        <v>-1.4073566549019241</v>
      </c>
      <c r="M450">
        <v>5.632659765557392</v>
      </c>
      <c r="N450">
        <v>3</v>
      </c>
      <c r="O450">
        <v>1</v>
      </c>
      <c r="P450">
        <v>2</v>
      </c>
      <c r="Q450">
        <v>0.48983981078291222</v>
      </c>
      <c r="R450">
        <v>3.9042622355495502</v>
      </c>
      <c r="S450">
        <v>1</v>
      </c>
      <c r="T450">
        <v>1</v>
      </c>
      <c r="U450">
        <v>0</v>
      </c>
      <c r="V450">
        <v>0</v>
      </c>
      <c r="W450">
        <v>4.1431347263915326</v>
      </c>
      <c r="X450">
        <v>1</v>
      </c>
      <c r="Y450">
        <v>1</v>
      </c>
      <c r="Z450">
        <v>0</v>
      </c>
      <c r="AA450">
        <v>0</v>
      </c>
      <c r="AB450">
        <v>4.1271343850450908</v>
      </c>
      <c r="AC450">
        <v>1</v>
      </c>
      <c r="AD450">
        <v>1</v>
      </c>
      <c r="AE450">
        <v>0</v>
      </c>
      <c r="AF450">
        <v>0</v>
      </c>
      <c r="AG450">
        <v>4.1108738641733096</v>
      </c>
      <c r="AH450">
        <v>0.1011222154098491</v>
      </c>
      <c r="AI450">
        <v>-9.7168232017610282E-2</v>
      </c>
      <c r="AJ450">
        <v>-4.8265083998005637E-2</v>
      </c>
      <c r="AK450">
        <v>8.9199280022450866E-2</v>
      </c>
      <c r="AL450">
        <v>640.66131765968407</v>
      </c>
      <c r="AM450">
        <v>942.24523137798747</v>
      </c>
      <c r="AN450">
        <v>7773</v>
      </c>
      <c r="AO450">
        <v>111.0394707603155</v>
      </c>
      <c r="AP450">
        <v>558.08415303046286</v>
      </c>
      <c r="AQ450">
        <v>1.359375</v>
      </c>
      <c r="AR450">
        <v>3.796875</v>
      </c>
      <c r="AS450">
        <v>64</v>
      </c>
      <c r="AT450">
        <v>10.53125</v>
      </c>
      <c r="AU450">
        <v>8.8499999999999995E-2</v>
      </c>
      <c r="AV450">
        <v>0.1014431756438717</v>
      </c>
      <c r="AW450">
        <v>0.421875</v>
      </c>
      <c r="AX450">
        <v>80.238095238095241</v>
      </c>
      <c r="AY450">
        <v>67.5</v>
      </c>
      <c r="AZ450">
        <v>145</v>
      </c>
      <c r="BA450">
        <v>0.61254295086658384</v>
      </c>
      <c r="BB450">
        <v>0.484375</v>
      </c>
      <c r="BC450">
        <v>3.9230880024042492</v>
      </c>
      <c r="BD450" t="s">
        <v>1782</v>
      </c>
      <c r="BE450" t="s">
        <v>62</v>
      </c>
    </row>
    <row r="451" spans="1:57" x14ac:dyDescent="0.3">
      <c r="A451" t="s">
        <v>1783</v>
      </c>
      <c r="B451">
        <v>3330</v>
      </c>
      <c r="C451" t="s">
        <v>1784</v>
      </c>
      <c r="D451" t="s">
        <v>1785</v>
      </c>
      <c r="E451" t="s">
        <v>106</v>
      </c>
      <c r="F451">
        <v>3380</v>
      </c>
      <c r="G451">
        <v>126.8115384615385</v>
      </c>
      <c r="H451">
        <v>128</v>
      </c>
      <c r="I451">
        <v>5402.1576775147923</v>
      </c>
      <c r="J451">
        <v>73.499371953199656</v>
      </c>
      <c r="K451">
        <v>2.9177597633584662E-4</v>
      </c>
      <c r="L451">
        <v>-1.1594443438706279</v>
      </c>
      <c r="M451">
        <v>7.9462699348864527</v>
      </c>
      <c r="N451">
        <v>23</v>
      </c>
      <c r="O451">
        <v>6</v>
      </c>
      <c r="P451">
        <v>17</v>
      </c>
      <c r="Q451">
        <v>3.5835112298379919</v>
      </c>
      <c r="R451">
        <v>5.5079346013348118</v>
      </c>
      <c r="S451">
        <v>2</v>
      </c>
      <c r="T451">
        <v>1</v>
      </c>
      <c r="U451">
        <v>1</v>
      </c>
      <c r="V451">
        <v>0.15761747898069581</v>
      </c>
      <c r="W451">
        <v>8.0908726048160737</v>
      </c>
      <c r="X451">
        <v>2</v>
      </c>
      <c r="Y451">
        <v>1</v>
      </c>
      <c r="Z451">
        <v>1</v>
      </c>
      <c r="AA451">
        <v>1.7205613321094399E-2</v>
      </c>
      <c r="AB451">
        <v>8.1246287082732742</v>
      </c>
      <c r="AC451">
        <v>1</v>
      </c>
      <c r="AD451">
        <v>1</v>
      </c>
      <c r="AE451">
        <v>0</v>
      </c>
      <c r="AF451">
        <v>0</v>
      </c>
      <c r="AG451">
        <v>8.1247430203855657</v>
      </c>
      <c r="AH451">
        <v>-2.5375476679716041E-2</v>
      </c>
      <c r="AI451">
        <v>9.5601143725829226E-3</v>
      </c>
      <c r="AJ451">
        <v>1.059778499653137E-2</v>
      </c>
      <c r="AK451">
        <v>-3.1185884753620811E-3</v>
      </c>
      <c r="AL451">
        <v>3929.3681916925202</v>
      </c>
      <c r="AM451">
        <v>7561.3292888297792</v>
      </c>
      <c r="AN451">
        <v>428623</v>
      </c>
      <c r="AO451">
        <v>104.57861453880859</v>
      </c>
      <c r="AP451">
        <v>3602.2739357738378</v>
      </c>
      <c r="AQ451">
        <v>1.006804733727811</v>
      </c>
      <c r="AR451">
        <v>3.9568047337278101</v>
      </c>
      <c r="AS451">
        <v>3365</v>
      </c>
      <c r="AT451">
        <v>248.98934911242611</v>
      </c>
      <c r="AU451">
        <v>1.682329736628374E-2</v>
      </c>
      <c r="AV451">
        <v>-2.537718142233129E-2</v>
      </c>
      <c r="AW451">
        <v>0.36508875739644969</v>
      </c>
      <c r="AX451">
        <v>86.259840189405153</v>
      </c>
      <c r="AY451">
        <v>62</v>
      </c>
      <c r="AZ451">
        <v>124</v>
      </c>
      <c r="BA451">
        <v>0.57959530216954025</v>
      </c>
      <c r="BB451">
        <v>0.50769230769230766</v>
      </c>
      <c r="BC451">
        <v>5.319031154490645</v>
      </c>
      <c r="BD451" t="s">
        <v>1786</v>
      </c>
      <c r="BE451" t="s">
        <v>68</v>
      </c>
    </row>
    <row r="452" spans="1:57" x14ac:dyDescent="0.3">
      <c r="A452" t="s">
        <v>1787</v>
      </c>
      <c r="B452">
        <v>2925</v>
      </c>
      <c r="C452" t="s">
        <v>1788</v>
      </c>
      <c r="D452" t="s">
        <v>1789</v>
      </c>
      <c r="E452" t="s">
        <v>85</v>
      </c>
      <c r="F452">
        <v>8</v>
      </c>
      <c r="G452">
        <v>110.25</v>
      </c>
      <c r="H452">
        <v>75.5</v>
      </c>
      <c r="I452">
        <v>6908.4375</v>
      </c>
      <c r="J452">
        <v>83.117010894280838</v>
      </c>
      <c r="K452">
        <v>0.76716954213272803</v>
      </c>
      <c r="L452">
        <v>-0.97900535634300079</v>
      </c>
      <c r="M452">
        <v>3</v>
      </c>
      <c r="N452">
        <v>1</v>
      </c>
      <c r="O452">
        <v>1</v>
      </c>
      <c r="P452">
        <v>0</v>
      </c>
      <c r="Q452">
        <v>0</v>
      </c>
      <c r="R452">
        <v>2.0794415416798362</v>
      </c>
      <c r="S452">
        <v>1</v>
      </c>
      <c r="T452">
        <v>1</v>
      </c>
      <c r="U452">
        <v>0</v>
      </c>
      <c r="V452">
        <v>0</v>
      </c>
      <c r="W452">
        <v>1.945910149055313</v>
      </c>
      <c r="X452">
        <v>1</v>
      </c>
      <c r="Y452">
        <v>1</v>
      </c>
      <c r="Z452">
        <v>0</v>
      </c>
      <c r="AA452">
        <v>0</v>
      </c>
      <c r="AB452">
        <v>1.791759469228055</v>
      </c>
      <c r="AC452">
        <v>1</v>
      </c>
      <c r="AD452">
        <v>1</v>
      </c>
      <c r="AE452">
        <v>0</v>
      </c>
      <c r="AF452">
        <v>0</v>
      </c>
      <c r="AG452">
        <v>1.6094379124341009</v>
      </c>
      <c r="AH452">
        <v>1.5980232505541231E-2</v>
      </c>
      <c r="AI452">
        <v>-0.54556701497263316</v>
      </c>
      <c r="AJ452">
        <v>8.2832360790699777E-2</v>
      </c>
      <c r="AK452">
        <v>0</v>
      </c>
      <c r="AL452">
        <v>296.20692914539922</v>
      </c>
      <c r="AM452">
        <v>254.4984383571979</v>
      </c>
      <c r="AN452">
        <v>882</v>
      </c>
      <c r="AO452">
        <v>97.009752052688896</v>
      </c>
      <c r="AP452">
        <v>181.80570760835269</v>
      </c>
      <c r="AQ452">
        <v>3.5</v>
      </c>
      <c r="AR452">
        <v>3.875</v>
      </c>
      <c r="AS452">
        <v>8</v>
      </c>
      <c r="AT452">
        <v>0</v>
      </c>
      <c r="AU452">
        <v>0.40931372549019612</v>
      </c>
      <c r="AV452">
        <v>5.1620947523433013E-2</v>
      </c>
      <c r="AW452">
        <v>0.5</v>
      </c>
      <c r="AX452">
        <v>95</v>
      </c>
      <c r="AY452">
        <v>47.5</v>
      </c>
      <c r="AZ452">
        <v>104.5</v>
      </c>
      <c r="BA452">
        <v>0.75389579042431598</v>
      </c>
      <c r="BB452">
        <v>0.375</v>
      </c>
      <c r="BC452">
        <v>1.945910149055313</v>
      </c>
      <c r="BD452" t="s">
        <v>1788</v>
      </c>
      <c r="BE452" t="s">
        <v>68</v>
      </c>
    </row>
    <row r="453" spans="1:57" x14ac:dyDescent="0.3">
      <c r="A453" t="s">
        <v>1790</v>
      </c>
      <c r="B453">
        <v>2314</v>
      </c>
      <c r="C453" t="s">
        <v>1791</v>
      </c>
      <c r="D453" t="s">
        <v>1792</v>
      </c>
      <c r="E453" t="s">
        <v>106</v>
      </c>
      <c r="F453">
        <v>2344</v>
      </c>
      <c r="G453">
        <v>128.46373720136521</v>
      </c>
      <c r="H453">
        <v>131</v>
      </c>
      <c r="I453">
        <v>5511.8749648729163</v>
      </c>
      <c r="J453">
        <v>74.24200269977176</v>
      </c>
      <c r="K453">
        <v>-1.565694370947365E-2</v>
      </c>
      <c r="L453">
        <v>-1.2038806934362589</v>
      </c>
      <c r="M453">
        <v>7.9270835392482901</v>
      </c>
      <c r="N453">
        <v>19</v>
      </c>
      <c r="O453">
        <v>2</v>
      </c>
      <c r="P453">
        <v>17</v>
      </c>
      <c r="Q453">
        <v>2.8693899068443098</v>
      </c>
      <c r="R453">
        <v>5.4946356052930962</v>
      </c>
      <c r="S453">
        <v>3</v>
      </c>
      <c r="T453">
        <v>1</v>
      </c>
      <c r="U453">
        <v>2</v>
      </c>
      <c r="V453">
        <v>0.14166546196530769</v>
      </c>
      <c r="W453">
        <v>7.7323387426502812</v>
      </c>
      <c r="X453">
        <v>1</v>
      </c>
      <c r="Y453">
        <v>1</v>
      </c>
      <c r="Z453">
        <v>0</v>
      </c>
      <c r="AA453">
        <v>0</v>
      </c>
      <c r="AB453">
        <v>7.7587605441576626</v>
      </c>
      <c r="AC453">
        <v>1</v>
      </c>
      <c r="AD453">
        <v>1</v>
      </c>
      <c r="AE453">
        <v>0</v>
      </c>
      <c r="AF453">
        <v>0</v>
      </c>
      <c r="AG453">
        <v>7.7583334674909104</v>
      </c>
      <c r="AH453">
        <v>1.0516583290884181E-2</v>
      </c>
      <c r="AI453">
        <v>2.1817438079123081E-2</v>
      </c>
      <c r="AJ453">
        <v>3.0251918397109352E-2</v>
      </c>
      <c r="AK453">
        <v>-1.7824947816532421E-3</v>
      </c>
      <c r="AL453">
        <v>3315.7558686132502</v>
      </c>
      <c r="AM453">
        <v>6372.4775417224337</v>
      </c>
      <c r="AN453">
        <v>301119</v>
      </c>
      <c r="AO453">
        <v>108.08006023029461</v>
      </c>
      <c r="AP453">
        <v>2996.389797132691</v>
      </c>
      <c r="AQ453">
        <v>1.0098122866894199</v>
      </c>
      <c r="AR453">
        <v>4.0046928327645048</v>
      </c>
      <c r="AS453">
        <v>2337</v>
      </c>
      <c r="AT453">
        <v>230.19795221843</v>
      </c>
      <c r="AU453">
        <v>1.461219300006689E-2</v>
      </c>
      <c r="AV453">
        <v>1.0523590549732601E-2</v>
      </c>
      <c r="AW453">
        <v>0.35964163822525602</v>
      </c>
      <c r="AX453">
        <v>84.700810926163044</v>
      </c>
      <c r="AY453">
        <v>64</v>
      </c>
      <c r="AZ453">
        <v>127.25</v>
      </c>
      <c r="BA453">
        <v>0.57792186586786298</v>
      </c>
      <c r="BB453">
        <v>0.50597269624573382</v>
      </c>
      <c r="BC453">
        <v>5.2902572167457267</v>
      </c>
      <c r="BD453" t="s">
        <v>1793</v>
      </c>
      <c r="BE453" t="s">
        <v>68</v>
      </c>
    </row>
    <row r="454" spans="1:57" x14ac:dyDescent="0.3">
      <c r="A454" t="s">
        <v>1794</v>
      </c>
      <c r="B454">
        <v>2673</v>
      </c>
      <c r="C454" t="s">
        <v>1795</v>
      </c>
      <c r="D454" t="s">
        <v>1796</v>
      </c>
      <c r="E454" t="s">
        <v>98</v>
      </c>
      <c r="F454">
        <v>16</v>
      </c>
      <c r="G454">
        <v>86.6875</v>
      </c>
      <c r="H454">
        <v>59.5</v>
      </c>
      <c r="I454">
        <v>3592.71484375</v>
      </c>
      <c r="J454">
        <v>59.939259619634953</v>
      </c>
      <c r="K454">
        <v>0.57161451669395436</v>
      </c>
      <c r="L454">
        <v>-1.2721781385912889</v>
      </c>
      <c r="M454">
        <v>3.75</v>
      </c>
      <c r="N454">
        <v>2</v>
      </c>
      <c r="O454">
        <v>1</v>
      </c>
      <c r="P454">
        <v>1</v>
      </c>
      <c r="Q454">
        <v>0.3499271061118826</v>
      </c>
      <c r="R454">
        <v>2.5993019270997948</v>
      </c>
      <c r="S454">
        <v>1</v>
      </c>
      <c r="T454">
        <v>1</v>
      </c>
      <c r="U454">
        <v>0</v>
      </c>
      <c r="V454">
        <v>0</v>
      </c>
      <c r="W454">
        <v>2.7080502011022101</v>
      </c>
      <c r="X454">
        <v>1</v>
      </c>
      <c r="Y454">
        <v>1</v>
      </c>
      <c r="Z454">
        <v>0</v>
      </c>
      <c r="AA454">
        <v>0</v>
      </c>
      <c r="AB454">
        <v>2.639057329615258</v>
      </c>
      <c r="AC454">
        <v>1</v>
      </c>
      <c r="AD454">
        <v>1</v>
      </c>
      <c r="AE454">
        <v>0</v>
      </c>
      <c r="AF454">
        <v>0</v>
      </c>
      <c r="AG454">
        <v>2.5649493574615372</v>
      </c>
      <c r="AH454">
        <v>-4.1291853088117773E-2</v>
      </c>
      <c r="AI454">
        <v>-6.9513637080245938E-2</v>
      </c>
      <c r="AJ454">
        <v>-0.32241766650176412</v>
      </c>
      <c r="AK454">
        <v>0.2813336178355722</v>
      </c>
      <c r="AL454">
        <v>308.49100633479122</v>
      </c>
      <c r="AM454">
        <v>287.31915879479362</v>
      </c>
      <c r="AN454">
        <v>1387</v>
      </c>
      <c r="AO454">
        <v>133.22293206534869</v>
      </c>
      <c r="AP454">
        <v>252.47131147859531</v>
      </c>
      <c r="AQ454">
        <v>2.25</v>
      </c>
      <c r="AR454">
        <v>3.375</v>
      </c>
      <c r="AS454">
        <v>16</v>
      </c>
      <c r="AT454">
        <v>1.5</v>
      </c>
      <c r="AU454">
        <v>0.32392473118279569</v>
      </c>
      <c r="AV454">
        <v>-4.2215754737484817E-2</v>
      </c>
      <c r="AW454">
        <v>0.5</v>
      </c>
      <c r="AX454">
        <v>71.400000000000006</v>
      </c>
      <c r="AY454">
        <v>34.5</v>
      </c>
      <c r="AZ454">
        <v>111.75</v>
      </c>
      <c r="BA454">
        <v>0.69144063007509671</v>
      </c>
      <c r="BB454">
        <v>0.375</v>
      </c>
      <c r="BC454">
        <v>2.7080502011022101</v>
      </c>
      <c r="BD454" t="s">
        <v>1795</v>
      </c>
      <c r="BE454" t="s">
        <v>62</v>
      </c>
    </row>
    <row r="455" spans="1:57" x14ac:dyDescent="0.3">
      <c r="A455" t="s">
        <v>1797</v>
      </c>
      <c r="B455">
        <v>1561</v>
      </c>
      <c r="C455" t="s">
        <v>1798</v>
      </c>
      <c r="D455" t="s">
        <v>1799</v>
      </c>
      <c r="E455" t="s">
        <v>66</v>
      </c>
      <c r="F455">
        <v>70</v>
      </c>
      <c r="G455">
        <v>116.21428571428569</v>
      </c>
      <c r="H455">
        <v>112</v>
      </c>
      <c r="I455">
        <v>5980.2540816326518</v>
      </c>
      <c r="J455">
        <v>77.332102529497107</v>
      </c>
      <c r="K455">
        <v>0.207391998798511</v>
      </c>
      <c r="L455">
        <v>-1.2766724429024581</v>
      </c>
      <c r="M455">
        <v>5.9184989097712073</v>
      </c>
      <c r="N455">
        <v>3</v>
      </c>
      <c r="O455">
        <v>1</v>
      </c>
      <c r="P455">
        <v>2</v>
      </c>
      <c r="Q455">
        <v>0.36126370402352498</v>
      </c>
      <c r="R455">
        <v>4.1023908324550202</v>
      </c>
      <c r="S455">
        <v>2</v>
      </c>
      <c r="T455">
        <v>1</v>
      </c>
      <c r="U455">
        <v>1</v>
      </c>
      <c r="V455">
        <v>0.1203728348804772</v>
      </c>
      <c r="W455">
        <v>4.2140152819723324</v>
      </c>
      <c r="X455">
        <v>1</v>
      </c>
      <c r="Y455">
        <v>1</v>
      </c>
      <c r="Z455">
        <v>0</v>
      </c>
      <c r="AA455">
        <v>0</v>
      </c>
      <c r="AB455">
        <v>4.2195077051761087</v>
      </c>
      <c r="AC455">
        <v>1</v>
      </c>
      <c r="AD455">
        <v>1</v>
      </c>
      <c r="AE455">
        <v>0</v>
      </c>
      <c r="AF455">
        <v>0</v>
      </c>
      <c r="AG455">
        <v>4.2046926193909648</v>
      </c>
      <c r="AH455">
        <v>0.22964442285194989</v>
      </c>
      <c r="AI455">
        <v>0.15362423415661211</v>
      </c>
      <c r="AJ455">
        <v>7.4837238284409469E-2</v>
      </c>
      <c r="AK455">
        <v>-1.5169212244484941E-2</v>
      </c>
      <c r="AL455">
        <v>679.2364634112372</v>
      </c>
      <c r="AM455">
        <v>950.0835893607441</v>
      </c>
      <c r="AN455">
        <v>8135</v>
      </c>
      <c r="AO455">
        <v>60.621431524397437</v>
      </c>
      <c r="AP455">
        <v>585.58383472620619</v>
      </c>
      <c r="AQ455">
        <v>1.328571428571429</v>
      </c>
      <c r="AR455">
        <v>3.8</v>
      </c>
      <c r="AS455">
        <v>70</v>
      </c>
      <c r="AT455">
        <v>7.3999999999999977</v>
      </c>
      <c r="AU455">
        <v>0.14761904761904759</v>
      </c>
      <c r="AV455">
        <v>0.23199404151901901</v>
      </c>
      <c r="AW455">
        <v>0.37142857142857139</v>
      </c>
      <c r="AX455">
        <v>77.985507246376812</v>
      </c>
      <c r="AY455">
        <v>64</v>
      </c>
      <c r="AZ455">
        <v>129.25</v>
      </c>
      <c r="BA455">
        <v>0.66542681955314043</v>
      </c>
      <c r="BB455">
        <v>0.5</v>
      </c>
      <c r="BC455">
        <v>3.972920610473222</v>
      </c>
      <c r="BD455" t="s">
        <v>1800</v>
      </c>
      <c r="BE455" t="s">
        <v>68</v>
      </c>
    </row>
    <row r="456" spans="1:57" x14ac:dyDescent="0.3">
      <c r="A456" t="s">
        <v>1801</v>
      </c>
      <c r="B456">
        <v>2076</v>
      </c>
      <c r="C456" t="s">
        <v>1802</v>
      </c>
      <c r="D456" t="s">
        <v>1803</v>
      </c>
      <c r="E456" t="s">
        <v>128</v>
      </c>
      <c r="F456">
        <v>32</v>
      </c>
      <c r="G456">
        <v>151.15625</v>
      </c>
      <c r="H456">
        <v>159.5</v>
      </c>
      <c r="I456">
        <v>4002.3818359375</v>
      </c>
      <c r="J456">
        <v>63.264380467507152</v>
      </c>
      <c r="K456">
        <v>-0.54825099494495089</v>
      </c>
      <c r="L456">
        <v>-0.3597654091881477</v>
      </c>
      <c r="M456">
        <v>4.875</v>
      </c>
      <c r="N456">
        <v>2</v>
      </c>
      <c r="O456">
        <v>1</v>
      </c>
      <c r="P456">
        <v>1</v>
      </c>
      <c r="Q456">
        <v>0.24944382578492941</v>
      </c>
      <c r="R456">
        <v>3.3790925052297318</v>
      </c>
      <c r="S456">
        <v>1</v>
      </c>
      <c r="T456">
        <v>1</v>
      </c>
      <c r="U456">
        <v>0</v>
      </c>
      <c r="V456">
        <v>0</v>
      </c>
      <c r="W456">
        <v>3.4339872044851458</v>
      </c>
      <c r="X456">
        <v>1</v>
      </c>
      <c r="Y456">
        <v>1</v>
      </c>
      <c r="Z456">
        <v>0</v>
      </c>
      <c r="AA456">
        <v>0</v>
      </c>
      <c r="AB456">
        <v>3.401197381662155</v>
      </c>
      <c r="AC456">
        <v>1</v>
      </c>
      <c r="AD456">
        <v>1</v>
      </c>
      <c r="AE456">
        <v>0</v>
      </c>
      <c r="AF456">
        <v>0</v>
      </c>
      <c r="AG456">
        <v>3.3672958299864728</v>
      </c>
      <c r="AH456">
        <v>-9.9991431188801397E-2</v>
      </c>
      <c r="AI456">
        <v>6.3661905789008932E-2</v>
      </c>
      <c r="AJ456">
        <v>-0.23547963169636049</v>
      </c>
      <c r="AK456">
        <v>-7.6193841728521519E-2</v>
      </c>
      <c r="AL456">
        <v>475.54871522903579</v>
      </c>
      <c r="AM456">
        <v>795.65848166409512</v>
      </c>
      <c r="AN456">
        <v>4837</v>
      </c>
      <c r="AO456">
        <v>141.02349608612829</v>
      </c>
      <c r="AP456">
        <v>302.43171877227758</v>
      </c>
      <c r="AQ456">
        <v>1.71875</v>
      </c>
      <c r="AR456">
        <v>4.375</v>
      </c>
      <c r="AS456">
        <v>32</v>
      </c>
      <c r="AT456">
        <v>1.75</v>
      </c>
      <c r="AU456">
        <v>0.22479838709677419</v>
      </c>
      <c r="AV456">
        <v>-0.1000287493888171</v>
      </c>
      <c r="AW456">
        <v>0.21875</v>
      </c>
      <c r="AX456">
        <v>78.548387096774192</v>
      </c>
      <c r="AY456">
        <v>40.5</v>
      </c>
      <c r="AZ456">
        <v>82.75</v>
      </c>
      <c r="BA456">
        <v>0.41853631899115751</v>
      </c>
      <c r="BB456">
        <v>0.53125</v>
      </c>
      <c r="BC456">
        <v>3.3445488586064429</v>
      </c>
      <c r="BD456" t="s">
        <v>1804</v>
      </c>
      <c r="BE456" t="s">
        <v>62</v>
      </c>
    </row>
    <row r="457" spans="1:57" x14ac:dyDescent="0.3">
      <c r="A457" t="s">
        <v>1805</v>
      </c>
      <c r="B457">
        <v>2334</v>
      </c>
      <c r="C457" t="s">
        <v>1806</v>
      </c>
      <c r="D457" t="s">
        <v>1807</v>
      </c>
      <c r="E457" t="s">
        <v>128</v>
      </c>
      <c r="F457">
        <v>32</v>
      </c>
      <c r="G457">
        <v>124.375</v>
      </c>
      <c r="H457">
        <v>125.5</v>
      </c>
      <c r="I457">
        <v>4960.546875</v>
      </c>
      <c r="J457">
        <v>70.431149891223555</v>
      </c>
      <c r="K457">
        <v>8.2499221014496665E-2</v>
      </c>
      <c r="L457">
        <v>-1.29215157267155</v>
      </c>
      <c r="M457">
        <v>4.875</v>
      </c>
      <c r="N457">
        <v>2</v>
      </c>
      <c r="O457">
        <v>1</v>
      </c>
      <c r="P457">
        <v>1</v>
      </c>
      <c r="Q457">
        <v>0.24944382578492941</v>
      </c>
      <c r="R457">
        <v>3.3790925052297318</v>
      </c>
      <c r="S457">
        <v>1</v>
      </c>
      <c r="T457">
        <v>1</v>
      </c>
      <c r="U457">
        <v>0</v>
      </c>
      <c r="V457">
        <v>0</v>
      </c>
      <c r="W457">
        <v>3.4339872044851458</v>
      </c>
      <c r="X457">
        <v>1</v>
      </c>
      <c r="Y457">
        <v>1</v>
      </c>
      <c r="Z457">
        <v>0</v>
      </c>
      <c r="AA457">
        <v>0</v>
      </c>
      <c r="AB457">
        <v>3.401197381662155</v>
      </c>
      <c r="AC457">
        <v>1</v>
      </c>
      <c r="AD457">
        <v>1</v>
      </c>
      <c r="AE457">
        <v>0</v>
      </c>
      <c r="AF457">
        <v>0</v>
      </c>
      <c r="AG457">
        <v>3.3672958299864728</v>
      </c>
      <c r="AH457">
        <v>-0.32048596346168989</v>
      </c>
      <c r="AI457">
        <v>9.4764745255531926E-2</v>
      </c>
      <c r="AJ457">
        <v>3.1839810221277257E-2</v>
      </c>
      <c r="AK457">
        <v>0.24786971415072051</v>
      </c>
      <c r="AL457">
        <v>462.88067201237732</v>
      </c>
      <c r="AM457">
        <v>662.94153850650355</v>
      </c>
      <c r="AN457">
        <v>3980</v>
      </c>
      <c r="AO457">
        <v>75.097452302485252</v>
      </c>
      <c r="AP457">
        <v>287.99810914794932</v>
      </c>
      <c r="AQ457">
        <v>1.65625</v>
      </c>
      <c r="AR457">
        <v>3.8125</v>
      </c>
      <c r="AS457">
        <v>32</v>
      </c>
      <c r="AT457">
        <v>1.75</v>
      </c>
      <c r="AU457">
        <v>0.1271186440677966</v>
      </c>
      <c r="AV457">
        <v>-0.32643833837535419</v>
      </c>
      <c r="AW457">
        <v>0.40625</v>
      </c>
      <c r="AX457">
        <v>96.193548387096769</v>
      </c>
      <c r="AY457">
        <v>63.5</v>
      </c>
      <c r="AZ457">
        <v>120.5</v>
      </c>
      <c r="BA457">
        <v>0.56628060214049092</v>
      </c>
      <c r="BB457">
        <v>0.5</v>
      </c>
      <c r="BC457">
        <v>3.4339872044851458</v>
      </c>
      <c r="BD457" t="s">
        <v>1808</v>
      </c>
      <c r="BE457" t="s">
        <v>62</v>
      </c>
    </row>
    <row r="458" spans="1:57" x14ac:dyDescent="0.3">
      <c r="A458" t="s">
        <v>1809</v>
      </c>
      <c r="B458">
        <v>155</v>
      </c>
      <c r="C458" t="s">
        <v>1810</v>
      </c>
      <c r="D458" t="s">
        <v>1811</v>
      </c>
      <c r="E458" t="s">
        <v>60</v>
      </c>
      <c r="F458">
        <v>512</v>
      </c>
      <c r="G458">
        <v>130.470703125</v>
      </c>
      <c r="H458">
        <v>131</v>
      </c>
      <c r="I458">
        <v>5176.6436729431152</v>
      </c>
      <c r="J458">
        <v>71.948896259380618</v>
      </c>
      <c r="K458">
        <v>-3.6753624072890408E-2</v>
      </c>
      <c r="L458">
        <v>-1.1727017790825811</v>
      </c>
      <c r="M458">
        <v>7.5790715783334983</v>
      </c>
      <c r="N458">
        <v>6</v>
      </c>
      <c r="O458">
        <v>1</v>
      </c>
      <c r="P458">
        <v>5</v>
      </c>
      <c r="Q458">
        <v>1.2028444276952741</v>
      </c>
      <c r="R458">
        <v>5.2534120957838777</v>
      </c>
      <c r="S458">
        <v>2</v>
      </c>
      <c r="T458">
        <v>1</v>
      </c>
      <c r="U458">
        <v>1</v>
      </c>
      <c r="V458">
        <v>6.2560641760670568E-2</v>
      </c>
      <c r="W458">
        <v>6.230943780571141</v>
      </c>
      <c r="X458">
        <v>1</v>
      </c>
      <c r="Y458">
        <v>1</v>
      </c>
      <c r="Z458">
        <v>0</v>
      </c>
      <c r="AA458">
        <v>0</v>
      </c>
      <c r="AB458">
        <v>6.2344107257183694</v>
      </c>
      <c r="AC458">
        <v>1</v>
      </c>
      <c r="AD458">
        <v>1</v>
      </c>
      <c r="AE458">
        <v>0</v>
      </c>
      <c r="AF458">
        <v>0</v>
      </c>
      <c r="AG458">
        <v>6.2324480165505216</v>
      </c>
      <c r="AH458">
        <v>-5.2757077809595383E-2</v>
      </c>
      <c r="AI458">
        <v>2.397249516756984E-2</v>
      </c>
      <c r="AJ458">
        <v>-4.5470230198328868E-2</v>
      </c>
      <c r="AK458">
        <v>3.108483816742294E-3</v>
      </c>
      <c r="AL458">
        <v>1582.376382829294</v>
      </c>
      <c r="AM458">
        <v>2976.9279438817589</v>
      </c>
      <c r="AN458">
        <v>66801</v>
      </c>
      <c r="AO458">
        <v>117.69082284952179</v>
      </c>
      <c r="AP458">
        <v>1387.529887680091</v>
      </c>
      <c r="AQ458">
        <v>1.044921875</v>
      </c>
      <c r="AR458">
        <v>4.125</v>
      </c>
      <c r="AS458">
        <v>510</v>
      </c>
      <c r="AT458">
        <v>133.06640625</v>
      </c>
      <c r="AU458">
        <v>3.073682598039218E-2</v>
      </c>
      <c r="AV458">
        <v>-5.2904999140376552E-2</v>
      </c>
      <c r="AW458">
        <v>0.3671875</v>
      </c>
      <c r="AX458">
        <v>85.483365949119374</v>
      </c>
      <c r="AY458">
        <v>62.5</v>
      </c>
      <c r="AZ458">
        <v>125</v>
      </c>
      <c r="BA458">
        <v>0.55145633874946298</v>
      </c>
      <c r="BB458">
        <v>0.505859375</v>
      </c>
      <c r="BC458">
        <v>5.1378630601389039</v>
      </c>
      <c r="BD458" t="s">
        <v>1812</v>
      </c>
      <c r="BE458" t="s">
        <v>62</v>
      </c>
    </row>
    <row r="459" spans="1:57" x14ac:dyDescent="0.3">
      <c r="A459" t="s">
        <v>1813</v>
      </c>
      <c r="B459">
        <v>3703</v>
      </c>
      <c r="C459" t="s">
        <v>1814</v>
      </c>
      <c r="D459" t="s">
        <v>1815</v>
      </c>
      <c r="E459" t="s">
        <v>72</v>
      </c>
      <c r="F459">
        <v>3720</v>
      </c>
      <c r="G459">
        <v>126.3478494623656</v>
      </c>
      <c r="H459">
        <v>126</v>
      </c>
      <c r="I459">
        <v>5359.7752373106714</v>
      </c>
      <c r="J459">
        <v>73.210485842607767</v>
      </c>
      <c r="K459">
        <v>9.7960117412364527E-3</v>
      </c>
      <c r="L459">
        <v>-1.181558264242061</v>
      </c>
      <c r="M459">
        <v>7.9519769316811253</v>
      </c>
      <c r="N459">
        <v>26</v>
      </c>
      <c r="O459">
        <v>5</v>
      </c>
      <c r="P459">
        <v>21</v>
      </c>
      <c r="Q459">
        <v>3.7184873856852061</v>
      </c>
      <c r="R459">
        <v>5.5118903900724892</v>
      </c>
      <c r="S459">
        <v>3</v>
      </c>
      <c r="T459">
        <v>1</v>
      </c>
      <c r="U459">
        <v>2</v>
      </c>
      <c r="V459">
        <v>0.1742779598431286</v>
      </c>
      <c r="W459">
        <v>8.1796930403547385</v>
      </c>
      <c r="X459">
        <v>2</v>
      </c>
      <c r="Y459">
        <v>1</v>
      </c>
      <c r="Z459">
        <v>1</v>
      </c>
      <c r="AA459">
        <v>4.0171714280945452E-2</v>
      </c>
      <c r="AB459">
        <v>8.2187040068594648</v>
      </c>
      <c r="AC459">
        <v>2</v>
      </c>
      <c r="AD459">
        <v>1</v>
      </c>
      <c r="AE459">
        <v>1</v>
      </c>
      <c r="AF459">
        <v>3.6676537405658509E-2</v>
      </c>
      <c r="AG459">
        <v>8.218807367551598</v>
      </c>
      <c r="AH459">
        <v>2.3894319156603689E-2</v>
      </c>
      <c r="AI459">
        <v>7.2228873020817813E-3</v>
      </c>
      <c r="AJ459">
        <v>1.1399046502867619E-5</v>
      </c>
      <c r="AK459">
        <v>-1.4275134749307931E-3</v>
      </c>
      <c r="AL459">
        <v>4077.237470627912</v>
      </c>
      <c r="AM459">
        <v>7918.3177890324469</v>
      </c>
      <c r="AN459">
        <v>470014</v>
      </c>
      <c r="AO459">
        <v>94.481304109994113</v>
      </c>
      <c r="AP459">
        <v>3755.7966838862781</v>
      </c>
      <c r="AQ459">
        <v>1.0061827956989251</v>
      </c>
      <c r="AR459">
        <v>3.9989247311827958</v>
      </c>
      <c r="AS459">
        <v>3707</v>
      </c>
      <c r="AT459">
        <v>243.59569892473121</v>
      </c>
      <c r="AU459">
        <v>1.3978494623655861E-2</v>
      </c>
      <c r="AV459">
        <v>2.3896223168755108E-2</v>
      </c>
      <c r="AW459">
        <v>0.3720430107526882</v>
      </c>
      <c r="AX459">
        <v>83.645334767410588</v>
      </c>
      <c r="AY459">
        <v>63</v>
      </c>
      <c r="AZ459">
        <v>126.25</v>
      </c>
      <c r="BA459">
        <v>0.57943594730050785</v>
      </c>
      <c r="BB459">
        <v>0.49784946236559141</v>
      </c>
      <c r="BC459">
        <v>5.3043799730049237</v>
      </c>
      <c r="BD459" t="s">
        <v>1816</v>
      </c>
      <c r="BE459" t="s">
        <v>68</v>
      </c>
    </row>
    <row r="460" spans="1:57" x14ac:dyDescent="0.3">
      <c r="A460" t="s">
        <v>1817</v>
      </c>
      <c r="B460">
        <v>3958</v>
      </c>
      <c r="C460" t="s">
        <v>1818</v>
      </c>
      <c r="D460" t="s">
        <v>1819</v>
      </c>
      <c r="E460" t="s">
        <v>98</v>
      </c>
      <c r="F460">
        <v>16</v>
      </c>
      <c r="G460">
        <v>150.9375</v>
      </c>
      <c r="H460">
        <v>165.5</v>
      </c>
      <c r="I460">
        <v>4463.30859375</v>
      </c>
      <c r="J460">
        <v>66.807997977412853</v>
      </c>
      <c r="K460">
        <v>-0.41697498931945959</v>
      </c>
      <c r="L460">
        <v>-0.71064730229371431</v>
      </c>
      <c r="M460">
        <v>4</v>
      </c>
      <c r="N460">
        <v>1</v>
      </c>
      <c r="O460">
        <v>1</v>
      </c>
      <c r="P460">
        <v>0</v>
      </c>
      <c r="Q460">
        <v>0</v>
      </c>
      <c r="R460">
        <v>2.7725887222397811</v>
      </c>
      <c r="S460">
        <v>1</v>
      </c>
      <c r="T460">
        <v>1</v>
      </c>
      <c r="U460">
        <v>0</v>
      </c>
      <c r="V460">
        <v>0</v>
      </c>
      <c r="W460">
        <v>2.7080502011022101</v>
      </c>
      <c r="X460">
        <v>1</v>
      </c>
      <c r="Y460">
        <v>1</v>
      </c>
      <c r="Z460">
        <v>0</v>
      </c>
      <c r="AA460">
        <v>0</v>
      </c>
      <c r="AB460">
        <v>2.639057329615258</v>
      </c>
      <c r="AC460">
        <v>1</v>
      </c>
      <c r="AD460">
        <v>1</v>
      </c>
      <c r="AE460">
        <v>0</v>
      </c>
      <c r="AF460">
        <v>0</v>
      </c>
      <c r="AG460">
        <v>2.5649493574615372</v>
      </c>
      <c r="AH460">
        <v>3.3904866240098301E-2</v>
      </c>
      <c r="AI460">
        <v>-0.27015248900103012</v>
      </c>
      <c r="AJ460">
        <v>0.30081444232356358</v>
      </c>
      <c r="AK460">
        <v>0.12765489358983451</v>
      </c>
      <c r="AL460">
        <v>390.21382444196507</v>
      </c>
      <c r="AM460">
        <v>532.59756966623047</v>
      </c>
      <c r="AN460">
        <v>2415</v>
      </c>
      <c r="AO460">
        <v>110.36276305403059</v>
      </c>
      <c r="AP460">
        <v>266.31747971171552</v>
      </c>
      <c r="AQ460">
        <v>2.3125</v>
      </c>
      <c r="AR460">
        <v>4.4375</v>
      </c>
      <c r="AS460">
        <v>16</v>
      </c>
      <c r="AT460">
        <v>0</v>
      </c>
      <c r="AU460">
        <v>0.18951612903225809</v>
      </c>
      <c r="AV460">
        <v>3.2368286409855507E-2</v>
      </c>
      <c r="AW460">
        <v>0.3125</v>
      </c>
      <c r="AX460">
        <v>78.733333333333334</v>
      </c>
      <c r="AY460">
        <v>55.5</v>
      </c>
      <c r="AZ460">
        <v>94</v>
      </c>
      <c r="BA460">
        <v>0.44262027645490909</v>
      </c>
      <c r="BB460">
        <v>0.5625</v>
      </c>
      <c r="BC460">
        <v>2.7080502011022101</v>
      </c>
      <c r="BD460" t="s">
        <v>1818</v>
      </c>
      <c r="BE460" t="s">
        <v>62</v>
      </c>
    </row>
    <row r="461" spans="1:57" x14ac:dyDescent="0.3">
      <c r="A461" t="s">
        <v>1820</v>
      </c>
      <c r="B461">
        <v>2739</v>
      </c>
      <c r="C461" t="s">
        <v>1821</v>
      </c>
      <c r="D461" t="s">
        <v>1822</v>
      </c>
      <c r="E461" t="s">
        <v>85</v>
      </c>
      <c r="F461">
        <v>8</v>
      </c>
      <c r="G461">
        <v>154.5</v>
      </c>
      <c r="H461">
        <v>190</v>
      </c>
      <c r="I461">
        <v>6336.25</v>
      </c>
      <c r="J461">
        <v>79.600565324625677</v>
      </c>
      <c r="K461">
        <v>-0.71272211719909284</v>
      </c>
      <c r="L461">
        <v>-1.0219636010624891</v>
      </c>
      <c r="M461">
        <v>3</v>
      </c>
      <c r="N461">
        <v>1</v>
      </c>
      <c r="O461">
        <v>1</v>
      </c>
      <c r="P461">
        <v>0</v>
      </c>
      <c r="Q461">
        <v>0</v>
      </c>
      <c r="R461">
        <v>2.0794415416798362</v>
      </c>
      <c r="S461">
        <v>1</v>
      </c>
      <c r="T461">
        <v>1</v>
      </c>
      <c r="U461">
        <v>0</v>
      </c>
      <c r="V461">
        <v>0</v>
      </c>
      <c r="W461">
        <v>1.945910149055313</v>
      </c>
      <c r="X461">
        <v>1</v>
      </c>
      <c r="Y461">
        <v>1</v>
      </c>
      <c r="Z461">
        <v>0</v>
      </c>
      <c r="AA461">
        <v>0</v>
      </c>
      <c r="AB461">
        <v>1.791759469228055</v>
      </c>
      <c r="AC461">
        <v>1</v>
      </c>
      <c r="AD461">
        <v>1</v>
      </c>
      <c r="AE461">
        <v>0</v>
      </c>
      <c r="AF461">
        <v>0</v>
      </c>
      <c r="AG461">
        <v>1.6094379124341009</v>
      </c>
      <c r="AH461">
        <v>-0.5509420003945551</v>
      </c>
      <c r="AI461">
        <v>0.1417636614716907</v>
      </c>
      <c r="AJ461">
        <v>0.12755474452554741</v>
      </c>
      <c r="AK461">
        <v>0</v>
      </c>
      <c r="AL461">
        <v>329.74518477539237</v>
      </c>
      <c r="AM461">
        <v>364.58210751138398</v>
      </c>
      <c r="AN461">
        <v>1236</v>
      </c>
      <c r="AO461">
        <v>31.14482300479488</v>
      </c>
      <c r="AP461">
        <v>218.96595212626011</v>
      </c>
      <c r="AQ461">
        <v>3.5</v>
      </c>
      <c r="AR461">
        <v>4.125</v>
      </c>
      <c r="AS461">
        <v>8</v>
      </c>
      <c r="AT461">
        <v>0</v>
      </c>
      <c r="AU461">
        <v>0.31508264462809921</v>
      </c>
      <c r="AV461">
        <v>-0.59162063533530618</v>
      </c>
      <c r="AW461">
        <v>0.125</v>
      </c>
      <c r="AX461">
        <v>122.5714285714286</v>
      </c>
      <c r="AY461">
        <v>47.5</v>
      </c>
      <c r="AZ461">
        <v>93</v>
      </c>
      <c r="BA461">
        <v>0.51521401504612085</v>
      </c>
      <c r="BB461">
        <v>0.625</v>
      </c>
      <c r="BC461">
        <v>1.945910149055313</v>
      </c>
      <c r="BD461" t="s">
        <v>1821</v>
      </c>
      <c r="BE461" t="s">
        <v>68</v>
      </c>
    </row>
    <row r="462" spans="1:57" x14ac:dyDescent="0.3">
      <c r="A462" t="s">
        <v>1823</v>
      </c>
      <c r="B462">
        <v>3401</v>
      </c>
      <c r="C462" t="s">
        <v>1824</v>
      </c>
      <c r="D462" t="s">
        <v>1825</v>
      </c>
      <c r="E462" t="s">
        <v>10622</v>
      </c>
      <c r="F462">
        <v>64</v>
      </c>
      <c r="G462">
        <v>134.609375</v>
      </c>
      <c r="H462">
        <v>134.5</v>
      </c>
      <c r="I462">
        <v>5165.769287109375</v>
      </c>
      <c r="J462">
        <v>71.873286324679597</v>
      </c>
      <c r="K462">
        <v>-3.70220317869525E-2</v>
      </c>
      <c r="L462">
        <v>-1.2035111267556049</v>
      </c>
      <c r="M462">
        <v>5.769454882778696</v>
      </c>
      <c r="N462">
        <v>3</v>
      </c>
      <c r="O462">
        <v>1</v>
      </c>
      <c r="P462">
        <v>2</v>
      </c>
      <c r="Q462">
        <v>0.37790630225505289</v>
      </c>
      <c r="R462">
        <v>3.9990813853658631</v>
      </c>
      <c r="S462">
        <v>1</v>
      </c>
      <c r="T462">
        <v>1</v>
      </c>
      <c r="U462">
        <v>0</v>
      </c>
      <c r="V462">
        <v>0</v>
      </c>
      <c r="W462">
        <v>4.1431347263915326</v>
      </c>
      <c r="X462">
        <v>1</v>
      </c>
      <c r="Y462">
        <v>1</v>
      </c>
      <c r="Z462">
        <v>0</v>
      </c>
      <c r="AA462">
        <v>0</v>
      </c>
      <c r="AB462">
        <v>4.1271343850450908</v>
      </c>
      <c r="AC462">
        <v>1</v>
      </c>
      <c r="AD462">
        <v>1</v>
      </c>
      <c r="AE462">
        <v>0</v>
      </c>
      <c r="AF462">
        <v>0</v>
      </c>
      <c r="AG462">
        <v>4.1108738641733096</v>
      </c>
      <c r="AH462">
        <v>-0.25478973764037238</v>
      </c>
      <c r="AI462">
        <v>-4.3564767868656873E-2</v>
      </c>
      <c r="AJ462">
        <v>7.9672285501468376E-2</v>
      </c>
      <c r="AK462">
        <v>-9.6940050508552131E-2</v>
      </c>
      <c r="AL462">
        <v>644.09921343829956</v>
      </c>
      <c r="AM462">
        <v>1037.0174556140139</v>
      </c>
      <c r="AN462">
        <v>8615</v>
      </c>
      <c r="AO462">
        <v>37</v>
      </c>
      <c r="AP462">
        <v>456.13267557021072</v>
      </c>
      <c r="AQ462">
        <v>1.359375</v>
      </c>
      <c r="AR462">
        <v>4.09375</v>
      </c>
      <c r="AS462">
        <v>64</v>
      </c>
      <c r="AT462">
        <v>7.2499999999999991</v>
      </c>
      <c r="AU462">
        <v>7.0405876494023856E-2</v>
      </c>
      <c r="AV462">
        <v>-0.25782444859840059</v>
      </c>
      <c r="AW462">
        <v>0.40625</v>
      </c>
      <c r="AX462">
        <v>93.19047619047619</v>
      </c>
      <c r="AY462">
        <v>68.5</v>
      </c>
      <c r="AZ462">
        <v>136.25</v>
      </c>
      <c r="BA462">
        <v>0.53393967786181007</v>
      </c>
      <c r="BB462">
        <v>0.5</v>
      </c>
      <c r="BC462">
        <v>3.9670973472017059</v>
      </c>
      <c r="BD462" t="s">
        <v>1826</v>
      </c>
      <c r="BE462" t="s">
        <v>62</v>
      </c>
    </row>
    <row r="463" spans="1:57" x14ac:dyDescent="0.3">
      <c r="A463" t="s">
        <v>1827</v>
      </c>
      <c r="B463">
        <v>3158</v>
      </c>
      <c r="C463" t="s">
        <v>1828</v>
      </c>
      <c r="D463" t="s">
        <v>1829</v>
      </c>
      <c r="E463" t="s">
        <v>85</v>
      </c>
      <c r="F463">
        <v>8</v>
      </c>
      <c r="G463">
        <v>137</v>
      </c>
      <c r="H463">
        <v>144.5</v>
      </c>
      <c r="I463">
        <v>4346</v>
      </c>
      <c r="J463">
        <v>65.924198895398035</v>
      </c>
      <c r="K463">
        <v>-0.35267516051897829</v>
      </c>
      <c r="L463">
        <v>-0.31160218101542808</v>
      </c>
      <c r="M463">
        <v>3</v>
      </c>
      <c r="N463">
        <v>1</v>
      </c>
      <c r="O463">
        <v>1</v>
      </c>
      <c r="P463">
        <v>0</v>
      </c>
      <c r="Q463">
        <v>0</v>
      </c>
      <c r="R463">
        <v>2.0794415416798362</v>
      </c>
      <c r="S463">
        <v>1</v>
      </c>
      <c r="T463">
        <v>1</v>
      </c>
      <c r="U463">
        <v>0</v>
      </c>
      <c r="V463">
        <v>0</v>
      </c>
      <c r="W463">
        <v>1.945910149055313</v>
      </c>
      <c r="X463">
        <v>1</v>
      </c>
      <c r="Y463">
        <v>1</v>
      </c>
      <c r="Z463">
        <v>0</v>
      </c>
      <c r="AA463">
        <v>0</v>
      </c>
      <c r="AB463">
        <v>1.791759469228055</v>
      </c>
      <c r="AC463">
        <v>1</v>
      </c>
      <c r="AD463">
        <v>1</v>
      </c>
      <c r="AE463">
        <v>0</v>
      </c>
      <c r="AF463">
        <v>0</v>
      </c>
      <c r="AG463">
        <v>1.6094379124341009</v>
      </c>
      <c r="AH463">
        <v>0.14530602853198341</v>
      </c>
      <c r="AI463">
        <v>-0.23090197883110911</v>
      </c>
      <c r="AJ463">
        <v>0.20697192820984811</v>
      </c>
      <c r="AK463">
        <v>0</v>
      </c>
      <c r="AL463">
        <v>306.79242827871519</v>
      </c>
      <c r="AM463">
        <v>301.32773843582578</v>
      </c>
      <c r="AN463">
        <v>1096</v>
      </c>
      <c r="AO463">
        <v>136</v>
      </c>
      <c r="AP463">
        <v>178.3143292054792</v>
      </c>
      <c r="AQ463">
        <v>3.5</v>
      </c>
      <c r="AR463">
        <v>3.75</v>
      </c>
      <c r="AS463">
        <v>8</v>
      </c>
      <c r="AT463">
        <v>0</v>
      </c>
      <c r="AU463">
        <v>0.17952674897119339</v>
      </c>
      <c r="AV463">
        <v>0.1477825432864556</v>
      </c>
      <c r="AW463">
        <v>0.25</v>
      </c>
      <c r="AX463">
        <v>79.857142857142861</v>
      </c>
      <c r="AY463">
        <v>40.5</v>
      </c>
      <c r="AZ463">
        <v>63</v>
      </c>
      <c r="BA463">
        <v>0.48119853208319741</v>
      </c>
      <c r="BB463">
        <v>0.625</v>
      </c>
      <c r="BC463">
        <v>1.945910149055313</v>
      </c>
      <c r="BD463" t="s">
        <v>1828</v>
      </c>
      <c r="BE463" t="s">
        <v>68</v>
      </c>
    </row>
    <row r="464" spans="1:57" x14ac:dyDescent="0.3">
      <c r="A464" t="s">
        <v>1830</v>
      </c>
      <c r="B464">
        <v>3440</v>
      </c>
      <c r="C464" t="s">
        <v>1831</v>
      </c>
      <c r="D464" t="s">
        <v>1832</v>
      </c>
      <c r="E464" t="s">
        <v>98</v>
      </c>
      <c r="F464">
        <v>16</v>
      </c>
      <c r="G464">
        <v>110.125</v>
      </c>
      <c r="H464">
        <v>124.5</v>
      </c>
      <c r="I464">
        <v>3631.984375</v>
      </c>
      <c r="J464">
        <v>60.265947059678737</v>
      </c>
      <c r="K464">
        <v>-0.1049997642455405</v>
      </c>
      <c r="L464">
        <v>-0.71541307922288544</v>
      </c>
      <c r="M464">
        <v>3.875</v>
      </c>
      <c r="N464">
        <v>2</v>
      </c>
      <c r="O464">
        <v>1</v>
      </c>
      <c r="P464">
        <v>1</v>
      </c>
      <c r="Q464">
        <v>0.24944382578492949</v>
      </c>
      <c r="R464">
        <v>2.6859453246697882</v>
      </c>
      <c r="S464">
        <v>1</v>
      </c>
      <c r="T464">
        <v>1</v>
      </c>
      <c r="U464">
        <v>0</v>
      </c>
      <c r="V464">
        <v>0</v>
      </c>
      <c r="W464">
        <v>2.7080502011022101</v>
      </c>
      <c r="X464">
        <v>1</v>
      </c>
      <c r="Y464">
        <v>1</v>
      </c>
      <c r="Z464">
        <v>0</v>
      </c>
      <c r="AA464">
        <v>0</v>
      </c>
      <c r="AB464">
        <v>2.639057329615258</v>
      </c>
      <c r="AC464">
        <v>1</v>
      </c>
      <c r="AD464">
        <v>1</v>
      </c>
      <c r="AE464">
        <v>0</v>
      </c>
      <c r="AF464">
        <v>0</v>
      </c>
      <c r="AG464">
        <v>2.5649493574615372</v>
      </c>
      <c r="AH464">
        <v>-0.13906207651636721</v>
      </c>
      <c r="AI464">
        <v>-0.22377843121227631</v>
      </c>
      <c r="AJ464">
        <v>1.605392842239306E-2</v>
      </c>
      <c r="AK464">
        <v>-0.14198774344259121</v>
      </c>
      <c r="AL464">
        <v>339.09116014498909</v>
      </c>
      <c r="AM464">
        <v>370.36358502358922</v>
      </c>
      <c r="AN464">
        <v>1762</v>
      </c>
      <c r="AO464">
        <v>165.2040870080973</v>
      </c>
      <c r="AP464">
        <v>260.06409885487619</v>
      </c>
      <c r="AQ464">
        <v>2.25</v>
      </c>
      <c r="AR464">
        <v>3.625</v>
      </c>
      <c r="AS464">
        <v>15</v>
      </c>
      <c r="AT464">
        <v>0.87499999999999989</v>
      </c>
      <c r="AU464">
        <v>0.17434210526315791</v>
      </c>
      <c r="AV464">
        <v>-0.14530050612450929</v>
      </c>
      <c r="AW464">
        <v>0.4375</v>
      </c>
      <c r="AX464">
        <v>80.599999999999994</v>
      </c>
      <c r="AY464">
        <v>44.5</v>
      </c>
      <c r="AZ464">
        <v>74.75</v>
      </c>
      <c r="BA464">
        <v>0.54725037057597037</v>
      </c>
      <c r="BB464">
        <v>0.5625</v>
      </c>
      <c r="BC464">
        <v>2.7080502011022101</v>
      </c>
      <c r="BD464" t="s">
        <v>1831</v>
      </c>
      <c r="BE464" t="s">
        <v>62</v>
      </c>
    </row>
    <row r="465" spans="1:57" x14ac:dyDescent="0.3">
      <c r="A465" t="s">
        <v>1833</v>
      </c>
      <c r="B465">
        <v>2708</v>
      </c>
      <c r="C465" t="s">
        <v>1834</v>
      </c>
      <c r="D465" t="s">
        <v>1835</v>
      </c>
      <c r="E465" t="s">
        <v>128</v>
      </c>
      <c r="F465">
        <v>32</v>
      </c>
      <c r="G465">
        <v>136.5625</v>
      </c>
      <c r="H465">
        <v>144.5</v>
      </c>
      <c r="I465">
        <v>4760.74609375</v>
      </c>
      <c r="J465">
        <v>68.998160075106355</v>
      </c>
      <c r="K465">
        <v>-0.31404600729338622</v>
      </c>
      <c r="L465">
        <v>-1.04503656268671</v>
      </c>
      <c r="M465">
        <v>4.8125</v>
      </c>
      <c r="N465">
        <v>2</v>
      </c>
      <c r="O465">
        <v>1</v>
      </c>
      <c r="P465">
        <v>1</v>
      </c>
      <c r="Q465">
        <v>0.30454347814923599</v>
      </c>
      <c r="R465">
        <v>3.335770806444736</v>
      </c>
      <c r="S465">
        <v>1</v>
      </c>
      <c r="T465">
        <v>1</v>
      </c>
      <c r="U465">
        <v>0</v>
      </c>
      <c r="V465">
        <v>0</v>
      </c>
      <c r="W465">
        <v>3.4339872044851458</v>
      </c>
      <c r="X465">
        <v>1</v>
      </c>
      <c r="Y465">
        <v>1</v>
      </c>
      <c r="Z465">
        <v>0</v>
      </c>
      <c r="AA465">
        <v>0</v>
      </c>
      <c r="AB465">
        <v>3.401197381662155</v>
      </c>
      <c r="AC465">
        <v>1</v>
      </c>
      <c r="AD465">
        <v>1</v>
      </c>
      <c r="AE465">
        <v>0</v>
      </c>
      <c r="AF465">
        <v>0</v>
      </c>
      <c r="AG465">
        <v>3.3672958299864728</v>
      </c>
      <c r="AH465">
        <v>0.14770939162306329</v>
      </c>
      <c r="AI465">
        <v>2.6507824403836391E-2</v>
      </c>
      <c r="AJ465">
        <v>0.1148785467663206</v>
      </c>
      <c r="AK465">
        <v>-8.8653311874205637E-2</v>
      </c>
      <c r="AL465">
        <v>491.37482347019409</v>
      </c>
      <c r="AM465">
        <v>712.51160191230258</v>
      </c>
      <c r="AN465">
        <v>4370</v>
      </c>
      <c r="AO465">
        <v>74.887991159760077</v>
      </c>
      <c r="AP465">
        <v>369.37892345480861</v>
      </c>
      <c r="AQ465">
        <v>1.71875</v>
      </c>
      <c r="AR465">
        <v>3.9375</v>
      </c>
      <c r="AS465">
        <v>32</v>
      </c>
      <c r="AT465">
        <v>2.4375</v>
      </c>
      <c r="AU465">
        <v>0.12549999999999989</v>
      </c>
      <c r="AV465">
        <v>0.1560699386777348</v>
      </c>
      <c r="AW465">
        <v>0.25</v>
      </c>
      <c r="AX465">
        <v>69.709677419354833</v>
      </c>
      <c r="AY465">
        <v>50</v>
      </c>
      <c r="AZ465">
        <v>109.75</v>
      </c>
      <c r="BA465">
        <v>0.50524968476050425</v>
      </c>
      <c r="BB465">
        <v>0.5</v>
      </c>
      <c r="BC465">
        <v>3.2998296856670919</v>
      </c>
      <c r="BD465" t="s">
        <v>1836</v>
      </c>
      <c r="BE465" t="s">
        <v>62</v>
      </c>
    </row>
    <row r="466" spans="1:57" x14ac:dyDescent="0.3">
      <c r="A466" t="s">
        <v>1837</v>
      </c>
      <c r="B466">
        <v>3897</v>
      </c>
      <c r="C466" t="s">
        <v>1838</v>
      </c>
      <c r="D466" t="s">
        <v>1839</v>
      </c>
      <c r="E466" t="s">
        <v>115</v>
      </c>
      <c r="F466">
        <v>3968</v>
      </c>
      <c r="G466">
        <v>126.17137096774189</v>
      </c>
      <c r="H466">
        <v>124</v>
      </c>
      <c r="I466">
        <v>5432.9192207010929</v>
      </c>
      <c r="J466">
        <v>73.708338881710617</v>
      </c>
      <c r="K466">
        <v>3.0011666575819562E-2</v>
      </c>
      <c r="L466">
        <v>-1.191116326229634</v>
      </c>
      <c r="M466">
        <v>7.9571230004383846</v>
      </c>
      <c r="N466">
        <v>25</v>
      </c>
      <c r="O466">
        <v>6</v>
      </c>
      <c r="P466">
        <v>19</v>
      </c>
      <c r="Q466">
        <v>3.75</v>
      </c>
      <c r="R466">
        <v>5.5154573731225529</v>
      </c>
      <c r="S466">
        <v>3</v>
      </c>
      <c r="T466">
        <v>1</v>
      </c>
      <c r="U466">
        <v>2</v>
      </c>
      <c r="V466">
        <v>0.17460968236587349</v>
      </c>
      <c r="W466">
        <v>8.2440481840341135</v>
      </c>
      <c r="X466">
        <v>1</v>
      </c>
      <c r="Y466">
        <v>1</v>
      </c>
      <c r="Z466">
        <v>0</v>
      </c>
      <c r="AA466">
        <v>0</v>
      </c>
      <c r="AB466">
        <v>8.2855133090797395</v>
      </c>
      <c r="AC466">
        <v>1</v>
      </c>
      <c r="AD466">
        <v>1</v>
      </c>
      <c r="AE466">
        <v>0</v>
      </c>
      <c r="AF466">
        <v>0</v>
      </c>
      <c r="AG466">
        <v>8.2852611340689499</v>
      </c>
      <c r="AH466">
        <v>-1.2384292442815409E-2</v>
      </c>
      <c r="AI466">
        <v>-1.2306948858058771E-3</v>
      </c>
      <c r="AJ466">
        <v>1.02871609962131E-2</v>
      </c>
      <c r="AK466">
        <v>4.0584550971082572E-2</v>
      </c>
      <c r="AL466">
        <v>4218.7258565826032</v>
      </c>
      <c r="AM466">
        <v>8180.9302739359291</v>
      </c>
      <c r="AN466">
        <v>500648</v>
      </c>
      <c r="AO466">
        <v>72.266067719008618</v>
      </c>
      <c r="AP466">
        <v>3833.9803897302372</v>
      </c>
      <c r="AQ466">
        <v>1.005796370967742</v>
      </c>
      <c r="AR466">
        <v>3.981602822580645</v>
      </c>
      <c r="AS466">
        <v>3955</v>
      </c>
      <c r="AT466">
        <v>232.258064516129</v>
      </c>
      <c r="AU466">
        <v>1.7691532258064521E-2</v>
      </c>
      <c r="AV466">
        <v>-1.2390094624503309E-2</v>
      </c>
      <c r="AW466">
        <v>0.38457661290322581</v>
      </c>
      <c r="AX466">
        <v>85.556087723720694</v>
      </c>
      <c r="AY466">
        <v>64</v>
      </c>
      <c r="AZ466">
        <v>128</v>
      </c>
      <c r="BA466">
        <v>0.58419226419086412</v>
      </c>
      <c r="BB466">
        <v>0.48966733870967738</v>
      </c>
      <c r="BC466">
        <v>5.3258541567417694</v>
      </c>
      <c r="BD466" t="s">
        <v>1840</v>
      </c>
      <c r="BE466" t="s">
        <v>62</v>
      </c>
    </row>
    <row r="467" spans="1:57" x14ac:dyDescent="0.3">
      <c r="A467" t="s">
        <v>1841</v>
      </c>
      <c r="B467">
        <v>3944</v>
      </c>
      <c r="C467" t="s">
        <v>1842</v>
      </c>
      <c r="D467" t="s">
        <v>1843</v>
      </c>
      <c r="E467" t="s">
        <v>10622</v>
      </c>
      <c r="F467">
        <v>64</v>
      </c>
      <c r="G467">
        <v>122.421875</v>
      </c>
      <c r="H467">
        <v>115</v>
      </c>
      <c r="I467">
        <v>4876.243896484375</v>
      </c>
      <c r="J467">
        <v>69.830107378439394</v>
      </c>
      <c r="K467">
        <v>8.1559442295471879E-2</v>
      </c>
      <c r="L467">
        <v>-1.0779942468694159</v>
      </c>
      <c r="M467">
        <v>5.738204882778696</v>
      </c>
      <c r="N467">
        <v>3</v>
      </c>
      <c r="O467">
        <v>1</v>
      </c>
      <c r="P467">
        <v>2</v>
      </c>
      <c r="Q467">
        <v>0.3976974544878587</v>
      </c>
      <c r="R467">
        <v>3.9774205359733652</v>
      </c>
      <c r="S467">
        <v>1</v>
      </c>
      <c r="T467">
        <v>1</v>
      </c>
      <c r="U467">
        <v>0</v>
      </c>
      <c r="V467">
        <v>0</v>
      </c>
      <c r="W467">
        <v>4.1431347263915326</v>
      </c>
      <c r="X467">
        <v>1</v>
      </c>
      <c r="Y467">
        <v>1</v>
      </c>
      <c r="Z467">
        <v>0</v>
      </c>
      <c r="AA467">
        <v>0</v>
      </c>
      <c r="AB467">
        <v>4.1271343850450908</v>
      </c>
      <c r="AC467">
        <v>1</v>
      </c>
      <c r="AD467">
        <v>1</v>
      </c>
      <c r="AE467">
        <v>0</v>
      </c>
      <c r="AF467">
        <v>0</v>
      </c>
      <c r="AG467">
        <v>4.1108738641733096</v>
      </c>
      <c r="AH467">
        <v>-0.18088049902256009</v>
      </c>
      <c r="AI467">
        <v>-2.1257435627778268E-2</v>
      </c>
      <c r="AJ467">
        <v>-0.13868491353618459</v>
      </c>
      <c r="AK467">
        <v>-0.13218366538836371</v>
      </c>
      <c r="AL467">
        <v>614.2416115754877</v>
      </c>
      <c r="AM467">
        <v>945.49576551624375</v>
      </c>
      <c r="AN467">
        <v>7835</v>
      </c>
      <c r="AO467">
        <v>21.625342633317992</v>
      </c>
      <c r="AP467">
        <v>457.75510804775519</v>
      </c>
      <c r="AQ467">
        <v>1.359375</v>
      </c>
      <c r="AR467">
        <v>3.984375</v>
      </c>
      <c r="AS467">
        <v>64</v>
      </c>
      <c r="AT467">
        <v>7.75</v>
      </c>
      <c r="AU467">
        <v>6.4625000000000044E-2</v>
      </c>
      <c r="AV467">
        <v>-0.18236955404086011</v>
      </c>
      <c r="AW467">
        <v>0.421875</v>
      </c>
      <c r="AX467">
        <v>88.206349206349202</v>
      </c>
      <c r="AY467">
        <v>60</v>
      </c>
      <c r="AZ467">
        <v>121</v>
      </c>
      <c r="BA467">
        <v>0.57040547188514634</v>
      </c>
      <c r="BB467">
        <v>0.46875</v>
      </c>
      <c r="BC467">
        <v>3.9807964935089331</v>
      </c>
      <c r="BD467" t="s">
        <v>1844</v>
      </c>
      <c r="BE467" t="s">
        <v>62</v>
      </c>
    </row>
    <row r="468" spans="1:57" x14ac:dyDescent="0.3">
      <c r="A468" t="s">
        <v>1845</v>
      </c>
      <c r="B468">
        <v>2712</v>
      </c>
      <c r="C468" t="s">
        <v>1846</v>
      </c>
      <c r="D468" t="s">
        <v>1847</v>
      </c>
      <c r="E468" t="s">
        <v>66</v>
      </c>
      <c r="F468">
        <v>71</v>
      </c>
      <c r="G468">
        <v>121.4647887323944</v>
      </c>
      <c r="H468">
        <v>110</v>
      </c>
      <c r="I468">
        <v>6258.0515770680422</v>
      </c>
      <c r="J468">
        <v>79.10784775904375</v>
      </c>
      <c r="K468">
        <v>8.7396565758954409E-2</v>
      </c>
      <c r="L468">
        <v>-1.301130084116477</v>
      </c>
      <c r="M468">
        <v>5.8186235278944372</v>
      </c>
      <c r="N468">
        <v>3</v>
      </c>
      <c r="O468">
        <v>1</v>
      </c>
      <c r="P468">
        <v>2</v>
      </c>
      <c r="Q468">
        <v>0.46517619123176213</v>
      </c>
      <c r="R468">
        <v>4.0331624930997956</v>
      </c>
      <c r="S468">
        <v>1</v>
      </c>
      <c r="T468">
        <v>1</v>
      </c>
      <c r="U468">
        <v>0</v>
      </c>
      <c r="V468">
        <v>0</v>
      </c>
      <c r="W468">
        <v>4.2484952420493576</v>
      </c>
      <c r="X468">
        <v>1</v>
      </c>
      <c r="Y468">
        <v>1</v>
      </c>
      <c r="Z468">
        <v>0</v>
      </c>
      <c r="AA468">
        <v>0</v>
      </c>
      <c r="AB468">
        <v>4.2341065045972579</v>
      </c>
      <c r="AC468">
        <v>1</v>
      </c>
      <c r="AD468">
        <v>1</v>
      </c>
      <c r="AE468">
        <v>0</v>
      </c>
      <c r="AF468">
        <v>0</v>
      </c>
      <c r="AG468">
        <v>4.2195077051761087</v>
      </c>
      <c r="AH468">
        <v>-7.5501333541832874E-2</v>
      </c>
      <c r="AI468">
        <v>0.1782212950769792</v>
      </c>
      <c r="AJ468">
        <v>-0.14064093175172879</v>
      </c>
      <c r="AK468">
        <v>7.8677508652953088E-2</v>
      </c>
      <c r="AL468">
        <v>720.12180763513459</v>
      </c>
      <c r="AM468">
        <v>986.53868761863885</v>
      </c>
      <c r="AN468">
        <v>8624</v>
      </c>
      <c r="AO468">
        <v>191.19953843662569</v>
      </c>
      <c r="AP468">
        <v>570.02816066816001</v>
      </c>
      <c r="AQ468">
        <v>1.323943661971831</v>
      </c>
      <c r="AR468">
        <v>4.056338028169014</v>
      </c>
      <c r="AS468">
        <v>71</v>
      </c>
      <c r="AT468">
        <v>10.971830985915499</v>
      </c>
      <c r="AU468">
        <v>9.8315382491024617E-2</v>
      </c>
      <c r="AV468">
        <v>-7.6634319151427599E-2</v>
      </c>
      <c r="AW468">
        <v>0.43661971830985907</v>
      </c>
      <c r="AX468">
        <v>92.185714285714283</v>
      </c>
      <c r="AY468">
        <v>69</v>
      </c>
      <c r="AZ468">
        <v>145.5</v>
      </c>
      <c r="BA468">
        <v>0.65128214180103272</v>
      </c>
      <c r="BB468">
        <v>0.45070422535211269</v>
      </c>
      <c r="BC468">
        <v>4.1296700110962261</v>
      </c>
      <c r="BD468" t="s">
        <v>1848</v>
      </c>
      <c r="BE468" t="s">
        <v>68</v>
      </c>
    </row>
    <row r="469" spans="1:57" x14ac:dyDescent="0.3">
      <c r="A469" t="s">
        <v>1849</v>
      </c>
      <c r="B469">
        <v>1015</v>
      </c>
      <c r="C469" t="s">
        <v>1850</v>
      </c>
      <c r="D469" t="s">
        <v>1851</v>
      </c>
      <c r="E469" t="s">
        <v>66</v>
      </c>
      <c r="F469">
        <v>71</v>
      </c>
      <c r="G469">
        <v>123.33802816901409</v>
      </c>
      <c r="H469">
        <v>136</v>
      </c>
      <c r="I469">
        <v>6766.2519341400521</v>
      </c>
      <c r="J469">
        <v>82.257230284881658</v>
      </c>
      <c r="K469">
        <v>-4.4019646918218587E-2</v>
      </c>
      <c r="L469">
        <v>-1.5325491414843799</v>
      </c>
      <c r="M469">
        <v>5.9701008166573057</v>
      </c>
      <c r="N469">
        <v>3</v>
      </c>
      <c r="O469">
        <v>1</v>
      </c>
      <c r="P469">
        <v>2</v>
      </c>
      <c r="Q469">
        <v>0.33846153846153848</v>
      </c>
      <c r="R469">
        <v>4.1381585487246424</v>
      </c>
      <c r="S469">
        <v>1</v>
      </c>
      <c r="T469">
        <v>1</v>
      </c>
      <c r="U469">
        <v>0</v>
      </c>
      <c r="V469">
        <v>0</v>
      </c>
      <c r="W469">
        <v>4.2484952420493576</v>
      </c>
      <c r="X469">
        <v>1</v>
      </c>
      <c r="Y469">
        <v>1</v>
      </c>
      <c r="Z469">
        <v>0</v>
      </c>
      <c r="AA469">
        <v>0</v>
      </c>
      <c r="AB469">
        <v>4.2341065045972579</v>
      </c>
      <c r="AC469">
        <v>1</v>
      </c>
      <c r="AD469">
        <v>1</v>
      </c>
      <c r="AE469">
        <v>0</v>
      </c>
      <c r="AF469">
        <v>0</v>
      </c>
      <c r="AG469">
        <v>4.2195077051761087</v>
      </c>
      <c r="AH469">
        <v>0.1114582075048572</v>
      </c>
      <c r="AI469">
        <v>-7.2402670374895589E-2</v>
      </c>
      <c r="AJ469">
        <v>-3.7561251670404347E-2</v>
      </c>
      <c r="AK469">
        <v>-8.4554770393481023E-3</v>
      </c>
      <c r="AL469">
        <v>746.37208147084436</v>
      </c>
      <c r="AM469">
        <v>1001.700412299445</v>
      </c>
      <c r="AN469">
        <v>8757</v>
      </c>
      <c r="AO469">
        <v>46.14693988694895</v>
      </c>
      <c r="AP469">
        <v>687.92864157704651</v>
      </c>
      <c r="AQ469">
        <v>1.323943661971831</v>
      </c>
      <c r="AR469">
        <v>3.816901408450704</v>
      </c>
      <c r="AS469">
        <v>71</v>
      </c>
      <c r="AT469">
        <v>6.816901408450704</v>
      </c>
      <c r="AU469">
        <v>0.11673332174114651</v>
      </c>
      <c r="AV469">
        <v>0.1124445048656524</v>
      </c>
      <c r="AW469">
        <v>0.323943661971831</v>
      </c>
      <c r="AX469">
        <v>85.885714285714286</v>
      </c>
      <c r="AY469">
        <v>79</v>
      </c>
      <c r="AZ469">
        <v>164.5</v>
      </c>
      <c r="BA469">
        <v>0.6669251284945299</v>
      </c>
      <c r="BB469">
        <v>0.50704225352112675</v>
      </c>
      <c r="BC469">
        <v>4.010844780143092</v>
      </c>
      <c r="BD469" t="s">
        <v>1852</v>
      </c>
      <c r="BE469" t="s">
        <v>68</v>
      </c>
    </row>
    <row r="470" spans="1:57" x14ac:dyDescent="0.3">
      <c r="A470" t="s">
        <v>1853</v>
      </c>
      <c r="B470">
        <v>502</v>
      </c>
      <c r="C470" t="s">
        <v>1854</v>
      </c>
      <c r="D470" t="s">
        <v>1855</v>
      </c>
      <c r="E470" t="s">
        <v>85</v>
      </c>
      <c r="F470">
        <v>8</v>
      </c>
      <c r="G470">
        <v>97.5</v>
      </c>
      <c r="H470">
        <v>91</v>
      </c>
      <c r="I470">
        <v>3096.75</v>
      </c>
      <c r="J470">
        <v>55.64845011318824</v>
      </c>
      <c r="K470">
        <v>0.82850663589724793</v>
      </c>
      <c r="L470">
        <v>-0.37216624284989441</v>
      </c>
      <c r="M470">
        <v>3</v>
      </c>
      <c r="N470">
        <v>1</v>
      </c>
      <c r="O470">
        <v>1</v>
      </c>
      <c r="P470">
        <v>0</v>
      </c>
      <c r="Q470">
        <v>0</v>
      </c>
      <c r="R470">
        <v>2.0794415416798362</v>
      </c>
      <c r="S470">
        <v>1</v>
      </c>
      <c r="T470">
        <v>1</v>
      </c>
      <c r="U470">
        <v>0</v>
      </c>
      <c r="V470">
        <v>0</v>
      </c>
      <c r="W470">
        <v>1.945910149055313</v>
      </c>
      <c r="X470">
        <v>1</v>
      </c>
      <c r="Y470">
        <v>1</v>
      </c>
      <c r="Z470">
        <v>0</v>
      </c>
      <c r="AA470">
        <v>0</v>
      </c>
      <c r="AB470">
        <v>1.791759469228055</v>
      </c>
      <c r="AC470">
        <v>1</v>
      </c>
      <c r="AD470">
        <v>1</v>
      </c>
      <c r="AE470">
        <v>0</v>
      </c>
      <c r="AF470">
        <v>0</v>
      </c>
      <c r="AG470">
        <v>1.6094379124341009</v>
      </c>
      <c r="AH470">
        <v>-0.16637402115120689</v>
      </c>
      <c r="AI470">
        <v>-0.45493259061919761</v>
      </c>
      <c r="AJ470">
        <v>6.2050940502139343E-2</v>
      </c>
      <c r="AK470">
        <v>0</v>
      </c>
      <c r="AL470">
        <v>219.3278572947635</v>
      </c>
      <c r="AM470">
        <v>229.60681831010129</v>
      </c>
      <c r="AN470">
        <v>780</v>
      </c>
      <c r="AO470">
        <v>36.607242364522669</v>
      </c>
      <c r="AP470">
        <v>121.1759460256112</v>
      </c>
      <c r="AQ470">
        <v>3.5</v>
      </c>
      <c r="AR470">
        <v>3.375</v>
      </c>
      <c r="AS470">
        <v>8</v>
      </c>
      <c r="AT470">
        <v>0</v>
      </c>
      <c r="AU470">
        <v>0.42772511848341233</v>
      </c>
      <c r="AV470">
        <v>-0.26171316611478501</v>
      </c>
      <c r="AW470">
        <v>0.75</v>
      </c>
      <c r="AX470">
        <v>63.857142857142847</v>
      </c>
      <c r="AY470">
        <v>42.5</v>
      </c>
      <c r="AZ470">
        <v>66.5</v>
      </c>
      <c r="BA470">
        <v>0.57075333449423837</v>
      </c>
      <c r="BB470">
        <v>0.5</v>
      </c>
      <c r="BC470">
        <v>1.945910149055313</v>
      </c>
      <c r="BD470" t="s">
        <v>1854</v>
      </c>
      <c r="BE470" t="s">
        <v>68</v>
      </c>
    </row>
    <row r="471" spans="1:57" x14ac:dyDescent="0.3">
      <c r="A471" t="s">
        <v>1856</v>
      </c>
      <c r="B471">
        <v>3206</v>
      </c>
      <c r="C471" t="s">
        <v>1857</v>
      </c>
      <c r="D471" t="s">
        <v>1858</v>
      </c>
      <c r="E471" t="s">
        <v>93</v>
      </c>
      <c r="F471">
        <v>3208</v>
      </c>
      <c r="G471">
        <v>127.60785536159599</v>
      </c>
      <c r="H471">
        <v>127</v>
      </c>
      <c r="I471">
        <v>5622.3244021336923</v>
      </c>
      <c r="J471">
        <v>74.982160559253643</v>
      </c>
      <c r="K471">
        <v>-4.8968217804242599E-3</v>
      </c>
      <c r="L471">
        <v>-1.2351641961181461</v>
      </c>
      <c r="M471">
        <v>7.9396928819194796</v>
      </c>
      <c r="N471">
        <v>23</v>
      </c>
      <c r="O471">
        <v>4</v>
      </c>
      <c r="P471">
        <v>19</v>
      </c>
      <c r="Q471">
        <v>3.5923910474083969</v>
      </c>
      <c r="R471">
        <v>5.5033757356143518</v>
      </c>
      <c r="S471">
        <v>2</v>
      </c>
      <c r="T471">
        <v>1</v>
      </c>
      <c r="U471">
        <v>1</v>
      </c>
      <c r="V471">
        <v>0.16558421347376609</v>
      </c>
      <c r="W471">
        <v>8.0350513170057365</v>
      </c>
      <c r="X471">
        <v>1</v>
      </c>
      <c r="Y471">
        <v>1</v>
      </c>
      <c r="Z471">
        <v>0</v>
      </c>
      <c r="AA471">
        <v>0</v>
      </c>
      <c r="AB471">
        <v>8.0727793331694961</v>
      </c>
      <c r="AC471">
        <v>1</v>
      </c>
      <c r="AD471">
        <v>1</v>
      </c>
      <c r="AE471">
        <v>0</v>
      </c>
      <c r="AF471">
        <v>0</v>
      </c>
      <c r="AG471">
        <v>8.0724673693547686</v>
      </c>
      <c r="AH471">
        <v>-1.2292687752189479E-2</v>
      </c>
      <c r="AI471">
        <v>1.473820543605696E-2</v>
      </c>
      <c r="AJ471">
        <v>-1.87103210369277E-3</v>
      </c>
      <c r="AK471">
        <v>-1.731128123555023E-2</v>
      </c>
      <c r="AL471">
        <v>3874.9013244475568</v>
      </c>
      <c r="AM471">
        <v>7433.6985226598053</v>
      </c>
      <c r="AN471">
        <v>409366.00000000012</v>
      </c>
      <c r="AO471">
        <v>79.10849575491153</v>
      </c>
      <c r="AP471">
        <v>3549.4507319638401</v>
      </c>
      <c r="AQ471">
        <v>1.00716957605985</v>
      </c>
      <c r="AR471">
        <v>3.9931421446384041</v>
      </c>
      <c r="AS471">
        <v>3198</v>
      </c>
      <c r="AT471">
        <v>263.64089775561098</v>
      </c>
      <c r="AU471">
        <v>1.3768275389956491E-2</v>
      </c>
      <c r="AV471">
        <v>-1.2297267857267039E-2</v>
      </c>
      <c r="AW471">
        <v>0.36253117206982538</v>
      </c>
      <c r="AX471">
        <v>87.306828811973801</v>
      </c>
      <c r="AY471">
        <v>65</v>
      </c>
      <c r="AZ471">
        <v>130</v>
      </c>
      <c r="BA471">
        <v>0.58759831318205635</v>
      </c>
      <c r="BB471">
        <v>0.49968827930174559</v>
      </c>
      <c r="BC471">
        <v>5.3312979746852438</v>
      </c>
      <c r="BD471" t="s">
        <v>1859</v>
      </c>
      <c r="BE471" t="s">
        <v>68</v>
      </c>
    </row>
    <row r="472" spans="1:57" x14ac:dyDescent="0.3">
      <c r="A472" t="s">
        <v>1860</v>
      </c>
      <c r="B472">
        <v>3683</v>
      </c>
      <c r="C472" t="s">
        <v>1861</v>
      </c>
      <c r="D472" t="s">
        <v>1862</v>
      </c>
      <c r="E472" t="s">
        <v>72</v>
      </c>
      <c r="F472">
        <v>3736</v>
      </c>
      <c r="G472">
        <v>130.18709850107069</v>
      </c>
      <c r="H472">
        <v>132</v>
      </c>
      <c r="I472">
        <v>5484.2773603179203</v>
      </c>
      <c r="J472">
        <v>74.055906991393471</v>
      </c>
      <c r="K472">
        <v>-5.8863217453396822E-2</v>
      </c>
      <c r="L472">
        <v>-1.1956022822508789</v>
      </c>
      <c r="M472">
        <v>7.9469966041315017</v>
      </c>
      <c r="N472">
        <v>27</v>
      </c>
      <c r="O472">
        <v>6</v>
      </c>
      <c r="P472">
        <v>21</v>
      </c>
      <c r="Q472">
        <v>3.93588756667413</v>
      </c>
      <c r="R472">
        <v>5.5084382900732098</v>
      </c>
      <c r="S472">
        <v>2</v>
      </c>
      <c r="T472">
        <v>1</v>
      </c>
      <c r="U472">
        <v>1</v>
      </c>
      <c r="V472">
        <v>0.17764969497160191</v>
      </c>
      <c r="W472">
        <v>8.1817058459974028</v>
      </c>
      <c r="X472">
        <v>1</v>
      </c>
      <c r="Y472">
        <v>1</v>
      </c>
      <c r="Z472">
        <v>0</v>
      </c>
      <c r="AA472">
        <v>0</v>
      </c>
      <c r="AB472">
        <v>8.2252353241016678</v>
      </c>
      <c r="AC472">
        <v>1</v>
      </c>
      <c r="AD472">
        <v>1</v>
      </c>
      <c r="AE472">
        <v>0</v>
      </c>
      <c r="AF472">
        <v>0</v>
      </c>
      <c r="AG472">
        <v>8.2249674789145821</v>
      </c>
      <c r="AH472">
        <v>1.5741182674053149E-3</v>
      </c>
      <c r="AI472">
        <v>-1.893440707943593E-2</v>
      </c>
      <c r="AJ472">
        <v>2.4719572163763411E-2</v>
      </c>
      <c r="AK472">
        <v>2.8877666143576411E-2</v>
      </c>
      <c r="AL472">
        <v>4144.1795884694702</v>
      </c>
      <c r="AM472">
        <v>8163.0451755771273</v>
      </c>
      <c r="AN472">
        <v>486379</v>
      </c>
      <c r="AO472">
        <v>106.5877054674053</v>
      </c>
      <c r="AP472">
        <v>3828.4601682092889</v>
      </c>
      <c r="AQ472">
        <v>1.006156316916488</v>
      </c>
      <c r="AR472">
        <v>3.992505353319058</v>
      </c>
      <c r="AS472">
        <v>3726</v>
      </c>
      <c r="AT472">
        <v>271.74304068522491</v>
      </c>
      <c r="AU472">
        <v>2.9578662300037809E-2</v>
      </c>
      <c r="AV472">
        <v>1.57431783811992E-3</v>
      </c>
      <c r="AW472">
        <v>0.35760171306209848</v>
      </c>
      <c r="AX472">
        <v>85.671753681392232</v>
      </c>
      <c r="AY472">
        <v>63</v>
      </c>
      <c r="AZ472">
        <v>127</v>
      </c>
      <c r="BA472">
        <v>0.56884213446683762</v>
      </c>
      <c r="BB472">
        <v>0.50535331905781589</v>
      </c>
      <c r="BC472">
        <v>5.3196494099822962</v>
      </c>
      <c r="BD472" t="s">
        <v>1863</v>
      </c>
      <c r="BE472" t="s">
        <v>68</v>
      </c>
    </row>
    <row r="473" spans="1:57" x14ac:dyDescent="0.3">
      <c r="A473" t="s">
        <v>1864</v>
      </c>
      <c r="B473">
        <v>1546</v>
      </c>
      <c r="C473" t="s">
        <v>1865</v>
      </c>
      <c r="D473" t="s">
        <v>1866</v>
      </c>
      <c r="E473" t="s">
        <v>85</v>
      </c>
      <c r="F473">
        <v>8</v>
      </c>
      <c r="G473">
        <v>130.25</v>
      </c>
      <c r="H473">
        <v>117</v>
      </c>
      <c r="I473">
        <v>5643.1875</v>
      </c>
      <c r="J473">
        <v>75.121152147714028</v>
      </c>
      <c r="K473">
        <v>0.43009037644828452</v>
      </c>
      <c r="L473">
        <v>-0.8815898189353959</v>
      </c>
      <c r="M473">
        <v>2.75</v>
      </c>
      <c r="N473">
        <v>2</v>
      </c>
      <c r="O473">
        <v>1</v>
      </c>
      <c r="P473">
        <v>1</v>
      </c>
      <c r="Q473">
        <v>0.34992710611188271</v>
      </c>
      <c r="R473">
        <v>1.9061547465398501</v>
      </c>
      <c r="S473">
        <v>1</v>
      </c>
      <c r="T473">
        <v>1</v>
      </c>
      <c r="U473">
        <v>0</v>
      </c>
      <c r="V473">
        <v>0</v>
      </c>
      <c r="W473">
        <v>1.945910149055313</v>
      </c>
      <c r="X473">
        <v>1</v>
      </c>
      <c r="Y473">
        <v>1</v>
      </c>
      <c r="Z473">
        <v>0</v>
      </c>
      <c r="AA473">
        <v>0</v>
      </c>
      <c r="AB473">
        <v>1.791759469228055</v>
      </c>
      <c r="AC473">
        <v>1</v>
      </c>
      <c r="AD473">
        <v>1</v>
      </c>
      <c r="AE473">
        <v>0</v>
      </c>
      <c r="AF473">
        <v>0</v>
      </c>
      <c r="AG473">
        <v>1.6094379124341009</v>
      </c>
      <c r="AH473">
        <v>-0.52511462936505304</v>
      </c>
      <c r="AI473">
        <v>0.38127554241286499</v>
      </c>
      <c r="AJ473">
        <v>-2.9677653365230199E-2</v>
      </c>
      <c r="AK473">
        <v>0</v>
      </c>
      <c r="AL473">
        <v>312.53888311043431</v>
      </c>
      <c r="AM473">
        <v>288.41887341864839</v>
      </c>
      <c r="AN473">
        <v>1042</v>
      </c>
      <c r="AO473">
        <v>153.02940893828219</v>
      </c>
      <c r="AP473">
        <v>181.06306175172739</v>
      </c>
      <c r="AQ473">
        <v>3.5</v>
      </c>
      <c r="AR473">
        <v>4.875</v>
      </c>
      <c r="AS473">
        <v>8</v>
      </c>
      <c r="AT473">
        <v>0.74999999999999978</v>
      </c>
      <c r="AU473">
        <v>0.34126984126984128</v>
      </c>
      <c r="AV473">
        <v>-0.57203239599786349</v>
      </c>
      <c r="AW473">
        <v>0.625</v>
      </c>
      <c r="AX473">
        <v>113.4285714285714</v>
      </c>
      <c r="AY473">
        <v>35</v>
      </c>
      <c r="AZ473">
        <v>55.5</v>
      </c>
      <c r="BA473">
        <v>0.57674588980970465</v>
      </c>
      <c r="BB473">
        <v>0.25</v>
      </c>
      <c r="BC473">
        <v>1.945910149055313</v>
      </c>
      <c r="BD473" t="s">
        <v>1865</v>
      </c>
      <c r="BE473" t="s">
        <v>68</v>
      </c>
    </row>
    <row r="474" spans="1:57" x14ac:dyDescent="0.3">
      <c r="A474" t="s">
        <v>1867</v>
      </c>
      <c r="B474">
        <v>1637</v>
      </c>
      <c r="C474" t="s">
        <v>1868</v>
      </c>
      <c r="D474" t="s">
        <v>1869</v>
      </c>
      <c r="E474" t="s">
        <v>66</v>
      </c>
      <c r="F474">
        <v>70</v>
      </c>
      <c r="G474">
        <v>116.4142857142857</v>
      </c>
      <c r="H474">
        <v>100.5</v>
      </c>
      <c r="I474">
        <v>5835.1855102040809</v>
      </c>
      <c r="J474">
        <v>76.38838596412468</v>
      </c>
      <c r="K474">
        <v>0.28309491435203787</v>
      </c>
      <c r="L474">
        <v>-1.304206624072775</v>
      </c>
      <c r="M474">
        <v>5.7578544455163989</v>
      </c>
      <c r="N474">
        <v>2</v>
      </c>
      <c r="O474">
        <v>1</v>
      </c>
      <c r="P474">
        <v>1</v>
      </c>
      <c r="Q474">
        <v>0.41958809624917193</v>
      </c>
      <c r="R474">
        <v>3.991040574984237</v>
      </c>
      <c r="S474">
        <v>2</v>
      </c>
      <c r="T474">
        <v>1</v>
      </c>
      <c r="U474">
        <v>1</v>
      </c>
      <c r="V474">
        <v>0.1203728348804772</v>
      </c>
      <c r="W474">
        <v>4.2140152819723324</v>
      </c>
      <c r="X474">
        <v>1</v>
      </c>
      <c r="Y474">
        <v>1</v>
      </c>
      <c r="Z474">
        <v>0</v>
      </c>
      <c r="AA474">
        <v>0</v>
      </c>
      <c r="AB474">
        <v>4.2195077051761087</v>
      </c>
      <c r="AC474">
        <v>1</v>
      </c>
      <c r="AD474">
        <v>1</v>
      </c>
      <c r="AE474">
        <v>0</v>
      </c>
      <c r="AF474">
        <v>0</v>
      </c>
      <c r="AG474">
        <v>4.2046926193909648</v>
      </c>
      <c r="AH474">
        <v>-4.0827624662795664E-3</v>
      </c>
      <c r="AI474">
        <v>-1.454941614548236E-4</v>
      </c>
      <c r="AJ474">
        <v>3.9434380243071797E-2</v>
      </c>
      <c r="AK474">
        <v>3.0343853053544981E-2</v>
      </c>
      <c r="AL474">
        <v>676.48276772192935</v>
      </c>
      <c r="AM474">
        <v>948.41660939445728</v>
      </c>
      <c r="AN474">
        <v>8149</v>
      </c>
      <c r="AO474">
        <v>66.61364835034594</v>
      </c>
      <c r="AP474">
        <v>551.91656759024659</v>
      </c>
      <c r="AQ474">
        <v>1.328571428571429</v>
      </c>
      <c r="AR474">
        <v>3.628571428571429</v>
      </c>
      <c r="AS474">
        <v>70</v>
      </c>
      <c r="AT474">
        <v>8.1714285714285726</v>
      </c>
      <c r="AU474">
        <v>0.12423366107576631</v>
      </c>
      <c r="AV474">
        <v>-3.9257335303988271E-3</v>
      </c>
      <c r="AW474">
        <v>0.42857142857142849</v>
      </c>
      <c r="AX474">
        <v>86.85507246376811</v>
      </c>
      <c r="AY474">
        <v>58</v>
      </c>
      <c r="AZ474">
        <v>136.25</v>
      </c>
      <c r="BA474">
        <v>0.65617707908807554</v>
      </c>
      <c r="BB474">
        <v>0.45714285714285707</v>
      </c>
      <c r="BC474">
        <v>4.0657934171664811</v>
      </c>
      <c r="BD474" t="s">
        <v>1870</v>
      </c>
      <c r="BE474" t="s">
        <v>68</v>
      </c>
    </row>
    <row r="475" spans="1:57" x14ac:dyDescent="0.3">
      <c r="A475" t="s">
        <v>1871</v>
      </c>
      <c r="B475">
        <v>3295</v>
      </c>
      <c r="C475" t="s">
        <v>1872</v>
      </c>
      <c r="D475" t="s">
        <v>1873</v>
      </c>
      <c r="E475" t="s">
        <v>10622</v>
      </c>
      <c r="F475">
        <v>64</v>
      </c>
      <c r="G475">
        <v>139.96875</v>
      </c>
      <c r="H475">
        <v>150.5</v>
      </c>
      <c r="I475">
        <v>5354.0927734375</v>
      </c>
      <c r="J475">
        <v>73.171666466177328</v>
      </c>
      <c r="K475">
        <v>-0.36175012910818788</v>
      </c>
      <c r="L475">
        <v>-0.96434509259203471</v>
      </c>
      <c r="M475">
        <v>5.78125</v>
      </c>
      <c r="N475">
        <v>2</v>
      </c>
      <c r="O475">
        <v>1</v>
      </c>
      <c r="P475">
        <v>1</v>
      </c>
      <c r="Q475">
        <v>0.32821556024332821</v>
      </c>
      <c r="R475">
        <v>4.0072571376121839</v>
      </c>
      <c r="S475">
        <v>1</v>
      </c>
      <c r="T475">
        <v>1</v>
      </c>
      <c r="U475">
        <v>0</v>
      </c>
      <c r="V475">
        <v>0</v>
      </c>
      <c r="W475">
        <v>4.1431347263915326</v>
      </c>
      <c r="X475">
        <v>1</v>
      </c>
      <c r="Y475">
        <v>1</v>
      </c>
      <c r="Z475">
        <v>0</v>
      </c>
      <c r="AA475">
        <v>0</v>
      </c>
      <c r="AB475">
        <v>4.1271343850450908</v>
      </c>
      <c r="AC475">
        <v>1</v>
      </c>
      <c r="AD475">
        <v>1</v>
      </c>
      <c r="AE475">
        <v>0</v>
      </c>
      <c r="AF475">
        <v>0</v>
      </c>
      <c r="AG475">
        <v>4.1108738641733096</v>
      </c>
      <c r="AH475">
        <v>5.9530609592253009E-2</v>
      </c>
      <c r="AI475">
        <v>0.13061688693356849</v>
      </c>
      <c r="AJ475">
        <v>-0.30382762057665802</v>
      </c>
      <c r="AK475">
        <v>-9.7369228572767877E-2</v>
      </c>
      <c r="AL475">
        <v>639.31586311581509</v>
      </c>
      <c r="AM475">
        <v>1089.8519290107629</v>
      </c>
      <c r="AN475">
        <v>8958</v>
      </c>
      <c r="AO475">
        <v>134.09842083003949</v>
      </c>
      <c r="AP475">
        <v>465.36459402447872</v>
      </c>
      <c r="AQ475">
        <v>1.359375</v>
      </c>
      <c r="AR475">
        <v>4.140625</v>
      </c>
      <c r="AS475">
        <v>62</v>
      </c>
      <c r="AT475">
        <v>5.46875</v>
      </c>
      <c r="AU475">
        <v>0.13492647058823529</v>
      </c>
      <c r="AV475">
        <v>6.0626250056716027E-2</v>
      </c>
      <c r="AW475">
        <v>0.25</v>
      </c>
      <c r="AX475">
        <v>78.38095238095238</v>
      </c>
      <c r="AY475">
        <v>61</v>
      </c>
      <c r="AZ475">
        <v>118.75</v>
      </c>
      <c r="BA475">
        <v>0.52277145052861673</v>
      </c>
      <c r="BB475">
        <v>0.578125</v>
      </c>
      <c r="BC475">
        <v>3.89277780391402</v>
      </c>
      <c r="BD475" t="s">
        <v>1874</v>
      </c>
      <c r="BE475" t="s">
        <v>62</v>
      </c>
    </row>
    <row r="476" spans="1:57" x14ac:dyDescent="0.3">
      <c r="A476" t="s">
        <v>1875</v>
      </c>
      <c r="B476">
        <v>736</v>
      </c>
      <c r="C476" t="s">
        <v>1876</v>
      </c>
      <c r="D476" t="s">
        <v>1877</v>
      </c>
      <c r="E476" t="s">
        <v>66</v>
      </c>
      <c r="F476">
        <v>71</v>
      </c>
      <c r="G476">
        <v>109.1267605633803</v>
      </c>
      <c r="H476">
        <v>88</v>
      </c>
      <c r="I476">
        <v>5752.8994247173168</v>
      </c>
      <c r="J476">
        <v>75.847870271467187</v>
      </c>
      <c r="K476">
        <v>0.38512095894515141</v>
      </c>
      <c r="L476">
        <v>-1.0806478282106879</v>
      </c>
      <c r="M476">
        <v>5.8292557462347689</v>
      </c>
      <c r="N476">
        <v>4</v>
      </c>
      <c r="O476">
        <v>1</v>
      </c>
      <c r="P476">
        <v>3</v>
      </c>
      <c r="Q476">
        <v>0.51788750816168239</v>
      </c>
      <c r="R476">
        <v>4.0405321852654943</v>
      </c>
      <c r="S476">
        <v>1</v>
      </c>
      <c r="T476">
        <v>1</v>
      </c>
      <c r="U476">
        <v>0</v>
      </c>
      <c r="V476">
        <v>0</v>
      </c>
      <c r="W476">
        <v>4.2484952420493576</v>
      </c>
      <c r="X476">
        <v>1</v>
      </c>
      <c r="Y476">
        <v>1</v>
      </c>
      <c r="Z476">
        <v>0</v>
      </c>
      <c r="AA476">
        <v>0</v>
      </c>
      <c r="AB476">
        <v>4.2341065045972579</v>
      </c>
      <c r="AC476">
        <v>1</v>
      </c>
      <c r="AD476">
        <v>1</v>
      </c>
      <c r="AE476">
        <v>0</v>
      </c>
      <c r="AF476">
        <v>0</v>
      </c>
      <c r="AG476">
        <v>4.2195077051761087</v>
      </c>
      <c r="AH476">
        <v>0.10752491396677299</v>
      </c>
      <c r="AI476">
        <v>-7.133135084192184E-2</v>
      </c>
      <c r="AJ476">
        <v>-0.1543532486529775</v>
      </c>
      <c r="AK476">
        <v>-2.9149059996370519E-2</v>
      </c>
      <c r="AL476">
        <v>677.49899057155017</v>
      </c>
      <c r="AM476">
        <v>891.60816381106031</v>
      </c>
      <c r="AN476">
        <v>7748</v>
      </c>
      <c r="AO476">
        <v>34.050887674892728</v>
      </c>
      <c r="AP476">
        <v>571.96707787802995</v>
      </c>
      <c r="AQ476">
        <v>1.323943661971831</v>
      </c>
      <c r="AR476">
        <v>3.71830985915493</v>
      </c>
      <c r="AS476">
        <v>71</v>
      </c>
      <c r="AT476">
        <v>14.056338028169019</v>
      </c>
      <c r="AU476">
        <v>0.16634484325306681</v>
      </c>
      <c r="AV476">
        <v>0.1083269403035054</v>
      </c>
      <c r="AW476">
        <v>0.43661971830985907</v>
      </c>
      <c r="AX476">
        <v>80.785714285714292</v>
      </c>
      <c r="AY476">
        <v>56</v>
      </c>
      <c r="AZ476">
        <v>119.5</v>
      </c>
      <c r="BA476">
        <v>0.69504372602919073</v>
      </c>
      <c r="BB476">
        <v>0.42253521126760563</v>
      </c>
      <c r="BC476">
        <v>4.0553074486549594</v>
      </c>
      <c r="BD476" t="s">
        <v>1878</v>
      </c>
      <c r="BE476" t="s">
        <v>68</v>
      </c>
    </row>
    <row r="477" spans="1:57" x14ac:dyDescent="0.3">
      <c r="A477" t="s">
        <v>1879</v>
      </c>
      <c r="B477">
        <v>1108</v>
      </c>
      <c r="C477" t="s">
        <v>1880</v>
      </c>
      <c r="D477" t="s">
        <v>1881</v>
      </c>
      <c r="E477" t="s">
        <v>93</v>
      </c>
      <c r="F477">
        <v>1110</v>
      </c>
      <c r="G477">
        <v>127.7612612612613</v>
      </c>
      <c r="H477">
        <v>128</v>
      </c>
      <c r="I477">
        <v>5615.1096704812926</v>
      </c>
      <c r="J477">
        <v>74.934035461072639</v>
      </c>
      <c r="K477">
        <v>2.5192074648736941E-2</v>
      </c>
      <c r="L477">
        <v>-1.25052305681733</v>
      </c>
      <c r="M477">
        <v>7.8232489339544831</v>
      </c>
      <c r="N477">
        <v>9</v>
      </c>
      <c r="O477">
        <v>1</v>
      </c>
      <c r="P477">
        <v>8</v>
      </c>
      <c r="Q477">
        <v>1.95509590557599</v>
      </c>
      <c r="R477">
        <v>5.4226629413891452</v>
      </c>
      <c r="S477">
        <v>2</v>
      </c>
      <c r="T477">
        <v>1</v>
      </c>
      <c r="U477">
        <v>1</v>
      </c>
      <c r="V477">
        <v>6.0056687866197493E-2</v>
      </c>
      <c r="W477">
        <v>7.0062138273463281</v>
      </c>
      <c r="X477">
        <v>1</v>
      </c>
      <c r="Y477">
        <v>1</v>
      </c>
      <c r="Z477">
        <v>0</v>
      </c>
      <c r="AA477">
        <v>0</v>
      </c>
      <c r="AB477">
        <v>7.0103118673072284</v>
      </c>
      <c r="AC477">
        <v>1</v>
      </c>
      <c r="AD477">
        <v>1</v>
      </c>
      <c r="AE477">
        <v>0</v>
      </c>
      <c r="AF477">
        <v>0</v>
      </c>
      <c r="AG477">
        <v>7.0094089327086362</v>
      </c>
      <c r="AH477">
        <v>4.6433880973375627E-2</v>
      </c>
      <c r="AI477">
        <v>-3.7205806431726517E-2</v>
      </c>
      <c r="AJ477">
        <v>-4.0742412072547259E-2</v>
      </c>
      <c r="AK477">
        <v>3.9152111401905977E-2</v>
      </c>
      <c r="AL477">
        <v>2331.0184518492169</v>
      </c>
      <c r="AM477">
        <v>4349.4353630256956</v>
      </c>
      <c r="AN477">
        <v>141815</v>
      </c>
      <c r="AO477">
        <v>28.903323354208808</v>
      </c>
      <c r="AP477">
        <v>2126.5606534811168</v>
      </c>
      <c r="AQ477">
        <v>1.020720720720721</v>
      </c>
      <c r="AR477">
        <v>4.0288288288288294</v>
      </c>
      <c r="AS477">
        <v>1107</v>
      </c>
      <c r="AT477">
        <v>215.22522522522519</v>
      </c>
      <c r="AU477">
        <v>2.1780604133545319E-2</v>
      </c>
      <c r="AV477">
        <v>4.6445437688920128E-2</v>
      </c>
      <c r="AW477">
        <v>0.3783783783783784</v>
      </c>
      <c r="AX477">
        <v>82.330928764652839</v>
      </c>
      <c r="AY477">
        <v>66</v>
      </c>
      <c r="AZ477">
        <v>131</v>
      </c>
      <c r="BA477">
        <v>0.58651609041209063</v>
      </c>
      <c r="BB477">
        <v>0.50090090090090089</v>
      </c>
      <c r="BC477">
        <v>5.2080102089753524</v>
      </c>
      <c r="BD477" t="s">
        <v>1882</v>
      </c>
      <c r="BE477" t="s">
        <v>68</v>
      </c>
    </row>
    <row r="478" spans="1:57" x14ac:dyDescent="0.3">
      <c r="A478" t="s">
        <v>1883</v>
      </c>
      <c r="B478">
        <v>3095</v>
      </c>
      <c r="C478" t="s">
        <v>1884</v>
      </c>
      <c r="D478" t="s">
        <v>1885</v>
      </c>
      <c r="E478" t="s">
        <v>72</v>
      </c>
      <c r="F478">
        <v>3120</v>
      </c>
      <c r="G478">
        <v>124.7839743589744</v>
      </c>
      <c r="H478">
        <v>123</v>
      </c>
      <c r="I478">
        <v>5431.2360252301114</v>
      </c>
      <c r="J478">
        <v>73.69692005253755</v>
      </c>
      <c r="K478">
        <v>3.9852644935721368E-2</v>
      </c>
      <c r="L478">
        <v>-1.1996568849082081</v>
      </c>
      <c r="M478">
        <v>7.9352887812204962</v>
      </c>
      <c r="N478">
        <v>24</v>
      </c>
      <c r="O478">
        <v>3</v>
      </c>
      <c r="P478">
        <v>21</v>
      </c>
      <c r="Q478">
        <v>3.6244611668494948</v>
      </c>
      <c r="R478">
        <v>5.500323045631955</v>
      </c>
      <c r="S478">
        <v>2</v>
      </c>
      <c r="T478">
        <v>1</v>
      </c>
      <c r="U478">
        <v>1</v>
      </c>
      <c r="V478">
        <v>0.15604994392452781</v>
      </c>
      <c r="W478">
        <v>8.0114881810370733</v>
      </c>
      <c r="X478">
        <v>2</v>
      </c>
      <c r="Y478">
        <v>1</v>
      </c>
      <c r="Z478">
        <v>1</v>
      </c>
      <c r="AA478">
        <v>1.7908611789480739E-2</v>
      </c>
      <c r="AB478">
        <v>8.0445024394954885</v>
      </c>
      <c r="AC478">
        <v>1</v>
      </c>
      <c r="AD478">
        <v>1</v>
      </c>
      <c r="AE478">
        <v>0</v>
      </c>
      <c r="AF478">
        <v>0</v>
      </c>
      <c r="AG478">
        <v>8.0446262797673374</v>
      </c>
      <c r="AH478">
        <v>2.945115367622482E-2</v>
      </c>
      <c r="AI478">
        <v>-2.1338716315203881E-2</v>
      </c>
      <c r="AJ478">
        <v>1.4222804382810331E-2</v>
      </c>
      <c r="AK478">
        <v>3.5116637824468243E-2</v>
      </c>
      <c r="AL478">
        <v>3755.9565389477252</v>
      </c>
      <c r="AM478">
        <v>7170.7665195246582</v>
      </c>
      <c r="AN478">
        <v>389326</v>
      </c>
      <c r="AO478">
        <v>41.726232763024967</v>
      </c>
      <c r="AP478">
        <v>3430.0954708213239</v>
      </c>
      <c r="AQ478">
        <v>1.0073717948717951</v>
      </c>
      <c r="AR478">
        <v>3.992948717948718</v>
      </c>
      <c r="AS478">
        <v>3111</v>
      </c>
      <c r="AT478">
        <v>275.93846153846152</v>
      </c>
      <c r="AU478">
        <v>2.341628959276015E-2</v>
      </c>
      <c r="AV478">
        <v>2.945516919872496E-2</v>
      </c>
      <c r="AW478">
        <v>0.38814102564102559</v>
      </c>
      <c r="AX478">
        <v>83.89034947098429</v>
      </c>
      <c r="AY478">
        <v>64</v>
      </c>
      <c r="AZ478">
        <v>128</v>
      </c>
      <c r="BA478">
        <v>0.59059603151065465</v>
      </c>
      <c r="BB478">
        <v>0.49134615384615382</v>
      </c>
      <c r="BC478">
        <v>5.2977117013939932</v>
      </c>
      <c r="BD478" t="s">
        <v>1886</v>
      </c>
      <c r="BE478" t="s">
        <v>62</v>
      </c>
    </row>
    <row r="479" spans="1:57" x14ac:dyDescent="0.3">
      <c r="A479" t="s">
        <v>1887</v>
      </c>
      <c r="B479">
        <v>2829</v>
      </c>
      <c r="C479" t="s">
        <v>1888</v>
      </c>
      <c r="D479" t="s">
        <v>1889</v>
      </c>
      <c r="E479" t="s">
        <v>98</v>
      </c>
      <c r="F479">
        <v>16</v>
      </c>
      <c r="G479">
        <v>138.625</v>
      </c>
      <c r="H479">
        <v>146.5</v>
      </c>
      <c r="I479">
        <v>4469.984375</v>
      </c>
      <c r="J479">
        <v>66.857941749653051</v>
      </c>
      <c r="K479">
        <v>-0.40323279261141942</v>
      </c>
      <c r="L479">
        <v>-0.98301357892082697</v>
      </c>
      <c r="M479">
        <v>3.875</v>
      </c>
      <c r="N479">
        <v>2</v>
      </c>
      <c r="O479">
        <v>1</v>
      </c>
      <c r="P479">
        <v>1</v>
      </c>
      <c r="Q479">
        <v>0.24944382578492949</v>
      </c>
      <c r="R479">
        <v>2.6859453246697882</v>
      </c>
      <c r="S479">
        <v>1</v>
      </c>
      <c r="T479">
        <v>1</v>
      </c>
      <c r="U479">
        <v>0</v>
      </c>
      <c r="V479">
        <v>0</v>
      </c>
      <c r="W479">
        <v>2.7080502011022101</v>
      </c>
      <c r="X479">
        <v>1</v>
      </c>
      <c r="Y479">
        <v>1</v>
      </c>
      <c r="Z479">
        <v>0</v>
      </c>
      <c r="AA479">
        <v>0</v>
      </c>
      <c r="AB479">
        <v>2.639057329615258</v>
      </c>
      <c r="AC479">
        <v>1</v>
      </c>
      <c r="AD479">
        <v>1</v>
      </c>
      <c r="AE479">
        <v>0</v>
      </c>
      <c r="AF479">
        <v>0</v>
      </c>
      <c r="AG479">
        <v>2.5649493574615372</v>
      </c>
      <c r="AH479">
        <v>-0.5272916309830501</v>
      </c>
      <c r="AI479">
        <v>-5.4957284526302178E-2</v>
      </c>
      <c r="AJ479">
        <v>-0.13883337294942999</v>
      </c>
      <c r="AK479">
        <v>-5.2769514714466979E-3</v>
      </c>
      <c r="AL479">
        <v>352.68387752961888</v>
      </c>
      <c r="AM479">
        <v>504.58307792738418</v>
      </c>
      <c r="AN479">
        <v>2218</v>
      </c>
      <c r="AO479">
        <v>18.967839557966521</v>
      </c>
      <c r="AP479">
        <v>215.4626803408805</v>
      </c>
      <c r="AQ479">
        <v>2.3125</v>
      </c>
      <c r="AR479">
        <v>4</v>
      </c>
      <c r="AS479">
        <v>16</v>
      </c>
      <c r="AT479">
        <v>0.87499999999999989</v>
      </c>
      <c r="AU479">
        <v>0.19277426160337549</v>
      </c>
      <c r="AV479">
        <v>-0.55297300503371738</v>
      </c>
      <c r="AW479">
        <v>0.3125</v>
      </c>
      <c r="AX479">
        <v>99.533333333333331</v>
      </c>
      <c r="AY479">
        <v>58.5</v>
      </c>
      <c r="AZ479">
        <v>117.25</v>
      </c>
      <c r="BA479">
        <v>0.48229353832031058</v>
      </c>
      <c r="BB479">
        <v>0.5625</v>
      </c>
      <c r="BC479">
        <v>2.615630577027551</v>
      </c>
      <c r="BD479" t="s">
        <v>1888</v>
      </c>
      <c r="BE479" t="s">
        <v>62</v>
      </c>
    </row>
    <row r="480" spans="1:57" x14ac:dyDescent="0.3">
      <c r="A480" t="s">
        <v>1890</v>
      </c>
      <c r="B480">
        <v>3409</v>
      </c>
      <c r="C480" t="s">
        <v>1891</v>
      </c>
      <c r="D480" t="s">
        <v>1892</v>
      </c>
      <c r="E480" t="s">
        <v>106</v>
      </c>
      <c r="F480">
        <v>3563</v>
      </c>
      <c r="G480">
        <v>127.7886612405276</v>
      </c>
      <c r="H480">
        <v>127</v>
      </c>
      <c r="I480">
        <v>5555.6446426927087</v>
      </c>
      <c r="J480">
        <v>74.536196862281002</v>
      </c>
      <c r="K480">
        <v>8.8564845104871729E-3</v>
      </c>
      <c r="L480">
        <v>-1.2443793078849159</v>
      </c>
      <c r="M480">
        <v>7.9551887059225788</v>
      </c>
      <c r="N480">
        <v>23</v>
      </c>
      <c r="O480">
        <v>6</v>
      </c>
      <c r="P480">
        <v>17</v>
      </c>
      <c r="Q480">
        <v>3.4591801230961421</v>
      </c>
      <c r="R480">
        <v>5.5141166223325513</v>
      </c>
      <c r="S480">
        <v>3</v>
      </c>
      <c r="T480">
        <v>1</v>
      </c>
      <c r="U480">
        <v>2</v>
      </c>
      <c r="V480">
        <v>0.16415535953194049</v>
      </c>
      <c r="W480">
        <v>8.141346717614617</v>
      </c>
      <c r="X480">
        <v>1</v>
      </c>
      <c r="Y480">
        <v>1</v>
      </c>
      <c r="Z480">
        <v>0</v>
      </c>
      <c r="AA480">
        <v>0</v>
      </c>
      <c r="AB480">
        <v>8.1777966832777782</v>
      </c>
      <c r="AC480">
        <v>1</v>
      </c>
      <c r="AD480">
        <v>1</v>
      </c>
      <c r="AE480">
        <v>0</v>
      </c>
      <c r="AF480">
        <v>0</v>
      </c>
      <c r="AG480">
        <v>8.1775158238460754</v>
      </c>
      <c r="AH480">
        <v>3.0679694342597911E-3</v>
      </c>
      <c r="AI480">
        <v>-1.056790748162943E-2</v>
      </c>
      <c r="AJ480">
        <v>-1.079060642947092E-2</v>
      </c>
      <c r="AK480">
        <v>9.4981496866339936E-3</v>
      </c>
      <c r="AL480">
        <v>4070.305242195082</v>
      </c>
      <c r="AM480">
        <v>7836.5145463630206</v>
      </c>
      <c r="AN480">
        <v>455311</v>
      </c>
      <c r="AO480">
        <v>142.23681545496089</v>
      </c>
      <c r="AP480">
        <v>3742.369659723141</v>
      </c>
      <c r="AQ480">
        <v>1.006455234353073</v>
      </c>
      <c r="AR480">
        <v>4.006174571989896</v>
      </c>
      <c r="AS480">
        <v>3547</v>
      </c>
      <c r="AT480">
        <v>220.09514454111701</v>
      </c>
      <c r="AU480">
        <v>1.6413795380627701E-2</v>
      </c>
      <c r="AV480">
        <v>3.0689524384444459E-3</v>
      </c>
      <c r="AW480">
        <v>0.37300028066236318</v>
      </c>
      <c r="AX480">
        <v>86.084222346996071</v>
      </c>
      <c r="AY480">
        <v>66</v>
      </c>
      <c r="AZ480">
        <v>131.5</v>
      </c>
      <c r="BA480">
        <v>0.5832770774707996</v>
      </c>
      <c r="BB480">
        <v>0.49845635700252588</v>
      </c>
      <c r="BC480">
        <v>5.3262317880936596</v>
      </c>
      <c r="BD480" t="s">
        <v>1893</v>
      </c>
      <c r="BE480" t="s">
        <v>68</v>
      </c>
    </row>
    <row r="481" spans="1:57" x14ac:dyDescent="0.3">
      <c r="A481" t="s">
        <v>1894</v>
      </c>
      <c r="B481">
        <v>1319</v>
      </c>
      <c r="C481" t="s">
        <v>1895</v>
      </c>
      <c r="D481" t="s">
        <v>1896</v>
      </c>
      <c r="E481" t="s">
        <v>98</v>
      </c>
      <c r="F481">
        <v>16</v>
      </c>
      <c r="G481">
        <v>132.875</v>
      </c>
      <c r="H481">
        <v>141.5</v>
      </c>
      <c r="I481">
        <v>3755.234375</v>
      </c>
      <c r="J481">
        <v>61.279967158933758</v>
      </c>
      <c r="K481">
        <v>-1.82710041625994E-2</v>
      </c>
      <c r="L481">
        <v>-1.285628038088001</v>
      </c>
      <c r="M481">
        <v>4</v>
      </c>
      <c r="N481">
        <v>1</v>
      </c>
      <c r="O481">
        <v>1</v>
      </c>
      <c r="P481">
        <v>0</v>
      </c>
      <c r="Q481">
        <v>0</v>
      </c>
      <c r="R481">
        <v>2.7725887222397811</v>
      </c>
      <c r="S481">
        <v>1</v>
      </c>
      <c r="T481">
        <v>1</v>
      </c>
      <c r="U481">
        <v>0</v>
      </c>
      <c r="V481">
        <v>0</v>
      </c>
      <c r="W481">
        <v>2.7080502011022101</v>
      </c>
      <c r="X481">
        <v>1</v>
      </c>
      <c r="Y481">
        <v>1</v>
      </c>
      <c r="Z481">
        <v>0</v>
      </c>
      <c r="AA481">
        <v>0</v>
      </c>
      <c r="AB481">
        <v>2.639057329615258</v>
      </c>
      <c r="AC481">
        <v>1</v>
      </c>
      <c r="AD481">
        <v>1</v>
      </c>
      <c r="AE481">
        <v>0</v>
      </c>
      <c r="AF481">
        <v>0</v>
      </c>
      <c r="AG481">
        <v>2.5649493574615372</v>
      </c>
      <c r="AH481">
        <v>0.43750156032205051</v>
      </c>
      <c r="AI481">
        <v>-7.6235775063973207E-2</v>
      </c>
      <c r="AJ481">
        <v>-0.12771053945534361</v>
      </c>
      <c r="AK481">
        <v>-0.1592012191316288</v>
      </c>
      <c r="AL481">
        <v>334.77126388322631</v>
      </c>
      <c r="AM481">
        <v>480.10853031166539</v>
      </c>
      <c r="AN481">
        <v>2126</v>
      </c>
      <c r="AO481">
        <v>73.560840747463871</v>
      </c>
      <c r="AP481">
        <v>189.9947367692063</v>
      </c>
      <c r="AQ481">
        <v>2.25</v>
      </c>
      <c r="AR481">
        <v>3.875</v>
      </c>
      <c r="AS481">
        <v>16</v>
      </c>
      <c r="AT481">
        <v>0</v>
      </c>
      <c r="AU481">
        <v>0.20833333333333329</v>
      </c>
      <c r="AV481">
        <v>0.48082889048557842</v>
      </c>
      <c r="AW481">
        <v>0.375</v>
      </c>
      <c r="AX481">
        <v>48.266666666666673</v>
      </c>
      <c r="AY481">
        <v>62</v>
      </c>
      <c r="AZ481">
        <v>108</v>
      </c>
      <c r="BA481">
        <v>0.46118507739555042</v>
      </c>
      <c r="BB481">
        <v>0.625</v>
      </c>
      <c r="BC481">
        <v>2.615630577027551</v>
      </c>
      <c r="BD481" t="s">
        <v>1895</v>
      </c>
      <c r="BE481" t="s">
        <v>62</v>
      </c>
    </row>
    <row r="482" spans="1:57" x14ac:dyDescent="0.3">
      <c r="A482" t="s">
        <v>1897</v>
      </c>
      <c r="B482">
        <v>1697</v>
      </c>
      <c r="C482" t="s">
        <v>1898</v>
      </c>
      <c r="D482" t="s">
        <v>1899</v>
      </c>
      <c r="E482" t="s">
        <v>115</v>
      </c>
      <c r="F482">
        <v>1760</v>
      </c>
      <c r="G482">
        <v>128.26647727272729</v>
      </c>
      <c r="H482">
        <v>127.5</v>
      </c>
      <c r="I482">
        <v>5256.5806944085743</v>
      </c>
      <c r="J482">
        <v>72.502280615223228</v>
      </c>
      <c r="K482">
        <v>-1.0115363602354941E-2</v>
      </c>
      <c r="L482">
        <v>-1.1617294190242871</v>
      </c>
      <c r="M482">
        <v>7.8857715663847747</v>
      </c>
      <c r="N482">
        <v>20</v>
      </c>
      <c r="O482">
        <v>1</v>
      </c>
      <c r="P482">
        <v>19</v>
      </c>
      <c r="Q482">
        <v>2.7357585785299108</v>
      </c>
      <c r="R482">
        <v>5.4660003277793887</v>
      </c>
      <c r="S482">
        <v>2</v>
      </c>
      <c r="T482">
        <v>1</v>
      </c>
      <c r="U482">
        <v>1</v>
      </c>
      <c r="V482">
        <v>0.111826204350698</v>
      </c>
      <c r="W482">
        <v>7.4551622137855169</v>
      </c>
      <c r="X482">
        <v>1</v>
      </c>
      <c r="Y482">
        <v>1</v>
      </c>
      <c r="Z482">
        <v>0</v>
      </c>
      <c r="AA482">
        <v>0</v>
      </c>
      <c r="AB482">
        <v>7.4719320782451204</v>
      </c>
      <c r="AC482">
        <v>1</v>
      </c>
      <c r="AD482">
        <v>1</v>
      </c>
      <c r="AE482">
        <v>0</v>
      </c>
      <c r="AF482">
        <v>0</v>
      </c>
      <c r="AG482">
        <v>7.4713630881870996</v>
      </c>
      <c r="AH482">
        <v>-3.6990873704317701E-3</v>
      </c>
      <c r="AI482">
        <v>-6.5735019021191101E-3</v>
      </c>
      <c r="AJ482">
        <v>4.7476444449963358E-2</v>
      </c>
      <c r="AK482">
        <v>5.7832800668308532E-4</v>
      </c>
      <c r="AL482">
        <v>2830.3872422369291</v>
      </c>
      <c r="AM482">
        <v>5495.1359454505236</v>
      </c>
      <c r="AN482">
        <v>225749</v>
      </c>
      <c r="AO482">
        <v>100.2450196039825</v>
      </c>
      <c r="AP482">
        <v>2544.6495616970469</v>
      </c>
      <c r="AQ482">
        <v>1.0130681818181819</v>
      </c>
      <c r="AR482">
        <v>3.9909090909090912</v>
      </c>
      <c r="AS482">
        <v>1754</v>
      </c>
      <c r="AT482">
        <v>278.69090909090909</v>
      </c>
      <c r="AU482">
        <v>1.9095365418894839E-2</v>
      </c>
      <c r="AV482">
        <v>-3.7039606963960572E-3</v>
      </c>
      <c r="AW482">
        <v>0.38579545454545461</v>
      </c>
      <c r="AX482">
        <v>83.471290505969307</v>
      </c>
      <c r="AY482">
        <v>61.5</v>
      </c>
      <c r="AZ482">
        <v>122.25</v>
      </c>
      <c r="BA482">
        <v>0.56524730511671306</v>
      </c>
      <c r="BB482">
        <v>0.49715909090909088</v>
      </c>
      <c r="BC482">
        <v>5.2557454111754467</v>
      </c>
      <c r="BD482" t="s">
        <v>1900</v>
      </c>
      <c r="BE482" t="s">
        <v>62</v>
      </c>
    </row>
    <row r="483" spans="1:57" x14ac:dyDescent="0.3">
      <c r="A483" t="s">
        <v>1901</v>
      </c>
      <c r="B483">
        <v>3452</v>
      </c>
      <c r="C483" t="s">
        <v>1902</v>
      </c>
      <c r="D483" t="s">
        <v>1903</v>
      </c>
      <c r="E483" t="s">
        <v>128</v>
      </c>
      <c r="F483">
        <v>32</v>
      </c>
      <c r="G483">
        <v>121.8125</v>
      </c>
      <c r="H483">
        <v>88.5</v>
      </c>
      <c r="I483">
        <v>5890.46484375</v>
      </c>
      <c r="J483">
        <v>76.749363800294788</v>
      </c>
      <c r="K483">
        <v>0.28128246833496012</v>
      </c>
      <c r="L483">
        <v>-1.3901436088708441</v>
      </c>
      <c r="M483">
        <v>4.9375</v>
      </c>
      <c r="N483">
        <v>2</v>
      </c>
      <c r="O483">
        <v>1</v>
      </c>
      <c r="P483">
        <v>1</v>
      </c>
      <c r="Q483">
        <v>0.1766846959694085</v>
      </c>
      <c r="R483">
        <v>3.422414204014729</v>
      </c>
      <c r="S483">
        <v>1</v>
      </c>
      <c r="T483">
        <v>1</v>
      </c>
      <c r="U483">
        <v>0</v>
      </c>
      <c r="V483">
        <v>0</v>
      </c>
      <c r="W483">
        <v>3.4339872044851458</v>
      </c>
      <c r="X483">
        <v>1</v>
      </c>
      <c r="Y483">
        <v>1</v>
      </c>
      <c r="Z483">
        <v>0</v>
      </c>
      <c r="AA483">
        <v>0</v>
      </c>
      <c r="AB483">
        <v>3.401197381662155</v>
      </c>
      <c r="AC483">
        <v>1</v>
      </c>
      <c r="AD483">
        <v>1</v>
      </c>
      <c r="AE483">
        <v>0</v>
      </c>
      <c r="AF483">
        <v>0</v>
      </c>
      <c r="AG483">
        <v>3.3672958299864728</v>
      </c>
      <c r="AH483">
        <v>-4.3908894406280274E-3</v>
      </c>
      <c r="AI483">
        <v>-0.12757479646329911</v>
      </c>
      <c r="AJ483">
        <v>9.0997562765300646E-2</v>
      </c>
      <c r="AK483">
        <v>2.4766049673764341E-2</v>
      </c>
      <c r="AL483">
        <v>491.85499299579692</v>
      </c>
      <c r="AM483">
        <v>649.15226708770308</v>
      </c>
      <c r="AN483">
        <v>3898</v>
      </c>
      <c r="AO483">
        <v>67.416465518249851</v>
      </c>
      <c r="AP483">
        <v>355.44739657079731</v>
      </c>
      <c r="AQ483">
        <v>1.65625</v>
      </c>
      <c r="AR483">
        <v>4.03125</v>
      </c>
      <c r="AS483">
        <v>32</v>
      </c>
      <c r="AT483">
        <v>0.93749999999999978</v>
      </c>
      <c r="AU483">
        <v>0.2213235294117647</v>
      </c>
      <c r="AV483">
        <v>-3.7581777051292412E-3</v>
      </c>
      <c r="AW483">
        <v>0.5</v>
      </c>
      <c r="AX483">
        <v>88.129032258064512</v>
      </c>
      <c r="AY483">
        <v>63.5</v>
      </c>
      <c r="AZ483">
        <v>131.75</v>
      </c>
      <c r="BA483">
        <v>0.63006147809374891</v>
      </c>
      <c r="BB483">
        <v>0.4375</v>
      </c>
      <c r="BC483">
        <v>3.3892680315457948</v>
      </c>
      <c r="BD483" t="s">
        <v>1904</v>
      </c>
      <c r="BE483" t="s">
        <v>62</v>
      </c>
    </row>
    <row r="484" spans="1:57" x14ac:dyDescent="0.3">
      <c r="A484" t="s">
        <v>1905</v>
      </c>
      <c r="B484">
        <v>3279</v>
      </c>
      <c r="C484" t="s">
        <v>1906</v>
      </c>
      <c r="D484" t="s">
        <v>1907</v>
      </c>
      <c r="E484" t="s">
        <v>106</v>
      </c>
      <c r="F484">
        <v>3309</v>
      </c>
      <c r="G484">
        <v>128.4992444847386</v>
      </c>
      <c r="H484">
        <v>128</v>
      </c>
      <c r="I484">
        <v>5482.4385760384439</v>
      </c>
      <c r="J484">
        <v>74.043491111902895</v>
      </c>
      <c r="K484">
        <v>-2.590231518971059E-2</v>
      </c>
      <c r="L484">
        <v>-1.2054619573770891</v>
      </c>
      <c r="M484">
        <v>7.948302073504804</v>
      </c>
      <c r="N484">
        <v>22</v>
      </c>
      <c r="O484">
        <v>3</v>
      </c>
      <c r="P484">
        <v>19</v>
      </c>
      <c r="Q484">
        <v>3.4389711873100119</v>
      </c>
      <c r="R484">
        <v>5.5093431724886166</v>
      </c>
      <c r="S484">
        <v>3</v>
      </c>
      <c r="T484">
        <v>1</v>
      </c>
      <c r="U484">
        <v>2</v>
      </c>
      <c r="V484">
        <v>0.15939918580313761</v>
      </c>
      <c r="W484">
        <v>8.0702568417611396</v>
      </c>
      <c r="X484">
        <v>1</v>
      </c>
      <c r="Y484">
        <v>1</v>
      </c>
      <c r="Z484">
        <v>0</v>
      </c>
      <c r="AA484">
        <v>0</v>
      </c>
      <c r="AB484">
        <v>8.1037967129817936</v>
      </c>
      <c r="AC484">
        <v>1</v>
      </c>
      <c r="AD484">
        <v>1</v>
      </c>
      <c r="AE484">
        <v>0</v>
      </c>
      <c r="AF484">
        <v>0</v>
      </c>
      <c r="AG484">
        <v>8.1034942783809694</v>
      </c>
      <c r="AH484">
        <v>2.5070332949978019E-3</v>
      </c>
      <c r="AI484">
        <v>-1.1135819534915581E-2</v>
      </c>
      <c r="AJ484">
        <v>5.4125092805315314E-3</v>
      </c>
      <c r="AK484">
        <v>1.10816734840352E-3</v>
      </c>
      <c r="AL484">
        <v>3899.3927597953038</v>
      </c>
      <c r="AM484">
        <v>7587.7874314490364</v>
      </c>
      <c r="AN484">
        <v>425204</v>
      </c>
      <c r="AO484">
        <v>53.240941595527609</v>
      </c>
      <c r="AP484">
        <v>3549.382682120804</v>
      </c>
      <c r="AQ484">
        <v>1.006950740404956</v>
      </c>
      <c r="AR484">
        <v>4.0259897249924448</v>
      </c>
      <c r="AS484">
        <v>3297</v>
      </c>
      <c r="AT484">
        <v>234.22877002115439</v>
      </c>
      <c r="AU484">
        <v>1.551561694487402E-2</v>
      </c>
      <c r="AV484">
        <v>2.5073111896971641E-3</v>
      </c>
      <c r="AW484">
        <v>0.36476276820791781</v>
      </c>
      <c r="AX484">
        <v>85.579201934703747</v>
      </c>
      <c r="AY484">
        <v>65</v>
      </c>
      <c r="AZ484">
        <v>130</v>
      </c>
      <c r="BA484">
        <v>0.57621732648161039</v>
      </c>
      <c r="BB484">
        <v>0.49864007252946507</v>
      </c>
      <c r="BC484">
        <v>5.317150061533197</v>
      </c>
      <c r="BD484" t="s">
        <v>1908</v>
      </c>
      <c r="BE484" t="s">
        <v>68</v>
      </c>
    </row>
    <row r="485" spans="1:57" x14ac:dyDescent="0.3">
      <c r="A485" t="s">
        <v>1909</v>
      </c>
      <c r="B485">
        <v>2583</v>
      </c>
      <c r="C485" t="s">
        <v>1910</v>
      </c>
      <c r="D485" t="s">
        <v>1911</v>
      </c>
      <c r="E485" t="s">
        <v>66</v>
      </c>
      <c r="F485">
        <v>71</v>
      </c>
      <c r="G485">
        <v>113.0281690140845</v>
      </c>
      <c r="H485">
        <v>118</v>
      </c>
      <c r="I485">
        <v>5054.956952985518</v>
      </c>
      <c r="J485">
        <v>71.09822046286051</v>
      </c>
      <c r="K485">
        <v>0.1684740949528854</v>
      </c>
      <c r="L485">
        <v>-1.0339507784947239</v>
      </c>
      <c r="M485">
        <v>5.8680569786596104</v>
      </c>
      <c r="N485">
        <v>2</v>
      </c>
      <c r="O485">
        <v>1</v>
      </c>
      <c r="P485">
        <v>1</v>
      </c>
      <c r="Q485">
        <v>0.37021605870938412</v>
      </c>
      <c r="R485">
        <v>4.0674271501230219</v>
      </c>
      <c r="S485">
        <v>1</v>
      </c>
      <c r="T485">
        <v>1</v>
      </c>
      <c r="U485">
        <v>0</v>
      </c>
      <c r="V485">
        <v>0</v>
      </c>
      <c r="W485">
        <v>4.2484952420493576</v>
      </c>
      <c r="X485">
        <v>1</v>
      </c>
      <c r="Y485">
        <v>1</v>
      </c>
      <c r="Z485">
        <v>0</v>
      </c>
      <c r="AA485">
        <v>0</v>
      </c>
      <c r="AB485">
        <v>4.2341065045972579</v>
      </c>
      <c r="AC485">
        <v>1</v>
      </c>
      <c r="AD485">
        <v>1</v>
      </c>
      <c r="AE485">
        <v>0</v>
      </c>
      <c r="AF485">
        <v>0</v>
      </c>
      <c r="AG485">
        <v>4.2195077051761087</v>
      </c>
      <c r="AH485">
        <v>8.3306403658214928E-2</v>
      </c>
      <c r="AI485">
        <v>-1.6329859985141571E-2</v>
      </c>
      <c r="AJ485">
        <v>-8.1222007505449181E-2</v>
      </c>
      <c r="AK485">
        <v>-0.13831490100518179</v>
      </c>
      <c r="AL485">
        <v>628.44104171130937</v>
      </c>
      <c r="AM485">
        <v>933.28176725617254</v>
      </c>
      <c r="AN485">
        <v>8025</v>
      </c>
      <c r="AO485">
        <v>87.346131310476849</v>
      </c>
      <c r="AP485">
        <v>469.44306708970532</v>
      </c>
      <c r="AQ485">
        <v>1.323943661971831</v>
      </c>
      <c r="AR485">
        <v>3.887323943661972</v>
      </c>
      <c r="AS485">
        <v>71</v>
      </c>
      <c r="AT485">
        <v>7.183098591549296</v>
      </c>
      <c r="AU485">
        <v>0.1195171026156943</v>
      </c>
      <c r="AV485">
        <v>8.630308530392744E-2</v>
      </c>
      <c r="AW485">
        <v>0.47887323943661969</v>
      </c>
      <c r="AX485">
        <v>76.814285714285717</v>
      </c>
      <c r="AY485">
        <v>60</v>
      </c>
      <c r="AZ485">
        <v>115</v>
      </c>
      <c r="BA485">
        <v>0.62903098478044805</v>
      </c>
      <c r="BB485">
        <v>0.50704225352112675</v>
      </c>
      <c r="BC485">
        <v>3.916678012542969</v>
      </c>
      <c r="BD485" t="s">
        <v>1912</v>
      </c>
      <c r="BE485" t="s">
        <v>68</v>
      </c>
    </row>
    <row r="486" spans="1:57" x14ac:dyDescent="0.3">
      <c r="A486" t="s">
        <v>1913</v>
      </c>
      <c r="B486">
        <v>137</v>
      </c>
      <c r="C486" t="s">
        <v>1914</v>
      </c>
      <c r="D486" t="s">
        <v>1915</v>
      </c>
      <c r="E486" t="s">
        <v>60</v>
      </c>
      <c r="F486">
        <v>512</v>
      </c>
      <c r="G486">
        <v>128.724609375</v>
      </c>
      <c r="H486">
        <v>129</v>
      </c>
      <c r="I486">
        <v>5590.1761131286621</v>
      </c>
      <c r="J486">
        <v>74.767480318174847</v>
      </c>
      <c r="K486">
        <v>-7.767880039225758E-2</v>
      </c>
      <c r="L486">
        <v>-1.20290181085725</v>
      </c>
      <c r="M486">
        <v>7.538856557892518</v>
      </c>
      <c r="N486">
        <v>6</v>
      </c>
      <c r="O486">
        <v>1</v>
      </c>
      <c r="P486">
        <v>5</v>
      </c>
      <c r="Q486">
        <v>1.2843923567545921</v>
      </c>
      <c r="R486">
        <v>5.2255371677490512</v>
      </c>
      <c r="S486">
        <v>2</v>
      </c>
      <c r="T486">
        <v>1</v>
      </c>
      <c r="U486">
        <v>1</v>
      </c>
      <c r="V486">
        <v>4.4237310481092057E-2</v>
      </c>
      <c r="W486">
        <v>6.2336566853874222</v>
      </c>
      <c r="X486">
        <v>1</v>
      </c>
      <c r="Y486">
        <v>1</v>
      </c>
      <c r="Z486">
        <v>0</v>
      </c>
      <c r="AA486">
        <v>0</v>
      </c>
      <c r="AB486">
        <v>6.2344107257183694</v>
      </c>
      <c r="AC486">
        <v>1</v>
      </c>
      <c r="AD486">
        <v>1</v>
      </c>
      <c r="AE486">
        <v>0</v>
      </c>
      <c r="AF486">
        <v>0</v>
      </c>
      <c r="AG486">
        <v>6.2324480165505216</v>
      </c>
      <c r="AH486">
        <v>4.5732915682718318E-2</v>
      </c>
      <c r="AI486">
        <v>8.9626275547492859E-4</v>
      </c>
      <c r="AJ486">
        <v>-5.4549675981047062E-2</v>
      </c>
      <c r="AK486">
        <v>2.9732235719883648E-2</v>
      </c>
      <c r="AL486">
        <v>1617.927463590222</v>
      </c>
      <c r="AM486">
        <v>2954.375352347854</v>
      </c>
      <c r="AN486">
        <v>65907</v>
      </c>
      <c r="AO486">
        <v>96.254870006665129</v>
      </c>
      <c r="AP486">
        <v>1418.0614644618231</v>
      </c>
      <c r="AQ486">
        <v>1.044921875</v>
      </c>
      <c r="AR486">
        <v>4.06640625</v>
      </c>
      <c r="AS486">
        <v>509</v>
      </c>
      <c r="AT486">
        <v>147.55468750000011</v>
      </c>
      <c r="AU486">
        <v>4.055606617647059E-2</v>
      </c>
      <c r="AV486">
        <v>4.5831481340562807E-2</v>
      </c>
      <c r="AW486">
        <v>0.3203125</v>
      </c>
      <c r="AX486">
        <v>83.448140900195696</v>
      </c>
      <c r="AY486">
        <v>62</v>
      </c>
      <c r="AZ486">
        <v>122</v>
      </c>
      <c r="BA486">
        <v>0.5808328390444949</v>
      </c>
      <c r="BB486">
        <v>0.50390625</v>
      </c>
      <c r="BC486">
        <v>5.0520304108648464</v>
      </c>
      <c r="BD486" t="s">
        <v>1916</v>
      </c>
      <c r="BE486" t="s">
        <v>62</v>
      </c>
    </row>
    <row r="487" spans="1:57" x14ac:dyDescent="0.3">
      <c r="A487" t="s">
        <v>1917</v>
      </c>
      <c r="B487">
        <v>740</v>
      </c>
      <c r="C487" t="s">
        <v>1918</v>
      </c>
      <c r="D487" t="s">
        <v>1919</v>
      </c>
      <c r="E487" t="s">
        <v>98</v>
      </c>
      <c r="F487">
        <v>16</v>
      </c>
      <c r="G487">
        <v>113.1875</v>
      </c>
      <c r="H487">
        <v>94.5</v>
      </c>
      <c r="I487">
        <v>3958.52734375</v>
      </c>
      <c r="J487">
        <v>62.91682878014435</v>
      </c>
      <c r="K487">
        <v>0.34696240935966888</v>
      </c>
      <c r="L487">
        <v>-0.78096795166951116</v>
      </c>
      <c r="M487">
        <v>4</v>
      </c>
      <c r="N487">
        <v>1</v>
      </c>
      <c r="O487">
        <v>1</v>
      </c>
      <c r="P487">
        <v>0</v>
      </c>
      <c r="Q487">
        <v>0</v>
      </c>
      <c r="R487">
        <v>2.7725887222397811</v>
      </c>
      <c r="S487">
        <v>1</v>
      </c>
      <c r="T487">
        <v>1</v>
      </c>
      <c r="U487">
        <v>0</v>
      </c>
      <c r="V487">
        <v>0</v>
      </c>
      <c r="W487">
        <v>2.7080502011022101</v>
      </c>
      <c r="X487">
        <v>1</v>
      </c>
      <c r="Y487">
        <v>1</v>
      </c>
      <c r="Z487">
        <v>0</v>
      </c>
      <c r="AA487">
        <v>0</v>
      </c>
      <c r="AB487">
        <v>2.639057329615258</v>
      </c>
      <c r="AC487">
        <v>1</v>
      </c>
      <c r="AD487">
        <v>1</v>
      </c>
      <c r="AE487">
        <v>0</v>
      </c>
      <c r="AF487">
        <v>0</v>
      </c>
      <c r="AG487">
        <v>2.5649493574615372</v>
      </c>
      <c r="AH487">
        <v>0.1107265836312628</v>
      </c>
      <c r="AI487">
        <v>-0.2210853398961696</v>
      </c>
      <c r="AJ487">
        <v>-0.23672669908613031</v>
      </c>
      <c r="AK487">
        <v>5.1366314611553578E-3</v>
      </c>
      <c r="AL487">
        <v>309.65597165778939</v>
      </c>
      <c r="AM487">
        <v>415.24953849061689</v>
      </c>
      <c r="AN487">
        <v>1811</v>
      </c>
      <c r="AO487">
        <v>50.796458507749463</v>
      </c>
      <c r="AP487">
        <v>183.133948594722</v>
      </c>
      <c r="AQ487">
        <v>2.25</v>
      </c>
      <c r="AR487">
        <v>3.5625</v>
      </c>
      <c r="AS487">
        <v>16</v>
      </c>
      <c r="AT487">
        <v>0</v>
      </c>
      <c r="AU487">
        <v>0.22778925619834711</v>
      </c>
      <c r="AV487">
        <v>0.112156883255928</v>
      </c>
      <c r="AW487">
        <v>0.5</v>
      </c>
      <c r="AX487">
        <v>70.8</v>
      </c>
      <c r="AY487">
        <v>46.5</v>
      </c>
      <c r="AZ487">
        <v>79.5</v>
      </c>
      <c r="BA487">
        <v>0.55586375509790698</v>
      </c>
      <c r="BB487">
        <v>0.4375</v>
      </c>
      <c r="BC487">
        <v>2.4307913288782319</v>
      </c>
      <c r="BD487" t="s">
        <v>1918</v>
      </c>
      <c r="BE487" t="s">
        <v>62</v>
      </c>
    </row>
    <row r="488" spans="1:57" x14ac:dyDescent="0.3">
      <c r="A488" t="s">
        <v>1920</v>
      </c>
      <c r="B488">
        <v>147</v>
      </c>
      <c r="C488" t="s">
        <v>1921</v>
      </c>
      <c r="D488" t="s">
        <v>1922</v>
      </c>
      <c r="E488" t="s">
        <v>60</v>
      </c>
      <c r="F488">
        <v>256</v>
      </c>
      <c r="G488">
        <v>127.91015625</v>
      </c>
      <c r="H488">
        <v>129.5</v>
      </c>
      <c r="I488">
        <v>5739.9645843505859</v>
      </c>
      <c r="J488">
        <v>75.76255397193647</v>
      </c>
      <c r="K488">
        <v>-5.0688194767988318E-2</v>
      </c>
      <c r="L488">
        <v>-1.205925642447004</v>
      </c>
      <c r="M488">
        <v>7.2210032109274938</v>
      </c>
      <c r="N488">
        <v>5</v>
      </c>
      <c r="O488">
        <v>1</v>
      </c>
      <c r="P488">
        <v>4</v>
      </c>
      <c r="Q488">
        <v>0.76522624135905615</v>
      </c>
      <c r="R488">
        <v>5.0052180164687039</v>
      </c>
      <c r="S488">
        <v>2</v>
      </c>
      <c r="T488">
        <v>1</v>
      </c>
      <c r="U488">
        <v>1</v>
      </c>
      <c r="V488">
        <v>6.2621943781838052E-2</v>
      </c>
      <c r="W488">
        <v>5.5358270966834446</v>
      </c>
      <c r="X488">
        <v>1</v>
      </c>
      <c r="Y488">
        <v>1</v>
      </c>
      <c r="Z488">
        <v>0</v>
      </c>
      <c r="AA488">
        <v>0</v>
      </c>
      <c r="AB488">
        <v>5.5373342670185366</v>
      </c>
      <c r="AC488">
        <v>1</v>
      </c>
      <c r="AD488">
        <v>1</v>
      </c>
      <c r="AE488">
        <v>0</v>
      </c>
      <c r="AF488">
        <v>0</v>
      </c>
      <c r="AG488">
        <v>5.5333894887275203</v>
      </c>
      <c r="AH488">
        <v>-3.732368201366373E-3</v>
      </c>
      <c r="AI488">
        <v>-1.457625109205023E-3</v>
      </c>
      <c r="AJ488">
        <v>3.8428568718878307E-2</v>
      </c>
      <c r="AK488">
        <v>3.198198209787282E-2</v>
      </c>
      <c r="AL488">
        <v>1188.8102689810401</v>
      </c>
      <c r="AM488">
        <v>2060.2376426920332</v>
      </c>
      <c r="AN488">
        <v>32745</v>
      </c>
      <c r="AO488">
        <v>25.84041820670598</v>
      </c>
      <c r="AP488">
        <v>1011.256978671061</v>
      </c>
      <c r="AQ488">
        <v>1.08984375</v>
      </c>
      <c r="AR488">
        <v>3.921875</v>
      </c>
      <c r="AS488">
        <v>252</v>
      </c>
      <c r="AT488">
        <v>63.031249999999993</v>
      </c>
      <c r="AU488">
        <v>3.4880514705882347E-2</v>
      </c>
      <c r="AV488">
        <v>-3.7313922976288339E-3</v>
      </c>
      <c r="AW488">
        <v>0.3359375</v>
      </c>
      <c r="AX488">
        <v>89.286274509803917</v>
      </c>
      <c r="AY488">
        <v>65</v>
      </c>
      <c r="AZ488">
        <v>130.25</v>
      </c>
      <c r="BA488">
        <v>0.5923106983299965</v>
      </c>
      <c r="BB488">
        <v>0.5078125</v>
      </c>
      <c r="BC488">
        <v>4.8204671748878916</v>
      </c>
      <c r="BD488" t="s">
        <v>1923</v>
      </c>
      <c r="BE488" t="s">
        <v>62</v>
      </c>
    </row>
    <row r="489" spans="1:57" x14ac:dyDescent="0.3">
      <c r="A489" t="s">
        <v>1924</v>
      </c>
      <c r="B489">
        <v>1368</v>
      </c>
      <c r="C489" t="s">
        <v>1925</v>
      </c>
      <c r="D489" t="s">
        <v>1926</v>
      </c>
      <c r="E489" t="s">
        <v>85</v>
      </c>
      <c r="F489">
        <v>8</v>
      </c>
      <c r="G489">
        <v>131</v>
      </c>
      <c r="H489">
        <v>125</v>
      </c>
      <c r="I489">
        <v>3636.5</v>
      </c>
      <c r="J489">
        <v>60.303399572495081</v>
      </c>
      <c r="K489">
        <v>0.23172389258101411</v>
      </c>
      <c r="L489">
        <v>-0.93451562767001217</v>
      </c>
      <c r="M489">
        <v>3</v>
      </c>
      <c r="N489">
        <v>1</v>
      </c>
      <c r="O489">
        <v>1</v>
      </c>
      <c r="P489">
        <v>0</v>
      </c>
      <c r="Q489">
        <v>0</v>
      </c>
      <c r="R489">
        <v>2.0794415416798362</v>
      </c>
      <c r="S489">
        <v>1</v>
      </c>
      <c r="T489">
        <v>1</v>
      </c>
      <c r="U489">
        <v>0</v>
      </c>
      <c r="V489">
        <v>0</v>
      </c>
      <c r="W489">
        <v>1.945910149055313</v>
      </c>
      <c r="X489">
        <v>1</v>
      </c>
      <c r="Y489">
        <v>1</v>
      </c>
      <c r="Z489">
        <v>0</v>
      </c>
      <c r="AA489">
        <v>0</v>
      </c>
      <c r="AB489">
        <v>1.791759469228055</v>
      </c>
      <c r="AC489">
        <v>1</v>
      </c>
      <c r="AD489">
        <v>1</v>
      </c>
      <c r="AE489">
        <v>0</v>
      </c>
      <c r="AF489">
        <v>0</v>
      </c>
      <c r="AG489">
        <v>1.6094379124341009</v>
      </c>
      <c r="AH489">
        <v>-2.993950226866492E-2</v>
      </c>
      <c r="AI489">
        <v>0.1738278564553829</v>
      </c>
      <c r="AJ489">
        <v>-0.17107795957651589</v>
      </c>
      <c r="AK489">
        <v>0</v>
      </c>
      <c r="AL489">
        <v>267.49932086694139</v>
      </c>
      <c r="AM489">
        <v>307.93524211386568</v>
      </c>
      <c r="AN489">
        <v>1048</v>
      </c>
      <c r="AO489">
        <v>59.548299723837623</v>
      </c>
      <c r="AP489">
        <v>170.72449187196409</v>
      </c>
      <c r="AQ489">
        <v>3.5</v>
      </c>
      <c r="AR489">
        <v>4.125</v>
      </c>
      <c r="AS489">
        <v>8</v>
      </c>
      <c r="AT489">
        <v>0</v>
      </c>
      <c r="AU489">
        <v>0.2716244725738397</v>
      </c>
      <c r="AV489">
        <v>-3.936270038094531E-2</v>
      </c>
      <c r="AW489">
        <v>0.5</v>
      </c>
      <c r="AX489">
        <v>71.571428571428569</v>
      </c>
      <c r="AY489">
        <v>49.5</v>
      </c>
      <c r="AZ489">
        <v>90.75</v>
      </c>
      <c r="BA489">
        <v>0.46033129444652732</v>
      </c>
      <c r="BB489">
        <v>0.375</v>
      </c>
      <c r="BC489">
        <v>1.945910149055313</v>
      </c>
      <c r="BD489" t="s">
        <v>1925</v>
      </c>
      <c r="BE489" t="s">
        <v>68</v>
      </c>
    </row>
    <row r="490" spans="1:57" x14ac:dyDescent="0.3">
      <c r="A490" t="s">
        <v>1927</v>
      </c>
      <c r="B490">
        <v>149</v>
      </c>
      <c r="C490" t="s">
        <v>1928</v>
      </c>
      <c r="D490" t="s">
        <v>1929</v>
      </c>
      <c r="E490" t="s">
        <v>60</v>
      </c>
      <c r="F490">
        <v>256</v>
      </c>
      <c r="G490">
        <v>130.92578125</v>
      </c>
      <c r="H490">
        <v>132</v>
      </c>
      <c r="I490">
        <v>5590.7327728271484</v>
      </c>
      <c r="J490">
        <v>74.771202831218034</v>
      </c>
      <c r="K490">
        <v>-5.3202187599080452E-3</v>
      </c>
      <c r="L490">
        <v>-1.2702612620144369</v>
      </c>
      <c r="M490">
        <v>7.2473894902328189</v>
      </c>
      <c r="N490">
        <v>5</v>
      </c>
      <c r="O490">
        <v>1</v>
      </c>
      <c r="P490">
        <v>4</v>
      </c>
      <c r="Q490">
        <v>0.75452488186012234</v>
      </c>
      <c r="R490">
        <v>5.0235075915746581</v>
      </c>
      <c r="S490">
        <v>2</v>
      </c>
      <c r="T490">
        <v>1</v>
      </c>
      <c r="U490">
        <v>1</v>
      </c>
      <c r="V490">
        <v>6.2621943781838038E-2</v>
      </c>
      <c r="W490">
        <v>5.5358270966834446</v>
      </c>
      <c r="X490">
        <v>1</v>
      </c>
      <c r="Y490">
        <v>1</v>
      </c>
      <c r="Z490">
        <v>0</v>
      </c>
      <c r="AA490">
        <v>0</v>
      </c>
      <c r="AB490">
        <v>5.5373342670185366</v>
      </c>
      <c r="AC490">
        <v>1</v>
      </c>
      <c r="AD490">
        <v>1</v>
      </c>
      <c r="AE490">
        <v>0</v>
      </c>
      <c r="AF490">
        <v>0</v>
      </c>
      <c r="AG490">
        <v>5.5333894887275203</v>
      </c>
      <c r="AH490">
        <v>2.726826699752051E-2</v>
      </c>
      <c r="AI490">
        <v>-1.620724563668318E-2</v>
      </c>
      <c r="AJ490">
        <v>-1.6880220776768141E-2</v>
      </c>
      <c r="AK490">
        <v>-2.780785926651504E-2</v>
      </c>
      <c r="AL490">
        <v>1202.662406128982</v>
      </c>
      <c r="AM490">
        <v>2091.1886899283022</v>
      </c>
      <c r="AN490">
        <v>33517</v>
      </c>
      <c r="AO490">
        <v>213.7242156976094</v>
      </c>
      <c r="AP490">
        <v>986.23820469937436</v>
      </c>
      <c r="AQ490">
        <v>1.08984375</v>
      </c>
      <c r="AR490">
        <v>4.015625</v>
      </c>
      <c r="AS490">
        <v>255</v>
      </c>
      <c r="AT490">
        <v>63.515625000000007</v>
      </c>
      <c r="AU490">
        <v>3.5661764705882372E-2</v>
      </c>
      <c r="AV490">
        <v>2.7278039959983728E-2</v>
      </c>
      <c r="AW490">
        <v>0.390625</v>
      </c>
      <c r="AX490">
        <v>85.54117647058824</v>
      </c>
      <c r="AY490">
        <v>67.5</v>
      </c>
      <c r="AZ490">
        <v>136.5</v>
      </c>
      <c r="BA490">
        <v>0.57109609824243868</v>
      </c>
      <c r="BB490">
        <v>0.5078125</v>
      </c>
      <c r="BC490">
        <v>4.8053138723708004</v>
      </c>
      <c r="BD490" t="s">
        <v>1930</v>
      </c>
      <c r="BE490" t="s">
        <v>62</v>
      </c>
    </row>
    <row r="491" spans="1:57" x14ac:dyDescent="0.3">
      <c r="A491" t="s">
        <v>1931</v>
      </c>
      <c r="B491">
        <v>132</v>
      </c>
      <c r="C491" t="s">
        <v>1932</v>
      </c>
      <c r="D491" t="s">
        <v>1933</v>
      </c>
      <c r="E491" t="s">
        <v>60</v>
      </c>
      <c r="F491">
        <v>256</v>
      </c>
      <c r="G491">
        <v>126.1015625</v>
      </c>
      <c r="H491">
        <v>123</v>
      </c>
      <c r="I491">
        <v>5206.6459350585938</v>
      </c>
      <c r="J491">
        <v>72.157092063487383</v>
      </c>
      <c r="K491">
        <v>-2.2959430248401469E-2</v>
      </c>
      <c r="L491">
        <v>-1.184804840845415</v>
      </c>
      <c r="M491">
        <v>7.222427148336088</v>
      </c>
      <c r="N491">
        <v>4</v>
      </c>
      <c r="O491">
        <v>1</v>
      </c>
      <c r="P491">
        <v>3</v>
      </c>
      <c r="Q491">
        <v>0.80143012760508725</v>
      </c>
      <c r="R491">
        <v>5.0062050146687653</v>
      </c>
      <c r="S491">
        <v>1</v>
      </c>
      <c r="T491">
        <v>1</v>
      </c>
      <c r="U491">
        <v>0</v>
      </c>
      <c r="V491">
        <v>0</v>
      </c>
      <c r="W491">
        <v>5.541263545158424</v>
      </c>
      <c r="X491">
        <v>1</v>
      </c>
      <c r="Y491">
        <v>1</v>
      </c>
      <c r="Z491">
        <v>0</v>
      </c>
      <c r="AA491">
        <v>0</v>
      </c>
      <c r="AB491">
        <v>5.5373342670185366</v>
      </c>
      <c r="AC491">
        <v>1</v>
      </c>
      <c r="AD491">
        <v>1</v>
      </c>
      <c r="AE491">
        <v>0</v>
      </c>
      <c r="AF491">
        <v>0</v>
      </c>
      <c r="AG491">
        <v>5.5333894887275203</v>
      </c>
      <c r="AH491">
        <v>4.4560749388768771E-2</v>
      </c>
      <c r="AI491">
        <v>-1.681235883268252E-2</v>
      </c>
      <c r="AJ491">
        <v>3.1845628289925737E-2</v>
      </c>
      <c r="AK491">
        <v>-6.1244833554444031E-2</v>
      </c>
      <c r="AL491">
        <v>1169.094814156638</v>
      </c>
      <c r="AM491">
        <v>2009.211117705667</v>
      </c>
      <c r="AN491">
        <v>32282</v>
      </c>
      <c r="AO491">
        <v>179.19587985320459</v>
      </c>
      <c r="AP491">
        <v>1010.388514125352</v>
      </c>
      <c r="AQ491">
        <v>1.08984375</v>
      </c>
      <c r="AR491">
        <v>4.00390625</v>
      </c>
      <c r="AS491">
        <v>256</v>
      </c>
      <c r="AT491">
        <v>70.8125</v>
      </c>
      <c r="AU491">
        <v>3.6048228346456712E-2</v>
      </c>
      <c r="AV491">
        <v>4.4783764073490023E-2</v>
      </c>
      <c r="AW491">
        <v>0.38671875</v>
      </c>
      <c r="AX491">
        <v>83.30980392156863</v>
      </c>
      <c r="AY491">
        <v>63</v>
      </c>
      <c r="AZ491">
        <v>128.5</v>
      </c>
      <c r="BA491">
        <v>0.57221409975381854</v>
      </c>
      <c r="BB491">
        <v>0.4921875</v>
      </c>
      <c r="BC491">
        <v>4.8573910135465486</v>
      </c>
      <c r="BD491" t="s">
        <v>1934</v>
      </c>
      <c r="BE491" t="s">
        <v>62</v>
      </c>
    </row>
    <row r="492" spans="1:57" x14ac:dyDescent="0.3">
      <c r="A492" t="s">
        <v>1935</v>
      </c>
      <c r="B492">
        <v>151</v>
      </c>
      <c r="C492" t="s">
        <v>1936</v>
      </c>
      <c r="D492" t="s">
        <v>1937</v>
      </c>
      <c r="E492" t="s">
        <v>60</v>
      </c>
      <c r="F492">
        <v>256</v>
      </c>
      <c r="G492">
        <v>131.6796875</v>
      </c>
      <c r="H492">
        <v>132</v>
      </c>
      <c r="I492">
        <v>5609.5848999023438</v>
      </c>
      <c r="J492">
        <v>74.897162161875954</v>
      </c>
      <c r="K492">
        <v>-6.0371291296455229E-2</v>
      </c>
      <c r="L492">
        <v>-1.19657715396202</v>
      </c>
      <c r="M492">
        <v>7.0964942149082466</v>
      </c>
      <c r="N492">
        <v>5</v>
      </c>
      <c r="O492">
        <v>1</v>
      </c>
      <c r="P492">
        <v>4</v>
      </c>
      <c r="Q492">
        <v>0.9258263597761337</v>
      </c>
      <c r="R492">
        <v>4.9189149569236132</v>
      </c>
      <c r="S492">
        <v>2</v>
      </c>
      <c r="T492">
        <v>1</v>
      </c>
      <c r="U492">
        <v>1</v>
      </c>
      <c r="V492">
        <v>6.2621943781838052E-2</v>
      </c>
      <c r="W492">
        <v>5.5358270966834446</v>
      </c>
      <c r="X492">
        <v>1</v>
      </c>
      <c r="Y492">
        <v>1</v>
      </c>
      <c r="Z492">
        <v>0</v>
      </c>
      <c r="AA492">
        <v>0</v>
      </c>
      <c r="AB492">
        <v>5.5373342670185366</v>
      </c>
      <c r="AC492">
        <v>1</v>
      </c>
      <c r="AD492">
        <v>1</v>
      </c>
      <c r="AE492">
        <v>0</v>
      </c>
      <c r="AF492">
        <v>0</v>
      </c>
      <c r="AG492">
        <v>5.5333894887275203</v>
      </c>
      <c r="AH492">
        <v>0.1066369332040005</v>
      </c>
      <c r="AI492">
        <v>-3.5233972005383592E-2</v>
      </c>
      <c r="AJ492">
        <v>-2.957462270307902E-2</v>
      </c>
      <c r="AK492">
        <v>0.12710145079700791</v>
      </c>
      <c r="AL492">
        <v>1181.1952620780351</v>
      </c>
      <c r="AM492">
        <v>2116.5428776295562</v>
      </c>
      <c r="AN492">
        <v>33710</v>
      </c>
      <c r="AO492">
        <v>50.702975335450382</v>
      </c>
      <c r="AP492">
        <v>918.13962091488452</v>
      </c>
      <c r="AQ492">
        <v>1.08984375</v>
      </c>
      <c r="AR492">
        <v>4.0390625</v>
      </c>
      <c r="AS492">
        <v>254</v>
      </c>
      <c r="AT492">
        <v>82.531249999999986</v>
      </c>
      <c r="AU492">
        <v>4.9673966535433101E-2</v>
      </c>
      <c r="AV492">
        <v>0.10733930357375709</v>
      </c>
      <c r="AW492">
        <v>0.33984375</v>
      </c>
      <c r="AX492">
        <v>79.905882352941177</v>
      </c>
      <c r="AY492">
        <v>66.5</v>
      </c>
      <c r="AZ492">
        <v>133.25</v>
      </c>
      <c r="BA492">
        <v>0.56878295797805534</v>
      </c>
      <c r="BB492">
        <v>0.5</v>
      </c>
      <c r="BC492">
        <v>4.7751950903244351</v>
      </c>
      <c r="BD492" t="s">
        <v>1938</v>
      </c>
      <c r="BE492" t="s">
        <v>62</v>
      </c>
    </row>
    <row r="493" spans="1:57" x14ac:dyDescent="0.3">
      <c r="A493" t="s">
        <v>1939</v>
      </c>
      <c r="B493">
        <v>1449</v>
      </c>
      <c r="C493" t="s">
        <v>1940</v>
      </c>
      <c r="D493" t="s">
        <v>1941</v>
      </c>
      <c r="E493" t="s">
        <v>10622</v>
      </c>
      <c r="F493">
        <v>64</v>
      </c>
      <c r="G493">
        <v>114.59375</v>
      </c>
      <c r="H493">
        <v>115.5</v>
      </c>
      <c r="I493">
        <v>5431.4287109375</v>
      </c>
      <c r="J493">
        <v>73.698227325611441</v>
      </c>
      <c r="K493">
        <v>8.4843169325888659E-2</v>
      </c>
      <c r="L493">
        <v>-1.1286263322512411</v>
      </c>
      <c r="M493">
        <v>5.875</v>
      </c>
      <c r="N493">
        <v>2</v>
      </c>
      <c r="O493">
        <v>1</v>
      </c>
      <c r="P493">
        <v>1</v>
      </c>
      <c r="Q493">
        <v>0.24944382578492941</v>
      </c>
      <c r="R493">
        <v>4.072239685789679</v>
      </c>
      <c r="S493">
        <v>2</v>
      </c>
      <c r="T493">
        <v>1</v>
      </c>
      <c r="U493">
        <v>1</v>
      </c>
      <c r="V493">
        <v>0.12597176896623641</v>
      </c>
      <c r="W493">
        <v>4.1211300539928049</v>
      </c>
      <c r="X493">
        <v>1</v>
      </c>
      <c r="Y493">
        <v>1</v>
      </c>
      <c r="Z493">
        <v>0</v>
      </c>
      <c r="AA493">
        <v>0</v>
      </c>
      <c r="AB493">
        <v>4.1271343850450908</v>
      </c>
      <c r="AC493">
        <v>1</v>
      </c>
      <c r="AD493">
        <v>1</v>
      </c>
      <c r="AE493">
        <v>0</v>
      </c>
      <c r="AF493">
        <v>0</v>
      </c>
      <c r="AG493">
        <v>4.1108738641733096</v>
      </c>
      <c r="AH493">
        <v>2.3416476222642989E-2</v>
      </c>
      <c r="AI493">
        <v>0.1922060279500297</v>
      </c>
      <c r="AJ493">
        <v>-4.6234670271206188E-2</v>
      </c>
      <c r="AK493">
        <v>-3.6039055506120972E-2</v>
      </c>
      <c r="AL493">
        <v>633.95073213381215</v>
      </c>
      <c r="AM493">
        <v>886.65013913437338</v>
      </c>
      <c r="AN493">
        <v>7334</v>
      </c>
      <c r="AO493">
        <v>195.56379754234041</v>
      </c>
      <c r="AP493">
        <v>479.32333930018012</v>
      </c>
      <c r="AQ493">
        <v>1.359375</v>
      </c>
      <c r="AR493">
        <v>3.796875</v>
      </c>
      <c r="AS493">
        <v>64</v>
      </c>
      <c r="AT493">
        <v>3.5000000000000009</v>
      </c>
      <c r="AU493">
        <v>9.4607843137254899E-2</v>
      </c>
      <c r="AV493">
        <v>2.355269198576836E-2</v>
      </c>
      <c r="AW493">
        <v>0.359375</v>
      </c>
      <c r="AX493">
        <v>85.333333333333329</v>
      </c>
      <c r="AY493">
        <v>62.5</v>
      </c>
      <c r="AZ493">
        <v>125.5</v>
      </c>
      <c r="BA493">
        <v>0.64312606338139244</v>
      </c>
      <c r="BB493">
        <v>0.515625</v>
      </c>
      <c r="BC493">
        <v>3.9367871487114772</v>
      </c>
      <c r="BD493" t="s">
        <v>1942</v>
      </c>
      <c r="BE493" t="s">
        <v>62</v>
      </c>
    </row>
    <row r="494" spans="1:57" x14ac:dyDescent="0.3">
      <c r="A494" t="s">
        <v>1943</v>
      </c>
      <c r="B494">
        <v>843</v>
      </c>
      <c r="C494" t="s">
        <v>1944</v>
      </c>
      <c r="D494" t="s">
        <v>1945</v>
      </c>
      <c r="E494" t="s">
        <v>66</v>
      </c>
      <c r="F494">
        <v>70</v>
      </c>
      <c r="G494">
        <v>130.5</v>
      </c>
      <c r="H494">
        <v>119.5</v>
      </c>
      <c r="I494">
        <v>5905.6785714285716</v>
      </c>
      <c r="J494">
        <v>76.848412940206984</v>
      </c>
      <c r="K494">
        <v>4.9742355616470779E-2</v>
      </c>
      <c r="L494">
        <v>-1.2563541135424841</v>
      </c>
      <c r="M494">
        <v>5.9292830169449706</v>
      </c>
      <c r="N494">
        <v>2</v>
      </c>
      <c r="O494">
        <v>1</v>
      </c>
      <c r="P494">
        <v>1</v>
      </c>
      <c r="Q494">
        <v>0.31426968052735449</v>
      </c>
      <c r="R494">
        <v>4.1098658059373712</v>
      </c>
      <c r="S494">
        <v>2</v>
      </c>
      <c r="T494">
        <v>1</v>
      </c>
      <c r="U494">
        <v>1</v>
      </c>
      <c r="V494">
        <v>0.1203728348804772</v>
      </c>
      <c r="W494">
        <v>4.2140152819723324</v>
      </c>
      <c r="X494">
        <v>1</v>
      </c>
      <c r="Y494">
        <v>1</v>
      </c>
      <c r="Z494">
        <v>0</v>
      </c>
      <c r="AA494">
        <v>0</v>
      </c>
      <c r="AB494">
        <v>4.2195077051761087</v>
      </c>
      <c r="AC494">
        <v>1</v>
      </c>
      <c r="AD494">
        <v>1</v>
      </c>
      <c r="AE494">
        <v>0</v>
      </c>
      <c r="AF494">
        <v>0</v>
      </c>
      <c r="AG494">
        <v>4.2046926193909648</v>
      </c>
      <c r="AH494">
        <v>-7.6479054662884988E-2</v>
      </c>
      <c r="AI494">
        <v>1.4561045966654369E-2</v>
      </c>
      <c r="AJ494">
        <v>-0.1001717475311292</v>
      </c>
      <c r="AK494">
        <v>-6.5884530022556981E-2</v>
      </c>
      <c r="AL494">
        <v>715.05748279002103</v>
      </c>
      <c r="AM494">
        <v>1046.0438787670421</v>
      </c>
      <c r="AN494">
        <v>9135</v>
      </c>
      <c r="AO494">
        <v>81.583563283792657</v>
      </c>
      <c r="AP494">
        <v>577.64572107873687</v>
      </c>
      <c r="AQ494">
        <v>1.328571428571429</v>
      </c>
      <c r="AR494">
        <v>4.0857142857142854</v>
      </c>
      <c r="AS494">
        <v>70</v>
      </c>
      <c r="AT494">
        <v>5.5999999999999979</v>
      </c>
      <c r="AU494">
        <v>0.10238095238095241</v>
      </c>
      <c r="AV494">
        <v>-7.7455592254214597E-2</v>
      </c>
      <c r="AW494">
        <v>0.41428571428571431</v>
      </c>
      <c r="AX494">
        <v>94.652173913043484</v>
      </c>
      <c r="AY494">
        <v>61.5</v>
      </c>
      <c r="AZ494">
        <v>140.75</v>
      </c>
      <c r="BA494">
        <v>0.5888767275111646</v>
      </c>
      <c r="BB494">
        <v>0.48571428571428571</v>
      </c>
      <c r="BC494">
        <v>3.9979364428603339</v>
      </c>
      <c r="BD494" t="s">
        <v>1946</v>
      </c>
      <c r="BE494" t="s">
        <v>68</v>
      </c>
    </row>
    <row r="495" spans="1:57" x14ac:dyDescent="0.3">
      <c r="A495" t="s">
        <v>1947</v>
      </c>
      <c r="B495">
        <v>3277</v>
      </c>
      <c r="C495" t="s">
        <v>1948</v>
      </c>
      <c r="D495" t="s">
        <v>1949</v>
      </c>
      <c r="E495" t="s">
        <v>85</v>
      </c>
      <c r="F495">
        <v>8</v>
      </c>
      <c r="G495">
        <v>151.375</v>
      </c>
      <c r="H495">
        <v>161.5</v>
      </c>
      <c r="I495">
        <v>2606.234375</v>
      </c>
      <c r="J495">
        <v>51.051291609517577</v>
      </c>
      <c r="K495">
        <v>-0.24780373707864711</v>
      </c>
      <c r="L495">
        <v>-1.3014505158675449</v>
      </c>
      <c r="M495">
        <v>3</v>
      </c>
      <c r="N495">
        <v>1</v>
      </c>
      <c r="O495">
        <v>1</v>
      </c>
      <c r="P495">
        <v>0</v>
      </c>
      <c r="Q495">
        <v>0</v>
      </c>
      <c r="R495">
        <v>2.0794415416798362</v>
      </c>
      <c r="S495">
        <v>1</v>
      </c>
      <c r="T495">
        <v>1</v>
      </c>
      <c r="U495">
        <v>0</v>
      </c>
      <c r="V495">
        <v>0</v>
      </c>
      <c r="W495">
        <v>1.945910149055313</v>
      </c>
      <c r="X495">
        <v>1</v>
      </c>
      <c r="Y495">
        <v>1</v>
      </c>
      <c r="Z495">
        <v>0</v>
      </c>
      <c r="AA495">
        <v>0</v>
      </c>
      <c r="AB495">
        <v>1.791759469228055</v>
      </c>
      <c r="AC495">
        <v>1</v>
      </c>
      <c r="AD495">
        <v>1</v>
      </c>
      <c r="AE495">
        <v>0</v>
      </c>
      <c r="AF495">
        <v>0</v>
      </c>
      <c r="AG495">
        <v>1.6094379124341009</v>
      </c>
      <c r="AH495">
        <v>-0.22877909939508029</v>
      </c>
      <c r="AI495">
        <v>0.28515009082788267</v>
      </c>
      <c r="AJ495">
        <v>-0.13474076583192951</v>
      </c>
      <c r="AK495">
        <v>0</v>
      </c>
      <c r="AL495">
        <v>274.99651277153731</v>
      </c>
      <c r="AM495">
        <v>358.52742986205908</v>
      </c>
      <c r="AN495">
        <v>1211</v>
      </c>
      <c r="AO495">
        <v>73.027392121039071</v>
      </c>
      <c r="AP495">
        <v>154.47932948255499</v>
      </c>
      <c r="AQ495">
        <v>3.5</v>
      </c>
      <c r="AR495">
        <v>4.5</v>
      </c>
      <c r="AS495">
        <v>8</v>
      </c>
      <c r="AT495">
        <v>0</v>
      </c>
      <c r="AU495">
        <v>0.31018518518518517</v>
      </c>
      <c r="AV495">
        <v>-0.32576444740403332</v>
      </c>
      <c r="AW495">
        <v>0.375</v>
      </c>
      <c r="AX495">
        <v>74.285714285714292</v>
      </c>
      <c r="AY495">
        <v>52.5</v>
      </c>
      <c r="AZ495">
        <v>84.25</v>
      </c>
      <c r="BA495">
        <v>0.3372504813180352</v>
      </c>
      <c r="BB495">
        <v>0.5</v>
      </c>
      <c r="BC495">
        <v>1.945910149055313</v>
      </c>
      <c r="BD495" t="s">
        <v>1948</v>
      </c>
      <c r="BE495" t="s">
        <v>68</v>
      </c>
    </row>
    <row r="496" spans="1:57" x14ac:dyDescent="0.3">
      <c r="A496" t="s">
        <v>1950</v>
      </c>
      <c r="B496">
        <v>1931</v>
      </c>
      <c r="C496" t="s">
        <v>1951</v>
      </c>
      <c r="D496" t="s">
        <v>1952</v>
      </c>
      <c r="E496" t="s">
        <v>115</v>
      </c>
      <c r="F496">
        <v>1977</v>
      </c>
      <c r="G496">
        <v>128.24076884167931</v>
      </c>
      <c r="H496">
        <v>129</v>
      </c>
      <c r="I496">
        <v>5497.6567496365014</v>
      </c>
      <c r="J496">
        <v>74.146184997183099</v>
      </c>
      <c r="K496">
        <v>-7.8731717535691671E-3</v>
      </c>
      <c r="L496">
        <v>-1.202520773260491</v>
      </c>
      <c r="M496">
        <v>7.9088143603160974</v>
      </c>
      <c r="N496">
        <v>14</v>
      </c>
      <c r="O496">
        <v>2</v>
      </c>
      <c r="P496">
        <v>12</v>
      </c>
      <c r="Q496">
        <v>2.7324072160525299</v>
      </c>
      <c r="R496">
        <v>5.4819723754251157</v>
      </c>
      <c r="S496">
        <v>3</v>
      </c>
      <c r="T496">
        <v>1</v>
      </c>
      <c r="U496">
        <v>2</v>
      </c>
      <c r="V496">
        <v>0.1440880479625346</v>
      </c>
      <c r="W496">
        <v>7.5612040036987844</v>
      </c>
      <c r="X496">
        <v>2</v>
      </c>
      <c r="Y496">
        <v>1</v>
      </c>
      <c r="Z496">
        <v>1</v>
      </c>
      <c r="AA496">
        <v>2.2501755131218649E-2</v>
      </c>
      <c r="AB496">
        <v>7.5876217561397183</v>
      </c>
      <c r="AC496">
        <v>1</v>
      </c>
      <c r="AD496">
        <v>1</v>
      </c>
      <c r="AE496">
        <v>0</v>
      </c>
      <c r="AF496">
        <v>0</v>
      </c>
      <c r="AG496">
        <v>7.5878172199934264</v>
      </c>
      <c r="AH496">
        <v>-2.4750369064474372E-2</v>
      </c>
      <c r="AI496">
        <v>9.4058250354728326E-3</v>
      </c>
      <c r="AJ496">
        <v>3.7385481385492823E-2</v>
      </c>
      <c r="AK496">
        <v>1.0695718070868381E-2</v>
      </c>
      <c r="AL496">
        <v>3067.125843789097</v>
      </c>
      <c r="AM496">
        <v>5828.7858991698276</v>
      </c>
      <c r="AN496">
        <v>253532</v>
      </c>
      <c r="AO496">
        <v>175.36431132403061</v>
      </c>
      <c r="AP496">
        <v>2765.9612863280399</v>
      </c>
      <c r="AQ496">
        <v>1.011633788568538</v>
      </c>
      <c r="AR496">
        <v>4.0126454223571066</v>
      </c>
      <c r="AS496">
        <v>1968</v>
      </c>
      <c r="AT496">
        <v>247.49367728882149</v>
      </c>
      <c r="AU496">
        <v>1.526971942039335E-2</v>
      </c>
      <c r="AV496">
        <v>-2.4750836074209581E-2</v>
      </c>
      <c r="AW496">
        <v>0.37126960040465351</v>
      </c>
      <c r="AX496">
        <v>87.12955465587045</v>
      </c>
      <c r="AY496">
        <v>65</v>
      </c>
      <c r="AZ496">
        <v>130</v>
      </c>
      <c r="BA496">
        <v>0.57817951082873553</v>
      </c>
      <c r="BB496">
        <v>0.5017703591299949</v>
      </c>
      <c r="BC496">
        <v>5.2974901429803776</v>
      </c>
      <c r="BD496" t="s">
        <v>1953</v>
      </c>
      <c r="BE496" t="s">
        <v>68</v>
      </c>
    </row>
    <row r="497" spans="1:57" x14ac:dyDescent="0.3">
      <c r="A497" t="s">
        <v>1954</v>
      </c>
      <c r="B497">
        <v>2517</v>
      </c>
      <c r="C497" t="s">
        <v>1955</v>
      </c>
      <c r="D497" t="s">
        <v>1956</v>
      </c>
      <c r="E497" t="s">
        <v>10622</v>
      </c>
      <c r="F497">
        <v>64</v>
      </c>
      <c r="G497">
        <v>126.765625</v>
      </c>
      <c r="H497">
        <v>131.5</v>
      </c>
      <c r="I497">
        <v>4836.398193359375</v>
      </c>
      <c r="J497">
        <v>69.544217540780309</v>
      </c>
      <c r="K497">
        <v>8.7063503635987943E-2</v>
      </c>
      <c r="L497">
        <v>-0.99331233445486422</v>
      </c>
      <c r="M497">
        <v>5.8125</v>
      </c>
      <c r="N497">
        <v>2</v>
      </c>
      <c r="O497">
        <v>1</v>
      </c>
      <c r="P497">
        <v>1</v>
      </c>
      <c r="Q497">
        <v>0.30454347814923621</v>
      </c>
      <c r="R497">
        <v>4.0289179870046823</v>
      </c>
      <c r="S497">
        <v>2</v>
      </c>
      <c r="T497">
        <v>1</v>
      </c>
      <c r="U497">
        <v>1</v>
      </c>
      <c r="V497">
        <v>0.12597176896623641</v>
      </c>
      <c r="W497">
        <v>4.1211300539928049</v>
      </c>
      <c r="X497">
        <v>1</v>
      </c>
      <c r="Y497">
        <v>1</v>
      </c>
      <c r="Z497">
        <v>0</v>
      </c>
      <c r="AA497">
        <v>0</v>
      </c>
      <c r="AB497">
        <v>4.1271343850450908</v>
      </c>
      <c r="AC497">
        <v>1</v>
      </c>
      <c r="AD497">
        <v>1</v>
      </c>
      <c r="AE497">
        <v>0</v>
      </c>
      <c r="AF497">
        <v>0</v>
      </c>
      <c r="AG497">
        <v>4.1108738641733096</v>
      </c>
      <c r="AH497">
        <v>-0.20144095297590539</v>
      </c>
      <c r="AI497">
        <v>5.0724063632972757E-2</v>
      </c>
      <c r="AJ497">
        <v>-8.2207464289170348E-2</v>
      </c>
      <c r="AK497">
        <v>-3.4417064380528772E-2</v>
      </c>
      <c r="AL497">
        <v>630.12145312243956</v>
      </c>
      <c r="AM497">
        <v>970.0133784205583</v>
      </c>
      <c r="AN497">
        <v>8113</v>
      </c>
      <c r="AO497">
        <v>67.902965343560851</v>
      </c>
      <c r="AP497">
        <v>476.15670039348151</v>
      </c>
      <c r="AQ497">
        <v>1.359375</v>
      </c>
      <c r="AR497">
        <v>4.015625</v>
      </c>
      <c r="AS497">
        <v>64</v>
      </c>
      <c r="AT497">
        <v>4.8750000000000009</v>
      </c>
      <c r="AU497">
        <v>0.1224877450980392</v>
      </c>
      <c r="AV497">
        <v>-0.2069813029452561</v>
      </c>
      <c r="AW497">
        <v>0.390625</v>
      </c>
      <c r="AX497">
        <v>90.412698412698418</v>
      </c>
      <c r="AY497">
        <v>57.5</v>
      </c>
      <c r="AZ497">
        <v>110</v>
      </c>
      <c r="BA497">
        <v>0.54860469895352393</v>
      </c>
      <c r="BB497">
        <v>0.515625</v>
      </c>
      <c r="BC497">
        <v>3.89277780391402</v>
      </c>
      <c r="BD497" t="s">
        <v>1957</v>
      </c>
      <c r="BE497" t="s">
        <v>62</v>
      </c>
    </row>
    <row r="498" spans="1:57" x14ac:dyDescent="0.3">
      <c r="A498" t="s">
        <v>1958</v>
      </c>
      <c r="B498">
        <v>1211</v>
      </c>
      <c r="C498" t="s">
        <v>1959</v>
      </c>
      <c r="D498" t="s">
        <v>1960</v>
      </c>
      <c r="E498" t="s">
        <v>128</v>
      </c>
      <c r="F498">
        <v>32</v>
      </c>
      <c r="G498">
        <v>131.90625</v>
      </c>
      <c r="H498">
        <v>133</v>
      </c>
      <c r="I498">
        <v>5475.2724609375</v>
      </c>
      <c r="J498">
        <v>73.995084032234871</v>
      </c>
      <c r="K498">
        <v>-0.10180500469707621</v>
      </c>
      <c r="L498">
        <v>-1.3497922182794531</v>
      </c>
      <c r="M498">
        <v>4.875</v>
      </c>
      <c r="N498">
        <v>2</v>
      </c>
      <c r="O498">
        <v>1</v>
      </c>
      <c r="P498">
        <v>1</v>
      </c>
      <c r="Q498">
        <v>0.24944382578492941</v>
      </c>
      <c r="R498">
        <v>3.3790925052297318</v>
      </c>
      <c r="S498">
        <v>1</v>
      </c>
      <c r="T498">
        <v>1</v>
      </c>
      <c r="U498">
        <v>0</v>
      </c>
      <c r="V498">
        <v>0</v>
      </c>
      <c r="W498">
        <v>3.4339872044851458</v>
      </c>
      <c r="X498">
        <v>1</v>
      </c>
      <c r="Y498">
        <v>1</v>
      </c>
      <c r="Z498">
        <v>0</v>
      </c>
      <c r="AA498">
        <v>0</v>
      </c>
      <c r="AB498">
        <v>3.401197381662155</v>
      </c>
      <c r="AC498">
        <v>1</v>
      </c>
      <c r="AD498">
        <v>1</v>
      </c>
      <c r="AE498">
        <v>0</v>
      </c>
      <c r="AF498">
        <v>0</v>
      </c>
      <c r="AG498">
        <v>3.3672958299864728</v>
      </c>
      <c r="AH498">
        <v>-0.26436599656409793</v>
      </c>
      <c r="AI498">
        <v>-0.18535296251131911</v>
      </c>
      <c r="AJ498">
        <v>0.29386372819810092</v>
      </c>
      <c r="AK498">
        <v>2.0783459780736511E-2</v>
      </c>
      <c r="AL498">
        <v>472.30752916744439</v>
      </c>
      <c r="AM498">
        <v>713.37970106510852</v>
      </c>
      <c r="AN498">
        <v>4221</v>
      </c>
      <c r="AO498">
        <v>113.59296486226729</v>
      </c>
      <c r="AP498">
        <v>269.27729290404392</v>
      </c>
      <c r="AQ498">
        <v>1.71875</v>
      </c>
      <c r="AR498">
        <v>3.90625</v>
      </c>
      <c r="AS498">
        <v>32</v>
      </c>
      <c r="AT498">
        <v>1.75</v>
      </c>
      <c r="AU498">
        <v>0.1205718623481782</v>
      </c>
      <c r="AV498">
        <v>-0.26520553160728549</v>
      </c>
      <c r="AW498">
        <v>0.375</v>
      </c>
      <c r="AX498">
        <v>102.8387096774194</v>
      </c>
      <c r="AY498">
        <v>72.5</v>
      </c>
      <c r="AZ498">
        <v>144.25</v>
      </c>
      <c r="BA498">
        <v>0.56096723265375881</v>
      </c>
      <c r="BB498">
        <v>0.5</v>
      </c>
      <c r="BC498">
        <v>3.4339872044851458</v>
      </c>
      <c r="BD498" t="s">
        <v>1961</v>
      </c>
      <c r="BE498" t="s">
        <v>62</v>
      </c>
    </row>
    <row r="499" spans="1:57" x14ac:dyDescent="0.3">
      <c r="A499" t="s">
        <v>1962</v>
      </c>
      <c r="B499">
        <v>3897</v>
      </c>
      <c r="C499" t="s">
        <v>1963</v>
      </c>
      <c r="D499" t="s">
        <v>1964</v>
      </c>
      <c r="E499" t="s">
        <v>98</v>
      </c>
      <c r="F499">
        <v>16</v>
      </c>
      <c r="G499">
        <v>138.25</v>
      </c>
      <c r="H499">
        <v>128</v>
      </c>
      <c r="I499">
        <v>3633.1875</v>
      </c>
      <c r="J499">
        <v>60.275928031014168</v>
      </c>
      <c r="K499">
        <v>0.11197793975109201</v>
      </c>
      <c r="L499">
        <v>-1.269379802229055</v>
      </c>
      <c r="M499">
        <v>4</v>
      </c>
      <c r="N499">
        <v>1</v>
      </c>
      <c r="O499">
        <v>1</v>
      </c>
      <c r="P499">
        <v>0</v>
      </c>
      <c r="Q499">
        <v>0</v>
      </c>
      <c r="R499">
        <v>2.7725887222397811</v>
      </c>
      <c r="S499">
        <v>1</v>
      </c>
      <c r="T499">
        <v>1</v>
      </c>
      <c r="U499">
        <v>0</v>
      </c>
      <c r="V499">
        <v>0</v>
      </c>
      <c r="W499">
        <v>2.7080502011022101</v>
      </c>
      <c r="X499">
        <v>1</v>
      </c>
      <c r="Y499">
        <v>1</v>
      </c>
      <c r="Z499">
        <v>0</v>
      </c>
      <c r="AA499">
        <v>0</v>
      </c>
      <c r="AB499">
        <v>2.639057329615258</v>
      </c>
      <c r="AC499">
        <v>1</v>
      </c>
      <c r="AD499">
        <v>1</v>
      </c>
      <c r="AE499">
        <v>0</v>
      </c>
      <c r="AF499">
        <v>0</v>
      </c>
      <c r="AG499">
        <v>2.5649493574615372</v>
      </c>
      <c r="AH499">
        <v>-0.24152023016978891</v>
      </c>
      <c r="AI499">
        <v>-6.6335087990917072E-2</v>
      </c>
      <c r="AJ499">
        <v>9.0411097349090849E-2</v>
      </c>
      <c r="AK499">
        <v>-2.8104625759061432E-3</v>
      </c>
      <c r="AL499">
        <v>355.26836234482158</v>
      </c>
      <c r="AM499">
        <v>487.5698829058544</v>
      </c>
      <c r="AN499">
        <v>2212</v>
      </c>
      <c r="AO499">
        <v>33.518610622669748</v>
      </c>
      <c r="AP499">
        <v>254.19428313701999</v>
      </c>
      <c r="AQ499">
        <v>2.3125</v>
      </c>
      <c r="AR499">
        <v>4.1875</v>
      </c>
      <c r="AS499">
        <v>16</v>
      </c>
      <c r="AT499">
        <v>0</v>
      </c>
      <c r="AU499">
        <v>0.23379629629629631</v>
      </c>
      <c r="AV499">
        <v>-0.25490703269677067</v>
      </c>
      <c r="AW499">
        <v>0.5</v>
      </c>
      <c r="AX499">
        <v>82.2</v>
      </c>
      <c r="AY499">
        <v>54</v>
      </c>
      <c r="AZ499">
        <v>104.75</v>
      </c>
      <c r="BA499">
        <v>0.43599224615561788</v>
      </c>
      <c r="BB499">
        <v>0.4375</v>
      </c>
      <c r="BC499">
        <v>2.615630577027551</v>
      </c>
      <c r="BD499" t="s">
        <v>1963</v>
      </c>
      <c r="BE499" t="s">
        <v>62</v>
      </c>
    </row>
    <row r="500" spans="1:57" x14ac:dyDescent="0.3">
      <c r="A500" t="s">
        <v>1965</v>
      </c>
      <c r="B500">
        <v>2324</v>
      </c>
      <c r="C500" t="s">
        <v>1966</v>
      </c>
      <c r="D500" t="s">
        <v>1967</v>
      </c>
      <c r="E500" t="s">
        <v>98</v>
      </c>
      <c r="F500">
        <v>16</v>
      </c>
      <c r="G500">
        <v>120.25</v>
      </c>
      <c r="H500">
        <v>126</v>
      </c>
      <c r="I500">
        <v>5674.6875</v>
      </c>
      <c r="J500">
        <v>75.330521702693659</v>
      </c>
      <c r="K500">
        <v>-1.426720929163751E-2</v>
      </c>
      <c r="L500">
        <v>-1.1228324465095649</v>
      </c>
      <c r="M500">
        <v>3.875</v>
      </c>
      <c r="N500">
        <v>2</v>
      </c>
      <c r="O500">
        <v>1</v>
      </c>
      <c r="P500">
        <v>1</v>
      </c>
      <c r="Q500">
        <v>0.24944382578492949</v>
      </c>
      <c r="R500">
        <v>2.6859453246697882</v>
      </c>
      <c r="S500">
        <v>1</v>
      </c>
      <c r="T500">
        <v>1</v>
      </c>
      <c r="U500">
        <v>0</v>
      </c>
      <c r="V500">
        <v>0</v>
      </c>
      <c r="W500">
        <v>2.7080502011022101</v>
      </c>
      <c r="X500">
        <v>1</v>
      </c>
      <c r="Y500">
        <v>1</v>
      </c>
      <c r="Z500">
        <v>0</v>
      </c>
      <c r="AA500">
        <v>0</v>
      </c>
      <c r="AB500">
        <v>2.639057329615258</v>
      </c>
      <c r="AC500">
        <v>1</v>
      </c>
      <c r="AD500">
        <v>1</v>
      </c>
      <c r="AE500">
        <v>0</v>
      </c>
      <c r="AF500">
        <v>0</v>
      </c>
      <c r="AG500">
        <v>2.5649493574615372</v>
      </c>
      <c r="AH500">
        <v>3.6983727077482237E-2</v>
      </c>
      <c r="AI500">
        <v>-0.536481909796795</v>
      </c>
      <c r="AJ500">
        <v>0.20718858417313729</v>
      </c>
      <c r="AK500">
        <v>-0.1934371386089542</v>
      </c>
      <c r="AL500">
        <v>365.45156998054881</v>
      </c>
      <c r="AM500">
        <v>434.28233903619901</v>
      </c>
      <c r="AN500">
        <v>1924</v>
      </c>
      <c r="AO500">
        <v>46.415464772963539</v>
      </c>
      <c r="AP500">
        <v>245.26446125391101</v>
      </c>
      <c r="AQ500">
        <v>2.3125</v>
      </c>
      <c r="AR500">
        <v>3.9375</v>
      </c>
      <c r="AS500">
        <v>16</v>
      </c>
      <c r="AT500">
        <v>0.87499999999999989</v>
      </c>
      <c r="AU500">
        <v>0.125</v>
      </c>
      <c r="AV500">
        <v>4.2660782920354863E-2</v>
      </c>
      <c r="AW500">
        <v>0.375</v>
      </c>
      <c r="AX500">
        <v>87.86666666666666</v>
      </c>
      <c r="AY500">
        <v>59</v>
      </c>
      <c r="AZ500">
        <v>119.5</v>
      </c>
      <c r="BA500">
        <v>0.62644924492884535</v>
      </c>
      <c r="BB500">
        <v>0.5</v>
      </c>
      <c r="BC500">
        <v>2.615630577027551</v>
      </c>
      <c r="BD500" t="s">
        <v>1966</v>
      </c>
      <c r="BE500" t="s">
        <v>62</v>
      </c>
    </row>
    <row r="501" spans="1:57" x14ac:dyDescent="0.3">
      <c r="A501" t="s">
        <v>1968</v>
      </c>
      <c r="B501">
        <v>1372</v>
      </c>
      <c r="C501" t="s">
        <v>1969</v>
      </c>
      <c r="D501" t="s">
        <v>1970</v>
      </c>
      <c r="E501" t="s">
        <v>115</v>
      </c>
      <c r="F501">
        <v>1424</v>
      </c>
      <c r="G501">
        <v>130.48244382022469</v>
      </c>
      <c r="H501">
        <v>131.5</v>
      </c>
      <c r="I501">
        <v>5654.339579421001</v>
      </c>
      <c r="J501">
        <v>75.195342804066001</v>
      </c>
      <c r="K501">
        <v>-1.681425127725783E-2</v>
      </c>
      <c r="L501">
        <v>-1.2096003787631791</v>
      </c>
      <c r="M501">
        <v>7.8828668061739613</v>
      </c>
      <c r="N501">
        <v>13</v>
      </c>
      <c r="O501">
        <v>1</v>
      </c>
      <c r="P501">
        <v>12</v>
      </c>
      <c r="Q501">
        <v>2.207055447876197</v>
      </c>
      <c r="R501">
        <v>5.4639869014290694</v>
      </c>
      <c r="S501">
        <v>2</v>
      </c>
      <c r="T501">
        <v>1</v>
      </c>
      <c r="U501">
        <v>1</v>
      </c>
      <c r="V501">
        <v>0.1155405895948685</v>
      </c>
      <c r="W501">
        <v>7.2420126944628116</v>
      </c>
      <c r="X501">
        <v>2</v>
      </c>
      <c r="Y501">
        <v>1</v>
      </c>
      <c r="Z501">
        <v>1</v>
      </c>
      <c r="AA501">
        <v>2.6518569572718899E-2</v>
      </c>
      <c r="AB501">
        <v>7.2588447198138768</v>
      </c>
      <c r="AC501">
        <v>1</v>
      </c>
      <c r="AD501">
        <v>1</v>
      </c>
      <c r="AE501">
        <v>0</v>
      </c>
      <c r="AF501">
        <v>0</v>
      </c>
      <c r="AG501">
        <v>7.2591161280971006</v>
      </c>
      <c r="AH501">
        <v>3.3441003640417772E-3</v>
      </c>
      <c r="AI501">
        <v>1.4160436198585249E-2</v>
      </c>
      <c r="AJ501">
        <v>7.0205233536377198E-2</v>
      </c>
      <c r="AK501">
        <v>1.015984913358094E-2</v>
      </c>
      <c r="AL501">
        <v>2650.98033994049</v>
      </c>
      <c r="AM501">
        <v>5026.7916445033807</v>
      </c>
      <c r="AN501">
        <v>185807</v>
      </c>
      <c r="AO501">
        <v>95.095563488639797</v>
      </c>
      <c r="AP501">
        <v>2360.5914914455038</v>
      </c>
      <c r="AQ501">
        <v>1.016151685393258</v>
      </c>
      <c r="AR501">
        <v>4.069522471910112</v>
      </c>
      <c r="AS501">
        <v>1418</v>
      </c>
      <c r="AT501">
        <v>224.17977528089889</v>
      </c>
      <c r="AU501">
        <v>3.0984247631636871E-2</v>
      </c>
      <c r="AV501">
        <v>3.345518209597052E-3</v>
      </c>
      <c r="AW501">
        <v>0.3609550561797753</v>
      </c>
      <c r="AX501">
        <v>87.196064652143363</v>
      </c>
      <c r="AY501">
        <v>64.5</v>
      </c>
      <c r="AZ501">
        <v>130</v>
      </c>
      <c r="BA501">
        <v>0.5762870513650723</v>
      </c>
      <c r="BB501">
        <v>0.5028089887640449</v>
      </c>
      <c r="BC501">
        <v>5.2825017370618319</v>
      </c>
      <c r="BD501" t="s">
        <v>1971</v>
      </c>
      <c r="BE501" t="s">
        <v>62</v>
      </c>
    </row>
    <row r="502" spans="1:57" x14ac:dyDescent="0.3">
      <c r="A502" t="s">
        <v>1972</v>
      </c>
      <c r="B502">
        <v>2495</v>
      </c>
      <c r="C502" t="s">
        <v>1973</v>
      </c>
      <c r="D502" t="s">
        <v>1974</v>
      </c>
      <c r="E502" t="s">
        <v>128</v>
      </c>
      <c r="F502">
        <v>32</v>
      </c>
      <c r="G502">
        <v>90.71875</v>
      </c>
      <c r="H502">
        <v>84.5</v>
      </c>
      <c r="I502">
        <v>3646.0146484375</v>
      </c>
      <c r="J502">
        <v>60.382237855494402</v>
      </c>
      <c r="K502">
        <v>0.7774116468735448</v>
      </c>
      <c r="L502">
        <v>6.9774071351381028E-2</v>
      </c>
      <c r="M502">
        <v>4.75</v>
      </c>
      <c r="N502">
        <v>2</v>
      </c>
      <c r="O502">
        <v>1</v>
      </c>
      <c r="P502">
        <v>1</v>
      </c>
      <c r="Q502">
        <v>0.34992710611188249</v>
      </c>
      <c r="R502">
        <v>3.2924491076597389</v>
      </c>
      <c r="S502">
        <v>1</v>
      </c>
      <c r="T502">
        <v>1</v>
      </c>
      <c r="U502">
        <v>0</v>
      </c>
      <c r="V502">
        <v>0</v>
      </c>
      <c r="W502">
        <v>3.4339872044851458</v>
      </c>
      <c r="X502">
        <v>1</v>
      </c>
      <c r="Y502">
        <v>1</v>
      </c>
      <c r="Z502">
        <v>0</v>
      </c>
      <c r="AA502">
        <v>0</v>
      </c>
      <c r="AB502">
        <v>3.401197381662155</v>
      </c>
      <c r="AC502">
        <v>1</v>
      </c>
      <c r="AD502">
        <v>1</v>
      </c>
      <c r="AE502">
        <v>0</v>
      </c>
      <c r="AF502">
        <v>0</v>
      </c>
      <c r="AG502">
        <v>3.3672958299864728</v>
      </c>
      <c r="AH502">
        <v>0.1511417160994761</v>
      </c>
      <c r="AI502">
        <v>-8.557317171815651E-2</v>
      </c>
      <c r="AJ502">
        <v>-8.1288365279512442E-2</v>
      </c>
      <c r="AK502">
        <v>-6.065674903489175E-3</v>
      </c>
      <c r="AL502">
        <v>381.50138780541948</v>
      </c>
      <c r="AM502">
        <v>484.23722606026359</v>
      </c>
      <c r="AN502">
        <v>2903</v>
      </c>
      <c r="AO502">
        <v>29.102079699676018</v>
      </c>
      <c r="AP502">
        <v>279.52680869810479</v>
      </c>
      <c r="AQ502">
        <v>1.625</v>
      </c>
      <c r="AR502">
        <v>3.84375</v>
      </c>
      <c r="AS502">
        <v>32</v>
      </c>
      <c r="AT502">
        <v>3</v>
      </c>
      <c r="AU502">
        <v>0.32126046025104599</v>
      </c>
      <c r="AV502">
        <v>0.15502542433915931</v>
      </c>
      <c r="AW502">
        <v>0.53125</v>
      </c>
      <c r="AX502">
        <v>63.677419354838712</v>
      </c>
      <c r="AY502">
        <v>42.5</v>
      </c>
      <c r="AZ502">
        <v>83.5</v>
      </c>
      <c r="BA502">
        <v>0.6655982126682124</v>
      </c>
      <c r="BB502">
        <v>0.5</v>
      </c>
      <c r="BC502">
        <v>3.3445488586064429</v>
      </c>
      <c r="BD502" t="s">
        <v>1975</v>
      </c>
      <c r="BE502" t="s">
        <v>62</v>
      </c>
    </row>
    <row r="503" spans="1:57" x14ac:dyDescent="0.3">
      <c r="A503" t="s">
        <v>1976</v>
      </c>
      <c r="B503">
        <v>2102</v>
      </c>
      <c r="C503" t="s">
        <v>1977</v>
      </c>
      <c r="D503" t="s">
        <v>1978</v>
      </c>
      <c r="E503" t="s">
        <v>128</v>
      </c>
      <c r="F503">
        <v>32</v>
      </c>
      <c r="G503">
        <v>112.65625</v>
      </c>
      <c r="H503">
        <v>93.5</v>
      </c>
      <c r="I503">
        <v>5999.9755859375</v>
      </c>
      <c r="J503">
        <v>77.459509331892235</v>
      </c>
      <c r="K503">
        <v>0.40413183839781158</v>
      </c>
      <c r="L503">
        <v>-1.0474221985319649</v>
      </c>
      <c r="M503">
        <v>4.9375</v>
      </c>
      <c r="N503">
        <v>2</v>
      </c>
      <c r="O503">
        <v>1</v>
      </c>
      <c r="P503">
        <v>1</v>
      </c>
      <c r="Q503">
        <v>0.1766846959694085</v>
      </c>
      <c r="R503">
        <v>3.422414204014729</v>
      </c>
      <c r="S503">
        <v>1</v>
      </c>
      <c r="T503">
        <v>1</v>
      </c>
      <c r="U503">
        <v>0</v>
      </c>
      <c r="V503">
        <v>0</v>
      </c>
      <c r="W503">
        <v>3.4339872044851458</v>
      </c>
      <c r="X503">
        <v>1</v>
      </c>
      <c r="Y503">
        <v>1</v>
      </c>
      <c r="Z503">
        <v>0</v>
      </c>
      <c r="AA503">
        <v>0</v>
      </c>
      <c r="AB503">
        <v>3.401197381662155</v>
      </c>
      <c r="AC503">
        <v>1</v>
      </c>
      <c r="AD503">
        <v>1</v>
      </c>
      <c r="AE503">
        <v>0</v>
      </c>
      <c r="AF503">
        <v>0</v>
      </c>
      <c r="AG503">
        <v>3.3672958299864728</v>
      </c>
      <c r="AH503">
        <v>0.14139986226343701</v>
      </c>
      <c r="AI503">
        <v>-0.18480422893973361</v>
      </c>
      <c r="AJ503">
        <v>-0.1058319583413018</v>
      </c>
      <c r="AK503">
        <v>-9.2325214946349876E-2</v>
      </c>
      <c r="AL503">
        <v>493.71609041681961</v>
      </c>
      <c r="AM503">
        <v>595.28935994483459</v>
      </c>
      <c r="AN503">
        <v>3605</v>
      </c>
      <c r="AO503">
        <v>73.826843781706188</v>
      </c>
      <c r="AP503">
        <v>393.52898746430702</v>
      </c>
      <c r="AQ503">
        <v>1.65625</v>
      </c>
      <c r="AR503">
        <v>4.09375</v>
      </c>
      <c r="AS503">
        <v>32</v>
      </c>
      <c r="AT503">
        <v>0.93749999999999978</v>
      </c>
      <c r="AU503">
        <v>0.17034313725490199</v>
      </c>
      <c r="AV503">
        <v>0.14251202758653581</v>
      </c>
      <c r="AW503">
        <v>0.4375</v>
      </c>
      <c r="AX503">
        <v>83.870967741935488</v>
      </c>
      <c r="AY503">
        <v>66</v>
      </c>
      <c r="AZ503">
        <v>122</v>
      </c>
      <c r="BA503">
        <v>0.6875740079391266</v>
      </c>
      <c r="BB503">
        <v>0.4375</v>
      </c>
      <c r="BC503">
        <v>3.2551105127277409</v>
      </c>
      <c r="BD503" t="s">
        <v>1979</v>
      </c>
      <c r="BE503" t="s">
        <v>62</v>
      </c>
    </row>
    <row r="504" spans="1:57" x14ac:dyDescent="0.3">
      <c r="A504" t="s">
        <v>1980</v>
      </c>
      <c r="B504">
        <v>1385</v>
      </c>
      <c r="C504" t="s">
        <v>1981</v>
      </c>
      <c r="D504" t="s">
        <v>1982</v>
      </c>
      <c r="E504" t="s">
        <v>85</v>
      </c>
      <c r="F504">
        <v>8</v>
      </c>
      <c r="G504">
        <v>86</v>
      </c>
      <c r="H504">
        <v>78.5</v>
      </c>
      <c r="I504">
        <v>4871</v>
      </c>
      <c r="J504">
        <v>69.792549745656956</v>
      </c>
      <c r="K504">
        <v>1.101918726168766</v>
      </c>
      <c r="L504">
        <v>0.48716898021932398</v>
      </c>
      <c r="M504">
        <v>3</v>
      </c>
      <c r="N504">
        <v>1</v>
      </c>
      <c r="O504">
        <v>1</v>
      </c>
      <c r="P504">
        <v>0</v>
      </c>
      <c r="Q504">
        <v>0</v>
      </c>
      <c r="R504">
        <v>2.0794415416798362</v>
      </c>
      <c r="S504">
        <v>1</v>
      </c>
      <c r="T504">
        <v>1</v>
      </c>
      <c r="U504">
        <v>0</v>
      </c>
      <c r="V504">
        <v>0</v>
      </c>
      <c r="W504">
        <v>1.945910149055313</v>
      </c>
      <c r="X504">
        <v>1</v>
      </c>
      <c r="Y504">
        <v>1</v>
      </c>
      <c r="Z504">
        <v>0</v>
      </c>
      <c r="AA504">
        <v>0</v>
      </c>
      <c r="AB504">
        <v>1.791759469228055</v>
      </c>
      <c r="AC504">
        <v>1</v>
      </c>
      <c r="AD504">
        <v>1</v>
      </c>
      <c r="AE504">
        <v>0</v>
      </c>
      <c r="AF504">
        <v>0</v>
      </c>
      <c r="AG504">
        <v>1.6094379124341009</v>
      </c>
      <c r="AH504">
        <v>8.4633545473208782E-2</v>
      </c>
      <c r="AI504">
        <v>-0.42563128721001853</v>
      </c>
      <c r="AJ504">
        <v>5.0297680147813592E-2</v>
      </c>
      <c r="AK504">
        <v>0</v>
      </c>
      <c r="AL504">
        <v>261.85183781602831</v>
      </c>
      <c r="AM504">
        <v>171.95817814913141</v>
      </c>
      <c r="AN504">
        <v>688</v>
      </c>
      <c r="AO504">
        <v>119.5447739776908</v>
      </c>
      <c r="AP504">
        <v>236.91569600729881</v>
      </c>
      <c r="AQ504">
        <v>3.5</v>
      </c>
      <c r="AR504">
        <v>3</v>
      </c>
      <c r="AS504">
        <v>8</v>
      </c>
      <c r="AT504">
        <v>0</v>
      </c>
      <c r="AU504">
        <v>0.39049586776859502</v>
      </c>
      <c r="AV504">
        <v>9.005714998121192E-2</v>
      </c>
      <c r="AW504">
        <v>0.625</v>
      </c>
      <c r="AX504">
        <v>74.428571428571431</v>
      </c>
      <c r="AY504">
        <v>43.5</v>
      </c>
      <c r="AZ504">
        <v>62.5</v>
      </c>
      <c r="BA504">
        <v>0.81154127611229021</v>
      </c>
      <c r="BB504">
        <v>0.5</v>
      </c>
      <c r="BC504">
        <v>1.945910149055313</v>
      </c>
      <c r="BD504" t="s">
        <v>1981</v>
      </c>
      <c r="BE504" t="s">
        <v>68</v>
      </c>
    </row>
    <row r="505" spans="1:57" x14ac:dyDescent="0.3">
      <c r="A505" t="s">
        <v>1983</v>
      </c>
      <c r="B505">
        <v>699</v>
      </c>
      <c r="C505" t="s">
        <v>1984</v>
      </c>
      <c r="D505" t="s">
        <v>1985</v>
      </c>
      <c r="E505" t="s">
        <v>66</v>
      </c>
      <c r="F505">
        <v>71</v>
      </c>
      <c r="G505">
        <v>126.5211267605634</v>
      </c>
      <c r="H505">
        <v>132</v>
      </c>
      <c r="I505">
        <v>6236.6439198571707</v>
      </c>
      <c r="J505">
        <v>78.972425059999082</v>
      </c>
      <c r="K505">
        <v>-7.9030987551316004E-2</v>
      </c>
      <c r="L505">
        <v>-1.23541408762328</v>
      </c>
      <c r="M505">
        <v>5.7835499364060876</v>
      </c>
      <c r="N505">
        <v>4</v>
      </c>
      <c r="O505">
        <v>1</v>
      </c>
      <c r="P505">
        <v>3</v>
      </c>
      <c r="Q505">
        <v>0.51353414940824127</v>
      </c>
      <c r="R505">
        <v>4.0088513320475334</v>
      </c>
      <c r="S505">
        <v>1</v>
      </c>
      <c r="T505">
        <v>1</v>
      </c>
      <c r="U505">
        <v>0</v>
      </c>
      <c r="V505">
        <v>0</v>
      </c>
      <c r="W505">
        <v>4.2484952420493576</v>
      </c>
      <c r="X505">
        <v>1</v>
      </c>
      <c r="Y505">
        <v>1</v>
      </c>
      <c r="Z505">
        <v>0</v>
      </c>
      <c r="AA505">
        <v>0</v>
      </c>
      <c r="AB505">
        <v>4.2341065045972579</v>
      </c>
      <c r="AC505">
        <v>1</v>
      </c>
      <c r="AD505">
        <v>1</v>
      </c>
      <c r="AE505">
        <v>0</v>
      </c>
      <c r="AF505">
        <v>0</v>
      </c>
      <c r="AG505">
        <v>4.2195077051761087</v>
      </c>
      <c r="AH505">
        <v>0.13483597555634569</v>
      </c>
      <c r="AI505">
        <v>-0.12551430877242811</v>
      </c>
      <c r="AJ505">
        <v>-9.5120131932345031E-2</v>
      </c>
      <c r="AK505">
        <v>1.4012032063268299E-2</v>
      </c>
      <c r="AL505">
        <v>713.4711474187726</v>
      </c>
      <c r="AM505">
        <v>1034.553005795711</v>
      </c>
      <c r="AN505">
        <v>8983</v>
      </c>
      <c r="AO505">
        <v>72.126203329929652</v>
      </c>
      <c r="AP505">
        <v>555.8502585693218</v>
      </c>
      <c r="AQ505">
        <v>1.323943661971831</v>
      </c>
      <c r="AR505">
        <v>3.859154929577465</v>
      </c>
      <c r="AS505">
        <v>71</v>
      </c>
      <c r="AT505">
        <v>12.92957746478873</v>
      </c>
      <c r="AU505">
        <v>8.6780525673727404E-2</v>
      </c>
      <c r="AV505">
        <v>0.1361130911957357</v>
      </c>
      <c r="AW505">
        <v>0.323943661971831</v>
      </c>
      <c r="AX505">
        <v>82.228571428571428</v>
      </c>
      <c r="AY505">
        <v>65</v>
      </c>
      <c r="AZ505">
        <v>126.5</v>
      </c>
      <c r="BA505">
        <v>0.624183700240447</v>
      </c>
      <c r="BB505">
        <v>0.53521126760563376</v>
      </c>
      <c r="BC505">
        <v>4.0478324751726076</v>
      </c>
      <c r="BD505" t="s">
        <v>1986</v>
      </c>
      <c r="BE505" t="s">
        <v>68</v>
      </c>
    </row>
    <row r="506" spans="1:57" x14ac:dyDescent="0.3">
      <c r="A506" t="s">
        <v>1987</v>
      </c>
      <c r="B506">
        <v>1119</v>
      </c>
      <c r="C506" t="s">
        <v>1988</v>
      </c>
      <c r="D506" t="s">
        <v>1989</v>
      </c>
      <c r="E506" t="s">
        <v>106</v>
      </c>
      <c r="F506">
        <v>1141</v>
      </c>
      <c r="G506">
        <v>128.95968448729181</v>
      </c>
      <c r="H506">
        <v>129</v>
      </c>
      <c r="I506">
        <v>5689.6548163772259</v>
      </c>
      <c r="J506">
        <v>75.429800585559192</v>
      </c>
      <c r="K506">
        <v>-3.7126419960604529E-3</v>
      </c>
      <c r="L506">
        <v>-1.2524300417307721</v>
      </c>
      <c r="M506">
        <v>7.7962985613954157</v>
      </c>
      <c r="N506">
        <v>12</v>
      </c>
      <c r="O506">
        <v>1</v>
      </c>
      <c r="P506">
        <v>11</v>
      </c>
      <c r="Q506">
        <v>2.1994413520787379</v>
      </c>
      <c r="R506">
        <v>5.4039823666347946</v>
      </c>
      <c r="S506">
        <v>2</v>
      </c>
      <c r="T506">
        <v>1</v>
      </c>
      <c r="U506">
        <v>1</v>
      </c>
      <c r="V506">
        <v>9.3654913666003217E-2</v>
      </c>
      <c r="W506">
        <v>7.0266230645366106</v>
      </c>
      <c r="X506">
        <v>1</v>
      </c>
      <c r="Y506">
        <v>1</v>
      </c>
      <c r="Z506">
        <v>0</v>
      </c>
      <c r="AA506">
        <v>0</v>
      </c>
      <c r="AB506">
        <v>7.0379059634471819</v>
      </c>
      <c r="AC506">
        <v>1</v>
      </c>
      <c r="AD506">
        <v>1</v>
      </c>
      <c r="AE506">
        <v>0</v>
      </c>
      <c r="AF506">
        <v>0</v>
      </c>
      <c r="AG506">
        <v>7.0370276146862754</v>
      </c>
      <c r="AH506">
        <v>-2.9701669693781949E-2</v>
      </c>
      <c r="AI506">
        <v>3.7109289052515107E-2</v>
      </c>
      <c r="AJ506">
        <v>-3.654344369333129E-2</v>
      </c>
      <c r="AK506">
        <v>-5.1092501484248001E-2</v>
      </c>
      <c r="AL506">
        <v>2389.0547339214409</v>
      </c>
      <c r="AM506">
        <v>4445.202861324502</v>
      </c>
      <c r="AN506">
        <v>147143</v>
      </c>
      <c r="AO506">
        <v>97.478402113413566</v>
      </c>
      <c r="AP506">
        <v>2094.117119415022</v>
      </c>
      <c r="AQ506">
        <v>1.0201577563540749</v>
      </c>
      <c r="AR506">
        <v>3.98159509202454</v>
      </c>
      <c r="AS506">
        <v>1133</v>
      </c>
      <c r="AT506">
        <v>267.10780017528492</v>
      </c>
      <c r="AU506">
        <v>2.4498633809352022E-2</v>
      </c>
      <c r="AV506">
        <v>-2.9720164022736761E-2</v>
      </c>
      <c r="AW506">
        <v>0.36021034180543382</v>
      </c>
      <c r="AX506">
        <v>89.127192982456137</v>
      </c>
      <c r="AY506">
        <v>67</v>
      </c>
      <c r="AZ506">
        <v>135</v>
      </c>
      <c r="BA506">
        <v>0.58490993433682237</v>
      </c>
      <c r="BB506">
        <v>0.50306748466257667</v>
      </c>
      <c r="BC506">
        <v>5.2764820610341676</v>
      </c>
      <c r="BD506" t="s">
        <v>1990</v>
      </c>
      <c r="BE506" t="s">
        <v>68</v>
      </c>
    </row>
    <row r="507" spans="1:57" x14ac:dyDescent="0.3">
      <c r="A507" t="s">
        <v>1991</v>
      </c>
      <c r="B507">
        <v>3980</v>
      </c>
      <c r="C507" t="s">
        <v>1992</v>
      </c>
      <c r="D507" t="s">
        <v>1993</v>
      </c>
      <c r="E507" t="s">
        <v>106</v>
      </c>
      <c r="F507">
        <v>4050</v>
      </c>
      <c r="G507">
        <v>126.40666666666669</v>
      </c>
      <c r="H507">
        <v>126</v>
      </c>
      <c r="I507">
        <v>5623.264498765433</v>
      </c>
      <c r="J507">
        <v>74.988429099197916</v>
      </c>
      <c r="K507">
        <v>1.7910504562023619E-2</v>
      </c>
      <c r="L507">
        <v>-1.2322615948889291</v>
      </c>
      <c r="M507">
        <v>7.9611418863363639</v>
      </c>
      <c r="N507">
        <v>28</v>
      </c>
      <c r="O507">
        <v>7</v>
      </c>
      <c r="P507">
        <v>21</v>
      </c>
      <c r="Q507">
        <v>3.6463457601198148</v>
      </c>
      <c r="R507">
        <v>5.5182430525517487</v>
      </c>
      <c r="S507">
        <v>3</v>
      </c>
      <c r="T507">
        <v>1</v>
      </c>
      <c r="U507">
        <v>2</v>
      </c>
      <c r="V507">
        <v>0.17719664046577199</v>
      </c>
      <c r="W507">
        <v>8.2649651464968876</v>
      </c>
      <c r="X507">
        <v>1</v>
      </c>
      <c r="Y507">
        <v>1</v>
      </c>
      <c r="Z507">
        <v>0</v>
      </c>
      <c r="AA507">
        <v>0</v>
      </c>
      <c r="AB507">
        <v>8.3059782109672984</v>
      </c>
      <c r="AC507">
        <v>1</v>
      </c>
      <c r="AD507">
        <v>1</v>
      </c>
      <c r="AE507">
        <v>0</v>
      </c>
      <c r="AF507">
        <v>0</v>
      </c>
      <c r="AG507">
        <v>8.3057311448758657</v>
      </c>
      <c r="AH507">
        <v>1.171955982060824E-2</v>
      </c>
      <c r="AI507">
        <v>-3.1140358889607631E-5</v>
      </c>
      <c r="AJ507">
        <v>-1.9696975623837491E-2</v>
      </c>
      <c r="AK507">
        <v>1.3671281952865631E-2</v>
      </c>
      <c r="AL507">
        <v>4340.2460315650578</v>
      </c>
      <c r="AM507">
        <v>8285.5295175072406</v>
      </c>
      <c r="AN507">
        <v>511947</v>
      </c>
      <c r="AO507">
        <v>112.20080625119471</v>
      </c>
      <c r="AP507">
        <v>3980.3179660049341</v>
      </c>
      <c r="AQ507">
        <v>1.0056790123456789</v>
      </c>
      <c r="AR507">
        <v>3.974814814814815</v>
      </c>
      <c r="AS507">
        <v>4034</v>
      </c>
      <c r="AT507">
        <v>215.1496296296296</v>
      </c>
      <c r="AU507">
        <v>1.8707334785766139E-2</v>
      </c>
      <c r="AV507">
        <v>1.1722736561392409E-2</v>
      </c>
      <c r="AW507">
        <v>0.36469135802469138</v>
      </c>
      <c r="AX507">
        <v>85.974561620153125</v>
      </c>
      <c r="AY507">
        <v>66</v>
      </c>
      <c r="AZ507">
        <v>133</v>
      </c>
      <c r="BA507">
        <v>0.59323159985653118</v>
      </c>
      <c r="BB507">
        <v>0.49950617283950621</v>
      </c>
      <c r="BC507">
        <v>5.3284999966992519</v>
      </c>
      <c r="BD507" t="s">
        <v>1994</v>
      </c>
      <c r="BE507" t="s">
        <v>68</v>
      </c>
    </row>
    <row r="508" spans="1:57" x14ac:dyDescent="0.3">
      <c r="A508" t="s">
        <v>1995</v>
      </c>
      <c r="B508">
        <v>2421</v>
      </c>
      <c r="C508" t="s">
        <v>1996</v>
      </c>
      <c r="D508" t="s">
        <v>1997</v>
      </c>
      <c r="E508" t="s">
        <v>128</v>
      </c>
      <c r="F508">
        <v>32</v>
      </c>
      <c r="G508">
        <v>123</v>
      </c>
      <c r="H508">
        <v>108.5</v>
      </c>
      <c r="I508">
        <v>5805.5625</v>
      </c>
      <c r="J508">
        <v>76.194241908427699</v>
      </c>
      <c r="K508">
        <v>0.1018657869043926</v>
      </c>
      <c r="L508">
        <v>-1.283122201250825</v>
      </c>
      <c r="M508">
        <v>4.8125</v>
      </c>
      <c r="N508">
        <v>2</v>
      </c>
      <c r="O508">
        <v>1</v>
      </c>
      <c r="P508">
        <v>1</v>
      </c>
      <c r="Q508">
        <v>0.30454347814923599</v>
      </c>
      <c r="R508">
        <v>3.335770806444736</v>
      </c>
      <c r="S508">
        <v>1</v>
      </c>
      <c r="T508">
        <v>1</v>
      </c>
      <c r="U508">
        <v>0</v>
      </c>
      <c r="V508">
        <v>0</v>
      </c>
      <c r="W508">
        <v>3.4339872044851458</v>
      </c>
      <c r="X508">
        <v>1</v>
      </c>
      <c r="Y508">
        <v>1</v>
      </c>
      <c r="Z508">
        <v>0</v>
      </c>
      <c r="AA508">
        <v>0</v>
      </c>
      <c r="AB508">
        <v>3.401197381662155</v>
      </c>
      <c r="AC508">
        <v>1</v>
      </c>
      <c r="AD508">
        <v>1</v>
      </c>
      <c r="AE508">
        <v>0</v>
      </c>
      <c r="AF508">
        <v>0</v>
      </c>
      <c r="AG508">
        <v>3.3672958299864728</v>
      </c>
      <c r="AH508">
        <v>2.141803658129595E-2</v>
      </c>
      <c r="AI508">
        <v>-0.1094801322007988</v>
      </c>
      <c r="AJ508">
        <v>-3.7765505065185327E-2</v>
      </c>
      <c r="AK508">
        <v>4.9419199259331033E-2</v>
      </c>
      <c r="AL508">
        <v>493.14521562156568</v>
      </c>
      <c r="AM508">
        <v>653.23333986375758</v>
      </c>
      <c r="AN508">
        <v>3936</v>
      </c>
      <c r="AO508">
        <v>106.0068492079081</v>
      </c>
      <c r="AP508">
        <v>322.8272974827097</v>
      </c>
      <c r="AQ508">
        <v>1.65625</v>
      </c>
      <c r="AR508">
        <v>4</v>
      </c>
      <c r="AS508">
        <v>32</v>
      </c>
      <c r="AT508">
        <v>2.4375</v>
      </c>
      <c r="AU508">
        <v>0.1081349206349206</v>
      </c>
      <c r="AV508">
        <v>2.169197480152955E-2</v>
      </c>
      <c r="AW508">
        <v>0.34375</v>
      </c>
      <c r="AX508">
        <v>88.322580645161295</v>
      </c>
      <c r="AY508">
        <v>66.5</v>
      </c>
      <c r="AZ508">
        <v>119.25</v>
      </c>
      <c r="BA508">
        <v>0.61946538136933094</v>
      </c>
      <c r="BB508">
        <v>0.46875</v>
      </c>
      <c r="BC508">
        <v>3.2998296856670919</v>
      </c>
      <c r="BD508" t="s">
        <v>1998</v>
      </c>
      <c r="BE508" t="s">
        <v>62</v>
      </c>
    </row>
    <row r="509" spans="1:57" x14ac:dyDescent="0.3">
      <c r="A509" t="s">
        <v>1999</v>
      </c>
      <c r="B509">
        <v>1736</v>
      </c>
      <c r="C509" t="s">
        <v>2000</v>
      </c>
      <c r="D509" t="s">
        <v>2001</v>
      </c>
      <c r="E509" t="s">
        <v>106</v>
      </c>
      <c r="F509">
        <v>1764</v>
      </c>
      <c r="G509">
        <v>131.03854875283449</v>
      </c>
      <c r="H509">
        <v>132</v>
      </c>
      <c r="I509">
        <v>5367.9860423383261</v>
      </c>
      <c r="J509">
        <v>73.266541083487255</v>
      </c>
      <c r="K509">
        <v>-6.785733744011449E-2</v>
      </c>
      <c r="L509">
        <v>-1.214072090333272</v>
      </c>
      <c r="M509">
        <v>7.8784645117761327</v>
      </c>
      <c r="N509">
        <v>16</v>
      </c>
      <c r="O509">
        <v>1</v>
      </c>
      <c r="P509">
        <v>15</v>
      </c>
      <c r="Q509">
        <v>2.6629776910256622</v>
      </c>
      <c r="R509">
        <v>5.4609354634792204</v>
      </c>
      <c r="S509">
        <v>2</v>
      </c>
      <c r="T509">
        <v>1</v>
      </c>
      <c r="U509">
        <v>1</v>
      </c>
      <c r="V509">
        <v>9.5261106183009592E-2</v>
      </c>
      <c r="W509">
        <v>7.4621909516673428</v>
      </c>
      <c r="X509">
        <v>1</v>
      </c>
      <c r="Y509">
        <v>1</v>
      </c>
      <c r="Z509">
        <v>0</v>
      </c>
      <c r="AA509">
        <v>0</v>
      </c>
      <c r="AB509">
        <v>7.4742048064961253</v>
      </c>
      <c r="AC509">
        <v>1</v>
      </c>
      <c r="AD509">
        <v>1</v>
      </c>
      <c r="AE509">
        <v>0</v>
      </c>
      <c r="AF509">
        <v>0</v>
      </c>
      <c r="AG509">
        <v>7.4736371084962041</v>
      </c>
      <c r="AH509">
        <v>-5.6638723695252554E-3</v>
      </c>
      <c r="AI509">
        <v>2.7166654484580999E-2</v>
      </c>
      <c r="AJ509">
        <v>2.8797458433984228E-2</v>
      </c>
      <c r="AK509">
        <v>-1.507989179045563E-2</v>
      </c>
      <c r="AL509">
        <v>2853.0758407571129</v>
      </c>
      <c r="AM509">
        <v>5623.0692905999394</v>
      </c>
      <c r="AN509">
        <v>231152</v>
      </c>
      <c r="AO509">
        <v>45.586605560515579</v>
      </c>
      <c r="AP509">
        <v>2562.7463193716212</v>
      </c>
      <c r="AQ509">
        <v>1.0130385487528339</v>
      </c>
      <c r="AR509">
        <v>4.0742630385487528</v>
      </c>
      <c r="AS509">
        <v>1756</v>
      </c>
      <c r="AT509">
        <v>259.36054421768711</v>
      </c>
      <c r="AU509">
        <v>3.1552621048419383E-2</v>
      </c>
      <c r="AV509">
        <v>-5.6662018401508049E-3</v>
      </c>
      <c r="AW509">
        <v>0.35657596371882089</v>
      </c>
      <c r="AX509">
        <v>85.347702779353369</v>
      </c>
      <c r="AY509">
        <v>64</v>
      </c>
      <c r="AZ509">
        <v>127</v>
      </c>
      <c r="BA509">
        <v>0.5591220429469419</v>
      </c>
      <c r="BB509">
        <v>0.50113378684807253</v>
      </c>
      <c r="BC509">
        <v>5.2768270372712012</v>
      </c>
      <c r="BD509" t="s">
        <v>2002</v>
      </c>
      <c r="BE509" t="s">
        <v>68</v>
      </c>
    </row>
    <row r="510" spans="1:57" x14ac:dyDescent="0.3">
      <c r="A510" t="s">
        <v>2003</v>
      </c>
      <c r="B510">
        <v>1710</v>
      </c>
      <c r="C510" t="s">
        <v>2004</v>
      </c>
      <c r="D510" t="s">
        <v>2005</v>
      </c>
      <c r="E510" t="s">
        <v>128</v>
      </c>
      <c r="F510">
        <v>32</v>
      </c>
      <c r="G510">
        <v>114.9375</v>
      </c>
      <c r="H510">
        <v>110</v>
      </c>
      <c r="I510">
        <v>5040.62109375</v>
      </c>
      <c r="J510">
        <v>70.997331595983241</v>
      </c>
      <c r="K510">
        <v>8.4690668074451816E-2</v>
      </c>
      <c r="L510">
        <v>-1.1894405616434749</v>
      </c>
      <c r="M510">
        <v>4.875</v>
      </c>
      <c r="N510">
        <v>2</v>
      </c>
      <c r="O510">
        <v>1</v>
      </c>
      <c r="P510">
        <v>1</v>
      </c>
      <c r="Q510">
        <v>0.24944382578492941</v>
      </c>
      <c r="R510">
        <v>3.3790925052297318</v>
      </c>
      <c r="S510">
        <v>1</v>
      </c>
      <c r="T510">
        <v>1</v>
      </c>
      <c r="U510">
        <v>0</v>
      </c>
      <c r="V510">
        <v>0</v>
      </c>
      <c r="W510">
        <v>3.4339872044851458</v>
      </c>
      <c r="X510">
        <v>1</v>
      </c>
      <c r="Y510">
        <v>1</v>
      </c>
      <c r="Z510">
        <v>0</v>
      </c>
      <c r="AA510">
        <v>0</v>
      </c>
      <c r="AB510">
        <v>3.401197381662155</v>
      </c>
      <c r="AC510">
        <v>1</v>
      </c>
      <c r="AD510">
        <v>1</v>
      </c>
      <c r="AE510">
        <v>0</v>
      </c>
      <c r="AF510">
        <v>0</v>
      </c>
      <c r="AG510">
        <v>3.3672958299864728</v>
      </c>
      <c r="AH510">
        <v>0.118197913009852</v>
      </c>
      <c r="AI510">
        <v>0.1085520350682231</v>
      </c>
      <c r="AJ510">
        <v>1.6675728786212641E-2</v>
      </c>
      <c r="AK510">
        <v>0.16118749898287271</v>
      </c>
      <c r="AL510">
        <v>456.95275499898821</v>
      </c>
      <c r="AM510">
        <v>612.56361277734629</v>
      </c>
      <c r="AN510">
        <v>3678</v>
      </c>
      <c r="AO510">
        <v>44.920125108021082</v>
      </c>
      <c r="AP510">
        <v>387.08708771603159</v>
      </c>
      <c r="AQ510">
        <v>1.65625</v>
      </c>
      <c r="AR510">
        <v>4.1875</v>
      </c>
      <c r="AS510">
        <v>32</v>
      </c>
      <c r="AT510">
        <v>1.75</v>
      </c>
      <c r="AU510">
        <v>0.1337009803921568</v>
      </c>
      <c r="AV510">
        <v>0.12487642290629811</v>
      </c>
      <c r="AW510">
        <v>0.375</v>
      </c>
      <c r="AX510">
        <v>77.645161290322577</v>
      </c>
      <c r="AY510">
        <v>69.5</v>
      </c>
      <c r="AZ510">
        <v>129.25</v>
      </c>
      <c r="BA510">
        <v>0.61770380942671665</v>
      </c>
      <c r="BB510">
        <v>0.46875</v>
      </c>
      <c r="BC510">
        <v>3.3445488586064429</v>
      </c>
      <c r="BD510" t="s">
        <v>2006</v>
      </c>
      <c r="BE510" t="s">
        <v>62</v>
      </c>
    </row>
    <row r="511" spans="1:57" x14ac:dyDescent="0.3">
      <c r="A511" t="s">
        <v>2007</v>
      </c>
      <c r="B511">
        <v>2935</v>
      </c>
      <c r="C511" t="s">
        <v>2008</v>
      </c>
      <c r="D511" t="s">
        <v>2009</v>
      </c>
      <c r="E511" t="s">
        <v>128</v>
      </c>
      <c r="F511">
        <v>32</v>
      </c>
      <c r="G511">
        <v>122.34375</v>
      </c>
      <c r="H511">
        <v>112</v>
      </c>
      <c r="I511">
        <v>4647.6630859375</v>
      </c>
      <c r="J511">
        <v>68.173771246260827</v>
      </c>
      <c r="K511">
        <v>0.1607982290906122</v>
      </c>
      <c r="L511">
        <v>-1.169834485648495</v>
      </c>
      <c r="M511">
        <v>4.875</v>
      </c>
      <c r="N511">
        <v>2</v>
      </c>
      <c r="O511">
        <v>1</v>
      </c>
      <c r="P511">
        <v>1</v>
      </c>
      <c r="Q511">
        <v>0.24944382578492941</v>
      </c>
      <c r="R511">
        <v>3.3790925052297331</v>
      </c>
      <c r="S511">
        <v>1</v>
      </c>
      <c r="T511">
        <v>1</v>
      </c>
      <c r="U511">
        <v>0</v>
      </c>
      <c r="V511">
        <v>0</v>
      </c>
      <c r="W511">
        <v>3.4339872044851458</v>
      </c>
      <c r="X511">
        <v>1</v>
      </c>
      <c r="Y511">
        <v>1</v>
      </c>
      <c r="Z511">
        <v>0</v>
      </c>
      <c r="AA511">
        <v>0</v>
      </c>
      <c r="AB511">
        <v>3.401197381662155</v>
      </c>
      <c r="AC511">
        <v>1</v>
      </c>
      <c r="AD511">
        <v>1</v>
      </c>
      <c r="AE511">
        <v>0</v>
      </c>
      <c r="AF511">
        <v>0</v>
      </c>
      <c r="AG511">
        <v>3.3672958299864728</v>
      </c>
      <c r="AH511">
        <v>0.31700537899486197</v>
      </c>
      <c r="AI511">
        <v>2.034402737682979E-2</v>
      </c>
      <c r="AJ511">
        <v>-0.44523003648506992</v>
      </c>
      <c r="AK511">
        <v>8.8672795173649732E-2</v>
      </c>
      <c r="AL511">
        <v>446.10990682823109</v>
      </c>
      <c r="AM511">
        <v>654.74189649793072</v>
      </c>
      <c r="AN511">
        <v>3915</v>
      </c>
      <c r="AO511">
        <v>76.731760664883225</v>
      </c>
      <c r="AP511">
        <v>290.52023014065799</v>
      </c>
      <c r="AQ511">
        <v>1.65625</v>
      </c>
      <c r="AR511">
        <v>3.5</v>
      </c>
      <c r="AS511">
        <v>31</v>
      </c>
      <c r="AT511">
        <v>1.75</v>
      </c>
      <c r="AU511">
        <v>0.11515748031496061</v>
      </c>
      <c r="AV511">
        <v>0.32700816390783399</v>
      </c>
      <c r="AW511">
        <v>0.46875</v>
      </c>
      <c r="AX511">
        <v>62.935483870967737</v>
      </c>
      <c r="AY511">
        <v>58.5</v>
      </c>
      <c r="AZ511">
        <v>115</v>
      </c>
      <c r="BA511">
        <v>0.55723133585704887</v>
      </c>
      <c r="BB511">
        <v>0.46875</v>
      </c>
      <c r="BC511">
        <v>3.2382315403482389</v>
      </c>
      <c r="BD511" t="s">
        <v>2010</v>
      </c>
      <c r="BE511" t="s">
        <v>62</v>
      </c>
    </row>
    <row r="512" spans="1:57" x14ac:dyDescent="0.3">
      <c r="A512" t="s">
        <v>2011</v>
      </c>
      <c r="B512">
        <v>2549</v>
      </c>
      <c r="C512" t="s">
        <v>2012</v>
      </c>
      <c r="D512" t="s">
        <v>2013</v>
      </c>
      <c r="E512" t="s">
        <v>10622</v>
      </c>
      <c r="F512">
        <v>64</v>
      </c>
      <c r="G512">
        <v>121.53125</v>
      </c>
      <c r="H512">
        <v>122</v>
      </c>
      <c r="I512">
        <v>4777.5927734375</v>
      </c>
      <c r="J512">
        <v>69.120132909576355</v>
      </c>
      <c r="K512">
        <v>0.20440488922412869</v>
      </c>
      <c r="L512">
        <v>-1.0467510308091921</v>
      </c>
      <c r="M512">
        <v>5.875</v>
      </c>
      <c r="N512">
        <v>2</v>
      </c>
      <c r="O512">
        <v>1</v>
      </c>
      <c r="P512">
        <v>1</v>
      </c>
      <c r="Q512">
        <v>0.24944382578492941</v>
      </c>
      <c r="R512">
        <v>4.072239685789679</v>
      </c>
      <c r="S512">
        <v>1</v>
      </c>
      <c r="T512">
        <v>1</v>
      </c>
      <c r="U512">
        <v>0</v>
      </c>
      <c r="V512">
        <v>0</v>
      </c>
      <c r="W512">
        <v>4.1431347263915326</v>
      </c>
      <c r="X512">
        <v>1</v>
      </c>
      <c r="Y512">
        <v>1</v>
      </c>
      <c r="Z512">
        <v>0</v>
      </c>
      <c r="AA512">
        <v>0</v>
      </c>
      <c r="AB512">
        <v>4.1271343850450908</v>
      </c>
      <c r="AC512">
        <v>1</v>
      </c>
      <c r="AD512">
        <v>1</v>
      </c>
      <c r="AE512">
        <v>0</v>
      </c>
      <c r="AF512">
        <v>0</v>
      </c>
      <c r="AG512">
        <v>4.1108738641733096</v>
      </c>
      <c r="AH512">
        <v>5.0950121033143198E-2</v>
      </c>
      <c r="AI512">
        <v>-0.30793438429722081</v>
      </c>
      <c r="AJ512">
        <v>-0.1284474292785229</v>
      </c>
      <c r="AK512">
        <v>-0.1123922723263607</v>
      </c>
      <c r="AL512">
        <v>598.33971561065391</v>
      </c>
      <c r="AM512">
        <v>945.00030937717781</v>
      </c>
      <c r="AN512">
        <v>7778</v>
      </c>
      <c r="AO512">
        <v>78.638497357620807</v>
      </c>
      <c r="AP512">
        <v>415.19296937709282</v>
      </c>
      <c r="AQ512">
        <v>1.359375</v>
      </c>
      <c r="AR512">
        <v>4.015625</v>
      </c>
      <c r="AS512">
        <v>64</v>
      </c>
      <c r="AT512">
        <v>3.5000000000000009</v>
      </c>
      <c r="AU512">
        <v>0.1028225806451613</v>
      </c>
      <c r="AV512">
        <v>5.1369626881354442E-2</v>
      </c>
      <c r="AW512">
        <v>0.453125</v>
      </c>
      <c r="AX512">
        <v>77.412698412698418</v>
      </c>
      <c r="AY512">
        <v>51.5</v>
      </c>
      <c r="AZ512">
        <v>102.5</v>
      </c>
      <c r="BA512">
        <v>0.5687437009787718</v>
      </c>
      <c r="BB512">
        <v>0.5</v>
      </c>
      <c r="BC512">
        <v>3.9230880024042492</v>
      </c>
      <c r="BD512" t="s">
        <v>2014</v>
      </c>
      <c r="BE512" t="s">
        <v>62</v>
      </c>
    </row>
    <row r="513" spans="1:57" x14ac:dyDescent="0.3">
      <c r="A513" t="s">
        <v>2015</v>
      </c>
      <c r="B513">
        <v>3871</v>
      </c>
      <c r="C513" t="s">
        <v>2016</v>
      </c>
      <c r="D513" t="s">
        <v>2017</v>
      </c>
      <c r="E513" t="s">
        <v>106</v>
      </c>
      <c r="F513">
        <v>3903</v>
      </c>
      <c r="G513">
        <v>127.3943120676403</v>
      </c>
      <c r="H513">
        <v>125</v>
      </c>
      <c r="I513">
        <v>5448.808135723265</v>
      </c>
      <c r="J513">
        <v>73.816042536316345</v>
      </c>
      <c r="K513">
        <v>1.2197589477525E-2</v>
      </c>
      <c r="L513">
        <v>-1.1853863937167579</v>
      </c>
      <c r="M513">
        <v>7.9497086113718467</v>
      </c>
      <c r="N513">
        <v>26</v>
      </c>
      <c r="O513">
        <v>4</v>
      </c>
      <c r="P513">
        <v>22</v>
      </c>
      <c r="Q513">
        <v>3.9624685003430549</v>
      </c>
      <c r="R513">
        <v>5.5103181102455157</v>
      </c>
      <c r="S513">
        <v>2</v>
      </c>
      <c r="T513">
        <v>1</v>
      </c>
      <c r="U513">
        <v>1</v>
      </c>
      <c r="V513">
        <v>0.1693462810930835</v>
      </c>
      <c r="W513">
        <v>8.2294533965173926</v>
      </c>
      <c r="X513">
        <v>1</v>
      </c>
      <c r="Y513">
        <v>1</v>
      </c>
      <c r="Z513">
        <v>0</v>
      </c>
      <c r="AA513">
        <v>0</v>
      </c>
      <c r="AB513">
        <v>8.2689882095066558</v>
      </c>
      <c r="AC513">
        <v>1</v>
      </c>
      <c r="AD513">
        <v>1</v>
      </c>
      <c r="AE513">
        <v>0</v>
      </c>
      <c r="AF513">
        <v>0</v>
      </c>
      <c r="AG513">
        <v>8.2687318321177408</v>
      </c>
      <c r="AH513">
        <v>-1.292668254025175E-2</v>
      </c>
      <c r="AI513">
        <v>-1.396398321044086E-2</v>
      </c>
      <c r="AJ513">
        <v>6.0912515594511458E-3</v>
      </c>
      <c r="AK513">
        <v>8.7533018706251933E-3</v>
      </c>
      <c r="AL513">
        <v>4222.9280044635407</v>
      </c>
      <c r="AM513">
        <v>8171.69364753217</v>
      </c>
      <c r="AN513">
        <v>497220.00000000012</v>
      </c>
      <c r="AO513">
        <v>88.984770554998519</v>
      </c>
      <c r="AP513">
        <v>3871.2824285456868</v>
      </c>
      <c r="AQ513">
        <v>1.0058929028952091</v>
      </c>
      <c r="AR513">
        <v>4.0069177555726361</v>
      </c>
      <c r="AS513">
        <v>3884</v>
      </c>
      <c r="AT513">
        <v>263.64104534973097</v>
      </c>
      <c r="AU513">
        <v>1.2259046585582739E-2</v>
      </c>
      <c r="AV513">
        <v>-1.2928251705757E-2</v>
      </c>
      <c r="AW513">
        <v>0.3830386881885729</v>
      </c>
      <c r="AX513">
        <v>86.373141978472574</v>
      </c>
      <c r="AY513">
        <v>63</v>
      </c>
      <c r="AZ513">
        <v>126</v>
      </c>
      <c r="BA513">
        <v>0.57942965693102189</v>
      </c>
      <c r="BB513">
        <v>0.49064821931847302</v>
      </c>
      <c r="BC513">
        <v>5.3258660363820356</v>
      </c>
      <c r="BD513" t="s">
        <v>2018</v>
      </c>
      <c r="BE513" t="s">
        <v>68</v>
      </c>
    </row>
    <row r="514" spans="1:57" x14ac:dyDescent="0.3">
      <c r="A514" t="s">
        <v>2019</v>
      </c>
      <c r="B514">
        <v>691</v>
      </c>
      <c r="C514" t="s">
        <v>2020</v>
      </c>
      <c r="D514" t="s">
        <v>2021</v>
      </c>
      <c r="E514" t="s">
        <v>85</v>
      </c>
      <c r="F514">
        <v>8</v>
      </c>
      <c r="G514">
        <v>116.125</v>
      </c>
      <c r="H514">
        <v>104</v>
      </c>
      <c r="I514">
        <v>1426.359375</v>
      </c>
      <c r="J514">
        <v>37.767173246087673</v>
      </c>
      <c r="K514">
        <v>0.60656217155831282</v>
      </c>
      <c r="L514">
        <v>-1.203464675277109</v>
      </c>
      <c r="M514">
        <v>3</v>
      </c>
      <c r="N514">
        <v>1</v>
      </c>
      <c r="O514">
        <v>1</v>
      </c>
      <c r="P514">
        <v>0</v>
      </c>
      <c r="Q514">
        <v>0</v>
      </c>
      <c r="R514">
        <v>2.0794415416798362</v>
      </c>
      <c r="S514">
        <v>1</v>
      </c>
      <c r="T514">
        <v>1</v>
      </c>
      <c r="U514">
        <v>0</v>
      </c>
      <c r="V514">
        <v>0</v>
      </c>
      <c r="W514">
        <v>1.945910149055313</v>
      </c>
      <c r="X514">
        <v>1</v>
      </c>
      <c r="Y514">
        <v>1</v>
      </c>
      <c r="Z514">
        <v>0</v>
      </c>
      <c r="AA514">
        <v>0</v>
      </c>
      <c r="AB514">
        <v>1.791759469228055</v>
      </c>
      <c r="AC514">
        <v>1</v>
      </c>
      <c r="AD514">
        <v>1</v>
      </c>
      <c r="AE514">
        <v>0</v>
      </c>
      <c r="AF514">
        <v>0</v>
      </c>
      <c r="AG514">
        <v>1.6094379124341009</v>
      </c>
      <c r="AH514">
        <v>0.13203276479673989</v>
      </c>
      <c r="AI514">
        <v>-0.21645195920558241</v>
      </c>
      <c r="AJ514">
        <v>-0.1014999397504573</v>
      </c>
      <c r="AK514">
        <v>0</v>
      </c>
      <c r="AL514">
        <v>199.52512147802179</v>
      </c>
      <c r="AM514">
        <v>281.92326243001048</v>
      </c>
      <c r="AN514">
        <v>929</v>
      </c>
      <c r="AO514">
        <v>5.3851648071345037</v>
      </c>
      <c r="AP514">
        <v>116.8763638424212</v>
      </c>
      <c r="AQ514">
        <v>3.5</v>
      </c>
      <c r="AR514">
        <v>4.375</v>
      </c>
      <c r="AS514">
        <v>8</v>
      </c>
      <c r="AT514">
        <v>0</v>
      </c>
      <c r="AU514">
        <v>0.46590909090909088</v>
      </c>
      <c r="AV514">
        <v>0.16319272558143799</v>
      </c>
      <c r="AW514">
        <v>0.625</v>
      </c>
      <c r="AX514">
        <v>38.571428571428569</v>
      </c>
      <c r="AY514">
        <v>23</v>
      </c>
      <c r="AZ514">
        <v>54</v>
      </c>
      <c r="BA514">
        <v>0.3252286178349853</v>
      </c>
      <c r="BB514">
        <v>0.5</v>
      </c>
      <c r="BC514">
        <v>1.945910149055313</v>
      </c>
      <c r="BD514" t="s">
        <v>2020</v>
      </c>
      <c r="BE514" t="s">
        <v>68</v>
      </c>
    </row>
    <row r="515" spans="1:57" x14ac:dyDescent="0.3">
      <c r="A515" t="s">
        <v>2022</v>
      </c>
      <c r="B515">
        <v>2774</v>
      </c>
      <c r="C515" t="s">
        <v>2023</v>
      </c>
      <c r="D515" t="s">
        <v>2024</v>
      </c>
      <c r="E515" t="s">
        <v>98</v>
      </c>
      <c r="F515">
        <v>16</v>
      </c>
      <c r="G515">
        <v>140.25</v>
      </c>
      <c r="H515">
        <v>146</v>
      </c>
      <c r="I515">
        <v>2808.6875</v>
      </c>
      <c r="J515">
        <v>52.99705180479382</v>
      </c>
      <c r="K515">
        <v>1.141547952626429E-2</v>
      </c>
      <c r="L515">
        <v>-0.47052666001668619</v>
      </c>
      <c r="M515">
        <v>3.875</v>
      </c>
      <c r="N515">
        <v>2</v>
      </c>
      <c r="O515">
        <v>1</v>
      </c>
      <c r="P515">
        <v>1</v>
      </c>
      <c r="Q515">
        <v>0.24944382578492949</v>
      </c>
      <c r="R515">
        <v>2.6859453246697882</v>
      </c>
      <c r="S515">
        <v>1</v>
      </c>
      <c r="T515">
        <v>1</v>
      </c>
      <c r="U515">
        <v>0</v>
      </c>
      <c r="V515">
        <v>0</v>
      </c>
      <c r="W515">
        <v>2.7080502011022101</v>
      </c>
      <c r="X515">
        <v>1</v>
      </c>
      <c r="Y515">
        <v>1</v>
      </c>
      <c r="Z515">
        <v>0</v>
      </c>
      <c r="AA515">
        <v>0</v>
      </c>
      <c r="AB515">
        <v>2.639057329615258</v>
      </c>
      <c r="AC515">
        <v>1</v>
      </c>
      <c r="AD515">
        <v>1</v>
      </c>
      <c r="AE515">
        <v>0</v>
      </c>
      <c r="AF515">
        <v>0</v>
      </c>
      <c r="AG515">
        <v>2.5649493574615372</v>
      </c>
      <c r="AH515">
        <v>0.31064748881817578</v>
      </c>
      <c r="AI515">
        <v>-0.12172889917443649</v>
      </c>
      <c r="AJ515">
        <v>0.1283615011459979</v>
      </c>
      <c r="AK515">
        <v>4.8696566456752487E-2</v>
      </c>
      <c r="AL515">
        <v>322.78230122470387</v>
      </c>
      <c r="AM515">
        <v>505.44197096806721</v>
      </c>
      <c r="AN515">
        <v>2244</v>
      </c>
      <c r="AO515">
        <v>18</v>
      </c>
      <c r="AP515">
        <v>187.38729946290391</v>
      </c>
      <c r="AQ515">
        <v>2.3125</v>
      </c>
      <c r="AR515">
        <v>3.9375</v>
      </c>
      <c r="AS515">
        <v>16</v>
      </c>
      <c r="AT515">
        <v>0.87499999999999989</v>
      </c>
      <c r="AU515">
        <v>0.30549999999999999</v>
      </c>
      <c r="AV515">
        <v>0.31444117349191197</v>
      </c>
      <c r="AW515">
        <v>0.375</v>
      </c>
      <c r="AX515">
        <v>50.866666666666667</v>
      </c>
      <c r="AY515">
        <v>40.5</v>
      </c>
      <c r="AZ515">
        <v>72</v>
      </c>
      <c r="BA515">
        <v>0.37787559219104327</v>
      </c>
      <c r="BB515">
        <v>0.5</v>
      </c>
      <c r="BC515">
        <v>2.7080502011022101</v>
      </c>
      <c r="BD515" t="s">
        <v>2023</v>
      </c>
      <c r="BE515" t="s">
        <v>62</v>
      </c>
    </row>
    <row r="516" spans="1:57" x14ac:dyDescent="0.3">
      <c r="A516" t="s">
        <v>2025</v>
      </c>
      <c r="B516">
        <v>1638</v>
      </c>
      <c r="C516" t="s">
        <v>2026</v>
      </c>
      <c r="D516" t="s">
        <v>2027</v>
      </c>
      <c r="E516" t="s">
        <v>72</v>
      </c>
      <c r="F516">
        <v>1640</v>
      </c>
      <c r="G516">
        <v>128.61280487804879</v>
      </c>
      <c r="H516">
        <v>128</v>
      </c>
      <c r="I516">
        <v>5478.3055677424154</v>
      </c>
      <c r="J516">
        <v>74.0155765210433</v>
      </c>
      <c r="K516">
        <v>8.9508205779220504E-3</v>
      </c>
      <c r="L516">
        <v>-1.208176556349416</v>
      </c>
      <c r="M516">
        <v>7.8955951298128211</v>
      </c>
      <c r="N516">
        <v>14</v>
      </c>
      <c r="O516">
        <v>1</v>
      </c>
      <c r="P516">
        <v>13</v>
      </c>
      <c r="Q516">
        <v>2.4155663802719229</v>
      </c>
      <c r="R516">
        <v>5.4728095030725754</v>
      </c>
      <c r="S516">
        <v>2</v>
      </c>
      <c r="T516">
        <v>1</v>
      </c>
      <c r="U516">
        <v>1</v>
      </c>
      <c r="V516">
        <v>9.5661596966694282E-2</v>
      </c>
      <c r="W516">
        <v>7.3891543210154618</v>
      </c>
      <c r="X516">
        <v>1</v>
      </c>
      <c r="Y516">
        <v>1</v>
      </c>
      <c r="Z516">
        <v>0</v>
      </c>
      <c r="AA516">
        <v>0</v>
      </c>
      <c r="AB516">
        <v>7.4012312644130134</v>
      </c>
      <c r="AC516">
        <v>1</v>
      </c>
      <c r="AD516">
        <v>1</v>
      </c>
      <c r="AE516">
        <v>0</v>
      </c>
      <c r="AF516">
        <v>0</v>
      </c>
      <c r="AG516">
        <v>7.4006205773711384</v>
      </c>
      <c r="AH516">
        <v>-1.205265571327147E-2</v>
      </c>
      <c r="AI516">
        <v>1.9801652609504439E-2</v>
      </c>
      <c r="AJ516">
        <v>2.4666431695718201E-2</v>
      </c>
      <c r="AK516">
        <v>-3.5238422920968022E-2</v>
      </c>
      <c r="AL516">
        <v>2797.72213118532</v>
      </c>
      <c r="AM516">
        <v>5318.3482282261166</v>
      </c>
      <c r="AN516">
        <v>210925</v>
      </c>
      <c r="AO516">
        <v>208.86865131322469</v>
      </c>
      <c r="AP516">
        <v>2487.548539966765</v>
      </c>
      <c r="AQ516">
        <v>1.0140243902439019</v>
      </c>
      <c r="AR516">
        <v>3.998170731707317</v>
      </c>
      <c r="AS516">
        <v>1631</v>
      </c>
      <c r="AT516">
        <v>233.17073170731709</v>
      </c>
      <c r="AU516">
        <v>1.6307986609277899E-2</v>
      </c>
      <c r="AV516">
        <v>-1.206660944354318E-2</v>
      </c>
      <c r="AW516">
        <v>0.3725609756097561</v>
      </c>
      <c r="AX516">
        <v>86.364856619890176</v>
      </c>
      <c r="AY516">
        <v>64</v>
      </c>
      <c r="AZ516">
        <v>127</v>
      </c>
      <c r="BA516">
        <v>0.57549150406310778</v>
      </c>
      <c r="BB516">
        <v>0.49878048780487799</v>
      </c>
      <c r="BC516">
        <v>5.2812821828548238</v>
      </c>
      <c r="BD516" t="s">
        <v>2028</v>
      </c>
      <c r="BE516" t="s">
        <v>68</v>
      </c>
    </row>
    <row r="517" spans="1:57" x14ac:dyDescent="0.3">
      <c r="A517" t="s">
        <v>2029</v>
      </c>
      <c r="B517">
        <v>3581</v>
      </c>
      <c r="C517" t="s">
        <v>2030</v>
      </c>
      <c r="D517" t="s">
        <v>2031</v>
      </c>
      <c r="E517" t="s">
        <v>98</v>
      </c>
      <c r="F517">
        <v>16</v>
      </c>
      <c r="G517">
        <v>164.5625</v>
      </c>
      <c r="H517">
        <v>181</v>
      </c>
      <c r="I517">
        <v>3346.62109375</v>
      </c>
      <c r="J517">
        <v>57.84998784572042</v>
      </c>
      <c r="K517">
        <v>-0.78886864175107396</v>
      </c>
      <c r="L517">
        <v>-0.2032519108924937</v>
      </c>
      <c r="M517">
        <v>4</v>
      </c>
      <c r="N517">
        <v>1</v>
      </c>
      <c r="O517">
        <v>1</v>
      </c>
      <c r="P517">
        <v>0</v>
      </c>
      <c r="Q517">
        <v>0</v>
      </c>
      <c r="R517">
        <v>2.7725887222397811</v>
      </c>
      <c r="S517">
        <v>1</v>
      </c>
      <c r="T517">
        <v>1</v>
      </c>
      <c r="U517">
        <v>0</v>
      </c>
      <c r="V517">
        <v>0</v>
      </c>
      <c r="W517">
        <v>2.7080502011022101</v>
      </c>
      <c r="X517">
        <v>1</v>
      </c>
      <c r="Y517">
        <v>1</v>
      </c>
      <c r="Z517">
        <v>0</v>
      </c>
      <c r="AA517">
        <v>0</v>
      </c>
      <c r="AB517">
        <v>2.639057329615258</v>
      </c>
      <c r="AC517">
        <v>1</v>
      </c>
      <c r="AD517">
        <v>1</v>
      </c>
      <c r="AE517">
        <v>0</v>
      </c>
      <c r="AF517">
        <v>0</v>
      </c>
      <c r="AG517">
        <v>2.5649493574615372</v>
      </c>
      <c r="AH517">
        <v>-5.8882924708340383E-2</v>
      </c>
      <c r="AI517">
        <v>-7.4223797323559798E-2</v>
      </c>
      <c r="AJ517">
        <v>3.8549478543540301E-2</v>
      </c>
      <c r="AK517">
        <v>7.6326256076849897E-2</v>
      </c>
      <c r="AL517">
        <v>373.38062291110128</v>
      </c>
      <c r="AM517">
        <v>589.428460828384</v>
      </c>
      <c r="AN517">
        <v>2633</v>
      </c>
      <c r="AO517">
        <v>59</v>
      </c>
      <c r="AP517">
        <v>237.78100087204569</v>
      </c>
      <c r="AQ517">
        <v>2.3125</v>
      </c>
      <c r="AR517">
        <v>3.9375</v>
      </c>
      <c r="AS517">
        <v>16</v>
      </c>
      <c r="AT517">
        <v>0</v>
      </c>
      <c r="AU517">
        <v>0.23080912863070541</v>
      </c>
      <c r="AV517">
        <v>-5.9437311988357111E-2</v>
      </c>
      <c r="AW517">
        <v>0.1875</v>
      </c>
      <c r="AX517">
        <v>68.466666666666669</v>
      </c>
      <c r="AY517">
        <v>38.5</v>
      </c>
      <c r="AZ517">
        <v>81.25</v>
      </c>
      <c r="BA517">
        <v>0.35153809553039372</v>
      </c>
      <c r="BB517">
        <v>0.625</v>
      </c>
      <c r="BC517">
        <v>2.7080502011022101</v>
      </c>
      <c r="BD517" t="s">
        <v>2030</v>
      </c>
      <c r="BE517" t="s">
        <v>62</v>
      </c>
    </row>
    <row r="518" spans="1:57" x14ac:dyDescent="0.3">
      <c r="A518" t="s">
        <v>2032</v>
      </c>
      <c r="B518">
        <v>915</v>
      </c>
      <c r="C518" t="s">
        <v>2033</v>
      </c>
      <c r="D518" t="s">
        <v>2034</v>
      </c>
      <c r="E518" t="s">
        <v>72</v>
      </c>
      <c r="F518">
        <v>952</v>
      </c>
      <c r="G518">
        <v>127.6638655462185</v>
      </c>
      <c r="H518">
        <v>132</v>
      </c>
      <c r="I518">
        <v>5556.2168455617539</v>
      </c>
      <c r="J518">
        <v>74.540035186212208</v>
      </c>
      <c r="K518">
        <v>-8.7808558741458119E-3</v>
      </c>
      <c r="L518">
        <v>-1.2151723325396511</v>
      </c>
      <c r="M518">
        <v>7.7591363339084083</v>
      </c>
      <c r="N518">
        <v>9</v>
      </c>
      <c r="O518">
        <v>1</v>
      </c>
      <c r="P518">
        <v>8</v>
      </c>
      <c r="Q518">
        <v>1.9453599278112499</v>
      </c>
      <c r="R518">
        <v>5.3782234734288306</v>
      </c>
      <c r="S518">
        <v>2</v>
      </c>
      <c r="T518">
        <v>1</v>
      </c>
      <c r="U518">
        <v>1</v>
      </c>
      <c r="V518">
        <v>7.2508459364238956E-2</v>
      </c>
      <c r="W518">
        <v>6.8502254486593763</v>
      </c>
      <c r="X518">
        <v>1</v>
      </c>
      <c r="Y518">
        <v>1</v>
      </c>
      <c r="Z518">
        <v>0</v>
      </c>
      <c r="AA518">
        <v>0</v>
      </c>
      <c r="AB518">
        <v>6.8564619845945884</v>
      </c>
      <c r="AC518">
        <v>1</v>
      </c>
      <c r="AD518">
        <v>1</v>
      </c>
      <c r="AE518">
        <v>0</v>
      </c>
      <c r="AF518">
        <v>0</v>
      </c>
      <c r="AG518">
        <v>6.8554087986099272</v>
      </c>
      <c r="AH518">
        <v>4.2167892532082571E-2</v>
      </c>
      <c r="AI518">
        <v>-5.6284032507066047E-2</v>
      </c>
      <c r="AJ518">
        <v>-2.699763046353847E-2</v>
      </c>
      <c r="AK518">
        <v>-1.954955403492405E-2</v>
      </c>
      <c r="AL518">
        <v>2181.39177759416</v>
      </c>
      <c r="AM518">
        <v>4005.8462167992161</v>
      </c>
      <c r="AN518">
        <v>121536</v>
      </c>
      <c r="AO518">
        <v>62.156954579021587</v>
      </c>
      <c r="AP518">
        <v>1919.9395094781471</v>
      </c>
      <c r="AQ518">
        <v>1.0241596638655459</v>
      </c>
      <c r="AR518">
        <v>4.0409663865546221</v>
      </c>
      <c r="AS518">
        <v>947</v>
      </c>
      <c r="AT518">
        <v>242.5252100840336</v>
      </c>
      <c r="AU518">
        <v>2.079831932773113E-2</v>
      </c>
      <c r="AV518">
        <v>4.2198968672809277E-2</v>
      </c>
      <c r="AW518">
        <v>0.35819327731092437</v>
      </c>
      <c r="AX518">
        <v>83.764458464773924</v>
      </c>
      <c r="AY518">
        <v>63</v>
      </c>
      <c r="AZ518">
        <v>129</v>
      </c>
      <c r="BA518">
        <v>0.58387731616372118</v>
      </c>
      <c r="BB518">
        <v>0.51575630252100846</v>
      </c>
      <c r="BC518">
        <v>5.1874399381194927</v>
      </c>
      <c r="BD518" t="s">
        <v>2035</v>
      </c>
      <c r="BE518" t="s">
        <v>68</v>
      </c>
    </row>
    <row r="519" spans="1:57" x14ac:dyDescent="0.3">
      <c r="A519" t="s">
        <v>2036</v>
      </c>
      <c r="B519">
        <v>3836</v>
      </c>
      <c r="C519" t="s">
        <v>2037</v>
      </c>
      <c r="D519" t="s">
        <v>2038</v>
      </c>
      <c r="E519" t="s">
        <v>66</v>
      </c>
      <c r="F519">
        <v>71</v>
      </c>
      <c r="G519">
        <v>121.07042253521131</v>
      </c>
      <c r="H519">
        <v>109</v>
      </c>
      <c r="I519">
        <v>5448.7696885538589</v>
      </c>
      <c r="J519">
        <v>73.815782110290343</v>
      </c>
      <c r="K519">
        <v>0.20514563376499451</v>
      </c>
      <c r="L519">
        <v>-1.1473185692142169</v>
      </c>
      <c r="M519">
        <v>5.9807330349976358</v>
      </c>
      <c r="N519">
        <v>2</v>
      </c>
      <c r="O519">
        <v>1</v>
      </c>
      <c r="P519">
        <v>1</v>
      </c>
      <c r="Q519">
        <v>0.28945981111118119</v>
      </c>
      <c r="R519">
        <v>4.1455282408903393</v>
      </c>
      <c r="S519">
        <v>1</v>
      </c>
      <c r="T519">
        <v>1</v>
      </c>
      <c r="U519">
        <v>0</v>
      </c>
      <c r="V519">
        <v>0</v>
      </c>
      <c r="W519">
        <v>4.2484952420493576</v>
      </c>
      <c r="X519">
        <v>1</v>
      </c>
      <c r="Y519">
        <v>1</v>
      </c>
      <c r="Z519">
        <v>0</v>
      </c>
      <c r="AA519">
        <v>0</v>
      </c>
      <c r="AB519">
        <v>4.2341065045972579</v>
      </c>
      <c r="AC519">
        <v>1</v>
      </c>
      <c r="AD519">
        <v>1</v>
      </c>
      <c r="AE519">
        <v>0</v>
      </c>
      <c r="AF519">
        <v>0</v>
      </c>
      <c r="AG519">
        <v>4.2195077051761087</v>
      </c>
      <c r="AH519">
        <v>4.1730232598741708E-2</v>
      </c>
      <c r="AI519">
        <v>-7.2148644240782753E-2</v>
      </c>
      <c r="AJ519">
        <v>-0.1552771053206124</v>
      </c>
      <c r="AK519">
        <v>-0.1175847147528853</v>
      </c>
      <c r="AL519">
        <v>681.54615753552036</v>
      </c>
      <c r="AM519">
        <v>981.36580088597316</v>
      </c>
      <c r="AN519">
        <v>8596</v>
      </c>
      <c r="AO519">
        <v>103.9649601171827</v>
      </c>
      <c r="AP519">
        <v>619.81636498487512</v>
      </c>
      <c r="AQ519">
        <v>1.323943661971831</v>
      </c>
      <c r="AR519">
        <v>3.901408450704225</v>
      </c>
      <c r="AS519">
        <v>71</v>
      </c>
      <c r="AT519">
        <v>4.9859154929577469</v>
      </c>
      <c r="AU519">
        <v>7.3296924403564279E-2</v>
      </c>
      <c r="AV519">
        <v>4.2163710186209881E-2</v>
      </c>
      <c r="AW519">
        <v>0.46478873239436619</v>
      </c>
      <c r="AX519">
        <v>81.814285714285717</v>
      </c>
      <c r="AY519">
        <v>61</v>
      </c>
      <c r="AZ519">
        <v>123</v>
      </c>
      <c r="BA519">
        <v>0.60969294204637203</v>
      </c>
      <c r="BB519">
        <v>0.45070422535211269</v>
      </c>
      <c r="BC519">
        <v>3.9760906280195361</v>
      </c>
      <c r="BD519" t="s">
        <v>2039</v>
      </c>
      <c r="BE519" t="s">
        <v>68</v>
      </c>
    </row>
    <row r="520" spans="1:57" x14ac:dyDescent="0.3">
      <c r="A520" t="s">
        <v>2040</v>
      </c>
      <c r="B520">
        <v>3829</v>
      </c>
      <c r="C520" t="s">
        <v>2041</v>
      </c>
      <c r="D520" t="s">
        <v>2042</v>
      </c>
      <c r="E520" t="s">
        <v>98</v>
      </c>
      <c r="F520">
        <v>16</v>
      </c>
      <c r="G520">
        <v>153.4375</v>
      </c>
      <c r="H520">
        <v>152.5</v>
      </c>
      <c r="I520">
        <v>4884.24609375</v>
      </c>
      <c r="J520">
        <v>69.887381505891312</v>
      </c>
      <c r="K520">
        <v>-0.3624329716688714</v>
      </c>
      <c r="L520">
        <v>-1.118130958149093</v>
      </c>
      <c r="M520">
        <v>3.875</v>
      </c>
      <c r="N520">
        <v>2</v>
      </c>
      <c r="O520">
        <v>1</v>
      </c>
      <c r="P520">
        <v>1</v>
      </c>
      <c r="Q520">
        <v>0.24944382578492949</v>
      </c>
      <c r="R520">
        <v>2.6859453246697882</v>
      </c>
      <c r="S520">
        <v>1</v>
      </c>
      <c r="T520">
        <v>1</v>
      </c>
      <c r="U520">
        <v>0</v>
      </c>
      <c r="V520">
        <v>0</v>
      </c>
      <c r="W520">
        <v>2.7080502011022101</v>
      </c>
      <c r="X520">
        <v>1</v>
      </c>
      <c r="Y520">
        <v>1</v>
      </c>
      <c r="Z520">
        <v>0</v>
      </c>
      <c r="AA520">
        <v>0</v>
      </c>
      <c r="AB520">
        <v>2.639057329615258</v>
      </c>
      <c r="AC520">
        <v>1</v>
      </c>
      <c r="AD520">
        <v>1</v>
      </c>
      <c r="AE520">
        <v>0</v>
      </c>
      <c r="AF520">
        <v>0</v>
      </c>
      <c r="AG520">
        <v>2.5649493574615372</v>
      </c>
      <c r="AH520">
        <v>-0.36034785187069068</v>
      </c>
      <c r="AI520">
        <v>-0.15813847054504801</v>
      </c>
      <c r="AJ520">
        <v>9.1482490740718528E-2</v>
      </c>
      <c r="AK520">
        <v>0.14180346650223491</v>
      </c>
      <c r="AL520">
        <v>412.83032249327238</v>
      </c>
      <c r="AM520">
        <v>533.29928260789995</v>
      </c>
      <c r="AN520">
        <v>2455</v>
      </c>
      <c r="AO520">
        <v>149.3218832907053</v>
      </c>
      <c r="AP520">
        <v>283.12147945823892</v>
      </c>
      <c r="AQ520">
        <v>2.3125</v>
      </c>
      <c r="AR520">
        <v>4.125</v>
      </c>
      <c r="AS520">
        <v>16</v>
      </c>
      <c r="AT520">
        <v>0.87499999999999989</v>
      </c>
      <c r="AU520">
        <v>0.23247907949790789</v>
      </c>
      <c r="AV520">
        <v>-0.3622996567250753</v>
      </c>
      <c r="AW520">
        <v>0.3125</v>
      </c>
      <c r="AX520">
        <v>101</v>
      </c>
      <c r="AY520">
        <v>63</v>
      </c>
      <c r="AZ520">
        <v>117.5</v>
      </c>
      <c r="BA520">
        <v>0.45547784280825288</v>
      </c>
      <c r="BB520">
        <v>0.5</v>
      </c>
      <c r="BC520">
        <v>2.615630577027551</v>
      </c>
      <c r="BD520" t="s">
        <v>2041</v>
      </c>
      <c r="BE520" t="s">
        <v>62</v>
      </c>
    </row>
    <row r="521" spans="1:57" x14ac:dyDescent="0.3">
      <c r="A521" t="s">
        <v>2043</v>
      </c>
      <c r="B521">
        <v>922</v>
      </c>
      <c r="C521" t="s">
        <v>2044</v>
      </c>
      <c r="D521" t="s">
        <v>2045</v>
      </c>
      <c r="E521" t="s">
        <v>66</v>
      </c>
      <c r="F521">
        <v>71</v>
      </c>
      <c r="G521">
        <v>126.36619718309861</v>
      </c>
      <c r="H521">
        <v>135</v>
      </c>
      <c r="I521">
        <v>5591.4433644118226</v>
      </c>
      <c r="J521">
        <v>74.775954453365699</v>
      </c>
      <c r="K521">
        <v>-8.7798447514500569E-2</v>
      </c>
      <c r="L521">
        <v>-1.175225070131253</v>
      </c>
      <c r="M521">
        <v>5.7729177180657567</v>
      </c>
      <c r="N521">
        <v>3</v>
      </c>
      <c r="O521">
        <v>1</v>
      </c>
      <c r="P521">
        <v>2</v>
      </c>
      <c r="Q521">
        <v>0.4564897343059906</v>
      </c>
      <c r="R521">
        <v>4.0014816398818356</v>
      </c>
      <c r="S521">
        <v>2</v>
      </c>
      <c r="T521">
        <v>1</v>
      </c>
      <c r="U521">
        <v>1</v>
      </c>
      <c r="V521">
        <v>0.11951030798891769</v>
      </c>
      <c r="W521">
        <v>4.2286910368905044</v>
      </c>
      <c r="X521">
        <v>1</v>
      </c>
      <c r="Y521">
        <v>1</v>
      </c>
      <c r="Z521">
        <v>0</v>
      </c>
      <c r="AA521">
        <v>0</v>
      </c>
      <c r="AB521">
        <v>4.2341065045972579</v>
      </c>
      <c r="AC521">
        <v>1</v>
      </c>
      <c r="AD521">
        <v>1</v>
      </c>
      <c r="AE521">
        <v>0</v>
      </c>
      <c r="AF521">
        <v>0</v>
      </c>
      <c r="AG521">
        <v>4.2195077051761087</v>
      </c>
      <c r="AH521">
        <v>0.12925201331991171</v>
      </c>
      <c r="AI521">
        <v>2.8702177766679882E-2</v>
      </c>
      <c r="AJ521">
        <v>3.296938304951736E-2</v>
      </c>
      <c r="AK521">
        <v>5.1664610552184673E-2</v>
      </c>
      <c r="AL521">
        <v>652.40238442544648</v>
      </c>
      <c r="AM521">
        <v>1051.247415595393</v>
      </c>
      <c r="AN521">
        <v>8972</v>
      </c>
      <c r="AO521">
        <v>78.548757986412312</v>
      </c>
      <c r="AP521">
        <v>501.15548596813147</v>
      </c>
      <c r="AQ521">
        <v>1.323943661971831</v>
      </c>
      <c r="AR521">
        <v>3.619718309859155</v>
      </c>
      <c r="AS521">
        <v>71</v>
      </c>
      <c r="AT521">
        <v>9.8732394366197163</v>
      </c>
      <c r="AU521">
        <v>9.2230804179918247E-2</v>
      </c>
      <c r="AV521">
        <v>0.13031506623686889</v>
      </c>
      <c r="AW521">
        <v>0.3380281690140845</v>
      </c>
      <c r="AX521">
        <v>82.414285714285711</v>
      </c>
      <c r="AY521">
        <v>66</v>
      </c>
      <c r="AZ521">
        <v>132.5</v>
      </c>
      <c r="BA521">
        <v>0.5917401656474548</v>
      </c>
      <c r="BB521">
        <v>0.53521126760563376</v>
      </c>
      <c r="BC521">
        <v>3.9760906280195361</v>
      </c>
      <c r="BD521" t="s">
        <v>2046</v>
      </c>
      <c r="BE521" t="s">
        <v>68</v>
      </c>
    </row>
    <row r="522" spans="1:57" x14ac:dyDescent="0.3">
      <c r="A522" t="s">
        <v>2047</v>
      </c>
      <c r="B522">
        <v>891</v>
      </c>
      <c r="C522" t="s">
        <v>2048</v>
      </c>
      <c r="D522" t="s">
        <v>2049</v>
      </c>
      <c r="E522" t="s">
        <v>98</v>
      </c>
      <c r="F522">
        <v>16</v>
      </c>
      <c r="G522">
        <v>113.6875</v>
      </c>
      <c r="H522">
        <v>113</v>
      </c>
      <c r="I522">
        <v>4346.21484375</v>
      </c>
      <c r="J522">
        <v>65.925828350882327</v>
      </c>
      <c r="K522">
        <v>5.787629904295355E-2</v>
      </c>
      <c r="L522">
        <v>-1.433329990860982</v>
      </c>
      <c r="M522">
        <v>4</v>
      </c>
      <c r="N522">
        <v>1</v>
      </c>
      <c r="O522">
        <v>1</v>
      </c>
      <c r="P522">
        <v>0</v>
      </c>
      <c r="Q522">
        <v>0</v>
      </c>
      <c r="R522">
        <v>2.7725887222397811</v>
      </c>
      <c r="S522">
        <v>1</v>
      </c>
      <c r="T522">
        <v>1</v>
      </c>
      <c r="U522">
        <v>0</v>
      </c>
      <c r="V522">
        <v>0</v>
      </c>
      <c r="W522">
        <v>2.7080502011022101</v>
      </c>
      <c r="X522">
        <v>1</v>
      </c>
      <c r="Y522">
        <v>1</v>
      </c>
      <c r="Z522">
        <v>0</v>
      </c>
      <c r="AA522">
        <v>0</v>
      </c>
      <c r="AB522">
        <v>2.639057329615258</v>
      </c>
      <c r="AC522">
        <v>1</v>
      </c>
      <c r="AD522">
        <v>1</v>
      </c>
      <c r="AE522">
        <v>0</v>
      </c>
      <c r="AF522">
        <v>0</v>
      </c>
      <c r="AG522">
        <v>2.5649493574615372</v>
      </c>
      <c r="AH522">
        <v>2.8591183869584799E-2</v>
      </c>
      <c r="AI522">
        <v>-0.35542972018575791</v>
      </c>
      <c r="AJ522">
        <v>-0.14265269662628491</v>
      </c>
      <c r="AK522">
        <v>-0.31063454550520342</v>
      </c>
      <c r="AL522">
        <v>333.88743713047029</v>
      </c>
      <c r="AM522">
        <v>406.02485062671502</v>
      </c>
      <c r="AN522">
        <v>1819</v>
      </c>
      <c r="AO522">
        <v>54.646757868630189</v>
      </c>
      <c r="AP522">
        <v>190.57040800204271</v>
      </c>
      <c r="AQ522">
        <v>2.3125</v>
      </c>
      <c r="AR522">
        <v>3.875</v>
      </c>
      <c r="AS522">
        <v>16</v>
      </c>
      <c r="AT522">
        <v>0</v>
      </c>
      <c r="AU522">
        <v>0.17123287671232881</v>
      </c>
      <c r="AV522">
        <v>2.4619882944710961E-2</v>
      </c>
      <c r="AW522">
        <v>0.375</v>
      </c>
      <c r="AX522">
        <v>70.666666666666671</v>
      </c>
      <c r="AY522">
        <v>58.5</v>
      </c>
      <c r="AZ522">
        <v>105</v>
      </c>
      <c r="BA522">
        <v>0.57988634063447897</v>
      </c>
      <c r="BB522">
        <v>0.5</v>
      </c>
      <c r="BC522">
        <v>2.7080502011022101</v>
      </c>
      <c r="BD522" t="s">
        <v>2048</v>
      </c>
      <c r="BE522" t="s">
        <v>62</v>
      </c>
    </row>
    <row r="523" spans="1:57" x14ac:dyDescent="0.3">
      <c r="A523" t="s">
        <v>2050</v>
      </c>
      <c r="B523">
        <v>1369</v>
      </c>
      <c r="C523" t="s">
        <v>2051</v>
      </c>
      <c r="D523" t="s">
        <v>2052</v>
      </c>
      <c r="E523" t="s">
        <v>128</v>
      </c>
      <c r="F523">
        <v>32</v>
      </c>
      <c r="G523">
        <v>135.25</v>
      </c>
      <c r="H523">
        <v>144</v>
      </c>
      <c r="I523">
        <v>5584.4375</v>
      </c>
      <c r="J523">
        <v>74.729094066501304</v>
      </c>
      <c r="K523">
        <v>-0.13572567172497621</v>
      </c>
      <c r="L523">
        <v>-1.388249353513769</v>
      </c>
      <c r="M523">
        <v>4.726409765557392</v>
      </c>
      <c r="N523">
        <v>3</v>
      </c>
      <c r="O523">
        <v>1</v>
      </c>
      <c r="P523">
        <v>2</v>
      </c>
      <c r="Q523">
        <v>0.44031528592635538</v>
      </c>
      <c r="R523">
        <v>3.2760976031670981</v>
      </c>
      <c r="S523">
        <v>1</v>
      </c>
      <c r="T523">
        <v>1</v>
      </c>
      <c r="U523">
        <v>0</v>
      </c>
      <c r="V523">
        <v>0</v>
      </c>
      <c r="W523">
        <v>3.4339872044851458</v>
      </c>
      <c r="X523">
        <v>1</v>
      </c>
      <c r="Y523">
        <v>1</v>
      </c>
      <c r="Z523">
        <v>0</v>
      </c>
      <c r="AA523">
        <v>0</v>
      </c>
      <c r="AB523">
        <v>3.401197381662155</v>
      </c>
      <c r="AC523">
        <v>1</v>
      </c>
      <c r="AD523">
        <v>1</v>
      </c>
      <c r="AE523">
        <v>0</v>
      </c>
      <c r="AF523">
        <v>0</v>
      </c>
      <c r="AG523">
        <v>3.3672958299864728</v>
      </c>
      <c r="AH523">
        <v>7.6767117883403652E-2</v>
      </c>
      <c r="AI523">
        <v>-0.1304245335810455</v>
      </c>
      <c r="AJ523">
        <v>-1.01597212118499E-2</v>
      </c>
      <c r="AK523">
        <v>-0.1505040514375888</v>
      </c>
      <c r="AL523">
        <v>511.79331593598982</v>
      </c>
      <c r="AM523">
        <v>708.61244821358036</v>
      </c>
      <c r="AN523">
        <v>4328</v>
      </c>
      <c r="AO523">
        <v>125.3065796549554</v>
      </c>
      <c r="AP523">
        <v>380.52483423965532</v>
      </c>
      <c r="AQ523">
        <v>1.71875</v>
      </c>
      <c r="AR523">
        <v>3.6875</v>
      </c>
      <c r="AS523">
        <v>31</v>
      </c>
      <c r="AT523">
        <v>4.7500000000000018</v>
      </c>
      <c r="AU523">
        <v>0.1198326771653543</v>
      </c>
      <c r="AV523">
        <v>8.2577467614971395E-2</v>
      </c>
      <c r="AW523">
        <v>0.375</v>
      </c>
      <c r="AX523">
        <v>80.387096774193552</v>
      </c>
      <c r="AY523">
        <v>75.5</v>
      </c>
      <c r="AZ523">
        <v>158.25</v>
      </c>
      <c r="BA523">
        <v>0.55252564929021297</v>
      </c>
      <c r="BB523">
        <v>0.5625</v>
      </c>
      <c r="BC523">
        <v>3.3445488586064429</v>
      </c>
      <c r="BD523" t="s">
        <v>2053</v>
      </c>
      <c r="BE523" t="s">
        <v>62</v>
      </c>
    </row>
    <row r="524" spans="1:57" x14ac:dyDescent="0.3">
      <c r="A524" t="s">
        <v>2054</v>
      </c>
      <c r="B524">
        <v>3214</v>
      </c>
      <c r="C524" t="s">
        <v>2055</v>
      </c>
      <c r="D524" t="s">
        <v>2056</v>
      </c>
      <c r="E524" t="s">
        <v>85</v>
      </c>
      <c r="F524">
        <v>8</v>
      </c>
      <c r="G524">
        <v>156.125</v>
      </c>
      <c r="H524">
        <v>197</v>
      </c>
      <c r="I524">
        <v>7583.609375</v>
      </c>
      <c r="J524">
        <v>87.08392144936974</v>
      </c>
      <c r="K524">
        <v>-0.47810226770395081</v>
      </c>
      <c r="L524">
        <v>-1.5191902190089479</v>
      </c>
      <c r="M524">
        <v>3</v>
      </c>
      <c r="N524">
        <v>1</v>
      </c>
      <c r="O524">
        <v>1</v>
      </c>
      <c r="P524">
        <v>0</v>
      </c>
      <c r="Q524">
        <v>0</v>
      </c>
      <c r="R524">
        <v>2.0794415416798362</v>
      </c>
      <c r="S524">
        <v>1</v>
      </c>
      <c r="T524">
        <v>1</v>
      </c>
      <c r="U524">
        <v>0</v>
      </c>
      <c r="V524">
        <v>0</v>
      </c>
      <c r="W524">
        <v>1.945910149055313</v>
      </c>
      <c r="X524">
        <v>1</v>
      </c>
      <c r="Y524">
        <v>1</v>
      </c>
      <c r="Z524">
        <v>0</v>
      </c>
      <c r="AA524">
        <v>0</v>
      </c>
      <c r="AB524">
        <v>1.791759469228055</v>
      </c>
      <c r="AC524">
        <v>1</v>
      </c>
      <c r="AD524">
        <v>1</v>
      </c>
      <c r="AE524">
        <v>0</v>
      </c>
      <c r="AF524">
        <v>0</v>
      </c>
      <c r="AG524">
        <v>1.6094379124341009</v>
      </c>
      <c r="AH524">
        <v>-7.7698665501873904E-2</v>
      </c>
      <c r="AI524">
        <v>-0.41783832731363479</v>
      </c>
      <c r="AJ524">
        <v>-0.30594688174125528</v>
      </c>
      <c r="AK524">
        <v>0</v>
      </c>
      <c r="AL524">
        <v>380.35837286363602</v>
      </c>
      <c r="AM524">
        <v>333.16138460591031</v>
      </c>
      <c r="AN524">
        <v>1249</v>
      </c>
      <c r="AO524">
        <v>195.84085702893159</v>
      </c>
      <c r="AP524">
        <v>238.2695085783609</v>
      </c>
      <c r="AQ524">
        <v>3.5</v>
      </c>
      <c r="AR524">
        <v>4.375</v>
      </c>
      <c r="AS524">
        <v>8</v>
      </c>
      <c r="AT524">
        <v>0</v>
      </c>
      <c r="AU524">
        <v>0.27551020408163263</v>
      </c>
      <c r="AV524">
        <v>-8.4109319848758454E-2</v>
      </c>
      <c r="AW524">
        <v>0.25</v>
      </c>
      <c r="AX524">
        <v>113.71428571428569</v>
      </c>
      <c r="AY524">
        <v>46.5</v>
      </c>
      <c r="AZ524">
        <v>157.25</v>
      </c>
      <c r="BA524">
        <v>0.55778332393511443</v>
      </c>
      <c r="BB524">
        <v>0.625</v>
      </c>
      <c r="BC524">
        <v>1.945910149055313</v>
      </c>
      <c r="BD524" t="s">
        <v>2055</v>
      </c>
      <c r="BE524" t="s">
        <v>68</v>
      </c>
    </row>
    <row r="525" spans="1:57" x14ac:dyDescent="0.3">
      <c r="A525" t="s">
        <v>2057</v>
      </c>
      <c r="B525">
        <v>2643</v>
      </c>
      <c r="C525" t="s">
        <v>2058</v>
      </c>
      <c r="D525" t="s">
        <v>2059</v>
      </c>
      <c r="E525" t="s">
        <v>115</v>
      </c>
      <c r="F525">
        <v>2695</v>
      </c>
      <c r="G525">
        <v>127.4938775510204</v>
      </c>
      <c r="H525">
        <v>126</v>
      </c>
      <c r="I525">
        <v>5590.9757510128356</v>
      </c>
      <c r="J525">
        <v>74.772827624831976</v>
      </c>
      <c r="K525">
        <v>1.1592451290184611E-2</v>
      </c>
      <c r="L525">
        <v>-1.2240518748412781</v>
      </c>
      <c r="M525">
        <v>7.9339786420653224</v>
      </c>
      <c r="N525">
        <v>22</v>
      </c>
      <c r="O525">
        <v>3</v>
      </c>
      <c r="P525">
        <v>19</v>
      </c>
      <c r="Q525">
        <v>3.1732577612504058</v>
      </c>
      <c r="R525">
        <v>5.4994149263703926</v>
      </c>
      <c r="S525">
        <v>3</v>
      </c>
      <c r="T525">
        <v>1</v>
      </c>
      <c r="U525">
        <v>2</v>
      </c>
      <c r="V525">
        <v>0.1467505253398502</v>
      </c>
      <c r="W525">
        <v>7.8697713204571382</v>
      </c>
      <c r="X525">
        <v>1</v>
      </c>
      <c r="Y525">
        <v>1</v>
      </c>
      <c r="Z525">
        <v>0</v>
      </c>
      <c r="AA525">
        <v>0</v>
      </c>
      <c r="AB525">
        <v>7.8984110928115996</v>
      </c>
      <c r="AC525">
        <v>1</v>
      </c>
      <c r="AD525">
        <v>1</v>
      </c>
      <c r="AE525">
        <v>0</v>
      </c>
      <c r="AF525">
        <v>0</v>
      </c>
      <c r="AG525">
        <v>7.8980396907646178</v>
      </c>
      <c r="AH525">
        <v>4.3032168906027388E-2</v>
      </c>
      <c r="AI525">
        <v>3.381715370720989E-2</v>
      </c>
      <c r="AJ525">
        <v>2.466078066963041E-3</v>
      </c>
      <c r="AK525">
        <v>1.712113633911844E-2</v>
      </c>
      <c r="AL525">
        <v>3561.278509476731</v>
      </c>
      <c r="AM525">
        <v>6796.4226897640192</v>
      </c>
      <c r="AN525">
        <v>343596</v>
      </c>
      <c r="AO525">
        <v>132.33544830112271</v>
      </c>
      <c r="AP525">
        <v>3216.7790322604969</v>
      </c>
      <c r="AQ525">
        <v>1.008534322820037</v>
      </c>
      <c r="AR525">
        <v>3.9977736549165122</v>
      </c>
      <c r="AS525">
        <v>2687</v>
      </c>
      <c r="AT525">
        <v>244.86790352504639</v>
      </c>
      <c r="AU525">
        <v>1.8873003746953328E-2</v>
      </c>
      <c r="AV525">
        <v>4.3072684144773908E-2</v>
      </c>
      <c r="AW525">
        <v>0.3706864564007421</v>
      </c>
      <c r="AX525">
        <v>84.905716406829995</v>
      </c>
      <c r="AY525">
        <v>65</v>
      </c>
      <c r="AZ525">
        <v>131</v>
      </c>
      <c r="BA525">
        <v>0.58648171238583158</v>
      </c>
      <c r="BB525">
        <v>0.49573283858998152</v>
      </c>
      <c r="BC525">
        <v>5.3033736455314751</v>
      </c>
      <c r="BD525" t="s">
        <v>2060</v>
      </c>
      <c r="BE525" t="s">
        <v>68</v>
      </c>
    </row>
    <row r="526" spans="1:57" x14ac:dyDescent="0.3">
      <c r="A526" t="s">
        <v>2061</v>
      </c>
      <c r="B526">
        <v>3288</v>
      </c>
      <c r="C526" t="s">
        <v>2062</v>
      </c>
      <c r="D526" t="s">
        <v>2063</v>
      </c>
      <c r="E526" t="s">
        <v>72</v>
      </c>
      <c r="F526">
        <v>3296</v>
      </c>
      <c r="G526">
        <v>128.70236650485441</v>
      </c>
      <c r="H526">
        <v>132</v>
      </c>
      <c r="I526">
        <v>5422.7321060501408</v>
      </c>
      <c r="J526">
        <v>73.639202236649339</v>
      </c>
      <c r="K526">
        <v>-4.7299620631025427E-2</v>
      </c>
      <c r="L526">
        <v>-1.185600530599916</v>
      </c>
      <c r="M526">
        <v>7.9502643472462102</v>
      </c>
      <c r="N526">
        <v>25</v>
      </c>
      <c r="O526">
        <v>6</v>
      </c>
      <c r="P526">
        <v>19</v>
      </c>
      <c r="Q526">
        <v>3.3992186602217869</v>
      </c>
      <c r="R526">
        <v>5.5107033169999537</v>
      </c>
      <c r="S526">
        <v>3</v>
      </c>
      <c r="T526">
        <v>1</v>
      </c>
      <c r="U526">
        <v>2</v>
      </c>
      <c r="V526">
        <v>0.16622606706674811</v>
      </c>
      <c r="W526">
        <v>8.063240625781841</v>
      </c>
      <c r="X526">
        <v>1</v>
      </c>
      <c r="Y526">
        <v>1</v>
      </c>
      <c r="Z526">
        <v>0</v>
      </c>
      <c r="AA526">
        <v>0</v>
      </c>
      <c r="AB526">
        <v>8.099857910737585</v>
      </c>
      <c r="AC526">
        <v>1</v>
      </c>
      <c r="AD526">
        <v>1</v>
      </c>
      <c r="AE526">
        <v>0</v>
      </c>
      <c r="AF526">
        <v>0</v>
      </c>
      <c r="AG526">
        <v>8.0995542823763671</v>
      </c>
      <c r="AH526">
        <v>-4.9304803758648463E-3</v>
      </c>
      <c r="AI526">
        <v>-8.4920285176356726E-3</v>
      </c>
      <c r="AJ526">
        <v>-4.4138804693156864E-3</v>
      </c>
      <c r="AK526">
        <v>4.8034277713546181E-4</v>
      </c>
      <c r="AL526">
        <v>3889.0912479295489</v>
      </c>
      <c r="AM526">
        <v>7572.5969300681663</v>
      </c>
      <c r="AN526">
        <v>424203</v>
      </c>
      <c r="AO526">
        <v>83.334266126365563</v>
      </c>
      <c r="AP526">
        <v>3535.4863121136009</v>
      </c>
      <c r="AQ526">
        <v>1.0069781553398061</v>
      </c>
      <c r="AR526">
        <v>3.9966626213592229</v>
      </c>
      <c r="AS526">
        <v>3282</v>
      </c>
      <c r="AT526">
        <v>229.747572815534</v>
      </c>
      <c r="AU526">
        <v>1.944484104321342E-2</v>
      </c>
      <c r="AV526">
        <v>-4.932576743004834E-3</v>
      </c>
      <c r="AW526">
        <v>0.35406553398058249</v>
      </c>
      <c r="AX526">
        <v>85.455235204855839</v>
      </c>
      <c r="AY526">
        <v>63</v>
      </c>
      <c r="AZ526">
        <v>126</v>
      </c>
      <c r="BA526">
        <v>0.57216665269221623</v>
      </c>
      <c r="BB526">
        <v>0.51001213592233008</v>
      </c>
      <c r="BC526">
        <v>5.3132030907045529</v>
      </c>
      <c r="BD526" t="s">
        <v>2064</v>
      </c>
      <c r="BE526" t="s">
        <v>62</v>
      </c>
    </row>
    <row r="527" spans="1:57" x14ac:dyDescent="0.3">
      <c r="A527" t="s">
        <v>2065</v>
      </c>
      <c r="B527">
        <v>3724</v>
      </c>
      <c r="C527" t="s">
        <v>2066</v>
      </c>
      <c r="D527" t="s">
        <v>2067</v>
      </c>
      <c r="E527" t="s">
        <v>66</v>
      </c>
      <c r="F527">
        <v>71</v>
      </c>
      <c r="G527">
        <v>112.7183098591549</v>
      </c>
      <c r="H527">
        <v>109</v>
      </c>
      <c r="I527">
        <v>6073.3009323546912</v>
      </c>
      <c r="J527">
        <v>77.931386054366385</v>
      </c>
      <c r="K527">
        <v>0.137595730972808</v>
      </c>
      <c r="L527">
        <v>-1.25155866347473</v>
      </c>
      <c r="M527">
        <v>5.807991309554108</v>
      </c>
      <c r="N527">
        <v>3</v>
      </c>
      <c r="O527">
        <v>1</v>
      </c>
      <c r="P527">
        <v>2</v>
      </c>
      <c r="Q527">
        <v>0.49972214501883172</v>
      </c>
      <c r="R527">
        <v>4.0257928009340986</v>
      </c>
      <c r="S527">
        <v>1</v>
      </c>
      <c r="T527">
        <v>1</v>
      </c>
      <c r="U527">
        <v>0</v>
      </c>
      <c r="V527">
        <v>0</v>
      </c>
      <c r="W527">
        <v>4.2484952420493576</v>
      </c>
      <c r="X527">
        <v>1</v>
      </c>
      <c r="Y527">
        <v>1</v>
      </c>
      <c r="Z527">
        <v>0</v>
      </c>
      <c r="AA527">
        <v>0</v>
      </c>
      <c r="AB527">
        <v>4.2341065045972579</v>
      </c>
      <c r="AC527">
        <v>1</v>
      </c>
      <c r="AD527">
        <v>1</v>
      </c>
      <c r="AE527">
        <v>0</v>
      </c>
      <c r="AF527">
        <v>0</v>
      </c>
      <c r="AG527">
        <v>4.2195077051761087</v>
      </c>
      <c r="AH527">
        <v>-3.571678648511218E-2</v>
      </c>
      <c r="AI527">
        <v>-0.15366943969267979</v>
      </c>
      <c r="AJ527">
        <v>-9.9550903778537377E-3</v>
      </c>
      <c r="AK527">
        <v>-5.7784284437142119E-2</v>
      </c>
      <c r="AL527">
        <v>698.06875674446621</v>
      </c>
      <c r="AM527">
        <v>919.77660921401718</v>
      </c>
      <c r="AN527">
        <v>8003</v>
      </c>
      <c r="AO527">
        <v>87.153010649126387</v>
      </c>
      <c r="AP527">
        <v>597.14701291694655</v>
      </c>
      <c r="AQ527">
        <v>1.323943661971831</v>
      </c>
      <c r="AR527">
        <v>3.619718309859155</v>
      </c>
      <c r="AS527">
        <v>71</v>
      </c>
      <c r="AT527">
        <v>12.661971830985919</v>
      </c>
      <c r="AU527">
        <v>0.12377796188898089</v>
      </c>
      <c r="AV527">
        <v>-3.5878451476539473E-2</v>
      </c>
      <c r="AW527">
        <v>0.3380281690140845</v>
      </c>
      <c r="AX527">
        <v>94.728571428571428</v>
      </c>
      <c r="AY527">
        <v>70</v>
      </c>
      <c r="AZ527">
        <v>133</v>
      </c>
      <c r="BA527">
        <v>0.69138178306385278</v>
      </c>
      <c r="BB527">
        <v>0.49295774647887319</v>
      </c>
      <c r="BC527">
        <v>4.1221950376138752</v>
      </c>
      <c r="BD527" t="s">
        <v>2068</v>
      </c>
      <c r="BE527" t="s">
        <v>68</v>
      </c>
    </row>
    <row r="528" spans="1:57" x14ac:dyDescent="0.3">
      <c r="A528" t="s">
        <v>2069</v>
      </c>
      <c r="B528">
        <v>2378</v>
      </c>
      <c r="C528" t="s">
        <v>2070</v>
      </c>
      <c r="D528" t="s">
        <v>2071</v>
      </c>
      <c r="E528" t="s">
        <v>128</v>
      </c>
      <c r="F528">
        <v>32</v>
      </c>
      <c r="G528">
        <v>134.6875</v>
      </c>
      <c r="H528">
        <v>137</v>
      </c>
      <c r="I528">
        <v>5928.65234375</v>
      </c>
      <c r="J528">
        <v>76.997742458789006</v>
      </c>
      <c r="K528">
        <v>-0.13241455129293131</v>
      </c>
      <c r="L528">
        <v>-1.12674769524723</v>
      </c>
      <c r="M528">
        <v>5</v>
      </c>
      <c r="N528">
        <v>1</v>
      </c>
      <c r="O528">
        <v>1</v>
      </c>
      <c r="P528">
        <v>0</v>
      </c>
      <c r="Q528">
        <v>0</v>
      </c>
      <c r="R528">
        <v>3.465735902799727</v>
      </c>
      <c r="S528">
        <v>1</v>
      </c>
      <c r="T528">
        <v>1</v>
      </c>
      <c r="U528">
        <v>0</v>
      </c>
      <c r="V528">
        <v>0</v>
      </c>
      <c r="W528">
        <v>3.4339872044851458</v>
      </c>
      <c r="X528">
        <v>1</v>
      </c>
      <c r="Y528">
        <v>1</v>
      </c>
      <c r="Z528">
        <v>0</v>
      </c>
      <c r="AA528">
        <v>0</v>
      </c>
      <c r="AB528">
        <v>3.401197381662155</v>
      </c>
      <c r="AC528">
        <v>1</v>
      </c>
      <c r="AD528">
        <v>1</v>
      </c>
      <c r="AE528">
        <v>0</v>
      </c>
      <c r="AF528">
        <v>0</v>
      </c>
      <c r="AG528">
        <v>3.3672958299864728</v>
      </c>
      <c r="AH528">
        <v>-9.8656406586129994E-2</v>
      </c>
      <c r="AI528">
        <v>7.824117846659661E-3</v>
      </c>
      <c r="AJ528">
        <v>6.5269361087409855E-2</v>
      </c>
      <c r="AK528">
        <v>-0.21986599274576921</v>
      </c>
      <c r="AL528">
        <v>526.47302443547255</v>
      </c>
      <c r="AM528">
        <v>702.17245356234707</v>
      </c>
      <c r="AN528">
        <v>4310</v>
      </c>
      <c r="AO528">
        <v>91.994117659516306</v>
      </c>
      <c r="AP528">
        <v>412.07261643935692</v>
      </c>
      <c r="AQ528">
        <v>1.71875</v>
      </c>
      <c r="AR528">
        <v>3.90625</v>
      </c>
      <c r="AS528">
        <v>32</v>
      </c>
      <c r="AT528">
        <v>0</v>
      </c>
      <c r="AU528">
        <v>0.13075000000000001</v>
      </c>
      <c r="AV528">
        <v>-9.9095343104486089E-2</v>
      </c>
      <c r="AW528">
        <v>0.34375</v>
      </c>
      <c r="AX528">
        <v>96.096774193548384</v>
      </c>
      <c r="AY528">
        <v>62.5</v>
      </c>
      <c r="AZ528">
        <v>119.25</v>
      </c>
      <c r="BA528">
        <v>0.57167697417198338</v>
      </c>
      <c r="BB528">
        <v>0.5</v>
      </c>
      <c r="BC528">
        <v>3.4339872044851458</v>
      </c>
      <c r="BD528" t="s">
        <v>2072</v>
      </c>
      <c r="BE528" t="s">
        <v>62</v>
      </c>
    </row>
    <row r="529" spans="1:57" x14ac:dyDescent="0.3">
      <c r="A529" t="s">
        <v>2073</v>
      </c>
      <c r="B529">
        <v>3813</v>
      </c>
      <c r="C529" t="s">
        <v>2074</v>
      </c>
      <c r="D529" t="s">
        <v>2075</v>
      </c>
      <c r="E529" t="s">
        <v>72</v>
      </c>
      <c r="F529">
        <v>3816</v>
      </c>
      <c r="G529">
        <v>128.62395178197059</v>
      </c>
      <c r="H529">
        <v>129</v>
      </c>
      <c r="I529">
        <v>5336.800673691595</v>
      </c>
      <c r="J529">
        <v>73.053409733506584</v>
      </c>
      <c r="K529">
        <v>-2.0568670524209999E-2</v>
      </c>
      <c r="L529">
        <v>-1.1824769559839801</v>
      </c>
      <c r="M529">
        <v>7.9558070260904428</v>
      </c>
      <c r="N529">
        <v>27</v>
      </c>
      <c r="O529">
        <v>5</v>
      </c>
      <c r="P529">
        <v>22</v>
      </c>
      <c r="Q529">
        <v>3.6280967376160191</v>
      </c>
      <c r="R529">
        <v>5.5145452092135869</v>
      </c>
      <c r="S529">
        <v>3</v>
      </c>
      <c r="T529">
        <v>1</v>
      </c>
      <c r="U529">
        <v>2</v>
      </c>
      <c r="V529">
        <v>0.19631106071895829</v>
      </c>
      <c r="W529">
        <v>8.1950479098131304</v>
      </c>
      <c r="X529">
        <v>2</v>
      </c>
      <c r="Y529">
        <v>1</v>
      </c>
      <c r="Z529">
        <v>1</v>
      </c>
      <c r="AA529">
        <v>9.1594437206180698E-2</v>
      </c>
      <c r="AB529">
        <v>8.2348025801939677</v>
      </c>
      <c r="AC529">
        <v>2</v>
      </c>
      <c r="AD529">
        <v>1</v>
      </c>
      <c r="AE529">
        <v>1</v>
      </c>
      <c r="AF529">
        <v>8.5690707657004372E-2</v>
      </c>
      <c r="AG529">
        <v>8.2359915855299022</v>
      </c>
      <c r="AH529">
        <v>1.306713326385161E-3</v>
      </c>
      <c r="AI529">
        <v>-1.0736753072735391E-2</v>
      </c>
      <c r="AJ529">
        <v>4.1130085894880222E-3</v>
      </c>
      <c r="AK529">
        <v>3.851217371876907E-3</v>
      </c>
      <c r="AL529">
        <v>4136.5689259499677</v>
      </c>
      <c r="AM529">
        <v>8147.7846388368134</v>
      </c>
      <c r="AN529">
        <v>490829</v>
      </c>
      <c r="AO529">
        <v>87.218406604776987</v>
      </c>
      <c r="AP529">
        <v>3749.83600211979</v>
      </c>
      <c r="AQ529">
        <v>1.0060272536687631</v>
      </c>
      <c r="AR529">
        <v>3.9680293501048221</v>
      </c>
      <c r="AS529">
        <v>3798</v>
      </c>
      <c r="AT529">
        <v>226.06289308176099</v>
      </c>
      <c r="AU529">
        <v>1.5368726106794911E-2</v>
      </c>
      <c r="AV529">
        <v>1.3075490393743899E-3</v>
      </c>
      <c r="AW529">
        <v>0.37028301886792447</v>
      </c>
      <c r="AX529">
        <v>84.766448230668416</v>
      </c>
      <c r="AY529">
        <v>63</v>
      </c>
      <c r="AZ529">
        <v>125.25</v>
      </c>
      <c r="BA529">
        <v>0.56796116680770925</v>
      </c>
      <c r="BB529">
        <v>0.50078616352201255</v>
      </c>
      <c r="BC529">
        <v>5.3090981803137058</v>
      </c>
      <c r="BD529" t="s">
        <v>2076</v>
      </c>
      <c r="BE529" t="s">
        <v>68</v>
      </c>
    </row>
    <row r="530" spans="1:57" x14ac:dyDescent="0.3">
      <c r="A530" t="s">
        <v>2077</v>
      </c>
      <c r="B530">
        <v>3422</v>
      </c>
      <c r="C530" t="s">
        <v>2078</v>
      </c>
      <c r="D530" t="s">
        <v>2079</v>
      </c>
      <c r="E530" t="s">
        <v>128</v>
      </c>
      <c r="F530">
        <v>32</v>
      </c>
      <c r="G530">
        <v>121.3125</v>
      </c>
      <c r="H530">
        <v>118.5</v>
      </c>
      <c r="I530">
        <v>4559.65234375</v>
      </c>
      <c r="J530">
        <v>67.525197843101509</v>
      </c>
      <c r="K530">
        <v>0.26248370667750448</v>
      </c>
      <c r="L530">
        <v>-0.82134745102118201</v>
      </c>
      <c r="M530">
        <v>4.9375</v>
      </c>
      <c r="N530">
        <v>2</v>
      </c>
      <c r="O530">
        <v>1</v>
      </c>
      <c r="P530">
        <v>1</v>
      </c>
      <c r="Q530">
        <v>0.1766846959694085</v>
      </c>
      <c r="R530">
        <v>3.422414204014729</v>
      </c>
      <c r="S530">
        <v>1</v>
      </c>
      <c r="T530">
        <v>1</v>
      </c>
      <c r="U530">
        <v>0</v>
      </c>
      <c r="V530">
        <v>0</v>
      </c>
      <c r="W530">
        <v>3.4339872044851458</v>
      </c>
      <c r="X530">
        <v>1</v>
      </c>
      <c r="Y530">
        <v>1</v>
      </c>
      <c r="Z530">
        <v>0</v>
      </c>
      <c r="AA530">
        <v>0</v>
      </c>
      <c r="AB530">
        <v>3.401197381662155</v>
      </c>
      <c r="AC530">
        <v>1</v>
      </c>
      <c r="AD530">
        <v>1</v>
      </c>
      <c r="AE530">
        <v>0</v>
      </c>
      <c r="AF530">
        <v>0</v>
      </c>
      <c r="AG530">
        <v>3.3672958299864728</v>
      </c>
      <c r="AH530">
        <v>0.1999940191694988</v>
      </c>
      <c r="AI530">
        <v>0.18125262899532329</v>
      </c>
      <c r="AJ530">
        <v>-0.17678405978560249</v>
      </c>
      <c r="AK530">
        <v>0.17063105953972979</v>
      </c>
      <c r="AL530">
        <v>450.34002960459969</v>
      </c>
      <c r="AM530">
        <v>643.45773578046931</v>
      </c>
      <c r="AN530">
        <v>3882</v>
      </c>
      <c r="AO530">
        <v>78.191458022301646</v>
      </c>
      <c r="AP530">
        <v>326.34600321227339</v>
      </c>
      <c r="AQ530">
        <v>1.65625</v>
      </c>
      <c r="AR530">
        <v>4.125</v>
      </c>
      <c r="AS530">
        <v>32</v>
      </c>
      <c r="AT530">
        <v>0.93749999999999978</v>
      </c>
      <c r="AU530">
        <v>0.1486220472440945</v>
      </c>
      <c r="AV530">
        <v>0.2205806531093798</v>
      </c>
      <c r="AW530">
        <v>0.5625</v>
      </c>
      <c r="AX530">
        <v>65.806451612903231</v>
      </c>
      <c r="AY530">
        <v>49</v>
      </c>
      <c r="AZ530">
        <v>92</v>
      </c>
      <c r="BA530">
        <v>0.5566219296700794</v>
      </c>
      <c r="BB530">
        <v>0.375</v>
      </c>
      <c r="BC530">
        <v>3.2829507132875908</v>
      </c>
      <c r="BD530" t="s">
        <v>2080</v>
      </c>
      <c r="BE530" t="s">
        <v>62</v>
      </c>
    </row>
    <row r="531" spans="1:57" x14ac:dyDescent="0.3">
      <c r="A531" t="s">
        <v>2081</v>
      </c>
      <c r="B531">
        <v>553</v>
      </c>
      <c r="C531" t="s">
        <v>2082</v>
      </c>
      <c r="D531" t="s">
        <v>2083</v>
      </c>
      <c r="E531" t="s">
        <v>115</v>
      </c>
      <c r="F531">
        <v>589</v>
      </c>
      <c r="G531">
        <v>131.32427843803049</v>
      </c>
      <c r="H531">
        <v>135</v>
      </c>
      <c r="I531">
        <v>5631.815047229773</v>
      </c>
      <c r="J531">
        <v>75.045419895086027</v>
      </c>
      <c r="K531">
        <v>-0.1068321620175666</v>
      </c>
      <c r="L531">
        <v>-1.2337985510722229</v>
      </c>
      <c r="M531">
        <v>7.6391600154135304</v>
      </c>
      <c r="N531">
        <v>8</v>
      </c>
      <c r="O531">
        <v>1</v>
      </c>
      <c r="P531">
        <v>7</v>
      </c>
      <c r="Q531">
        <v>1.354895929465191</v>
      </c>
      <c r="R531">
        <v>5.2950622265301579</v>
      </c>
      <c r="S531">
        <v>2</v>
      </c>
      <c r="T531">
        <v>1</v>
      </c>
      <c r="U531">
        <v>1</v>
      </c>
      <c r="V531">
        <v>4.1239245100205123E-2</v>
      </c>
      <c r="W531">
        <v>6.3743693044273364</v>
      </c>
      <c r="X531">
        <v>1</v>
      </c>
      <c r="Y531">
        <v>1</v>
      </c>
      <c r="Z531">
        <v>0</v>
      </c>
      <c r="AA531">
        <v>0</v>
      </c>
      <c r="AB531">
        <v>6.3750248198280994</v>
      </c>
      <c r="AC531">
        <v>1</v>
      </c>
      <c r="AD531">
        <v>1</v>
      </c>
      <c r="AE531">
        <v>0</v>
      </c>
      <c r="AF531">
        <v>0</v>
      </c>
      <c r="AG531">
        <v>6.3733197895770122</v>
      </c>
      <c r="AH531">
        <v>-4.9141465434294027E-2</v>
      </c>
      <c r="AI531">
        <v>2.865671155983825E-2</v>
      </c>
      <c r="AJ531">
        <v>-3.6629948922923643E-2</v>
      </c>
      <c r="AK531">
        <v>-3.464224082119795E-3</v>
      </c>
      <c r="AL531">
        <v>1749.769808306238</v>
      </c>
      <c r="AM531">
        <v>3226.976544373998</v>
      </c>
      <c r="AN531">
        <v>77350</v>
      </c>
      <c r="AO531">
        <v>139.38246565925149</v>
      </c>
      <c r="AP531">
        <v>1473.17423557395</v>
      </c>
      <c r="AQ531">
        <v>1.0390492359932091</v>
      </c>
      <c r="AR531">
        <v>4.0135823429541597</v>
      </c>
      <c r="AS531">
        <v>587</v>
      </c>
      <c r="AT531">
        <v>160.6010186757216</v>
      </c>
      <c r="AU531">
        <v>5.2877925363693852E-2</v>
      </c>
      <c r="AV531">
        <v>-4.9190841401929211E-2</v>
      </c>
      <c r="AW531">
        <v>0.32597623089983019</v>
      </c>
      <c r="AX531">
        <v>89.802721088435376</v>
      </c>
      <c r="AY531">
        <v>65</v>
      </c>
      <c r="AZ531">
        <v>128</v>
      </c>
      <c r="BA531">
        <v>0.57145122583329899</v>
      </c>
      <c r="BB531">
        <v>0.51443123938879454</v>
      </c>
      <c r="BC531">
        <v>5.1705544225303299</v>
      </c>
      <c r="BD531" t="s">
        <v>2084</v>
      </c>
      <c r="BE531" t="s">
        <v>68</v>
      </c>
    </row>
    <row r="532" spans="1:57" x14ac:dyDescent="0.3">
      <c r="A532" t="s">
        <v>2085</v>
      </c>
      <c r="B532">
        <v>2783</v>
      </c>
      <c r="C532" t="s">
        <v>2086</v>
      </c>
      <c r="D532" t="s">
        <v>2087</v>
      </c>
      <c r="E532" t="s">
        <v>93</v>
      </c>
      <c r="F532">
        <v>2785</v>
      </c>
      <c r="G532">
        <v>126.1482944344704</v>
      </c>
      <c r="H532">
        <v>127</v>
      </c>
      <c r="I532">
        <v>5344.8724432310819</v>
      </c>
      <c r="J532">
        <v>73.108634532667082</v>
      </c>
      <c r="K532">
        <v>1.4926620307852609E-3</v>
      </c>
      <c r="L532">
        <v>-1.176286079136589</v>
      </c>
      <c r="M532">
        <v>7.9253397207503689</v>
      </c>
      <c r="N532">
        <v>22</v>
      </c>
      <c r="O532">
        <v>1</v>
      </c>
      <c r="P532">
        <v>21</v>
      </c>
      <c r="Q532">
        <v>3.4444509800127712</v>
      </c>
      <c r="R532">
        <v>5.4934268824178556</v>
      </c>
      <c r="S532">
        <v>2</v>
      </c>
      <c r="T532">
        <v>1</v>
      </c>
      <c r="U532">
        <v>1</v>
      </c>
      <c r="V532">
        <v>0.1326458641885917</v>
      </c>
      <c r="W532">
        <v>7.9072444439777012</v>
      </c>
      <c r="X532">
        <v>1</v>
      </c>
      <c r="Y532">
        <v>1</v>
      </c>
      <c r="Z532">
        <v>0</v>
      </c>
      <c r="AA532">
        <v>0</v>
      </c>
      <c r="AB532">
        <v>7.9312847615258928</v>
      </c>
      <c r="AC532">
        <v>1</v>
      </c>
      <c r="AD532">
        <v>1</v>
      </c>
      <c r="AE532">
        <v>0</v>
      </c>
      <c r="AF532">
        <v>0</v>
      </c>
      <c r="AG532">
        <v>7.9309253724833892</v>
      </c>
      <c r="AH532">
        <v>-1.590379233862518E-2</v>
      </c>
      <c r="AI532">
        <v>5.384105615619918E-3</v>
      </c>
      <c r="AJ532">
        <v>6.4557090159279471E-4</v>
      </c>
      <c r="AK532">
        <v>-3.4854021736449581E-3</v>
      </c>
      <c r="AL532">
        <v>3536.720975431434</v>
      </c>
      <c r="AM532">
        <v>6833.4377689376333</v>
      </c>
      <c r="AN532">
        <v>351323</v>
      </c>
      <c r="AO532">
        <v>48.449051227847413</v>
      </c>
      <c r="AP532">
        <v>3181.713167010771</v>
      </c>
      <c r="AQ532">
        <v>1.0082585278276479</v>
      </c>
      <c r="AR532">
        <v>3.966247755834829</v>
      </c>
      <c r="AS532">
        <v>2772</v>
      </c>
      <c r="AT532">
        <v>279.18671454219032</v>
      </c>
      <c r="AU532">
        <v>1.803076706445594E-2</v>
      </c>
      <c r="AV532">
        <v>-1.5904388270470169E-2</v>
      </c>
      <c r="AW532">
        <v>0.37091561938958711</v>
      </c>
      <c r="AX532">
        <v>85.132183908045974</v>
      </c>
      <c r="AY532">
        <v>63</v>
      </c>
      <c r="AZ532">
        <v>125</v>
      </c>
      <c r="BA532">
        <v>0.57954516833078917</v>
      </c>
      <c r="BB532">
        <v>0.50484739676840218</v>
      </c>
      <c r="BC532">
        <v>5.3078334677511458</v>
      </c>
      <c r="BD532" t="s">
        <v>2088</v>
      </c>
      <c r="BE532" t="s">
        <v>68</v>
      </c>
    </row>
    <row r="533" spans="1:57" x14ac:dyDescent="0.3">
      <c r="A533" t="s">
        <v>2089</v>
      </c>
      <c r="B533">
        <v>665</v>
      </c>
      <c r="C533" t="s">
        <v>2090</v>
      </c>
      <c r="D533" t="s">
        <v>2091</v>
      </c>
      <c r="E533" t="s">
        <v>85</v>
      </c>
      <c r="F533">
        <v>8</v>
      </c>
      <c r="G533">
        <v>104</v>
      </c>
      <c r="H533">
        <v>98.5</v>
      </c>
      <c r="I533">
        <v>5077.75</v>
      </c>
      <c r="J533">
        <v>71.258332846060881</v>
      </c>
      <c r="K533">
        <v>0.71912586581926585</v>
      </c>
      <c r="L533">
        <v>-0.24213105383169031</v>
      </c>
      <c r="M533">
        <v>3</v>
      </c>
      <c r="N533">
        <v>1</v>
      </c>
      <c r="O533">
        <v>1</v>
      </c>
      <c r="P533">
        <v>0</v>
      </c>
      <c r="Q533">
        <v>0</v>
      </c>
      <c r="R533">
        <v>2.0794415416798362</v>
      </c>
      <c r="S533">
        <v>1</v>
      </c>
      <c r="T533">
        <v>1</v>
      </c>
      <c r="U533">
        <v>0</v>
      </c>
      <c r="V533">
        <v>0</v>
      </c>
      <c r="W533">
        <v>1.945910149055313</v>
      </c>
      <c r="X533">
        <v>1</v>
      </c>
      <c r="Y533">
        <v>1</v>
      </c>
      <c r="Z533">
        <v>0</v>
      </c>
      <c r="AA533">
        <v>0</v>
      </c>
      <c r="AB533">
        <v>1.791759469228055</v>
      </c>
      <c r="AC533">
        <v>1</v>
      </c>
      <c r="AD533">
        <v>1</v>
      </c>
      <c r="AE533">
        <v>0</v>
      </c>
      <c r="AF533">
        <v>0</v>
      </c>
      <c r="AG533">
        <v>1.6094379124341009</v>
      </c>
      <c r="AH533">
        <v>-0.29225542809315153</v>
      </c>
      <c r="AI533">
        <v>-0.1053123922997391</v>
      </c>
      <c r="AJ533">
        <v>9.8321106789424448E-2</v>
      </c>
      <c r="AK533">
        <v>0</v>
      </c>
      <c r="AL533">
        <v>288.28611639240899</v>
      </c>
      <c r="AM533">
        <v>209.85975101334321</v>
      </c>
      <c r="AN533">
        <v>832</v>
      </c>
      <c r="AO533">
        <v>160</v>
      </c>
      <c r="AP533">
        <v>204.35263639111679</v>
      </c>
      <c r="AQ533">
        <v>3.5</v>
      </c>
      <c r="AR533">
        <v>3.375</v>
      </c>
      <c r="AS533">
        <v>8</v>
      </c>
      <c r="AT533">
        <v>0</v>
      </c>
      <c r="AU533">
        <v>0.34113545816733071</v>
      </c>
      <c r="AV533">
        <v>-0.31473985152441392</v>
      </c>
      <c r="AW533">
        <v>0.5</v>
      </c>
      <c r="AX533">
        <v>105</v>
      </c>
      <c r="AY533">
        <v>50</v>
      </c>
      <c r="AZ533">
        <v>95.5</v>
      </c>
      <c r="BA533">
        <v>0.68517627736596998</v>
      </c>
      <c r="BB533">
        <v>0.375</v>
      </c>
      <c r="BC533">
        <v>1.945910149055313</v>
      </c>
      <c r="BD533" t="s">
        <v>2090</v>
      </c>
      <c r="BE533" t="s">
        <v>68</v>
      </c>
    </row>
    <row r="534" spans="1:57" x14ac:dyDescent="0.3">
      <c r="A534" t="s">
        <v>2092</v>
      </c>
      <c r="B534">
        <v>2635</v>
      </c>
      <c r="C534" t="s">
        <v>2093</v>
      </c>
      <c r="D534" t="s">
        <v>2094</v>
      </c>
      <c r="E534" t="s">
        <v>85</v>
      </c>
      <c r="F534">
        <v>8</v>
      </c>
      <c r="G534">
        <v>84</v>
      </c>
      <c r="H534">
        <v>71</v>
      </c>
      <c r="I534">
        <v>4867.75</v>
      </c>
      <c r="J534">
        <v>69.769262573141759</v>
      </c>
      <c r="K534">
        <v>0.32567934424418538</v>
      </c>
      <c r="L534">
        <v>-1.329375760631847</v>
      </c>
      <c r="M534">
        <v>3</v>
      </c>
      <c r="N534">
        <v>1</v>
      </c>
      <c r="O534">
        <v>1</v>
      </c>
      <c r="P534">
        <v>0</v>
      </c>
      <c r="Q534">
        <v>0</v>
      </c>
      <c r="R534">
        <v>2.0794415416798362</v>
      </c>
      <c r="S534">
        <v>1</v>
      </c>
      <c r="T534">
        <v>1</v>
      </c>
      <c r="U534">
        <v>0</v>
      </c>
      <c r="V534">
        <v>0</v>
      </c>
      <c r="W534">
        <v>1.945910149055313</v>
      </c>
      <c r="X534">
        <v>1</v>
      </c>
      <c r="Y534">
        <v>1</v>
      </c>
      <c r="Z534">
        <v>0</v>
      </c>
      <c r="AA534">
        <v>0</v>
      </c>
      <c r="AB534">
        <v>1.791759469228055</v>
      </c>
      <c r="AC534">
        <v>1</v>
      </c>
      <c r="AD534">
        <v>1</v>
      </c>
      <c r="AE534">
        <v>0</v>
      </c>
      <c r="AF534">
        <v>0</v>
      </c>
      <c r="AG534">
        <v>1.6094379124341009</v>
      </c>
      <c r="AH534">
        <v>0.62623902213548355</v>
      </c>
      <c r="AI534">
        <v>0.15841507883519079</v>
      </c>
      <c r="AJ534">
        <v>-0.35370551075959122</v>
      </c>
      <c r="AK534">
        <v>0</v>
      </c>
      <c r="AL534">
        <v>225.94410291587579</v>
      </c>
      <c r="AM534">
        <v>210.5689016866929</v>
      </c>
      <c r="AN534">
        <v>672</v>
      </c>
      <c r="AO534">
        <v>26</v>
      </c>
      <c r="AP534">
        <v>113.0393092459</v>
      </c>
      <c r="AQ534">
        <v>3.5</v>
      </c>
      <c r="AR534">
        <v>3.5</v>
      </c>
      <c r="AS534">
        <v>8</v>
      </c>
      <c r="AT534">
        <v>0</v>
      </c>
      <c r="AU534">
        <v>0.32266009852216748</v>
      </c>
      <c r="AV534">
        <v>0.68327050436848935</v>
      </c>
      <c r="AW534">
        <v>0.25</v>
      </c>
      <c r="AX534">
        <v>49.714285714285722</v>
      </c>
      <c r="AY534">
        <v>62.5</v>
      </c>
      <c r="AZ534">
        <v>113</v>
      </c>
      <c r="BA534">
        <v>0.83058645920406859</v>
      </c>
      <c r="BB534">
        <v>0.5</v>
      </c>
      <c r="BC534">
        <v>1.945910149055313</v>
      </c>
      <c r="BD534" t="s">
        <v>2093</v>
      </c>
      <c r="BE534" t="s">
        <v>68</v>
      </c>
    </row>
    <row r="535" spans="1:57" x14ac:dyDescent="0.3">
      <c r="A535" t="s">
        <v>2095</v>
      </c>
      <c r="B535">
        <v>2315</v>
      </c>
      <c r="C535" t="s">
        <v>2096</v>
      </c>
      <c r="D535" t="s">
        <v>2097</v>
      </c>
      <c r="E535" t="s">
        <v>106</v>
      </c>
      <c r="F535">
        <v>2351</v>
      </c>
      <c r="G535">
        <v>129.44364100382819</v>
      </c>
      <c r="H535">
        <v>133</v>
      </c>
      <c r="I535">
        <v>5358.5930593079574</v>
      </c>
      <c r="J535">
        <v>73.202411567570351</v>
      </c>
      <c r="K535">
        <v>-5.8475768137880059E-2</v>
      </c>
      <c r="L535">
        <v>-1.164970715049191</v>
      </c>
      <c r="M535">
        <v>7.9122140911894752</v>
      </c>
      <c r="N535">
        <v>19</v>
      </c>
      <c r="O535">
        <v>1</v>
      </c>
      <c r="P535">
        <v>18</v>
      </c>
      <c r="Q535">
        <v>3.1711412906020029</v>
      </c>
      <c r="R535">
        <v>5.4843288892946527</v>
      </c>
      <c r="S535">
        <v>2</v>
      </c>
      <c r="T535">
        <v>1</v>
      </c>
      <c r="U535">
        <v>1</v>
      </c>
      <c r="V535">
        <v>0.1336653357076899</v>
      </c>
      <c r="W535">
        <v>7.7373942823862736</v>
      </c>
      <c r="X535">
        <v>1</v>
      </c>
      <c r="Y535">
        <v>1</v>
      </c>
      <c r="Z535">
        <v>0</v>
      </c>
      <c r="AA535">
        <v>0</v>
      </c>
      <c r="AB535">
        <v>7.7617449846589146</v>
      </c>
      <c r="AC535">
        <v>1</v>
      </c>
      <c r="AD535">
        <v>1</v>
      </c>
      <c r="AE535">
        <v>0</v>
      </c>
      <c r="AF535">
        <v>0</v>
      </c>
      <c r="AG535">
        <v>7.7613191809479893</v>
      </c>
      <c r="AH535">
        <v>-2.2156756475347709E-2</v>
      </c>
      <c r="AI535">
        <v>8.4331051447781476E-3</v>
      </c>
      <c r="AJ535">
        <v>3.8036918280651578E-4</v>
      </c>
      <c r="AK535">
        <v>1.9539291989347649E-2</v>
      </c>
      <c r="AL535">
        <v>3291.0145821323572</v>
      </c>
      <c r="AM535">
        <v>6415.5921800089654</v>
      </c>
      <c r="AN535">
        <v>304322</v>
      </c>
      <c r="AO535">
        <v>163.8828379386398</v>
      </c>
      <c r="AP535">
        <v>2876.7218047350161</v>
      </c>
      <c r="AQ535">
        <v>1.0097830710336031</v>
      </c>
      <c r="AR535">
        <v>4.0191407911527008</v>
      </c>
      <c r="AS535">
        <v>2336</v>
      </c>
      <c r="AT535">
        <v>280.32284134410901</v>
      </c>
      <c r="AU535">
        <v>2.7394266936889618E-2</v>
      </c>
      <c r="AV535">
        <v>-2.2158494825104069E-2</v>
      </c>
      <c r="AW535">
        <v>0.35048915355168009</v>
      </c>
      <c r="AX535">
        <v>85.048085106382985</v>
      </c>
      <c r="AY535">
        <v>63</v>
      </c>
      <c r="AZ535">
        <v>125</v>
      </c>
      <c r="BA535">
        <v>0.56551570243149651</v>
      </c>
      <c r="BB535">
        <v>0.51680136112292641</v>
      </c>
      <c r="BC535">
        <v>5.2944505871701901</v>
      </c>
      <c r="BD535" t="s">
        <v>2098</v>
      </c>
      <c r="BE535" t="s">
        <v>68</v>
      </c>
    </row>
    <row r="536" spans="1:57" x14ac:dyDescent="0.3">
      <c r="A536" t="s">
        <v>2099</v>
      </c>
      <c r="B536">
        <v>2639</v>
      </c>
      <c r="C536" t="s">
        <v>2100</v>
      </c>
      <c r="D536" t="s">
        <v>2101</v>
      </c>
      <c r="E536" t="s">
        <v>115</v>
      </c>
      <c r="F536">
        <v>2681</v>
      </c>
      <c r="G536">
        <v>128.7657590451324</v>
      </c>
      <c r="H536">
        <v>131</v>
      </c>
      <c r="I536">
        <v>5573.3759405745404</v>
      </c>
      <c r="J536">
        <v>74.65504631687358</v>
      </c>
      <c r="K536">
        <v>-2.4588327621641041E-2</v>
      </c>
      <c r="L536">
        <v>-1.212118503094362</v>
      </c>
      <c r="M536">
        <v>7.9291966052128204</v>
      </c>
      <c r="N536">
        <v>19</v>
      </c>
      <c r="O536">
        <v>3</v>
      </c>
      <c r="P536">
        <v>16</v>
      </c>
      <c r="Q536">
        <v>3.2414602911860482</v>
      </c>
      <c r="R536">
        <v>5.4961002710087694</v>
      </c>
      <c r="S536">
        <v>2</v>
      </c>
      <c r="T536">
        <v>1</v>
      </c>
      <c r="U536">
        <v>1</v>
      </c>
      <c r="V536">
        <v>0.14322492340653301</v>
      </c>
      <c r="W536">
        <v>7.8651220026610247</v>
      </c>
      <c r="X536">
        <v>1</v>
      </c>
      <c r="Y536">
        <v>1</v>
      </c>
      <c r="Z536">
        <v>0</v>
      </c>
      <c r="AA536">
        <v>0</v>
      </c>
      <c r="AB536">
        <v>7.8931988695446069</v>
      </c>
      <c r="AC536">
        <v>1</v>
      </c>
      <c r="AD536">
        <v>1</v>
      </c>
      <c r="AE536">
        <v>0</v>
      </c>
      <c r="AF536">
        <v>0</v>
      </c>
      <c r="AG536">
        <v>7.8928255262511193</v>
      </c>
      <c r="AH536">
        <v>-2.1318681362253809E-2</v>
      </c>
      <c r="AI536">
        <v>-1.538829079531524E-2</v>
      </c>
      <c r="AJ536">
        <v>-7.5049832592874672E-3</v>
      </c>
      <c r="AK536">
        <v>1.2519959642689109E-2</v>
      </c>
      <c r="AL536">
        <v>3536.19447730105</v>
      </c>
      <c r="AM536">
        <v>6847.6414639425711</v>
      </c>
      <c r="AN536">
        <v>345221</v>
      </c>
      <c r="AO536">
        <v>148.97198128762111</v>
      </c>
      <c r="AP536">
        <v>3186.8933686613859</v>
      </c>
      <c r="AQ536">
        <v>1.00857888847445</v>
      </c>
      <c r="AR536">
        <v>4.0078328981723237</v>
      </c>
      <c r="AS536">
        <v>2671</v>
      </c>
      <c r="AT536">
        <v>256.84110406564719</v>
      </c>
      <c r="AU536">
        <v>1.8812120148320451E-2</v>
      </c>
      <c r="AV536">
        <v>-2.1320314090983492E-2</v>
      </c>
      <c r="AW536">
        <v>0.35285341290563221</v>
      </c>
      <c r="AX536">
        <v>87.308955223880602</v>
      </c>
      <c r="AY536">
        <v>65</v>
      </c>
      <c r="AZ536">
        <v>131</v>
      </c>
      <c r="BA536">
        <v>0.57977405538926674</v>
      </c>
      <c r="BB536">
        <v>0.50913838120104438</v>
      </c>
      <c r="BC536">
        <v>5.3177787886963106</v>
      </c>
      <c r="BD536" t="s">
        <v>2102</v>
      </c>
      <c r="BE536" t="s">
        <v>68</v>
      </c>
    </row>
    <row r="537" spans="1:57" x14ac:dyDescent="0.3">
      <c r="A537" t="s">
        <v>2103</v>
      </c>
      <c r="B537">
        <v>130</v>
      </c>
      <c r="C537" t="s">
        <v>2104</v>
      </c>
      <c r="D537" t="s">
        <v>2105</v>
      </c>
      <c r="E537" t="s">
        <v>60</v>
      </c>
      <c r="F537">
        <v>256</v>
      </c>
      <c r="G537">
        <v>118.51171875</v>
      </c>
      <c r="H537">
        <v>122.5</v>
      </c>
      <c r="I537">
        <v>5470.5154876708984</v>
      </c>
      <c r="J537">
        <v>73.962933200833092</v>
      </c>
      <c r="K537">
        <v>4.1791272014876459E-2</v>
      </c>
      <c r="L537">
        <v>-1.202113536667329</v>
      </c>
      <c r="M537">
        <v>7.150046972504132</v>
      </c>
      <c r="N537">
        <v>6</v>
      </c>
      <c r="O537">
        <v>1</v>
      </c>
      <c r="P537">
        <v>5</v>
      </c>
      <c r="Q537">
        <v>0.82349118507335406</v>
      </c>
      <c r="R537">
        <v>4.9560348998624111</v>
      </c>
      <c r="S537">
        <v>2</v>
      </c>
      <c r="T537">
        <v>1</v>
      </c>
      <c r="U537">
        <v>1</v>
      </c>
      <c r="V537">
        <v>6.2621943781838038E-2</v>
      </c>
      <c r="W537">
        <v>5.5358270966834446</v>
      </c>
      <c r="X537">
        <v>1</v>
      </c>
      <c r="Y537">
        <v>1</v>
      </c>
      <c r="Z537">
        <v>0</v>
      </c>
      <c r="AA537">
        <v>0</v>
      </c>
      <c r="AB537">
        <v>5.5373342670185366</v>
      </c>
      <c r="AC537">
        <v>1</v>
      </c>
      <c r="AD537">
        <v>1</v>
      </c>
      <c r="AE537">
        <v>0</v>
      </c>
      <c r="AF537">
        <v>0</v>
      </c>
      <c r="AG537">
        <v>5.5333894887275203</v>
      </c>
      <c r="AH537">
        <v>6.4512761285783204E-2</v>
      </c>
      <c r="AI537">
        <v>-6.6147955318779997E-3</v>
      </c>
      <c r="AJ537">
        <v>6.1806709270468829E-2</v>
      </c>
      <c r="AK537">
        <v>2.080478368457267E-2</v>
      </c>
      <c r="AL537">
        <v>1178.662831077695</v>
      </c>
      <c r="AM537">
        <v>1899.1400502953741</v>
      </c>
      <c r="AN537">
        <v>30339</v>
      </c>
      <c r="AO537">
        <v>111.3259177846263</v>
      </c>
      <c r="AP537">
        <v>1010.651112617534</v>
      </c>
      <c r="AQ537">
        <v>1.08984375</v>
      </c>
      <c r="AR537">
        <v>3.81640625</v>
      </c>
      <c r="AS537">
        <v>254</v>
      </c>
      <c r="AT537">
        <v>66.968749999999986</v>
      </c>
      <c r="AU537">
        <v>5.8009350393700782E-2</v>
      </c>
      <c r="AV537">
        <v>6.4806434285863093E-2</v>
      </c>
      <c r="AW537">
        <v>0.35546875</v>
      </c>
      <c r="AX537">
        <v>81.858823529411765</v>
      </c>
      <c r="AY537">
        <v>64</v>
      </c>
      <c r="AZ537">
        <v>129.25</v>
      </c>
      <c r="BA537">
        <v>0.62409805528900986</v>
      </c>
      <c r="BB537">
        <v>0.50390625</v>
      </c>
      <c r="BC537">
        <v>4.8149605104704296</v>
      </c>
      <c r="BD537" t="s">
        <v>2106</v>
      </c>
      <c r="BE537" t="s">
        <v>62</v>
      </c>
    </row>
    <row r="538" spans="1:57" x14ac:dyDescent="0.3">
      <c r="A538" t="s">
        <v>2107</v>
      </c>
      <c r="B538">
        <v>2069</v>
      </c>
      <c r="C538" t="s">
        <v>2108</v>
      </c>
      <c r="D538" t="s">
        <v>2109</v>
      </c>
      <c r="E538" t="s">
        <v>66</v>
      </c>
      <c r="F538">
        <v>72</v>
      </c>
      <c r="G538">
        <v>122.6527777777778</v>
      </c>
      <c r="H538">
        <v>126.5</v>
      </c>
      <c r="I538">
        <v>6544.7266589506171</v>
      </c>
      <c r="J538">
        <v>80.899484911528432</v>
      </c>
      <c r="K538">
        <v>-8.2840314528066519E-2</v>
      </c>
      <c r="L538">
        <v>-1.425861578273143</v>
      </c>
      <c r="M538">
        <v>5.892147223664538</v>
      </c>
      <c r="N538">
        <v>2</v>
      </c>
      <c r="O538">
        <v>1</v>
      </c>
      <c r="P538">
        <v>1</v>
      </c>
      <c r="Q538">
        <v>0.36779852422552839</v>
      </c>
      <c r="R538">
        <v>4.0841252355271811</v>
      </c>
      <c r="S538">
        <v>2</v>
      </c>
      <c r="T538">
        <v>1</v>
      </c>
      <c r="U538">
        <v>1</v>
      </c>
      <c r="V538">
        <v>0.16776575221435111</v>
      </c>
      <c r="W538">
        <v>4.2236293316576567</v>
      </c>
      <c r="X538">
        <v>2</v>
      </c>
      <c r="Y538">
        <v>1</v>
      </c>
      <c r="Z538">
        <v>1</v>
      </c>
      <c r="AA538">
        <v>0.11951030798891769</v>
      </c>
      <c r="AB538">
        <v>4.2286910368905044</v>
      </c>
      <c r="AC538">
        <v>1</v>
      </c>
      <c r="AD538">
        <v>1</v>
      </c>
      <c r="AE538">
        <v>0</v>
      </c>
      <c r="AF538">
        <v>0</v>
      </c>
      <c r="AG538">
        <v>4.2341065045972579</v>
      </c>
      <c r="AH538">
        <v>0.23385037010566939</v>
      </c>
      <c r="AI538">
        <v>0.13299433680479339</v>
      </c>
      <c r="AJ538">
        <v>1.9866078721852368E-2</v>
      </c>
      <c r="AK538">
        <v>-5.1543883136864657E-2</v>
      </c>
      <c r="AL538">
        <v>724.56162661045391</v>
      </c>
      <c r="AM538">
        <v>1014.5824014064179</v>
      </c>
      <c r="AN538">
        <v>8831</v>
      </c>
      <c r="AO538">
        <v>143.53048456686821</v>
      </c>
      <c r="AP538">
        <v>546.88298565598097</v>
      </c>
      <c r="AQ538">
        <v>1.319444444444444</v>
      </c>
      <c r="AR538">
        <v>3.5694444444444451</v>
      </c>
      <c r="AS538">
        <v>72</v>
      </c>
      <c r="AT538">
        <v>7.222222222222225</v>
      </c>
      <c r="AU538">
        <v>8.6504811898512668E-2</v>
      </c>
      <c r="AV538">
        <v>0.2379031113589461</v>
      </c>
      <c r="AW538">
        <v>0.31944444444444442</v>
      </c>
      <c r="AX538">
        <v>79.704225352112672</v>
      </c>
      <c r="AY538">
        <v>72.5</v>
      </c>
      <c r="AZ538">
        <v>148.5</v>
      </c>
      <c r="BA538">
        <v>0.65958135133394269</v>
      </c>
      <c r="BB538">
        <v>0.5</v>
      </c>
      <c r="BC538">
        <v>4.0210069125736636</v>
      </c>
      <c r="BD538" t="s">
        <v>2110</v>
      </c>
      <c r="BE538" t="s">
        <v>68</v>
      </c>
    </row>
    <row r="539" spans="1:57" x14ac:dyDescent="0.3">
      <c r="A539" t="s">
        <v>2111</v>
      </c>
      <c r="B539">
        <v>134</v>
      </c>
      <c r="C539" t="s">
        <v>2112</v>
      </c>
      <c r="D539" t="s">
        <v>2113</v>
      </c>
      <c r="E539" t="s">
        <v>60</v>
      </c>
      <c r="F539">
        <v>512</v>
      </c>
      <c r="G539">
        <v>126.001953125</v>
      </c>
      <c r="H539">
        <v>125</v>
      </c>
      <c r="I539">
        <v>5270.8925743103027</v>
      </c>
      <c r="J539">
        <v>72.600913040472861</v>
      </c>
      <c r="K539">
        <v>-1.6946571940963891E-2</v>
      </c>
      <c r="L539">
        <v>-1.1744575223032989</v>
      </c>
      <c r="M539">
        <v>7.58454776317223</v>
      </c>
      <c r="N539">
        <v>7</v>
      </c>
      <c r="O539">
        <v>1</v>
      </c>
      <c r="P539">
        <v>6</v>
      </c>
      <c r="Q539">
        <v>1.2028444276952741</v>
      </c>
      <c r="R539">
        <v>5.2572078978650696</v>
      </c>
      <c r="S539">
        <v>2</v>
      </c>
      <c r="T539">
        <v>1</v>
      </c>
      <c r="U539">
        <v>1</v>
      </c>
      <c r="V539">
        <v>4.4237310481092057E-2</v>
      </c>
      <c r="W539">
        <v>6.2336566853874222</v>
      </c>
      <c r="X539">
        <v>1</v>
      </c>
      <c r="Y539">
        <v>1</v>
      </c>
      <c r="Z539">
        <v>0</v>
      </c>
      <c r="AA539">
        <v>0</v>
      </c>
      <c r="AB539">
        <v>6.2344107257183694</v>
      </c>
      <c r="AC539">
        <v>1</v>
      </c>
      <c r="AD539">
        <v>1</v>
      </c>
      <c r="AE539">
        <v>0</v>
      </c>
      <c r="AF539">
        <v>0</v>
      </c>
      <c r="AG539">
        <v>6.2324480165505216</v>
      </c>
      <c r="AH539">
        <v>2.1893191374465319E-2</v>
      </c>
      <c r="AI539">
        <v>8.4790557383866033E-4</v>
      </c>
      <c r="AJ539">
        <v>3.3850776191854792E-3</v>
      </c>
      <c r="AK539">
        <v>7.0339221555063169E-2</v>
      </c>
      <c r="AL539">
        <v>1587.9007186603039</v>
      </c>
      <c r="AM539">
        <v>2882.0187903062142</v>
      </c>
      <c r="AN539">
        <v>64513</v>
      </c>
      <c r="AO539">
        <v>90.488824951130098</v>
      </c>
      <c r="AP539">
        <v>1324.524298285296</v>
      </c>
      <c r="AQ539">
        <v>1.044921875</v>
      </c>
      <c r="AR539">
        <v>3.931640625</v>
      </c>
      <c r="AS539">
        <v>510</v>
      </c>
      <c r="AT539">
        <v>133.06640625</v>
      </c>
      <c r="AU539">
        <v>3.000153186274512E-2</v>
      </c>
      <c r="AV539">
        <v>2.189999371277894E-2</v>
      </c>
      <c r="AW539">
        <v>0.380859375</v>
      </c>
      <c r="AX539">
        <v>82.279843444227012</v>
      </c>
      <c r="AY539">
        <v>61</v>
      </c>
      <c r="AZ539">
        <v>120.25</v>
      </c>
      <c r="BA539">
        <v>0.57618879104555831</v>
      </c>
      <c r="BB539">
        <v>0.494140625</v>
      </c>
      <c r="BC539">
        <v>5.070636300329193</v>
      </c>
      <c r="BD539" t="s">
        <v>2114</v>
      </c>
      <c r="BE539" t="s">
        <v>62</v>
      </c>
    </row>
    <row r="540" spans="1:57" x14ac:dyDescent="0.3">
      <c r="A540" t="s">
        <v>2115</v>
      </c>
      <c r="B540">
        <v>3315</v>
      </c>
      <c r="C540" t="s">
        <v>2116</v>
      </c>
      <c r="D540" t="s">
        <v>2117</v>
      </c>
      <c r="E540" t="s">
        <v>128</v>
      </c>
      <c r="F540">
        <v>32</v>
      </c>
      <c r="G540">
        <v>136.34375</v>
      </c>
      <c r="H540">
        <v>130.5</v>
      </c>
      <c r="I540">
        <v>5430.9130859375</v>
      </c>
      <c r="J540">
        <v>73.694729024113386</v>
      </c>
      <c r="K540">
        <v>-3.2775589943282231E-2</v>
      </c>
      <c r="L540">
        <v>-1.2003789689581259</v>
      </c>
      <c r="M540">
        <v>4.875</v>
      </c>
      <c r="N540">
        <v>2</v>
      </c>
      <c r="O540">
        <v>1</v>
      </c>
      <c r="P540">
        <v>1</v>
      </c>
      <c r="Q540">
        <v>0.24944382578492941</v>
      </c>
      <c r="R540">
        <v>3.3790925052297318</v>
      </c>
      <c r="S540">
        <v>1</v>
      </c>
      <c r="T540">
        <v>1</v>
      </c>
      <c r="U540">
        <v>0</v>
      </c>
      <c r="V540">
        <v>0</v>
      </c>
      <c r="W540">
        <v>3.4339872044851458</v>
      </c>
      <c r="X540">
        <v>1</v>
      </c>
      <c r="Y540">
        <v>1</v>
      </c>
      <c r="Z540">
        <v>0</v>
      </c>
      <c r="AA540">
        <v>0</v>
      </c>
      <c r="AB540">
        <v>3.401197381662155</v>
      </c>
      <c r="AC540">
        <v>1</v>
      </c>
      <c r="AD540">
        <v>1</v>
      </c>
      <c r="AE540">
        <v>0</v>
      </c>
      <c r="AF540">
        <v>0</v>
      </c>
      <c r="AG540">
        <v>3.3672958299864728</v>
      </c>
      <c r="AH540">
        <v>-0.20370901554595139</v>
      </c>
      <c r="AI540">
        <v>7.3212510035954109E-2</v>
      </c>
      <c r="AJ540">
        <v>-1.420397127087321E-2</v>
      </c>
      <c r="AK540">
        <v>4.1061808440720667E-2</v>
      </c>
      <c r="AL540">
        <v>529.95650257045077</v>
      </c>
      <c r="AM540">
        <v>698.42902673306457</v>
      </c>
      <c r="AN540">
        <v>4363</v>
      </c>
      <c r="AO540">
        <v>239.41857693728099</v>
      </c>
      <c r="AP540">
        <v>401.30035033776721</v>
      </c>
      <c r="AQ540">
        <v>1.71875</v>
      </c>
      <c r="AR540">
        <v>4.40625</v>
      </c>
      <c r="AS540">
        <v>32</v>
      </c>
      <c r="AT540">
        <v>1.75</v>
      </c>
      <c r="AU540">
        <v>7.5500000000000012E-2</v>
      </c>
      <c r="AV540">
        <v>-0.20400863563185681</v>
      </c>
      <c r="AW540">
        <v>0.375</v>
      </c>
      <c r="AX540">
        <v>89.903225806451616</v>
      </c>
      <c r="AY540">
        <v>69.5</v>
      </c>
      <c r="AZ540">
        <v>129</v>
      </c>
      <c r="BA540">
        <v>0.54050683675719191</v>
      </c>
      <c r="BB540">
        <v>0.46875</v>
      </c>
      <c r="BC540">
        <v>3.3892680315457948</v>
      </c>
      <c r="BD540" t="s">
        <v>2118</v>
      </c>
      <c r="BE540" t="s">
        <v>62</v>
      </c>
    </row>
    <row r="541" spans="1:57" x14ac:dyDescent="0.3">
      <c r="A541" t="s">
        <v>2119</v>
      </c>
      <c r="B541">
        <v>144</v>
      </c>
      <c r="C541" t="s">
        <v>2120</v>
      </c>
      <c r="D541" t="s">
        <v>2121</v>
      </c>
      <c r="E541" t="s">
        <v>60</v>
      </c>
      <c r="F541">
        <v>512</v>
      </c>
      <c r="G541">
        <v>129.072265625</v>
      </c>
      <c r="H541">
        <v>124.5</v>
      </c>
      <c r="I541">
        <v>5355.7389183044434</v>
      </c>
      <c r="J541">
        <v>73.182914114596741</v>
      </c>
      <c r="K541">
        <v>-1.3923612740917491E-2</v>
      </c>
      <c r="L541">
        <v>-1.2199199006441219</v>
      </c>
      <c r="M541">
        <v>7.6138064545615798</v>
      </c>
      <c r="N541">
        <v>7</v>
      </c>
      <c r="O541">
        <v>1</v>
      </c>
      <c r="P541">
        <v>6</v>
      </c>
      <c r="Q541">
        <v>1.2410222671341991</v>
      </c>
      <c r="R541">
        <v>5.27748847730847</v>
      </c>
      <c r="S541">
        <v>2</v>
      </c>
      <c r="T541">
        <v>1</v>
      </c>
      <c r="U541">
        <v>1</v>
      </c>
      <c r="V541">
        <v>4.4237310481092057E-2</v>
      </c>
      <c r="W541">
        <v>6.2336566853874231</v>
      </c>
      <c r="X541">
        <v>1</v>
      </c>
      <c r="Y541">
        <v>1</v>
      </c>
      <c r="Z541">
        <v>0</v>
      </c>
      <c r="AA541">
        <v>0</v>
      </c>
      <c r="AB541">
        <v>6.2344107257183694</v>
      </c>
      <c r="AC541">
        <v>1</v>
      </c>
      <c r="AD541">
        <v>1</v>
      </c>
      <c r="AE541">
        <v>0</v>
      </c>
      <c r="AF541">
        <v>0</v>
      </c>
      <c r="AG541">
        <v>6.2324480165505216</v>
      </c>
      <c r="AH541">
        <v>2.6121012044472221E-3</v>
      </c>
      <c r="AI541">
        <v>3.3206553912928503E-2</v>
      </c>
      <c r="AJ541">
        <v>5.519271026903548E-2</v>
      </c>
      <c r="AK541">
        <v>3.059755100873255E-2</v>
      </c>
      <c r="AL541">
        <v>1618.043455822856</v>
      </c>
      <c r="AM541">
        <v>2941.736625714278</v>
      </c>
      <c r="AN541">
        <v>66085</v>
      </c>
      <c r="AO541">
        <v>146.4829183345303</v>
      </c>
      <c r="AP541">
        <v>1477.1424565536779</v>
      </c>
      <c r="AQ541">
        <v>1.044921875</v>
      </c>
      <c r="AR541">
        <v>4.021484375</v>
      </c>
      <c r="AS541">
        <v>509</v>
      </c>
      <c r="AT541">
        <v>153.640625</v>
      </c>
      <c r="AU541">
        <v>2.422182578740156E-2</v>
      </c>
      <c r="AV541">
        <v>2.6215077142056789E-3</v>
      </c>
      <c r="AW541">
        <v>0.392578125</v>
      </c>
      <c r="AX541">
        <v>84.168297455968684</v>
      </c>
      <c r="AY541">
        <v>65.5</v>
      </c>
      <c r="AZ541">
        <v>130.25</v>
      </c>
      <c r="BA541">
        <v>0.56699178371299885</v>
      </c>
      <c r="BB541">
        <v>0.484375</v>
      </c>
      <c r="BC541">
        <v>5.0737121532165457</v>
      </c>
      <c r="BD541" t="s">
        <v>2122</v>
      </c>
      <c r="BE541" t="s">
        <v>62</v>
      </c>
    </row>
    <row r="542" spans="1:57" x14ac:dyDescent="0.3">
      <c r="A542" t="s">
        <v>2123</v>
      </c>
      <c r="B542">
        <v>1260</v>
      </c>
      <c r="C542" t="s">
        <v>2124</v>
      </c>
      <c r="D542" t="s">
        <v>2125</v>
      </c>
      <c r="E542" t="s">
        <v>66</v>
      </c>
      <c r="F542">
        <v>72</v>
      </c>
      <c r="G542">
        <v>137.26388888888891</v>
      </c>
      <c r="H542">
        <v>147</v>
      </c>
      <c r="I542">
        <v>5019.5553626543206</v>
      </c>
      <c r="J542">
        <v>70.848820474686249</v>
      </c>
      <c r="K542">
        <v>-0.3468144774207107</v>
      </c>
      <c r="L542">
        <v>-0.93949688350827865</v>
      </c>
      <c r="M542">
        <v>5.7322892374933314</v>
      </c>
      <c r="N542">
        <v>3</v>
      </c>
      <c r="O542">
        <v>1</v>
      </c>
      <c r="P542">
        <v>2</v>
      </c>
      <c r="Q542">
        <v>0.51388836897813372</v>
      </c>
      <c r="R542">
        <v>3.9733201231226181</v>
      </c>
      <c r="S542">
        <v>2</v>
      </c>
      <c r="T542">
        <v>1</v>
      </c>
      <c r="U542">
        <v>1</v>
      </c>
      <c r="V542">
        <v>0.16776575221435111</v>
      </c>
      <c r="W542">
        <v>4.2236293316576567</v>
      </c>
      <c r="X542">
        <v>2</v>
      </c>
      <c r="Y542">
        <v>1</v>
      </c>
      <c r="Z542">
        <v>1</v>
      </c>
      <c r="AA542">
        <v>0.11951030798891769</v>
      </c>
      <c r="AB542">
        <v>4.2286910368905044</v>
      </c>
      <c r="AC542">
        <v>1</v>
      </c>
      <c r="AD542">
        <v>1</v>
      </c>
      <c r="AE542">
        <v>0</v>
      </c>
      <c r="AF542">
        <v>0</v>
      </c>
      <c r="AG542">
        <v>4.2341065045972579</v>
      </c>
      <c r="AH542">
        <v>0.24598073645651361</v>
      </c>
      <c r="AI542">
        <v>0.28476392858648791</v>
      </c>
      <c r="AJ542">
        <v>1.844106741306159E-2</v>
      </c>
      <c r="AK542">
        <v>-5.3080828314756169E-2</v>
      </c>
      <c r="AL542">
        <v>655.48884160400507</v>
      </c>
      <c r="AM542">
        <v>1135.0424567092809</v>
      </c>
      <c r="AN542">
        <v>9883</v>
      </c>
      <c r="AO542">
        <v>53.624434039836657</v>
      </c>
      <c r="AP542">
        <v>447.68494699993062</v>
      </c>
      <c r="AQ542">
        <v>1.319444444444444</v>
      </c>
      <c r="AR542">
        <v>3.9861111111111112</v>
      </c>
      <c r="AS542">
        <v>70</v>
      </c>
      <c r="AT542">
        <v>11.91666666666667</v>
      </c>
      <c r="AU542">
        <v>0.1163398692810458</v>
      </c>
      <c r="AV542">
        <v>0.2491552064827883</v>
      </c>
      <c r="AW542">
        <v>0.31944444444444442</v>
      </c>
      <c r="AX542">
        <v>66.098591549295776</v>
      </c>
      <c r="AY542">
        <v>53</v>
      </c>
      <c r="AZ542">
        <v>111.75</v>
      </c>
      <c r="BA542">
        <v>0.5161504678920783</v>
      </c>
      <c r="BB542">
        <v>0.55555555555555558</v>
      </c>
      <c r="BC542">
        <v>3.962431094498176</v>
      </c>
      <c r="BD542" t="s">
        <v>2126</v>
      </c>
      <c r="BE542" t="s">
        <v>68</v>
      </c>
    </row>
    <row r="543" spans="1:57" x14ac:dyDescent="0.3">
      <c r="A543" t="s">
        <v>2127</v>
      </c>
      <c r="B543">
        <v>142</v>
      </c>
      <c r="C543" t="s">
        <v>2128</v>
      </c>
      <c r="D543" t="s">
        <v>2129</v>
      </c>
      <c r="E543" t="s">
        <v>60</v>
      </c>
      <c r="F543">
        <v>256</v>
      </c>
      <c r="G543">
        <v>123.46875</v>
      </c>
      <c r="H543">
        <v>129.5</v>
      </c>
      <c r="I543">
        <v>4905.3818359375</v>
      </c>
      <c r="J543">
        <v>70.0384311356094</v>
      </c>
      <c r="K543">
        <v>-4.0322874549684293E-2</v>
      </c>
      <c r="L543">
        <v>-1.0973398941535339</v>
      </c>
      <c r="M543">
        <v>7.232154589725436</v>
      </c>
      <c r="N543">
        <v>4</v>
      </c>
      <c r="O543">
        <v>1</v>
      </c>
      <c r="P543">
        <v>3</v>
      </c>
      <c r="Q543">
        <v>0.72479668639494133</v>
      </c>
      <c r="R543">
        <v>5.0129475632418536</v>
      </c>
      <c r="S543">
        <v>1</v>
      </c>
      <c r="T543">
        <v>1</v>
      </c>
      <c r="U543">
        <v>0</v>
      </c>
      <c r="V543">
        <v>0</v>
      </c>
      <c r="W543">
        <v>5.541263545158424</v>
      </c>
      <c r="X543">
        <v>1</v>
      </c>
      <c r="Y543">
        <v>1</v>
      </c>
      <c r="Z543">
        <v>0</v>
      </c>
      <c r="AA543">
        <v>0</v>
      </c>
      <c r="AB543">
        <v>5.5373342670185366</v>
      </c>
      <c r="AC543">
        <v>1</v>
      </c>
      <c r="AD543">
        <v>1</v>
      </c>
      <c r="AE543">
        <v>0</v>
      </c>
      <c r="AF543">
        <v>0</v>
      </c>
      <c r="AG543">
        <v>5.5333894887275203</v>
      </c>
      <c r="AH543">
        <v>-4.6621581507207389E-2</v>
      </c>
      <c r="AI543">
        <v>-7.5386703827568218E-4</v>
      </c>
      <c r="AJ543">
        <v>-5.7316998276814912E-2</v>
      </c>
      <c r="AK543">
        <v>-5.0444911654351256E-3</v>
      </c>
      <c r="AL543">
        <v>1129.3625359836701</v>
      </c>
      <c r="AM543">
        <v>1970.512182737406</v>
      </c>
      <c r="AN543">
        <v>31608</v>
      </c>
      <c r="AO543">
        <v>33.664211401557289</v>
      </c>
      <c r="AP543">
        <v>929.51284648025785</v>
      </c>
      <c r="AQ543">
        <v>1.08984375</v>
      </c>
      <c r="AR543">
        <v>3.9140625</v>
      </c>
      <c r="AS543">
        <v>255</v>
      </c>
      <c r="AT543">
        <v>56.546874999999993</v>
      </c>
      <c r="AU543">
        <v>5.379199604743079E-2</v>
      </c>
      <c r="AV543">
        <v>-4.6660978503739119E-2</v>
      </c>
      <c r="AW543">
        <v>0.34375</v>
      </c>
      <c r="AX543">
        <v>83.560784313725492</v>
      </c>
      <c r="AY543">
        <v>58.5</v>
      </c>
      <c r="AZ543">
        <v>117</v>
      </c>
      <c r="BA543">
        <v>0.56725633924057217</v>
      </c>
      <c r="BB543">
        <v>0.51953125</v>
      </c>
      <c r="BC543">
        <v>4.831340071837853</v>
      </c>
      <c r="BD543" t="s">
        <v>2130</v>
      </c>
      <c r="BE543" t="s">
        <v>62</v>
      </c>
    </row>
    <row r="544" spans="1:57" x14ac:dyDescent="0.3">
      <c r="A544" t="s">
        <v>2131</v>
      </c>
      <c r="B544">
        <v>2683</v>
      </c>
      <c r="C544" t="s">
        <v>2132</v>
      </c>
      <c r="D544" t="s">
        <v>2133</v>
      </c>
      <c r="E544" t="s">
        <v>93</v>
      </c>
      <c r="F544">
        <v>2683</v>
      </c>
      <c r="G544">
        <v>128.3742079761461</v>
      </c>
      <c r="H544">
        <v>129</v>
      </c>
      <c r="I544">
        <v>5564.4197894863773</v>
      </c>
      <c r="J544">
        <v>74.595038638547379</v>
      </c>
      <c r="K544">
        <v>-3.6350146803174527E-2</v>
      </c>
      <c r="L544">
        <v>-1.243287915192645</v>
      </c>
      <c r="M544">
        <v>7.9334765752773064</v>
      </c>
      <c r="N544">
        <v>20</v>
      </c>
      <c r="O544">
        <v>2</v>
      </c>
      <c r="P544">
        <v>18</v>
      </c>
      <c r="Q544">
        <v>3.1411472474676252</v>
      </c>
      <c r="R544">
        <v>5.4990669201918383</v>
      </c>
      <c r="S544">
        <v>2</v>
      </c>
      <c r="T544">
        <v>1</v>
      </c>
      <c r="U544">
        <v>1</v>
      </c>
      <c r="V544">
        <v>0.13921543214284429</v>
      </c>
      <c r="W544">
        <v>7.8674398733948534</v>
      </c>
      <c r="X544">
        <v>1</v>
      </c>
      <c r="Y544">
        <v>1</v>
      </c>
      <c r="Z544">
        <v>0</v>
      </c>
      <c r="AA544">
        <v>0</v>
      </c>
      <c r="AB544">
        <v>7.8939451382359582</v>
      </c>
      <c r="AC544">
        <v>1</v>
      </c>
      <c r="AD544">
        <v>1</v>
      </c>
      <c r="AE544">
        <v>0</v>
      </c>
      <c r="AF544">
        <v>0</v>
      </c>
      <c r="AG544">
        <v>7.8935720735049024</v>
      </c>
      <c r="AH544">
        <v>-1.3548655419024671E-2</v>
      </c>
      <c r="AI544">
        <v>-1.6656192926535671E-3</v>
      </c>
      <c r="AJ544">
        <v>-2.9350312583555822E-2</v>
      </c>
      <c r="AK544">
        <v>-9.17337369480393E-3</v>
      </c>
      <c r="AL544">
        <v>3561.733453094836</v>
      </c>
      <c r="AM544">
        <v>6816.0886738000336</v>
      </c>
      <c r="AN544">
        <v>344427.99999999988</v>
      </c>
      <c r="AO544">
        <v>124.7848237842872</v>
      </c>
      <c r="AP544">
        <v>3277.1042061837152</v>
      </c>
      <c r="AQ544">
        <v>1.0085724934774509</v>
      </c>
      <c r="AR544">
        <v>4.008945210585166</v>
      </c>
      <c r="AS544">
        <v>2670</v>
      </c>
      <c r="AT544">
        <v>241.01043607901599</v>
      </c>
      <c r="AU544">
        <v>2.194646028370351E-2</v>
      </c>
      <c r="AV544">
        <v>-1.35557135961216E-2</v>
      </c>
      <c r="AW544">
        <v>0.3630264629146478</v>
      </c>
      <c r="AX544">
        <v>86.557792692020882</v>
      </c>
      <c r="AY544">
        <v>66</v>
      </c>
      <c r="AZ544">
        <v>132</v>
      </c>
      <c r="BA544">
        <v>0.58107496680648096</v>
      </c>
      <c r="BB544">
        <v>0.50018635855385762</v>
      </c>
      <c r="BC544">
        <v>5.3172531616359429</v>
      </c>
      <c r="BD544" t="s">
        <v>2134</v>
      </c>
      <c r="BE544" t="s">
        <v>68</v>
      </c>
    </row>
    <row r="545" spans="1:57" x14ac:dyDescent="0.3">
      <c r="A545" t="s">
        <v>2135</v>
      </c>
      <c r="B545">
        <v>2329</v>
      </c>
      <c r="C545" t="s">
        <v>2136</v>
      </c>
      <c r="D545" t="s">
        <v>2137</v>
      </c>
      <c r="E545" t="s">
        <v>98</v>
      </c>
      <c r="F545">
        <v>16</v>
      </c>
      <c r="G545">
        <v>158.1875</v>
      </c>
      <c r="H545">
        <v>158</v>
      </c>
      <c r="I545">
        <v>4246.90234375</v>
      </c>
      <c r="J545">
        <v>65.168261782481196</v>
      </c>
      <c r="K545">
        <v>-0.19373445672527009</v>
      </c>
      <c r="L545">
        <v>-1.0713770754867531</v>
      </c>
      <c r="M545">
        <v>3.75</v>
      </c>
      <c r="N545">
        <v>2</v>
      </c>
      <c r="O545">
        <v>1</v>
      </c>
      <c r="P545">
        <v>1</v>
      </c>
      <c r="Q545">
        <v>0.3499271061118826</v>
      </c>
      <c r="R545">
        <v>2.5993019270997948</v>
      </c>
      <c r="S545">
        <v>1</v>
      </c>
      <c r="T545">
        <v>1</v>
      </c>
      <c r="U545">
        <v>0</v>
      </c>
      <c r="V545">
        <v>0</v>
      </c>
      <c r="W545">
        <v>2.7080502011022101</v>
      </c>
      <c r="X545">
        <v>1</v>
      </c>
      <c r="Y545">
        <v>1</v>
      </c>
      <c r="Z545">
        <v>0</v>
      </c>
      <c r="AA545">
        <v>0</v>
      </c>
      <c r="AB545">
        <v>2.639057329615258</v>
      </c>
      <c r="AC545">
        <v>1</v>
      </c>
      <c r="AD545">
        <v>1</v>
      </c>
      <c r="AE545">
        <v>0</v>
      </c>
      <c r="AF545">
        <v>0</v>
      </c>
      <c r="AG545">
        <v>2.5649493574615372</v>
      </c>
      <c r="AH545">
        <v>-0.10576234562507419</v>
      </c>
      <c r="AI545">
        <v>2.933089098948038E-3</v>
      </c>
      <c r="AJ545">
        <v>-0.2070441162538505</v>
      </c>
      <c r="AK545">
        <v>0.15081155198596041</v>
      </c>
      <c r="AL545">
        <v>395.67033123591921</v>
      </c>
      <c r="AM545">
        <v>558.36187994853128</v>
      </c>
      <c r="AN545">
        <v>2531</v>
      </c>
      <c r="AO545">
        <v>141.01327940481761</v>
      </c>
      <c r="AP545">
        <v>250.2214974609719</v>
      </c>
      <c r="AQ545">
        <v>2.3125</v>
      </c>
      <c r="AR545">
        <v>4.5</v>
      </c>
      <c r="AS545">
        <v>16</v>
      </c>
      <c r="AT545">
        <v>1.5</v>
      </c>
      <c r="AU545">
        <v>0.15797244094488189</v>
      </c>
      <c r="AV545">
        <v>-0.10952015975796391</v>
      </c>
      <c r="AW545">
        <v>0.375</v>
      </c>
      <c r="AX545">
        <v>79.733333333333334</v>
      </c>
      <c r="AY545">
        <v>57</v>
      </c>
      <c r="AZ545">
        <v>104.75</v>
      </c>
      <c r="BA545">
        <v>0.41196846642421941</v>
      </c>
      <c r="BB545">
        <v>0.5</v>
      </c>
      <c r="BC545">
        <v>2.488327743368588</v>
      </c>
      <c r="BD545" t="s">
        <v>2136</v>
      </c>
      <c r="BE545" t="s">
        <v>62</v>
      </c>
    </row>
    <row r="546" spans="1:57" x14ac:dyDescent="0.3">
      <c r="A546" t="s">
        <v>2138</v>
      </c>
      <c r="B546">
        <v>2249</v>
      </c>
      <c r="C546" t="s">
        <v>2139</v>
      </c>
      <c r="D546" t="s">
        <v>2140</v>
      </c>
      <c r="E546" t="s">
        <v>66</v>
      </c>
      <c r="F546">
        <v>71</v>
      </c>
      <c r="G546">
        <v>121.4366197183099</v>
      </c>
      <c r="H546">
        <v>116</v>
      </c>
      <c r="I546">
        <v>6102.4431660384844</v>
      </c>
      <c r="J546">
        <v>78.118135961110113</v>
      </c>
      <c r="K546">
        <v>5.6877934148332317E-2</v>
      </c>
      <c r="L546">
        <v>-1.300368161222766</v>
      </c>
      <c r="M546">
        <v>5.9137627884882908</v>
      </c>
      <c r="N546">
        <v>3</v>
      </c>
      <c r="O546">
        <v>1</v>
      </c>
      <c r="P546">
        <v>2</v>
      </c>
      <c r="Q546">
        <v>0.37763102391651798</v>
      </c>
      <c r="R546">
        <v>4.0991080033409828</v>
      </c>
      <c r="S546">
        <v>1</v>
      </c>
      <c r="T546">
        <v>1</v>
      </c>
      <c r="U546">
        <v>0</v>
      </c>
      <c r="V546">
        <v>0</v>
      </c>
      <c r="W546">
        <v>4.2484952420493576</v>
      </c>
      <c r="X546">
        <v>1</v>
      </c>
      <c r="Y546">
        <v>1</v>
      </c>
      <c r="Z546">
        <v>0</v>
      </c>
      <c r="AA546">
        <v>0</v>
      </c>
      <c r="AB546">
        <v>4.2341065045972579</v>
      </c>
      <c r="AC546">
        <v>1</v>
      </c>
      <c r="AD546">
        <v>1</v>
      </c>
      <c r="AE546">
        <v>0</v>
      </c>
      <c r="AF546">
        <v>0</v>
      </c>
      <c r="AG546">
        <v>4.2195077051761087</v>
      </c>
      <c r="AH546">
        <v>1.6524464944129649E-2</v>
      </c>
      <c r="AI546">
        <v>0.17830813189632</v>
      </c>
      <c r="AJ546">
        <v>-0.1051186836578875</v>
      </c>
      <c r="AK546">
        <v>-0.30562519381158743</v>
      </c>
      <c r="AL546">
        <v>674.61929978570538</v>
      </c>
      <c r="AM546">
        <v>1012.516074122601</v>
      </c>
      <c r="AN546">
        <v>8622</v>
      </c>
      <c r="AO546">
        <v>112.4897283127854</v>
      </c>
      <c r="AP546">
        <v>469.80534845214038</v>
      </c>
      <c r="AQ546">
        <v>1.323943661971831</v>
      </c>
      <c r="AR546">
        <v>3.676056338028169</v>
      </c>
      <c r="AS546">
        <v>71</v>
      </c>
      <c r="AT546">
        <v>7.971830985915493</v>
      </c>
      <c r="AU546">
        <v>7.6935923843455989E-2</v>
      </c>
      <c r="AV546">
        <v>1.7174840184641549E-2</v>
      </c>
      <c r="AW546">
        <v>0.36619718309859162</v>
      </c>
      <c r="AX546">
        <v>93.028571428571425</v>
      </c>
      <c r="AY546">
        <v>68</v>
      </c>
      <c r="AZ546">
        <v>139</v>
      </c>
      <c r="BA546">
        <v>0.64328318873101575</v>
      </c>
      <c r="BB546">
        <v>0.47887323943661969</v>
      </c>
      <c r="BC546">
        <v>4.0504531904608054</v>
      </c>
      <c r="BD546" t="s">
        <v>2141</v>
      </c>
      <c r="BE546" t="s">
        <v>68</v>
      </c>
    </row>
    <row r="547" spans="1:57" x14ac:dyDescent="0.3">
      <c r="A547" t="s">
        <v>2142</v>
      </c>
      <c r="B547">
        <v>2387</v>
      </c>
      <c r="C547" t="s">
        <v>2143</v>
      </c>
      <c r="D547" t="s">
        <v>2144</v>
      </c>
      <c r="E547" t="s">
        <v>98</v>
      </c>
      <c r="F547">
        <v>16</v>
      </c>
      <c r="G547">
        <v>101.5</v>
      </c>
      <c r="H547">
        <v>63</v>
      </c>
      <c r="I547">
        <v>7558.25</v>
      </c>
      <c r="J547">
        <v>86.938196438619542</v>
      </c>
      <c r="K547">
        <v>0.51605338362336994</v>
      </c>
      <c r="L547">
        <v>-1.4015079143272711</v>
      </c>
      <c r="M547">
        <v>4</v>
      </c>
      <c r="N547">
        <v>1</v>
      </c>
      <c r="O547">
        <v>1</v>
      </c>
      <c r="P547">
        <v>0</v>
      </c>
      <c r="Q547">
        <v>0</v>
      </c>
      <c r="R547">
        <v>2.7725887222397811</v>
      </c>
      <c r="S547">
        <v>1</v>
      </c>
      <c r="T547">
        <v>1</v>
      </c>
      <c r="U547">
        <v>0</v>
      </c>
      <c r="V547">
        <v>0</v>
      </c>
      <c r="W547">
        <v>2.7080502011022101</v>
      </c>
      <c r="X547">
        <v>1</v>
      </c>
      <c r="Y547">
        <v>1</v>
      </c>
      <c r="Z547">
        <v>0</v>
      </c>
      <c r="AA547">
        <v>0</v>
      </c>
      <c r="AB547">
        <v>2.639057329615258</v>
      </c>
      <c r="AC547">
        <v>1</v>
      </c>
      <c r="AD547">
        <v>1</v>
      </c>
      <c r="AE547">
        <v>0</v>
      </c>
      <c r="AF547">
        <v>0</v>
      </c>
      <c r="AG547">
        <v>2.5649493574615372</v>
      </c>
      <c r="AH547">
        <v>0.1048089008699104</v>
      </c>
      <c r="AI547">
        <v>-0.31341993847782218</v>
      </c>
      <c r="AJ547">
        <v>0.17850320841464631</v>
      </c>
      <c r="AK547">
        <v>-6.6405087156418477E-2</v>
      </c>
      <c r="AL547">
        <v>418.16398819886041</v>
      </c>
      <c r="AM547">
        <v>333.02684422374028</v>
      </c>
      <c r="AN547">
        <v>1624</v>
      </c>
      <c r="AO547">
        <v>239.1859177591235</v>
      </c>
      <c r="AP547">
        <v>302.36997554699798</v>
      </c>
      <c r="AQ547">
        <v>2.25</v>
      </c>
      <c r="AR547">
        <v>3.5</v>
      </c>
      <c r="AS547">
        <v>16</v>
      </c>
      <c r="AT547">
        <v>0</v>
      </c>
      <c r="AU547">
        <v>0.30134854771784231</v>
      </c>
      <c r="AV547">
        <v>0.1189096030298375</v>
      </c>
      <c r="AW547">
        <v>0.375</v>
      </c>
      <c r="AX547">
        <v>87.2</v>
      </c>
      <c r="AY547">
        <v>50.5</v>
      </c>
      <c r="AZ547">
        <v>159.25</v>
      </c>
      <c r="BA547">
        <v>0.85653395506029106</v>
      </c>
      <c r="BB547">
        <v>0.375</v>
      </c>
      <c r="BC547">
        <v>2.7080502011022101</v>
      </c>
      <c r="BD547" t="s">
        <v>2143</v>
      </c>
      <c r="BE547" t="s">
        <v>62</v>
      </c>
    </row>
    <row r="548" spans="1:57" x14ac:dyDescent="0.3">
      <c r="A548" t="s">
        <v>2145</v>
      </c>
      <c r="B548">
        <v>3022</v>
      </c>
      <c r="C548" t="s">
        <v>2146</v>
      </c>
      <c r="D548" t="s">
        <v>2147</v>
      </c>
      <c r="E548" t="s">
        <v>115</v>
      </c>
      <c r="F548">
        <v>3056</v>
      </c>
      <c r="G548">
        <v>127.96302356020939</v>
      </c>
      <c r="H548">
        <v>129</v>
      </c>
      <c r="I548">
        <v>5579.0271013292886</v>
      </c>
      <c r="J548">
        <v>74.692885212242857</v>
      </c>
      <c r="K548">
        <v>-3.2650769005882263E-2</v>
      </c>
      <c r="L548">
        <v>-1.233212382216184</v>
      </c>
      <c r="M548">
        <v>7.9438090336364482</v>
      </c>
      <c r="N548">
        <v>22</v>
      </c>
      <c r="O548">
        <v>4</v>
      </c>
      <c r="P548">
        <v>18</v>
      </c>
      <c r="Q548">
        <v>3.3125</v>
      </c>
      <c r="R548">
        <v>5.5062288345717274</v>
      </c>
      <c r="S548">
        <v>3</v>
      </c>
      <c r="T548">
        <v>1</v>
      </c>
      <c r="U548">
        <v>2</v>
      </c>
      <c r="V548">
        <v>0.14362096285541931</v>
      </c>
      <c r="W548">
        <v>7.9966830862793197</v>
      </c>
      <c r="X548">
        <v>1</v>
      </c>
      <c r="Y548">
        <v>1</v>
      </c>
      <c r="Z548">
        <v>0</v>
      </c>
      <c r="AA548">
        <v>0</v>
      </c>
      <c r="AB548">
        <v>8.0242074857785752</v>
      </c>
      <c r="AC548">
        <v>1</v>
      </c>
      <c r="AD548">
        <v>1</v>
      </c>
      <c r="AE548">
        <v>0</v>
      </c>
      <c r="AF548">
        <v>0</v>
      </c>
      <c r="AG548">
        <v>8.0238799927348765</v>
      </c>
      <c r="AH548">
        <v>-9.2272410611380102E-3</v>
      </c>
      <c r="AI548">
        <v>1.24304482700376E-3</v>
      </c>
      <c r="AJ548">
        <v>-2.1530056827421359E-2</v>
      </c>
      <c r="AK548">
        <v>-8.9311488651944142E-3</v>
      </c>
      <c r="AL548">
        <v>3794.305903694883</v>
      </c>
      <c r="AM548">
        <v>7259.0171310712703</v>
      </c>
      <c r="AN548">
        <v>391055.00000000012</v>
      </c>
      <c r="AO548">
        <v>144.07192595390001</v>
      </c>
      <c r="AP548">
        <v>3404.984156189988</v>
      </c>
      <c r="AQ548">
        <v>1.007526178010471</v>
      </c>
      <c r="AR548">
        <v>3.9931282722513091</v>
      </c>
      <c r="AS548">
        <v>3044</v>
      </c>
      <c r="AT548">
        <v>235.3089005235602</v>
      </c>
      <c r="AU548">
        <v>1.7753567395544571E-2</v>
      </c>
      <c r="AV548">
        <v>-9.2319645949819062E-3</v>
      </c>
      <c r="AW548">
        <v>0.36321989528795812</v>
      </c>
      <c r="AX548">
        <v>87.04353518821604</v>
      </c>
      <c r="AY548">
        <v>65.5</v>
      </c>
      <c r="AZ548">
        <v>131</v>
      </c>
      <c r="BA548">
        <v>0.58370678602399706</v>
      </c>
      <c r="BB548">
        <v>0.50327225130890052</v>
      </c>
      <c r="BC548">
        <v>5.3281364136873703</v>
      </c>
      <c r="BD548" t="s">
        <v>2148</v>
      </c>
      <c r="BE548" t="s">
        <v>62</v>
      </c>
    </row>
    <row r="549" spans="1:57" x14ac:dyDescent="0.3">
      <c r="A549" t="s">
        <v>2149</v>
      </c>
      <c r="B549">
        <v>3383</v>
      </c>
      <c r="C549" t="s">
        <v>2150</v>
      </c>
      <c r="D549" t="s">
        <v>2151</v>
      </c>
      <c r="E549" t="s">
        <v>85</v>
      </c>
      <c r="F549">
        <v>8</v>
      </c>
      <c r="G549">
        <v>162.75</v>
      </c>
      <c r="H549">
        <v>170.5</v>
      </c>
      <c r="I549">
        <v>3783.9375</v>
      </c>
      <c r="J549">
        <v>61.513717982251727</v>
      </c>
      <c r="K549">
        <v>-0.56531076513493739</v>
      </c>
      <c r="L549">
        <v>-0.34015024965868829</v>
      </c>
      <c r="M549">
        <v>3</v>
      </c>
      <c r="N549">
        <v>1</v>
      </c>
      <c r="O549">
        <v>1</v>
      </c>
      <c r="P549">
        <v>0</v>
      </c>
      <c r="Q549">
        <v>0</v>
      </c>
      <c r="R549">
        <v>2.0794415416798362</v>
      </c>
      <c r="S549">
        <v>1</v>
      </c>
      <c r="T549">
        <v>1</v>
      </c>
      <c r="U549">
        <v>0</v>
      </c>
      <c r="V549">
        <v>0</v>
      </c>
      <c r="W549">
        <v>1.945910149055313</v>
      </c>
      <c r="X549">
        <v>1</v>
      </c>
      <c r="Y549">
        <v>1</v>
      </c>
      <c r="Z549">
        <v>0</v>
      </c>
      <c r="AA549">
        <v>0</v>
      </c>
      <c r="AB549">
        <v>1.791759469228055</v>
      </c>
      <c r="AC549">
        <v>1</v>
      </c>
      <c r="AD549">
        <v>1</v>
      </c>
      <c r="AE549">
        <v>0</v>
      </c>
      <c r="AF549">
        <v>0</v>
      </c>
      <c r="AG549">
        <v>1.6094379124341009</v>
      </c>
      <c r="AH549">
        <v>-0.60377954511669396</v>
      </c>
      <c r="AI549">
        <v>9.4383330855755412E-2</v>
      </c>
      <c r="AJ549">
        <v>-0.18465594701286689</v>
      </c>
      <c r="AK549">
        <v>0</v>
      </c>
      <c r="AL549">
        <v>304.95583459752282</v>
      </c>
      <c r="AM549">
        <v>386.23042208625708</v>
      </c>
      <c r="AN549">
        <v>1302</v>
      </c>
      <c r="AO549">
        <v>44.3291150039081</v>
      </c>
      <c r="AP549">
        <v>179.74711169309151</v>
      </c>
      <c r="AQ549">
        <v>3.5</v>
      </c>
      <c r="AR549">
        <v>4.25</v>
      </c>
      <c r="AS549">
        <v>8</v>
      </c>
      <c r="AT549">
        <v>0</v>
      </c>
      <c r="AU549">
        <v>0.1721887550200803</v>
      </c>
      <c r="AV549">
        <v>-0.61084131892665483</v>
      </c>
      <c r="AW549">
        <v>0.25</v>
      </c>
      <c r="AX549">
        <v>97.285714285714292</v>
      </c>
      <c r="AY549">
        <v>40.5</v>
      </c>
      <c r="AZ549">
        <v>59.5</v>
      </c>
      <c r="BA549">
        <v>0.37796447300922731</v>
      </c>
      <c r="BB549">
        <v>0.5</v>
      </c>
      <c r="BC549">
        <v>1.945910149055313</v>
      </c>
      <c r="BD549" t="s">
        <v>2150</v>
      </c>
      <c r="BE549" t="s">
        <v>68</v>
      </c>
    </row>
    <row r="550" spans="1:57" x14ac:dyDescent="0.3">
      <c r="A550" t="s">
        <v>2152</v>
      </c>
      <c r="B550">
        <v>591</v>
      </c>
      <c r="C550" t="s">
        <v>2153</v>
      </c>
      <c r="D550" t="s">
        <v>2154</v>
      </c>
      <c r="E550" t="s">
        <v>72</v>
      </c>
      <c r="F550">
        <v>592</v>
      </c>
      <c r="G550">
        <v>136.44087837837839</v>
      </c>
      <c r="H550">
        <v>137.5</v>
      </c>
      <c r="I550">
        <v>5690.0708289581817</v>
      </c>
      <c r="J550">
        <v>75.432558149370635</v>
      </c>
      <c r="K550">
        <v>-0.1303594612857521</v>
      </c>
      <c r="L550">
        <v>-1.2545317592079379</v>
      </c>
      <c r="M550">
        <v>7.627997241223734</v>
      </c>
      <c r="N550">
        <v>9</v>
      </c>
      <c r="O550">
        <v>1</v>
      </c>
      <c r="P550">
        <v>8</v>
      </c>
      <c r="Q550">
        <v>1.4350410727817331</v>
      </c>
      <c r="R550">
        <v>5.2873247810732904</v>
      </c>
      <c r="S550">
        <v>2</v>
      </c>
      <c r="T550">
        <v>1</v>
      </c>
      <c r="U550">
        <v>1</v>
      </c>
      <c r="V550">
        <v>7.1246122672290524E-2</v>
      </c>
      <c r="W550">
        <v>6.3747789901922927</v>
      </c>
      <c r="X550">
        <v>1</v>
      </c>
      <c r="Y550">
        <v>1</v>
      </c>
      <c r="Z550">
        <v>0</v>
      </c>
      <c r="AA550">
        <v>0</v>
      </c>
      <c r="AB550">
        <v>6.3801225368997674</v>
      </c>
      <c r="AC550">
        <v>1</v>
      </c>
      <c r="AD550">
        <v>1</v>
      </c>
      <c r="AE550">
        <v>0</v>
      </c>
      <c r="AF550">
        <v>0</v>
      </c>
      <c r="AG550">
        <v>6.3784261836515856</v>
      </c>
      <c r="AH550">
        <v>2.5490879322467391E-2</v>
      </c>
      <c r="AI550">
        <v>-3.0459581156186379E-2</v>
      </c>
      <c r="AJ550">
        <v>-5.1596333915910418E-2</v>
      </c>
      <c r="AK550">
        <v>-3.0020446253401872E-2</v>
      </c>
      <c r="AL550">
        <v>1749.9527734980791</v>
      </c>
      <c r="AM550">
        <v>3365.5499239390861</v>
      </c>
      <c r="AN550">
        <v>80773</v>
      </c>
      <c r="AO550">
        <v>140.11167086388821</v>
      </c>
      <c r="AP550">
        <v>1565.4912904723601</v>
      </c>
      <c r="AQ550">
        <v>1.0388513513513511</v>
      </c>
      <c r="AR550">
        <v>4.1368243243243246</v>
      </c>
      <c r="AS550">
        <v>591</v>
      </c>
      <c r="AT550">
        <v>182.42229729729729</v>
      </c>
      <c r="AU550">
        <v>8.7698728139904536E-2</v>
      </c>
      <c r="AV550">
        <v>2.5548895961648711E-2</v>
      </c>
      <c r="AW550">
        <v>0.34966216216216223</v>
      </c>
      <c r="AX550">
        <v>86.803722504230123</v>
      </c>
      <c r="AY550">
        <v>66.5</v>
      </c>
      <c r="AZ550">
        <v>133.25</v>
      </c>
      <c r="BA550">
        <v>0.55285893088565996</v>
      </c>
      <c r="BB550">
        <v>0.50168918918918914</v>
      </c>
      <c r="BC550">
        <v>5.125783200300047</v>
      </c>
      <c r="BD550" t="s">
        <v>2155</v>
      </c>
      <c r="BE550" t="s">
        <v>62</v>
      </c>
    </row>
    <row r="551" spans="1:57" x14ac:dyDescent="0.3">
      <c r="A551" t="s">
        <v>2156</v>
      </c>
      <c r="B551">
        <v>3566</v>
      </c>
      <c r="C551" t="s">
        <v>2157</v>
      </c>
      <c r="D551" t="s">
        <v>2158</v>
      </c>
      <c r="E551" t="s">
        <v>66</v>
      </c>
      <c r="F551">
        <v>72</v>
      </c>
      <c r="G551">
        <v>112.2083333333333</v>
      </c>
      <c r="H551">
        <v>113</v>
      </c>
      <c r="I551">
        <v>5014.192708333333</v>
      </c>
      <c r="J551">
        <v>70.810964605302004</v>
      </c>
      <c r="K551">
        <v>0.21782783436391939</v>
      </c>
      <c r="L551">
        <v>-0.90205565423037726</v>
      </c>
      <c r="M551">
        <v>5.7705515639122673</v>
      </c>
      <c r="N551">
        <v>3</v>
      </c>
      <c r="O551">
        <v>1</v>
      </c>
      <c r="P551">
        <v>2</v>
      </c>
      <c r="Q551">
        <v>0.46647411236098901</v>
      </c>
      <c r="R551">
        <v>3.999841546801568</v>
      </c>
      <c r="S551">
        <v>2</v>
      </c>
      <c r="T551">
        <v>1</v>
      </c>
      <c r="U551">
        <v>1</v>
      </c>
      <c r="V551">
        <v>0.16776575221435111</v>
      </c>
      <c r="W551">
        <v>4.2236293316576567</v>
      </c>
      <c r="X551">
        <v>2</v>
      </c>
      <c r="Y551">
        <v>1</v>
      </c>
      <c r="Z551">
        <v>1</v>
      </c>
      <c r="AA551">
        <v>0.11951030798891769</v>
      </c>
      <c r="AB551">
        <v>4.2286910368905044</v>
      </c>
      <c r="AC551">
        <v>1</v>
      </c>
      <c r="AD551">
        <v>1</v>
      </c>
      <c r="AE551">
        <v>0</v>
      </c>
      <c r="AF551">
        <v>0</v>
      </c>
      <c r="AG551">
        <v>4.2341065045972579</v>
      </c>
      <c r="AH551">
        <v>9.030107920899684E-2</v>
      </c>
      <c r="AI551">
        <v>-5.361411425708092E-3</v>
      </c>
      <c r="AJ551">
        <v>-0.18409343943647619</v>
      </c>
      <c r="AK551">
        <v>7.6198243219718742E-2</v>
      </c>
      <c r="AL551">
        <v>639.25025814496689</v>
      </c>
      <c r="AM551">
        <v>926.77511158942605</v>
      </c>
      <c r="AN551">
        <v>8079</v>
      </c>
      <c r="AO551">
        <v>59.522200499155517</v>
      </c>
      <c r="AP551">
        <v>505.62730746017019</v>
      </c>
      <c r="AQ551">
        <v>1.291666666666667</v>
      </c>
      <c r="AR551">
        <v>3.583333333333333</v>
      </c>
      <c r="AS551">
        <v>71</v>
      </c>
      <c r="AT551">
        <v>10.16666666666667</v>
      </c>
      <c r="AU551">
        <v>0.16468253968253979</v>
      </c>
      <c r="AV551">
        <v>9.0820181593981003E-2</v>
      </c>
      <c r="AW551">
        <v>0.44444444444444442</v>
      </c>
      <c r="AX551">
        <v>78.25352112676056</v>
      </c>
      <c r="AY551">
        <v>59</v>
      </c>
      <c r="AZ551">
        <v>113.5</v>
      </c>
      <c r="BA551">
        <v>0.63106689585118758</v>
      </c>
      <c r="BB551">
        <v>0.5</v>
      </c>
      <c r="BC551">
        <v>3.9819563671900058</v>
      </c>
      <c r="BD551" t="s">
        <v>2159</v>
      </c>
      <c r="BE551" t="s">
        <v>68</v>
      </c>
    </row>
    <row r="552" spans="1:57" x14ac:dyDescent="0.3">
      <c r="A552" t="s">
        <v>2160</v>
      </c>
      <c r="B552">
        <v>3356</v>
      </c>
      <c r="C552" t="s">
        <v>2161</v>
      </c>
      <c r="D552" t="s">
        <v>2162</v>
      </c>
      <c r="E552" t="s">
        <v>72</v>
      </c>
      <c r="F552">
        <v>3448</v>
      </c>
      <c r="G552">
        <v>128.32308584686771</v>
      </c>
      <c r="H552">
        <v>129</v>
      </c>
      <c r="I552">
        <v>5413.1792582269691</v>
      </c>
      <c r="J552">
        <v>73.57431112981601</v>
      </c>
      <c r="K552">
        <v>-2.7199428190085591E-2</v>
      </c>
      <c r="L552">
        <v>-1.198133395780882</v>
      </c>
      <c r="M552">
        <v>7.944131351430304</v>
      </c>
      <c r="N552">
        <v>24</v>
      </c>
      <c r="O552">
        <v>3</v>
      </c>
      <c r="P552">
        <v>21</v>
      </c>
      <c r="Q552">
        <v>3.7205877811845811</v>
      </c>
      <c r="R552">
        <v>5.5064522482417706</v>
      </c>
      <c r="S552">
        <v>3</v>
      </c>
      <c r="T552">
        <v>1</v>
      </c>
      <c r="U552">
        <v>2</v>
      </c>
      <c r="V552">
        <v>0.15977470791098619</v>
      </c>
      <c r="W552">
        <v>8.1105207898414733</v>
      </c>
      <c r="X552">
        <v>2</v>
      </c>
      <c r="Y552">
        <v>1</v>
      </c>
      <c r="Z552">
        <v>1</v>
      </c>
      <c r="AA552">
        <v>2.40911364839623E-2</v>
      </c>
      <c r="AB552">
        <v>8.14416483533447</v>
      </c>
      <c r="AC552">
        <v>1</v>
      </c>
      <c r="AD552">
        <v>1</v>
      </c>
      <c r="AE552">
        <v>0</v>
      </c>
      <c r="AF552">
        <v>0</v>
      </c>
      <c r="AG552">
        <v>8.1446791834477565</v>
      </c>
      <c r="AH552">
        <v>-6.175763871667992E-3</v>
      </c>
      <c r="AI552">
        <v>2.208650248374327E-4</v>
      </c>
      <c r="AJ552">
        <v>2.5275578394827261E-3</v>
      </c>
      <c r="AK552">
        <v>-1.347930326660279E-2</v>
      </c>
      <c r="AL552">
        <v>3988.203302262536</v>
      </c>
      <c r="AM552">
        <v>7715.986807908771</v>
      </c>
      <c r="AN552">
        <v>442457.99999999988</v>
      </c>
      <c r="AO552">
        <v>76.687089823150458</v>
      </c>
      <c r="AP552">
        <v>3691.1208203394258</v>
      </c>
      <c r="AQ552">
        <v>1.0066705336426911</v>
      </c>
      <c r="AR552">
        <v>3.9941995359628768</v>
      </c>
      <c r="AS552">
        <v>3435</v>
      </c>
      <c r="AT552">
        <v>263.1090487238979</v>
      </c>
      <c r="AU552">
        <v>1.4619444065329111E-2</v>
      </c>
      <c r="AV552">
        <v>-6.1767116017831247E-3</v>
      </c>
      <c r="AW552">
        <v>0.37006960556844548</v>
      </c>
      <c r="AX552">
        <v>85.318827966347556</v>
      </c>
      <c r="AY552">
        <v>64</v>
      </c>
      <c r="AZ552">
        <v>127</v>
      </c>
      <c r="BA552">
        <v>0.57335210296933403</v>
      </c>
      <c r="BB552">
        <v>0.50261020881670537</v>
      </c>
      <c r="BC552">
        <v>5.3183616220232039</v>
      </c>
      <c r="BD552" t="s">
        <v>2163</v>
      </c>
      <c r="BE552" t="s">
        <v>68</v>
      </c>
    </row>
    <row r="553" spans="1:57" x14ac:dyDescent="0.3">
      <c r="A553" t="s">
        <v>2164</v>
      </c>
      <c r="B553">
        <v>1882</v>
      </c>
      <c r="C553" t="s">
        <v>2165</v>
      </c>
      <c r="D553" t="s">
        <v>2166</v>
      </c>
      <c r="E553" t="s">
        <v>115</v>
      </c>
      <c r="F553">
        <v>1920</v>
      </c>
      <c r="G553">
        <v>128.1015625</v>
      </c>
      <c r="H553">
        <v>129</v>
      </c>
      <c r="I553">
        <v>5299.9662475585938</v>
      </c>
      <c r="J553">
        <v>72.800867079716809</v>
      </c>
      <c r="K553">
        <v>-1.9538411120871159E-2</v>
      </c>
      <c r="L553">
        <v>-1.2015700603762269</v>
      </c>
      <c r="M553">
        <v>7.9085999058053611</v>
      </c>
      <c r="N553">
        <v>16</v>
      </c>
      <c r="O553">
        <v>1</v>
      </c>
      <c r="P553">
        <v>15</v>
      </c>
      <c r="Q553">
        <v>2.6413183261394302</v>
      </c>
      <c r="R553">
        <v>5.4818237268856347</v>
      </c>
      <c r="S553">
        <v>2</v>
      </c>
      <c r="T553">
        <v>1</v>
      </c>
      <c r="U553">
        <v>1</v>
      </c>
      <c r="V553">
        <v>0.1311151847364572</v>
      </c>
      <c r="W553">
        <v>7.5357201453474794</v>
      </c>
      <c r="X553">
        <v>1</v>
      </c>
      <c r="Y553">
        <v>1</v>
      </c>
      <c r="Z553">
        <v>0</v>
      </c>
      <c r="AA553">
        <v>0</v>
      </c>
      <c r="AB553">
        <v>7.5590382554433857</v>
      </c>
      <c r="AC553">
        <v>1</v>
      </c>
      <c r="AD553">
        <v>1</v>
      </c>
      <c r="AE553">
        <v>0</v>
      </c>
      <c r="AF553">
        <v>0</v>
      </c>
      <c r="AG553">
        <v>7.5585167430456472</v>
      </c>
      <c r="AH553">
        <v>-1.8790196590778251E-2</v>
      </c>
      <c r="AI553">
        <v>-2.4555291192792358E-2</v>
      </c>
      <c r="AJ553">
        <v>-2.7212842512476621E-2</v>
      </c>
      <c r="AK553">
        <v>1.5908475485885261E-2</v>
      </c>
      <c r="AL553">
        <v>2954.113672613501</v>
      </c>
      <c r="AM553">
        <v>5740.7636608101166</v>
      </c>
      <c r="AN553">
        <v>245955</v>
      </c>
      <c r="AO553">
        <v>116.56740984291849</v>
      </c>
      <c r="AP553">
        <v>2670.7348006178199</v>
      </c>
      <c r="AQ553">
        <v>1.0119791666666671</v>
      </c>
      <c r="AR553">
        <v>4.002604166666667</v>
      </c>
      <c r="AS553">
        <v>1915</v>
      </c>
      <c r="AT553">
        <v>238.1333333333333</v>
      </c>
      <c r="AU553">
        <v>1.5931372549019659E-2</v>
      </c>
      <c r="AV553">
        <v>-1.879382931668205E-2</v>
      </c>
      <c r="AW553">
        <v>0.38177083333333328</v>
      </c>
      <c r="AX553">
        <v>85.394997394476292</v>
      </c>
      <c r="AY553">
        <v>64</v>
      </c>
      <c r="AZ553">
        <v>127</v>
      </c>
      <c r="BA553">
        <v>0.56830584778945858</v>
      </c>
      <c r="BB553">
        <v>0.50156250000000002</v>
      </c>
      <c r="BC553">
        <v>5.287294809186041</v>
      </c>
      <c r="BD553" t="s">
        <v>2167</v>
      </c>
      <c r="BE553" t="s">
        <v>62</v>
      </c>
    </row>
    <row r="554" spans="1:57" x14ac:dyDescent="0.3">
      <c r="A554" t="s">
        <v>2168</v>
      </c>
      <c r="B554">
        <v>3595</v>
      </c>
      <c r="C554" t="s">
        <v>2169</v>
      </c>
      <c r="D554" t="s">
        <v>2170</v>
      </c>
      <c r="E554" t="s">
        <v>66</v>
      </c>
      <c r="F554">
        <v>71</v>
      </c>
      <c r="G554">
        <v>116.2535211267606</v>
      </c>
      <c r="H554">
        <v>102</v>
      </c>
      <c r="I554">
        <v>6119.4568537988489</v>
      </c>
      <c r="J554">
        <v>78.226957334405185</v>
      </c>
      <c r="K554">
        <v>0.23108588364147289</v>
      </c>
      <c r="L554">
        <v>-1.2313754699792869</v>
      </c>
      <c r="M554">
        <v>5.8467925419789459</v>
      </c>
      <c r="N554">
        <v>3</v>
      </c>
      <c r="O554">
        <v>1</v>
      </c>
      <c r="P554">
        <v>2</v>
      </c>
      <c r="Q554">
        <v>0.45014853172937641</v>
      </c>
      <c r="R554">
        <v>4.0526877657916263</v>
      </c>
      <c r="S554">
        <v>1</v>
      </c>
      <c r="T554">
        <v>1</v>
      </c>
      <c r="U554">
        <v>0</v>
      </c>
      <c r="V554">
        <v>0</v>
      </c>
      <c r="W554">
        <v>4.2484952420493576</v>
      </c>
      <c r="X554">
        <v>1</v>
      </c>
      <c r="Y554">
        <v>1</v>
      </c>
      <c r="Z554">
        <v>0</v>
      </c>
      <c r="AA554">
        <v>0</v>
      </c>
      <c r="AB554">
        <v>4.2341065045972579</v>
      </c>
      <c r="AC554">
        <v>1</v>
      </c>
      <c r="AD554">
        <v>1</v>
      </c>
      <c r="AE554">
        <v>0</v>
      </c>
      <c r="AF554">
        <v>0</v>
      </c>
      <c r="AG554">
        <v>4.2195077051761087</v>
      </c>
      <c r="AH554">
        <v>2.8116841265385391E-2</v>
      </c>
      <c r="AI554">
        <v>0.13679700389602989</v>
      </c>
      <c r="AJ554">
        <v>-0.14924181972543499</v>
      </c>
      <c r="AK554">
        <v>-8.9540759121649938E-2</v>
      </c>
      <c r="AL554">
        <v>684.89419898017593</v>
      </c>
      <c r="AM554">
        <v>961.74733490834433</v>
      </c>
      <c r="AN554">
        <v>8254</v>
      </c>
      <c r="AO554">
        <v>55.503089492017097</v>
      </c>
      <c r="AP554">
        <v>493.43834453605888</v>
      </c>
      <c r="AQ554">
        <v>1.323943661971831</v>
      </c>
      <c r="AR554">
        <v>3.788732394366197</v>
      </c>
      <c r="AS554">
        <v>71</v>
      </c>
      <c r="AT554">
        <v>10.619718309859159</v>
      </c>
      <c r="AU554">
        <v>0.13635355439724961</v>
      </c>
      <c r="AV554">
        <v>2.8376024462722509E-2</v>
      </c>
      <c r="AW554">
        <v>0.352112676056338</v>
      </c>
      <c r="AX554">
        <v>89.771428571428572</v>
      </c>
      <c r="AY554">
        <v>69</v>
      </c>
      <c r="AZ554">
        <v>135.5</v>
      </c>
      <c r="BA554">
        <v>0.67289968145659906</v>
      </c>
      <c r="BB554">
        <v>0.47887323943661969</v>
      </c>
      <c r="BC554">
        <v>4.1221950376138752</v>
      </c>
      <c r="BD554" t="s">
        <v>2171</v>
      </c>
      <c r="BE554" t="s">
        <v>68</v>
      </c>
    </row>
    <row r="555" spans="1:57" x14ac:dyDescent="0.3">
      <c r="A555" t="s">
        <v>2172</v>
      </c>
      <c r="B555">
        <v>3040</v>
      </c>
      <c r="C555" t="s">
        <v>2173</v>
      </c>
      <c r="D555" t="s">
        <v>2174</v>
      </c>
      <c r="E555" t="s">
        <v>85</v>
      </c>
      <c r="F555">
        <v>8</v>
      </c>
      <c r="G555">
        <v>126.25</v>
      </c>
      <c r="H555">
        <v>131</v>
      </c>
      <c r="I555">
        <v>6501.4375</v>
      </c>
      <c r="J555">
        <v>80.631491986692154</v>
      </c>
      <c r="K555">
        <v>-6.2188215031172153E-2</v>
      </c>
      <c r="L555">
        <v>-1.389418467922253</v>
      </c>
      <c r="M555">
        <v>3</v>
      </c>
      <c r="N555">
        <v>1</v>
      </c>
      <c r="O555">
        <v>1</v>
      </c>
      <c r="P555">
        <v>0</v>
      </c>
      <c r="Q555">
        <v>0</v>
      </c>
      <c r="R555">
        <v>2.0794415416798362</v>
      </c>
      <c r="S555">
        <v>1</v>
      </c>
      <c r="T555">
        <v>1</v>
      </c>
      <c r="U555">
        <v>0</v>
      </c>
      <c r="V555">
        <v>0</v>
      </c>
      <c r="W555">
        <v>1.945910149055313</v>
      </c>
      <c r="X555">
        <v>1</v>
      </c>
      <c r="Y555">
        <v>1</v>
      </c>
      <c r="Z555">
        <v>0</v>
      </c>
      <c r="AA555">
        <v>0</v>
      </c>
      <c r="AB555">
        <v>1.791759469228055</v>
      </c>
      <c r="AC555">
        <v>1</v>
      </c>
      <c r="AD555">
        <v>1</v>
      </c>
      <c r="AE555">
        <v>0</v>
      </c>
      <c r="AF555">
        <v>0</v>
      </c>
      <c r="AG555">
        <v>1.6094379124341009</v>
      </c>
      <c r="AH555">
        <v>-0.11793185160974019</v>
      </c>
      <c r="AI555">
        <v>-0.36535429664593411</v>
      </c>
      <c r="AJ555">
        <v>-7.5869038578006781E-2</v>
      </c>
      <c r="AK555">
        <v>0</v>
      </c>
      <c r="AL555">
        <v>322.38404050696971</v>
      </c>
      <c r="AM555">
        <v>274.94095807354819</v>
      </c>
      <c r="AN555">
        <v>1010</v>
      </c>
      <c r="AO555">
        <v>2</v>
      </c>
      <c r="AP555">
        <v>260.62932907388449</v>
      </c>
      <c r="AQ555">
        <v>3.5</v>
      </c>
      <c r="AR555">
        <v>4.125</v>
      </c>
      <c r="AS555">
        <v>8</v>
      </c>
      <c r="AT555">
        <v>0</v>
      </c>
      <c r="AU555">
        <v>0.13946280991735541</v>
      </c>
      <c r="AV555">
        <v>-0.13896652896809339</v>
      </c>
      <c r="AW555">
        <v>0.375</v>
      </c>
      <c r="AX555">
        <v>104.1428571428571</v>
      </c>
      <c r="AY555">
        <v>77</v>
      </c>
      <c r="AZ555">
        <v>135.25</v>
      </c>
      <c r="BA555">
        <v>0.63866528306290815</v>
      </c>
      <c r="BB555">
        <v>0.5</v>
      </c>
      <c r="BC555">
        <v>1.945910149055313</v>
      </c>
      <c r="BD555" t="s">
        <v>2173</v>
      </c>
      <c r="BE555" t="s">
        <v>68</v>
      </c>
    </row>
    <row r="556" spans="1:57" x14ac:dyDescent="0.3">
      <c r="A556" t="s">
        <v>2175</v>
      </c>
      <c r="B556">
        <v>2452</v>
      </c>
      <c r="C556" t="s">
        <v>2176</v>
      </c>
      <c r="D556" t="s">
        <v>2177</v>
      </c>
      <c r="E556" t="s">
        <v>106</v>
      </c>
      <c r="F556">
        <v>2466</v>
      </c>
      <c r="G556">
        <v>128.77169505271701</v>
      </c>
      <c r="H556">
        <v>130</v>
      </c>
      <c r="I556">
        <v>5301.9563926661313</v>
      </c>
      <c r="J556">
        <v>72.814534213068555</v>
      </c>
      <c r="K556">
        <v>-2.1134390504312289E-2</v>
      </c>
      <c r="L556">
        <v>-1.1567666658628499</v>
      </c>
      <c r="M556">
        <v>7.9302698419180384</v>
      </c>
      <c r="N556">
        <v>17</v>
      </c>
      <c r="O556">
        <v>3</v>
      </c>
      <c r="P556">
        <v>14</v>
      </c>
      <c r="Q556">
        <v>2.9669299519610761</v>
      </c>
      <c r="R556">
        <v>5.4968441820050558</v>
      </c>
      <c r="S556">
        <v>3</v>
      </c>
      <c r="T556">
        <v>1</v>
      </c>
      <c r="U556">
        <v>2</v>
      </c>
      <c r="V556">
        <v>0.15472989474361271</v>
      </c>
      <c r="W556">
        <v>7.7776785157962216</v>
      </c>
      <c r="X556">
        <v>2</v>
      </c>
      <c r="Y556">
        <v>1</v>
      </c>
      <c r="Z556">
        <v>1</v>
      </c>
      <c r="AA556">
        <v>2.0145572440203461E-2</v>
      </c>
      <c r="AB556">
        <v>7.8089787051886699</v>
      </c>
      <c r="AC556">
        <v>1</v>
      </c>
      <c r="AD556">
        <v>1</v>
      </c>
      <c r="AE556">
        <v>0</v>
      </c>
      <c r="AF556">
        <v>0</v>
      </c>
      <c r="AG556">
        <v>7.8091353981205387</v>
      </c>
      <c r="AH556">
        <v>-1.9292475091062852E-2</v>
      </c>
      <c r="AI556">
        <v>-1.5124582723008191E-2</v>
      </c>
      <c r="AJ556">
        <v>-1.240219223082837E-2</v>
      </c>
      <c r="AK556">
        <v>-7.0848397377247831E-3</v>
      </c>
      <c r="AL556">
        <v>3335.3061093545298</v>
      </c>
      <c r="AM556">
        <v>6545.3753259001387</v>
      </c>
      <c r="AN556">
        <v>317551</v>
      </c>
      <c r="AO556">
        <v>33.066943753632152</v>
      </c>
      <c r="AP556">
        <v>3072.105922842471</v>
      </c>
      <c r="AQ556">
        <v>1.009326845093268</v>
      </c>
      <c r="AR556">
        <v>4.033252230332522</v>
      </c>
      <c r="AS556">
        <v>2458</v>
      </c>
      <c r="AT556">
        <v>233.93836171938361</v>
      </c>
      <c r="AU556">
        <v>1.7976241591527109E-2</v>
      </c>
      <c r="AV556">
        <v>-1.9302272399794491E-2</v>
      </c>
      <c r="AW556">
        <v>0.36658556366585571</v>
      </c>
      <c r="AX556">
        <v>85.363894523326579</v>
      </c>
      <c r="AY556">
        <v>62</v>
      </c>
      <c r="AZ556">
        <v>124</v>
      </c>
      <c r="BA556">
        <v>0.56545449823627403</v>
      </c>
      <c r="BB556">
        <v>0.50892133008921325</v>
      </c>
      <c r="BC556">
        <v>5.2934895334218526</v>
      </c>
      <c r="BD556" t="s">
        <v>2178</v>
      </c>
      <c r="BE556" t="s">
        <v>68</v>
      </c>
    </row>
    <row r="557" spans="1:57" x14ac:dyDescent="0.3">
      <c r="A557" t="s">
        <v>2179</v>
      </c>
      <c r="B557">
        <v>2937</v>
      </c>
      <c r="C557" t="s">
        <v>2180</v>
      </c>
      <c r="D557" t="s">
        <v>2181</v>
      </c>
      <c r="E557" t="s">
        <v>93</v>
      </c>
      <c r="F557">
        <v>2949</v>
      </c>
      <c r="G557">
        <v>127.5998643608003</v>
      </c>
      <c r="H557">
        <v>128</v>
      </c>
      <c r="I557">
        <v>5383.3454865872309</v>
      </c>
      <c r="J557">
        <v>73.371285163797083</v>
      </c>
      <c r="K557">
        <v>-1.779931373305952E-2</v>
      </c>
      <c r="L557">
        <v>-1.168358746589069</v>
      </c>
      <c r="M557">
        <v>7.9356661480458408</v>
      </c>
      <c r="N557">
        <v>20</v>
      </c>
      <c r="O557">
        <v>4</v>
      </c>
      <c r="P557">
        <v>16</v>
      </c>
      <c r="Q557">
        <v>3.389956641355969</v>
      </c>
      <c r="R557">
        <v>5.5005846163829819</v>
      </c>
      <c r="S557">
        <v>2</v>
      </c>
      <c r="T557">
        <v>1</v>
      </c>
      <c r="U557">
        <v>1</v>
      </c>
      <c r="V557">
        <v>0.13779987960660511</v>
      </c>
      <c r="W557">
        <v>7.9625483034372069</v>
      </c>
      <c r="X557">
        <v>1</v>
      </c>
      <c r="Y557">
        <v>1</v>
      </c>
      <c r="Z557">
        <v>0</v>
      </c>
      <c r="AA557">
        <v>0</v>
      </c>
      <c r="AB557">
        <v>7.9885429827376937</v>
      </c>
      <c r="AC557">
        <v>1</v>
      </c>
      <c r="AD557">
        <v>1</v>
      </c>
      <c r="AE557">
        <v>0</v>
      </c>
      <c r="AF557">
        <v>0</v>
      </c>
      <c r="AG557">
        <v>7.988203597022574</v>
      </c>
      <c r="AH557">
        <v>7.3125370214599016E-3</v>
      </c>
      <c r="AI557">
        <v>1.114556847949668E-2</v>
      </c>
      <c r="AJ557">
        <v>7.134085156773667E-3</v>
      </c>
      <c r="AK557">
        <v>-3.0127098933642259E-2</v>
      </c>
      <c r="AL557">
        <v>3643.9707294444288</v>
      </c>
      <c r="AM557">
        <v>7114.1950579775503</v>
      </c>
      <c r="AN557">
        <v>376291.99999999988</v>
      </c>
      <c r="AO557">
        <v>151.54444713610869</v>
      </c>
      <c r="AP557">
        <v>3315.8399646112139</v>
      </c>
      <c r="AQ557">
        <v>1.007799253984401</v>
      </c>
      <c r="AR557">
        <v>4.0366225839267544</v>
      </c>
      <c r="AS557">
        <v>2943</v>
      </c>
      <c r="AT557">
        <v>255.3838589352323</v>
      </c>
      <c r="AU557">
        <v>1.4824566652703821E-2</v>
      </c>
      <c r="AV557">
        <v>7.3195103191611146E-3</v>
      </c>
      <c r="AW557">
        <v>0.37131230925737541</v>
      </c>
      <c r="AX557">
        <v>84.197421981004069</v>
      </c>
      <c r="AY557">
        <v>62</v>
      </c>
      <c r="AZ557">
        <v>126</v>
      </c>
      <c r="BA557">
        <v>0.57501068305474901</v>
      </c>
      <c r="BB557">
        <v>0.50084774499830453</v>
      </c>
      <c r="BC557">
        <v>5.3036282381783266</v>
      </c>
      <c r="BD557" t="s">
        <v>2182</v>
      </c>
      <c r="BE557" t="s">
        <v>68</v>
      </c>
    </row>
    <row r="558" spans="1:57" x14ac:dyDescent="0.3">
      <c r="A558" t="s">
        <v>2183</v>
      </c>
      <c r="B558">
        <v>130</v>
      </c>
      <c r="C558" t="s">
        <v>2184</v>
      </c>
      <c r="D558" t="s">
        <v>2185</v>
      </c>
      <c r="E558" t="s">
        <v>60</v>
      </c>
      <c r="F558">
        <v>256</v>
      </c>
      <c r="G558">
        <v>128.91796875</v>
      </c>
      <c r="H558">
        <v>130.5</v>
      </c>
      <c r="I558">
        <v>5523.1378021240234</v>
      </c>
      <c r="J558">
        <v>74.317816182420373</v>
      </c>
      <c r="K558">
        <v>-4.285292202561553E-3</v>
      </c>
      <c r="L558">
        <v>-1.241124036668811</v>
      </c>
      <c r="M558">
        <v>7.192939355282828</v>
      </c>
      <c r="N558">
        <v>4</v>
      </c>
      <c r="O558">
        <v>1</v>
      </c>
      <c r="P558">
        <v>3</v>
      </c>
      <c r="Q558">
        <v>0.76719011772084111</v>
      </c>
      <c r="R558">
        <v>4.9857656340529628</v>
      </c>
      <c r="S558">
        <v>1</v>
      </c>
      <c r="T558">
        <v>1</v>
      </c>
      <c r="U558">
        <v>0</v>
      </c>
      <c r="V558">
        <v>0</v>
      </c>
      <c r="W558">
        <v>5.541263545158424</v>
      </c>
      <c r="X558">
        <v>1</v>
      </c>
      <c r="Y558">
        <v>1</v>
      </c>
      <c r="Z558">
        <v>0</v>
      </c>
      <c r="AA558">
        <v>0</v>
      </c>
      <c r="AB558">
        <v>5.5373342670185366</v>
      </c>
      <c r="AC558">
        <v>1</v>
      </c>
      <c r="AD558">
        <v>1</v>
      </c>
      <c r="AE558">
        <v>0</v>
      </c>
      <c r="AF558">
        <v>0</v>
      </c>
      <c r="AG558">
        <v>5.5333894887275203</v>
      </c>
      <c r="AH558">
        <v>5.3602377678692248E-2</v>
      </c>
      <c r="AI558">
        <v>-5.8796306642203137E-2</v>
      </c>
      <c r="AJ558">
        <v>7.5570960804786716E-2</v>
      </c>
      <c r="AK558">
        <v>1.4685572325747961E-2</v>
      </c>
      <c r="AL558">
        <v>1185.8893117547971</v>
      </c>
      <c r="AM558">
        <v>2064.5264687733438</v>
      </c>
      <c r="AN558">
        <v>33003</v>
      </c>
      <c r="AO558">
        <v>138.88988483599721</v>
      </c>
      <c r="AP558">
        <v>984.51261974915474</v>
      </c>
      <c r="AQ558">
        <v>1.08984375</v>
      </c>
      <c r="AR558">
        <v>3.984375</v>
      </c>
      <c r="AS558">
        <v>256</v>
      </c>
      <c r="AT558">
        <v>61.0859375</v>
      </c>
      <c r="AU558">
        <v>2.662377450980391E-2</v>
      </c>
      <c r="AV558">
        <v>5.3726889562361033E-2</v>
      </c>
      <c r="AW558">
        <v>0.3828125</v>
      </c>
      <c r="AX558">
        <v>82.278431372549022</v>
      </c>
      <c r="AY558">
        <v>66.5</v>
      </c>
      <c r="AZ558">
        <v>133.25</v>
      </c>
      <c r="BA558">
        <v>0.57647368247430886</v>
      </c>
      <c r="BB558">
        <v>0.50390625</v>
      </c>
      <c r="BC558">
        <v>4.7922238477892716</v>
      </c>
      <c r="BD558" t="s">
        <v>2186</v>
      </c>
      <c r="BE558" t="s">
        <v>62</v>
      </c>
    </row>
    <row r="559" spans="1:57" x14ac:dyDescent="0.3">
      <c r="A559" t="s">
        <v>2187</v>
      </c>
      <c r="B559">
        <v>3349</v>
      </c>
      <c r="C559" t="s">
        <v>2188</v>
      </c>
      <c r="D559" t="s">
        <v>2189</v>
      </c>
      <c r="E559" t="s">
        <v>72</v>
      </c>
      <c r="F559">
        <v>3352</v>
      </c>
      <c r="G559">
        <v>128.1190334128878</v>
      </c>
      <c r="H559">
        <v>129</v>
      </c>
      <c r="I559">
        <v>5488.4389933377861</v>
      </c>
      <c r="J559">
        <v>74.083999577086729</v>
      </c>
      <c r="K559">
        <v>-9.981469026669439E-3</v>
      </c>
      <c r="L559">
        <v>-1.1811866184212609</v>
      </c>
      <c r="M559">
        <v>7.9458983133551673</v>
      </c>
      <c r="N559">
        <v>28</v>
      </c>
      <c r="O559">
        <v>3</v>
      </c>
      <c r="P559">
        <v>25</v>
      </c>
      <c r="Q559">
        <v>3.5221120705480109</v>
      </c>
      <c r="R559">
        <v>5.5076770129181707</v>
      </c>
      <c r="S559">
        <v>2</v>
      </c>
      <c r="T559">
        <v>1</v>
      </c>
      <c r="U559">
        <v>1</v>
      </c>
      <c r="V559">
        <v>0.16382062440761841</v>
      </c>
      <c r="W559">
        <v>8.0797814728459976</v>
      </c>
      <c r="X559">
        <v>1</v>
      </c>
      <c r="Y559">
        <v>1</v>
      </c>
      <c r="Z559">
        <v>0</v>
      </c>
      <c r="AA559">
        <v>0</v>
      </c>
      <c r="AB559">
        <v>8.1167156248191112</v>
      </c>
      <c r="AC559">
        <v>1</v>
      </c>
      <c r="AD559">
        <v>1</v>
      </c>
      <c r="AE559">
        <v>0</v>
      </c>
      <c r="AF559">
        <v>0</v>
      </c>
      <c r="AG559">
        <v>8.1164170727942064</v>
      </c>
      <c r="AH559">
        <v>2.1566160366403471E-2</v>
      </c>
      <c r="AI559">
        <v>1.736453451663161E-2</v>
      </c>
      <c r="AJ559">
        <v>6.5472710811018131E-3</v>
      </c>
      <c r="AK559">
        <v>2.1634735442435639E-2</v>
      </c>
      <c r="AL559">
        <v>3933.8775519924752</v>
      </c>
      <c r="AM559">
        <v>7612.0440359951726</v>
      </c>
      <c r="AN559">
        <v>429455</v>
      </c>
      <c r="AO559">
        <v>71.126814282156516</v>
      </c>
      <c r="AP559">
        <v>3581.701965573729</v>
      </c>
      <c r="AQ559">
        <v>1.006861575178998</v>
      </c>
      <c r="AR559">
        <v>4.0047732696897373</v>
      </c>
      <c r="AS559">
        <v>3343</v>
      </c>
      <c r="AT559">
        <v>242.53937947494029</v>
      </c>
      <c r="AU559">
        <v>1.302587860920024E-2</v>
      </c>
      <c r="AV559">
        <v>2.1570590173478389E-2</v>
      </c>
      <c r="AW559">
        <v>0.3600835322195704</v>
      </c>
      <c r="AX559">
        <v>84.321993434795587</v>
      </c>
      <c r="AY559">
        <v>63</v>
      </c>
      <c r="AZ559">
        <v>126</v>
      </c>
      <c r="BA559">
        <v>0.57824350998915997</v>
      </c>
      <c r="BB559">
        <v>0.50298329355608595</v>
      </c>
      <c r="BC559">
        <v>5.3076185970402072</v>
      </c>
      <c r="BD559" t="s">
        <v>2190</v>
      </c>
      <c r="BE559" t="s">
        <v>68</v>
      </c>
    </row>
    <row r="560" spans="1:57" x14ac:dyDescent="0.3">
      <c r="A560" t="s">
        <v>2191</v>
      </c>
      <c r="B560">
        <v>3897</v>
      </c>
      <c r="C560" t="s">
        <v>2192</v>
      </c>
      <c r="D560" t="s">
        <v>2193</v>
      </c>
      <c r="E560" t="s">
        <v>93</v>
      </c>
      <c r="F560">
        <v>3897</v>
      </c>
      <c r="G560">
        <v>129.5632537849628</v>
      </c>
      <c r="H560">
        <v>133</v>
      </c>
      <c r="I560">
        <v>5373.6824885660781</v>
      </c>
      <c r="J560">
        <v>73.305405588988307</v>
      </c>
      <c r="K560">
        <v>-5.5703035989020891E-2</v>
      </c>
      <c r="L560">
        <v>-1.1806180020299639</v>
      </c>
      <c r="M560">
        <v>7.9469841864542969</v>
      </c>
      <c r="N560">
        <v>28</v>
      </c>
      <c r="O560">
        <v>5</v>
      </c>
      <c r="P560">
        <v>23</v>
      </c>
      <c r="Q560">
        <v>4.0390228328564746</v>
      </c>
      <c r="R560">
        <v>5.5084296827952643</v>
      </c>
      <c r="S560">
        <v>3</v>
      </c>
      <c r="T560">
        <v>1</v>
      </c>
      <c r="U560">
        <v>2</v>
      </c>
      <c r="V560">
        <v>0.17473195222128521</v>
      </c>
      <c r="W560">
        <v>8.2259398309855278</v>
      </c>
      <c r="X560">
        <v>1</v>
      </c>
      <c r="Y560">
        <v>1</v>
      </c>
      <c r="Z560">
        <v>0</v>
      </c>
      <c r="AA560">
        <v>0</v>
      </c>
      <c r="AB560">
        <v>8.2674489583048523</v>
      </c>
      <c r="AC560">
        <v>1</v>
      </c>
      <c r="AD560">
        <v>1</v>
      </c>
      <c r="AE560">
        <v>0</v>
      </c>
      <c r="AF560">
        <v>0</v>
      </c>
      <c r="AG560">
        <v>8.2671921859321493</v>
      </c>
      <c r="AH560">
        <v>3.7868703185164568E-2</v>
      </c>
      <c r="AI560">
        <v>5.3123148154578361E-3</v>
      </c>
      <c r="AJ560">
        <v>1.1515337655083301E-2</v>
      </c>
      <c r="AK560">
        <v>-1.5740463910022699E-2</v>
      </c>
      <c r="AL560">
        <v>4217.5831054335113</v>
      </c>
      <c r="AM560">
        <v>8280.7461468615165</v>
      </c>
      <c r="AN560">
        <v>504908.00000000012</v>
      </c>
      <c r="AO560">
        <v>123.85952635282359</v>
      </c>
      <c r="AP560">
        <v>3886.678649114333</v>
      </c>
      <c r="AQ560">
        <v>1.005901975878881</v>
      </c>
      <c r="AR560">
        <v>4.0156530664613808</v>
      </c>
      <c r="AS560">
        <v>3879</v>
      </c>
      <c r="AT560">
        <v>274.34821657685399</v>
      </c>
      <c r="AU560">
        <v>2.7130975561895251E-2</v>
      </c>
      <c r="AV560">
        <v>3.7870054731019738E-2</v>
      </c>
      <c r="AW560">
        <v>0.35386194508596358</v>
      </c>
      <c r="AX560">
        <v>82.362166324435321</v>
      </c>
      <c r="AY560">
        <v>63</v>
      </c>
      <c r="AZ560">
        <v>126</v>
      </c>
      <c r="BA560">
        <v>0.56578855074644774</v>
      </c>
      <c r="BB560">
        <v>0.51501154734411081</v>
      </c>
      <c r="BC560">
        <v>5.3039990212441834</v>
      </c>
      <c r="BD560" t="s">
        <v>2194</v>
      </c>
      <c r="BE560" t="s">
        <v>68</v>
      </c>
    </row>
    <row r="561" spans="1:57" x14ac:dyDescent="0.3">
      <c r="A561" t="s">
        <v>2195</v>
      </c>
      <c r="B561">
        <v>132</v>
      </c>
      <c r="C561" t="s">
        <v>2196</v>
      </c>
      <c r="D561" t="s">
        <v>2197</v>
      </c>
      <c r="E561" t="s">
        <v>60</v>
      </c>
      <c r="F561">
        <v>256</v>
      </c>
      <c r="G561">
        <v>130.6640625</v>
      </c>
      <c r="H561">
        <v>135.5</v>
      </c>
      <c r="I561">
        <v>5349.6449584960938</v>
      </c>
      <c r="J561">
        <v>73.141267137615912</v>
      </c>
      <c r="K561">
        <v>-8.5947044532814251E-2</v>
      </c>
      <c r="L561">
        <v>-1.1249746677649941</v>
      </c>
      <c r="M561">
        <v>7.1647390390762897</v>
      </c>
      <c r="N561">
        <v>5</v>
      </c>
      <c r="O561">
        <v>1</v>
      </c>
      <c r="P561">
        <v>4</v>
      </c>
      <c r="Q561">
        <v>0.83686949778184316</v>
      </c>
      <c r="R561">
        <v>4.9662186643835016</v>
      </c>
      <c r="S561">
        <v>2</v>
      </c>
      <c r="T561">
        <v>1</v>
      </c>
      <c r="U561">
        <v>1</v>
      </c>
      <c r="V561">
        <v>6.2621943781838052E-2</v>
      </c>
      <c r="W561">
        <v>5.5358270966834446</v>
      </c>
      <c r="X561">
        <v>1</v>
      </c>
      <c r="Y561">
        <v>1</v>
      </c>
      <c r="Z561">
        <v>0</v>
      </c>
      <c r="AA561">
        <v>0</v>
      </c>
      <c r="AB561">
        <v>5.5373342670185366</v>
      </c>
      <c r="AC561">
        <v>1</v>
      </c>
      <c r="AD561">
        <v>1</v>
      </c>
      <c r="AE561">
        <v>0</v>
      </c>
      <c r="AF561">
        <v>0</v>
      </c>
      <c r="AG561">
        <v>5.5333894887275203</v>
      </c>
      <c r="AH561">
        <v>3.3338984811012287E-2</v>
      </c>
      <c r="AI561">
        <v>7.6148248223105897E-2</v>
      </c>
      <c r="AJ561">
        <v>-2.6397661366427912E-2</v>
      </c>
      <c r="AK561">
        <v>-2.7333079949079159E-2</v>
      </c>
      <c r="AL561">
        <v>1171.5197306824291</v>
      </c>
      <c r="AM561">
        <v>2089.9195009908321</v>
      </c>
      <c r="AN561">
        <v>33450</v>
      </c>
      <c r="AO561">
        <v>80.728629704348819</v>
      </c>
      <c r="AP561">
        <v>993.04997948785456</v>
      </c>
      <c r="AQ561">
        <v>1.08984375</v>
      </c>
      <c r="AR561">
        <v>3.98828125</v>
      </c>
      <c r="AS561">
        <v>255</v>
      </c>
      <c r="AT561">
        <v>71.796875</v>
      </c>
      <c r="AU561">
        <v>4.8437500000000022E-2</v>
      </c>
      <c r="AV561">
        <v>3.3362026351646472E-2</v>
      </c>
      <c r="AW561">
        <v>0.34765625</v>
      </c>
      <c r="AX561">
        <v>82.20392156862745</v>
      </c>
      <c r="AY561">
        <v>62</v>
      </c>
      <c r="AZ561">
        <v>121</v>
      </c>
      <c r="BA561">
        <v>0.55976575148668684</v>
      </c>
      <c r="BB561">
        <v>0.515625</v>
      </c>
      <c r="BC561">
        <v>4.8778042659814069</v>
      </c>
      <c r="BD561" t="s">
        <v>2198</v>
      </c>
      <c r="BE561" t="s">
        <v>62</v>
      </c>
    </row>
    <row r="562" spans="1:57" x14ac:dyDescent="0.3">
      <c r="A562" t="s">
        <v>2199</v>
      </c>
      <c r="B562">
        <v>731</v>
      </c>
      <c r="C562" t="s">
        <v>2200</v>
      </c>
      <c r="D562" t="s">
        <v>2201</v>
      </c>
      <c r="E562" t="s">
        <v>98</v>
      </c>
      <c r="F562">
        <v>16</v>
      </c>
      <c r="G562">
        <v>110.125</v>
      </c>
      <c r="H562">
        <v>124</v>
      </c>
      <c r="I562">
        <v>6732.859375</v>
      </c>
      <c r="J562">
        <v>82.054002796938548</v>
      </c>
      <c r="K562">
        <v>-0.1782946634254258</v>
      </c>
      <c r="L562">
        <v>-1.6247541889817849</v>
      </c>
      <c r="M562">
        <v>4</v>
      </c>
      <c r="N562">
        <v>1</v>
      </c>
      <c r="O562">
        <v>1</v>
      </c>
      <c r="P562">
        <v>0</v>
      </c>
      <c r="Q562">
        <v>0</v>
      </c>
      <c r="R562">
        <v>2.7725887222397811</v>
      </c>
      <c r="S562">
        <v>1</v>
      </c>
      <c r="T562">
        <v>1</v>
      </c>
      <c r="U562">
        <v>0</v>
      </c>
      <c r="V562">
        <v>0</v>
      </c>
      <c r="W562">
        <v>2.7080502011022101</v>
      </c>
      <c r="X562">
        <v>1</v>
      </c>
      <c r="Y562">
        <v>1</v>
      </c>
      <c r="Z562">
        <v>0</v>
      </c>
      <c r="AA562">
        <v>0</v>
      </c>
      <c r="AB562">
        <v>2.639057329615258</v>
      </c>
      <c r="AC562">
        <v>1</v>
      </c>
      <c r="AD562">
        <v>1</v>
      </c>
      <c r="AE562">
        <v>0</v>
      </c>
      <c r="AF562">
        <v>0</v>
      </c>
      <c r="AG562">
        <v>2.5649493574615372</v>
      </c>
      <c r="AH562">
        <v>-4.2130276419519011E-2</v>
      </c>
      <c r="AI562">
        <v>0.47951017978524169</v>
      </c>
      <c r="AJ562">
        <v>-0.20160410231537029</v>
      </c>
      <c r="AK562">
        <v>-0.2281200757479061</v>
      </c>
      <c r="AL562">
        <v>372.29029582788098</v>
      </c>
      <c r="AM562">
        <v>403.93803439684763</v>
      </c>
      <c r="AN562">
        <v>1762</v>
      </c>
      <c r="AO562">
        <v>74.435158984431055</v>
      </c>
      <c r="AP562">
        <v>222.16178940888801</v>
      </c>
      <c r="AQ562">
        <v>2.3125</v>
      </c>
      <c r="AR562">
        <v>3.875</v>
      </c>
      <c r="AS562">
        <v>16</v>
      </c>
      <c r="AT562">
        <v>0</v>
      </c>
      <c r="AU562">
        <v>0.25114678899082571</v>
      </c>
      <c r="AV562">
        <v>-5.1061083479936979E-2</v>
      </c>
      <c r="AW562">
        <v>0.125</v>
      </c>
      <c r="AX562">
        <v>94.4</v>
      </c>
      <c r="AY562">
        <v>80</v>
      </c>
      <c r="AZ562">
        <v>175.25</v>
      </c>
      <c r="BA562">
        <v>0.74509877681669512</v>
      </c>
      <c r="BB562">
        <v>0.625</v>
      </c>
      <c r="BC562">
        <v>2.7080502011022101</v>
      </c>
      <c r="BD562" t="s">
        <v>2200</v>
      </c>
      <c r="BE562" t="s">
        <v>62</v>
      </c>
    </row>
    <row r="563" spans="1:57" x14ac:dyDescent="0.3">
      <c r="A563" t="s">
        <v>2202</v>
      </c>
      <c r="B563">
        <v>1234</v>
      </c>
      <c r="C563" t="s">
        <v>2203</v>
      </c>
      <c r="D563" t="s">
        <v>2204</v>
      </c>
      <c r="E563" t="s">
        <v>72</v>
      </c>
      <c r="F563">
        <v>1240</v>
      </c>
      <c r="G563">
        <v>128.60564516129031</v>
      </c>
      <c r="H563">
        <v>129</v>
      </c>
      <c r="I563">
        <v>5464.3081939386066</v>
      </c>
      <c r="J563">
        <v>73.920959097799908</v>
      </c>
      <c r="K563">
        <v>1.153177981990303E-2</v>
      </c>
      <c r="L563">
        <v>-1.2386021269007499</v>
      </c>
      <c r="M563">
        <v>7.8529449826313318</v>
      </c>
      <c r="N563">
        <v>11</v>
      </c>
      <c r="O563">
        <v>1</v>
      </c>
      <c r="P563">
        <v>10</v>
      </c>
      <c r="Q563">
        <v>2.108987377523726</v>
      </c>
      <c r="R563">
        <v>5.4432466738032756</v>
      </c>
      <c r="S563">
        <v>2</v>
      </c>
      <c r="T563">
        <v>1</v>
      </c>
      <c r="U563">
        <v>1</v>
      </c>
      <c r="V563">
        <v>0.1100214494483502</v>
      </c>
      <c r="W563">
        <v>7.1052766569182477</v>
      </c>
      <c r="X563">
        <v>1</v>
      </c>
      <c r="Y563">
        <v>1</v>
      </c>
      <c r="Z563">
        <v>0</v>
      </c>
      <c r="AA563">
        <v>0</v>
      </c>
      <c r="AB563">
        <v>7.1212524532445416</v>
      </c>
      <c r="AC563">
        <v>1</v>
      </c>
      <c r="AD563">
        <v>1</v>
      </c>
      <c r="AE563">
        <v>0</v>
      </c>
      <c r="AF563">
        <v>0</v>
      </c>
      <c r="AG563">
        <v>7.1204443723924893</v>
      </c>
      <c r="AH563">
        <v>-1.3843277129184969E-2</v>
      </c>
      <c r="AI563">
        <v>-1.6579332111398171E-2</v>
      </c>
      <c r="AJ563">
        <v>-3.2897798362647453E-2</v>
      </c>
      <c r="AK563">
        <v>1.888416270759033E-2</v>
      </c>
      <c r="AL563">
        <v>2402.040560435149</v>
      </c>
      <c r="AM563">
        <v>4638.4064231182238</v>
      </c>
      <c r="AN563">
        <v>159471</v>
      </c>
      <c r="AO563">
        <v>70.590190758728937</v>
      </c>
      <c r="AP563">
        <v>2109.4207210936511</v>
      </c>
      <c r="AQ563">
        <v>1.018548387096774</v>
      </c>
      <c r="AR563">
        <v>4.0008064516129034</v>
      </c>
      <c r="AS563">
        <v>1234</v>
      </c>
      <c r="AT563">
        <v>233.241935483871</v>
      </c>
      <c r="AU563">
        <v>2.0319418089816521E-2</v>
      </c>
      <c r="AV563">
        <v>-1.387106988319018E-2</v>
      </c>
      <c r="AW563">
        <v>0.38145161290322582</v>
      </c>
      <c r="AX563">
        <v>85.858757062146893</v>
      </c>
      <c r="AY563">
        <v>65</v>
      </c>
      <c r="AZ563">
        <v>129</v>
      </c>
      <c r="BA563">
        <v>0.57478782525519934</v>
      </c>
      <c r="BB563">
        <v>0.5024193548387097</v>
      </c>
      <c r="BC563">
        <v>5.2645554480362824</v>
      </c>
      <c r="BD563" t="s">
        <v>2205</v>
      </c>
      <c r="BE563" t="s">
        <v>68</v>
      </c>
    </row>
    <row r="564" spans="1:57" x14ac:dyDescent="0.3">
      <c r="A564" t="s">
        <v>2206</v>
      </c>
      <c r="B564">
        <v>2077</v>
      </c>
      <c r="C564" t="s">
        <v>2207</v>
      </c>
      <c r="D564" t="s">
        <v>2208</v>
      </c>
      <c r="E564" t="s">
        <v>93</v>
      </c>
      <c r="F564">
        <v>2084</v>
      </c>
      <c r="G564">
        <v>128.45681381957769</v>
      </c>
      <c r="H564">
        <v>129</v>
      </c>
      <c r="I564">
        <v>5432.7846032839552</v>
      </c>
      <c r="J564">
        <v>73.707425699748569</v>
      </c>
      <c r="K564">
        <v>-1.4319275093078111E-2</v>
      </c>
      <c r="L564">
        <v>-1.213409276030295</v>
      </c>
      <c r="M564">
        <v>7.896612074793552</v>
      </c>
      <c r="N564">
        <v>17</v>
      </c>
      <c r="O564">
        <v>2</v>
      </c>
      <c r="P564">
        <v>15</v>
      </c>
      <c r="Q564">
        <v>2.9773049025740028</v>
      </c>
      <c r="R564">
        <v>5.4735143956187757</v>
      </c>
      <c r="S564">
        <v>3</v>
      </c>
      <c r="T564">
        <v>1</v>
      </c>
      <c r="U564">
        <v>2</v>
      </c>
      <c r="V564">
        <v>0.1437172437887286</v>
      </c>
      <c r="W564">
        <v>7.6140266030710144</v>
      </c>
      <c r="X564">
        <v>1</v>
      </c>
      <c r="Y564">
        <v>1</v>
      </c>
      <c r="Z564">
        <v>0</v>
      </c>
      <c r="AA564">
        <v>0</v>
      </c>
      <c r="AB564">
        <v>7.6410842491749138</v>
      </c>
      <c r="AC564">
        <v>1</v>
      </c>
      <c r="AD564">
        <v>1</v>
      </c>
      <c r="AE564">
        <v>0</v>
      </c>
      <c r="AF564">
        <v>0</v>
      </c>
      <c r="AG564">
        <v>7.6406038263936367</v>
      </c>
      <c r="AH564">
        <v>-1.5401185310132889E-2</v>
      </c>
      <c r="AI564">
        <v>-2.7172199337308241E-2</v>
      </c>
      <c r="AJ564">
        <v>1.6235780790013501E-2</v>
      </c>
      <c r="AK564">
        <v>-2.4366299959573599E-2</v>
      </c>
      <c r="AL564">
        <v>3138.5803934584451</v>
      </c>
      <c r="AM564">
        <v>5988.2918360579451</v>
      </c>
      <c r="AN564">
        <v>267704</v>
      </c>
      <c r="AO564">
        <v>202.37598636149329</v>
      </c>
      <c r="AP564">
        <v>2865.1611001820511</v>
      </c>
      <c r="AQ564">
        <v>1.0110364683301341</v>
      </c>
      <c r="AR564">
        <v>3.999040307101728</v>
      </c>
      <c r="AS564">
        <v>2075</v>
      </c>
      <c r="AT564">
        <v>276.58541266794629</v>
      </c>
      <c r="AU564">
        <v>1.3712317940611901E-2</v>
      </c>
      <c r="AV564">
        <v>-1.54061532950154E-2</v>
      </c>
      <c r="AW564">
        <v>0.3699616122840691</v>
      </c>
      <c r="AX564">
        <v>85.996159385501684</v>
      </c>
      <c r="AY564">
        <v>64</v>
      </c>
      <c r="AZ564">
        <v>128.25</v>
      </c>
      <c r="BA564">
        <v>0.57379148297476323</v>
      </c>
      <c r="BB564">
        <v>0.50335892514395397</v>
      </c>
      <c r="BC564">
        <v>5.2989127337364508</v>
      </c>
      <c r="BD564" t="s">
        <v>2209</v>
      </c>
      <c r="BE564" t="s">
        <v>68</v>
      </c>
    </row>
    <row r="565" spans="1:57" x14ac:dyDescent="0.3">
      <c r="A565" t="s">
        <v>2210</v>
      </c>
      <c r="B565">
        <v>137</v>
      </c>
      <c r="C565" t="s">
        <v>2211</v>
      </c>
      <c r="D565" t="s">
        <v>2212</v>
      </c>
      <c r="E565" t="s">
        <v>60</v>
      </c>
      <c r="F565">
        <v>512</v>
      </c>
      <c r="G565">
        <v>125.2265625</v>
      </c>
      <c r="H565">
        <v>125</v>
      </c>
      <c r="I565">
        <v>5183.1322631835938</v>
      </c>
      <c r="J565">
        <v>71.993973797697777</v>
      </c>
      <c r="K565">
        <v>-1.7667122342186661E-2</v>
      </c>
      <c r="L565">
        <v>-1.1209920145947161</v>
      </c>
      <c r="M565">
        <v>7.5949679953011122</v>
      </c>
      <c r="N565">
        <v>6</v>
      </c>
      <c r="O565">
        <v>1</v>
      </c>
      <c r="P565">
        <v>5</v>
      </c>
      <c r="Q565">
        <v>1.26786138869956</v>
      </c>
      <c r="R565">
        <v>5.2644306523859843</v>
      </c>
      <c r="S565">
        <v>2</v>
      </c>
      <c r="T565">
        <v>1</v>
      </c>
      <c r="U565">
        <v>1</v>
      </c>
      <c r="V565">
        <v>6.2560641760670568E-2</v>
      </c>
      <c r="W565">
        <v>6.2309437805711401</v>
      </c>
      <c r="X565">
        <v>1</v>
      </c>
      <c r="Y565">
        <v>1</v>
      </c>
      <c r="Z565">
        <v>0</v>
      </c>
      <c r="AA565">
        <v>0</v>
      </c>
      <c r="AB565">
        <v>6.2344107257183694</v>
      </c>
      <c r="AC565">
        <v>1</v>
      </c>
      <c r="AD565">
        <v>1</v>
      </c>
      <c r="AE565">
        <v>0</v>
      </c>
      <c r="AF565">
        <v>0</v>
      </c>
      <c r="AG565">
        <v>6.2324480165505216</v>
      </c>
      <c r="AH565">
        <v>5.4855699785323467E-2</v>
      </c>
      <c r="AI565">
        <v>-4.071141854502483E-2</v>
      </c>
      <c r="AJ565">
        <v>1.8624937526450489E-3</v>
      </c>
      <c r="AK565">
        <v>6.8576106562741032E-2</v>
      </c>
      <c r="AL565">
        <v>1562.47682952574</v>
      </c>
      <c r="AM565">
        <v>2870.7936458748109</v>
      </c>
      <c r="AN565">
        <v>64116</v>
      </c>
      <c r="AO565">
        <v>30.05817012358834</v>
      </c>
      <c r="AP565">
        <v>1344.0163487071279</v>
      </c>
      <c r="AQ565">
        <v>1.044921875</v>
      </c>
      <c r="AR565">
        <v>3.978515625</v>
      </c>
      <c r="AS565">
        <v>510</v>
      </c>
      <c r="AT565">
        <v>156.12890625</v>
      </c>
      <c r="AU565">
        <v>3.8135723039215641E-2</v>
      </c>
      <c r="AV565">
        <v>5.4882299346394062E-2</v>
      </c>
      <c r="AW565">
        <v>0.373046875</v>
      </c>
      <c r="AX565">
        <v>80.729941291585121</v>
      </c>
      <c r="AY565">
        <v>59.5</v>
      </c>
      <c r="AZ565">
        <v>119.25</v>
      </c>
      <c r="BA565">
        <v>0.57490976642992797</v>
      </c>
      <c r="BB565">
        <v>0.49609375</v>
      </c>
      <c r="BC565">
        <v>4.9923297030378659</v>
      </c>
      <c r="BD565" t="s">
        <v>2213</v>
      </c>
      <c r="BE565" t="s">
        <v>62</v>
      </c>
    </row>
    <row r="566" spans="1:57" x14ac:dyDescent="0.3">
      <c r="A566" t="s">
        <v>2214</v>
      </c>
      <c r="B566">
        <v>3185</v>
      </c>
      <c r="C566" t="s">
        <v>2215</v>
      </c>
      <c r="D566" t="s">
        <v>2216</v>
      </c>
      <c r="E566" t="s">
        <v>106</v>
      </c>
      <c r="F566">
        <v>3231</v>
      </c>
      <c r="G566">
        <v>125.0532342927886</v>
      </c>
      <c r="H566">
        <v>123</v>
      </c>
      <c r="I566">
        <v>5479.6369061286423</v>
      </c>
      <c r="J566">
        <v>74.024569611235449</v>
      </c>
      <c r="K566">
        <v>4.3306802922943997E-2</v>
      </c>
      <c r="L566">
        <v>-1.2006699892358741</v>
      </c>
      <c r="M566">
        <v>7.9463346932904591</v>
      </c>
      <c r="N566">
        <v>23</v>
      </c>
      <c r="O566">
        <v>5</v>
      </c>
      <c r="P566">
        <v>18</v>
      </c>
      <c r="Q566">
        <v>3.4234063889218489</v>
      </c>
      <c r="R566">
        <v>5.5079794884399513</v>
      </c>
      <c r="S566">
        <v>3</v>
      </c>
      <c r="T566">
        <v>1</v>
      </c>
      <c r="U566">
        <v>2</v>
      </c>
      <c r="V566">
        <v>0.13744324712923939</v>
      </c>
      <c r="W566">
        <v>8.0547530151486413</v>
      </c>
      <c r="X566">
        <v>1</v>
      </c>
      <c r="Y566">
        <v>1</v>
      </c>
      <c r="Z566">
        <v>0</v>
      </c>
      <c r="AA566">
        <v>0</v>
      </c>
      <c r="AB566">
        <v>8.0799277707582746</v>
      </c>
      <c r="AC566">
        <v>1</v>
      </c>
      <c r="AD566">
        <v>1</v>
      </c>
      <c r="AE566">
        <v>0</v>
      </c>
      <c r="AF566">
        <v>0</v>
      </c>
      <c r="AG566">
        <v>8.0796180293898381</v>
      </c>
      <c r="AH566">
        <v>8.439765119375716E-3</v>
      </c>
      <c r="AI566">
        <v>-4.0485591836439943E-3</v>
      </c>
      <c r="AJ566">
        <v>1.3600522673650309E-2</v>
      </c>
      <c r="AK566">
        <v>9.3695304383485181E-3</v>
      </c>
      <c r="AL566">
        <v>3881.5556634779641</v>
      </c>
      <c r="AM566">
        <v>7291.475614121061</v>
      </c>
      <c r="AN566">
        <v>404046.99999999988</v>
      </c>
      <c r="AO566">
        <v>187.71482685138761</v>
      </c>
      <c r="AP566">
        <v>3555.4136098993408</v>
      </c>
      <c r="AQ566">
        <v>1.007118539151965</v>
      </c>
      <c r="AR566">
        <v>3.9458372021046122</v>
      </c>
      <c r="AS566">
        <v>3223</v>
      </c>
      <c r="AT566">
        <v>237.7168059424327</v>
      </c>
      <c r="AU566">
        <v>2.284850801973537E-2</v>
      </c>
      <c r="AV566">
        <v>8.4415624898103586E-3</v>
      </c>
      <c r="AW566">
        <v>0.38192510058805318</v>
      </c>
      <c r="AX566">
        <v>84.749226006191947</v>
      </c>
      <c r="AY566">
        <v>65</v>
      </c>
      <c r="AZ566">
        <v>130</v>
      </c>
      <c r="BA566">
        <v>0.59194446293104941</v>
      </c>
      <c r="BB566">
        <v>0.49458372021046121</v>
      </c>
      <c r="BC566">
        <v>5.30988609003467</v>
      </c>
      <c r="BD566" t="s">
        <v>2217</v>
      </c>
      <c r="BE566" t="s">
        <v>68</v>
      </c>
    </row>
    <row r="567" spans="1:57" x14ac:dyDescent="0.3">
      <c r="A567" t="s">
        <v>2218</v>
      </c>
      <c r="B567">
        <v>3743</v>
      </c>
      <c r="C567" t="s">
        <v>2219</v>
      </c>
      <c r="D567" t="s">
        <v>2220</v>
      </c>
      <c r="E567" t="s">
        <v>115</v>
      </c>
      <c r="F567">
        <v>3824</v>
      </c>
      <c r="G567">
        <v>129.4212866108787</v>
      </c>
      <c r="H567">
        <v>129</v>
      </c>
      <c r="I567">
        <v>5415.6088669638793</v>
      </c>
      <c r="J567">
        <v>73.590820534655535</v>
      </c>
      <c r="K567">
        <v>-1.1058614878176699E-2</v>
      </c>
      <c r="L567">
        <v>-1.177181492283873</v>
      </c>
      <c r="M567">
        <v>7.951890809525441</v>
      </c>
      <c r="N567">
        <v>26</v>
      </c>
      <c r="O567">
        <v>5</v>
      </c>
      <c r="P567">
        <v>21</v>
      </c>
      <c r="Q567">
        <v>3.83802927946101</v>
      </c>
      <c r="R567">
        <v>5.5118306947430948</v>
      </c>
      <c r="S567">
        <v>2</v>
      </c>
      <c r="T567">
        <v>1</v>
      </c>
      <c r="U567">
        <v>1</v>
      </c>
      <c r="V567">
        <v>0.1741061496206657</v>
      </c>
      <c r="W567">
        <v>8.2067268713134904</v>
      </c>
      <c r="X567">
        <v>2</v>
      </c>
      <c r="Y567">
        <v>1</v>
      </c>
      <c r="Z567">
        <v>1</v>
      </c>
      <c r="AA567">
        <v>1.617538564811561E-2</v>
      </c>
      <c r="AB567">
        <v>8.2481664104200156</v>
      </c>
      <c r="AC567">
        <v>1</v>
      </c>
      <c r="AD567">
        <v>1</v>
      </c>
      <c r="AE567">
        <v>0</v>
      </c>
      <c r="AF567">
        <v>0</v>
      </c>
      <c r="AG567">
        <v>8.2482674474468975</v>
      </c>
      <c r="AH567">
        <v>1.5817047628336481E-2</v>
      </c>
      <c r="AI567">
        <v>-1.522336796571204E-2</v>
      </c>
      <c r="AJ567">
        <v>-1.9756572914587489E-2</v>
      </c>
      <c r="AK567">
        <v>-8.2507668894712233E-4</v>
      </c>
      <c r="AL567">
        <v>4168.6891070623906</v>
      </c>
      <c r="AM567">
        <v>8208.7039250212547</v>
      </c>
      <c r="AN567">
        <v>494907</v>
      </c>
      <c r="AO567">
        <v>73.260630116428018</v>
      </c>
      <c r="AP567">
        <v>3779.400071955663</v>
      </c>
      <c r="AQ567">
        <v>1.0060146443514639</v>
      </c>
      <c r="AR567">
        <v>4.0326882845188283</v>
      </c>
      <c r="AS567">
        <v>3810</v>
      </c>
      <c r="AT567">
        <v>252.45188284518829</v>
      </c>
      <c r="AU567">
        <v>1.799778488801379E-2</v>
      </c>
      <c r="AV567">
        <v>1.5822664996979222E-2</v>
      </c>
      <c r="AW567">
        <v>0.37630753138075312</v>
      </c>
      <c r="AX567">
        <v>84.161391577295319</v>
      </c>
      <c r="AY567">
        <v>63</v>
      </c>
      <c r="AZ567">
        <v>127</v>
      </c>
      <c r="BA567">
        <v>0.56861450277430459</v>
      </c>
      <c r="BB567">
        <v>0.49764644351464438</v>
      </c>
      <c r="BC567">
        <v>5.3123544839160086</v>
      </c>
      <c r="BD567" t="s">
        <v>2221</v>
      </c>
      <c r="BE567" t="s">
        <v>62</v>
      </c>
    </row>
    <row r="568" spans="1:57" x14ac:dyDescent="0.3">
      <c r="A568" t="s">
        <v>2222</v>
      </c>
      <c r="B568">
        <v>2317</v>
      </c>
      <c r="C568" t="s">
        <v>2223</v>
      </c>
      <c r="D568" t="s">
        <v>2224</v>
      </c>
      <c r="E568" t="s">
        <v>10622</v>
      </c>
      <c r="F568">
        <v>64</v>
      </c>
      <c r="G568">
        <v>112.703125</v>
      </c>
      <c r="H568">
        <v>119</v>
      </c>
      <c r="I568">
        <v>5346.021240234375</v>
      </c>
      <c r="J568">
        <v>73.116490891141481</v>
      </c>
      <c r="K568">
        <v>0.11604067685325981</v>
      </c>
      <c r="L568">
        <v>-1.2893200394403559</v>
      </c>
      <c r="M568">
        <v>5.769454882778696</v>
      </c>
      <c r="N568">
        <v>3</v>
      </c>
      <c r="O568">
        <v>1</v>
      </c>
      <c r="P568">
        <v>2</v>
      </c>
      <c r="Q568">
        <v>0.37790630225505301</v>
      </c>
      <c r="R568">
        <v>3.9990813853658631</v>
      </c>
      <c r="S568">
        <v>1</v>
      </c>
      <c r="T568">
        <v>1</v>
      </c>
      <c r="U568">
        <v>0</v>
      </c>
      <c r="V568">
        <v>0</v>
      </c>
      <c r="W568">
        <v>4.1431347263915326</v>
      </c>
      <c r="X568">
        <v>1</v>
      </c>
      <c r="Y568">
        <v>1</v>
      </c>
      <c r="Z568">
        <v>0</v>
      </c>
      <c r="AA568">
        <v>0</v>
      </c>
      <c r="AB568">
        <v>4.1271343850450908</v>
      </c>
      <c r="AC568">
        <v>1</v>
      </c>
      <c r="AD568">
        <v>1</v>
      </c>
      <c r="AE568">
        <v>0</v>
      </c>
      <c r="AF568">
        <v>0</v>
      </c>
      <c r="AG568">
        <v>4.1108738641733096</v>
      </c>
      <c r="AH568">
        <v>-0.13766177691494699</v>
      </c>
      <c r="AI568">
        <v>-0.2080026604760413</v>
      </c>
      <c r="AJ568">
        <v>-9.4762455592133879E-2</v>
      </c>
      <c r="AK568">
        <v>8.573770905713822E-2</v>
      </c>
      <c r="AL568">
        <v>610.71653221306258</v>
      </c>
      <c r="AM568">
        <v>884.36322700667017</v>
      </c>
      <c r="AN568">
        <v>7213</v>
      </c>
      <c r="AO568">
        <v>101.7673847129609</v>
      </c>
      <c r="AP568">
        <v>432.30853880256029</v>
      </c>
      <c r="AQ568">
        <v>1.359375</v>
      </c>
      <c r="AR568">
        <v>3.84375</v>
      </c>
      <c r="AS568">
        <v>64</v>
      </c>
      <c r="AT568">
        <v>7.25</v>
      </c>
      <c r="AU568">
        <v>0.1010159465020576</v>
      </c>
      <c r="AV568">
        <v>-0.1428100973525388</v>
      </c>
      <c r="AW568">
        <v>0.390625</v>
      </c>
      <c r="AX568">
        <v>92.904761904761898</v>
      </c>
      <c r="AY568">
        <v>64.5</v>
      </c>
      <c r="AZ568">
        <v>134.25</v>
      </c>
      <c r="BA568">
        <v>0.64875300388646262</v>
      </c>
      <c r="BB568">
        <v>0.515625</v>
      </c>
      <c r="BC568">
        <v>4.055116036796619</v>
      </c>
      <c r="BD568" t="s">
        <v>2225</v>
      </c>
      <c r="BE568" t="s">
        <v>62</v>
      </c>
    </row>
    <row r="569" spans="1:57" x14ac:dyDescent="0.3">
      <c r="A569" t="s">
        <v>2226</v>
      </c>
      <c r="B569">
        <v>1915</v>
      </c>
      <c r="C569" t="s">
        <v>2227</v>
      </c>
      <c r="D569" t="s">
        <v>2228</v>
      </c>
      <c r="E569" t="s">
        <v>93</v>
      </c>
      <c r="F569">
        <v>1917</v>
      </c>
      <c r="G569">
        <v>125.2013562858633</v>
      </c>
      <c r="H569">
        <v>125</v>
      </c>
      <c r="I569">
        <v>5344.2776611756162</v>
      </c>
      <c r="J569">
        <v>73.104566623266535</v>
      </c>
      <c r="K569">
        <v>3.6939069251408212E-2</v>
      </c>
      <c r="L569">
        <v>-1.192000995126508</v>
      </c>
      <c r="M569">
        <v>7.9019276776779144</v>
      </c>
      <c r="N569">
        <v>16</v>
      </c>
      <c r="O569">
        <v>2</v>
      </c>
      <c r="P569">
        <v>14</v>
      </c>
      <c r="Q569">
        <v>2.7228523960909889</v>
      </c>
      <c r="R569">
        <v>5.4771988907710449</v>
      </c>
      <c r="S569">
        <v>2</v>
      </c>
      <c r="T569">
        <v>1</v>
      </c>
      <c r="U569">
        <v>1</v>
      </c>
      <c r="V569">
        <v>0.1251145807317296</v>
      </c>
      <c r="W569">
        <v>7.5362888881583636</v>
      </c>
      <c r="X569">
        <v>1</v>
      </c>
      <c r="Y569">
        <v>1</v>
      </c>
      <c r="Z569">
        <v>0</v>
      </c>
      <c r="AA569">
        <v>0</v>
      </c>
      <c r="AB569">
        <v>7.5574729016147426</v>
      </c>
      <c r="AC569">
        <v>1</v>
      </c>
      <c r="AD569">
        <v>1</v>
      </c>
      <c r="AE569">
        <v>0</v>
      </c>
      <c r="AF569">
        <v>0</v>
      </c>
      <c r="AG569">
        <v>7.556950572012898</v>
      </c>
      <c r="AH569">
        <v>1.984849806492044E-2</v>
      </c>
      <c r="AI569">
        <v>3.9054286475635858E-2</v>
      </c>
      <c r="AJ569">
        <v>3.7927471798530031E-2</v>
      </c>
      <c r="AK569">
        <v>-1.6307854224358289E-2</v>
      </c>
      <c r="AL569">
        <v>2976.2055604416641</v>
      </c>
      <c r="AM569">
        <v>5606.8603925901461</v>
      </c>
      <c r="AN569">
        <v>240011</v>
      </c>
      <c r="AO569">
        <v>82.985832594358186</v>
      </c>
      <c r="AP569">
        <v>2708.777468346369</v>
      </c>
      <c r="AQ569">
        <v>1.0119979134063639</v>
      </c>
      <c r="AR569">
        <v>3.9499217527386539</v>
      </c>
      <c r="AS569">
        <v>1909</v>
      </c>
      <c r="AT569">
        <v>253.45800730307769</v>
      </c>
      <c r="AU569">
        <v>2.0964129000583091E-2</v>
      </c>
      <c r="AV569">
        <v>1.9866401357739219E-2</v>
      </c>
      <c r="AW569">
        <v>0.37663015127803862</v>
      </c>
      <c r="AX569">
        <v>82.872651356993742</v>
      </c>
      <c r="AY569">
        <v>63</v>
      </c>
      <c r="AZ569">
        <v>126</v>
      </c>
      <c r="BA569">
        <v>0.58389596400499122</v>
      </c>
      <c r="BB569">
        <v>0.49713093375065198</v>
      </c>
      <c r="BC569">
        <v>5.2653136125298863</v>
      </c>
      <c r="BD569" t="s">
        <v>2229</v>
      </c>
      <c r="BE569" t="s">
        <v>68</v>
      </c>
    </row>
    <row r="570" spans="1:57" x14ac:dyDescent="0.3">
      <c r="A570" t="s">
        <v>2230</v>
      </c>
      <c r="B570">
        <v>728</v>
      </c>
      <c r="C570" t="s">
        <v>2231</v>
      </c>
      <c r="D570" t="s">
        <v>2232</v>
      </c>
      <c r="E570" t="s">
        <v>72</v>
      </c>
      <c r="F570">
        <v>736</v>
      </c>
      <c r="G570">
        <v>130.81385869565219</v>
      </c>
      <c r="H570">
        <v>130</v>
      </c>
      <c r="I570">
        <v>5589.4612753278589</v>
      </c>
      <c r="J570">
        <v>74.762699759491426</v>
      </c>
      <c r="K570">
        <v>-8.9674773001002812E-3</v>
      </c>
      <c r="L570">
        <v>-1.2143544025234401</v>
      </c>
      <c r="M570">
        <v>7.720846370199995</v>
      </c>
      <c r="N570">
        <v>7</v>
      </c>
      <c r="O570">
        <v>1</v>
      </c>
      <c r="P570">
        <v>6</v>
      </c>
      <c r="Q570">
        <v>1.5201260266123089</v>
      </c>
      <c r="R570">
        <v>5.3516828930406017</v>
      </c>
      <c r="S570">
        <v>2</v>
      </c>
      <c r="T570">
        <v>1</v>
      </c>
      <c r="U570">
        <v>1</v>
      </c>
      <c r="V570">
        <v>7.3770006909508953E-2</v>
      </c>
      <c r="W570">
        <v>6.5923260401047017</v>
      </c>
      <c r="X570">
        <v>1</v>
      </c>
      <c r="Y570">
        <v>1</v>
      </c>
      <c r="Z570">
        <v>0</v>
      </c>
      <c r="AA570">
        <v>0</v>
      </c>
      <c r="AB570">
        <v>6.5985090286145152</v>
      </c>
      <c r="AC570">
        <v>1</v>
      </c>
      <c r="AD570">
        <v>1</v>
      </c>
      <c r="AE570">
        <v>0</v>
      </c>
      <c r="AF570">
        <v>0</v>
      </c>
      <c r="AG570">
        <v>6.5971457018866531</v>
      </c>
      <c r="AH570">
        <v>3.0658265212807231E-2</v>
      </c>
      <c r="AI570">
        <v>-3.3701241809600047E-2</v>
      </c>
      <c r="AJ570">
        <v>-2.3290772843017268E-2</v>
      </c>
      <c r="AK570">
        <v>-2.7016794106753759E-2</v>
      </c>
      <c r="AL570">
        <v>1913.0334335586231</v>
      </c>
      <c r="AM570">
        <v>3612.3086914170149</v>
      </c>
      <c r="AN570">
        <v>96279</v>
      </c>
      <c r="AO570">
        <v>49.511426900709893</v>
      </c>
      <c r="AP570">
        <v>1649.565648426543</v>
      </c>
      <c r="AQ570">
        <v>1.03125</v>
      </c>
      <c r="AR570">
        <v>4.0285326086956523</v>
      </c>
      <c r="AS570">
        <v>732</v>
      </c>
      <c r="AT570">
        <v>177.8423913043479</v>
      </c>
      <c r="AU570">
        <v>3.8666879795396403E-2</v>
      </c>
      <c r="AV570">
        <v>3.0737298916084971E-2</v>
      </c>
      <c r="AW570">
        <v>0.37364130434782611</v>
      </c>
      <c r="AX570">
        <v>84.219047619047615</v>
      </c>
      <c r="AY570">
        <v>65</v>
      </c>
      <c r="AZ570">
        <v>130.5</v>
      </c>
      <c r="BA570">
        <v>0.57151971897283604</v>
      </c>
      <c r="BB570">
        <v>0.49864130434782611</v>
      </c>
      <c r="BC570">
        <v>5.170086609464839</v>
      </c>
      <c r="BD570" t="s">
        <v>2233</v>
      </c>
      <c r="BE570" t="s">
        <v>62</v>
      </c>
    </row>
    <row r="571" spans="1:57" x14ac:dyDescent="0.3">
      <c r="A571" t="s">
        <v>2234</v>
      </c>
      <c r="B571">
        <v>135</v>
      </c>
      <c r="C571" t="s">
        <v>2235</v>
      </c>
      <c r="D571" t="s">
        <v>2236</v>
      </c>
      <c r="E571" t="s">
        <v>60</v>
      </c>
      <c r="F571">
        <v>512</v>
      </c>
      <c r="G571">
        <v>133.0859375</v>
      </c>
      <c r="H571">
        <v>139</v>
      </c>
      <c r="I571">
        <v>5860.4066772460938</v>
      </c>
      <c r="J571">
        <v>76.553293052918988</v>
      </c>
      <c r="K571">
        <v>-8.5776991280301473E-2</v>
      </c>
      <c r="L571">
        <v>-1.2933714118192861</v>
      </c>
      <c r="M571">
        <v>7.5473632485599449</v>
      </c>
      <c r="N571">
        <v>6</v>
      </c>
      <c r="O571">
        <v>1</v>
      </c>
      <c r="P571">
        <v>5</v>
      </c>
      <c r="Q571">
        <v>1.2952376629663489</v>
      </c>
      <c r="R571">
        <v>5.2314335564010754</v>
      </c>
      <c r="S571">
        <v>2</v>
      </c>
      <c r="T571">
        <v>1</v>
      </c>
      <c r="U571">
        <v>1</v>
      </c>
      <c r="V571">
        <v>6.2560641760670568E-2</v>
      </c>
      <c r="W571">
        <v>6.2309437805711401</v>
      </c>
      <c r="X571">
        <v>1</v>
      </c>
      <c r="Y571">
        <v>1</v>
      </c>
      <c r="Z571">
        <v>0</v>
      </c>
      <c r="AA571">
        <v>0</v>
      </c>
      <c r="AB571">
        <v>6.2344107257183694</v>
      </c>
      <c r="AC571">
        <v>1</v>
      </c>
      <c r="AD571">
        <v>1</v>
      </c>
      <c r="AE571">
        <v>0</v>
      </c>
      <c r="AF571">
        <v>0</v>
      </c>
      <c r="AG571">
        <v>6.2324480165505216</v>
      </c>
      <c r="AH571">
        <v>-3.3748359768780767E-2</v>
      </c>
      <c r="AI571">
        <v>-2.7142442020403949E-2</v>
      </c>
      <c r="AJ571">
        <v>9.5302725691531365E-2</v>
      </c>
      <c r="AK571">
        <v>2.6923922308957939E-2</v>
      </c>
      <c r="AL571">
        <v>1640.165727326807</v>
      </c>
      <c r="AM571">
        <v>3062.4925121381971</v>
      </c>
      <c r="AN571">
        <v>68140</v>
      </c>
      <c r="AO571">
        <v>43.347299736331998</v>
      </c>
      <c r="AP571">
        <v>1385.762957294223</v>
      </c>
      <c r="AQ571">
        <v>1.044921875</v>
      </c>
      <c r="AR571">
        <v>4.111328125</v>
      </c>
      <c r="AS571">
        <v>505</v>
      </c>
      <c r="AT571">
        <v>152.875</v>
      </c>
      <c r="AU571">
        <v>6.1749387254901977E-2</v>
      </c>
      <c r="AV571">
        <v>-3.3818470302216901E-2</v>
      </c>
      <c r="AW571">
        <v>0.330078125</v>
      </c>
      <c r="AX571">
        <v>88.745596868884533</v>
      </c>
      <c r="AY571">
        <v>69</v>
      </c>
      <c r="AZ571">
        <v>140</v>
      </c>
      <c r="BA571">
        <v>0.57521699505568713</v>
      </c>
      <c r="BB571">
        <v>0.515625</v>
      </c>
      <c r="BC571">
        <v>5.1406385993792671</v>
      </c>
      <c r="BD571" t="s">
        <v>2237</v>
      </c>
      <c r="BE571" t="s">
        <v>62</v>
      </c>
    </row>
    <row r="572" spans="1:57" x14ac:dyDescent="0.3">
      <c r="A572" t="s">
        <v>2238</v>
      </c>
      <c r="B572">
        <v>1169</v>
      </c>
      <c r="C572" t="s">
        <v>2239</v>
      </c>
      <c r="D572" t="s">
        <v>2240</v>
      </c>
      <c r="E572" t="s">
        <v>10622</v>
      </c>
      <c r="F572">
        <v>64</v>
      </c>
      <c r="G572">
        <v>120.609375</v>
      </c>
      <c r="H572">
        <v>114</v>
      </c>
      <c r="I572">
        <v>5630.269287109375</v>
      </c>
      <c r="J572">
        <v>75.035120357798959</v>
      </c>
      <c r="K572">
        <v>0.2005995817890848</v>
      </c>
      <c r="L572">
        <v>-1.230224592729789</v>
      </c>
      <c r="M572">
        <v>5.831954882778696</v>
      </c>
      <c r="N572">
        <v>3</v>
      </c>
      <c r="O572">
        <v>1</v>
      </c>
      <c r="P572">
        <v>2</v>
      </c>
      <c r="Q572">
        <v>0.33385958650156289</v>
      </c>
      <c r="R572">
        <v>4.0424030841508598</v>
      </c>
      <c r="S572">
        <v>1</v>
      </c>
      <c r="T572">
        <v>1</v>
      </c>
      <c r="U572">
        <v>0</v>
      </c>
      <c r="V572">
        <v>0</v>
      </c>
      <c r="W572">
        <v>4.1431347263915326</v>
      </c>
      <c r="X572">
        <v>1</v>
      </c>
      <c r="Y572">
        <v>1</v>
      </c>
      <c r="Z572">
        <v>0</v>
      </c>
      <c r="AA572">
        <v>0</v>
      </c>
      <c r="AB572">
        <v>4.1271343850450908</v>
      </c>
      <c r="AC572">
        <v>1</v>
      </c>
      <c r="AD572">
        <v>1</v>
      </c>
      <c r="AE572">
        <v>0</v>
      </c>
      <c r="AF572">
        <v>0</v>
      </c>
      <c r="AG572">
        <v>4.1108738641733096</v>
      </c>
      <c r="AH572">
        <v>-6.5129907414638449E-2</v>
      </c>
      <c r="AI572">
        <v>-5.5219259287187697E-2</v>
      </c>
      <c r="AJ572">
        <v>-3.7566364291861491E-2</v>
      </c>
      <c r="AK572">
        <v>-0.1117051963106782</v>
      </c>
      <c r="AL572">
        <v>676.47798535260313</v>
      </c>
      <c r="AM572">
        <v>913.07093663815817</v>
      </c>
      <c r="AN572">
        <v>7719</v>
      </c>
      <c r="AO572">
        <v>38.667627779267328</v>
      </c>
      <c r="AP572">
        <v>555.10839007110701</v>
      </c>
      <c r="AQ572">
        <v>1.359375</v>
      </c>
      <c r="AR572">
        <v>4.046875</v>
      </c>
      <c r="AS572">
        <v>64</v>
      </c>
      <c r="AT572">
        <v>6.0625</v>
      </c>
      <c r="AU572">
        <v>8.8051470588235314E-2</v>
      </c>
      <c r="AV572">
        <v>-6.5577819797671438E-2</v>
      </c>
      <c r="AW572">
        <v>0.390625</v>
      </c>
      <c r="AX572">
        <v>94.603174603174608</v>
      </c>
      <c r="AY572">
        <v>66</v>
      </c>
      <c r="AZ572">
        <v>129</v>
      </c>
      <c r="BA572">
        <v>0.62213339848414739</v>
      </c>
      <c r="BB572">
        <v>0.453125</v>
      </c>
      <c r="BC572">
        <v>3.8707731315152909</v>
      </c>
      <c r="BD572" t="s">
        <v>2241</v>
      </c>
      <c r="BE572" t="s">
        <v>62</v>
      </c>
    </row>
    <row r="573" spans="1:57" x14ac:dyDescent="0.3">
      <c r="A573" t="s">
        <v>2242</v>
      </c>
      <c r="B573">
        <v>850</v>
      </c>
      <c r="C573" t="s">
        <v>2243</v>
      </c>
      <c r="D573" t="s">
        <v>2244</v>
      </c>
      <c r="E573" t="s">
        <v>85</v>
      </c>
      <c r="F573">
        <v>8</v>
      </c>
      <c r="G573">
        <v>95.75</v>
      </c>
      <c r="H573">
        <v>44</v>
      </c>
      <c r="I573">
        <v>7727.4375</v>
      </c>
      <c r="J573">
        <v>87.905844515595206</v>
      </c>
      <c r="K573">
        <v>0.75074659794160159</v>
      </c>
      <c r="L573">
        <v>-1.086822406780134</v>
      </c>
      <c r="M573">
        <v>3</v>
      </c>
      <c r="N573">
        <v>1</v>
      </c>
      <c r="O573">
        <v>1</v>
      </c>
      <c r="P573">
        <v>0</v>
      </c>
      <c r="Q573">
        <v>0</v>
      </c>
      <c r="R573">
        <v>2.0794415416798362</v>
      </c>
      <c r="S573">
        <v>1</v>
      </c>
      <c r="T573">
        <v>1</v>
      </c>
      <c r="U573">
        <v>0</v>
      </c>
      <c r="V573">
        <v>0</v>
      </c>
      <c r="W573">
        <v>1.945910149055313</v>
      </c>
      <c r="X573">
        <v>1</v>
      </c>
      <c r="Y573">
        <v>1</v>
      </c>
      <c r="Z573">
        <v>0</v>
      </c>
      <c r="AA573">
        <v>0</v>
      </c>
      <c r="AB573">
        <v>1.791759469228055</v>
      </c>
      <c r="AC573">
        <v>1</v>
      </c>
      <c r="AD573">
        <v>1</v>
      </c>
      <c r="AE573">
        <v>0</v>
      </c>
      <c r="AF573">
        <v>0</v>
      </c>
      <c r="AG573">
        <v>1.6094379124341009</v>
      </c>
      <c r="AH573">
        <v>-0.42783931445579471</v>
      </c>
      <c r="AI573">
        <v>0.57965326474656054</v>
      </c>
      <c r="AJ573">
        <v>-0.20872964841190891</v>
      </c>
      <c r="AK573">
        <v>0</v>
      </c>
      <c r="AL573">
        <v>297.28482352257112</v>
      </c>
      <c r="AM573">
        <v>216.30010102437251</v>
      </c>
      <c r="AN573">
        <v>766</v>
      </c>
      <c r="AO573">
        <v>80.622577482985491</v>
      </c>
      <c r="AP573">
        <v>235.25835830364949</v>
      </c>
      <c r="AQ573">
        <v>3.5</v>
      </c>
      <c r="AR573">
        <v>3</v>
      </c>
      <c r="AS573">
        <v>8</v>
      </c>
      <c r="AT573">
        <v>0</v>
      </c>
      <c r="AU573">
        <v>0.4497011952191235</v>
      </c>
      <c r="AV573">
        <v>-0.49756330326671688</v>
      </c>
      <c r="AW573">
        <v>0.5</v>
      </c>
      <c r="AX573">
        <v>123.28571428571431</v>
      </c>
      <c r="AY573">
        <v>25.5</v>
      </c>
      <c r="AZ573">
        <v>121.75</v>
      </c>
      <c r="BA573">
        <v>0.91807670512370976</v>
      </c>
      <c r="BB573">
        <v>0.375</v>
      </c>
      <c r="BC573">
        <v>1.945910149055313</v>
      </c>
      <c r="BD573" t="s">
        <v>2243</v>
      </c>
      <c r="BE573" t="s">
        <v>68</v>
      </c>
    </row>
    <row r="574" spans="1:57" x14ac:dyDescent="0.3">
      <c r="A574" t="s">
        <v>2245</v>
      </c>
      <c r="B574">
        <v>1371</v>
      </c>
      <c r="C574" t="s">
        <v>2246</v>
      </c>
      <c r="D574" t="s">
        <v>2247</v>
      </c>
      <c r="E574" t="s">
        <v>66</v>
      </c>
      <c r="F574">
        <v>71</v>
      </c>
      <c r="G574">
        <v>115.35211267605629</v>
      </c>
      <c r="H574">
        <v>114</v>
      </c>
      <c r="I574">
        <v>6275.8901011704029</v>
      </c>
      <c r="J574">
        <v>79.220515658321759</v>
      </c>
      <c r="K574">
        <v>0.1622086250989756</v>
      </c>
      <c r="L574">
        <v>-1.4040664999548369</v>
      </c>
      <c r="M574">
        <v>5.8574247603192759</v>
      </c>
      <c r="N574">
        <v>3</v>
      </c>
      <c r="O574">
        <v>1</v>
      </c>
      <c r="P574">
        <v>2</v>
      </c>
      <c r="Q574">
        <v>0.41212475704841112</v>
      </c>
      <c r="R574">
        <v>4.0600574579573241</v>
      </c>
      <c r="S574">
        <v>1</v>
      </c>
      <c r="T574">
        <v>1</v>
      </c>
      <c r="U574">
        <v>0</v>
      </c>
      <c r="V574">
        <v>0</v>
      </c>
      <c r="W574">
        <v>4.2484952420493576</v>
      </c>
      <c r="X574">
        <v>1</v>
      </c>
      <c r="Y574">
        <v>1</v>
      </c>
      <c r="Z574">
        <v>0</v>
      </c>
      <c r="AA574">
        <v>0</v>
      </c>
      <c r="AB574">
        <v>4.2341065045972579</v>
      </c>
      <c r="AC574">
        <v>1</v>
      </c>
      <c r="AD574">
        <v>1</v>
      </c>
      <c r="AE574">
        <v>0</v>
      </c>
      <c r="AF574">
        <v>0</v>
      </c>
      <c r="AG574">
        <v>4.2195077051761087</v>
      </c>
      <c r="AH574">
        <v>3.8504136333013417E-2</v>
      </c>
      <c r="AI574">
        <v>5.9240272261940001E-2</v>
      </c>
      <c r="AJ574">
        <v>-0.1147502710323044</v>
      </c>
      <c r="AK574">
        <v>5.1086896055638882E-2</v>
      </c>
      <c r="AL574">
        <v>717.30185227884181</v>
      </c>
      <c r="AM574">
        <v>935.84189514967875</v>
      </c>
      <c r="AN574">
        <v>8190</v>
      </c>
      <c r="AO574">
        <v>75.950741114258875</v>
      </c>
      <c r="AP574">
        <v>591.75307973617157</v>
      </c>
      <c r="AQ574">
        <v>1.323943661971831</v>
      </c>
      <c r="AR574">
        <v>3.605633802816901</v>
      </c>
      <c r="AS574">
        <v>71</v>
      </c>
      <c r="AT574">
        <v>8.9014084507042295</v>
      </c>
      <c r="AU574">
        <v>0.10927037635649969</v>
      </c>
      <c r="AV574">
        <v>3.8793691761786868E-2</v>
      </c>
      <c r="AW574">
        <v>0.40845070422535212</v>
      </c>
      <c r="AX574">
        <v>90.542857142857144</v>
      </c>
      <c r="AY574">
        <v>81</v>
      </c>
      <c r="AZ574">
        <v>156.5</v>
      </c>
      <c r="BA574">
        <v>0.68677125906481629</v>
      </c>
      <c r="BB574">
        <v>0.47887323943661969</v>
      </c>
      <c r="BC574">
        <v>3.9316279595076709</v>
      </c>
      <c r="BD574" t="s">
        <v>2248</v>
      </c>
      <c r="BE574" t="s">
        <v>68</v>
      </c>
    </row>
    <row r="575" spans="1:57" x14ac:dyDescent="0.3">
      <c r="A575" t="s">
        <v>2249</v>
      </c>
      <c r="B575">
        <v>1159</v>
      </c>
      <c r="C575" t="s">
        <v>2250</v>
      </c>
      <c r="D575" t="s">
        <v>2251</v>
      </c>
      <c r="E575" t="s">
        <v>10622</v>
      </c>
      <c r="F575">
        <v>64</v>
      </c>
      <c r="G575">
        <v>127.8125</v>
      </c>
      <c r="H575">
        <v>137</v>
      </c>
      <c r="I575">
        <v>5128.99609375</v>
      </c>
      <c r="J575">
        <v>71.617009807377471</v>
      </c>
      <c r="K575">
        <v>-0.23470259221390599</v>
      </c>
      <c r="L575">
        <v>-1.1622652019018309</v>
      </c>
      <c r="M575">
        <v>5.875</v>
      </c>
      <c r="N575">
        <v>2</v>
      </c>
      <c r="O575">
        <v>1</v>
      </c>
      <c r="P575">
        <v>1</v>
      </c>
      <c r="Q575">
        <v>0.24944382578492941</v>
      </c>
      <c r="R575">
        <v>4.0722396857896799</v>
      </c>
      <c r="S575">
        <v>1</v>
      </c>
      <c r="T575">
        <v>1</v>
      </c>
      <c r="U575">
        <v>0</v>
      </c>
      <c r="V575">
        <v>0</v>
      </c>
      <c r="W575">
        <v>4.1431347263915326</v>
      </c>
      <c r="X575">
        <v>1</v>
      </c>
      <c r="Y575">
        <v>1</v>
      </c>
      <c r="Z575">
        <v>0</v>
      </c>
      <c r="AA575">
        <v>0</v>
      </c>
      <c r="AB575">
        <v>4.1271343850450908</v>
      </c>
      <c r="AC575">
        <v>1</v>
      </c>
      <c r="AD575">
        <v>1</v>
      </c>
      <c r="AE575">
        <v>0</v>
      </c>
      <c r="AF575">
        <v>0</v>
      </c>
      <c r="AG575">
        <v>4.1108738641733096</v>
      </c>
      <c r="AH575">
        <v>0.1108642875067687</v>
      </c>
      <c r="AI575">
        <v>0.15512806611156091</v>
      </c>
      <c r="AJ575">
        <v>-1.2206719246349839E-2</v>
      </c>
      <c r="AK575">
        <v>-0.15997446826902501</v>
      </c>
      <c r="AL575">
        <v>638.2334734858498</v>
      </c>
      <c r="AM575">
        <v>983.06664744674708</v>
      </c>
      <c r="AN575">
        <v>8180</v>
      </c>
      <c r="AO575">
        <v>107.2259164782231</v>
      </c>
      <c r="AP575">
        <v>429.6347285776605</v>
      </c>
      <c r="AQ575">
        <v>1.359375</v>
      </c>
      <c r="AR575">
        <v>4.234375</v>
      </c>
      <c r="AS575">
        <v>63</v>
      </c>
      <c r="AT575">
        <v>3.5000000000000009</v>
      </c>
      <c r="AU575">
        <v>9.6365062761506248E-2</v>
      </c>
      <c r="AV575">
        <v>0.1160143293722362</v>
      </c>
      <c r="AW575">
        <v>0.296875</v>
      </c>
      <c r="AX575">
        <v>75.746031746031747</v>
      </c>
      <c r="AY575">
        <v>53.5</v>
      </c>
      <c r="AZ575">
        <v>122</v>
      </c>
      <c r="BA575">
        <v>0.5603286830895059</v>
      </c>
      <c r="BB575">
        <v>0.53125</v>
      </c>
      <c r="BC575">
        <v>3.9891020196004332</v>
      </c>
      <c r="BD575" t="s">
        <v>2252</v>
      </c>
      <c r="BE575" t="s">
        <v>62</v>
      </c>
    </row>
    <row r="576" spans="1:57" x14ac:dyDescent="0.3">
      <c r="A576" t="s">
        <v>2253</v>
      </c>
      <c r="B576">
        <v>160</v>
      </c>
      <c r="C576" t="s">
        <v>2254</v>
      </c>
      <c r="D576" t="s">
        <v>2255</v>
      </c>
      <c r="E576" t="s">
        <v>60</v>
      </c>
      <c r="F576">
        <v>512</v>
      </c>
      <c r="G576">
        <v>125.220703125</v>
      </c>
      <c r="H576">
        <v>128</v>
      </c>
      <c r="I576">
        <v>5944.1446495056152</v>
      </c>
      <c r="J576">
        <v>77.098279160469048</v>
      </c>
      <c r="K576">
        <v>-1.0772392191282929E-2</v>
      </c>
      <c r="L576">
        <v>-1.3127193422646359</v>
      </c>
      <c r="M576">
        <v>7.5375594399492947</v>
      </c>
      <c r="N576">
        <v>6</v>
      </c>
      <c r="O576">
        <v>1</v>
      </c>
      <c r="P576">
        <v>5</v>
      </c>
      <c r="Q576">
        <v>1.2616844425645699</v>
      </c>
      <c r="R576">
        <v>5.2246380741038534</v>
      </c>
      <c r="S576">
        <v>1</v>
      </c>
      <c r="T576">
        <v>1</v>
      </c>
      <c r="U576">
        <v>0</v>
      </c>
      <c r="V576">
        <v>0</v>
      </c>
      <c r="W576">
        <v>6.2363695902037044</v>
      </c>
      <c r="X576">
        <v>1</v>
      </c>
      <c r="Y576">
        <v>1</v>
      </c>
      <c r="Z576">
        <v>0</v>
      </c>
      <c r="AA576">
        <v>0</v>
      </c>
      <c r="AB576">
        <v>6.2344107257183694</v>
      </c>
      <c r="AC576">
        <v>1</v>
      </c>
      <c r="AD576">
        <v>1</v>
      </c>
      <c r="AE576">
        <v>0</v>
      </c>
      <c r="AF576">
        <v>0</v>
      </c>
      <c r="AG576">
        <v>6.2324480165505216</v>
      </c>
      <c r="AH576">
        <v>3.14574143907568E-3</v>
      </c>
      <c r="AI576">
        <v>-1.2481705872945959E-2</v>
      </c>
      <c r="AJ576">
        <v>1.1790235930643119E-2</v>
      </c>
      <c r="AK576">
        <v>-2.6751507983778889E-2</v>
      </c>
      <c r="AL576">
        <v>1651.973659010016</v>
      </c>
      <c r="AM576">
        <v>2888.366325440224</v>
      </c>
      <c r="AN576">
        <v>64113</v>
      </c>
      <c r="AO576">
        <v>53.148903968891943</v>
      </c>
      <c r="AP576">
        <v>1442.2644582025559</v>
      </c>
      <c r="AQ576">
        <v>1.044921875</v>
      </c>
      <c r="AR576">
        <v>4.02734375</v>
      </c>
      <c r="AS576">
        <v>510</v>
      </c>
      <c r="AT576">
        <v>139.734375</v>
      </c>
      <c r="AU576">
        <v>6.1718749999999989E-2</v>
      </c>
      <c r="AV576">
        <v>3.14607220865352E-3</v>
      </c>
      <c r="AW576">
        <v>0.345703125</v>
      </c>
      <c r="AX576">
        <v>88.127201565557726</v>
      </c>
      <c r="AY576">
        <v>71</v>
      </c>
      <c r="AZ576">
        <v>146</v>
      </c>
      <c r="BA576">
        <v>0.6156991394905893</v>
      </c>
      <c r="BB576">
        <v>0.5078125</v>
      </c>
      <c r="BC576">
        <v>5.0856804969109266</v>
      </c>
      <c r="BD576" t="s">
        <v>2256</v>
      </c>
      <c r="BE576" t="s">
        <v>62</v>
      </c>
    </row>
    <row r="577" spans="1:57" x14ac:dyDescent="0.3">
      <c r="A577" t="s">
        <v>2257</v>
      </c>
      <c r="B577">
        <v>1645</v>
      </c>
      <c r="C577" t="s">
        <v>2258</v>
      </c>
      <c r="D577" t="s">
        <v>2259</v>
      </c>
      <c r="E577" t="s">
        <v>115</v>
      </c>
      <c r="F577">
        <v>1712</v>
      </c>
      <c r="G577">
        <v>127.72021028037381</v>
      </c>
      <c r="H577">
        <v>127</v>
      </c>
      <c r="I577">
        <v>5412.6208999557812</v>
      </c>
      <c r="J577">
        <v>73.570516512770126</v>
      </c>
      <c r="K577">
        <v>8.0046909007106988E-3</v>
      </c>
      <c r="L577">
        <v>-1.1783831846024579</v>
      </c>
      <c r="M577">
        <v>7.9015147841369098</v>
      </c>
      <c r="N577">
        <v>14</v>
      </c>
      <c r="O577">
        <v>1</v>
      </c>
      <c r="P577">
        <v>13</v>
      </c>
      <c r="Q577">
        <v>2.4423029603224902</v>
      </c>
      <c r="R577">
        <v>5.4769126947772264</v>
      </c>
      <c r="S577">
        <v>2</v>
      </c>
      <c r="T577">
        <v>1</v>
      </c>
      <c r="U577">
        <v>1</v>
      </c>
      <c r="V577">
        <v>0.1081084436438122</v>
      </c>
      <c r="W577">
        <v>7.4286287810678786</v>
      </c>
      <c r="X577">
        <v>1</v>
      </c>
      <c r="Y577">
        <v>1</v>
      </c>
      <c r="Z577">
        <v>0</v>
      </c>
      <c r="AA577">
        <v>0</v>
      </c>
      <c r="AB577">
        <v>7.4442486494967062</v>
      </c>
      <c r="AC577">
        <v>1</v>
      </c>
      <c r="AD577">
        <v>1</v>
      </c>
      <c r="AE577">
        <v>0</v>
      </c>
      <c r="AF577">
        <v>0</v>
      </c>
      <c r="AG577">
        <v>7.4436636831155898</v>
      </c>
      <c r="AH577">
        <v>-3.5924481962875598E-3</v>
      </c>
      <c r="AI577">
        <v>1.3095923958970071E-2</v>
      </c>
      <c r="AJ577">
        <v>1.1245708890299541E-2</v>
      </c>
      <c r="AK577">
        <v>1.8161590137919618E-2</v>
      </c>
      <c r="AL577">
        <v>2840.7863221872531</v>
      </c>
      <c r="AM577">
        <v>5396.5968972745986</v>
      </c>
      <c r="AN577">
        <v>218657</v>
      </c>
      <c r="AO577">
        <v>25.14777135332012</v>
      </c>
      <c r="AP577">
        <v>2624.9160183511949</v>
      </c>
      <c r="AQ577">
        <v>1.0134345794392521</v>
      </c>
      <c r="AR577">
        <v>4.043808411214953</v>
      </c>
      <c r="AS577">
        <v>1702</v>
      </c>
      <c r="AT577">
        <v>228.33644859813089</v>
      </c>
      <c r="AU577">
        <v>1.215182334616088E-2</v>
      </c>
      <c r="AV577">
        <v>-3.5927913424832441E-3</v>
      </c>
      <c r="AW577">
        <v>0.37558411214953269</v>
      </c>
      <c r="AX577">
        <v>85.960257159555809</v>
      </c>
      <c r="AY577">
        <v>63</v>
      </c>
      <c r="AZ577">
        <v>125</v>
      </c>
      <c r="BA577">
        <v>0.57602877689652032</v>
      </c>
      <c r="BB577">
        <v>0.49766355140186919</v>
      </c>
      <c r="BC577">
        <v>5.2673121845087127</v>
      </c>
      <c r="BD577" t="s">
        <v>2260</v>
      </c>
      <c r="BE577" t="s">
        <v>62</v>
      </c>
    </row>
    <row r="578" spans="1:57" x14ac:dyDescent="0.3">
      <c r="A578" t="s">
        <v>2261</v>
      </c>
      <c r="B578">
        <v>2170</v>
      </c>
      <c r="C578" t="s">
        <v>2262</v>
      </c>
      <c r="D578" t="s">
        <v>2263</v>
      </c>
      <c r="E578" t="s">
        <v>93</v>
      </c>
      <c r="F578">
        <v>2170</v>
      </c>
      <c r="G578">
        <v>127.8387096774194</v>
      </c>
      <c r="H578">
        <v>127</v>
      </c>
      <c r="I578">
        <v>5576.1813587037304</v>
      </c>
      <c r="J578">
        <v>74.673833159305076</v>
      </c>
      <c r="K578">
        <v>2.64087387607446E-2</v>
      </c>
      <c r="L578">
        <v>-1.219467738088839</v>
      </c>
      <c r="M578">
        <v>7.9157368895029396</v>
      </c>
      <c r="N578">
        <v>17</v>
      </c>
      <c r="O578">
        <v>2</v>
      </c>
      <c r="P578">
        <v>15</v>
      </c>
      <c r="Q578">
        <v>2.8816901609287822</v>
      </c>
      <c r="R578">
        <v>5.4867707070133234</v>
      </c>
      <c r="S578">
        <v>2</v>
      </c>
      <c r="T578">
        <v>1</v>
      </c>
      <c r="U578">
        <v>1</v>
      </c>
      <c r="V578">
        <v>0.1115623365323677</v>
      </c>
      <c r="W578">
        <v>7.6647647345473731</v>
      </c>
      <c r="X578">
        <v>1</v>
      </c>
      <c r="Y578">
        <v>1</v>
      </c>
      <c r="Z578">
        <v>0</v>
      </c>
      <c r="AA578">
        <v>0</v>
      </c>
      <c r="AB578">
        <v>7.681560362559539</v>
      </c>
      <c r="AC578">
        <v>1</v>
      </c>
      <c r="AD578">
        <v>1</v>
      </c>
      <c r="AE578">
        <v>0</v>
      </c>
      <c r="AF578">
        <v>0</v>
      </c>
      <c r="AG578">
        <v>7.6810990015363583</v>
      </c>
      <c r="AH578">
        <v>-1.5937749644161749E-2</v>
      </c>
      <c r="AI578">
        <v>3.2603933556018698E-2</v>
      </c>
      <c r="AJ578">
        <v>7.0029491551810333E-2</v>
      </c>
      <c r="AK578">
        <v>4.0063849464734534E-3</v>
      </c>
      <c r="AL578">
        <v>3206.1689274310661</v>
      </c>
      <c r="AM578">
        <v>6106.1060266568857</v>
      </c>
      <c r="AN578">
        <v>277410</v>
      </c>
      <c r="AO578">
        <v>117.93171160674029</v>
      </c>
      <c r="AP578">
        <v>2849.5496304408562</v>
      </c>
      <c r="AQ578">
        <v>1.0105990783410139</v>
      </c>
      <c r="AR578">
        <v>4.0032258064516126</v>
      </c>
      <c r="AS578">
        <v>2166</v>
      </c>
      <c r="AT578">
        <v>250.7926267281106</v>
      </c>
      <c r="AU578">
        <v>1.9653022499322211E-2</v>
      </c>
      <c r="AV578">
        <v>-1.594715283953416E-2</v>
      </c>
      <c r="AW578">
        <v>0.3774193548387097</v>
      </c>
      <c r="AX578">
        <v>87.3324112494237</v>
      </c>
      <c r="AY578">
        <v>65</v>
      </c>
      <c r="AZ578">
        <v>130</v>
      </c>
      <c r="BA578">
        <v>0.58412536662590397</v>
      </c>
      <c r="BB578">
        <v>0.49677419354838709</v>
      </c>
      <c r="BC578">
        <v>5.2992636399817457</v>
      </c>
      <c r="BD578" t="s">
        <v>2264</v>
      </c>
      <c r="BE578" t="s">
        <v>68</v>
      </c>
    </row>
    <row r="579" spans="1:57" x14ac:dyDescent="0.3">
      <c r="A579" t="s">
        <v>2265</v>
      </c>
      <c r="B579">
        <v>2098</v>
      </c>
      <c r="C579" t="s">
        <v>2266</v>
      </c>
      <c r="D579" t="s">
        <v>2267</v>
      </c>
      <c r="E579" t="s">
        <v>10622</v>
      </c>
      <c r="F579">
        <v>64</v>
      </c>
      <c r="G579">
        <v>127.75</v>
      </c>
      <c r="H579">
        <v>124.5</v>
      </c>
      <c r="I579">
        <v>6030.3125</v>
      </c>
      <c r="J579">
        <v>77.655086761911477</v>
      </c>
      <c r="K579">
        <v>7.551740341965732E-2</v>
      </c>
      <c r="L579">
        <v>-1.359028834996465</v>
      </c>
      <c r="M579">
        <v>5.78125</v>
      </c>
      <c r="N579">
        <v>2</v>
      </c>
      <c r="O579">
        <v>1</v>
      </c>
      <c r="P579">
        <v>1</v>
      </c>
      <c r="Q579">
        <v>0.32821556024332821</v>
      </c>
      <c r="R579">
        <v>4.0072571376121839</v>
      </c>
      <c r="S579">
        <v>1</v>
      </c>
      <c r="T579">
        <v>1</v>
      </c>
      <c r="U579">
        <v>0</v>
      </c>
      <c r="V579">
        <v>0</v>
      </c>
      <c r="W579">
        <v>4.1431347263915326</v>
      </c>
      <c r="X579">
        <v>1</v>
      </c>
      <c r="Y579">
        <v>1</v>
      </c>
      <c r="Z579">
        <v>0</v>
      </c>
      <c r="AA579">
        <v>0</v>
      </c>
      <c r="AB579">
        <v>4.1271343850450908</v>
      </c>
      <c r="AC579">
        <v>1</v>
      </c>
      <c r="AD579">
        <v>1</v>
      </c>
      <c r="AE579">
        <v>0</v>
      </c>
      <c r="AF579">
        <v>0</v>
      </c>
      <c r="AG579">
        <v>4.1108738641733096</v>
      </c>
      <c r="AH579">
        <v>0.16048592397782041</v>
      </c>
      <c r="AI579">
        <v>-7.6885979685961545E-2</v>
      </c>
      <c r="AJ579">
        <v>0.30679687904855679</v>
      </c>
      <c r="AK579">
        <v>0.11481480281909109</v>
      </c>
      <c r="AL579">
        <v>656.50519296360096</v>
      </c>
      <c r="AM579">
        <v>999.71242445606572</v>
      </c>
      <c r="AN579">
        <v>8176</v>
      </c>
      <c r="AO579">
        <v>66.869645144155754</v>
      </c>
      <c r="AP579">
        <v>451.85752859041031</v>
      </c>
      <c r="AQ579">
        <v>1.359375</v>
      </c>
      <c r="AR579">
        <v>3.984375</v>
      </c>
      <c r="AS579">
        <v>64</v>
      </c>
      <c r="AT579">
        <v>5.4687499999999991</v>
      </c>
      <c r="AU579">
        <v>9.2769607843137258E-2</v>
      </c>
      <c r="AV579">
        <v>0.1643061071101331</v>
      </c>
      <c r="AW579">
        <v>0.421875</v>
      </c>
      <c r="AX579">
        <v>80.349206349206355</v>
      </c>
      <c r="AY579">
        <v>69</v>
      </c>
      <c r="AZ579">
        <v>140.5</v>
      </c>
      <c r="BA579">
        <v>0.60786760674686091</v>
      </c>
      <c r="BB579">
        <v>0.5</v>
      </c>
      <c r="BC579">
        <v>3.9807964935089331</v>
      </c>
      <c r="BD579" t="s">
        <v>2268</v>
      </c>
      <c r="BE579" t="s">
        <v>62</v>
      </c>
    </row>
    <row r="580" spans="1:57" x14ac:dyDescent="0.3">
      <c r="A580" t="s">
        <v>2269</v>
      </c>
      <c r="B580">
        <v>1312</v>
      </c>
      <c r="C580" t="s">
        <v>2270</v>
      </c>
      <c r="D580" t="s">
        <v>2271</v>
      </c>
      <c r="E580" t="s">
        <v>115</v>
      </c>
      <c r="F580">
        <v>1360</v>
      </c>
      <c r="G580">
        <v>125.4308823529412</v>
      </c>
      <c r="H580">
        <v>123</v>
      </c>
      <c r="I580">
        <v>5495.4761051038058</v>
      </c>
      <c r="J580">
        <v>74.131478503425285</v>
      </c>
      <c r="K580">
        <v>5.5752735477234208E-2</v>
      </c>
      <c r="L580">
        <v>-1.1844978398107291</v>
      </c>
      <c r="M580">
        <v>7.8496874353805959</v>
      </c>
      <c r="N580">
        <v>13</v>
      </c>
      <c r="O580">
        <v>1</v>
      </c>
      <c r="P580">
        <v>12</v>
      </c>
      <c r="Q580">
        <v>2.2469373651021338</v>
      </c>
      <c r="R580">
        <v>5.4409887141108868</v>
      </c>
      <c r="S580">
        <v>2</v>
      </c>
      <c r="T580">
        <v>1</v>
      </c>
      <c r="U580">
        <v>1</v>
      </c>
      <c r="V580">
        <v>0.10849742725293809</v>
      </c>
      <c r="W580">
        <v>7.1981830677361902</v>
      </c>
      <c r="X580">
        <v>1</v>
      </c>
      <c r="Y580">
        <v>1</v>
      </c>
      <c r="Z580">
        <v>0</v>
      </c>
      <c r="AA580">
        <v>0</v>
      </c>
      <c r="AB580">
        <v>7.2137683081186417</v>
      </c>
      <c r="AC580">
        <v>1</v>
      </c>
      <c r="AD580">
        <v>1</v>
      </c>
      <c r="AE580">
        <v>0</v>
      </c>
      <c r="AF580">
        <v>0</v>
      </c>
      <c r="AG580">
        <v>7.2130316598348703</v>
      </c>
      <c r="AH580">
        <v>-9.2505819223058748E-3</v>
      </c>
      <c r="AI580">
        <v>2.5981401746119771E-2</v>
      </c>
      <c r="AJ580">
        <v>1.157708906136065E-2</v>
      </c>
      <c r="AK580">
        <v>-3.6787921596207179E-3</v>
      </c>
      <c r="AL580">
        <v>2536.2466996676321</v>
      </c>
      <c r="AM580">
        <v>4736.8821685181319</v>
      </c>
      <c r="AN580">
        <v>170586</v>
      </c>
      <c r="AO580">
        <v>91.196369401274339</v>
      </c>
      <c r="AP580">
        <v>2245.0692953599719</v>
      </c>
      <c r="AQ580">
        <v>1.0169117647058821</v>
      </c>
      <c r="AR580">
        <v>4.0382352941176469</v>
      </c>
      <c r="AS580">
        <v>1355</v>
      </c>
      <c r="AT580">
        <v>237.62058823529409</v>
      </c>
      <c r="AU580">
        <v>2.671568627450982E-2</v>
      </c>
      <c r="AV580">
        <v>-9.2507190906844002E-3</v>
      </c>
      <c r="AW580">
        <v>0.38455882352941179</v>
      </c>
      <c r="AX580">
        <v>86.091243561442241</v>
      </c>
      <c r="AY580">
        <v>64</v>
      </c>
      <c r="AZ580">
        <v>127</v>
      </c>
      <c r="BA580">
        <v>0.59101456605265601</v>
      </c>
      <c r="BB580">
        <v>0.4889705882352941</v>
      </c>
      <c r="BC580">
        <v>5.2458872640674361</v>
      </c>
      <c r="BD580" t="s">
        <v>2272</v>
      </c>
      <c r="BE580" t="s">
        <v>62</v>
      </c>
    </row>
    <row r="581" spans="1:57" x14ac:dyDescent="0.3">
      <c r="A581" t="s">
        <v>2273</v>
      </c>
      <c r="B581">
        <v>1416</v>
      </c>
      <c r="C581" t="s">
        <v>2274</v>
      </c>
      <c r="D581" t="s">
        <v>2275</v>
      </c>
      <c r="E581" t="s">
        <v>106</v>
      </c>
      <c r="F581">
        <v>1452</v>
      </c>
      <c r="G581">
        <v>127.6322314049587</v>
      </c>
      <c r="H581">
        <v>126.5</v>
      </c>
      <c r="I581">
        <v>5642.3289335883246</v>
      </c>
      <c r="J581">
        <v>75.115437385322636</v>
      </c>
      <c r="K581">
        <v>3.1328529616409589E-3</v>
      </c>
      <c r="L581">
        <v>-1.2241055855067271</v>
      </c>
      <c r="M581">
        <v>7.86450112311711</v>
      </c>
      <c r="N581">
        <v>14</v>
      </c>
      <c r="O581">
        <v>1</v>
      </c>
      <c r="P581">
        <v>13</v>
      </c>
      <c r="Q581">
        <v>2.4092478498165031</v>
      </c>
      <c r="R581">
        <v>5.4512567799991416</v>
      </c>
      <c r="S581">
        <v>2</v>
      </c>
      <c r="T581">
        <v>1</v>
      </c>
      <c r="U581">
        <v>1</v>
      </c>
      <c r="V581">
        <v>8.7066275132407597E-2</v>
      </c>
      <c r="W581">
        <v>7.2694987849501294</v>
      </c>
      <c r="X581">
        <v>1</v>
      </c>
      <c r="Y581">
        <v>1</v>
      </c>
      <c r="Z581">
        <v>0</v>
      </c>
      <c r="AA581">
        <v>0</v>
      </c>
      <c r="AB581">
        <v>7.279318835414621</v>
      </c>
      <c r="AC581">
        <v>1</v>
      </c>
      <c r="AD581">
        <v>1</v>
      </c>
      <c r="AE581">
        <v>0</v>
      </c>
      <c r="AF581">
        <v>0</v>
      </c>
      <c r="AG581">
        <v>7.2786289423206831</v>
      </c>
      <c r="AH581">
        <v>-1.2819103532139E-2</v>
      </c>
      <c r="AI581">
        <v>-1.374615406185589E-2</v>
      </c>
      <c r="AJ581">
        <v>-3.1930324733630312E-2</v>
      </c>
      <c r="AK581">
        <v>-1.9956626228079921E-2</v>
      </c>
      <c r="AL581">
        <v>2684.8340830529341</v>
      </c>
      <c r="AM581">
        <v>4963.6063448340974</v>
      </c>
      <c r="AN581">
        <v>185322</v>
      </c>
      <c r="AO581">
        <v>23.9908306374065</v>
      </c>
      <c r="AP581">
        <v>2418.989969993987</v>
      </c>
      <c r="AQ581">
        <v>1.0158402203856749</v>
      </c>
      <c r="AR581">
        <v>3.9951790633608821</v>
      </c>
      <c r="AS581">
        <v>1444</v>
      </c>
      <c r="AT581">
        <v>259.94214876033061</v>
      </c>
      <c r="AU581">
        <v>1.695835358936959E-2</v>
      </c>
      <c r="AV581">
        <v>-1.28299730454716E-2</v>
      </c>
      <c r="AW581">
        <v>0.36776859504132231</v>
      </c>
      <c r="AX581">
        <v>87.328049620951063</v>
      </c>
      <c r="AY581">
        <v>65.5</v>
      </c>
      <c r="AZ581">
        <v>132</v>
      </c>
      <c r="BA581">
        <v>0.58853031525392818</v>
      </c>
      <c r="BB581">
        <v>0.49655647382920109</v>
      </c>
      <c r="BC581">
        <v>5.3065183494899406</v>
      </c>
      <c r="BD581" t="s">
        <v>2276</v>
      </c>
      <c r="BE581" t="s">
        <v>68</v>
      </c>
    </row>
    <row r="582" spans="1:57" x14ac:dyDescent="0.3">
      <c r="A582" t="s">
        <v>2277</v>
      </c>
      <c r="B582">
        <v>1547</v>
      </c>
      <c r="C582" t="s">
        <v>2278</v>
      </c>
      <c r="D582" t="s">
        <v>2279</v>
      </c>
      <c r="E582" t="s">
        <v>66</v>
      </c>
      <c r="F582">
        <v>71</v>
      </c>
      <c r="G582">
        <v>110.66197183098591</v>
      </c>
      <c r="H582">
        <v>100</v>
      </c>
      <c r="I582">
        <v>5228.1110890696273</v>
      </c>
      <c r="J582">
        <v>72.305678124678607</v>
      </c>
      <c r="K582">
        <v>0.26405716068822849</v>
      </c>
      <c r="L582">
        <v>-1.072587921185709</v>
      </c>
      <c r="M582">
        <v>5.8574247603192777</v>
      </c>
      <c r="N582">
        <v>3</v>
      </c>
      <c r="O582">
        <v>1</v>
      </c>
      <c r="P582">
        <v>2</v>
      </c>
      <c r="Q582">
        <v>0.41212475704841101</v>
      </c>
      <c r="R582">
        <v>4.0600574579573241</v>
      </c>
      <c r="S582">
        <v>1</v>
      </c>
      <c r="T582">
        <v>1</v>
      </c>
      <c r="U582">
        <v>0</v>
      </c>
      <c r="V582">
        <v>0</v>
      </c>
      <c r="W582">
        <v>4.2484952420493576</v>
      </c>
      <c r="X582">
        <v>1</v>
      </c>
      <c r="Y582">
        <v>1</v>
      </c>
      <c r="Z582">
        <v>0</v>
      </c>
      <c r="AA582">
        <v>0</v>
      </c>
      <c r="AB582">
        <v>4.2341065045972579</v>
      </c>
      <c r="AC582">
        <v>1</v>
      </c>
      <c r="AD582">
        <v>1</v>
      </c>
      <c r="AE582">
        <v>0</v>
      </c>
      <c r="AF582">
        <v>0</v>
      </c>
      <c r="AG582">
        <v>4.2195077051761087</v>
      </c>
      <c r="AH582">
        <v>1.920575428773812E-2</v>
      </c>
      <c r="AI582">
        <v>9.3339873341538065E-2</v>
      </c>
      <c r="AJ582">
        <v>-0.2452803691585751</v>
      </c>
      <c r="AK582">
        <v>5.8351100039485508E-2</v>
      </c>
      <c r="AL582">
        <v>660.8380866877427</v>
      </c>
      <c r="AM582">
        <v>896.63817852179579</v>
      </c>
      <c r="AN582">
        <v>7857</v>
      </c>
      <c r="AO582">
        <v>142.14544749796909</v>
      </c>
      <c r="AP582">
        <v>525.82329400157266</v>
      </c>
      <c r="AQ582">
        <v>1.323943661971831</v>
      </c>
      <c r="AR582">
        <v>3.816901408450704</v>
      </c>
      <c r="AS582">
        <v>71</v>
      </c>
      <c r="AT582">
        <v>8.9014084507042295</v>
      </c>
      <c r="AU582">
        <v>0.13450423657482741</v>
      </c>
      <c r="AV582">
        <v>1.9296738555283341E-2</v>
      </c>
      <c r="AW582">
        <v>0.47887323943661969</v>
      </c>
      <c r="AX582">
        <v>79.157142857142858</v>
      </c>
      <c r="AY582">
        <v>59</v>
      </c>
      <c r="AZ582">
        <v>129.5</v>
      </c>
      <c r="BA582">
        <v>0.65339228036810248</v>
      </c>
      <c r="BB582">
        <v>0.46478873239436619</v>
      </c>
      <c r="BC582">
        <v>4.0108447801430929</v>
      </c>
      <c r="BD582" t="s">
        <v>2280</v>
      </c>
      <c r="BE582" t="s">
        <v>68</v>
      </c>
    </row>
    <row r="583" spans="1:57" x14ac:dyDescent="0.3">
      <c r="A583" t="s">
        <v>2281</v>
      </c>
      <c r="B583">
        <v>3819</v>
      </c>
      <c r="C583" t="s">
        <v>2282</v>
      </c>
      <c r="D583" t="s">
        <v>2283</v>
      </c>
      <c r="E583" t="s">
        <v>66</v>
      </c>
      <c r="F583">
        <v>71</v>
      </c>
      <c r="G583">
        <v>132.63380281690141</v>
      </c>
      <c r="H583">
        <v>139</v>
      </c>
      <c r="I583">
        <v>6101.696885538583</v>
      </c>
      <c r="J583">
        <v>78.113359200194324</v>
      </c>
      <c r="K583">
        <v>-0.163487470018606</v>
      </c>
      <c r="L583">
        <v>-1.259668026845238</v>
      </c>
      <c r="M583">
        <v>5.8855937744037847</v>
      </c>
      <c r="N583">
        <v>3</v>
      </c>
      <c r="O583">
        <v>1</v>
      </c>
      <c r="P583">
        <v>2</v>
      </c>
      <c r="Q583">
        <v>0.39540808619778262</v>
      </c>
      <c r="R583">
        <v>4.079582730649153</v>
      </c>
      <c r="S583">
        <v>1</v>
      </c>
      <c r="T583">
        <v>1</v>
      </c>
      <c r="U583">
        <v>0</v>
      </c>
      <c r="V583">
        <v>0</v>
      </c>
      <c r="W583">
        <v>4.2484952420493576</v>
      </c>
      <c r="X583">
        <v>1</v>
      </c>
      <c r="Y583">
        <v>1</v>
      </c>
      <c r="Z583">
        <v>0</v>
      </c>
      <c r="AA583">
        <v>0</v>
      </c>
      <c r="AB583">
        <v>4.2341065045972579</v>
      </c>
      <c r="AC583">
        <v>1</v>
      </c>
      <c r="AD583">
        <v>1</v>
      </c>
      <c r="AE583">
        <v>0</v>
      </c>
      <c r="AF583">
        <v>0</v>
      </c>
      <c r="AG583">
        <v>4.2195077051761087</v>
      </c>
      <c r="AH583">
        <v>3.5146644546710001E-2</v>
      </c>
      <c r="AI583">
        <v>0.1493677830553469</v>
      </c>
      <c r="AJ583">
        <v>-0.1946860095254429</v>
      </c>
      <c r="AK583">
        <v>-7.193039437538633E-3</v>
      </c>
      <c r="AL583">
        <v>708.71371504462718</v>
      </c>
      <c r="AM583">
        <v>1086.258657092151</v>
      </c>
      <c r="AN583">
        <v>9417</v>
      </c>
      <c r="AO583">
        <v>50.733166511972193</v>
      </c>
      <c r="AP583">
        <v>511.41550508009271</v>
      </c>
      <c r="AQ583">
        <v>1.323943661971831</v>
      </c>
      <c r="AR583">
        <v>4.28169014084507</v>
      </c>
      <c r="AS583">
        <v>71</v>
      </c>
      <c r="AT583">
        <v>8.4647887323943625</v>
      </c>
      <c r="AU583">
        <v>8.8815244407622229E-2</v>
      </c>
      <c r="AV583">
        <v>3.6024644055204842E-2</v>
      </c>
      <c r="AW583">
        <v>0.30985915492957739</v>
      </c>
      <c r="AX583">
        <v>88.842857142857142</v>
      </c>
      <c r="AY583">
        <v>75</v>
      </c>
      <c r="AZ583">
        <v>148</v>
      </c>
      <c r="BA583">
        <v>0.58894005556056039</v>
      </c>
      <c r="BB583">
        <v>0.52112676056338025</v>
      </c>
      <c r="BC583">
        <v>3.9488114493783288</v>
      </c>
      <c r="BD583" t="s">
        <v>2284</v>
      </c>
      <c r="BE583" t="s">
        <v>68</v>
      </c>
    </row>
    <row r="584" spans="1:57" x14ac:dyDescent="0.3">
      <c r="A584" t="s">
        <v>2285</v>
      </c>
      <c r="B584">
        <v>3488</v>
      </c>
      <c r="C584" t="s">
        <v>2286</v>
      </c>
      <c r="D584" t="s">
        <v>2287</v>
      </c>
      <c r="E584" t="s">
        <v>93</v>
      </c>
      <c r="F584">
        <v>3512</v>
      </c>
      <c r="G584">
        <v>128.54498861047841</v>
      </c>
      <c r="H584">
        <v>128</v>
      </c>
      <c r="I584">
        <v>5311.3692744303953</v>
      </c>
      <c r="J584">
        <v>72.879141559367966</v>
      </c>
      <c r="K584">
        <v>-7.2146147090014212E-3</v>
      </c>
      <c r="L584">
        <v>-1.1593216813767511</v>
      </c>
      <c r="M584">
        <v>7.945993376077273</v>
      </c>
      <c r="N584">
        <v>23</v>
      </c>
      <c r="O584">
        <v>5</v>
      </c>
      <c r="P584">
        <v>18</v>
      </c>
      <c r="Q584">
        <v>3.7174367429049822</v>
      </c>
      <c r="R584">
        <v>5.5077429053759799</v>
      </c>
      <c r="S584">
        <v>3</v>
      </c>
      <c r="T584">
        <v>1</v>
      </c>
      <c r="U584">
        <v>2</v>
      </c>
      <c r="V584">
        <v>0.15929978544863371</v>
      </c>
      <c r="W584">
        <v>8.1304371000065849</v>
      </c>
      <c r="X584">
        <v>2</v>
      </c>
      <c r="Y584">
        <v>1</v>
      </c>
      <c r="Z584">
        <v>1</v>
      </c>
      <c r="AA584">
        <v>1.6878988765985571E-2</v>
      </c>
      <c r="AB584">
        <v>8.1629763608014692</v>
      </c>
      <c r="AC584">
        <v>1</v>
      </c>
      <c r="AD584">
        <v>1</v>
      </c>
      <c r="AE584">
        <v>0</v>
      </c>
      <c r="AF584">
        <v>0</v>
      </c>
      <c r="AG584">
        <v>8.1630863755832177</v>
      </c>
      <c r="AH584">
        <v>-9.6850949813931365E-4</v>
      </c>
      <c r="AI584">
        <v>1.395809493579532E-2</v>
      </c>
      <c r="AJ584">
        <v>-2.7151207715515671E-2</v>
      </c>
      <c r="AK584">
        <v>8.5426955195276894E-3</v>
      </c>
      <c r="AL584">
        <v>3957.8574641086052</v>
      </c>
      <c r="AM584">
        <v>7811.5637547036522</v>
      </c>
      <c r="AN584">
        <v>451450</v>
      </c>
      <c r="AO584">
        <v>61.361819043844363</v>
      </c>
      <c r="AP584">
        <v>3585.847410193931</v>
      </c>
      <c r="AQ584">
        <v>1.0065489749430521</v>
      </c>
      <c r="AR584">
        <v>4.022779043280182</v>
      </c>
      <c r="AS584">
        <v>3495</v>
      </c>
      <c r="AT584">
        <v>257.87699316628698</v>
      </c>
      <c r="AU584">
        <v>2.076912769663675E-2</v>
      </c>
      <c r="AV584">
        <v>-9.6859214924335324E-4</v>
      </c>
      <c r="AW584">
        <v>0.37927107061503418</v>
      </c>
      <c r="AX584">
        <v>83.918256906864144</v>
      </c>
      <c r="AY584">
        <v>62</v>
      </c>
      <c r="AZ584">
        <v>124</v>
      </c>
      <c r="BA584">
        <v>0.56695435852586173</v>
      </c>
      <c r="BB584">
        <v>0.49829157175398631</v>
      </c>
      <c r="BC584">
        <v>5.3024973347225099</v>
      </c>
      <c r="BD584" t="s">
        <v>2288</v>
      </c>
      <c r="BE584" t="s">
        <v>68</v>
      </c>
    </row>
    <row r="585" spans="1:57" x14ac:dyDescent="0.3">
      <c r="A585" t="s">
        <v>2289</v>
      </c>
      <c r="B585">
        <v>3636</v>
      </c>
      <c r="C585" t="s">
        <v>2290</v>
      </c>
      <c r="D585" t="s">
        <v>2291</v>
      </c>
      <c r="E585" t="s">
        <v>66</v>
      </c>
      <c r="F585">
        <v>71</v>
      </c>
      <c r="G585">
        <v>123.5492957746479</v>
      </c>
      <c r="H585">
        <v>122</v>
      </c>
      <c r="I585">
        <v>5485.3461614758962</v>
      </c>
      <c r="J585">
        <v>74.063122817471694</v>
      </c>
      <c r="K585">
        <v>4.6640136481376257E-2</v>
      </c>
      <c r="L585">
        <v>-1.2456596128835431</v>
      </c>
      <c r="M585">
        <v>5.7622854997254258</v>
      </c>
      <c r="N585">
        <v>3</v>
      </c>
      <c r="O585">
        <v>1</v>
      </c>
      <c r="P585">
        <v>2</v>
      </c>
      <c r="Q585">
        <v>0.49281399751573968</v>
      </c>
      <c r="R585">
        <v>3.9941119477161382</v>
      </c>
      <c r="S585">
        <v>1</v>
      </c>
      <c r="T585">
        <v>1</v>
      </c>
      <c r="U585">
        <v>0</v>
      </c>
      <c r="V585">
        <v>0</v>
      </c>
      <c r="W585">
        <v>4.2484952420493576</v>
      </c>
      <c r="X585">
        <v>1</v>
      </c>
      <c r="Y585">
        <v>1</v>
      </c>
      <c r="Z585">
        <v>0</v>
      </c>
      <c r="AA585">
        <v>0</v>
      </c>
      <c r="AB585">
        <v>4.2341065045972579</v>
      </c>
      <c r="AC585">
        <v>1</v>
      </c>
      <c r="AD585">
        <v>1</v>
      </c>
      <c r="AE585">
        <v>0</v>
      </c>
      <c r="AF585">
        <v>0</v>
      </c>
      <c r="AG585">
        <v>4.2195077051761087</v>
      </c>
      <c r="AH585">
        <v>-2.9606118067369319E-2</v>
      </c>
      <c r="AI585">
        <v>0.23908023342311391</v>
      </c>
      <c r="AJ585">
        <v>8.4341027538844718E-2</v>
      </c>
      <c r="AK585">
        <v>3.4638420037006429E-2</v>
      </c>
      <c r="AL585">
        <v>668.71116338944887</v>
      </c>
      <c r="AM585">
        <v>1012.945891920358</v>
      </c>
      <c r="AN585">
        <v>8772</v>
      </c>
      <c r="AO585">
        <v>20.413326775792179</v>
      </c>
      <c r="AP585">
        <v>564.51106870132196</v>
      </c>
      <c r="AQ585">
        <v>1.323943661971831</v>
      </c>
      <c r="AR585">
        <v>4.070422535211268</v>
      </c>
      <c r="AS585">
        <v>70</v>
      </c>
      <c r="AT585">
        <v>11.50704225352113</v>
      </c>
      <c r="AU585">
        <v>7.1480264989144338E-2</v>
      </c>
      <c r="AV585">
        <v>-2.9900734413643479E-2</v>
      </c>
      <c r="AW585">
        <v>0.42253521126760563</v>
      </c>
      <c r="AX585">
        <v>84.98571428571428</v>
      </c>
      <c r="AY585">
        <v>67</v>
      </c>
      <c r="AZ585">
        <v>133.5</v>
      </c>
      <c r="BA585">
        <v>0.59946212038765279</v>
      </c>
      <c r="BB585">
        <v>0.49295774647887319</v>
      </c>
      <c r="BC585">
        <v>4.0702573956196586</v>
      </c>
      <c r="BD585" t="s">
        <v>2292</v>
      </c>
      <c r="BE585" t="s">
        <v>68</v>
      </c>
    </row>
    <row r="586" spans="1:57" x14ac:dyDescent="0.3">
      <c r="A586" t="s">
        <v>2293</v>
      </c>
      <c r="B586">
        <v>3703</v>
      </c>
      <c r="C586" t="s">
        <v>2294</v>
      </c>
      <c r="D586" t="s">
        <v>2295</v>
      </c>
      <c r="E586" t="s">
        <v>93</v>
      </c>
      <c r="F586">
        <v>3705</v>
      </c>
      <c r="G586">
        <v>129.45020242914981</v>
      </c>
      <c r="H586">
        <v>131</v>
      </c>
      <c r="I586">
        <v>5312.3155363962696</v>
      </c>
      <c r="J586">
        <v>72.885633264699493</v>
      </c>
      <c r="K586">
        <v>-3.8866363032024467E-2</v>
      </c>
      <c r="L586">
        <v>-1.1694775221947209</v>
      </c>
      <c r="M586">
        <v>7.9457605142660492</v>
      </c>
      <c r="N586">
        <v>26</v>
      </c>
      <c r="O586">
        <v>4</v>
      </c>
      <c r="P586">
        <v>22</v>
      </c>
      <c r="Q586">
        <v>3.9388929052889901</v>
      </c>
      <c r="R586">
        <v>5.5075814978680402</v>
      </c>
      <c r="S586">
        <v>2</v>
      </c>
      <c r="T586">
        <v>1</v>
      </c>
      <c r="U586">
        <v>1</v>
      </c>
      <c r="V586">
        <v>0.16506480973906029</v>
      </c>
      <c r="W586">
        <v>8.1793673726361824</v>
      </c>
      <c r="X586">
        <v>2</v>
      </c>
      <c r="Y586">
        <v>1</v>
      </c>
      <c r="Z586">
        <v>1</v>
      </c>
      <c r="AA586">
        <v>1.6433237357379941E-2</v>
      </c>
      <c r="AB586">
        <v>8.2165242103056961</v>
      </c>
      <c r="AC586">
        <v>1</v>
      </c>
      <c r="AD586">
        <v>1</v>
      </c>
      <c r="AE586">
        <v>0</v>
      </c>
      <c r="AF586">
        <v>0</v>
      </c>
      <c r="AG586">
        <v>8.2166284931334452</v>
      </c>
      <c r="AH586">
        <v>6.7979381127743904E-3</v>
      </c>
      <c r="AI586">
        <v>-1.4564761041396651E-2</v>
      </c>
      <c r="AJ586">
        <v>-7.9171376972544116E-3</v>
      </c>
      <c r="AK586">
        <v>-1.6271472756213289E-2</v>
      </c>
      <c r="AL586">
        <v>4052.2238987995961</v>
      </c>
      <c r="AM586">
        <v>8083.7868894471358</v>
      </c>
      <c r="AN586">
        <v>479613</v>
      </c>
      <c r="AO586">
        <v>113.5151425993236</v>
      </c>
      <c r="AP586">
        <v>3630.606820425925</v>
      </c>
      <c r="AQ586">
        <v>1.0062078272604591</v>
      </c>
      <c r="AR586">
        <v>3.9962213225371119</v>
      </c>
      <c r="AS586">
        <v>3678</v>
      </c>
      <c r="AT586">
        <v>274.43535762483128</v>
      </c>
      <c r="AU586">
        <v>2.0909740414384401E-2</v>
      </c>
      <c r="AV586">
        <v>6.7992473699528969E-3</v>
      </c>
      <c r="AW586">
        <v>0.36464237516869102</v>
      </c>
      <c r="AX586">
        <v>83.577483801295898</v>
      </c>
      <c r="AY586">
        <v>61</v>
      </c>
      <c r="AZ586">
        <v>122</v>
      </c>
      <c r="BA586">
        <v>0.56303993270764474</v>
      </c>
      <c r="BB586">
        <v>0.50607287449392713</v>
      </c>
      <c r="BC586">
        <v>5.3071140341626579</v>
      </c>
      <c r="BD586" t="s">
        <v>2296</v>
      </c>
      <c r="BE586" t="s">
        <v>68</v>
      </c>
    </row>
    <row r="587" spans="1:57" x14ac:dyDescent="0.3">
      <c r="A587" t="s">
        <v>2297</v>
      </c>
      <c r="B587">
        <v>1572</v>
      </c>
      <c r="C587" t="s">
        <v>2298</v>
      </c>
      <c r="D587" t="s">
        <v>2299</v>
      </c>
      <c r="E587" t="s">
        <v>66</v>
      </c>
      <c r="F587">
        <v>71</v>
      </c>
      <c r="G587">
        <v>122.8591549295775</v>
      </c>
      <c r="H587">
        <v>120</v>
      </c>
      <c r="I587">
        <v>6013.8393175957153</v>
      </c>
      <c r="J587">
        <v>77.548947881939156</v>
      </c>
      <c r="K587">
        <v>1.474838818523028E-2</v>
      </c>
      <c r="L587">
        <v>-1.2324013541494401</v>
      </c>
      <c r="M587">
        <v>5.8855937744037838</v>
      </c>
      <c r="N587">
        <v>3</v>
      </c>
      <c r="O587">
        <v>1</v>
      </c>
      <c r="P587">
        <v>2</v>
      </c>
      <c r="Q587">
        <v>0.39540808619778262</v>
      </c>
      <c r="R587">
        <v>4.079582730649153</v>
      </c>
      <c r="S587">
        <v>1</v>
      </c>
      <c r="T587">
        <v>1</v>
      </c>
      <c r="U587">
        <v>0</v>
      </c>
      <c r="V587">
        <v>0</v>
      </c>
      <c r="W587">
        <v>4.2484952420493576</v>
      </c>
      <c r="X587">
        <v>1</v>
      </c>
      <c r="Y587">
        <v>1</v>
      </c>
      <c r="Z587">
        <v>0</v>
      </c>
      <c r="AA587">
        <v>0</v>
      </c>
      <c r="AB587">
        <v>4.2341065045972579</v>
      </c>
      <c r="AC587">
        <v>1</v>
      </c>
      <c r="AD587">
        <v>1</v>
      </c>
      <c r="AE587">
        <v>0</v>
      </c>
      <c r="AF587">
        <v>0</v>
      </c>
      <c r="AG587">
        <v>4.2195077051761087</v>
      </c>
      <c r="AH587">
        <v>8.3198879353635805E-2</v>
      </c>
      <c r="AI587">
        <v>0.12665790587031189</v>
      </c>
      <c r="AJ587">
        <v>-3.7123030851326122E-2</v>
      </c>
      <c r="AK587">
        <v>6.9213921690806063E-2</v>
      </c>
      <c r="AL587">
        <v>699.38637120015221</v>
      </c>
      <c r="AM587">
        <v>1004.7595253489681</v>
      </c>
      <c r="AN587">
        <v>8723</v>
      </c>
      <c r="AO587">
        <v>90.830578008036866</v>
      </c>
      <c r="AP587">
        <v>561.55539661443333</v>
      </c>
      <c r="AQ587">
        <v>1.323943661971831</v>
      </c>
      <c r="AR587">
        <v>3.746478873239437</v>
      </c>
      <c r="AS587">
        <v>69</v>
      </c>
      <c r="AT587">
        <v>8.4647887323943607</v>
      </c>
      <c r="AU587">
        <v>6.6748315982853634E-2</v>
      </c>
      <c r="AV587">
        <v>8.4829534858885211E-2</v>
      </c>
      <c r="AW587">
        <v>0.3380281690140845</v>
      </c>
      <c r="AX587">
        <v>83.01428571428572</v>
      </c>
      <c r="AY587">
        <v>67</v>
      </c>
      <c r="AZ587">
        <v>131.5</v>
      </c>
      <c r="BA587">
        <v>0.63120202907459355</v>
      </c>
      <c r="BB587">
        <v>0.49295774647887319</v>
      </c>
      <c r="BC587">
        <v>3.9439571911841749</v>
      </c>
      <c r="BD587" t="s">
        <v>2300</v>
      </c>
      <c r="BE587" t="s">
        <v>68</v>
      </c>
    </row>
    <row r="588" spans="1:57" x14ac:dyDescent="0.3">
      <c r="A588" t="s">
        <v>2301</v>
      </c>
      <c r="B588">
        <v>2497</v>
      </c>
      <c r="C588" t="s">
        <v>2302</v>
      </c>
      <c r="D588" t="s">
        <v>2303</v>
      </c>
      <c r="E588" t="s">
        <v>128</v>
      </c>
      <c r="F588">
        <v>32</v>
      </c>
      <c r="G588">
        <v>136.96875</v>
      </c>
      <c r="H588">
        <v>147.5</v>
      </c>
      <c r="I588">
        <v>5245.2177734375</v>
      </c>
      <c r="J588">
        <v>72.423875714004012</v>
      </c>
      <c r="K588">
        <v>-0.13139820057949531</v>
      </c>
      <c r="L588">
        <v>-1.376446429447113</v>
      </c>
      <c r="M588">
        <v>4.6875</v>
      </c>
      <c r="N588">
        <v>2</v>
      </c>
      <c r="O588">
        <v>1</v>
      </c>
      <c r="P588">
        <v>1</v>
      </c>
      <c r="Q588">
        <v>0.38844772154450058</v>
      </c>
      <c r="R588">
        <v>3.2491274088747431</v>
      </c>
      <c r="S588">
        <v>1</v>
      </c>
      <c r="T588">
        <v>1</v>
      </c>
      <c r="U588">
        <v>0</v>
      </c>
      <c r="V588">
        <v>0</v>
      </c>
      <c r="W588">
        <v>3.4339872044851458</v>
      </c>
      <c r="X588">
        <v>1</v>
      </c>
      <c r="Y588">
        <v>1</v>
      </c>
      <c r="Z588">
        <v>0</v>
      </c>
      <c r="AA588">
        <v>0</v>
      </c>
      <c r="AB588">
        <v>3.401197381662155</v>
      </c>
      <c r="AC588">
        <v>1</v>
      </c>
      <c r="AD588">
        <v>1</v>
      </c>
      <c r="AE588">
        <v>0</v>
      </c>
      <c r="AF588">
        <v>0</v>
      </c>
      <c r="AG588">
        <v>3.3672958299864728</v>
      </c>
      <c r="AH588">
        <v>0.3673072307028929</v>
      </c>
      <c r="AI588">
        <v>0.10044565101432611</v>
      </c>
      <c r="AJ588">
        <v>-0.29918029057532503</v>
      </c>
      <c r="AK588">
        <v>1.7675827013557549E-2</v>
      </c>
      <c r="AL588">
        <v>485.17880197121019</v>
      </c>
      <c r="AM588">
        <v>729.91953674208582</v>
      </c>
      <c r="AN588">
        <v>4383</v>
      </c>
      <c r="AO588">
        <v>55.555500022771987</v>
      </c>
      <c r="AP588">
        <v>365.6382932986358</v>
      </c>
      <c r="AQ588">
        <v>1.71875</v>
      </c>
      <c r="AR588">
        <v>4.0625</v>
      </c>
      <c r="AS588">
        <v>32</v>
      </c>
      <c r="AT588">
        <v>3.4375</v>
      </c>
      <c r="AU588">
        <v>0.1108182730923695</v>
      </c>
      <c r="AV588">
        <v>0.38258790480604032</v>
      </c>
      <c r="AW588">
        <v>0.3125</v>
      </c>
      <c r="AX588">
        <v>59.741935483870968</v>
      </c>
      <c r="AY588">
        <v>69</v>
      </c>
      <c r="AZ588">
        <v>132.25</v>
      </c>
      <c r="BA588">
        <v>0.52876204034864893</v>
      </c>
      <c r="BB588">
        <v>0.5625</v>
      </c>
      <c r="BC588">
        <v>3.2998296856670919</v>
      </c>
      <c r="BD588" t="s">
        <v>2304</v>
      </c>
      <c r="BE588" t="s">
        <v>62</v>
      </c>
    </row>
    <row r="589" spans="1:57" x14ac:dyDescent="0.3">
      <c r="A589" t="s">
        <v>2305</v>
      </c>
      <c r="B589">
        <v>1558</v>
      </c>
      <c r="C589" t="s">
        <v>2306</v>
      </c>
      <c r="D589" t="s">
        <v>2307</v>
      </c>
      <c r="E589" t="s">
        <v>128</v>
      </c>
      <c r="F589">
        <v>32</v>
      </c>
      <c r="G589">
        <v>145.03125</v>
      </c>
      <c r="H589">
        <v>160</v>
      </c>
      <c r="I589">
        <v>5438.9677734375</v>
      </c>
      <c r="J589">
        <v>73.749357783220731</v>
      </c>
      <c r="K589">
        <v>-0.36944098776637002</v>
      </c>
      <c r="L589">
        <v>-1.0746861503861529</v>
      </c>
      <c r="M589">
        <v>4.875</v>
      </c>
      <c r="N589">
        <v>2</v>
      </c>
      <c r="O589">
        <v>1</v>
      </c>
      <c r="P589">
        <v>1</v>
      </c>
      <c r="Q589">
        <v>0.24944382578492941</v>
      </c>
      <c r="R589">
        <v>3.3790925052297318</v>
      </c>
      <c r="S589">
        <v>1</v>
      </c>
      <c r="T589">
        <v>1</v>
      </c>
      <c r="U589">
        <v>0</v>
      </c>
      <c r="V589">
        <v>0</v>
      </c>
      <c r="W589">
        <v>3.4339872044851458</v>
      </c>
      <c r="X589">
        <v>1</v>
      </c>
      <c r="Y589">
        <v>1</v>
      </c>
      <c r="Z589">
        <v>0</v>
      </c>
      <c r="AA589">
        <v>0</v>
      </c>
      <c r="AB589">
        <v>3.401197381662155</v>
      </c>
      <c r="AC589">
        <v>1</v>
      </c>
      <c r="AD589">
        <v>1</v>
      </c>
      <c r="AE589">
        <v>0</v>
      </c>
      <c r="AF589">
        <v>0</v>
      </c>
      <c r="AG589">
        <v>3.3672958299864728</v>
      </c>
      <c r="AH589">
        <v>-5.3604429560411407E-2</v>
      </c>
      <c r="AI589">
        <v>-0.20633511868114621</v>
      </c>
      <c r="AJ589">
        <v>7.1157488154688128E-2</v>
      </c>
      <c r="AK589">
        <v>-5.9965191238787373E-2</v>
      </c>
      <c r="AL589">
        <v>499.46987889378329</v>
      </c>
      <c r="AM589">
        <v>773.08915402935884</v>
      </c>
      <c r="AN589">
        <v>4641</v>
      </c>
      <c r="AO589">
        <v>35.570586903657833</v>
      </c>
      <c r="AP589">
        <v>366.72500128122681</v>
      </c>
      <c r="AQ589">
        <v>1.71875</v>
      </c>
      <c r="AR589">
        <v>4.46875</v>
      </c>
      <c r="AS589">
        <v>32</v>
      </c>
      <c r="AT589">
        <v>1.75</v>
      </c>
      <c r="AU589">
        <v>0.16994521912350599</v>
      </c>
      <c r="AV589">
        <v>-5.6200034660943768E-2</v>
      </c>
      <c r="AW589">
        <v>0.34375</v>
      </c>
      <c r="AX589">
        <v>84.548387096774192</v>
      </c>
      <c r="AY589">
        <v>58.5</v>
      </c>
      <c r="AZ589">
        <v>128.5</v>
      </c>
      <c r="BA589">
        <v>0.50850666861949223</v>
      </c>
      <c r="BB589">
        <v>0.53125</v>
      </c>
      <c r="BC589">
        <v>3.2998296856670919</v>
      </c>
      <c r="BD589" t="s">
        <v>2308</v>
      </c>
      <c r="BE589" t="s">
        <v>62</v>
      </c>
    </row>
    <row r="590" spans="1:57" x14ac:dyDescent="0.3">
      <c r="A590" t="s">
        <v>331</v>
      </c>
      <c r="B590">
        <v>1589</v>
      </c>
      <c r="C590" t="s">
        <v>332</v>
      </c>
      <c r="D590" t="s">
        <v>333</v>
      </c>
      <c r="E590" t="s">
        <v>93</v>
      </c>
      <c r="F590">
        <v>1689</v>
      </c>
      <c r="G590">
        <v>125.3149792776791</v>
      </c>
      <c r="H590">
        <v>126</v>
      </c>
      <c r="I590">
        <v>5338.9511136911042</v>
      </c>
      <c r="J590">
        <v>73.068126523752511</v>
      </c>
      <c r="K590">
        <v>1.801144574910998E-2</v>
      </c>
      <c r="L590">
        <v>-1.182062145719093</v>
      </c>
      <c r="M590">
        <v>7.8917601109690114</v>
      </c>
      <c r="N590">
        <v>14</v>
      </c>
      <c r="O590">
        <v>2</v>
      </c>
      <c r="P590">
        <v>12</v>
      </c>
      <c r="Q590">
        <v>2.5461050168514139</v>
      </c>
      <c r="R590">
        <v>5.4701512705736279</v>
      </c>
      <c r="S590">
        <v>2</v>
      </c>
      <c r="T590">
        <v>1</v>
      </c>
      <c r="U590">
        <v>1</v>
      </c>
      <c r="V590">
        <v>0.1192268919965119</v>
      </c>
      <c r="W590">
        <v>7.4115893287892689</v>
      </c>
      <c r="X590">
        <v>1</v>
      </c>
      <c r="Y590">
        <v>1</v>
      </c>
      <c r="Z590">
        <v>0</v>
      </c>
      <c r="AA590">
        <v>0</v>
      </c>
      <c r="AB590">
        <v>7.4307070825459673</v>
      </c>
      <c r="AC590">
        <v>1</v>
      </c>
      <c r="AD590">
        <v>1</v>
      </c>
      <c r="AE590">
        <v>0</v>
      </c>
      <c r="AF590">
        <v>0</v>
      </c>
      <c r="AG590">
        <v>7.4301141385617981</v>
      </c>
      <c r="AH590">
        <v>-2.0429609734479499E-2</v>
      </c>
      <c r="AI590">
        <v>-1.7764474298185041E-2</v>
      </c>
      <c r="AJ590">
        <v>5.0445008151978124E-3</v>
      </c>
      <c r="AK590">
        <v>8.5495741151370608E-4</v>
      </c>
      <c r="AL590">
        <v>2783.1686397806061</v>
      </c>
      <c r="AM590">
        <v>5272.1203820229457</v>
      </c>
      <c r="AN590">
        <v>211657</v>
      </c>
      <c r="AO590">
        <v>117.12232453242559</v>
      </c>
      <c r="AP590">
        <v>2428.6583392116659</v>
      </c>
      <c r="AQ590">
        <v>1.0136175251628179</v>
      </c>
      <c r="AR590">
        <v>3.9875666074600349</v>
      </c>
      <c r="AS590">
        <v>1682</v>
      </c>
      <c r="AT590">
        <v>251.5375962107756</v>
      </c>
      <c r="AU590">
        <v>2.1788040260509178E-2</v>
      </c>
      <c r="AV590">
        <v>-2.043166541742315E-2</v>
      </c>
      <c r="AW590">
        <v>0.37892243931320307</v>
      </c>
      <c r="AX590">
        <v>85.490521327014221</v>
      </c>
      <c r="AY590">
        <v>63</v>
      </c>
      <c r="AZ590">
        <v>126</v>
      </c>
      <c r="BA590">
        <v>0.58307575794147126</v>
      </c>
      <c r="BB590">
        <v>0.50029603315571347</v>
      </c>
      <c r="BC590">
        <v>5.287128307423087</v>
      </c>
      <c r="BD590" t="s">
        <v>334</v>
      </c>
      <c r="BE590" t="s">
        <v>68</v>
      </c>
    </row>
    <row r="591" spans="1:57" x14ac:dyDescent="0.3">
      <c r="A591" t="s">
        <v>2309</v>
      </c>
      <c r="B591">
        <v>1781</v>
      </c>
      <c r="C591" t="s">
        <v>2310</v>
      </c>
      <c r="D591" t="s">
        <v>2311</v>
      </c>
      <c r="E591" t="s">
        <v>93</v>
      </c>
      <c r="F591">
        <v>1789</v>
      </c>
      <c r="G591">
        <v>126.54499720514249</v>
      </c>
      <c r="H591">
        <v>128</v>
      </c>
      <c r="I591">
        <v>5402.4760356204506</v>
      </c>
      <c r="J591">
        <v>73.501537641198027</v>
      </c>
      <c r="K591">
        <v>-7.909548498891135E-5</v>
      </c>
      <c r="L591">
        <v>-1.1811210103522589</v>
      </c>
      <c r="M591">
        <v>7.891278787562312</v>
      </c>
      <c r="N591">
        <v>15</v>
      </c>
      <c r="O591">
        <v>1</v>
      </c>
      <c r="P591">
        <v>14</v>
      </c>
      <c r="Q591">
        <v>2.6816541389408211</v>
      </c>
      <c r="R591">
        <v>5.4698176426113241</v>
      </c>
      <c r="S591">
        <v>2</v>
      </c>
      <c r="T591">
        <v>1</v>
      </c>
      <c r="U591">
        <v>1</v>
      </c>
      <c r="V591">
        <v>0.1134078934807896</v>
      </c>
      <c r="W591">
        <v>7.4710203101485853</v>
      </c>
      <c r="X591">
        <v>1</v>
      </c>
      <c r="Y591">
        <v>1</v>
      </c>
      <c r="Z591">
        <v>0</v>
      </c>
      <c r="AA591">
        <v>0</v>
      </c>
      <c r="AB591">
        <v>7.4882935151594303</v>
      </c>
      <c r="AC591">
        <v>1</v>
      </c>
      <c r="AD591">
        <v>1</v>
      </c>
      <c r="AE591">
        <v>0</v>
      </c>
      <c r="AF591">
        <v>0</v>
      </c>
      <c r="AG591">
        <v>7.4877337614364468</v>
      </c>
      <c r="AH591">
        <v>-1.1462130900741571E-2</v>
      </c>
      <c r="AI591">
        <v>2.4999473137320809E-2</v>
      </c>
      <c r="AJ591">
        <v>1.5537024045849109E-2</v>
      </c>
      <c r="AK591">
        <v>4.3739882074570233E-2</v>
      </c>
      <c r="AL591">
        <v>2862.4671749955628</v>
      </c>
      <c r="AM591">
        <v>5488.1423698800781</v>
      </c>
      <c r="AN591">
        <v>226389</v>
      </c>
      <c r="AO591">
        <v>54.321588504936777</v>
      </c>
      <c r="AP591">
        <v>2535.278769512538</v>
      </c>
      <c r="AQ591">
        <v>1.0128563443264389</v>
      </c>
      <c r="AR591">
        <v>3.9921743991056462</v>
      </c>
      <c r="AS591">
        <v>1784</v>
      </c>
      <c r="AT591">
        <v>263.43599776411412</v>
      </c>
      <c r="AU591">
        <v>1.9086136410964571E-2</v>
      </c>
      <c r="AV591">
        <v>-1.147114843940009E-2</v>
      </c>
      <c r="AW591">
        <v>0.36333147009502509</v>
      </c>
      <c r="AX591">
        <v>85.942393736017891</v>
      </c>
      <c r="AY591">
        <v>63</v>
      </c>
      <c r="AZ591">
        <v>125</v>
      </c>
      <c r="BA591">
        <v>0.58083321557188416</v>
      </c>
      <c r="BB591">
        <v>0.50810508664058129</v>
      </c>
      <c r="BC591">
        <v>5.2854604087795192</v>
      </c>
      <c r="BD591" t="s">
        <v>2312</v>
      </c>
      <c r="BE591" t="s">
        <v>68</v>
      </c>
    </row>
    <row r="592" spans="1:57" x14ac:dyDescent="0.3">
      <c r="A592" t="s">
        <v>2313</v>
      </c>
      <c r="B592">
        <v>3668</v>
      </c>
      <c r="C592" t="s">
        <v>2314</v>
      </c>
      <c r="D592" t="s">
        <v>2315</v>
      </c>
      <c r="E592" t="s">
        <v>85</v>
      </c>
      <c r="F592">
        <v>8</v>
      </c>
      <c r="G592">
        <v>60.625</v>
      </c>
      <c r="H592">
        <v>63.5</v>
      </c>
      <c r="I592">
        <v>1269.234375</v>
      </c>
      <c r="J592">
        <v>35.626315765175598</v>
      </c>
      <c r="K592">
        <v>-0.1712129866929806</v>
      </c>
      <c r="L592">
        <v>-0.78078807665945593</v>
      </c>
      <c r="M592">
        <v>3</v>
      </c>
      <c r="N592">
        <v>1</v>
      </c>
      <c r="O592">
        <v>1</v>
      </c>
      <c r="P592">
        <v>0</v>
      </c>
      <c r="Q592">
        <v>0</v>
      </c>
      <c r="R592">
        <v>2.0794415416798362</v>
      </c>
      <c r="S592">
        <v>1</v>
      </c>
      <c r="T592">
        <v>1</v>
      </c>
      <c r="U592">
        <v>0</v>
      </c>
      <c r="V592">
        <v>0</v>
      </c>
      <c r="W592">
        <v>1.945910149055313</v>
      </c>
      <c r="X592">
        <v>1</v>
      </c>
      <c r="Y592">
        <v>1</v>
      </c>
      <c r="Z592">
        <v>0</v>
      </c>
      <c r="AA592">
        <v>0</v>
      </c>
      <c r="AB592">
        <v>1.791759469228055</v>
      </c>
      <c r="AC592">
        <v>1</v>
      </c>
      <c r="AD592">
        <v>1</v>
      </c>
      <c r="AE592">
        <v>0</v>
      </c>
      <c r="AF592">
        <v>0</v>
      </c>
      <c r="AG592">
        <v>1.6094379124341009</v>
      </c>
      <c r="AH592">
        <v>-8.1669867415149394E-2</v>
      </c>
      <c r="AI592">
        <v>-0.22490490083834991</v>
      </c>
      <c r="AJ592">
        <v>0.26313076288609027</v>
      </c>
      <c r="AK592">
        <v>0</v>
      </c>
      <c r="AL592">
        <v>153.80307833443649</v>
      </c>
      <c r="AM592">
        <v>126.1015983041104</v>
      </c>
      <c r="AN592">
        <v>485</v>
      </c>
      <c r="AO592">
        <v>73</v>
      </c>
      <c r="AP592">
        <v>109.5806522089308</v>
      </c>
      <c r="AQ592">
        <v>3.5</v>
      </c>
      <c r="AR592">
        <v>3.625</v>
      </c>
      <c r="AS592">
        <v>8</v>
      </c>
      <c r="AT592">
        <v>0</v>
      </c>
      <c r="AU592">
        <v>0.2</v>
      </c>
      <c r="AV592">
        <v>-9.341423462747056E-2</v>
      </c>
      <c r="AW592">
        <v>0.75</v>
      </c>
      <c r="AX592">
        <v>46.285714285714278</v>
      </c>
      <c r="AY592">
        <v>19</v>
      </c>
      <c r="AZ592">
        <v>35.25</v>
      </c>
      <c r="BA592">
        <v>0.58765056932248416</v>
      </c>
      <c r="BB592">
        <v>0.5</v>
      </c>
      <c r="BC592">
        <v>1.945910149055313</v>
      </c>
      <c r="BD592" t="s">
        <v>2314</v>
      </c>
      <c r="BE592" t="s">
        <v>68</v>
      </c>
    </row>
    <row r="593" spans="1:57" x14ac:dyDescent="0.3">
      <c r="A593" t="s">
        <v>2316</v>
      </c>
      <c r="B593">
        <v>3345</v>
      </c>
      <c r="C593" t="s">
        <v>2317</v>
      </c>
      <c r="D593" t="s">
        <v>2318</v>
      </c>
      <c r="E593" t="s">
        <v>72</v>
      </c>
      <c r="F593">
        <v>3352</v>
      </c>
      <c r="G593">
        <v>127.8210023866348</v>
      </c>
      <c r="H593">
        <v>129</v>
      </c>
      <c r="I593">
        <v>5455.037768923622</v>
      </c>
      <c r="J593">
        <v>73.858227496492376</v>
      </c>
      <c r="K593">
        <v>-2.3266570928593661E-2</v>
      </c>
      <c r="L593">
        <v>-1.176836483097321</v>
      </c>
      <c r="M593">
        <v>7.936076184370906</v>
      </c>
      <c r="N593">
        <v>24</v>
      </c>
      <c r="O593">
        <v>4</v>
      </c>
      <c r="P593">
        <v>20</v>
      </c>
      <c r="Q593">
        <v>3.8637690067471682</v>
      </c>
      <c r="R593">
        <v>5.5008688319056356</v>
      </c>
      <c r="S593">
        <v>2</v>
      </c>
      <c r="T593">
        <v>1</v>
      </c>
      <c r="U593">
        <v>1</v>
      </c>
      <c r="V593">
        <v>0.16107127024452059</v>
      </c>
      <c r="W593">
        <v>8.0810225600090426</v>
      </c>
      <c r="X593">
        <v>1</v>
      </c>
      <c r="Y593">
        <v>1</v>
      </c>
      <c r="Z593">
        <v>0</v>
      </c>
      <c r="AA593">
        <v>0</v>
      </c>
      <c r="AB593">
        <v>8.1167156248191112</v>
      </c>
      <c r="AC593">
        <v>1</v>
      </c>
      <c r="AD593">
        <v>1</v>
      </c>
      <c r="AE593">
        <v>0</v>
      </c>
      <c r="AF593">
        <v>0</v>
      </c>
      <c r="AG593">
        <v>8.1164170727942064</v>
      </c>
      <c r="AH593">
        <v>1.9240285934492959E-3</v>
      </c>
      <c r="AI593">
        <v>2.1369945358540129E-2</v>
      </c>
      <c r="AJ593">
        <v>-1.9298048689260421E-2</v>
      </c>
      <c r="AK593">
        <v>-2.4963620749802559E-2</v>
      </c>
      <c r="AL593">
        <v>3891.0789925853142</v>
      </c>
      <c r="AM593">
        <v>7609.8926584716864</v>
      </c>
      <c r="AN593">
        <v>428456.00000000012</v>
      </c>
      <c r="AO593">
        <v>71.259785469214947</v>
      </c>
      <c r="AP593">
        <v>3481.1462467856281</v>
      </c>
      <c r="AQ593">
        <v>1.006861575178998</v>
      </c>
      <c r="AR593">
        <v>3.9803102625298332</v>
      </c>
      <c r="AS593">
        <v>3337</v>
      </c>
      <c r="AT593">
        <v>291.87589498806682</v>
      </c>
      <c r="AU593">
        <v>1.4900088913847139E-2</v>
      </c>
      <c r="AV593">
        <v>1.925069385256881E-3</v>
      </c>
      <c r="AW593">
        <v>0.36366348448687352</v>
      </c>
      <c r="AX593">
        <v>85.086541330945991</v>
      </c>
      <c r="AY593">
        <v>64</v>
      </c>
      <c r="AZ593">
        <v>126</v>
      </c>
      <c r="BA593">
        <v>0.57782544431223382</v>
      </c>
      <c r="BB593">
        <v>0.50477326968973746</v>
      </c>
      <c r="BC593">
        <v>5.3158156965270464</v>
      </c>
      <c r="BD593" t="s">
        <v>2319</v>
      </c>
      <c r="BE593" t="s">
        <v>68</v>
      </c>
    </row>
    <row r="594" spans="1:57" x14ac:dyDescent="0.3">
      <c r="A594" t="s">
        <v>2320</v>
      </c>
      <c r="B594">
        <v>136</v>
      </c>
      <c r="C594" t="s">
        <v>2321</v>
      </c>
      <c r="D594" t="s">
        <v>2322</v>
      </c>
      <c r="E594" t="s">
        <v>60</v>
      </c>
      <c r="F594">
        <v>512</v>
      </c>
      <c r="G594">
        <v>133.576171875</v>
      </c>
      <c r="H594">
        <v>138</v>
      </c>
      <c r="I594">
        <v>5233.669979095459</v>
      </c>
      <c r="J594">
        <v>72.344108115972091</v>
      </c>
      <c r="K594">
        <v>-0.10652329912501821</v>
      </c>
      <c r="L594">
        <v>-1.1139960132128011</v>
      </c>
      <c r="M594">
        <v>7.6055711808617632</v>
      </c>
      <c r="N594">
        <v>7</v>
      </c>
      <c r="O594">
        <v>1</v>
      </c>
      <c r="P594">
        <v>6</v>
      </c>
      <c r="Q594">
        <v>1.2392431650129889</v>
      </c>
      <c r="R594">
        <v>5.2717802205623023</v>
      </c>
      <c r="S594">
        <v>2</v>
      </c>
      <c r="T594">
        <v>1</v>
      </c>
      <c r="U594">
        <v>1</v>
      </c>
      <c r="V594">
        <v>4.4237310481092057E-2</v>
      </c>
      <c r="W594">
        <v>6.2336566853874231</v>
      </c>
      <c r="X594">
        <v>1</v>
      </c>
      <c r="Y594">
        <v>1</v>
      </c>
      <c r="Z594">
        <v>0</v>
      </c>
      <c r="AA594">
        <v>0</v>
      </c>
      <c r="AB594">
        <v>6.2344107257183694</v>
      </c>
      <c r="AC594">
        <v>1</v>
      </c>
      <c r="AD594">
        <v>1</v>
      </c>
      <c r="AE594">
        <v>0</v>
      </c>
      <c r="AF594">
        <v>0</v>
      </c>
      <c r="AG594">
        <v>6.2324480165505216</v>
      </c>
      <c r="AH594">
        <v>-5.7007413792777857E-2</v>
      </c>
      <c r="AI594">
        <v>-1.5347283392812111E-2</v>
      </c>
      <c r="AJ594">
        <v>8.7240220252937609E-2</v>
      </c>
      <c r="AK594">
        <v>-2.7164773946957939E-2</v>
      </c>
      <c r="AL594">
        <v>1583.9076973536589</v>
      </c>
      <c r="AM594">
        <v>3050.6201674846102</v>
      </c>
      <c r="AN594">
        <v>68391</v>
      </c>
      <c r="AO594">
        <v>39.87003951365034</v>
      </c>
      <c r="AP594">
        <v>1324.1469218052009</v>
      </c>
      <c r="AQ594">
        <v>1.044921875</v>
      </c>
      <c r="AR594">
        <v>3.994140625</v>
      </c>
      <c r="AS594">
        <v>509</v>
      </c>
      <c r="AT594">
        <v>149.16015625</v>
      </c>
      <c r="AU594">
        <v>6.0217524509803937E-2</v>
      </c>
      <c r="AV594">
        <v>-5.7114118590735653E-2</v>
      </c>
      <c r="AW594">
        <v>0.3515625</v>
      </c>
      <c r="AX594">
        <v>85.88649706457926</v>
      </c>
      <c r="AY594">
        <v>62</v>
      </c>
      <c r="AZ594">
        <v>121.5</v>
      </c>
      <c r="BA594">
        <v>0.54159441089292026</v>
      </c>
      <c r="BB594">
        <v>0.51953125</v>
      </c>
      <c r="BC594">
        <v>5.1049718926048566</v>
      </c>
      <c r="BD594" t="s">
        <v>2323</v>
      </c>
      <c r="BE594" t="s">
        <v>62</v>
      </c>
    </row>
    <row r="595" spans="1:57" x14ac:dyDescent="0.3">
      <c r="A595" t="s">
        <v>2324</v>
      </c>
      <c r="B595">
        <v>1792</v>
      </c>
      <c r="C595" t="s">
        <v>2325</v>
      </c>
      <c r="D595" t="s">
        <v>2326</v>
      </c>
      <c r="E595" t="s">
        <v>10622</v>
      </c>
      <c r="F595">
        <v>64</v>
      </c>
      <c r="G595">
        <v>111.84375</v>
      </c>
      <c r="H595">
        <v>110.5</v>
      </c>
      <c r="I595">
        <v>5540.6943359375</v>
      </c>
      <c r="J595">
        <v>74.435840399215621</v>
      </c>
      <c r="K595">
        <v>0.1477559311926272</v>
      </c>
      <c r="L595">
        <v>-1.1655125566343481</v>
      </c>
      <c r="M595">
        <v>5.663909765557392</v>
      </c>
      <c r="N595">
        <v>3</v>
      </c>
      <c r="O595">
        <v>1</v>
      </c>
      <c r="P595">
        <v>2</v>
      </c>
      <c r="Q595">
        <v>0.47430549906910002</v>
      </c>
      <c r="R595">
        <v>3.9259230849420481</v>
      </c>
      <c r="S595">
        <v>1</v>
      </c>
      <c r="T595">
        <v>1</v>
      </c>
      <c r="U595">
        <v>0</v>
      </c>
      <c r="V595">
        <v>0</v>
      </c>
      <c r="W595">
        <v>4.1431347263915326</v>
      </c>
      <c r="X595">
        <v>1</v>
      </c>
      <c r="Y595">
        <v>1</v>
      </c>
      <c r="Z595">
        <v>0</v>
      </c>
      <c r="AA595">
        <v>0</v>
      </c>
      <c r="AB595">
        <v>4.1271343850450908</v>
      </c>
      <c r="AC595">
        <v>1</v>
      </c>
      <c r="AD595">
        <v>1</v>
      </c>
      <c r="AE595">
        <v>0</v>
      </c>
      <c r="AF595">
        <v>0</v>
      </c>
      <c r="AG595">
        <v>4.1108738641733096</v>
      </c>
      <c r="AH595">
        <v>-7.0811453576529196E-2</v>
      </c>
      <c r="AI595">
        <v>-6.242295001772221E-2</v>
      </c>
      <c r="AJ595">
        <v>0.21527526831834271</v>
      </c>
      <c r="AK595">
        <v>3.2452550341745233E-2</v>
      </c>
      <c r="AL595">
        <v>638.96301654228682</v>
      </c>
      <c r="AM595">
        <v>864.2385454787244</v>
      </c>
      <c r="AN595">
        <v>7158</v>
      </c>
      <c r="AO595">
        <v>182</v>
      </c>
      <c r="AP595">
        <v>469.37565568466181</v>
      </c>
      <c r="AQ595">
        <v>1.359375</v>
      </c>
      <c r="AR595">
        <v>3.796875</v>
      </c>
      <c r="AS595">
        <v>63</v>
      </c>
      <c r="AT595">
        <v>10.25</v>
      </c>
      <c r="AU595">
        <v>0.10326086956521741</v>
      </c>
      <c r="AV595">
        <v>-7.3387380190957391E-2</v>
      </c>
      <c r="AW595">
        <v>0.390625</v>
      </c>
      <c r="AX595">
        <v>85.698412698412696</v>
      </c>
      <c r="AY595">
        <v>63</v>
      </c>
      <c r="AZ595">
        <v>122.25</v>
      </c>
      <c r="BA595">
        <v>0.66553419747831788</v>
      </c>
      <c r="BB595">
        <v>0.5</v>
      </c>
      <c r="BC595">
        <v>3.8790786576067919</v>
      </c>
      <c r="BD595" t="s">
        <v>2327</v>
      </c>
      <c r="BE595" t="s">
        <v>62</v>
      </c>
    </row>
    <row r="596" spans="1:57" x14ac:dyDescent="0.3">
      <c r="A596" t="s">
        <v>2328</v>
      </c>
      <c r="B596">
        <v>2326</v>
      </c>
      <c r="C596" t="s">
        <v>2329</v>
      </c>
      <c r="D596" t="s">
        <v>2330</v>
      </c>
      <c r="E596" t="s">
        <v>93</v>
      </c>
      <c r="F596">
        <v>2328</v>
      </c>
      <c r="G596">
        <v>127.8200171821306</v>
      </c>
      <c r="H596">
        <v>130</v>
      </c>
      <c r="I596">
        <v>5393.4233621990179</v>
      </c>
      <c r="J596">
        <v>73.439930298162849</v>
      </c>
      <c r="K596">
        <v>-2.8018127993926601E-2</v>
      </c>
      <c r="L596">
        <v>-1.171234976388613</v>
      </c>
      <c r="M596">
        <v>7.9204571970864848</v>
      </c>
      <c r="N596">
        <v>19</v>
      </c>
      <c r="O596">
        <v>2</v>
      </c>
      <c r="P596">
        <v>17</v>
      </c>
      <c r="Q596">
        <v>3.023185147737399</v>
      </c>
      <c r="R596">
        <v>5.4900425749062327</v>
      </c>
      <c r="S596">
        <v>3</v>
      </c>
      <c r="T596">
        <v>1</v>
      </c>
      <c r="U596">
        <v>2</v>
      </c>
      <c r="V596">
        <v>0.1390964956000873</v>
      </c>
      <c r="W596">
        <v>7.7264933473710844</v>
      </c>
      <c r="X596">
        <v>1</v>
      </c>
      <c r="Y596">
        <v>1</v>
      </c>
      <c r="Z596">
        <v>0</v>
      </c>
      <c r="AA596">
        <v>0</v>
      </c>
      <c r="AB596">
        <v>7.7519053330786081</v>
      </c>
      <c r="AC596">
        <v>1</v>
      </c>
      <c r="AD596">
        <v>1</v>
      </c>
      <c r="AE596">
        <v>0</v>
      </c>
      <c r="AF596">
        <v>0</v>
      </c>
      <c r="AG596">
        <v>7.7514753180214573</v>
      </c>
      <c r="AH596">
        <v>1.8203363077668011E-2</v>
      </c>
      <c r="AI596">
        <v>1.932350383365504E-2</v>
      </c>
      <c r="AJ596">
        <v>-1.1368199475195269E-2</v>
      </c>
      <c r="AK596">
        <v>-2.5489551961437242E-2</v>
      </c>
      <c r="AL596">
        <v>3229.982538726033</v>
      </c>
      <c r="AM596">
        <v>6337.0234179403933</v>
      </c>
      <c r="AN596">
        <v>297565</v>
      </c>
      <c r="AO596">
        <v>96.286749441391947</v>
      </c>
      <c r="AP596">
        <v>2814.414178206247</v>
      </c>
      <c r="AQ596">
        <v>1.0098797250859111</v>
      </c>
      <c r="AR596">
        <v>4.0137457044673539</v>
      </c>
      <c r="AS596">
        <v>2317</v>
      </c>
      <c r="AT596">
        <v>257.2920962199313</v>
      </c>
      <c r="AU596">
        <v>1.7444916110774259E-2</v>
      </c>
      <c r="AV596">
        <v>1.820875581425041E-2</v>
      </c>
      <c r="AW596">
        <v>0.35524054982817871</v>
      </c>
      <c r="AX596">
        <v>83.888697894284491</v>
      </c>
      <c r="AY596">
        <v>63</v>
      </c>
      <c r="AZ596">
        <v>125.25</v>
      </c>
      <c r="BA596">
        <v>0.57455734960134131</v>
      </c>
      <c r="BB596">
        <v>0.50730240549828176</v>
      </c>
      <c r="BC596">
        <v>5.2856771510560652</v>
      </c>
      <c r="BD596" t="s">
        <v>2331</v>
      </c>
      <c r="BE596" t="s">
        <v>68</v>
      </c>
    </row>
    <row r="597" spans="1:57" x14ac:dyDescent="0.3">
      <c r="A597" t="s">
        <v>2332</v>
      </c>
      <c r="B597">
        <v>2923</v>
      </c>
      <c r="C597" t="s">
        <v>2333</v>
      </c>
      <c r="D597" t="s">
        <v>2334</v>
      </c>
      <c r="E597" t="s">
        <v>106</v>
      </c>
      <c r="F597">
        <v>2957</v>
      </c>
      <c r="G597">
        <v>129.3446060196145</v>
      </c>
      <c r="H597">
        <v>129</v>
      </c>
      <c r="I597">
        <v>5361.7808070564806</v>
      </c>
      <c r="J597">
        <v>73.224181846275897</v>
      </c>
      <c r="K597">
        <v>-2.1907646666531479E-2</v>
      </c>
      <c r="L597">
        <v>-1.1792404299420181</v>
      </c>
      <c r="M597">
        <v>7.9492545482594874</v>
      </c>
      <c r="N597">
        <v>19</v>
      </c>
      <c r="O597">
        <v>2</v>
      </c>
      <c r="P597">
        <v>17</v>
      </c>
      <c r="Q597">
        <v>2.987826762824183</v>
      </c>
      <c r="R597">
        <v>5.5100033776793929</v>
      </c>
      <c r="S597">
        <v>3</v>
      </c>
      <c r="T597">
        <v>1</v>
      </c>
      <c r="U597">
        <v>2</v>
      </c>
      <c r="V597">
        <v>0.15498961748284451</v>
      </c>
      <c r="W597">
        <v>7.9590558953762658</v>
      </c>
      <c r="X597">
        <v>1</v>
      </c>
      <c r="Y597">
        <v>1</v>
      </c>
      <c r="Z597">
        <v>0</v>
      </c>
      <c r="AA597">
        <v>0</v>
      </c>
      <c r="AB597">
        <v>7.9912539298401999</v>
      </c>
      <c r="AC597">
        <v>1</v>
      </c>
      <c r="AD597">
        <v>1</v>
      </c>
      <c r="AE597">
        <v>0</v>
      </c>
      <c r="AF597">
        <v>0</v>
      </c>
      <c r="AG597">
        <v>7.9909154630913246</v>
      </c>
      <c r="AH597">
        <v>-2.1774419424090141E-2</v>
      </c>
      <c r="AI597">
        <v>4.2774585580214353E-2</v>
      </c>
      <c r="AJ597">
        <v>8.4473511594143642E-3</v>
      </c>
      <c r="AK597">
        <v>1.4046865978225159E-2</v>
      </c>
      <c r="AL597">
        <v>3653.8484147880058</v>
      </c>
      <c r="AM597">
        <v>7209.3597331351957</v>
      </c>
      <c r="AN597">
        <v>382472</v>
      </c>
      <c r="AO597">
        <v>18.22245747728525</v>
      </c>
      <c r="AP597">
        <v>3309.6555414399741</v>
      </c>
      <c r="AQ597">
        <v>1.0077781535339869</v>
      </c>
      <c r="AR597">
        <v>4.0284071694284744</v>
      </c>
      <c r="AS597">
        <v>2944</v>
      </c>
      <c r="AT597">
        <v>197.85153872167729</v>
      </c>
      <c r="AU597">
        <v>2.0769592923405411E-2</v>
      </c>
      <c r="AV597">
        <v>-2.1783731181307001E-2</v>
      </c>
      <c r="AW597">
        <v>0.36929320257017251</v>
      </c>
      <c r="AX597">
        <v>85.76454668470906</v>
      </c>
      <c r="AY597">
        <v>64</v>
      </c>
      <c r="AZ597">
        <v>128</v>
      </c>
      <c r="BA597">
        <v>0.56611701175363904</v>
      </c>
      <c r="BB597">
        <v>0.49644910382144058</v>
      </c>
      <c r="BC597">
        <v>5.3184207073468084</v>
      </c>
      <c r="BD597" t="s">
        <v>2335</v>
      </c>
      <c r="BE597" t="s">
        <v>68</v>
      </c>
    </row>
    <row r="598" spans="1:57" x14ac:dyDescent="0.3">
      <c r="A598" t="s">
        <v>2336</v>
      </c>
      <c r="B598">
        <v>2156</v>
      </c>
      <c r="C598" t="s">
        <v>2337</v>
      </c>
      <c r="D598" t="s">
        <v>2338</v>
      </c>
      <c r="E598" t="s">
        <v>128</v>
      </c>
      <c r="F598">
        <v>32</v>
      </c>
      <c r="G598">
        <v>129.5625</v>
      </c>
      <c r="H598">
        <v>126.5</v>
      </c>
      <c r="I598">
        <v>5411.93359375</v>
      </c>
      <c r="J598">
        <v>73.565845293519189</v>
      </c>
      <c r="K598">
        <v>2.791336934340765E-2</v>
      </c>
      <c r="L598">
        <v>-1.1553402011251059</v>
      </c>
      <c r="M598">
        <v>4.75</v>
      </c>
      <c r="N598">
        <v>2</v>
      </c>
      <c r="O598">
        <v>1</v>
      </c>
      <c r="P598">
        <v>1</v>
      </c>
      <c r="Q598">
        <v>0.3499271061118826</v>
      </c>
      <c r="R598">
        <v>3.2924491076597389</v>
      </c>
      <c r="S598">
        <v>1</v>
      </c>
      <c r="T598">
        <v>1</v>
      </c>
      <c r="U598">
        <v>0</v>
      </c>
      <c r="V598">
        <v>0</v>
      </c>
      <c r="W598">
        <v>3.4339872044851458</v>
      </c>
      <c r="X598">
        <v>1</v>
      </c>
      <c r="Y598">
        <v>1</v>
      </c>
      <c r="Z598">
        <v>0</v>
      </c>
      <c r="AA598">
        <v>0</v>
      </c>
      <c r="AB598">
        <v>3.401197381662155</v>
      </c>
      <c r="AC598">
        <v>1</v>
      </c>
      <c r="AD598">
        <v>1</v>
      </c>
      <c r="AE598">
        <v>0</v>
      </c>
      <c r="AF598">
        <v>0</v>
      </c>
      <c r="AG598">
        <v>3.3672958299864728</v>
      </c>
      <c r="AH598">
        <v>-5.3226579896135197E-2</v>
      </c>
      <c r="AI598">
        <v>-0.1026284235142967</v>
      </c>
      <c r="AJ598">
        <v>0.1013236400677034</v>
      </c>
      <c r="AK598">
        <v>0.2146700452198014</v>
      </c>
      <c r="AL598">
        <v>495.08607386741102</v>
      </c>
      <c r="AM598">
        <v>682.0834109275437</v>
      </c>
      <c r="AN598">
        <v>4146</v>
      </c>
      <c r="AO598">
        <v>57.844308666680561</v>
      </c>
      <c r="AP598">
        <v>323.58438224963328</v>
      </c>
      <c r="AQ598">
        <v>1.65625</v>
      </c>
      <c r="AR598">
        <v>4.375</v>
      </c>
      <c r="AS598">
        <v>32</v>
      </c>
      <c r="AT598">
        <v>3</v>
      </c>
      <c r="AU598">
        <v>8.7622549019607865E-2</v>
      </c>
      <c r="AV598">
        <v>-5.3811789683655582E-2</v>
      </c>
      <c r="AW598">
        <v>0.34375</v>
      </c>
      <c r="AX598">
        <v>83.451612903225808</v>
      </c>
      <c r="AY598">
        <v>65.5</v>
      </c>
      <c r="AZ598">
        <v>119.25</v>
      </c>
      <c r="BA598">
        <v>0.56780198972325469</v>
      </c>
      <c r="BB598">
        <v>0.46875</v>
      </c>
      <c r="BC598">
        <v>3.3892680315457948</v>
      </c>
      <c r="BD598" t="s">
        <v>2339</v>
      </c>
      <c r="BE598" t="s">
        <v>62</v>
      </c>
    </row>
    <row r="599" spans="1:57" x14ac:dyDescent="0.3">
      <c r="A599" t="s">
        <v>2340</v>
      </c>
      <c r="B599">
        <v>2216</v>
      </c>
      <c r="C599" t="s">
        <v>2341</v>
      </c>
      <c r="D599" t="s">
        <v>2342</v>
      </c>
      <c r="E599" t="s">
        <v>115</v>
      </c>
      <c r="F599">
        <v>2256</v>
      </c>
      <c r="G599">
        <v>126.6019503546099</v>
      </c>
      <c r="H599">
        <v>124</v>
      </c>
      <c r="I599">
        <v>5435.2741805932792</v>
      </c>
      <c r="J599">
        <v>73.72431200488262</v>
      </c>
      <c r="K599">
        <v>3.4551145961689927E-2</v>
      </c>
      <c r="L599">
        <v>-1.195613199779739</v>
      </c>
      <c r="M599">
        <v>7.9342038545186169</v>
      </c>
      <c r="N599">
        <v>17</v>
      </c>
      <c r="O599">
        <v>3</v>
      </c>
      <c r="P599">
        <v>14</v>
      </c>
      <c r="Q599">
        <v>2.650913757556062</v>
      </c>
      <c r="R599">
        <v>5.4995710317474451</v>
      </c>
      <c r="S599">
        <v>2</v>
      </c>
      <c r="T599">
        <v>1</v>
      </c>
      <c r="U599">
        <v>1</v>
      </c>
      <c r="V599">
        <v>0.1114221189496734</v>
      </c>
      <c r="W599">
        <v>7.703691840800925</v>
      </c>
      <c r="X599">
        <v>1</v>
      </c>
      <c r="Y599">
        <v>1</v>
      </c>
      <c r="Z599">
        <v>0</v>
      </c>
      <c r="AA599">
        <v>0</v>
      </c>
      <c r="AB599">
        <v>7.7204616945997238</v>
      </c>
      <c r="AC599">
        <v>1</v>
      </c>
      <c r="AD599">
        <v>1</v>
      </c>
      <c r="AE599">
        <v>0</v>
      </c>
      <c r="AF599">
        <v>0</v>
      </c>
      <c r="AG599">
        <v>7.7200179404322427</v>
      </c>
      <c r="AH599">
        <v>2.2391054254919749E-2</v>
      </c>
      <c r="AI599">
        <v>5.068417504513683E-3</v>
      </c>
      <c r="AJ599">
        <v>-2.1515337860056782E-2</v>
      </c>
      <c r="AK599">
        <v>3.8970666642764842E-2</v>
      </c>
      <c r="AL599">
        <v>3240.1555053457651</v>
      </c>
      <c r="AM599">
        <v>6158.1377299616752</v>
      </c>
      <c r="AN599">
        <v>285614</v>
      </c>
      <c r="AO599">
        <v>74.863253109632311</v>
      </c>
      <c r="AP599">
        <v>2943.8408961475652</v>
      </c>
      <c r="AQ599">
        <v>1.010195035460993</v>
      </c>
      <c r="AR599">
        <v>3.9734042553191489</v>
      </c>
      <c r="AS599">
        <v>2245</v>
      </c>
      <c r="AT599">
        <v>204.1418439716312</v>
      </c>
      <c r="AU599">
        <v>1.7438464747601131E-2</v>
      </c>
      <c r="AV599">
        <v>2.2398066040892291E-2</v>
      </c>
      <c r="AW599">
        <v>0.39140070921985809</v>
      </c>
      <c r="AX599">
        <v>83.647006651884695</v>
      </c>
      <c r="AY599">
        <v>64</v>
      </c>
      <c r="AZ599">
        <v>129</v>
      </c>
      <c r="BA599">
        <v>0.58233156597020874</v>
      </c>
      <c r="BB599">
        <v>0.48936170212765961</v>
      </c>
      <c r="BC599">
        <v>5.2905181350492683</v>
      </c>
      <c r="BD599" t="s">
        <v>2343</v>
      </c>
      <c r="BE599" t="s">
        <v>62</v>
      </c>
    </row>
    <row r="600" spans="1:57" x14ac:dyDescent="0.3">
      <c r="A600" t="s">
        <v>2344</v>
      </c>
      <c r="B600">
        <v>3556</v>
      </c>
      <c r="C600" t="s">
        <v>2345</v>
      </c>
      <c r="D600" t="s">
        <v>2346</v>
      </c>
      <c r="E600" t="s">
        <v>85</v>
      </c>
      <c r="F600">
        <v>8</v>
      </c>
      <c r="G600">
        <v>167.25</v>
      </c>
      <c r="H600">
        <v>196.5</v>
      </c>
      <c r="I600">
        <v>4169.9375</v>
      </c>
      <c r="J600">
        <v>64.575053232653246</v>
      </c>
      <c r="K600">
        <v>-0.37072087339124038</v>
      </c>
      <c r="L600">
        <v>-1.5867689802443019</v>
      </c>
      <c r="M600">
        <v>3</v>
      </c>
      <c r="N600">
        <v>1</v>
      </c>
      <c r="O600">
        <v>1</v>
      </c>
      <c r="P600">
        <v>0</v>
      </c>
      <c r="Q600">
        <v>0</v>
      </c>
      <c r="R600">
        <v>2.0794415416798362</v>
      </c>
      <c r="S600">
        <v>1</v>
      </c>
      <c r="T600">
        <v>1</v>
      </c>
      <c r="U600">
        <v>0</v>
      </c>
      <c r="V600">
        <v>0</v>
      </c>
      <c r="W600">
        <v>1.945910149055313</v>
      </c>
      <c r="X600">
        <v>1</v>
      </c>
      <c r="Y600">
        <v>1</v>
      </c>
      <c r="Z600">
        <v>0</v>
      </c>
      <c r="AA600">
        <v>0</v>
      </c>
      <c r="AB600">
        <v>1.791759469228055</v>
      </c>
      <c r="AC600">
        <v>1</v>
      </c>
      <c r="AD600">
        <v>1</v>
      </c>
      <c r="AE600">
        <v>0</v>
      </c>
      <c r="AF600">
        <v>0</v>
      </c>
      <c r="AG600">
        <v>1.6094379124341009</v>
      </c>
      <c r="AH600">
        <v>-0.11859627692261571</v>
      </c>
      <c r="AI600">
        <v>-2.5131521755421989E-2</v>
      </c>
      <c r="AJ600">
        <v>-2.5144636460378601E-2</v>
      </c>
      <c r="AK600">
        <v>0</v>
      </c>
      <c r="AL600">
        <v>332.26734993728081</v>
      </c>
      <c r="AM600">
        <v>383.06449609126742</v>
      </c>
      <c r="AN600">
        <v>1338</v>
      </c>
      <c r="AO600">
        <v>121.6305882580529</v>
      </c>
      <c r="AP600">
        <v>209.7139185774634</v>
      </c>
      <c r="AQ600">
        <v>3.5</v>
      </c>
      <c r="AR600">
        <v>4.5</v>
      </c>
      <c r="AS600">
        <v>8</v>
      </c>
      <c r="AT600">
        <v>0</v>
      </c>
      <c r="AU600">
        <v>0.29268292682926828</v>
      </c>
      <c r="AV600">
        <v>-0.159454899062898</v>
      </c>
      <c r="AW600">
        <v>0.375</v>
      </c>
      <c r="AX600">
        <v>81.285714285714292</v>
      </c>
      <c r="AY600">
        <v>37</v>
      </c>
      <c r="AZ600">
        <v>120.75</v>
      </c>
      <c r="BA600">
        <v>0.38609897299045293</v>
      </c>
      <c r="BB600">
        <v>0.625</v>
      </c>
      <c r="BC600">
        <v>1.945910149055313</v>
      </c>
      <c r="BD600" t="s">
        <v>2345</v>
      </c>
      <c r="BE600" t="s">
        <v>68</v>
      </c>
    </row>
    <row r="601" spans="1:57" x14ac:dyDescent="0.3">
      <c r="A601" t="s">
        <v>2347</v>
      </c>
      <c r="B601">
        <v>519</v>
      </c>
      <c r="C601" t="s">
        <v>2348</v>
      </c>
      <c r="D601" t="s">
        <v>2349</v>
      </c>
      <c r="E601" t="s">
        <v>128</v>
      </c>
      <c r="F601">
        <v>32</v>
      </c>
      <c r="G601">
        <v>124.46875</v>
      </c>
      <c r="H601">
        <v>110</v>
      </c>
      <c r="I601">
        <v>5735.2490234375</v>
      </c>
      <c r="J601">
        <v>75.731426920648346</v>
      </c>
      <c r="K601">
        <v>0.16367627255758521</v>
      </c>
      <c r="L601">
        <v>-1.243700926373948</v>
      </c>
      <c r="M601">
        <v>4.875</v>
      </c>
      <c r="N601">
        <v>2</v>
      </c>
      <c r="O601">
        <v>1</v>
      </c>
      <c r="P601">
        <v>1</v>
      </c>
      <c r="Q601">
        <v>0.24944382578492941</v>
      </c>
      <c r="R601">
        <v>3.3790925052297318</v>
      </c>
      <c r="S601">
        <v>1</v>
      </c>
      <c r="T601">
        <v>1</v>
      </c>
      <c r="U601">
        <v>0</v>
      </c>
      <c r="V601">
        <v>0</v>
      </c>
      <c r="W601">
        <v>3.4339872044851458</v>
      </c>
      <c r="X601">
        <v>1</v>
      </c>
      <c r="Y601">
        <v>1</v>
      </c>
      <c r="Z601">
        <v>0</v>
      </c>
      <c r="AA601">
        <v>0</v>
      </c>
      <c r="AB601">
        <v>3.401197381662155</v>
      </c>
      <c r="AC601">
        <v>1</v>
      </c>
      <c r="AD601">
        <v>1</v>
      </c>
      <c r="AE601">
        <v>0</v>
      </c>
      <c r="AF601">
        <v>0</v>
      </c>
      <c r="AG601">
        <v>3.3672958299864728</v>
      </c>
      <c r="AH601">
        <v>7.3045230461297198E-2</v>
      </c>
      <c r="AI601">
        <v>-0.1074133051076173</v>
      </c>
      <c r="AJ601">
        <v>-0.22050081880401401</v>
      </c>
      <c r="AK601">
        <v>-5.2478090022041943E-2</v>
      </c>
      <c r="AL601">
        <v>502.95339329797338</v>
      </c>
      <c r="AM601">
        <v>652.9355896028751</v>
      </c>
      <c r="AN601">
        <v>3983</v>
      </c>
      <c r="AO601">
        <v>72.910436862628302</v>
      </c>
      <c r="AP601">
        <v>412.5941080393348</v>
      </c>
      <c r="AQ601">
        <v>1.65625</v>
      </c>
      <c r="AR601">
        <v>4.09375</v>
      </c>
      <c r="AS601">
        <v>32</v>
      </c>
      <c r="AT601">
        <v>1.75</v>
      </c>
      <c r="AU601">
        <v>9.3626482213438722E-2</v>
      </c>
      <c r="AV601">
        <v>7.3086380515062901E-2</v>
      </c>
      <c r="AW601">
        <v>0.46875</v>
      </c>
      <c r="AX601">
        <v>87.064516129032256</v>
      </c>
      <c r="AY601">
        <v>61.5</v>
      </c>
      <c r="AZ601">
        <v>139.5</v>
      </c>
      <c r="BA601">
        <v>0.60843727377874646</v>
      </c>
      <c r="BB601">
        <v>0.4375</v>
      </c>
      <c r="BC601">
        <v>3.2551105127277409</v>
      </c>
      <c r="BD601" t="s">
        <v>2350</v>
      </c>
      <c r="BE601" t="s">
        <v>62</v>
      </c>
    </row>
    <row r="602" spans="1:57" x14ac:dyDescent="0.3">
      <c r="A602" t="s">
        <v>2351</v>
      </c>
      <c r="B602">
        <v>3359</v>
      </c>
      <c r="C602" t="s">
        <v>2352</v>
      </c>
      <c r="D602" t="s">
        <v>2353</v>
      </c>
      <c r="E602" t="s">
        <v>66</v>
      </c>
      <c r="F602">
        <v>71</v>
      </c>
      <c r="G602">
        <v>118.5915492957746</v>
      </c>
      <c r="H602">
        <v>142</v>
      </c>
      <c r="I602">
        <v>6009.5937314024986</v>
      </c>
      <c r="J602">
        <v>77.521569459102793</v>
      </c>
      <c r="K602">
        <v>1.965066569820156E-3</v>
      </c>
      <c r="L602">
        <v>-1.3161198738090021</v>
      </c>
      <c r="M602">
        <v>5.8292557462347681</v>
      </c>
      <c r="N602">
        <v>3</v>
      </c>
      <c r="O602">
        <v>1</v>
      </c>
      <c r="P602">
        <v>2</v>
      </c>
      <c r="Q602">
        <v>0.42784992176644798</v>
      </c>
      <c r="R602">
        <v>4.0405321852654943</v>
      </c>
      <c r="S602">
        <v>1</v>
      </c>
      <c r="T602">
        <v>1</v>
      </c>
      <c r="U602">
        <v>0</v>
      </c>
      <c r="V602">
        <v>0</v>
      </c>
      <c r="W602">
        <v>4.2484952420493576</v>
      </c>
      <c r="X602">
        <v>1</v>
      </c>
      <c r="Y602">
        <v>1</v>
      </c>
      <c r="Z602">
        <v>0</v>
      </c>
      <c r="AA602">
        <v>0</v>
      </c>
      <c r="AB602">
        <v>4.2341065045972579</v>
      </c>
      <c r="AC602">
        <v>1</v>
      </c>
      <c r="AD602">
        <v>1</v>
      </c>
      <c r="AE602">
        <v>0</v>
      </c>
      <c r="AF602">
        <v>0</v>
      </c>
      <c r="AG602">
        <v>4.2195077051761087</v>
      </c>
      <c r="AH602">
        <v>0.1050880409671469</v>
      </c>
      <c r="AI602">
        <v>-5.7884126760644278E-2</v>
      </c>
      <c r="AJ602">
        <v>-4.6899592252581931E-2</v>
      </c>
      <c r="AK602">
        <v>-5.5757980666641047E-2</v>
      </c>
      <c r="AL602">
        <v>710.29162193718923</v>
      </c>
      <c r="AM602">
        <v>959.53520613150897</v>
      </c>
      <c r="AN602">
        <v>8420</v>
      </c>
      <c r="AO602">
        <v>86.758458813260617</v>
      </c>
      <c r="AP602">
        <v>596.9264216911248</v>
      </c>
      <c r="AQ602">
        <v>1.323943661971831</v>
      </c>
      <c r="AR602">
        <v>3.704225352112676</v>
      </c>
      <c r="AS602">
        <v>71</v>
      </c>
      <c r="AT602">
        <v>9.2816901408450736</v>
      </c>
      <c r="AU602">
        <v>0.1028997514498757</v>
      </c>
      <c r="AV602">
        <v>0.1060101857301598</v>
      </c>
      <c r="AW602">
        <v>0.29577464788732388</v>
      </c>
      <c r="AX602">
        <v>81.942857142857136</v>
      </c>
      <c r="AY602">
        <v>66</v>
      </c>
      <c r="AZ602">
        <v>143</v>
      </c>
      <c r="BA602">
        <v>0.65368544318245825</v>
      </c>
      <c r="BB602">
        <v>0.53521126760563376</v>
      </c>
      <c r="BC602">
        <v>3.9488114493783288</v>
      </c>
      <c r="BD602" t="s">
        <v>2354</v>
      </c>
      <c r="BE602" t="s">
        <v>68</v>
      </c>
    </row>
    <row r="603" spans="1:57" x14ac:dyDescent="0.3">
      <c r="A603" t="s">
        <v>2355</v>
      </c>
      <c r="B603">
        <v>3519</v>
      </c>
      <c r="C603" t="s">
        <v>2356</v>
      </c>
      <c r="D603" t="s">
        <v>2357</v>
      </c>
      <c r="E603" t="s">
        <v>72</v>
      </c>
      <c r="F603">
        <v>3528</v>
      </c>
      <c r="G603">
        <v>128.95521541950109</v>
      </c>
      <c r="H603">
        <v>130</v>
      </c>
      <c r="I603">
        <v>5340.4469739331871</v>
      </c>
      <c r="J603">
        <v>73.078361872261382</v>
      </c>
      <c r="K603">
        <v>-1.560350389576569E-2</v>
      </c>
      <c r="L603">
        <v>-1.180427643880805</v>
      </c>
      <c r="M603">
        <v>7.9483444135701404</v>
      </c>
      <c r="N603">
        <v>27</v>
      </c>
      <c r="O603">
        <v>6</v>
      </c>
      <c r="P603">
        <v>21</v>
      </c>
      <c r="Q603">
        <v>3.6963611751964929</v>
      </c>
      <c r="R603">
        <v>5.5093725203855426</v>
      </c>
      <c r="S603">
        <v>3</v>
      </c>
      <c r="T603">
        <v>1</v>
      </c>
      <c r="U603">
        <v>2</v>
      </c>
      <c r="V603">
        <v>0.22420553486448591</v>
      </c>
      <c r="W603">
        <v>8.1030969711011238</v>
      </c>
      <c r="X603">
        <v>2</v>
      </c>
      <c r="Y603">
        <v>1</v>
      </c>
      <c r="Z603">
        <v>1</v>
      </c>
      <c r="AA603">
        <v>0.1190690568847807</v>
      </c>
      <c r="AB603">
        <v>8.1482611899413691</v>
      </c>
      <c r="AC603">
        <v>2</v>
      </c>
      <c r="AD603">
        <v>1</v>
      </c>
      <c r="AE603">
        <v>1</v>
      </c>
      <c r="AF603">
        <v>0.1104387669061781</v>
      </c>
      <c r="AG603">
        <v>8.1507248904156864</v>
      </c>
      <c r="AH603">
        <v>-4.5228418919952143E-3</v>
      </c>
      <c r="AI603">
        <v>-1.5528264069088931E-2</v>
      </c>
      <c r="AJ603">
        <v>9.0785513751444856E-3</v>
      </c>
      <c r="AK603">
        <v>5.5596838208057144E-3</v>
      </c>
      <c r="AL603">
        <v>3971.4548406251979</v>
      </c>
      <c r="AM603">
        <v>7857.3108917030067</v>
      </c>
      <c r="AN603">
        <v>454954</v>
      </c>
      <c r="AO603">
        <v>83.956484447606869</v>
      </c>
      <c r="AP603">
        <v>3593.9226223611399</v>
      </c>
      <c r="AQ603">
        <v>1.0065192743764171</v>
      </c>
      <c r="AR603">
        <v>4.0226757369614514</v>
      </c>
      <c r="AS603">
        <v>3516</v>
      </c>
      <c r="AT603">
        <v>253.80498866213151</v>
      </c>
      <c r="AU603">
        <v>2.148526077097504E-2</v>
      </c>
      <c r="AV603">
        <v>-4.5233141522028932E-3</v>
      </c>
      <c r="AW603">
        <v>0.36848072562358269</v>
      </c>
      <c r="AX603">
        <v>84.590870428125882</v>
      </c>
      <c r="AY603">
        <v>62</v>
      </c>
      <c r="AZ603">
        <v>125</v>
      </c>
      <c r="BA603">
        <v>0.56669566744184718</v>
      </c>
      <c r="BB603">
        <v>0.50510204081632648</v>
      </c>
      <c r="BC603">
        <v>5.3060387578535799</v>
      </c>
      <c r="BD603" t="s">
        <v>2358</v>
      </c>
      <c r="BE603" t="s">
        <v>68</v>
      </c>
    </row>
    <row r="604" spans="1:57" x14ac:dyDescent="0.3">
      <c r="A604" t="s">
        <v>2359</v>
      </c>
      <c r="B604">
        <v>3215</v>
      </c>
      <c r="C604" t="s">
        <v>2360</v>
      </c>
      <c r="D604" t="s">
        <v>2361</v>
      </c>
      <c r="E604" t="s">
        <v>93</v>
      </c>
      <c r="F604">
        <v>3345</v>
      </c>
      <c r="G604">
        <v>127.7291479820628</v>
      </c>
      <c r="H604">
        <v>128</v>
      </c>
      <c r="I604">
        <v>5458.0563850737663</v>
      </c>
      <c r="J604">
        <v>73.878659876000498</v>
      </c>
      <c r="K604">
        <v>7.4708006966965664E-3</v>
      </c>
      <c r="L604">
        <v>-1.196066767628992</v>
      </c>
      <c r="M604">
        <v>7.9429937121248519</v>
      </c>
      <c r="N604">
        <v>25</v>
      </c>
      <c r="O604">
        <v>5</v>
      </c>
      <c r="P604">
        <v>20</v>
      </c>
      <c r="Q604">
        <v>3.6528408752587258</v>
      </c>
      <c r="R604">
        <v>5.5056636967647146</v>
      </c>
      <c r="S604">
        <v>3</v>
      </c>
      <c r="T604">
        <v>1</v>
      </c>
      <c r="U604">
        <v>2</v>
      </c>
      <c r="V604">
        <v>0.16774778293574921</v>
      </c>
      <c r="W604">
        <v>8.0779721224671981</v>
      </c>
      <c r="X604">
        <v>2</v>
      </c>
      <c r="Y604">
        <v>1</v>
      </c>
      <c r="Z604">
        <v>1</v>
      </c>
      <c r="AA604">
        <v>1.729544705759237E-2</v>
      </c>
      <c r="AB604">
        <v>8.1142092007003512</v>
      </c>
      <c r="AC604">
        <v>1</v>
      </c>
      <c r="AD604">
        <v>1</v>
      </c>
      <c r="AE604">
        <v>0</v>
      </c>
      <c r="AF604">
        <v>0</v>
      </c>
      <c r="AG604">
        <v>8.1143247091553405</v>
      </c>
      <c r="AH604">
        <v>5.3442254133313912E-4</v>
      </c>
      <c r="AI604">
        <v>-1.8537869216468181E-4</v>
      </c>
      <c r="AJ604">
        <v>2.429170420359144E-2</v>
      </c>
      <c r="AK604">
        <v>1.1871213433237269E-2</v>
      </c>
      <c r="AL604">
        <v>3912.6646426095108</v>
      </c>
      <c r="AM604">
        <v>7584.2628774636614</v>
      </c>
      <c r="AN604">
        <v>427254</v>
      </c>
      <c r="AO604">
        <v>86.675041510418453</v>
      </c>
      <c r="AP604">
        <v>3548.5911170931531</v>
      </c>
      <c r="AQ604">
        <v>1.0068759342301941</v>
      </c>
      <c r="AR604">
        <v>4.0307922272047829</v>
      </c>
      <c r="AS604">
        <v>3336</v>
      </c>
      <c r="AT604">
        <v>261.42391629297458</v>
      </c>
      <c r="AU604">
        <v>1.2010903015914899E-2</v>
      </c>
      <c r="AV604">
        <v>5.345018060349475E-4</v>
      </c>
      <c r="AW604">
        <v>0.37488789237668158</v>
      </c>
      <c r="AX604">
        <v>85.331040669856463</v>
      </c>
      <c r="AY604">
        <v>64</v>
      </c>
      <c r="AZ604">
        <v>128</v>
      </c>
      <c r="BA604">
        <v>0.57840094483661164</v>
      </c>
      <c r="BB604">
        <v>0.50044843049327359</v>
      </c>
      <c r="BC604">
        <v>5.3144522803236294</v>
      </c>
      <c r="BD604" t="s">
        <v>2362</v>
      </c>
      <c r="BE604" t="s">
        <v>68</v>
      </c>
    </row>
    <row r="605" spans="1:57" x14ac:dyDescent="0.3">
      <c r="A605" t="s">
        <v>2363</v>
      </c>
      <c r="B605">
        <v>704</v>
      </c>
      <c r="C605" t="s">
        <v>2364</v>
      </c>
      <c r="D605" t="s">
        <v>2365</v>
      </c>
      <c r="E605" t="s">
        <v>106</v>
      </c>
      <c r="F605">
        <v>726</v>
      </c>
      <c r="G605">
        <v>129.00964187327821</v>
      </c>
      <c r="H605">
        <v>128.5</v>
      </c>
      <c r="I605">
        <v>5647.756105381387</v>
      </c>
      <c r="J605">
        <v>75.151554244615511</v>
      </c>
      <c r="K605">
        <v>2.0499618962346609E-2</v>
      </c>
      <c r="L605">
        <v>-1.2225404440604879</v>
      </c>
      <c r="M605">
        <v>7.696762506883478</v>
      </c>
      <c r="N605">
        <v>10</v>
      </c>
      <c r="O605">
        <v>1</v>
      </c>
      <c r="P605">
        <v>9</v>
      </c>
      <c r="Q605">
        <v>1.6132265257733629</v>
      </c>
      <c r="R605">
        <v>5.3349892310857863</v>
      </c>
      <c r="S605">
        <v>2</v>
      </c>
      <c r="T605">
        <v>1</v>
      </c>
      <c r="U605">
        <v>1</v>
      </c>
      <c r="V605">
        <v>9.096859763987665E-2</v>
      </c>
      <c r="W605">
        <v>6.5746988739350609</v>
      </c>
      <c r="X605">
        <v>1</v>
      </c>
      <c r="Y605">
        <v>1</v>
      </c>
      <c r="Z605">
        <v>0</v>
      </c>
      <c r="AA605">
        <v>0</v>
      </c>
      <c r="AB605">
        <v>6.584791392385716</v>
      </c>
      <c r="AC605">
        <v>1</v>
      </c>
      <c r="AD605">
        <v>1</v>
      </c>
      <c r="AE605">
        <v>0</v>
      </c>
      <c r="AF605">
        <v>0</v>
      </c>
      <c r="AG605">
        <v>6.5834092221587639</v>
      </c>
      <c r="AH605">
        <v>1.2235911834091531E-2</v>
      </c>
      <c r="AI605">
        <v>-2.4852546433400669E-2</v>
      </c>
      <c r="AJ605">
        <v>-2.2793329623701061E-2</v>
      </c>
      <c r="AK605">
        <v>-3.7756375431416009E-2</v>
      </c>
      <c r="AL605">
        <v>1943.5545924343551</v>
      </c>
      <c r="AM605">
        <v>3522.2206839190708</v>
      </c>
      <c r="AN605">
        <v>93661</v>
      </c>
      <c r="AO605">
        <v>95</v>
      </c>
      <c r="AP605">
        <v>1670.0715242420549</v>
      </c>
      <c r="AQ605">
        <v>1.03168044077135</v>
      </c>
      <c r="AR605">
        <v>4.0606060606060614</v>
      </c>
      <c r="AS605">
        <v>724</v>
      </c>
      <c r="AT605">
        <v>203.05234159779619</v>
      </c>
      <c r="AU605">
        <v>3.5367996355827443E-2</v>
      </c>
      <c r="AV605">
        <v>1.225610614884034E-2</v>
      </c>
      <c r="AW605">
        <v>0.37190082644628097</v>
      </c>
      <c r="AX605">
        <v>86.977931034482765</v>
      </c>
      <c r="AY605">
        <v>65</v>
      </c>
      <c r="AZ605">
        <v>130</v>
      </c>
      <c r="BA605">
        <v>0.58252664803483689</v>
      </c>
      <c r="BB605">
        <v>0.49724517906336091</v>
      </c>
      <c r="BC605">
        <v>5.1828501415413877</v>
      </c>
      <c r="BD605" t="s">
        <v>2366</v>
      </c>
      <c r="BE605" t="s">
        <v>68</v>
      </c>
    </row>
    <row r="606" spans="1:57" x14ac:dyDescent="0.3">
      <c r="A606" t="s">
        <v>2367</v>
      </c>
      <c r="B606">
        <v>1052</v>
      </c>
      <c r="C606" t="s">
        <v>2368</v>
      </c>
      <c r="D606" t="s">
        <v>2369</v>
      </c>
      <c r="E606" t="s">
        <v>115</v>
      </c>
      <c r="F606">
        <v>1108</v>
      </c>
      <c r="G606">
        <v>126.7472924187726</v>
      </c>
      <c r="H606">
        <v>125</v>
      </c>
      <c r="I606">
        <v>5544.0390269650316</v>
      </c>
      <c r="J606">
        <v>74.458303949022593</v>
      </c>
      <c r="K606">
        <v>2.4579681329102011E-3</v>
      </c>
      <c r="L606">
        <v>-1.226120321263696</v>
      </c>
      <c r="M606">
        <v>7.8178426435479498</v>
      </c>
      <c r="N606">
        <v>13</v>
      </c>
      <c r="O606">
        <v>1</v>
      </c>
      <c r="P606">
        <v>12</v>
      </c>
      <c r="Q606">
        <v>2.052021029355156</v>
      </c>
      <c r="R606">
        <v>5.4189155864365564</v>
      </c>
      <c r="S606">
        <v>2</v>
      </c>
      <c r="T606">
        <v>1</v>
      </c>
      <c r="U606">
        <v>1</v>
      </c>
      <c r="V606">
        <v>0.10410958904109591</v>
      </c>
      <c r="W606">
        <v>6.9943813515582853</v>
      </c>
      <c r="X606">
        <v>1</v>
      </c>
      <c r="Y606">
        <v>1</v>
      </c>
      <c r="Z606">
        <v>0</v>
      </c>
      <c r="AA606">
        <v>0</v>
      </c>
      <c r="AB606">
        <v>7.0085051820822777</v>
      </c>
      <c r="AC606">
        <v>1</v>
      </c>
      <c r="AD606">
        <v>1</v>
      </c>
      <c r="AE606">
        <v>0</v>
      </c>
      <c r="AF606">
        <v>0</v>
      </c>
      <c r="AG606">
        <v>7.007600613951853</v>
      </c>
      <c r="AH606">
        <v>-3.2598644237392997E-2</v>
      </c>
      <c r="AI606">
        <v>-2.5769170483073301E-2</v>
      </c>
      <c r="AJ606">
        <v>2.4582696535065101E-2</v>
      </c>
      <c r="AK606">
        <v>-1.7707111206521509E-2</v>
      </c>
      <c r="AL606">
        <v>2299.7702638955539</v>
      </c>
      <c r="AM606">
        <v>4318.9969591679237</v>
      </c>
      <c r="AN606">
        <v>140436</v>
      </c>
      <c r="AO606">
        <v>81.46273227360409</v>
      </c>
      <c r="AP606">
        <v>2020.7345159767649</v>
      </c>
      <c r="AQ606">
        <v>1.0207581227436819</v>
      </c>
      <c r="AR606">
        <v>3.9341155234657039</v>
      </c>
      <c r="AS606">
        <v>1106</v>
      </c>
      <c r="AT606">
        <v>239.4259927797834</v>
      </c>
      <c r="AU606">
        <v>2.1887166418914139E-2</v>
      </c>
      <c r="AV606">
        <v>-3.2652107623892312E-2</v>
      </c>
      <c r="AW606">
        <v>0.37725631768953072</v>
      </c>
      <c r="AX606">
        <v>87.864498644986455</v>
      </c>
      <c r="AY606">
        <v>66</v>
      </c>
      <c r="AZ606">
        <v>130</v>
      </c>
      <c r="BA606">
        <v>0.58745478919591154</v>
      </c>
      <c r="BB606">
        <v>0.49638989169675091</v>
      </c>
      <c r="BC606">
        <v>5.233883035162485</v>
      </c>
      <c r="BD606" t="s">
        <v>2370</v>
      </c>
      <c r="BE606" t="s">
        <v>68</v>
      </c>
    </row>
    <row r="607" spans="1:57" x14ac:dyDescent="0.3">
      <c r="A607" t="s">
        <v>2371</v>
      </c>
      <c r="B607">
        <v>930</v>
      </c>
      <c r="C607" t="s">
        <v>2372</v>
      </c>
      <c r="D607" t="s">
        <v>2373</v>
      </c>
      <c r="E607" t="s">
        <v>85</v>
      </c>
      <c r="F607">
        <v>8</v>
      </c>
      <c r="G607">
        <v>103.5</v>
      </c>
      <c r="H607">
        <v>129.5</v>
      </c>
      <c r="I607">
        <v>3687.25</v>
      </c>
      <c r="J607">
        <v>60.722730505141151</v>
      </c>
      <c r="K607">
        <v>-0.37167057439317591</v>
      </c>
      <c r="L607">
        <v>-1.4635131246132169</v>
      </c>
      <c r="M607">
        <v>3</v>
      </c>
      <c r="N607">
        <v>1</v>
      </c>
      <c r="O607">
        <v>1</v>
      </c>
      <c r="P607">
        <v>0</v>
      </c>
      <c r="Q607">
        <v>0</v>
      </c>
      <c r="R607">
        <v>2.0794415416798362</v>
      </c>
      <c r="S607">
        <v>1</v>
      </c>
      <c r="T607">
        <v>1</v>
      </c>
      <c r="U607">
        <v>0</v>
      </c>
      <c r="V607">
        <v>0</v>
      </c>
      <c r="W607">
        <v>1.945910149055313</v>
      </c>
      <c r="X607">
        <v>1</v>
      </c>
      <c r="Y607">
        <v>1</v>
      </c>
      <c r="Z607">
        <v>0</v>
      </c>
      <c r="AA607">
        <v>0</v>
      </c>
      <c r="AB607">
        <v>1.791759469228055</v>
      </c>
      <c r="AC607">
        <v>1</v>
      </c>
      <c r="AD607">
        <v>1</v>
      </c>
      <c r="AE607">
        <v>0</v>
      </c>
      <c r="AF607">
        <v>0</v>
      </c>
      <c r="AG607">
        <v>1.6094379124341009</v>
      </c>
      <c r="AH607">
        <v>-0.46536205844464029</v>
      </c>
      <c r="AI607">
        <v>2.6103464641670619E-2</v>
      </c>
      <c r="AJ607">
        <v>0.1279493524984745</v>
      </c>
      <c r="AK607">
        <v>0</v>
      </c>
      <c r="AL607">
        <v>234.3802137523694</v>
      </c>
      <c r="AM607">
        <v>245.4830246705333</v>
      </c>
      <c r="AN607">
        <v>828</v>
      </c>
      <c r="AO607">
        <v>22</v>
      </c>
      <c r="AP607">
        <v>103.5707068937303</v>
      </c>
      <c r="AQ607">
        <v>3.5</v>
      </c>
      <c r="AR607">
        <v>3.625</v>
      </c>
      <c r="AS607">
        <v>8</v>
      </c>
      <c r="AT607">
        <v>0</v>
      </c>
      <c r="AU607">
        <v>0.26187150837988832</v>
      </c>
      <c r="AV607">
        <v>-0.49547506985526951</v>
      </c>
      <c r="AW607">
        <v>0.25</v>
      </c>
      <c r="AX607">
        <v>100.5714285714286</v>
      </c>
      <c r="AY607">
        <v>42.5</v>
      </c>
      <c r="AZ607">
        <v>101</v>
      </c>
      <c r="BA607">
        <v>0.58669304835885172</v>
      </c>
      <c r="BB607">
        <v>0.625</v>
      </c>
      <c r="BC607">
        <v>1.945910149055313</v>
      </c>
      <c r="BD607" t="s">
        <v>2372</v>
      </c>
      <c r="BE607" t="s">
        <v>68</v>
      </c>
    </row>
    <row r="608" spans="1:57" x14ac:dyDescent="0.3">
      <c r="A608" t="s">
        <v>2374</v>
      </c>
      <c r="B608">
        <v>1174</v>
      </c>
      <c r="C608" t="s">
        <v>2375</v>
      </c>
      <c r="D608" t="s">
        <v>2376</v>
      </c>
      <c r="E608" t="s">
        <v>115</v>
      </c>
      <c r="F608">
        <v>1212</v>
      </c>
      <c r="G608">
        <v>124.96122112211221</v>
      </c>
      <c r="H608">
        <v>123</v>
      </c>
      <c r="I608">
        <v>5546.1511364626567</v>
      </c>
      <c r="J608">
        <v>74.472485767984523</v>
      </c>
      <c r="K608">
        <v>2.800513019102014E-2</v>
      </c>
      <c r="L608">
        <v>-1.2127747984898429</v>
      </c>
      <c r="M608">
        <v>7.8449003384687872</v>
      </c>
      <c r="N608">
        <v>11</v>
      </c>
      <c r="O608">
        <v>1</v>
      </c>
      <c r="P608">
        <v>10</v>
      </c>
      <c r="Q608">
        <v>2.026468841043163</v>
      </c>
      <c r="R608">
        <v>5.4376705513834107</v>
      </c>
      <c r="S608">
        <v>2</v>
      </c>
      <c r="T608">
        <v>1</v>
      </c>
      <c r="U608">
        <v>1</v>
      </c>
      <c r="V608">
        <v>9.0868398373077794E-2</v>
      </c>
      <c r="W608">
        <v>7.0877542261202269</v>
      </c>
      <c r="X608">
        <v>1</v>
      </c>
      <c r="Y608">
        <v>1</v>
      </c>
      <c r="Z608">
        <v>0</v>
      </c>
      <c r="AA608">
        <v>0</v>
      </c>
      <c r="AB608">
        <v>7.0983756385907881</v>
      </c>
      <c r="AC608">
        <v>1</v>
      </c>
      <c r="AD608">
        <v>1</v>
      </c>
      <c r="AE608">
        <v>0</v>
      </c>
      <c r="AF608">
        <v>0</v>
      </c>
      <c r="AG608">
        <v>7.0975488506147926</v>
      </c>
      <c r="AH608">
        <v>-2.9973926524223291E-2</v>
      </c>
      <c r="AI608">
        <v>-7.157203496978448E-3</v>
      </c>
      <c r="AJ608">
        <v>2.4183596185226731E-2</v>
      </c>
      <c r="AK608">
        <v>1.0543962850956949E-2</v>
      </c>
      <c r="AL608">
        <v>2431.8866190159879</v>
      </c>
      <c r="AM608">
        <v>4442.2533102301804</v>
      </c>
      <c r="AN608">
        <v>151453</v>
      </c>
      <c r="AO608">
        <v>38.773275956682738</v>
      </c>
      <c r="AP608">
        <v>2178.1087122722051</v>
      </c>
      <c r="AQ608">
        <v>1.0189768976897691</v>
      </c>
      <c r="AR608">
        <v>3.9372937293729371</v>
      </c>
      <c r="AS608">
        <v>1208</v>
      </c>
      <c r="AT608">
        <v>215.1683168316832</v>
      </c>
      <c r="AU608">
        <v>2.524752475247527E-2</v>
      </c>
      <c r="AV608">
        <v>-2.9991338774917609E-2</v>
      </c>
      <c r="AW608">
        <v>0.38118811881188119</v>
      </c>
      <c r="AX608">
        <v>87.410404624277461</v>
      </c>
      <c r="AY608">
        <v>65</v>
      </c>
      <c r="AZ608">
        <v>128.25</v>
      </c>
      <c r="BA608">
        <v>0.59596477290510752</v>
      </c>
      <c r="BB608">
        <v>0.49422442244224418</v>
      </c>
      <c r="BC608">
        <v>5.2583633894746251</v>
      </c>
      <c r="BD608" t="s">
        <v>2377</v>
      </c>
      <c r="BE608" t="s">
        <v>68</v>
      </c>
    </row>
    <row r="609" spans="1:57" x14ac:dyDescent="0.3">
      <c r="A609" t="s">
        <v>2378</v>
      </c>
      <c r="B609">
        <v>3321</v>
      </c>
      <c r="C609" t="s">
        <v>2379</v>
      </c>
      <c r="D609" t="s">
        <v>2380</v>
      </c>
      <c r="E609" t="s">
        <v>10622</v>
      </c>
      <c r="F609">
        <v>64</v>
      </c>
      <c r="G609">
        <v>121.484375</v>
      </c>
      <c r="H609">
        <v>114.5</v>
      </c>
      <c r="I609">
        <v>4778.281005859375</v>
      </c>
      <c r="J609">
        <v>69.125111253866166</v>
      </c>
      <c r="K609">
        <v>0.19009684622000339</v>
      </c>
      <c r="L609">
        <v>-1.0484074777093839</v>
      </c>
      <c r="M609">
        <v>5.78125</v>
      </c>
      <c r="N609">
        <v>2</v>
      </c>
      <c r="O609">
        <v>1</v>
      </c>
      <c r="P609">
        <v>1</v>
      </c>
      <c r="Q609">
        <v>0.32821556024332821</v>
      </c>
      <c r="R609">
        <v>4.0072571376121839</v>
      </c>
      <c r="S609">
        <v>1</v>
      </c>
      <c r="T609">
        <v>1</v>
      </c>
      <c r="U609">
        <v>0</v>
      </c>
      <c r="V609">
        <v>0</v>
      </c>
      <c r="W609">
        <v>4.1431347263915326</v>
      </c>
      <c r="X609">
        <v>1</v>
      </c>
      <c r="Y609">
        <v>1</v>
      </c>
      <c r="Z609">
        <v>0</v>
      </c>
      <c r="AA609">
        <v>0</v>
      </c>
      <c r="AB609">
        <v>4.1271343850450908</v>
      </c>
      <c r="AC609">
        <v>1</v>
      </c>
      <c r="AD609">
        <v>1</v>
      </c>
      <c r="AE609">
        <v>0</v>
      </c>
      <c r="AF609">
        <v>0</v>
      </c>
      <c r="AG609">
        <v>4.1108738641733096</v>
      </c>
      <c r="AH609">
        <v>1.8453451634003321E-2</v>
      </c>
      <c r="AI609">
        <v>-8.8694835025466948E-2</v>
      </c>
      <c r="AJ609">
        <v>-1.0178352587357791E-2</v>
      </c>
      <c r="AK609">
        <v>-0.1099644318681551</v>
      </c>
      <c r="AL609">
        <v>602.89753360378552</v>
      </c>
      <c r="AM609">
        <v>941.73540019183315</v>
      </c>
      <c r="AN609">
        <v>7775</v>
      </c>
      <c r="AO609">
        <v>79.760168213516977</v>
      </c>
      <c r="AP609">
        <v>468.83466285179242</v>
      </c>
      <c r="AQ609">
        <v>1.359375</v>
      </c>
      <c r="AR609">
        <v>3.90625</v>
      </c>
      <c r="AS609">
        <v>64</v>
      </c>
      <c r="AT609">
        <v>5.46875</v>
      </c>
      <c r="AU609">
        <v>0.1195866141732284</v>
      </c>
      <c r="AV609">
        <v>1.8486335941965162E-2</v>
      </c>
      <c r="AW609">
        <v>0.453125</v>
      </c>
      <c r="AX609">
        <v>78.19047619047619</v>
      </c>
      <c r="AY609">
        <v>56.5</v>
      </c>
      <c r="AZ609">
        <v>113</v>
      </c>
      <c r="BA609">
        <v>0.56900413122153504</v>
      </c>
      <c r="BB609">
        <v>0.46875</v>
      </c>
      <c r="BC609">
        <v>3.9670973472017059</v>
      </c>
      <c r="BD609" t="s">
        <v>2381</v>
      </c>
      <c r="BE609" t="s">
        <v>62</v>
      </c>
    </row>
    <row r="610" spans="1:57" x14ac:dyDescent="0.3">
      <c r="A610" t="s">
        <v>2382</v>
      </c>
      <c r="B610">
        <v>3088</v>
      </c>
      <c r="C610" t="s">
        <v>2383</v>
      </c>
      <c r="D610" t="s">
        <v>2384</v>
      </c>
      <c r="E610" t="s">
        <v>66</v>
      </c>
      <c r="F610">
        <v>71</v>
      </c>
      <c r="G610">
        <v>117.7323943661972</v>
      </c>
      <c r="H610">
        <v>118</v>
      </c>
      <c r="I610">
        <v>4960.3086689148986</v>
      </c>
      <c r="J610">
        <v>70.429458814581977</v>
      </c>
      <c r="K610">
        <v>7.6500780268609125E-2</v>
      </c>
      <c r="L610">
        <v>-1.0670652210364939</v>
      </c>
      <c r="M610">
        <v>5.9525640209131279</v>
      </c>
      <c r="N610">
        <v>2</v>
      </c>
      <c r="O610">
        <v>1</v>
      </c>
      <c r="P610">
        <v>1</v>
      </c>
      <c r="Q610">
        <v>0.31210913055372153</v>
      </c>
      <c r="R610">
        <v>4.1260029681985104</v>
      </c>
      <c r="S610">
        <v>1</v>
      </c>
      <c r="T610">
        <v>1</v>
      </c>
      <c r="U610">
        <v>0</v>
      </c>
      <c r="V610">
        <v>0</v>
      </c>
      <c r="W610">
        <v>4.2484952420493576</v>
      </c>
      <c r="X610">
        <v>1</v>
      </c>
      <c r="Y610">
        <v>1</v>
      </c>
      <c r="Z610">
        <v>0</v>
      </c>
      <c r="AA610">
        <v>0</v>
      </c>
      <c r="AB610">
        <v>4.2341065045972579</v>
      </c>
      <c r="AC610">
        <v>1</v>
      </c>
      <c r="AD610">
        <v>1</v>
      </c>
      <c r="AE610">
        <v>0</v>
      </c>
      <c r="AF610">
        <v>0</v>
      </c>
      <c r="AG610">
        <v>4.2195077051761087</v>
      </c>
      <c r="AH610">
        <v>0.16457495460064561</v>
      </c>
      <c r="AI610">
        <v>0.100749741810207</v>
      </c>
      <c r="AJ610">
        <v>-0.34005182910973231</v>
      </c>
      <c r="AK610">
        <v>8.0030389021485904E-2</v>
      </c>
      <c r="AL610">
        <v>629.12085943398858</v>
      </c>
      <c r="AM610">
        <v>969.80098176122692</v>
      </c>
      <c r="AN610">
        <v>8359</v>
      </c>
      <c r="AO610">
        <v>94.287663400809322</v>
      </c>
      <c r="AP610">
        <v>489.60069350782157</v>
      </c>
      <c r="AQ610">
        <v>1.323943661971831</v>
      </c>
      <c r="AR610">
        <v>3.873239436619718</v>
      </c>
      <c r="AS610">
        <v>71</v>
      </c>
      <c r="AT610">
        <v>5.6197183098591541</v>
      </c>
      <c r="AU610">
        <v>8.5476421280720749E-2</v>
      </c>
      <c r="AV610">
        <v>0.1657454793188182</v>
      </c>
      <c r="AW610">
        <v>0.46478873239436619</v>
      </c>
      <c r="AX610">
        <v>78.142857142857139</v>
      </c>
      <c r="AY610">
        <v>63</v>
      </c>
      <c r="AZ610">
        <v>123</v>
      </c>
      <c r="BA610">
        <v>0.59821648233464775</v>
      </c>
      <c r="BB610">
        <v>0.52112676056338025</v>
      </c>
      <c r="BC610">
        <v>3.9488114493783288</v>
      </c>
      <c r="BD610" t="s">
        <v>2385</v>
      </c>
      <c r="BE610" t="s">
        <v>68</v>
      </c>
    </row>
    <row r="611" spans="1:57" x14ac:dyDescent="0.3">
      <c r="A611" t="s">
        <v>2386</v>
      </c>
      <c r="B611">
        <v>3981</v>
      </c>
      <c r="C611" t="s">
        <v>2387</v>
      </c>
      <c r="D611" t="s">
        <v>2388</v>
      </c>
      <c r="E611" t="s">
        <v>66</v>
      </c>
      <c r="F611">
        <v>71</v>
      </c>
      <c r="G611">
        <v>128.21126760563379</v>
      </c>
      <c r="H611">
        <v>115</v>
      </c>
      <c r="I611">
        <v>7617.5187462805015</v>
      </c>
      <c r="J611">
        <v>87.278397936032846</v>
      </c>
      <c r="K611">
        <v>2.5400102027738191E-2</v>
      </c>
      <c r="L611">
        <v>-1.5487814008191481</v>
      </c>
      <c r="M611">
        <v>5.8467925419789459</v>
      </c>
      <c r="N611">
        <v>3</v>
      </c>
      <c r="O611">
        <v>1</v>
      </c>
      <c r="P611">
        <v>2</v>
      </c>
      <c r="Q611">
        <v>0.45014853172937652</v>
      </c>
      <c r="R611">
        <v>4.0526877657916254</v>
      </c>
      <c r="S611">
        <v>1</v>
      </c>
      <c r="T611">
        <v>1</v>
      </c>
      <c r="U611">
        <v>0</v>
      </c>
      <c r="V611">
        <v>0</v>
      </c>
      <c r="W611">
        <v>4.2484952420493576</v>
      </c>
      <c r="X611">
        <v>1</v>
      </c>
      <c r="Y611">
        <v>1</v>
      </c>
      <c r="Z611">
        <v>0</v>
      </c>
      <c r="AA611">
        <v>0</v>
      </c>
      <c r="AB611">
        <v>4.2341065045972579</v>
      </c>
      <c r="AC611">
        <v>1</v>
      </c>
      <c r="AD611">
        <v>1</v>
      </c>
      <c r="AE611">
        <v>0</v>
      </c>
      <c r="AF611">
        <v>0</v>
      </c>
      <c r="AG611">
        <v>4.2195077051761087</v>
      </c>
      <c r="AH611">
        <v>3.4104266462535497E-2</v>
      </c>
      <c r="AI611">
        <v>0.1597296020358544</v>
      </c>
      <c r="AJ611">
        <v>-6.1781960465701627E-2</v>
      </c>
      <c r="AK611">
        <v>-0.1127799378847755</v>
      </c>
      <c r="AL611">
        <v>788.91724628991096</v>
      </c>
      <c r="AM611">
        <v>1041.902384346223</v>
      </c>
      <c r="AN611">
        <v>9103</v>
      </c>
      <c r="AO611">
        <v>199.0699004118388</v>
      </c>
      <c r="AP611">
        <v>579.26443385440882</v>
      </c>
      <c r="AQ611">
        <v>1.323943661971831</v>
      </c>
      <c r="AR611">
        <v>3.901408450704225</v>
      </c>
      <c r="AS611">
        <v>69</v>
      </c>
      <c r="AT611">
        <v>10.619718309859159</v>
      </c>
      <c r="AU611">
        <v>0.15587972278113121</v>
      </c>
      <c r="AV611">
        <v>3.4379263269395437E-2</v>
      </c>
      <c r="AW611">
        <v>0.38028169014084512</v>
      </c>
      <c r="AX611">
        <v>97.271428571428572</v>
      </c>
      <c r="AY611">
        <v>87</v>
      </c>
      <c r="AZ611">
        <v>180.5</v>
      </c>
      <c r="BA611">
        <v>0.68073890513658497</v>
      </c>
      <c r="BB611">
        <v>0.46478873239436619</v>
      </c>
      <c r="BC611">
        <v>4.0627824221373086</v>
      </c>
      <c r="BD611" t="s">
        <v>2389</v>
      </c>
      <c r="BE611" t="s">
        <v>68</v>
      </c>
    </row>
    <row r="612" spans="1:57" x14ac:dyDescent="0.3">
      <c r="A612" t="s">
        <v>2390</v>
      </c>
      <c r="B612">
        <v>1278</v>
      </c>
      <c r="C612" t="s">
        <v>2391</v>
      </c>
      <c r="D612" t="s">
        <v>2392</v>
      </c>
      <c r="E612" t="s">
        <v>85</v>
      </c>
      <c r="F612">
        <v>8</v>
      </c>
      <c r="G612">
        <v>112.375</v>
      </c>
      <c r="H612">
        <v>103</v>
      </c>
      <c r="I612">
        <v>4622.984375</v>
      </c>
      <c r="J612">
        <v>67.99253175901012</v>
      </c>
      <c r="K612">
        <v>0.13755745011111731</v>
      </c>
      <c r="L612">
        <v>-0.8606904486330289</v>
      </c>
      <c r="M612">
        <v>3</v>
      </c>
      <c r="N612">
        <v>1</v>
      </c>
      <c r="O612">
        <v>1</v>
      </c>
      <c r="P612">
        <v>0</v>
      </c>
      <c r="Q612">
        <v>0</v>
      </c>
      <c r="R612">
        <v>2.0794415416798362</v>
      </c>
      <c r="S612">
        <v>1</v>
      </c>
      <c r="T612">
        <v>1</v>
      </c>
      <c r="U612">
        <v>0</v>
      </c>
      <c r="V612">
        <v>0</v>
      </c>
      <c r="W612">
        <v>1.945910149055313</v>
      </c>
      <c r="X612">
        <v>1</v>
      </c>
      <c r="Y612">
        <v>1</v>
      </c>
      <c r="Z612">
        <v>0</v>
      </c>
      <c r="AA612">
        <v>0</v>
      </c>
      <c r="AB612">
        <v>1.791759469228055</v>
      </c>
      <c r="AC612">
        <v>1</v>
      </c>
      <c r="AD612">
        <v>1</v>
      </c>
      <c r="AE612">
        <v>0</v>
      </c>
      <c r="AF612">
        <v>0</v>
      </c>
      <c r="AG612">
        <v>1.6094379124341009</v>
      </c>
      <c r="AH612">
        <v>-9.7509134048284554E-2</v>
      </c>
      <c r="AI612">
        <v>2.7984324249419511E-2</v>
      </c>
      <c r="AJ612">
        <v>0.23010154763393509</v>
      </c>
      <c r="AK612">
        <v>0</v>
      </c>
      <c r="AL612">
        <v>276.96057322547392</v>
      </c>
      <c r="AM612">
        <v>247.59208565424089</v>
      </c>
      <c r="AN612">
        <v>899</v>
      </c>
      <c r="AO612">
        <v>13</v>
      </c>
      <c r="AP612">
        <v>243.82012656079269</v>
      </c>
      <c r="AQ612">
        <v>3.5</v>
      </c>
      <c r="AR612">
        <v>4.125</v>
      </c>
      <c r="AS612">
        <v>8</v>
      </c>
      <c r="AT612">
        <v>0</v>
      </c>
      <c r="AU612">
        <v>0.16521739130434779</v>
      </c>
      <c r="AV612">
        <v>-0.1175014234341759</v>
      </c>
      <c r="AW612">
        <v>0.375</v>
      </c>
      <c r="AX612">
        <v>89.428571428571431</v>
      </c>
      <c r="AY612">
        <v>45.5</v>
      </c>
      <c r="AZ612">
        <v>93.75</v>
      </c>
      <c r="BA612">
        <v>0.60505033823368293</v>
      </c>
      <c r="BB612">
        <v>0.5</v>
      </c>
      <c r="BC612">
        <v>1.945910149055313</v>
      </c>
      <c r="BD612" t="s">
        <v>2391</v>
      </c>
      <c r="BE612" t="s">
        <v>68</v>
      </c>
    </row>
    <row r="613" spans="1:57" x14ac:dyDescent="0.3">
      <c r="A613" t="s">
        <v>2393</v>
      </c>
      <c r="B613">
        <v>940</v>
      </c>
      <c r="C613" t="s">
        <v>2394</v>
      </c>
      <c r="D613" t="s">
        <v>2395</v>
      </c>
      <c r="E613" t="s">
        <v>72</v>
      </c>
      <c r="F613">
        <v>944</v>
      </c>
      <c r="G613">
        <v>126.3718220338983</v>
      </c>
      <c r="H613">
        <v>124.5</v>
      </c>
      <c r="I613">
        <v>5370.3140788835826</v>
      </c>
      <c r="J613">
        <v>73.282426808093518</v>
      </c>
      <c r="K613">
        <v>8.5635226899147092E-3</v>
      </c>
      <c r="L613">
        <v>-1.1925197560603009</v>
      </c>
      <c r="M613">
        <v>7.7995222346063757</v>
      </c>
      <c r="N613">
        <v>11</v>
      </c>
      <c r="O613">
        <v>1</v>
      </c>
      <c r="P613">
        <v>10</v>
      </c>
      <c r="Q613">
        <v>1.842774426318581</v>
      </c>
      <c r="R613">
        <v>5.4062168466320104</v>
      </c>
      <c r="S613">
        <v>2</v>
      </c>
      <c r="T613">
        <v>1</v>
      </c>
      <c r="U613">
        <v>1</v>
      </c>
      <c r="V613">
        <v>6.5128369974102915E-2</v>
      </c>
      <c r="W613">
        <v>6.8431859247920164</v>
      </c>
      <c r="X613">
        <v>1</v>
      </c>
      <c r="Y613">
        <v>1</v>
      </c>
      <c r="Z613">
        <v>0</v>
      </c>
      <c r="AA613">
        <v>0</v>
      </c>
      <c r="AB613">
        <v>6.8480052745763658</v>
      </c>
      <c r="AC613">
        <v>1</v>
      </c>
      <c r="AD613">
        <v>1</v>
      </c>
      <c r="AE613">
        <v>0</v>
      </c>
      <c r="AF613">
        <v>0</v>
      </c>
      <c r="AG613">
        <v>6.8469431395853793</v>
      </c>
      <c r="AH613">
        <v>1.268134661436356E-2</v>
      </c>
      <c r="AI613">
        <v>2.090988107282284E-2</v>
      </c>
      <c r="AJ613">
        <v>1.394602011950327E-2</v>
      </c>
      <c r="AK613">
        <v>2.701361610321679E-2</v>
      </c>
      <c r="AL613">
        <v>2104.4989407601179</v>
      </c>
      <c r="AM613">
        <v>3964.3646664175012</v>
      </c>
      <c r="AN613">
        <v>119295</v>
      </c>
      <c r="AO613">
        <v>143.57454749921229</v>
      </c>
      <c r="AP613">
        <v>1879.535724035419</v>
      </c>
      <c r="AQ613">
        <v>1.0243644067796609</v>
      </c>
      <c r="AR613">
        <v>3.9523305084745761</v>
      </c>
      <c r="AS613">
        <v>940</v>
      </c>
      <c r="AT613">
        <v>228.4406779661017</v>
      </c>
      <c r="AU613">
        <v>1.9499833831837728E-2</v>
      </c>
      <c r="AV613">
        <v>1.2713157860297541E-2</v>
      </c>
      <c r="AW613">
        <v>0.37817796610169491</v>
      </c>
      <c r="AX613">
        <v>82.777306468716858</v>
      </c>
      <c r="AY613">
        <v>63.5</v>
      </c>
      <c r="AZ613">
        <v>127.5</v>
      </c>
      <c r="BA613">
        <v>0.57989530916501342</v>
      </c>
      <c r="BB613">
        <v>0.49364406779661019</v>
      </c>
      <c r="BC613">
        <v>5.2023272310025712</v>
      </c>
      <c r="BD613" t="s">
        <v>2396</v>
      </c>
      <c r="BE613" t="s">
        <v>62</v>
      </c>
    </row>
    <row r="614" spans="1:57" x14ac:dyDescent="0.3">
      <c r="A614" t="s">
        <v>2397</v>
      </c>
      <c r="B614">
        <v>154</v>
      </c>
      <c r="C614" t="s">
        <v>2398</v>
      </c>
      <c r="D614" t="s">
        <v>2399</v>
      </c>
      <c r="E614" t="s">
        <v>60</v>
      </c>
      <c r="F614">
        <v>256</v>
      </c>
      <c r="G614">
        <v>127.33203125</v>
      </c>
      <c r="H614">
        <v>125.5</v>
      </c>
      <c r="I614">
        <v>5490.5499114990234</v>
      </c>
      <c r="J614">
        <v>74.098244996079515</v>
      </c>
      <c r="K614">
        <v>-1.5286493135005901E-2</v>
      </c>
      <c r="L614">
        <v>-1.207972464740793</v>
      </c>
      <c r="M614">
        <v>7.1779580937061898</v>
      </c>
      <c r="N614">
        <v>5</v>
      </c>
      <c r="O614">
        <v>1</v>
      </c>
      <c r="P614">
        <v>4</v>
      </c>
      <c r="Q614">
        <v>0.82126137573896996</v>
      </c>
      <c r="R614">
        <v>4.9753814148298847</v>
      </c>
      <c r="S614">
        <v>2</v>
      </c>
      <c r="T614">
        <v>1</v>
      </c>
      <c r="U614">
        <v>1</v>
      </c>
      <c r="V614">
        <v>6.2621943781838052E-2</v>
      </c>
      <c r="W614">
        <v>5.5358270966834446</v>
      </c>
      <c r="X614">
        <v>1</v>
      </c>
      <c r="Y614">
        <v>1</v>
      </c>
      <c r="Z614">
        <v>0</v>
      </c>
      <c r="AA614">
        <v>0</v>
      </c>
      <c r="AB614">
        <v>5.5373342670185366</v>
      </c>
      <c r="AC614">
        <v>1</v>
      </c>
      <c r="AD614">
        <v>1</v>
      </c>
      <c r="AE614">
        <v>0</v>
      </c>
      <c r="AF614">
        <v>0</v>
      </c>
      <c r="AG614">
        <v>5.5333894887275203</v>
      </c>
      <c r="AH614">
        <v>4.206366990926743E-2</v>
      </c>
      <c r="AI614">
        <v>-9.2845268860052427E-2</v>
      </c>
      <c r="AJ614">
        <v>4.8918343406192888E-2</v>
      </c>
      <c r="AK614">
        <v>4.6884669727610843E-2</v>
      </c>
      <c r="AL614">
        <v>1191.8240818795559</v>
      </c>
      <c r="AM614">
        <v>2033.6613183743141</v>
      </c>
      <c r="AN614">
        <v>32597</v>
      </c>
      <c r="AO614">
        <v>70.70420395004551</v>
      </c>
      <c r="AP614">
        <v>1109.2440605495019</v>
      </c>
      <c r="AQ614">
        <v>1.08984375</v>
      </c>
      <c r="AR614">
        <v>4.09375</v>
      </c>
      <c r="AS614">
        <v>256</v>
      </c>
      <c r="AT614">
        <v>70</v>
      </c>
      <c r="AU614">
        <v>2.3912377450980401E-2</v>
      </c>
      <c r="AV614">
        <v>4.2131686784926473E-2</v>
      </c>
      <c r="AW614">
        <v>0.359375</v>
      </c>
      <c r="AX614">
        <v>83.772549019607837</v>
      </c>
      <c r="AY614">
        <v>63.5</v>
      </c>
      <c r="AZ614">
        <v>128.5</v>
      </c>
      <c r="BA614">
        <v>0.58192934070608815</v>
      </c>
      <c r="BB614">
        <v>0.49609375</v>
      </c>
      <c r="BC614">
        <v>4.8131364883287571</v>
      </c>
      <c r="BD614" t="s">
        <v>2400</v>
      </c>
      <c r="BE614" t="s">
        <v>62</v>
      </c>
    </row>
    <row r="615" spans="1:57" x14ac:dyDescent="0.3">
      <c r="A615" t="s">
        <v>2401</v>
      </c>
      <c r="B615">
        <v>3413</v>
      </c>
      <c r="C615" t="s">
        <v>2402</v>
      </c>
      <c r="D615" t="s">
        <v>2403</v>
      </c>
      <c r="E615" t="s">
        <v>115</v>
      </c>
      <c r="F615">
        <v>3456</v>
      </c>
      <c r="G615">
        <v>125.2421875</v>
      </c>
      <c r="H615">
        <v>126</v>
      </c>
      <c r="I615">
        <v>5490.5197595666959</v>
      </c>
      <c r="J615">
        <v>74.098041536647216</v>
      </c>
      <c r="K615">
        <v>1.4365541078627069E-2</v>
      </c>
      <c r="L615">
        <v>-1.197109927671469</v>
      </c>
      <c r="M615">
        <v>7.9476821991403019</v>
      </c>
      <c r="N615">
        <v>24</v>
      </c>
      <c r="O615">
        <v>6</v>
      </c>
      <c r="P615">
        <v>18</v>
      </c>
      <c r="Q615">
        <v>3.619608058892565</v>
      </c>
      <c r="R615">
        <v>5.5089135083205623</v>
      </c>
      <c r="S615">
        <v>2</v>
      </c>
      <c r="T615">
        <v>1</v>
      </c>
      <c r="U615">
        <v>1</v>
      </c>
      <c r="V615">
        <v>0.1443257559093746</v>
      </c>
      <c r="W615">
        <v>8.1186882444505013</v>
      </c>
      <c r="X615">
        <v>1</v>
      </c>
      <c r="Y615">
        <v>1</v>
      </c>
      <c r="Z615">
        <v>0</v>
      </c>
      <c r="AA615">
        <v>0</v>
      </c>
      <c r="AB615">
        <v>8.147288258706622</v>
      </c>
      <c r="AC615">
        <v>1</v>
      </c>
      <c r="AD615">
        <v>1</v>
      </c>
      <c r="AE615">
        <v>0</v>
      </c>
      <c r="AF615">
        <v>0</v>
      </c>
      <c r="AG615">
        <v>8.1469986973899946</v>
      </c>
      <c r="AH615">
        <v>2.590287857761546E-3</v>
      </c>
      <c r="AI615">
        <v>1.8031219380000348E-2</v>
      </c>
      <c r="AJ615">
        <v>-9.9851727344833427E-3</v>
      </c>
      <c r="AK615">
        <v>5.5740638728232726E-3</v>
      </c>
      <c r="AL615">
        <v>3984.2196038862312</v>
      </c>
      <c r="AM615">
        <v>7570.3819684351884</v>
      </c>
      <c r="AN615">
        <v>432837</v>
      </c>
      <c r="AO615">
        <v>65.818110297548657</v>
      </c>
      <c r="AP615">
        <v>3613.8873646613902</v>
      </c>
      <c r="AQ615">
        <v>1.006655092592593</v>
      </c>
      <c r="AR615">
        <v>3.9719328703703698</v>
      </c>
      <c r="AS615">
        <v>3441</v>
      </c>
      <c r="AT615">
        <v>248.44444444444451</v>
      </c>
      <c r="AU615">
        <v>1.7895561002178709E-2</v>
      </c>
      <c r="AV615">
        <v>2.5907031173779999E-3</v>
      </c>
      <c r="AW615">
        <v>0.36574074074074081</v>
      </c>
      <c r="AX615">
        <v>85.480173661360354</v>
      </c>
      <c r="AY615">
        <v>64</v>
      </c>
      <c r="AZ615">
        <v>128</v>
      </c>
      <c r="BA615">
        <v>0.59163803360307177</v>
      </c>
      <c r="BB615">
        <v>0.50173611111111116</v>
      </c>
      <c r="BC615">
        <v>5.3173723076174619</v>
      </c>
      <c r="BD615" t="s">
        <v>2404</v>
      </c>
      <c r="BE615" t="s">
        <v>62</v>
      </c>
    </row>
    <row r="616" spans="1:57" x14ac:dyDescent="0.3">
      <c r="A616" t="s">
        <v>2405</v>
      </c>
      <c r="B616">
        <v>2546</v>
      </c>
      <c r="C616" t="s">
        <v>2406</v>
      </c>
      <c r="D616" t="s">
        <v>2407</v>
      </c>
      <c r="E616" t="s">
        <v>85</v>
      </c>
      <c r="F616">
        <v>8</v>
      </c>
      <c r="G616">
        <v>112</v>
      </c>
      <c r="H616">
        <v>112</v>
      </c>
      <c r="I616">
        <v>6347.5</v>
      </c>
      <c r="J616">
        <v>79.671199313177155</v>
      </c>
      <c r="K616">
        <v>2.6911512415522969E-2</v>
      </c>
      <c r="L616">
        <v>-1.790123615512925</v>
      </c>
      <c r="M616">
        <v>2.75</v>
      </c>
      <c r="N616">
        <v>2</v>
      </c>
      <c r="O616">
        <v>1</v>
      </c>
      <c r="P616">
        <v>1</v>
      </c>
      <c r="Q616">
        <v>0.34992710611188271</v>
      </c>
      <c r="R616">
        <v>1.9061547465398501</v>
      </c>
      <c r="S616">
        <v>1</v>
      </c>
      <c r="T616">
        <v>1</v>
      </c>
      <c r="U616">
        <v>0</v>
      </c>
      <c r="V616">
        <v>0</v>
      </c>
      <c r="W616">
        <v>1.945910149055313</v>
      </c>
      <c r="X616">
        <v>1</v>
      </c>
      <c r="Y616">
        <v>1</v>
      </c>
      <c r="Z616">
        <v>0</v>
      </c>
      <c r="AA616">
        <v>0</v>
      </c>
      <c r="AB616">
        <v>1.791759469228055</v>
      </c>
      <c r="AC616">
        <v>1</v>
      </c>
      <c r="AD616">
        <v>1</v>
      </c>
      <c r="AE616">
        <v>0</v>
      </c>
      <c r="AF616">
        <v>0</v>
      </c>
      <c r="AG616">
        <v>1.6094379124341009</v>
      </c>
      <c r="AH616">
        <v>-0.31536037810161482</v>
      </c>
      <c r="AI616">
        <v>-5.3721937770775899E-2</v>
      </c>
      <c r="AJ616">
        <v>-0.3588420638046475</v>
      </c>
      <c r="AK616">
        <v>0</v>
      </c>
      <c r="AL616">
        <v>315.95942932260027</v>
      </c>
      <c r="AM616">
        <v>226.49865125897941</v>
      </c>
      <c r="AN616">
        <v>896</v>
      </c>
      <c r="AO616">
        <v>163.40535743052919</v>
      </c>
      <c r="AP616">
        <v>237.21617992993589</v>
      </c>
      <c r="AQ616">
        <v>3.5</v>
      </c>
      <c r="AR616">
        <v>3.375</v>
      </c>
      <c r="AS616">
        <v>8</v>
      </c>
      <c r="AT616">
        <v>0.74999999999999978</v>
      </c>
      <c r="AU616">
        <v>0.28082191780821919</v>
      </c>
      <c r="AV616">
        <v>-0.36386377472184761</v>
      </c>
      <c r="AW616">
        <v>0.375</v>
      </c>
      <c r="AX616">
        <v>108.4285714285714</v>
      </c>
      <c r="AY616">
        <v>79</v>
      </c>
      <c r="AZ616">
        <v>152.25</v>
      </c>
      <c r="BA616">
        <v>0.71134999386765319</v>
      </c>
      <c r="BB616">
        <v>0.5</v>
      </c>
      <c r="BC616">
        <v>1.945910149055313</v>
      </c>
      <c r="BD616" t="s">
        <v>2406</v>
      </c>
      <c r="BE616" t="s">
        <v>68</v>
      </c>
    </row>
    <row r="617" spans="1:57" x14ac:dyDescent="0.3">
      <c r="A617" t="s">
        <v>2408</v>
      </c>
      <c r="B617">
        <v>1264</v>
      </c>
      <c r="C617" t="s">
        <v>2409</v>
      </c>
      <c r="D617" t="s">
        <v>2410</v>
      </c>
      <c r="E617" t="s">
        <v>106</v>
      </c>
      <c r="F617">
        <v>1286</v>
      </c>
      <c r="G617">
        <v>122.6438569206843</v>
      </c>
      <c r="H617">
        <v>123</v>
      </c>
      <c r="I617">
        <v>5415.7518557306948</v>
      </c>
      <c r="J617">
        <v>73.591792040489779</v>
      </c>
      <c r="K617">
        <v>2.977091362058058E-2</v>
      </c>
      <c r="L617">
        <v>-1.203186784512956</v>
      </c>
      <c r="M617">
        <v>7.8632263551406512</v>
      </c>
      <c r="N617">
        <v>11</v>
      </c>
      <c r="O617">
        <v>1</v>
      </c>
      <c r="P617">
        <v>10</v>
      </c>
      <c r="Q617">
        <v>2.1358723472140722</v>
      </c>
      <c r="R617">
        <v>5.4503731781703859</v>
      </c>
      <c r="S617">
        <v>2</v>
      </c>
      <c r="T617">
        <v>1</v>
      </c>
      <c r="U617">
        <v>1</v>
      </c>
      <c r="V617">
        <v>0.1115768007591985</v>
      </c>
      <c r="W617">
        <v>7.1412527445838574</v>
      </c>
      <c r="X617">
        <v>1</v>
      </c>
      <c r="Y617">
        <v>1</v>
      </c>
      <c r="Z617">
        <v>0</v>
      </c>
      <c r="AA617">
        <v>0</v>
      </c>
      <c r="AB617">
        <v>7.1577354842499048</v>
      </c>
      <c r="AC617">
        <v>1</v>
      </c>
      <c r="AD617">
        <v>1</v>
      </c>
      <c r="AE617">
        <v>0</v>
      </c>
      <c r="AF617">
        <v>0</v>
      </c>
      <c r="AG617">
        <v>7.1569563646156356</v>
      </c>
      <c r="AH617">
        <v>-2.680435842575012E-2</v>
      </c>
      <c r="AI617">
        <v>-3.8061810582864272E-2</v>
      </c>
      <c r="AJ617">
        <v>-6.6656875659301738E-4</v>
      </c>
      <c r="AK617">
        <v>-8.9663232502625132E-4</v>
      </c>
      <c r="AL617">
        <v>2468.5497532994832</v>
      </c>
      <c r="AM617">
        <v>4496.0324860353321</v>
      </c>
      <c r="AN617">
        <v>157719.99999999991</v>
      </c>
      <c r="AO617">
        <v>21.999999999999091</v>
      </c>
      <c r="AP617">
        <v>2255.7955141851139</v>
      </c>
      <c r="AQ617">
        <v>1.017884914463453</v>
      </c>
      <c r="AR617">
        <v>3.946345256609642</v>
      </c>
      <c r="AS617">
        <v>1281</v>
      </c>
      <c r="AT617">
        <v>232.48211508553661</v>
      </c>
      <c r="AU617">
        <v>3.307413167444273E-2</v>
      </c>
      <c r="AV617">
        <v>-2.681122807506504E-2</v>
      </c>
      <c r="AW617">
        <v>0.36314152410575429</v>
      </c>
      <c r="AX617">
        <v>86.526070038910504</v>
      </c>
      <c r="AY617">
        <v>64</v>
      </c>
      <c r="AZ617">
        <v>127.75</v>
      </c>
      <c r="BA617">
        <v>0.60004466500171105</v>
      </c>
      <c r="BB617">
        <v>0.50311041990668737</v>
      </c>
      <c r="BC617">
        <v>5.2507326706598842</v>
      </c>
      <c r="BD617" t="s">
        <v>2411</v>
      </c>
      <c r="BE617" t="s">
        <v>68</v>
      </c>
    </row>
    <row r="618" spans="1:57" x14ac:dyDescent="0.3">
      <c r="A618" t="s">
        <v>2412</v>
      </c>
      <c r="B618">
        <v>133</v>
      </c>
      <c r="C618" t="s">
        <v>2413</v>
      </c>
      <c r="D618" t="s">
        <v>2414</v>
      </c>
      <c r="E618" t="s">
        <v>60</v>
      </c>
      <c r="F618">
        <v>256</v>
      </c>
      <c r="G618">
        <v>129.9140625</v>
      </c>
      <c r="H618">
        <v>126</v>
      </c>
      <c r="I618">
        <v>5251.2894897460938</v>
      </c>
      <c r="J618">
        <v>72.465781509248174</v>
      </c>
      <c r="K618">
        <v>-2.8718539536543249E-2</v>
      </c>
      <c r="L618">
        <v>-1.179327215999368</v>
      </c>
      <c r="M618">
        <v>7.2210032109274938</v>
      </c>
      <c r="N618">
        <v>5</v>
      </c>
      <c r="O618">
        <v>1</v>
      </c>
      <c r="P618">
        <v>4</v>
      </c>
      <c r="Q618">
        <v>0.80882322626014413</v>
      </c>
      <c r="R618">
        <v>5.005218016468703</v>
      </c>
      <c r="S618">
        <v>1</v>
      </c>
      <c r="T618">
        <v>1</v>
      </c>
      <c r="U618">
        <v>0</v>
      </c>
      <c r="V618">
        <v>0</v>
      </c>
      <c r="W618">
        <v>5.541263545158424</v>
      </c>
      <c r="X618">
        <v>1</v>
      </c>
      <c r="Y618">
        <v>1</v>
      </c>
      <c r="Z618">
        <v>0</v>
      </c>
      <c r="AA618">
        <v>0</v>
      </c>
      <c r="AB618">
        <v>5.5373342670185366</v>
      </c>
      <c r="AC618">
        <v>1</v>
      </c>
      <c r="AD618">
        <v>1</v>
      </c>
      <c r="AE618">
        <v>0</v>
      </c>
      <c r="AF618">
        <v>0</v>
      </c>
      <c r="AG618">
        <v>5.5333894887275203</v>
      </c>
      <c r="AH618">
        <v>-2.203812515329865E-2</v>
      </c>
      <c r="AI618">
        <v>2.6942776165544208E-2</v>
      </c>
      <c r="AJ618">
        <v>-9.55349035865935E-3</v>
      </c>
      <c r="AK618">
        <v>-1.5904398185709989E-2</v>
      </c>
      <c r="AL618">
        <v>1151.0880419573109</v>
      </c>
      <c r="AM618">
        <v>2083.2686623819991</v>
      </c>
      <c r="AN618">
        <v>33258</v>
      </c>
      <c r="AO618">
        <v>106.92845027420709</v>
      </c>
      <c r="AP618">
        <v>940.84151567978847</v>
      </c>
      <c r="AQ618">
        <v>1.08984375</v>
      </c>
      <c r="AR618">
        <v>4.0703125</v>
      </c>
      <c r="AS618">
        <v>252</v>
      </c>
      <c r="AT618">
        <v>72.125</v>
      </c>
      <c r="AU618">
        <v>4.1369340551181077E-2</v>
      </c>
      <c r="AV618">
        <v>-2.2076363590188951E-2</v>
      </c>
      <c r="AW618">
        <v>0.390625</v>
      </c>
      <c r="AX618">
        <v>83.862745098039213</v>
      </c>
      <c r="AY618">
        <v>61.5</v>
      </c>
      <c r="AZ618">
        <v>118.5</v>
      </c>
      <c r="BA618">
        <v>0.55779782507569708</v>
      </c>
      <c r="BB618">
        <v>0.484375</v>
      </c>
      <c r="BC618">
        <v>4.8608457244590522</v>
      </c>
      <c r="BD618" t="s">
        <v>2415</v>
      </c>
      <c r="BE618" t="s">
        <v>62</v>
      </c>
    </row>
    <row r="619" spans="1:57" x14ac:dyDescent="0.3">
      <c r="A619" t="s">
        <v>2416</v>
      </c>
      <c r="B619">
        <v>2310</v>
      </c>
      <c r="C619" t="s">
        <v>2417</v>
      </c>
      <c r="D619" t="s">
        <v>2418</v>
      </c>
      <c r="E619" t="s">
        <v>10622</v>
      </c>
      <c r="F619">
        <v>64</v>
      </c>
      <c r="G619">
        <v>124.296875</v>
      </c>
      <c r="H619">
        <v>122</v>
      </c>
      <c r="I619">
        <v>5807.927490234375</v>
      </c>
      <c r="J619">
        <v>76.209759809583275</v>
      </c>
      <c r="K619">
        <v>4.7222192730349007E-2</v>
      </c>
      <c r="L619">
        <v>-1.3639881162083309</v>
      </c>
      <c r="M619">
        <v>5.90625</v>
      </c>
      <c r="N619">
        <v>2</v>
      </c>
      <c r="O619">
        <v>1</v>
      </c>
      <c r="P619">
        <v>1</v>
      </c>
      <c r="Q619">
        <v>0.2162443599716872</v>
      </c>
      <c r="R619">
        <v>4.0939005351821782</v>
      </c>
      <c r="S619">
        <v>1</v>
      </c>
      <c r="T619">
        <v>1</v>
      </c>
      <c r="U619">
        <v>0</v>
      </c>
      <c r="V619">
        <v>0</v>
      </c>
      <c r="W619">
        <v>4.1431347263915326</v>
      </c>
      <c r="X619">
        <v>1</v>
      </c>
      <c r="Y619">
        <v>1</v>
      </c>
      <c r="Z619">
        <v>0</v>
      </c>
      <c r="AA619">
        <v>0</v>
      </c>
      <c r="AB619">
        <v>4.1271343850450908</v>
      </c>
      <c r="AC619">
        <v>1</v>
      </c>
      <c r="AD619">
        <v>1</v>
      </c>
      <c r="AE619">
        <v>0</v>
      </c>
      <c r="AF619">
        <v>0</v>
      </c>
      <c r="AG619">
        <v>4.1108738641733096</v>
      </c>
      <c r="AH619">
        <v>3.5424429751336223E-2</v>
      </c>
      <c r="AI619">
        <v>9.2617263786687713E-3</v>
      </c>
      <c r="AJ619">
        <v>-9.8872016848477615E-2</v>
      </c>
      <c r="AK619">
        <v>0.16176597398676071</v>
      </c>
      <c r="AL619">
        <v>672.87783923765733</v>
      </c>
      <c r="AM619">
        <v>952.7457234030818</v>
      </c>
      <c r="AN619">
        <v>7955</v>
      </c>
      <c r="AO619">
        <v>119</v>
      </c>
      <c r="AP619">
        <v>485.82597441961462</v>
      </c>
      <c r="AQ619">
        <v>1.359375</v>
      </c>
      <c r="AR619">
        <v>3.984375</v>
      </c>
      <c r="AS619">
        <v>64</v>
      </c>
      <c r="AT619">
        <v>2.71875</v>
      </c>
      <c r="AU619">
        <v>0.1044117647058824</v>
      </c>
      <c r="AV619">
        <v>3.5779534515859621E-2</v>
      </c>
      <c r="AW619">
        <v>0.34375</v>
      </c>
      <c r="AX619">
        <v>84.825396825396822</v>
      </c>
      <c r="AY619">
        <v>71</v>
      </c>
      <c r="AZ619">
        <v>138.5</v>
      </c>
      <c r="BA619">
        <v>0.6131269173869679</v>
      </c>
      <c r="BB619">
        <v>0.5</v>
      </c>
      <c r="BC619">
        <v>4.046810510705118</v>
      </c>
      <c r="BD619" t="s">
        <v>2419</v>
      </c>
      <c r="BE619" t="s">
        <v>62</v>
      </c>
    </row>
    <row r="620" spans="1:57" x14ac:dyDescent="0.3">
      <c r="A620" t="s">
        <v>2420</v>
      </c>
      <c r="B620">
        <v>1015</v>
      </c>
      <c r="C620" t="s">
        <v>2421</v>
      </c>
      <c r="D620" t="s">
        <v>2422</v>
      </c>
      <c r="E620" t="s">
        <v>72</v>
      </c>
      <c r="F620">
        <v>1024</v>
      </c>
      <c r="G620">
        <v>125.8349609375</v>
      </c>
      <c r="H620">
        <v>124.5</v>
      </c>
      <c r="I620">
        <v>5415.0831136703491</v>
      </c>
      <c r="J620">
        <v>73.587248308863607</v>
      </c>
      <c r="K620">
        <v>1.8734659227424569E-2</v>
      </c>
      <c r="L620">
        <v>-1.218235907631799</v>
      </c>
      <c r="M620">
        <v>7.8335977076567787</v>
      </c>
      <c r="N620">
        <v>10</v>
      </c>
      <c r="O620">
        <v>1</v>
      </c>
      <c r="P620">
        <v>9</v>
      </c>
      <c r="Q620">
        <v>1.8258473911607189</v>
      </c>
      <c r="R620">
        <v>5.4298361647031523</v>
      </c>
      <c r="S620">
        <v>2</v>
      </c>
      <c r="T620">
        <v>1</v>
      </c>
      <c r="U620">
        <v>1</v>
      </c>
      <c r="V620">
        <v>9.3792115290812786E-2</v>
      </c>
      <c r="W620">
        <v>6.9182986278772578</v>
      </c>
      <c r="X620">
        <v>1</v>
      </c>
      <c r="Y620">
        <v>1</v>
      </c>
      <c r="Z620">
        <v>0</v>
      </c>
      <c r="AA620">
        <v>0</v>
      </c>
      <c r="AB620">
        <v>6.9295167707636471</v>
      </c>
      <c r="AC620">
        <v>1</v>
      </c>
      <c r="AD620">
        <v>1</v>
      </c>
      <c r="AE620">
        <v>0</v>
      </c>
      <c r="AF620">
        <v>0</v>
      </c>
      <c r="AG620">
        <v>6.9285378181646644</v>
      </c>
      <c r="AH620">
        <v>5.6674850163432088E-3</v>
      </c>
      <c r="AI620">
        <v>3.6766706514500723E-2</v>
      </c>
      <c r="AJ620">
        <v>-2.7940722073462851E-4</v>
      </c>
      <c r="AK620">
        <v>3.813665843270872E-2</v>
      </c>
      <c r="AL620">
        <v>2222.073307646755</v>
      </c>
      <c r="AM620">
        <v>4101.4508671254134</v>
      </c>
      <c r="AN620">
        <v>128855</v>
      </c>
      <c r="AO620">
        <v>144.86082912954859</v>
      </c>
      <c r="AP620">
        <v>2003.745294681501</v>
      </c>
      <c r="AQ620">
        <v>1.0224609375</v>
      </c>
      <c r="AR620">
        <v>3.9931640625</v>
      </c>
      <c r="AS620">
        <v>1022</v>
      </c>
      <c r="AT620">
        <v>208.38671875</v>
      </c>
      <c r="AU620">
        <v>1.6909141240157469E-2</v>
      </c>
      <c r="AV620">
        <v>5.6678000746665071E-3</v>
      </c>
      <c r="AW620">
        <v>0.380859375</v>
      </c>
      <c r="AX620">
        <v>84.725317693059623</v>
      </c>
      <c r="AY620">
        <v>63.5</v>
      </c>
      <c r="AZ620">
        <v>127</v>
      </c>
      <c r="BA620">
        <v>0.58479176025979851</v>
      </c>
      <c r="BB620">
        <v>0.49609375</v>
      </c>
      <c r="BC620">
        <v>5.2198968865902584</v>
      </c>
      <c r="BD620" t="s">
        <v>2423</v>
      </c>
      <c r="BE620" t="s">
        <v>62</v>
      </c>
    </row>
    <row r="621" spans="1:57" x14ac:dyDescent="0.3">
      <c r="A621" t="s">
        <v>2424</v>
      </c>
      <c r="B621">
        <v>1358</v>
      </c>
      <c r="C621" t="s">
        <v>2425</v>
      </c>
      <c r="D621" t="s">
        <v>2426</v>
      </c>
      <c r="E621" t="s">
        <v>98</v>
      </c>
      <c r="F621">
        <v>16</v>
      </c>
      <c r="G621">
        <v>142.3125</v>
      </c>
      <c r="H621">
        <v>134</v>
      </c>
      <c r="I621">
        <v>4117.71484375</v>
      </c>
      <c r="J621">
        <v>64.169422965692931</v>
      </c>
      <c r="K621">
        <v>0.1094984392787392</v>
      </c>
      <c r="L621">
        <v>-1.153253314201796</v>
      </c>
      <c r="M621">
        <v>3.875</v>
      </c>
      <c r="N621">
        <v>2</v>
      </c>
      <c r="O621">
        <v>1</v>
      </c>
      <c r="P621">
        <v>1</v>
      </c>
      <c r="Q621">
        <v>0.24944382578492949</v>
      </c>
      <c r="R621">
        <v>2.6859453246697882</v>
      </c>
      <c r="S621">
        <v>1</v>
      </c>
      <c r="T621">
        <v>1</v>
      </c>
      <c r="U621">
        <v>0</v>
      </c>
      <c r="V621">
        <v>0</v>
      </c>
      <c r="W621">
        <v>2.7080502011022101</v>
      </c>
      <c r="X621">
        <v>1</v>
      </c>
      <c r="Y621">
        <v>1</v>
      </c>
      <c r="Z621">
        <v>0</v>
      </c>
      <c r="AA621">
        <v>0</v>
      </c>
      <c r="AB621">
        <v>2.639057329615258</v>
      </c>
      <c r="AC621">
        <v>1</v>
      </c>
      <c r="AD621">
        <v>1</v>
      </c>
      <c r="AE621">
        <v>0</v>
      </c>
      <c r="AF621">
        <v>0</v>
      </c>
      <c r="AG621">
        <v>2.5649493574615372</v>
      </c>
      <c r="AH621">
        <v>-8.2339133507567816E-2</v>
      </c>
      <c r="AI621">
        <v>-0.21509875395466421</v>
      </c>
      <c r="AJ621">
        <v>-0.15155820886319121</v>
      </c>
      <c r="AK621">
        <v>0.17707729560255561</v>
      </c>
      <c r="AL621">
        <v>374.99644625891523</v>
      </c>
      <c r="AM621">
        <v>499.3061839124212</v>
      </c>
      <c r="AN621">
        <v>2277</v>
      </c>
      <c r="AO621">
        <v>78.610145821247855</v>
      </c>
      <c r="AP621">
        <v>266.68576750863872</v>
      </c>
      <c r="AQ621">
        <v>2.3125</v>
      </c>
      <c r="AR621">
        <v>4.4375</v>
      </c>
      <c r="AS621">
        <v>16</v>
      </c>
      <c r="AT621">
        <v>0.87499999999999989</v>
      </c>
      <c r="AU621">
        <v>0.15688775510204081</v>
      </c>
      <c r="AV621">
        <v>-0.10659253174010069</v>
      </c>
      <c r="AW621">
        <v>0.375</v>
      </c>
      <c r="AX621">
        <v>81.599999999999994</v>
      </c>
      <c r="AY621">
        <v>51.5</v>
      </c>
      <c r="AZ621">
        <v>109.25</v>
      </c>
      <c r="BA621">
        <v>0.45090503621040268</v>
      </c>
      <c r="BB621">
        <v>0.4375</v>
      </c>
      <c r="BC621">
        <v>2.615630577027551</v>
      </c>
      <c r="BD621" t="s">
        <v>2425</v>
      </c>
      <c r="BE621" t="s">
        <v>62</v>
      </c>
    </row>
    <row r="622" spans="1:57" x14ac:dyDescent="0.3">
      <c r="A622" t="s">
        <v>2427</v>
      </c>
      <c r="B622">
        <v>528</v>
      </c>
      <c r="C622" t="s">
        <v>2428</v>
      </c>
      <c r="D622" t="s">
        <v>2429</v>
      </c>
      <c r="E622" t="s">
        <v>66</v>
      </c>
      <c r="F622">
        <v>72</v>
      </c>
      <c r="G622">
        <v>106.5694444444444</v>
      </c>
      <c r="H622">
        <v>86.5</v>
      </c>
      <c r="I622">
        <v>6619.217399691358</v>
      </c>
      <c r="J622">
        <v>81.358572994438376</v>
      </c>
      <c r="K622">
        <v>0.25932235370792739</v>
      </c>
      <c r="L622">
        <v>-1.4094601994138609</v>
      </c>
      <c r="M622">
        <v>5.832915799963283</v>
      </c>
      <c r="N622">
        <v>3</v>
      </c>
      <c r="O622">
        <v>1</v>
      </c>
      <c r="P622">
        <v>2</v>
      </c>
      <c r="Q622">
        <v>0.49615560493185418</v>
      </c>
      <c r="R622">
        <v>4.0430691411881039</v>
      </c>
      <c r="S622">
        <v>2</v>
      </c>
      <c r="T622">
        <v>1</v>
      </c>
      <c r="U622">
        <v>1</v>
      </c>
      <c r="V622">
        <v>0.16776575221435111</v>
      </c>
      <c r="W622">
        <v>4.2236293316576567</v>
      </c>
      <c r="X622">
        <v>2</v>
      </c>
      <c r="Y622">
        <v>1</v>
      </c>
      <c r="Z622">
        <v>1</v>
      </c>
      <c r="AA622">
        <v>0.11951030798891769</v>
      </c>
      <c r="AB622">
        <v>4.2286910368905044</v>
      </c>
      <c r="AC622">
        <v>1</v>
      </c>
      <c r="AD622">
        <v>1</v>
      </c>
      <c r="AE622">
        <v>0</v>
      </c>
      <c r="AF622">
        <v>0</v>
      </c>
      <c r="AG622">
        <v>4.2341065045972579</v>
      </c>
      <c r="AH622">
        <v>0.1056173055773081</v>
      </c>
      <c r="AI622">
        <v>5.1263948431682152E-2</v>
      </c>
      <c r="AJ622">
        <v>-1.944740598067184E-2</v>
      </c>
      <c r="AK622">
        <v>6.0660987718571452E-2</v>
      </c>
      <c r="AL622">
        <v>717.10325555598922</v>
      </c>
      <c r="AM622">
        <v>883.20661278717864</v>
      </c>
      <c r="AN622">
        <v>7673</v>
      </c>
      <c r="AO622">
        <v>63.000000000000071</v>
      </c>
      <c r="AP622">
        <v>547.03535126994075</v>
      </c>
      <c r="AQ622">
        <v>1.319444444444444</v>
      </c>
      <c r="AR622">
        <v>3.625</v>
      </c>
      <c r="AS622">
        <v>71</v>
      </c>
      <c r="AT622">
        <v>12.72222222222223</v>
      </c>
      <c r="AU622">
        <v>0.21151271753681389</v>
      </c>
      <c r="AV622">
        <v>0.10640763829766769</v>
      </c>
      <c r="AW622">
        <v>0.34722222222222221</v>
      </c>
      <c r="AX622">
        <v>86.690140845070417</v>
      </c>
      <c r="AY622">
        <v>71</v>
      </c>
      <c r="AZ622">
        <v>144</v>
      </c>
      <c r="BA622">
        <v>0.76343245869927845</v>
      </c>
      <c r="BB622">
        <v>0.47222222222222221</v>
      </c>
      <c r="BC622">
        <v>3.9941119477161382</v>
      </c>
      <c r="BD622" t="s">
        <v>2430</v>
      </c>
      <c r="BE622" t="s">
        <v>68</v>
      </c>
    </row>
    <row r="623" spans="1:57" x14ac:dyDescent="0.3">
      <c r="A623" t="s">
        <v>2431</v>
      </c>
      <c r="B623">
        <v>1708</v>
      </c>
      <c r="C623" t="s">
        <v>2432</v>
      </c>
      <c r="D623" t="s">
        <v>2433</v>
      </c>
      <c r="E623" t="s">
        <v>98</v>
      </c>
      <c r="F623">
        <v>16</v>
      </c>
      <c r="G623">
        <v>137.875</v>
      </c>
      <c r="H623">
        <v>150</v>
      </c>
      <c r="I623">
        <v>4902.984375</v>
      </c>
      <c r="J623">
        <v>70.021313719466875</v>
      </c>
      <c r="K623">
        <v>-0.34664282387695589</v>
      </c>
      <c r="L623">
        <v>-0.91848167075796638</v>
      </c>
      <c r="M623">
        <v>3.875</v>
      </c>
      <c r="N623">
        <v>2</v>
      </c>
      <c r="O623">
        <v>1</v>
      </c>
      <c r="P623">
        <v>1</v>
      </c>
      <c r="Q623">
        <v>0.24944382578492949</v>
      </c>
      <c r="R623">
        <v>2.6859453246697882</v>
      </c>
      <c r="S623">
        <v>1</v>
      </c>
      <c r="T623">
        <v>1</v>
      </c>
      <c r="U623">
        <v>0</v>
      </c>
      <c r="V623">
        <v>0</v>
      </c>
      <c r="W623">
        <v>2.7080502011022101</v>
      </c>
      <c r="X623">
        <v>1</v>
      </c>
      <c r="Y623">
        <v>1</v>
      </c>
      <c r="Z623">
        <v>0</v>
      </c>
      <c r="AA623">
        <v>0</v>
      </c>
      <c r="AB623">
        <v>2.639057329615258</v>
      </c>
      <c r="AC623">
        <v>1</v>
      </c>
      <c r="AD623">
        <v>1</v>
      </c>
      <c r="AE623">
        <v>0</v>
      </c>
      <c r="AF623">
        <v>0</v>
      </c>
      <c r="AG623">
        <v>2.5649493574615372</v>
      </c>
      <c r="AH623">
        <v>-0.4832071745206204</v>
      </c>
      <c r="AI623">
        <v>0.1373378299568821</v>
      </c>
      <c r="AJ623">
        <v>-4.4944923531904997E-2</v>
      </c>
      <c r="AK623">
        <v>-8.6282350354216664E-2</v>
      </c>
      <c r="AL623">
        <v>385.11348161872633</v>
      </c>
      <c r="AM623">
        <v>484.0326500097932</v>
      </c>
      <c r="AN623">
        <v>2206</v>
      </c>
      <c r="AO623">
        <v>79.985954272193197</v>
      </c>
      <c r="AP623">
        <v>298.39892619629887</v>
      </c>
      <c r="AQ623">
        <v>2.3125</v>
      </c>
      <c r="AR623">
        <v>4</v>
      </c>
      <c r="AS623">
        <v>15</v>
      </c>
      <c r="AT623">
        <v>0.87499999999999989</v>
      </c>
      <c r="AU623">
        <v>0.21495815899581591</v>
      </c>
      <c r="AV623">
        <v>-0.49932905786954579</v>
      </c>
      <c r="AW623">
        <v>0.25</v>
      </c>
      <c r="AX623">
        <v>102.26666666666669</v>
      </c>
      <c r="AY623">
        <v>48</v>
      </c>
      <c r="AZ623">
        <v>93.75</v>
      </c>
      <c r="BA623">
        <v>0.50786084293357658</v>
      </c>
      <c r="BB623">
        <v>0.625</v>
      </c>
      <c r="BC623">
        <v>2.7080502011022101</v>
      </c>
      <c r="BD623" t="s">
        <v>2432</v>
      </c>
      <c r="BE623" t="s">
        <v>62</v>
      </c>
    </row>
    <row r="624" spans="1:57" x14ac:dyDescent="0.3">
      <c r="A624" t="s">
        <v>2434</v>
      </c>
      <c r="B624">
        <v>134</v>
      </c>
      <c r="C624" t="s">
        <v>2435</v>
      </c>
      <c r="D624" t="s">
        <v>2436</v>
      </c>
      <c r="E624" t="s">
        <v>60</v>
      </c>
      <c r="F624">
        <v>512</v>
      </c>
      <c r="G624">
        <v>125.072265625</v>
      </c>
      <c r="H624">
        <v>119.5</v>
      </c>
      <c r="I624">
        <v>5576.3326683044434</v>
      </c>
      <c r="J624">
        <v>74.674846289124986</v>
      </c>
      <c r="K624">
        <v>7.3069431579769653E-2</v>
      </c>
      <c r="L624">
        <v>-1.1869780415462481</v>
      </c>
      <c r="M624">
        <v>7.5396505755404473</v>
      </c>
      <c r="N624">
        <v>7</v>
      </c>
      <c r="O624">
        <v>1</v>
      </c>
      <c r="P624">
        <v>6</v>
      </c>
      <c r="Q624">
        <v>1.3374422285383549</v>
      </c>
      <c r="R624">
        <v>5.2260875388430286</v>
      </c>
      <c r="S624">
        <v>2</v>
      </c>
      <c r="T624">
        <v>1</v>
      </c>
      <c r="U624">
        <v>1</v>
      </c>
      <c r="V624">
        <v>6.2560641760670568E-2</v>
      </c>
      <c r="W624">
        <v>6.2309437805711401</v>
      </c>
      <c r="X624">
        <v>1</v>
      </c>
      <c r="Y624">
        <v>1</v>
      </c>
      <c r="Z624">
        <v>0</v>
      </c>
      <c r="AA624">
        <v>0</v>
      </c>
      <c r="AB624">
        <v>6.2344107257183694</v>
      </c>
      <c r="AC624">
        <v>1</v>
      </c>
      <c r="AD624">
        <v>1</v>
      </c>
      <c r="AE624">
        <v>0</v>
      </c>
      <c r="AF624">
        <v>0</v>
      </c>
      <c r="AG624">
        <v>6.2324480165505216</v>
      </c>
      <c r="AH624">
        <v>-8.5370873608618822E-2</v>
      </c>
      <c r="AI624">
        <v>1.2466608863502589E-2</v>
      </c>
      <c r="AJ624">
        <v>8.3099444220611045E-3</v>
      </c>
      <c r="AK624">
        <v>8.160952436696664E-2</v>
      </c>
      <c r="AL624">
        <v>1598.3690443039361</v>
      </c>
      <c r="AM624">
        <v>2882.629250911556</v>
      </c>
      <c r="AN624">
        <v>64037</v>
      </c>
      <c r="AO624">
        <v>73.579225551548248</v>
      </c>
      <c r="AP624">
        <v>1398.909483791386</v>
      </c>
      <c r="AQ624">
        <v>1.044921875</v>
      </c>
      <c r="AR624">
        <v>3.96875</v>
      </c>
      <c r="AS624">
        <v>510</v>
      </c>
      <c r="AT624">
        <v>163</v>
      </c>
      <c r="AU624">
        <v>4.3236825980392142E-2</v>
      </c>
      <c r="AV624">
        <v>-8.5397756593165841E-2</v>
      </c>
      <c r="AW624">
        <v>0.400390625</v>
      </c>
      <c r="AX624">
        <v>91.567514677103716</v>
      </c>
      <c r="AY624">
        <v>62.5</v>
      </c>
      <c r="AZ624">
        <v>129</v>
      </c>
      <c r="BA624">
        <v>0.59705359870125074</v>
      </c>
      <c r="BB624">
        <v>0.47265625</v>
      </c>
      <c r="BC624">
        <v>5.1381188889428078</v>
      </c>
      <c r="BD624" t="s">
        <v>2437</v>
      </c>
      <c r="BE624" t="s">
        <v>62</v>
      </c>
    </row>
    <row r="625" spans="1:57" x14ac:dyDescent="0.3">
      <c r="A625" t="s">
        <v>2438</v>
      </c>
      <c r="B625">
        <v>2468</v>
      </c>
      <c r="C625" t="s">
        <v>2439</v>
      </c>
      <c r="D625" t="s">
        <v>2440</v>
      </c>
      <c r="E625" t="s">
        <v>128</v>
      </c>
      <c r="F625">
        <v>32</v>
      </c>
      <c r="G625">
        <v>140.09375</v>
      </c>
      <c r="H625">
        <v>149.5</v>
      </c>
      <c r="I625">
        <v>3875.8349609375</v>
      </c>
      <c r="J625">
        <v>62.256204196348968</v>
      </c>
      <c r="K625">
        <v>0.11399729686925759</v>
      </c>
      <c r="L625">
        <v>-1.089128358613668</v>
      </c>
      <c r="M625">
        <v>4.9375</v>
      </c>
      <c r="N625">
        <v>2</v>
      </c>
      <c r="O625">
        <v>1</v>
      </c>
      <c r="P625">
        <v>1</v>
      </c>
      <c r="Q625">
        <v>0.1766846959694085</v>
      </c>
      <c r="R625">
        <v>3.422414204014729</v>
      </c>
      <c r="S625">
        <v>1</v>
      </c>
      <c r="T625">
        <v>1</v>
      </c>
      <c r="U625">
        <v>0</v>
      </c>
      <c r="V625">
        <v>0</v>
      </c>
      <c r="W625">
        <v>3.4339872044851458</v>
      </c>
      <c r="X625">
        <v>1</v>
      </c>
      <c r="Y625">
        <v>1</v>
      </c>
      <c r="Z625">
        <v>0</v>
      </c>
      <c r="AA625">
        <v>0</v>
      </c>
      <c r="AB625">
        <v>3.401197381662155</v>
      </c>
      <c r="AC625">
        <v>1</v>
      </c>
      <c r="AD625">
        <v>1</v>
      </c>
      <c r="AE625">
        <v>0</v>
      </c>
      <c r="AF625">
        <v>0</v>
      </c>
      <c r="AG625">
        <v>3.3672958299864728</v>
      </c>
      <c r="AH625">
        <v>-0.26418432551705717</v>
      </c>
      <c r="AI625">
        <v>4.9692275857898573E-2</v>
      </c>
      <c r="AJ625">
        <v>0.15213117983650201</v>
      </c>
      <c r="AK625">
        <v>0.1315835895995193</v>
      </c>
      <c r="AL625">
        <v>424.91369306176159</v>
      </c>
      <c r="AM625">
        <v>755.98634475009874</v>
      </c>
      <c r="AN625">
        <v>4483</v>
      </c>
      <c r="AO625">
        <v>13.026689141615879</v>
      </c>
      <c r="AP625">
        <v>289.52571757038658</v>
      </c>
      <c r="AQ625">
        <v>1.71875</v>
      </c>
      <c r="AR625">
        <v>4.09375</v>
      </c>
      <c r="AS625">
        <v>32</v>
      </c>
      <c r="AT625">
        <v>0.93749999999999978</v>
      </c>
      <c r="AU625">
        <v>0.20060483870967741</v>
      </c>
      <c r="AV625">
        <v>-0.26754609667283591</v>
      </c>
      <c r="AW625">
        <v>0.4375</v>
      </c>
      <c r="AX625">
        <v>87.096774193548384</v>
      </c>
      <c r="AY625">
        <v>54</v>
      </c>
      <c r="AZ625">
        <v>95.5</v>
      </c>
      <c r="BA625">
        <v>0.44438959051598642</v>
      </c>
      <c r="BB625">
        <v>0.53125</v>
      </c>
      <c r="BC625">
        <v>3.2103913397883899</v>
      </c>
      <c r="BD625" t="s">
        <v>2441</v>
      </c>
      <c r="BE625" t="s">
        <v>62</v>
      </c>
    </row>
    <row r="626" spans="1:57" x14ac:dyDescent="0.3">
      <c r="A626" t="s">
        <v>2442</v>
      </c>
      <c r="B626">
        <v>824</v>
      </c>
      <c r="C626" t="s">
        <v>2443</v>
      </c>
      <c r="D626" t="s">
        <v>2444</v>
      </c>
      <c r="E626" t="s">
        <v>85</v>
      </c>
      <c r="F626">
        <v>8</v>
      </c>
      <c r="G626">
        <v>155</v>
      </c>
      <c r="H626">
        <v>147</v>
      </c>
      <c r="I626">
        <v>3210.5</v>
      </c>
      <c r="J626">
        <v>56.66127425323225</v>
      </c>
      <c r="K626">
        <v>0.41066505807861842</v>
      </c>
      <c r="L626">
        <v>-0.84897883519126616</v>
      </c>
      <c r="M626">
        <v>3</v>
      </c>
      <c r="N626">
        <v>1</v>
      </c>
      <c r="O626">
        <v>1</v>
      </c>
      <c r="P626">
        <v>0</v>
      </c>
      <c r="Q626">
        <v>0</v>
      </c>
      <c r="R626">
        <v>2.0794415416798362</v>
      </c>
      <c r="S626">
        <v>1</v>
      </c>
      <c r="T626">
        <v>1</v>
      </c>
      <c r="U626">
        <v>0</v>
      </c>
      <c r="V626">
        <v>0</v>
      </c>
      <c r="W626">
        <v>1.945910149055313</v>
      </c>
      <c r="X626">
        <v>1</v>
      </c>
      <c r="Y626">
        <v>1</v>
      </c>
      <c r="Z626">
        <v>0</v>
      </c>
      <c r="AA626">
        <v>0</v>
      </c>
      <c r="AB626">
        <v>1.791759469228055</v>
      </c>
      <c r="AC626">
        <v>1</v>
      </c>
      <c r="AD626">
        <v>1</v>
      </c>
      <c r="AE626">
        <v>0</v>
      </c>
      <c r="AF626">
        <v>0</v>
      </c>
      <c r="AG626">
        <v>1.6094379124341009</v>
      </c>
      <c r="AH626">
        <v>-0.35017909982868711</v>
      </c>
      <c r="AI626">
        <v>-0.51654726678087526</v>
      </c>
      <c r="AJ626">
        <v>-0.20615947671702231</v>
      </c>
      <c r="AK626">
        <v>0</v>
      </c>
      <c r="AL626">
        <v>284.09187732872579</v>
      </c>
      <c r="AM626">
        <v>370.37252224731822</v>
      </c>
      <c r="AN626">
        <v>1240</v>
      </c>
      <c r="AO626">
        <v>44.486465693406487</v>
      </c>
      <c r="AP626">
        <v>222.9101935087522</v>
      </c>
      <c r="AQ626">
        <v>3.5</v>
      </c>
      <c r="AR626">
        <v>4.25</v>
      </c>
      <c r="AS626">
        <v>8</v>
      </c>
      <c r="AT626">
        <v>0</v>
      </c>
      <c r="AU626">
        <v>0.3656862745098039</v>
      </c>
      <c r="AV626">
        <v>-0.36292331394938782</v>
      </c>
      <c r="AW626">
        <v>0.375</v>
      </c>
      <c r="AX626">
        <v>90.142857142857139</v>
      </c>
      <c r="AY626">
        <v>34.5</v>
      </c>
      <c r="AZ626">
        <v>68.25</v>
      </c>
      <c r="BA626">
        <v>0.36555660808536927</v>
      </c>
      <c r="BB626">
        <v>0.375</v>
      </c>
      <c r="BC626">
        <v>1.945910149055313</v>
      </c>
      <c r="BD626" t="s">
        <v>2443</v>
      </c>
      <c r="BE626" t="s">
        <v>68</v>
      </c>
    </row>
    <row r="627" spans="1:57" x14ac:dyDescent="0.3">
      <c r="A627" t="s">
        <v>2445</v>
      </c>
      <c r="B627">
        <v>1310</v>
      </c>
      <c r="C627" t="s">
        <v>2446</v>
      </c>
      <c r="D627" t="s">
        <v>2447</v>
      </c>
      <c r="E627" t="s">
        <v>10622</v>
      </c>
      <c r="F627">
        <v>64</v>
      </c>
      <c r="G627">
        <v>114.34375</v>
      </c>
      <c r="H627">
        <v>107.5</v>
      </c>
      <c r="I627">
        <v>4778.9443359375</v>
      </c>
      <c r="J627">
        <v>69.129909127218596</v>
      </c>
      <c r="K627">
        <v>0.33773640970020569</v>
      </c>
      <c r="L627">
        <v>-0.91069912069954961</v>
      </c>
      <c r="M627">
        <v>5.84375</v>
      </c>
      <c r="N627">
        <v>2</v>
      </c>
      <c r="O627">
        <v>1</v>
      </c>
      <c r="P627">
        <v>1</v>
      </c>
      <c r="Q627">
        <v>0.27850299534160988</v>
      </c>
      <c r="R627">
        <v>4.0505788363971806</v>
      </c>
      <c r="S627">
        <v>1</v>
      </c>
      <c r="T627">
        <v>1</v>
      </c>
      <c r="U627">
        <v>0</v>
      </c>
      <c r="V627">
        <v>0</v>
      </c>
      <c r="W627">
        <v>4.1431347263915326</v>
      </c>
      <c r="X627">
        <v>1</v>
      </c>
      <c r="Y627">
        <v>1</v>
      </c>
      <c r="Z627">
        <v>0</v>
      </c>
      <c r="AA627">
        <v>0</v>
      </c>
      <c r="AB627">
        <v>4.1271343850450908</v>
      </c>
      <c r="AC627">
        <v>1</v>
      </c>
      <c r="AD627">
        <v>1</v>
      </c>
      <c r="AE627">
        <v>0</v>
      </c>
      <c r="AF627">
        <v>0</v>
      </c>
      <c r="AG627">
        <v>4.1108738641733096</v>
      </c>
      <c r="AH627">
        <v>-0.24014631864446889</v>
      </c>
      <c r="AI627">
        <v>3.1008666301294389E-2</v>
      </c>
      <c r="AJ627">
        <v>-0.27750176364153539</v>
      </c>
      <c r="AK627">
        <v>9.9675945395645241E-2</v>
      </c>
      <c r="AL627">
        <v>606.01052911736633</v>
      </c>
      <c r="AM627">
        <v>880.55166719442968</v>
      </c>
      <c r="AN627">
        <v>7318</v>
      </c>
      <c r="AO627">
        <v>123.4372260940994</v>
      </c>
      <c r="AP627">
        <v>447.93189999339842</v>
      </c>
      <c r="AQ627">
        <v>1.359375</v>
      </c>
      <c r="AR627">
        <v>3.9375</v>
      </c>
      <c r="AS627">
        <v>64</v>
      </c>
      <c r="AT627">
        <v>4.2187499999999991</v>
      </c>
      <c r="AU627">
        <v>0.176625</v>
      </c>
      <c r="AV627">
        <v>-0.24084221055368421</v>
      </c>
      <c r="AW627">
        <v>0.515625</v>
      </c>
      <c r="AX627">
        <v>93.19047619047619</v>
      </c>
      <c r="AY627">
        <v>52</v>
      </c>
      <c r="AZ627">
        <v>109.5</v>
      </c>
      <c r="BA627">
        <v>0.60457969173845183</v>
      </c>
      <c r="BB627">
        <v>0.390625</v>
      </c>
      <c r="BC627">
        <v>3.9587918211102049</v>
      </c>
      <c r="BD627" t="s">
        <v>2448</v>
      </c>
      <c r="BE627" t="s">
        <v>62</v>
      </c>
    </row>
    <row r="628" spans="1:57" x14ac:dyDescent="0.3">
      <c r="A628" t="s">
        <v>2449</v>
      </c>
      <c r="B628">
        <v>153</v>
      </c>
      <c r="C628" t="s">
        <v>2450</v>
      </c>
      <c r="D628" t="s">
        <v>2451</v>
      </c>
      <c r="E628" t="s">
        <v>60</v>
      </c>
      <c r="F628">
        <v>256</v>
      </c>
      <c r="G628">
        <v>123.34375</v>
      </c>
      <c r="H628">
        <v>124</v>
      </c>
      <c r="I628">
        <v>5721.9287109375</v>
      </c>
      <c r="J628">
        <v>75.643431379978395</v>
      </c>
      <c r="K628">
        <v>2.357594766383235E-2</v>
      </c>
      <c r="L628">
        <v>-1.2621049860980851</v>
      </c>
      <c r="M628">
        <v>7.224342089725436</v>
      </c>
      <c r="N628">
        <v>4</v>
      </c>
      <c r="O628">
        <v>1</v>
      </c>
      <c r="P628">
        <v>3</v>
      </c>
      <c r="Q628">
        <v>0.7253509963819238</v>
      </c>
      <c r="R628">
        <v>5.0075323508937304</v>
      </c>
      <c r="S628">
        <v>1</v>
      </c>
      <c r="T628">
        <v>1</v>
      </c>
      <c r="U628">
        <v>0</v>
      </c>
      <c r="V628">
        <v>0</v>
      </c>
      <c r="W628">
        <v>5.541263545158424</v>
      </c>
      <c r="X628">
        <v>1</v>
      </c>
      <c r="Y628">
        <v>1</v>
      </c>
      <c r="Z628">
        <v>0</v>
      </c>
      <c r="AA628">
        <v>0</v>
      </c>
      <c r="AB628">
        <v>5.5373342670185366</v>
      </c>
      <c r="AC628">
        <v>1</v>
      </c>
      <c r="AD628">
        <v>1</v>
      </c>
      <c r="AE628">
        <v>0</v>
      </c>
      <c r="AF628">
        <v>0</v>
      </c>
      <c r="AG628">
        <v>5.5333894887275203</v>
      </c>
      <c r="AH628">
        <v>-5.8648556455769538E-2</v>
      </c>
      <c r="AI628">
        <v>-5.1814150487135308E-2</v>
      </c>
      <c r="AJ628">
        <v>-0.1156599453823481</v>
      </c>
      <c r="AK628">
        <v>2.3927918043761539E-2</v>
      </c>
      <c r="AL628">
        <v>1178.593455972853</v>
      </c>
      <c r="AM628">
        <v>1992.5946566067989</v>
      </c>
      <c r="AN628">
        <v>31576</v>
      </c>
      <c r="AO628">
        <v>61.366414310587913</v>
      </c>
      <c r="AP628">
        <v>955.75524708637363</v>
      </c>
      <c r="AQ628">
        <v>1.08984375</v>
      </c>
      <c r="AR628">
        <v>3.921875</v>
      </c>
      <c r="AS628">
        <v>254</v>
      </c>
      <c r="AT628">
        <v>55.953125</v>
      </c>
      <c r="AU628">
        <v>5.3131225099601602E-2</v>
      </c>
      <c r="AV628">
        <v>-5.8650986636044629E-2</v>
      </c>
      <c r="AW628">
        <v>0.33984375</v>
      </c>
      <c r="AX628">
        <v>89.933333333333337</v>
      </c>
      <c r="AY628">
        <v>66</v>
      </c>
      <c r="AZ628">
        <v>129.25</v>
      </c>
      <c r="BA628">
        <v>0.61327332256379752</v>
      </c>
      <c r="BB628">
        <v>0.5</v>
      </c>
      <c r="BC628">
        <v>4.9234180232286873</v>
      </c>
      <c r="BD628" t="s">
        <v>2452</v>
      </c>
      <c r="BE628" t="s">
        <v>62</v>
      </c>
    </row>
    <row r="629" spans="1:57" x14ac:dyDescent="0.3">
      <c r="A629" t="s">
        <v>2453</v>
      </c>
      <c r="B629">
        <v>3410</v>
      </c>
      <c r="C629" t="s">
        <v>2454</v>
      </c>
      <c r="D629" t="s">
        <v>2455</v>
      </c>
      <c r="E629" t="s">
        <v>85</v>
      </c>
      <c r="F629">
        <v>8</v>
      </c>
      <c r="G629">
        <v>92</v>
      </c>
      <c r="H629">
        <v>77.5</v>
      </c>
      <c r="I629">
        <v>1906</v>
      </c>
      <c r="J629">
        <v>43.657759905886152</v>
      </c>
      <c r="K629">
        <v>0.87219415526864474</v>
      </c>
      <c r="L629">
        <v>-0.38590938319263518</v>
      </c>
      <c r="M629">
        <v>3</v>
      </c>
      <c r="N629">
        <v>1</v>
      </c>
      <c r="O629">
        <v>1</v>
      </c>
      <c r="P629">
        <v>0</v>
      </c>
      <c r="Q629">
        <v>0</v>
      </c>
      <c r="R629">
        <v>2.0794415416798362</v>
      </c>
      <c r="S629">
        <v>1</v>
      </c>
      <c r="T629">
        <v>1</v>
      </c>
      <c r="U629">
        <v>0</v>
      </c>
      <c r="V629">
        <v>0</v>
      </c>
      <c r="W629">
        <v>1.945910149055313</v>
      </c>
      <c r="X629">
        <v>1</v>
      </c>
      <c r="Y629">
        <v>1</v>
      </c>
      <c r="Z629">
        <v>0</v>
      </c>
      <c r="AA629">
        <v>0</v>
      </c>
      <c r="AB629">
        <v>1.791759469228055</v>
      </c>
      <c r="AC629">
        <v>1</v>
      </c>
      <c r="AD629">
        <v>1</v>
      </c>
      <c r="AE629">
        <v>0</v>
      </c>
      <c r="AF629">
        <v>0</v>
      </c>
      <c r="AG629">
        <v>1.6094379124341009</v>
      </c>
      <c r="AH629">
        <v>-0.19150052465897169</v>
      </c>
      <c r="AI629">
        <v>-0.14828174186778589</v>
      </c>
      <c r="AJ629">
        <v>-0.16821878279118571</v>
      </c>
      <c r="AK629">
        <v>0</v>
      </c>
      <c r="AL629">
        <v>207.33900535076941</v>
      </c>
      <c r="AM629">
        <v>199.92632858168929</v>
      </c>
      <c r="AN629">
        <v>736</v>
      </c>
      <c r="AO629">
        <v>116</v>
      </c>
      <c r="AP629">
        <v>136.10253752383119</v>
      </c>
      <c r="AQ629">
        <v>3.5</v>
      </c>
      <c r="AR629">
        <v>3.75</v>
      </c>
      <c r="AS629">
        <v>8</v>
      </c>
      <c r="AT629">
        <v>0</v>
      </c>
      <c r="AU629">
        <v>0.43269230769230771</v>
      </c>
      <c r="AV629">
        <v>-0.23385347354527181</v>
      </c>
      <c r="AW629">
        <v>0.75</v>
      </c>
      <c r="AX629">
        <v>57.857142857142847</v>
      </c>
      <c r="AY629">
        <v>28.5</v>
      </c>
      <c r="AZ629">
        <v>62</v>
      </c>
      <c r="BA629">
        <v>0.4745408685422407</v>
      </c>
      <c r="BB629">
        <v>0.375</v>
      </c>
      <c r="BC629">
        <v>1.945910149055313</v>
      </c>
      <c r="BD629" t="s">
        <v>2454</v>
      </c>
      <c r="BE629" t="s">
        <v>68</v>
      </c>
    </row>
    <row r="630" spans="1:57" x14ac:dyDescent="0.3">
      <c r="A630" t="s">
        <v>2456</v>
      </c>
      <c r="B630">
        <v>1073</v>
      </c>
      <c r="C630" t="s">
        <v>2457</v>
      </c>
      <c r="D630" t="s">
        <v>2458</v>
      </c>
      <c r="E630" t="s">
        <v>10622</v>
      </c>
      <c r="F630">
        <v>64</v>
      </c>
      <c r="G630">
        <v>136.4375</v>
      </c>
      <c r="H630">
        <v>142</v>
      </c>
      <c r="I630">
        <v>4792.65234375</v>
      </c>
      <c r="J630">
        <v>69.228984852805695</v>
      </c>
      <c r="K630">
        <v>-0.20564740441623269</v>
      </c>
      <c r="L630">
        <v>-0.91670001788400368</v>
      </c>
      <c r="M630">
        <v>5.875</v>
      </c>
      <c r="N630">
        <v>2</v>
      </c>
      <c r="O630">
        <v>1</v>
      </c>
      <c r="P630">
        <v>1</v>
      </c>
      <c r="Q630">
        <v>0.24944382578492941</v>
      </c>
      <c r="R630">
        <v>4.072239685789679</v>
      </c>
      <c r="S630">
        <v>1</v>
      </c>
      <c r="T630">
        <v>1</v>
      </c>
      <c r="U630">
        <v>0</v>
      </c>
      <c r="V630">
        <v>0</v>
      </c>
      <c r="W630">
        <v>4.1431347263915326</v>
      </c>
      <c r="X630">
        <v>1</v>
      </c>
      <c r="Y630">
        <v>1</v>
      </c>
      <c r="Z630">
        <v>0</v>
      </c>
      <c r="AA630">
        <v>0</v>
      </c>
      <c r="AB630">
        <v>4.1271343850450908</v>
      </c>
      <c r="AC630">
        <v>1</v>
      </c>
      <c r="AD630">
        <v>1</v>
      </c>
      <c r="AE630">
        <v>0</v>
      </c>
      <c r="AF630">
        <v>0</v>
      </c>
      <c r="AG630">
        <v>4.1108738641733096</v>
      </c>
      <c r="AH630">
        <v>7.7576624353359921E-2</v>
      </c>
      <c r="AI630">
        <v>-4.9345402997263881E-3</v>
      </c>
      <c r="AJ630">
        <v>0.13926198214796581</v>
      </c>
      <c r="AK630">
        <v>-0.18851114560129889</v>
      </c>
      <c r="AL630">
        <v>611.76217414210373</v>
      </c>
      <c r="AM630">
        <v>1060.1174662691519</v>
      </c>
      <c r="AN630">
        <v>8732</v>
      </c>
      <c r="AO630">
        <v>63.322390113067527</v>
      </c>
      <c r="AP630">
        <v>477.08554211150471</v>
      </c>
      <c r="AQ630">
        <v>1.359375</v>
      </c>
      <c r="AR630">
        <v>3.84375</v>
      </c>
      <c r="AS630">
        <v>64</v>
      </c>
      <c r="AT630">
        <v>3.5000000000000009</v>
      </c>
      <c r="AU630">
        <v>0.1071078431372549</v>
      </c>
      <c r="AV630">
        <v>7.7659770972151584E-2</v>
      </c>
      <c r="AW630">
        <v>0.359375</v>
      </c>
      <c r="AX630">
        <v>77.61904761904762</v>
      </c>
      <c r="AY630">
        <v>53</v>
      </c>
      <c r="AZ630">
        <v>105.75</v>
      </c>
      <c r="BA630">
        <v>0.50740437821570827</v>
      </c>
      <c r="BB630">
        <v>0.515625</v>
      </c>
      <c r="BC630">
        <v>3.8707731315152909</v>
      </c>
      <c r="BD630" t="s">
        <v>2459</v>
      </c>
      <c r="BE630" t="s">
        <v>62</v>
      </c>
    </row>
    <row r="631" spans="1:57" x14ac:dyDescent="0.3">
      <c r="A631" t="s">
        <v>2460</v>
      </c>
      <c r="B631">
        <v>1763</v>
      </c>
      <c r="C631" t="s">
        <v>2461</v>
      </c>
      <c r="D631" t="s">
        <v>2462</v>
      </c>
      <c r="E631" t="s">
        <v>66</v>
      </c>
      <c r="F631">
        <v>71</v>
      </c>
      <c r="G631">
        <v>125.4507042253521</v>
      </c>
      <c r="H631">
        <v>124</v>
      </c>
      <c r="I631">
        <v>5576.2475699266006</v>
      </c>
      <c r="J631">
        <v>74.674276494162314</v>
      </c>
      <c r="K631">
        <v>3.78783696336359E-3</v>
      </c>
      <c r="L631">
        <v>-1.267030809166106</v>
      </c>
      <c r="M631">
        <v>5.8962259927441139</v>
      </c>
      <c r="N631">
        <v>2</v>
      </c>
      <c r="O631">
        <v>1</v>
      </c>
      <c r="P631">
        <v>1</v>
      </c>
      <c r="Q631">
        <v>0.35226338173937988</v>
      </c>
      <c r="R631">
        <v>4.0869524228148508</v>
      </c>
      <c r="S631">
        <v>1</v>
      </c>
      <c r="T631">
        <v>1</v>
      </c>
      <c r="U631">
        <v>0</v>
      </c>
      <c r="V631">
        <v>0</v>
      </c>
      <c r="W631">
        <v>4.2484952420493576</v>
      </c>
      <c r="X631">
        <v>1</v>
      </c>
      <c r="Y631">
        <v>1</v>
      </c>
      <c r="Z631">
        <v>0</v>
      </c>
      <c r="AA631">
        <v>0</v>
      </c>
      <c r="AB631">
        <v>4.2341065045972579</v>
      </c>
      <c r="AC631">
        <v>1</v>
      </c>
      <c r="AD631">
        <v>1</v>
      </c>
      <c r="AE631">
        <v>0</v>
      </c>
      <c r="AF631">
        <v>0</v>
      </c>
      <c r="AG631">
        <v>4.2195077051761087</v>
      </c>
      <c r="AH631">
        <v>6.0593767990652268E-2</v>
      </c>
      <c r="AI631">
        <v>5.2224199837095531E-2</v>
      </c>
      <c r="AJ631">
        <v>-0.136037944284471</v>
      </c>
      <c r="AK631">
        <v>6.735705923898766E-2</v>
      </c>
      <c r="AL631">
        <v>669.04577347862391</v>
      </c>
      <c r="AM631">
        <v>1032.3181452393389</v>
      </c>
      <c r="AN631">
        <v>8907</v>
      </c>
      <c r="AO631">
        <v>21.68135844852501</v>
      </c>
      <c r="AP631">
        <v>512.43887678531803</v>
      </c>
      <c r="AQ631">
        <v>1.323943661971831</v>
      </c>
      <c r="AR631">
        <v>3.774647887323944</v>
      </c>
      <c r="AS631">
        <v>71</v>
      </c>
      <c r="AT631">
        <v>6.71830985915493</v>
      </c>
      <c r="AU631">
        <v>5.0869925434962722E-2</v>
      </c>
      <c r="AV631">
        <v>6.1063337770948217E-2</v>
      </c>
      <c r="AW631">
        <v>0.40845070422535212</v>
      </c>
      <c r="AX631">
        <v>83.771428571428572</v>
      </c>
      <c r="AY631">
        <v>71</v>
      </c>
      <c r="AZ631">
        <v>134</v>
      </c>
      <c r="BA631">
        <v>0.59524796576687145</v>
      </c>
      <c r="BB631">
        <v>0.47887323943661969</v>
      </c>
      <c r="BC631">
        <v>3.9760906280195361</v>
      </c>
      <c r="BD631" t="s">
        <v>2463</v>
      </c>
      <c r="BE631" t="s">
        <v>68</v>
      </c>
    </row>
    <row r="632" spans="1:57" x14ac:dyDescent="0.3">
      <c r="A632" t="s">
        <v>2464</v>
      </c>
      <c r="B632">
        <v>2341</v>
      </c>
      <c r="C632" t="s">
        <v>2465</v>
      </c>
      <c r="D632" t="s">
        <v>2466</v>
      </c>
      <c r="E632" t="s">
        <v>85</v>
      </c>
      <c r="F632">
        <v>8</v>
      </c>
      <c r="G632">
        <v>82.75</v>
      </c>
      <c r="H632">
        <v>80.5</v>
      </c>
      <c r="I632">
        <v>2416.9375</v>
      </c>
      <c r="J632">
        <v>49.16235856831932</v>
      </c>
      <c r="K632">
        <v>0.26589458362455087</v>
      </c>
      <c r="L632">
        <v>-1.3105952940771739</v>
      </c>
      <c r="M632">
        <v>3</v>
      </c>
      <c r="N632">
        <v>1</v>
      </c>
      <c r="O632">
        <v>1</v>
      </c>
      <c r="P632">
        <v>0</v>
      </c>
      <c r="Q632">
        <v>0</v>
      </c>
      <c r="R632">
        <v>2.0794415416798362</v>
      </c>
      <c r="S632">
        <v>1</v>
      </c>
      <c r="T632">
        <v>1</v>
      </c>
      <c r="U632">
        <v>0</v>
      </c>
      <c r="V632">
        <v>0</v>
      </c>
      <c r="W632">
        <v>1.945910149055313</v>
      </c>
      <c r="X632">
        <v>1</v>
      </c>
      <c r="Y632">
        <v>1</v>
      </c>
      <c r="Z632">
        <v>0</v>
      </c>
      <c r="AA632">
        <v>0</v>
      </c>
      <c r="AB632">
        <v>1.791759469228055</v>
      </c>
      <c r="AC632">
        <v>1</v>
      </c>
      <c r="AD632">
        <v>1</v>
      </c>
      <c r="AE632">
        <v>0</v>
      </c>
      <c r="AF632">
        <v>0</v>
      </c>
      <c r="AG632">
        <v>1.6094379124341009</v>
      </c>
      <c r="AH632">
        <v>0.1552293708463707</v>
      </c>
      <c r="AI632">
        <v>-0.17571953143182231</v>
      </c>
      <c r="AJ632">
        <v>4.6646712006413071E-2</v>
      </c>
      <c r="AK632">
        <v>0</v>
      </c>
      <c r="AL632">
        <v>193.11001836743171</v>
      </c>
      <c r="AM632">
        <v>191.89716205856249</v>
      </c>
      <c r="AN632">
        <v>662</v>
      </c>
      <c r="AO632">
        <v>35.128336140500593</v>
      </c>
      <c r="AP632">
        <v>160.5383267143329</v>
      </c>
      <c r="AQ632">
        <v>3.5</v>
      </c>
      <c r="AR632">
        <v>3.625</v>
      </c>
      <c r="AS632">
        <v>8</v>
      </c>
      <c r="AT632">
        <v>0</v>
      </c>
      <c r="AU632">
        <v>0.2274193548387097</v>
      </c>
      <c r="AV632">
        <v>0.17019774614793501</v>
      </c>
      <c r="AW632">
        <v>0.5</v>
      </c>
      <c r="AX632">
        <v>58.285714285714278</v>
      </c>
      <c r="AY632">
        <v>45.5</v>
      </c>
      <c r="AZ632">
        <v>75.25</v>
      </c>
      <c r="BA632">
        <v>0.59410705218512772</v>
      </c>
      <c r="BB632">
        <v>0.5</v>
      </c>
      <c r="BC632">
        <v>1.945910149055313</v>
      </c>
      <c r="BD632" t="s">
        <v>2465</v>
      </c>
      <c r="BE632" t="s">
        <v>68</v>
      </c>
    </row>
    <row r="633" spans="1:57" x14ac:dyDescent="0.3">
      <c r="A633" t="s">
        <v>2467</v>
      </c>
      <c r="B633">
        <v>1921</v>
      </c>
      <c r="C633" t="s">
        <v>2468</v>
      </c>
      <c r="D633" t="s">
        <v>2469</v>
      </c>
      <c r="E633" t="s">
        <v>115</v>
      </c>
      <c r="F633">
        <v>1961</v>
      </c>
      <c r="G633">
        <v>129.19938806731261</v>
      </c>
      <c r="H633">
        <v>131</v>
      </c>
      <c r="I633">
        <v>5336.2024677540448</v>
      </c>
      <c r="J633">
        <v>73.049315313382948</v>
      </c>
      <c r="K633">
        <v>-5.3769194614662369E-2</v>
      </c>
      <c r="L633">
        <v>-1.2086905521025411</v>
      </c>
      <c r="M633">
        <v>7.909859624645506</v>
      </c>
      <c r="N633">
        <v>17</v>
      </c>
      <c r="O633">
        <v>1</v>
      </c>
      <c r="P633">
        <v>16</v>
      </c>
      <c r="Q633">
        <v>2.693622092199635</v>
      </c>
      <c r="R633">
        <v>5.4826968974479833</v>
      </c>
      <c r="S633">
        <v>2</v>
      </c>
      <c r="T633">
        <v>1</v>
      </c>
      <c r="U633">
        <v>1</v>
      </c>
      <c r="V633">
        <v>0.1151647023367358</v>
      </c>
      <c r="W633">
        <v>7.5623101331484834</v>
      </c>
      <c r="X633">
        <v>1</v>
      </c>
      <c r="Y633">
        <v>1</v>
      </c>
      <c r="Z633">
        <v>0</v>
      </c>
      <c r="AA633">
        <v>0</v>
      </c>
      <c r="AB633">
        <v>7.5801894179445437</v>
      </c>
      <c r="AC633">
        <v>1</v>
      </c>
      <c r="AD633">
        <v>1</v>
      </c>
      <c r="AE633">
        <v>0</v>
      </c>
      <c r="AF633">
        <v>0</v>
      </c>
      <c r="AG633">
        <v>7.5796788230904539</v>
      </c>
      <c r="AH633">
        <v>-2.3268767317995011E-2</v>
      </c>
      <c r="AI633">
        <v>-3.9513452865850597E-2</v>
      </c>
      <c r="AJ633">
        <v>1.2369570199880711E-2</v>
      </c>
      <c r="AK633">
        <v>1.8899129206845128E-2</v>
      </c>
      <c r="AL633">
        <v>3008.9227322917932</v>
      </c>
      <c r="AM633">
        <v>5843.3409956203723</v>
      </c>
      <c r="AN633">
        <v>253360</v>
      </c>
      <c r="AO633">
        <v>74.783340061849202</v>
      </c>
      <c r="AP633">
        <v>2686.2503672351618</v>
      </c>
      <c r="AQ633">
        <v>1.011728709841917</v>
      </c>
      <c r="AR633">
        <v>3.9918408975012749</v>
      </c>
      <c r="AS633">
        <v>1948</v>
      </c>
      <c r="AT633">
        <v>242.4798572157062</v>
      </c>
      <c r="AU633">
        <v>2.685904550499452E-2</v>
      </c>
      <c r="AV633">
        <v>-2.329033191599995E-2</v>
      </c>
      <c r="AW633">
        <v>0.36053034166241721</v>
      </c>
      <c r="AX633">
        <v>85.191326530612244</v>
      </c>
      <c r="AY633">
        <v>62</v>
      </c>
      <c r="AZ633">
        <v>125</v>
      </c>
      <c r="BA633">
        <v>0.56539985526343528</v>
      </c>
      <c r="BB633">
        <v>0.5053544110147884</v>
      </c>
      <c r="BC633">
        <v>5.2855681510712076</v>
      </c>
      <c r="BD633" t="s">
        <v>2470</v>
      </c>
      <c r="BE633" t="s">
        <v>68</v>
      </c>
    </row>
    <row r="634" spans="1:57" x14ac:dyDescent="0.3">
      <c r="A634" t="s">
        <v>2471</v>
      </c>
      <c r="B634">
        <v>570</v>
      </c>
      <c r="C634" t="s">
        <v>2472</v>
      </c>
      <c r="D634" t="s">
        <v>2473</v>
      </c>
      <c r="E634" t="s">
        <v>98</v>
      </c>
      <c r="F634">
        <v>16</v>
      </c>
      <c r="G634">
        <v>120</v>
      </c>
      <c r="H634">
        <v>98</v>
      </c>
      <c r="I634">
        <v>5745.5</v>
      </c>
      <c r="J634">
        <v>75.799076511524859</v>
      </c>
      <c r="K634">
        <v>0.21344341644928699</v>
      </c>
      <c r="L634">
        <v>-1.1366355197361691</v>
      </c>
      <c r="M634">
        <v>4</v>
      </c>
      <c r="N634">
        <v>1</v>
      </c>
      <c r="O634">
        <v>1</v>
      </c>
      <c r="P634">
        <v>0</v>
      </c>
      <c r="Q634">
        <v>0</v>
      </c>
      <c r="R634">
        <v>2.7725887222397811</v>
      </c>
      <c r="S634">
        <v>1</v>
      </c>
      <c r="T634">
        <v>1</v>
      </c>
      <c r="U634">
        <v>0</v>
      </c>
      <c r="V634">
        <v>0</v>
      </c>
      <c r="W634">
        <v>2.7080502011022101</v>
      </c>
      <c r="X634">
        <v>1</v>
      </c>
      <c r="Y634">
        <v>1</v>
      </c>
      <c r="Z634">
        <v>0</v>
      </c>
      <c r="AA634">
        <v>0</v>
      </c>
      <c r="AB634">
        <v>2.639057329615258</v>
      </c>
      <c r="AC634">
        <v>1</v>
      </c>
      <c r="AD634">
        <v>1</v>
      </c>
      <c r="AE634">
        <v>0</v>
      </c>
      <c r="AF634">
        <v>0</v>
      </c>
      <c r="AG634">
        <v>2.5649493574615372</v>
      </c>
      <c r="AH634">
        <v>-0.2182577669480463</v>
      </c>
      <c r="AI634">
        <v>0.13153772517622489</v>
      </c>
      <c r="AJ634">
        <v>-6.9946044730658779E-3</v>
      </c>
      <c r="AK634">
        <v>-0.1995909842485423</v>
      </c>
      <c r="AL634">
        <v>386.24083779865907</v>
      </c>
      <c r="AM634">
        <v>416.10817730079521</v>
      </c>
      <c r="AN634">
        <v>1920</v>
      </c>
      <c r="AO634">
        <v>104.1248210645016</v>
      </c>
      <c r="AP634">
        <v>277.49018988926821</v>
      </c>
      <c r="AQ634">
        <v>2.3125</v>
      </c>
      <c r="AR634">
        <v>4.1875</v>
      </c>
      <c r="AS634">
        <v>16</v>
      </c>
      <c r="AT634">
        <v>0</v>
      </c>
      <c r="AU634">
        <v>0.15857843137254901</v>
      </c>
      <c r="AV634">
        <v>-0.22707382067679299</v>
      </c>
      <c r="AW634">
        <v>0.4375</v>
      </c>
      <c r="AX634">
        <v>108.3333333333333</v>
      </c>
      <c r="AY634">
        <v>61</v>
      </c>
      <c r="AZ634">
        <v>109.75</v>
      </c>
      <c r="BA634">
        <v>0.63165897092937384</v>
      </c>
      <c r="BB634">
        <v>0.4375</v>
      </c>
      <c r="BC634">
        <v>2.7080502011022101</v>
      </c>
      <c r="BD634" t="s">
        <v>2472</v>
      </c>
      <c r="BE634" t="s">
        <v>62</v>
      </c>
    </row>
    <row r="635" spans="1:57" x14ac:dyDescent="0.3">
      <c r="A635" t="s">
        <v>2474</v>
      </c>
      <c r="B635">
        <v>900</v>
      </c>
      <c r="C635" t="s">
        <v>2475</v>
      </c>
      <c r="D635" t="s">
        <v>2476</v>
      </c>
      <c r="E635" t="s">
        <v>85</v>
      </c>
      <c r="F635">
        <v>8</v>
      </c>
      <c r="G635">
        <v>71.25</v>
      </c>
      <c r="H635">
        <v>56.5</v>
      </c>
      <c r="I635">
        <v>3742.4375</v>
      </c>
      <c r="J635">
        <v>61.175464853158253</v>
      </c>
      <c r="K635">
        <v>1.670396013686422</v>
      </c>
      <c r="L635">
        <v>1.798673207388013</v>
      </c>
      <c r="M635">
        <v>3</v>
      </c>
      <c r="N635">
        <v>1</v>
      </c>
      <c r="O635">
        <v>1</v>
      </c>
      <c r="P635">
        <v>0</v>
      </c>
      <c r="Q635">
        <v>0</v>
      </c>
      <c r="R635">
        <v>2.0794415416798362</v>
      </c>
      <c r="S635">
        <v>1</v>
      </c>
      <c r="T635">
        <v>1</v>
      </c>
      <c r="U635">
        <v>0</v>
      </c>
      <c r="V635">
        <v>0</v>
      </c>
      <c r="W635">
        <v>1.945910149055313</v>
      </c>
      <c r="X635">
        <v>1</v>
      </c>
      <c r="Y635">
        <v>1</v>
      </c>
      <c r="Z635">
        <v>0</v>
      </c>
      <c r="AA635">
        <v>0</v>
      </c>
      <c r="AB635">
        <v>1.791759469228055</v>
      </c>
      <c r="AC635">
        <v>1</v>
      </c>
      <c r="AD635">
        <v>1</v>
      </c>
      <c r="AE635">
        <v>0</v>
      </c>
      <c r="AF635">
        <v>0</v>
      </c>
      <c r="AG635">
        <v>1.6094379124341009</v>
      </c>
      <c r="AH635">
        <v>-5.4386763306000431E-2</v>
      </c>
      <c r="AI635">
        <v>5.3649860552113428E-3</v>
      </c>
      <c r="AJ635">
        <v>-0.29022904524123649</v>
      </c>
      <c r="AK635">
        <v>0</v>
      </c>
      <c r="AL635">
        <v>226.29356543665551</v>
      </c>
      <c r="AM635">
        <v>139.07991315055571</v>
      </c>
      <c r="AN635">
        <v>570</v>
      </c>
      <c r="AO635">
        <v>107.6015807115992</v>
      </c>
      <c r="AP635">
        <v>196.78634051751141</v>
      </c>
      <c r="AQ635">
        <v>3.5</v>
      </c>
      <c r="AR635">
        <v>3.5</v>
      </c>
      <c r="AS635">
        <v>8</v>
      </c>
      <c r="AT635">
        <v>0</v>
      </c>
      <c r="AU635">
        <v>0.52815315315315314</v>
      </c>
      <c r="AV635">
        <v>-7.0972042596079296E-2</v>
      </c>
      <c r="AW635">
        <v>0.75</v>
      </c>
      <c r="AX635">
        <v>71.857142857142861</v>
      </c>
      <c r="AY635">
        <v>19.5</v>
      </c>
      <c r="AZ635">
        <v>35.75</v>
      </c>
      <c r="BA635">
        <v>0.85860301548292273</v>
      </c>
      <c r="BB635">
        <v>0.375</v>
      </c>
      <c r="BC635">
        <v>1.945910149055313</v>
      </c>
      <c r="BD635" t="s">
        <v>2475</v>
      </c>
      <c r="BE635" t="s">
        <v>68</v>
      </c>
    </row>
    <row r="636" spans="1:57" x14ac:dyDescent="0.3">
      <c r="A636" t="s">
        <v>2477</v>
      </c>
      <c r="B636">
        <v>148</v>
      </c>
      <c r="C636" t="s">
        <v>2478</v>
      </c>
      <c r="D636" t="s">
        <v>2479</v>
      </c>
      <c r="E636" t="s">
        <v>60</v>
      </c>
      <c r="F636">
        <v>512</v>
      </c>
      <c r="G636">
        <v>139.73046875</v>
      </c>
      <c r="H636">
        <v>148</v>
      </c>
      <c r="I636">
        <v>5419.1929779052734</v>
      </c>
      <c r="J636">
        <v>73.615168123867477</v>
      </c>
      <c r="K636">
        <v>-0.2184139500199602</v>
      </c>
      <c r="L636">
        <v>-1.112574472616249</v>
      </c>
      <c r="M636">
        <v>7.5866836692851232</v>
      </c>
      <c r="N636">
        <v>7</v>
      </c>
      <c r="O636">
        <v>1</v>
      </c>
      <c r="P636">
        <v>6</v>
      </c>
      <c r="Q636">
        <v>1.265318900476619</v>
      </c>
      <c r="R636">
        <v>5.2586883951651622</v>
      </c>
      <c r="S636">
        <v>2</v>
      </c>
      <c r="T636">
        <v>1</v>
      </c>
      <c r="U636">
        <v>1</v>
      </c>
      <c r="V636">
        <v>7.6620080535545504E-2</v>
      </c>
      <c r="W636">
        <v>6.2282308757548588</v>
      </c>
      <c r="X636">
        <v>1</v>
      </c>
      <c r="Y636">
        <v>1</v>
      </c>
      <c r="Z636">
        <v>0</v>
      </c>
      <c r="AA636">
        <v>0</v>
      </c>
      <c r="AB636">
        <v>6.2344107257183694</v>
      </c>
      <c r="AC636">
        <v>1</v>
      </c>
      <c r="AD636">
        <v>1</v>
      </c>
      <c r="AE636">
        <v>0</v>
      </c>
      <c r="AF636">
        <v>0</v>
      </c>
      <c r="AG636">
        <v>6.2324480165505216</v>
      </c>
      <c r="AH636">
        <v>-1.236785078460657E-2</v>
      </c>
      <c r="AI636">
        <v>1.6642281496307851E-2</v>
      </c>
      <c r="AJ636">
        <v>-3.9054773504734789E-3</v>
      </c>
      <c r="AK636">
        <v>3.2317009467747793E-2</v>
      </c>
      <c r="AL636">
        <v>1598.617392204299</v>
      </c>
      <c r="AM636">
        <v>3196.1924900327781</v>
      </c>
      <c r="AN636">
        <v>71542</v>
      </c>
      <c r="AO636">
        <v>28.14205078701244</v>
      </c>
      <c r="AP636">
        <v>1378.4133559576901</v>
      </c>
      <c r="AQ636">
        <v>1.044921875</v>
      </c>
      <c r="AR636">
        <v>4.15625</v>
      </c>
      <c r="AS636">
        <v>510</v>
      </c>
      <c r="AT636">
        <v>152.7265625</v>
      </c>
      <c r="AU636">
        <v>8.8112745098039236E-2</v>
      </c>
      <c r="AV636">
        <v>-1.238205007859053E-2</v>
      </c>
      <c r="AW636">
        <v>0.3203125</v>
      </c>
      <c r="AX636">
        <v>85.06262230919765</v>
      </c>
      <c r="AY636">
        <v>60</v>
      </c>
      <c r="AZ636">
        <v>124</v>
      </c>
      <c r="BA636">
        <v>0.52683690810181638</v>
      </c>
      <c r="BB636">
        <v>0.53515625</v>
      </c>
      <c r="BC636">
        <v>5.0843108450126717</v>
      </c>
      <c r="BD636" t="s">
        <v>2480</v>
      </c>
      <c r="BE636" t="s">
        <v>62</v>
      </c>
    </row>
    <row r="637" spans="1:57" x14ac:dyDescent="0.3">
      <c r="A637" t="s">
        <v>2481</v>
      </c>
      <c r="B637">
        <v>3665</v>
      </c>
      <c r="C637" t="s">
        <v>2482</v>
      </c>
      <c r="D637" t="s">
        <v>2483</v>
      </c>
      <c r="E637" t="s">
        <v>10622</v>
      </c>
      <c r="F637">
        <v>64</v>
      </c>
      <c r="G637">
        <v>115.46875</v>
      </c>
      <c r="H637">
        <v>115</v>
      </c>
      <c r="I637">
        <v>5048.8427734375</v>
      </c>
      <c r="J637">
        <v>71.055209333570332</v>
      </c>
      <c r="K637">
        <v>0.27071841509963429</v>
      </c>
      <c r="L637">
        <v>-0.98040230539722328</v>
      </c>
      <c r="M637">
        <v>5.875</v>
      </c>
      <c r="N637">
        <v>2</v>
      </c>
      <c r="O637">
        <v>1</v>
      </c>
      <c r="P637">
        <v>1</v>
      </c>
      <c r="Q637">
        <v>0.24944382578492941</v>
      </c>
      <c r="R637">
        <v>4.072239685789679</v>
      </c>
      <c r="S637">
        <v>1</v>
      </c>
      <c r="T637">
        <v>1</v>
      </c>
      <c r="U637">
        <v>0</v>
      </c>
      <c r="V637">
        <v>0</v>
      </c>
      <c r="W637">
        <v>4.1431347263915326</v>
      </c>
      <c r="X637">
        <v>1</v>
      </c>
      <c r="Y637">
        <v>1</v>
      </c>
      <c r="Z637">
        <v>0</v>
      </c>
      <c r="AA637">
        <v>0</v>
      </c>
      <c r="AB637">
        <v>4.1271343850450908</v>
      </c>
      <c r="AC637">
        <v>1</v>
      </c>
      <c r="AD637">
        <v>1</v>
      </c>
      <c r="AE637">
        <v>0</v>
      </c>
      <c r="AF637">
        <v>0</v>
      </c>
      <c r="AG637">
        <v>4.1108738641733096</v>
      </c>
      <c r="AH637">
        <v>-0.2770612881442317</v>
      </c>
      <c r="AI637">
        <v>-5.6839976528114518E-2</v>
      </c>
      <c r="AJ637">
        <v>-3.1565300705123679E-2</v>
      </c>
      <c r="AK637">
        <v>-2.1338846454023831E-2</v>
      </c>
      <c r="AL637">
        <v>603.33700576606475</v>
      </c>
      <c r="AM637">
        <v>901.34591443753686</v>
      </c>
      <c r="AN637">
        <v>7390</v>
      </c>
      <c r="AO637">
        <v>16.883621906926109</v>
      </c>
      <c r="AP637">
        <v>479.04874896420108</v>
      </c>
      <c r="AQ637">
        <v>1.359375</v>
      </c>
      <c r="AR637">
        <v>4</v>
      </c>
      <c r="AS637">
        <v>64</v>
      </c>
      <c r="AT637">
        <v>3.5000000000000009</v>
      </c>
      <c r="AU637">
        <v>0.13278137450199201</v>
      </c>
      <c r="AV637">
        <v>-0.28281980394668421</v>
      </c>
      <c r="AW637">
        <v>0.46875</v>
      </c>
      <c r="AX637">
        <v>93.539682539682545</v>
      </c>
      <c r="AY637">
        <v>60.5</v>
      </c>
      <c r="AZ637">
        <v>120.75</v>
      </c>
      <c r="BA637">
        <v>0.61536311195514226</v>
      </c>
      <c r="BB637">
        <v>0.5</v>
      </c>
      <c r="BC637">
        <v>3.884472277822518</v>
      </c>
      <c r="BD637" t="s">
        <v>2484</v>
      </c>
      <c r="BE637" t="s">
        <v>62</v>
      </c>
    </row>
    <row r="638" spans="1:57" x14ac:dyDescent="0.3">
      <c r="A638" t="s">
        <v>2485</v>
      </c>
      <c r="B638">
        <v>3982</v>
      </c>
      <c r="C638" t="s">
        <v>2486</v>
      </c>
      <c r="D638" t="s">
        <v>2487</v>
      </c>
      <c r="E638" t="s">
        <v>85</v>
      </c>
      <c r="F638">
        <v>8</v>
      </c>
      <c r="G638">
        <v>113.25</v>
      </c>
      <c r="H638">
        <v>118</v>
      </c>
      <c r="I638">
        <v>5528.6875</v>
      </c>
      <c r="J638">
        <v>74.355144408440225</v>
      </c>
      <c r="K638">
        <v>5.4445904964465018E-2</v>
      </c>
      <c r="L638">
        <v>-1.213833785863502</v>
      </c>
      <c r="M638">
        <v>3</v>
      </c>
      <c r="N638">
        <v>1</v>
      </c>
      <c r="O638">
        <v>1</v>
      </c>
      <c r="P638">
        <v>0</v>
      </c>
      <c r="Q638">
        <v>0</v>
      </c>
      <c r="R638">
        <v>2.0794415416798362</v>
      </c>
      <c r="S638">
        <v>1</v>
      </c>
      <c r="T638">
        <v>1</v>
      </c>
      <c r="U638">
        <v>0</v>
      </c>
      <c r="V638">
        <v>0</v>
      </c>
      <c r="W638">
        <v>1.945910149055313</v>
      </c>
      <c r="X638">
        <v>1</v>
      </c>
      <c r="Y638">
        <v>1</v>
      </c>
      <c r="Z638">
        <v>0</v>
      </c>
      <c r="AA638">
        <v>0</v>
      </c>
      <c r="AB638">
        <v>1.791759469228055</v>
      </c>
      <c r="AC638">
        <v>1</v>
      </c>
      <c r="AD638">
        <v>1</v>
      </c>
      <c r="AE638">
        <v>0</v>
      </c>
      <c r="AF638">
        <v>0</v>
      </c>
      <c r="AG638">
        <v>1.6094379124341009</v>
      </c>
      <c r="AH638">
        <v>8.2149639946189762E-2</v>
      </c>
      <c r="AI638">
        <v>-0.48847771283871622</v>
      </c>
      <c r="AJ638">
        <v>-1.8631512904283339E-2</v>
      </c>
      <c r="AK638">
        <v>0</v>
      </c>
      <c r="AL638">
        <v>279.64963447632772</v>
      </c>
      <c r="AM638">
        <v>261.97343746505351</v>
      </c>
      <c r="AN638">
        <v>906</v>
      </c>
      <c r="AO638">
        <v>16</v>
      </c>
      <c r="AP638">
        <v>195.87831734480699</v>
      </c>
      <c r="AQ638">
        <v>3.5</v>
      </c>
      <c r="AR638">
        <v>4.125</v>
      </c>
      <c r="AS638">
        <v>8</v>
      </c>
      <c r="AT638">
        <v>0</v>
      </c>
      <c r="AU638">
        <v>0.1391921397379913</v>
      </c>
      <c r="AV638">
        <v>8.7259250391965276E-2</v>
      </c>
      <c r="AW638">
        <v>0.375</v>
      </c>
      <c r="AX638">
        <v>94.857142857142861</v>
      </c>
      <c r="AY638">
        <v>71</v>
      </c>
      <c r="AZ638">
        <v>111.5</v>
      </c>
      <c r="BA638">
        <v>0.6565575665204435</v>
      </c>
      <c r="BB638">
        <v>0.5</v>
      </c>
      <c r="BC638">
        <v>1.945910149055313</v>
      </c>
      <c r="BD638" t="s">
        <v>2486</v>
      </c>
      <c r="BE638" t="s">
        <v>68</v>
      </c>
    </row>
    <row r="639" spans="1:57" x14ac:dyDescent="0.3">
      <c r="A639" t="s">
        <v>2488</v>
      </c>
      <c r="B639">
        <v>2973</v>
      </c>
      <c r="C639" t="s">
        <v>2489</v>
      </c>
      <c r="D639" t="s">
        <v>2490</v>
      </c>
      <c r="E639" t="s">
        <v>72</v>
      </c>
      <c r="F639">
        <v>3080</v>
      </c>
      <c r="G639">
        <v>125.53896103896101</v>
      </c>
      <c r="H639">
        <v>124</v>
      </c>
      <c r="I639">
        <v>5327.4517287906901</v>
      </c>
      <c r="J639">
        <v>72.98939463230731</v>
      </c>
      <c r="K639">
        <v>3.1009337557662279E-2</v>
      </c>
      <c r="L639">
        <v>-1.1502243128582359</v>
      </c>
      <c r="M639">
        <v>7.9398474771112966</v>
      </c>
      <c r="N639">
        <v>22</v>
      </c>
      <c r="O639">
        <v>2</v>
      </c>
      <c r="P639">
        <v>20</v>
      </c>
      <c r="Q639">
        <v>3.3817929323806921</v>
      </c>
      <c r="R639">
        <v>5.5034828928356898</v>
      </c>
      <c r="S639">
        <v>2</v>
      </c>
      <c r="T639">
        <v>1</v>
      </c>
      <c r="U639">
        <v>1</v>
      </c>
      <c r="V639">
        <v>0.15910935441605251</v>
      </c>
      <c r="W639">
        <v>7.997241291098466</v>
      </c>
      <c r="X639">
        <v>2</v>
      </c>
      <c r="Y639">
        <v>1</v>
      </c>
      <c r="Z639">
        <v>1</v>
      </c>
      <c r="AA639">
        <v>7.6470588235294124E-2</v>
      </c>
      <c r="AB639">
        <v>8.0239283298308699</v>
      </c>
      <c r="AC639">
        <v>2</v>
      </c>
      <c r="AD639">
        <v>1</v>
      </c>
      <c r="AE639">
        <v>1</v>
      </c>
      <c r="AF639">
        <v>6.9819489696671622E-2</v>
      </c>
      <c r="AG639">
        <v>8.0249523592619862</v>
      </c>
      <c r="AH639">
        <v>-2.0928225718047809E-3</v>
      </c>
      <c r="AI639">
        <v>-1.6965294901336608E-2</v>
      </c>
      <c r="AJ639">
        <v>-1.555307996342057E-2</v>
      </c>
      <c r="AK639">
        <v>-2.4092640419355209E-2</v>
      </c>
      <c r="AL639">
        <v>3708.7784054197491</v>
      </c>
      <c r="AM639">
        <v>7155.0268161266968</v>
      </c>
      <c r="AN639">
        <v>386660</v>
      </c>
      <c r="AO639">
        <v>97.107082016163247</v>
      </c>
      <c r="AP639">
        <v>3395.4229624170871</v>
      </c>
      <c r="AQ639">
        <v>1.007467532467532</v>
      </c>
      <c r="AR639">
        <v>4.0055194805194807</v>
      </c>
      <c r="AS639">
        <v>3068</v>
      </c>
      <c r="AT639">
        <v>243.3454545454546</v>
      </c>
      <c r="AU639">
        <v>2.2606315253374091E-2</v>
      </c>
      <c r="AV639">
        <v>-2.0928978563563082E-3</v>
      </c>
      <c r="AW639">
        <v>0.38214285714285712</v>
      </c>
      <c r="AX639">
        <v>84.123416693731727</v>
      </c>
      <c r="AY639">
        <v>62</v>
      </c>
      <c r="AZ639">
        <v>124</v>
      </c>
      <c r="BA639">
        <v>0.58140830566261448</v>
      </c>
      <c r="BB639">
        <v>0.4935064935064935</v>
      </c>
      <c r="BC639">
        <v>5.2987814925538483</v>
      </c>
      <c r="BD639" t="s">
        <v>2491</v>
      </c>
      <c r="BE639" t="s">
        <v>68</v>
      </c>
    </row>
    <row r="640" spans="1:57" x14ac:dyDescent="0.3">
      <c r="A640" t="s">
        <v>2492</v>
      </c>
      <c r="B640">
        <v>3955</v>
      </c>
      <c r="C640" t="s">
        <v>2493</v>
      </c>
      <c r="D640" t="s">
        <v>2494</v>
      </c>
      <c r="E640" t="s">
        <v>72</v>
      </c>
      <c r="F640">
        <v>3960</v>
      </c>
      <c r="G640">
        <v>127.705303030303</v>
      </c>
      <c r="H640">
        <v>129</v>
      </c>
      <c r="I640">
        <v>5365.1300728879696</v>
      </c>
      <c r="J640">
        <v>73.247048219624318</v>
      </c>
      <c r="K640">
        <v>2.5280409340064538E-3</v>
      </c>
      <c r="L640">
        <v>-1.153928201909832</v>
      </c>
      <c r="M640">
        <v>7.9511142381485289</v>
      </c>
      <c r="N640">
        <v>29</v>
      </c>
      <c r="O640">
        <v>7</v>
      </c>
      <c r="P640">
        <v>22</v>
      </c>
      <c r="Q640">
        <v>4.0561248054639538</v>
      </c>
      <c r="R640">
        <v>5.5112924164826902</v>
      </c>
      <c r="S640">
        <v>3</v>
      </c>
      <c r="T640">
        <v>1</v>
      </c>
      <c r="U640">
        <v>2</v>
      </c>
      <c r="V640">
        <v>0.20536196492704151</v>
      </c>
      <c r="W640">
        <v>8.2269740427435192</v>
      </c>
      <c r="X640">
        <v>2</v>
      </c>
      <c r="Y640">
        <v>1</v>
      </c>
      <c r="Z640">
        <v>1</v>
      </c>
      <c r="AA640">
        <v>0.1054292214453719</v>
      </c>
      <c r="AB640">
        <v>8.2680830721227725</v>
      </c>
      <c r="AC640">
        <v>2</v>
      </c>
      <c r="AD640">
        <v>1</v>
      </c>
      <c r="AE640">
        <v>1</v>
      </c>
      <c r="AF640">
        <v>9.7991488840251245E-2</v>
      </c>
      <c r="AG640">
        <v>8.2699285311699668</v>
      </c>
      <c r="AH640">
        <v>-1.3007443274541021E-2</v>
      </c>
      <c r="AI640">
        <v>-4.6846243906517072E-3</v>
      </c>
      <c r="AJ640">
        <v>-3.0082644562295698E-3</v>
      </c>
      <c r="AK640">
        <v>6.6899112009000308E-3</v>
      </c>
      <c r="AL640">
        <v>4216.2940058661543</v>
      </c>
      <c r="AM640">
        <v>8249.3037194721546</v>
      </c>
      <c r="AN640">
        <v>505713</v>
      </c>
      <c r="AO640">
        <v>73.54199731857247</v>
      </c>
      <c r="AP640">
        <v>3843.570929014882</v>
      </c>
      <c r="AQ640">
        <v>1.0058080808080809</v>
      </c>
      <c r="AR640">
        <v>4.000757575757576</v>
      </c>
      <c r="AS640">
        <v>3950</v>
      </c>
      <c r="AT640">
        <v>272.27474747474741</v>
      </c>
      <c r="AU640">
        <v>1.299762329174103E-2</v>
      </c>
      <c r="AV640">
        <v>-1.3010922063195681E-2</v>
      </c>
      <c r="AW640">
        <v>0.37121212121212122</v>
      </c>
      <c r="AX640">
        <v>85.349078050012636</v>
      </c>
      <c r="AY640">
        <v>62</v>
      </c>
      <c r="AZ640">
        <v>124</v>
      </c>
      <c r="BA640">
        <v>0.57356309003271089</v>
      </c>
      <c r="BB640">
        <v>0.50429292929292935</v>
      </c>
      <c r="BC640">
        <v>5.3142310566644007</v>
      </c>
      <c r="BD640" t="s">
        <v>2495</v>
      </c>
      <c r="BE640" t="s">
        <v>68</v>
      </c>
    </row>
    <row r="641" spans="1:57" x14ac:dyDescent="0.3">
      <c r="A641" t="s">
        <v>2496</v>
      </c>
      <c r="B641">
        <v>566</v>
      </c>
      <c r="C641" t="s">
        <v>2497</v>
      </c>
      <c r="D641" t="s">
        <v>2498</v>
      </c>
      <c r="E641" t="s">
        <v>10622</v>
      </c>
      <c r="F641">
        <v>64</v>
      </c>
      <c r="G641">
        <v>120.6875</v>
      </c>
      <c r="H641">
        <v>110.5</v>
      </c>
      <c r="I641">
        <v>5683.05859375</v>
      </c>
      <c r="J641">
        <v>75.386063657349823</v>
      </c>
      <c r="K641">
        <v>1.138518345780575E-2</v>
      </c>
      <c r="L641">
        <v>-1.2296272867847799</v>
      </c>
      <c r="M641">
        <v>5.8125</v>
      </c>
      <c r="N641">
        <v>2</v>
      </c>
      <c r="O641">
        <v>1</v>
      </c>
      <c r="P641">
        <v>1</v>
      </c>
      <c r="Q641">
        <v>0.30454347814923599</v>
      </c>
      <c r="R641">
        <v>4.0289179870046823</v>
      </c>
      <c r="S641">
        <v>1</v>
      </c>
      <c r="T641">
        <v>1</v>
      </c>
      <c r="U641">
        <v>0</v>
      </c>
      <c r="V641">
        <v>0</v>
      </c>
      <c r="W641">
        <v>4.1431347263915326</v>
      </c>
      <c r="X641">
        <v>1</v>
      </c>
      <c r="Y641">
        <v>1</v>
      </c>
      <c r="Z641">
        <v>0</v>
      </c>
      <c r="AA641">
        <v>0</v>
      </c>
      <c r="AB641">
        <v>4.1271343850450908</v>
      </c>
      <c r="AC641">
        <v>1</v>
      </c>
      <c r="AD641">
        <v>1</v>
      </c>
      <c r="AE641">
        <v>0</v>
      </c>
      <c r="AF641">
        <v>0</v>
      </c>
      <c r="AG641">
        <v>4.1108738641733096</v>
      </c>
      <c r="AH641">
        <v>-0.24438135455022231</v>
      </c>
      <c r="AI641">
        <v>4.9232943239329056E-3</v>
      </c>
      <c r="AJ641">
        <v>0.12747131302053871</v>
      </c>
      <c r="AK641">
        <v>-3.894329311419701E-2</v>
      </c>
      <c r="AL641">
        <v>672.64704205717999</v>
      </c>
      <c r="AM641">
        <v>918.3964050516131</v>
      </c>
      <c r="AN641">
        <v>7724</v>
      </c>
      <c r="AO641">
        <v>202.45456322531149</v>
      </c>
      <c r="AP641">
        <v>557.51818707487257</v>
      </c>
      <c r="AQ641">
        <v>1.359375</v>
      </c>
      <c r="AR641">
        <v>3.828125</v>
      </c>
      <c r="AS641">
        <v>63</v>
      </c>
      <c r="AT641">
        <v>4.8750000000000018</v>
      </c>
      <c r="AU641">
        <v>8.9303861788617891E-2</v>
      </c>
      <c r="AV641">
        <v>-0.2445907657240497</v>
      </c>
      <c r="AW641">
        <v>0.328125</v>
      </c>
      <c r="AX641">
        <v>97.650793650793645</v>
      </c>
      <c r="AY641">
        <v>66</v>
      </c>
      <c r="AZ641">
        <v>129.75</v>
      </c>
      <c r="BA641">
        <v>0.62463853884909226</v>
      </c>
      <c r="BB641">
        <v>0.46875</v>
      </c>
      <c r="BC641">
        <v>3.9284816226199761</v>
      </c>
      <c r="BD641" t="s">
        <v>2499</v>
      </c>
      <c r="BE641" t="s">
        <v>62</v>
      </c>
    </row>
    <row r="642" spans="1:57" x14ac:dyDescent="0.3">
      <c r="A642" t="s">
        <v>2500</v>
      </c>
      <c r="B642">
        <v>3084</v>
      </c>
      <c r="C642" t="s">
        <v>2501</v>
      </c>
      <c r="D642" t="s">
        <v>2502</v>
      </c>
      <c r="E642" t="s">
        <v>85</v>
      </c>
      <c r="F642">
        <v>8</v>
      </c>
      <c r="G642">
        <v>123.625</v>
      </c>
      <c r="H642">
        <v>121.5</v>
      </c>
      <c r="I642">
        <v>6170.734375</v>
      </c>
      <c r="J642">
        <v>78.554022016698795</v>
      </c>
      <c r="K642">
        <v>0.18022284953838391</v>
      </c>
      <c r="L642">
        <v>-1.128565567826763</v>
      </c>
      <c r="M642">
        <v>3</v>
      </c>
      <c r="N642">
        <v>1</v>
      </c>
      <c r="O642">
        <v>1</v>
      </c>
      <c r="P642">
        <v>0</v>
      </c>
      <c r="Q642">
        <v>0</v>
      </c>
      <c r="R642">
        <v>2.0794415416798362</v>
      </c>
      <c r="S642">
        <v>1</v>
      </c>
      <c r="T642">
        <v>1</v>
      </c>
      <c r="U642">
        <v>0</v>
      </c>
      <c r="V642">
        <v>0</v>
      </c>
      <c r="W642">
        <v>1.945910149055313</v>
      </c>
      <c r="X642">
        <v>1</v>
      </c>
      <c r="Y642">
        <v>1</v>
      </c>
      <c r="Z642">
        <v>0</v>
      </c>
      <c r="AA642">
        <v>0</v>
      </c>
      <c r="AB642">
        <v>1.791759469228055</v>
      </c>
      <c r="AC642">
        <v>1</v>
      </c>
      <c r="AD642">
        <v>1</v>
      </c>
      <c r="AE642">
        <v>0</v>
      </c>
      <c r="AF642">
        <v>0</v>
      </c>
      <c r="AG642">
        <v>1.6094379124341009</v>
      </c>
      <c r="AH642">
        <v>-4.2990540023852511E-2</v>
      </c>
      <c r="AI642">
        <v>-0.38429950345253677</v>
      </c>
      <c r="AJ642">
        <v>0.26818468982875321</v>
      </c>
      <c r="AK642">
        <v>0</v>
      </c>
      <c r="AL642">
        <v>324.12041223090142</v>
      </c>
      <c r="AM642">
        <v>258.02511190826101</v>
      </c>
      <c r="AN642">
        <v>989</v>
      </c>
      <c r="AO642">
        <v>149</v>
      </c>
      <c r="AP642">
        <v>228.0122506977149</v>
      </c>
      <c r="AQ642">
        <v>3.5</v>
      </c>
      <c r="AR642">
        <v>4.125</v>
      </c>
      <c r="AS642">
        <v>8</v>
      </c>
      <c r="AT642">
        <v>0</v>
      </c>
      <c r="AU642">
        <v>0.19586614173228339</v>
      </c>
      <c r="AV642">
        <v>-2.0174021981945289E-2</v>
      </c>
      <c r="AW642">
        <v>0.5</v>
      </c>
      <c r="AX642">
        <v>91.428571428571431</v>
      </c>
      <c r="AY642">
        <v>69.5</v>
      </c>
      <c r="AZ642">
        <v>115</v>
      </c>
      <c r="BA642">
        <v>0.63542181611080928</v>
      </c>
      <c r="BB642">
        <v>0.375</v>
      </c>
      <c r="BC642">
        <v>1.945910149055313</v>
      </c>
      <c r="BD642" t="s">
        <v>2501</v>
      </c>
      <c r="BE642" t="s">
        <v>68</v>
      </c>
    </row>
    <row r="643" spans="1:57" x14ac:dyDescent="0.3">
      <c r="A643" t="s">
        <v>2503</v>
      </c>
      <c r="B643">
        <v>2299</v>
      </c>
      <c r="C643" t="s">
        <v>2504</v>
      </c>
      <c r="D643" t="s">
        <v>2505</v>
      </c>
      <c r="E643" t="s">
        <v>128</v>
      </c>
      <c r="F643">
        <v>32</v>
      </c>
      <c r="G643">
        <v>137</v>
      </c>
      <c r="H643">
        <v>154</v>
      </c>
      <c r="I643">
        <v>6016.6875</v>
      </c>
      <c r="J643">
        <v>77.56730948021854</v>
      </c>
      <c r="K643">
        <v>-0.2251217675296788</v>
      </c>
      <c r="L643">
        <v>-1.1280985410562501</v>
      </c>
      <c r="M643">
        <v>4.726409765557392</v>
      </c>
      <c r="N643">
        <v>3</v>
      </c>
      <c r="O643">
        <v>1</v>
      </c>
      <c r="P643">
        <v>2</v>
      </c>
      <c r="Q643">
        <v>0.44031528592635538</v>
      </c>
      <c r="R643">
        <v>3.2760976031670972</v>
      </c>
      <c r="S643">
        <v>1</v>
      </c>
      <c r="T643">
        <v>1</v>
      </c>
      <c r="U643">
        <v>0</v>
      </c>
      <c r="V643">
        <v>0</v>
      </c>
      <c r="W643">
        <v>3.4339872044851458</v>
      </c>
      <c r="X643">
        <v>1</v>
      </c>
      <c r="Y643">
        <v>1</v>
      </c>
      <c r="Z643">
        <v>0</v>
      </c>
      <c r="AA643">
        <v>0</v>
      </c>
      <c r="AB643">
        <v>3.401197381662155</v>
      </c>
      <c r="AC643">
        <v>1</v>
      </c>
      <c r="AD643">
        <v>1</v>
      </c>
      <c r="AE643">
        <v>0</v>
      </c>
      <c r="AF643">
        <v>0</v>
      </c>
      <c r="AG643">
        <v>3.3672958299864728</v>
      </c>
      <c r="AH643">
        <v>0.19937257834979799</v>
      </c>
      <c r="AI643">
        <v>-0.1773453000509001</v>
      </c>
      <c r="AJ643">
        <v>-0.24291813393997941</v>
      </c>
      <c r="AK643">
        <v>-0.26960952351273021</v>
      </c>
      <c r="AL643">
        <v>518.86935441925402</v>
      </c>
      <c r="AM643">
        <v>723.82082938013514</v>
      </c>
      <c r="AN643">
        <v>4384</v>
      </c>
      <c r="AO643">
        <v>156.70565505837911</v>
      </c>
      <c r="AP643">
        <v>333.17216241851798</v>
      </c>
      <c r="AQ643">
        <v>1.71875</v>
      </c>
      <c r="AR643">
        <v>4.21875</v>
      </c>
      <c r="AS643">
        <v>31</v>
      </c>
      <c r="AT643">
        <v>4.7500000000000018</v>
      </c>
      <c r="AU643">
        <v>0.1458333333333334</v>
      </c>
      <c r="AV643">
        <v>0.20619739532468401</v>
      </c>
      <c r="AW643">
        <v>0.25</v>
      </c>
      <c r="AX643">
        <v>75.483870967741936</v>
      </c>
      <c r="AY643">
        <v>68</v>
      </c>
      <c r="AZ643">
        <v>116.25</v>
      </c>
      <c r="BA643">
        <v>0.56618474073152214</v>
      </c>
      <c r="BB643">
        <v>0.5625</v>
      </c>
      <c r="BC643">
        <v>3.3892680315457948</v>
      </c>
      <c r="BD643" t="s">
        <v>2506</v>
      </c>
      <c r="BE643" t="s">
        <v>62</v>
      </c>
    </row>
    <row r="644" spans="1:57" x14ac:dyDescent="0.3">
      <c r="A644" t="s">
        <v>2507</v>
      </c>
      <c r="B644">
        <v>3049</v>
      </c>
      <c r="C644" t="s">
        <v>2508</v>
      </c>
      <c r="D644" t="s">
        <v>2509</v>
      </c>
      <c r="E644" t="s">
        <v>66</v>
      </c>
      <c r="F644">
        <v>71</v>
      </c>
      <c r="G644">
        <v>116.4366197183099</v>
      </c>
      <c r="H644">
        <v>117</v>
      </c>
      <c r="I644">
        <v>6853.2882364610196</v>
      </c>
      <c r="J644">
        <v>82.78458936578123</v>
      </c>
      <c r="K644">
        <v>0.12924302141388841</v>
      </c>
      <c r="L644">
        <v>-1.3615894259524031</v>
      </c>
      <c r="M644">
        <v>5.7622854997254267</v>
      </c>
      <c r="N644">
        <v>3</v>
      </c>
      <c r="O644">
        <v>1</v>
      </c>
      <c r="P644">
        <v>2</v>
      </c>
      <c r="Q644">
        <v>0.49281399751573968</v>
      </c>
      <c r="R644">
        <v>3.9941119477161369</v>
      </c>
      <c r="S644">
        <v>1</v>
      </c>
      <c r="T644">
        <v>1</v>
      </c>
      <c r="U644">
        <v>0</v>
      </c>
      <c r="V644">
        <v>0</v>
      </c>
      <c r="W644">
        <v>4.2484952420493576</v>
      </c>
      <c r="X644">
        <v>1</v>
      </c>
      <c r="Y644">
        <v>1</v>
      </c>
      <c r="Z644">
        <v>0</v>
      </c>
      <c r="AA644">
        <v>0</v>
      </c>
      <c r="AB644">
        <v>4.2341065045972579</v>
      </c>
      <c r="AC644">
        <v>1</v>
      </c>
      <c r="AD644">
        <v>1</v>
      </c>
      <c r="AE644">
        <v>0</v>
      </c>
      <c r="AF644">
        <v>0</v>
      </c>
      <c r="AG644">
        <v>4.2195077051761087</v>
      </c>
      <c r="AH644">
        <v>-8.5381456065967629E-2</v>
      </c>
      <c r="AI644">
        <v>-0.1080677347835562</v>
      </c>
      <c r="AJ644">
        <v>0.12989159666898659</v>
      </c>
      <c r="AK644">
        <v>-0.2277968075570283</v>
      </c>
      <c r="AL644">
        <v>716.81062854293816</v>
      </c>
      <c r="AM644">
        <v>967.13366336193553</v>
      </c>
      <c r="AN644">
        <v>8267</v>
      </c>
      <c r="AO644">
        <v>93.051407928868571</v>
      </c>
      <c r="AP644">
        <v>581.92475714174452</v>
      </c>
      <c r="AQ644">
        <v>1.323943661971831</v>
      </c>
      <c r="AR644">
        <v>3.647887323943662</v>
      </c>
      <c r="AS644">
        <v>70</v>
      </c>
      <c r="AT644">
        <v>11.50704225352113</v>
      </c>
      <c r="AU644">
        <v>0.15515051090858881</v>
      </c>
      <c r="AV644">
        <v>-8.5883401117781075E-2</v>
      </c>
      <c r="AW644">
        <v>0.3380281690140845</v>
      </c>
      <c r="AX644">
        <v>97.2</v>
      </c>
      <c r="AY644">
        <v>69</v>
      </c>
      <c r="AZ644">
        <v>138</v>
      </c>
      <c r="BA644">
        <v>0.71098413511194725</v>
      </c>
      <c r="BB644">
        <v>0.50704225352112675</v>
      </c>
      <c r="BC644">
        <v>4.1296700110962252</v>
      </c>
      <c r="BD644" t="s">
        <v>2510</v>
      </c>
      <c r="BE644" t="s">
        <v>68</v>
      </c>
    </row>
    <row r="645" spans="1:57" x14ac:dyDescent="0.3">
      <c r="A645" t="s">
        <v>2511</v>
      </c>
      <c r="B645">
        <v>675</v>
      </c>
      <c r="C645" t="s">
        <v>2512</v>
      </c>
      <c r="D645" t="s">
        <v>2513</v>
      </c>
      <c r="E645" t="s">
        <v>10622</v>
      </c>
      <c r="F645">
        <v>64</v>
      </c>
      <c r="G645">
        <v>121.453125</v>
      </c>
      <c r="H645">
        <v>110</v>
      </c>
      <c r="I645">
        <v>5312.904052734375</v>
      </c>
      <c r="J645">
        <v>72.889670411755702</v>
      </c>
      <c r="K645">
        <v>0.12381271114623479</v>
      </c>
      <c r="L645">
        <v>-1.1945610193728979</v>
      </c>
      <c r="M645">
        <v>5.90625</v>
      </c>
      <c r="N645">
        <v>2</v>
      </c>
      <c r="O645">
        <v>1</v>
      </c>
      <c r="P645">
        <v>1</v>
      </c>
      <c r="Q645">
        <v>0.2162443599716872</v>
      </c>
      <c r="R645">
        <v>4.0939005351821782</v>
      </c>
      <c r="S645">
        <v>1</v>
      </c>
      <c r="T645">
        <v>1</v>
      </c>
      <c r="U645">
        <v>0</v>
      </c>
      <c r="V645">
        <v>0</v>
      </c>
      <c r="W645">
        <v>4.1431347263915326</v>
      </c>
      <c r="X645">
        <v>1</v>
      </c>
      <c r="Y645">
        <v>1</v>
      </c>
      <c r="Z645">
        <v>0</v>
      </c>
      <c r="AA645">
        <v>0</v>
      </c>
      <c r="AB645">
        <v>4.1271343850450908</v>
      </c>
      <c r="AC645">
        <v>1</v>
      </c>
      <c r="AD645">
        <v>1</v>
      </c>
      <c r="AE645">
        <v>0</v>
      </c>
      <c r="AF645">
        <v>0</v>
      </c>
      <c r="AG645">
        <v>4.1108738641733096</v>
      </c>
      <c r="AH645">
        <v>-0.1281864426499271</v>
      </c>
      <c r="AI645">
        <v>-7.7736931370798776E-2</v>
      </c>
      <c r="AJ645">
        <v>-9.1586647764152138E-3</v>
      </c>
      <c r="AK645">
        <v>6.6857320249769604E-3</v>
      </c>
      <c r="AL645">
        <v>646.73603967000145</v>
      </c>
      <c r="AM645">
        <v>930.49099672805119</v>
      </c>
      <c r="AN645">
        <v>7773</v>
      </c>
      <c r="AO645">
        <v>133</v>
      </c>
      <c r="AP645">
        <v>532.40273674128321</v>
      </c>
      <c r="AQ645">
        <v>1.359375</v>
      </c>
      <c r="AR645">
        <v>3.78125</v>
      </c>
      <c r="AS645">
        <v>64</v>
      </c>
      <c r="AT645">
        <v>2.71875</v>
      </c>
      <c r="AU645">
        <v>8.0645161290322565E-2</v>
      </c>
      <c r="AV645">
        <v>-0.13237748467944269</v>
      </c>
      <c r="AW645">
        <v>0.375</v>
      </c>
      <c r="AX645">
        <v>92.047619047619051</v>
      </c>
      <c r="AY645">
        <v>59.5</v>
      </c>
      <c r="AZ645">
        <v>127.25</v>
      </c>
      <c r="BA645">
        <v>0.60014652082238062</v>
      </c>
      <c r="BB645">
        <v>0.46875</v>
      </c>
      <c r="BC645">
        <v>3.89277780391402</v>
      </c>
      <c r="BD645" t="s">
        <v>2514</v>
      </c>
      <c r="BE645" t="s">
        <v>62</v>
      </c>
    </row>
    <row r="646" spans="1:57" x14ac:dyDescent="0.3">
      <c r="A646" t="s">
        <v>2515</v>
      </c>
      <c r="B646">
        <v>3153</v>
      </c>
      <c r="C646" t="s">
        <v>2516</v>
      </c>
      <c r="D646" t="s">
        <v>2517</v>
      </c>
      <c r="E646" t="s">
        <v>93</v>
      </c>
      <c r="F646">
        <v>3281</v>
      </c>
      <c r="G646">
        <v>126.7796403535507</v>
      </c>
      <c r="H646">
        <v>126</v>
      </c>
      <c r="I646">
        <v>5424.6369033756837</v>
      </c>
      <c r="J646">
        <v>73.652134411540871</v>
      </c>
      <c r="K646">
        <v>1.7851656179328181E-2</v>
      </c>
      <c r="L646">
        <v>-1.192884774301801</v>
      </c>
      <c r="M646">
        <v>7.9482465285348107</v>
      </c>
      <c r="N646">
        <v>25</v>
      </c>
      <c r="O646">
        <v>5</v>
      </c>
      <c r="P646">
        <v>20</v>
      </c>
      <c r="Q646">
        <v>3.4665652431421128</v>
      </c>
      <c r="R646">
        <v>5.509304671649276</v>
      </c>
      <c r="S646">
        <v>2</v>
      </c>
      <c r="T646">
        <v>1</v>
      </c>
      <c r="U646">
        <v>1</v>
      </c>
      <c r="V646">
        <v>0.16092324996037891</v>
      </c>
      <c r="W646">
        <v>8.0596733901906301</v>
      </c>
      <c r="X646">
        <v>1</v>
      </c>
      <c r="Y646">
        <v>1</v>
      </c>
      <c r="Z646">
        <v>0</v>
      </c>
      <c r="AA646">
        <v>0</v>
      </c>
      <c r="AB646">
        <v>8.0952937768446489</v>
      </c>
      <c r="AC646">
        <v>1</v>
      </c>
      <c r="AD646">
        <v>1</v>
      </c>
      <c r="AE646">
        <v>0</v>
      </c>
      <c r="AF646">
        <v>0</v>
      </c>
      <c r="AG646">
        <v>8.0949887593037744</v>
      </c>
      <c r="AH646">
        <v>3.900311225647509E-3</v>
      </c>
      <c r="AI646">
        <v>-5.0204852904939682E-3</v>
      </c>
      <c r="AJ646">
        <v>2.040438438279427E-2</v>
      </c>
      <c r="AK646">
        <v>1.4468837655632991E-2</v>
      </c>
      <c r="AL646">
        <v>3863.7061966264082</v>
      </c>
      <c r="AM646">
        <v>7456.9279483008722</v>
      </c>
      <c r="AN646">
        <v>415963.99999999988</v>
      </c>
      <c r="AO646">
        <v>141.89632340699609</v>
      </c>
      <c r="AP646">
        <v>3548.1868690976571</v>
      </c>
      <c r="AQ646">
        <v>1.0070100579091741</v>
      </c>
      <c r="AR646">
        <v>3.9731789088692469</v>
      </c>
      <c r="AS646">
        <v>3271</v>
      </c>
      <c r="AT646">
        <v>240.03383114903991</v>
      </c>
      <c r="AU646">
        <v>1.387788275932139E-2</v>
      </c>
      <c r="AV646">
        <v>3.9015836808260328E-3</v>
      </c>
      <c r="AW646">
        <v>0.37488570557756778</v>
      </c>
      <c r="AX646">
        <v>84.834451219512189</v>
      </c>
      <c r="AY646">
        <v>63</v>
      </c>
      <c r="AZ646">
        <v>127</v>
      </c>
      <c r="BA646">
        <v>0.58094607467056192</v>
      </c>
      <c r="BB646">
        <v>0.49710454129838472</v>
      </c>
      <c r="BC646">
        <v>5.3045779006605018</v>
      </c>
      <c r="BD646" t="s">
        <v>2518</v>
      </c>
      <c r="BE646" t="s">
        <v>68</v>
      </c>
    </row>
    <row r="647" spans="1:57" x14ac:dyDescent="0.3">
      <c r="A647" t="s">
        <v>2519</v>
      </c>
      <c r="B647">
        <v>1535</v>
      </c>
      <c r="C647" t="s">
        <v>2520</v>
      </c>
      <c r="D647" t="s">
        <v>2521</v>
      </c>
      <c r="E647" t="s">
        <v>72</v>
      </c>
      <c r="F647">
        <v>1544</v>
      </c>
      <c r="G647">
        <v>130.34844559585491</v>
      </c>
      <c r="H647">
        <v>134</v>
      </c>
      <c r="I647">
        <v>5529.8850623506669</v>
      </c>
      <c r="J647">
        <v>74.363196961606391</v>
      </c>
      <c r="K647">
        <v>-7.5384231563912107E-2</v>
      </c>
      <c r="L647">
        <v>-1.224729368626744</v>
      </c>
      <c r="M647">
        <v>7.8610241849406686</v>
      </c>
      <c r="N647">
        <v>15</v>
      </c>
      <c r="O647">
        <v>1</v>
      </c>
      <c r="P647">
        <v>14</v>
      </c>
      <c r="Q647">
        <v>2.524233100073265</v>
      </c>
      <c r="R647">
        <v>5.4488467501051714</v>
      </c>
      <c r="S647">
        <v>2</v>
      </c>
      <c r="T647">
        <v>1</v>
      </c>
      <c r="U647">
        <v>1</v>
      </c>
      <c r="V647">
        <v>9.1785279707694373E-2</v>
      </c>
      <c r="W647">
        <v>7.3298041202215147</v>
      </c>
      <c r="X647">
        <v>1</v>
      </c>
      <c r="Y647">
        <v>1</v>
      </c>
      <c r="Z647">
        <v>0</v>
      </c>
      <c r="AA647">
        <v>0</v>
      </c>
      <c r="AB647">
        <v>7.3408355541232737</v>
      </c>
      <c r="AC647">
        <v>1</v>
      </c>
      <c r="AD647">
        <v>1</v>
      </c>
      <c r="AE647">
        <v>0</v>
      </c>
      <c r="AF647">
        <v>0</v>
      </c>
      <c r="AG647">
        <v>7.3401868353201154</v>
      </c>
      <c r="AH647">
        <v>-1.147557899978143E-2</v>
      </c>
      <c r="AI647">
        <v>-3.2628672407214003E-2</v>
      </c>
      <c r="AJ647">
        <v>-3.2969096523964667E-2</v>
      </c>
      <c r="AK647">
        <v>1.8908334371977021E-2</v>
      </c>
      <c r="AL647">
        <v>2714.0473342834648</v>
      </c>
      <c r="AM647">
        <v>5235.0508180216166</v>
      </c>
      <c r="AN647">
        <v>201258</v>
      </c>
      <c r="AO647">
        <v>102.36926774686199</v>
      </c>
      <c r="AP647">
        <v>2434.619400795194</v>
      </c>
      <c r="AQ647">
        <v>1.0148963730569951</v>
      </c>
      <c r="AR647">
        <v>3.9922279792746109</v>
      </c>
      <c r="AS647">
        <v>1536</v>
      </c>
      <c r="AT647">
        <v>266.24352331606218</v>
      </c>
      <c r="AU647">
        <v>2.9960377933556881E-2</v>
      </c>
      <c r="AV647">
        <v>-1.147949040346119E-2</v>
      </c>
      <c r="AW647">
        <v>0.34779792746113991</v>
      </c>
      <c r="AX647">
        <v>87.095268956578096</v>
      </c>
      <c r="AY647">
        <v>65</v>
      </c>
      <c r="AZ647">
        <v>132</v>
      </c>
      <c r="BA647">
        <v>0.5704954640745723</v>
      </c>
      <c r="BB647">
        <v>0.51295336787564771</v>
      </c>
      <c r="BC647">
        <v>5.2743837674590157</v>
      </c>
      <c r="BD647" t="s">
        <v>2522</v>
      </c>
      <c r="BE647" t="s">
        <v>68</v>
      </c>
    </row>
    <row r="648" spans="1:57" x14ac:dyDescent="0.3">
      <c r="A648" t="s">
        <v>2523</v>
      </c>
      <c r="B648">
        <v>2078</v>
      </c>
      <c r="C648" t="s">
        <v>2524</v>
      </c>
      <c r="D648" t="s">
        <v>2525</v>
      </c>
      <c r="E648" t="s">
        <v>93</v>
      </c>
      <c r="F648">
        <v>2090</v>
      </c>
      <c r="G648">
        <v>126.4215311004785</v>
      </c>
      <c r="H648">
        <v>129</v>
      </c>
      <c r="I648">
        <v>5444.314656028937</v>
      </c>
      <c r="J648">
        <v>73.785599245577302</v>
      </c>
      <c r="K648">
        <v>2.1463930967979439E-2</v>
      </c>
      <c r="L648">
        <v>-1.2018786788683631</v>
      </c>
      <c r="M648">
        <v>7.9069600809690286</v>
      </c>
      <c r="N648">
        <v>18</v>
      </c>
      <c r="O648">
        <v>1</v>
      </c>
      <c r="P648">
        <v>17</v>
      </c>
      <c r="Q648">
        <v>2.9322488803124731</v>
      </c>
      <c r="R648">
        <v>5.4806870869237274</v>
      </c>
      <c r="S648">
        <v>2</v>
      </c>
      <c r="T648">
        <v>1</v>
      </c>
      <c r="U648">
        <v>1</v>
      </c>
      <c r="V648">
        <v>0.13125481679231729</v>
      </c>
      <c r="W648">
        <v>7.6205505763003112</v>
      </c>
      <c r="X648">
        <v>1</v>
      </c>
      <c r="Y648">
        <v>1</v>
      </c>
      <c r="Z648">
        <v>0</v>
      </c>
      <c r="AA648">
        <v>0</v>
      </c>
      <c r="AB648">
        <v>7.6439619490025263</v>
      </c>
      <c r="AC648">
        <v>1</v>
      </c>
      <c r="AD648">
        <v>1</v>
      </c>
      <c r="AE648">
        <v>0</v>
      </c>
      <c r="AF648">
        <v>0</v>
      </c>
      <c r="AG648">
        <v>7.6434829070771988</v>
      </c>
      <c r="AH648">
        <v>-2.4411474415982879E-2</v>
      </c>
      <c r="AI648">
        <v>6.740741470478759E-3</v>
      </c>
      <c r="AJ648">
        <v>1.762046797235834E-2</v>
      </c>
      <c r="AK648">
        <v>4.0154804307230167E-2</v>
      </c>
      <c r="AL648">
        <v>3094.335360220211</v>
      </c>
      <c r="AM648">
        <v>5933.5427594726953</v>
      </c>
      <c r="AN648">
        <v>264221</v>
      </c>
      <c r="AO648">
        <v>139.64259178776049</v>
      </c>
      <c r="AP648">
        <v>2781.3679857672901</v>
      </c>
      <c r="AQ648">
        <v>1.0110047846889949</v>
      </c>
      <c r="AR648">
        <v>3.988516746411483</v>
      </c>
      <c r="AS648">
        <v>2080</v>
      </c>
      <c r="AT648">
        <v>269.6095693779904</v>
      </c>
      <c r="AU648">
        <v>1.6389905244394432E-2</v>
      </c>
      <c r="AV648">
        <v>-2.4414099201319241E-2</v>
      </c>
      <c r="AW648">
        <v>0.36602870813397131</v>
      </c>
      <c r="AX648">
        <v>87.099569171852565</v>
      </c>
      <c r="AY648">
        <v>65</v>
      </c>
      <c r="AZ648">
        <v>128</v>
      </c>
      <c r="BA648">
        <v>0.58364741039984158</v>
      </c>
      <c r="BB648">
        <v>0.50956937799043067</v>
      </c>
      <c r="BC648">
        <v>5.2988486444399134</v>
      </c>
      <c r="BD648" t="s">
        <v>2526</v>
      </c>
      <c r="BE648" t="s">
        <v>68</v>
      </c>
    </row>
    <row r="649" spans="1:57" x14ac:dyDescent="0.3">
      <c r="A649" t="s">
        <v>2527</v>
      </c>
      <c r="B649">
        <v>2799</v>
      </c>
      <c r="C649" t="s">
        <v>2528</v>
      </c>
      <c r="D649" t="s">
        <v>2529</v>
      </c>
      <c r="E649" t="s">
        <v>93</v>
      </c>
      <c r="F649">
        <v>2799</v>
      </c>
      <c r="G649">
        <v>127.71418363701321</v>
      </c>
      <c r="H649">
        <v>126</v>
      </c>
      <c r="I649">
        <v>5453.3695415897146</v>
      </c>
      <c r="J649">
        <v>73.846933190144838</v>
      </c>
      <c r="K649">
        <v>2.1308941075077789E-2</v>
      </c>
      <c r="L649">
        <v>-1.1976429597645379</v>
      </c>
      <c r="M649">
        <v>7.945577481902764</v>
      </c>
      <c r="N649">
        <v>19</v>
      </c>
      <c r="O649">
        <v>3</v>
      </c>
      <c r="P649">
        <v>16</v>
      </c>
      <c r="Q649">
        <v>2.9658677414815608</v>
      </c>
      <c r="R649">
        <v>5.5074546295014857</v>
      </c>
      <c r="S649">
        <v>2</v>
      </c>
      <c r="T649">
        <v>1</v>
      </c>
      <c r="U649">
        <v>1</v>
      </c>
      <c r="V649">
        <v>0.13889573582936371</v>
      </c>
      <c r="W649">
        <v>7.9099053676984532</v>
      </c>
      <c r="X649">
        <v>1</v>
      </c>
      <c r="Y649">
        <v>1</v>
      </c>
      <c r="Z649">
        <v>0</v>
      </c>
      <c r="AA649">
        <v>0</v>
      </c>
      <c r="AB649">
        <v>7.9363026932019611</v>
      </c>
      <c r="AC649">
        <v>1</v>
      </c>
      <c r="AD649">
        <v>1</v>
      </c>
      <c r="AE649">
        <v>0</v>
      </c>
      <c r="AF649">
        <v>0</v>
      </c>
      <c r="AG649">
        <v>7.935945103353701</v>
      </c>
      <c r="AH649">
        <v>-1.897356683763908E-2</v>
      </c>
      <c r="AI649">
        <v>-1.9231770485680859E-2</v>
      </c>
      <c r="AJ649">
        <v>2.8602233302127151E-2</v>
      </c>
      <c r="AK649">
        <v>1.736320129778857E-2</v>
      </c>
      <c r="AL649">
        <v>3593.6567573860771</v>
      </c>
      <c r="AM649">
        <v>6928.4815876275079</v>
      </c>
      <c r="AN649">
        <v>357472</v>
      </c>
      <c r="AO649">
        <v>83.337076386298961</v>
      </c>
      <c r="AP649">
        <v>3304.1552576197728</v>
      </c>
      <c r="AQ649">
        <v>1.0082172204358699</v>
      </c>
      <c r="AR649">
        <v>4.0200071454090747</v>
      </c>
      <c r="AS649">
        <v>2790</v>
      </c>
      <c r="AT649">
        <v>205.95891389782071</v>
      </c>
      <c r="AU649">
        <v>1.3971376331883169E-2</v>
      </c>
      <c r="AV649">
        <v>-1.8975231945616931E-2</v>
      </c>
      <c r="AW649">
        <v>0.3837084673097535</v>
      </c>
      <c r="AX649">
        <v>86.364546104360258</v>
      </c>
      <c r="AY649">
        <v>64</v>
      </c>
      <c r="AZ649">
        <v>128</v>
      </c>
      <c r="BA649">
        <v>0.57822029697211363</v>
      </c>
      <c r="BB649">
        <v>0.49196141479099681</v>
      </c>
      <c r="BC649">
        <v>5.3153669555053789</v>
      </c>
      <c r="BD649" t="s">
        <v>2530</v>
      </c>
      <c r="BE649" t="s">
        <v>68</v>
      </c>
    </row>
    <row r="650" spans="1:57" x14ac:dyDescent="0.3">
      <c r="A650" t="s">
        <v>2531</v>
      </c>
      <c r="B650">
        <v>3331</v>
      </c>
      <c r="C650" t="s">
        <v>2532</v>
      </c>
      <c r="D650" t="s">
        <v>2533</v>
      </c>
      <c r="E650" t="s">
        <v>106</v>
      </c>
      <c r="F650">
        <v>3377</v>
      </c>
      <c r="G650">
        <v>126.6938110749186</v>
      </c>
      <c r="H650">
        <v>127</v>
      </c>
      <c r="I650">
        <v>5326.4445959879968</v>
      </c>
      <c r="J650">
        <v>72.9824951340251</v>
      </c>
      <c r="K650">
        <v>3.5554116766514008E-3</v>
      </c>
      <c r="L650">
        <v>-1.166289426466723</v>
      </c>
      <c r="M650">
        <v>7.9416004390354491</v>
      </c>
      <c r="N650">
        <v>23</v>
      </c>
      <c r="O650">
        <v>5</v>
      </c>
      <c r="P650">
        <v>18</v>
      </c>
      <c r="Q650">
        <v>3.7089530055611299</v>
      </c>
      <c r="R650">
        <v>5.5046979534510481</v>
      </c>
      <c r="S650">
        <v>3</v>
      </c>
      <c r="T650">
        <v>1</v>
      </c>
      <c r="U650">
        <v>2</v>
      </c>
      <c r="V650">
        <v>0.1481467300008702</v>
      </c>
      <c r="W650">
        <v>8.09605889333805</v>
      </c>
      <c r="X650">
        <v>1</v>
      </c>
      <c r="Y650">
        <v>1</v>
      </c>
      <c r="Z650">
        <v>0</v>
      </c>
      <c r="AA650">
        <v>0</v>
      </c>
      <c r="AB650">
        <v>8.1241506033066297</v>
      </c>
      <c r="AC650">
        <v>1</v>
      </c>
      <c r="AD650">
        <v>1</v>
      </c>
      <c r="AE650">
        <v>0</v>
      </c>
      <c r="AF650">
        <v>0</v>
      </c>
      <c r="AG650">
        <v>8.1238542631059136</v>
      </c>
      <c r="AH650">
        <v>-2.271868521850246E-3</v>
      </c>
      <c r="AI650">
        <v>1.8211931200777558E-2</v>
      </c>
      <c r="AJ650">
        <v>-4.9993507704083223E-4</v>
      </c>
      <c r="AK650">
        <v>-1.974171844417686E-2</v>
      </c>
      <c r="AL650">
        <v>3886.3988984830712</v>
      </c>
      <c r="AM650">
        <v>7555.7011985565969</v>
      </c>
      <c r="AN650">
        <v>427845</v>
      </c>
      <c r="AO650">
        <v>84.820620290988529</v>
      </c>
      <c r="AP650">
        <v>3533.9624297273849</v>
      </c>
      <c r="AQ650">
        <v>1.0068107787977489</v>
      </c>
      <c r="AR650">
        <v>3.968018951732307</v>
      </c>
      <c r="AS650">
        <v>3365</v>
      </c>
      <c r="AT650">
        <v>266.96328101865561</v>
      </c>
      <c r="AU650">
        <v>2.0158279479988609E-2</v>
      </c>
      <c r="AV650">
        <v>-2.272592601126461E-3</v>
      </c>
      <c r="AW650">
        <v>0.37340835060704769</v>
      </c>
      <c r="AX650">
        <v>84.288803317535539</v>
      </c>
      <c r="AY650">
        <v>62</v>
      </c>
      <c r="AZ650">
        <v>123</v>
      </c>
      <c r="BA650">
        <v>0.57605414593509974</v>
      </c>
      <c r="BB650">
        <v>0.50162866449511401</v>
      </c>
      <c r="BC650">
        <v>5.3036136856800704</v>
      </c>
      <c r="BD650" t="s">
        <v>2534</v>
      </c>
      <c r="BE650" t="s">
        <v>68</v>
      </c>
    </row>
    <row r="651" spans="1:57" x14ac:dyDescent="0.3">
      <c r="A651" t="s">
        <v>2535</v>
      </c>
      <c r="B651">
        <v>3865</v>
      </c>
      <c r="C651" t="s">
        <v>2536</v>
      </c>
      <c r="D651" t="s">
        <v>2537</v>
      </c>
      <c r="E651" t="s">
        <v>10622</v>
      </c>
      <c r="F651">
        <v>64</v>
      </c>
      <c r="G651">
        <v>121.8125</v>
      </c>
      <c r="H651">
        <v>113</v>
      </c>
      <c r="I651">
        <v>6036.55859375</v>
      </c>
      <c r="J651">
        <v>77.695293253516979</v>
      </c>
      <c r="K651">
        <v>-1.9096834019848279E-2</v>
      </c>
      <c r="L651">
        <v>-1.444152490144569</v>
      </c>
      <c r="M651">
        <v>5.800704882778696</v>
      </c>
      <c r="N651">
        <v>3</v>
      </c>
      <c r="O651">
        <v>1</v>
      </c>
      <c r="P651">
        <v>2</v>
      </c>
      <c r="Q651">
        <v>0.35669242871684831</v>
      </c>
      <c r="R651">
        <v>4.0207422347583606</v>
      </c>
      <c r="S651">
        <v>1</v>
      </c>
      <c r="T651">
        <v>1</v>
      </c>
      <c r="U651">
        <v>0</v>
      </c>
      <c r="V651">
        <v>0</v>
      </c>
      <c r="W651">
        <v>4.1431347263915326</v>
      </c>
      <c r="X651">
        <v>1</v>
      </c>
      <c r="Y651">
        <v>1</v>
      </c>
      <c r="Z651">
        <v>0</v>
      </c>
      <c r="AA651">
        <v>0</v>
      </c>
      <c r="AB651">
        <v>4.1271343850450908</v>
      </c>
      <c r="AC651">
        <v>1</v>
      </c>
      <c r="AD651">
        <v>1</v>
      </c>
      <c r="AE651">
        <v>0</v>
      </c>
      <c r="AF651">
        <v>0</v>
      </c>
      <c r="AG651">
        <v>4.1108738641733096</v>
      </c>
      <c r="AH651">
        <v>0.3129627868831773</v>
      </c>
      <c r="AI651">
        <v>1.401727284728015E-2</v>
      </c>
      <c r="AJ651">
        <v>1.804341054408717E-2</v>
      </c>
      <c r="AK651">
        <v>0.22412743171651381</v>
      </c>
      <c r="AL651">
        <v>635.10636136606468</v>
      </c>
      <c r="AM651">
        <v>965.72765816888443</v>
      </c>
      <c r="AN651">
        <v>7796</v>
      </c>
      <c r="AO651">
        <v>10</v>
      </c>
      <c r="AP651">
        <v>391.43333375878171</v>
      </c>
      <c r="AQ651">
        <v>1.359375</v>
      </c>
      <c r="AR651">
        <v>4</v>
      </c>
      <c r="AS651">
        <v>63</v>
      </c>
      <c r="AT651">
        <v>6.6875000000000009</v>
      </c>
      <c r="AU651">
        <v>8.5408366533864549E-2</v>
      </c>
      <c r="AV651">
        <v>0.32374100608538769</v>
      </c>
      <c r="AW651">
        <v>0.328125</v>
      </c>
      <c r="AX651">
        <v>68.063492063492063</v>
      </c>
      <c r="AY651">
        <v>71</v>
      </c>
      <c r="AZ651">
        <v>149</v>
      </c>
      <c r="BA651">
        <v>0.6378269328149162</v>
      </c>
      <c r="BB651">
        <v>0.484375</v>
      </c>
      <c r="BC651">
        <v>3.9147824763127481</v>
      </c>
      <c r="BD651" t="s">
        <v>2538</v>
      </c>
      <c r="BE651" t="s">
        <v>62</v>
      </c>
    </row>
    <row r="652" spans="1:57" x14ac:dyDescent="0.3">
      <c r="A652" t="s">
        <v>2539</v>
      </c>
      <c r="B652">
        <v>1451</v>
      </c>
      <c r="C652" t="s">
        <v>2540</v>
      </c>
      <c r="D652" t="s">
        <v>2541</v>
      </c>
      <c r="E652" t="s">
        <v>10622</v>
      </c>
      <c r="F652">
        <v>64</v>
      </c>
      <c r="G652">
        <v>131.96875</v>
      </c>
      <c r="H652">
        <v>146.5</v>
      </c>
      <c r="I652">
        <v>4742.2490234375</v>
      </c>
      <c r="J652">
        <v>68.863989308182695</v>
      </c>
      <c r="K652">
        <v>-0.28102508448337082</v>
      </c>
      <c r="L652">
        <v>-1.0754040573804311</v>
      </c>
      <c r="M652">
        <v>5.769454882778696</v>
      </c>
      <c r="N652">
        <v>3</v>
      </c>
      <c r="O652">
        <v>1</v>
      </c>
      <c r="P652">
        <v>2</v>
      </c>
      <c r="Q652">
        <v>0.37790630225505289</v>
      </c>
      <c r="R652">
        <v>3.9990813853658631</v>
      </c>
      <c r="S652">
        <v>2</v>
      </c>
      <c r="T652">
        <v>1</v>
      </c>
      <c r="U652">
        <v>1</v>
      </c>
      <c r="V652">
        <v>0.12597176896623641</v>
      </c>
      <c r="W652">
        <v>4.1211300539928049</v>
      </c>
      <c r="X652">
        <v>1</v>
      </c>
      <c r="Y652">
        <v>1</v>
      </c>
      <c r="Z652">
        <v>0</v>
      </c>
      <c r="AA652">
        <v>0</v>
      </c>
      <c r="AB652">
        <v>4.1271343850450908</v>
      </c>
      <c r="AC652">
        <v>1</v>
      </c>
      <c r="AD652">
        <v>1</v>
      </c>
      <c r="AE652">
        <v>0</v>
      </c>
      <c r="AF652">
        <v>0</v>
      </c>
      <c r="AG652">
        <v>4.1108738641733096</v>
      </c>
      <c r="AH652">
        <v>-0.1175818797295257</v>
      </c>
      <c r="AI652">
        <v>0.122654703769288</v>
      </c>
      <c r="AJ652">
        <v>-0.1003126561836204</v>
      </c>
      <c r="AK652">
        <v>3.5457086069517627E-2</v>
      </c>
      <c r="AL652">
        <v>634.81871459366141</v>
      </c>
      <c r="AM652">
        <v>1007.530247487216</v>
      </c>
      <c r="AN652">
        <v>8446</v>
      </c>
      <c r="AO652">
        <v>88.170693102456852</v>
      </c>
      <c r="AP652">
        <v>523.22277776646479</v>
      </c>
      <c r="AQ652">
        <v>1.359375</v>
      </c>
      <c r="AR652">
        <v>4</v>
      </c>
      <c r="AS652">
        <v>64</v>
      </c>
      <c r="AT652">
        <v>7.2499999999999991</v>
      </c>
      <c r="AU652">
        <v>9.7815040650406471E-2</v>
      </c>
      <c r="AV652">
        <v>-0.1176448165057495</v>
      </c>
      <c r="AW652">
        <v>0.328125</v>
      </c>
      <c r="AX652">
        <v>85.333333333333329</v>
      </c>
      <c r="AY652">
        <v>51.5</v>
      </c>
      <c r="AZ652">
        <v>118.25</v>
      </c>
      <c r="BA652">
        <v>0.52182042573096055</v>
      </c>
      <c r="BB652">
        <v>0.546875</v>
      </c>
      <c r="BC652">
        <v>4.0111066919991618</v>
      </c>
      <c r="BD652" t="s">
        <v>2542</v>
      </c>
      <c r="BE652" t="s">
        <v>62</v>
      </c>
    </row>
    <row r="653" spans="1:57" x14ac:dyDescent="0.3">
      <c r="A653" t="s">
        <v>2543</v>
      </c>
      <c r="B653">
        <v>2199</v>
      </c>
      <c r="C653" t="s">
        <v>2544</v>
      </c>
      <c r="D653" t="s">
        <v>2545</v>
      </c>
      <c r="E653" t="s">
        <v>93</v>
      </c>
      <c r="F653">
        <v>2210</v>
      </c>
      <c r="G653">
        <v>129.71402714932131</v>
      </c>
      <c r="H653">
        <v>130</v>
      </c>
      <c r="I653">
        <v>5434.9987625150998</v>
      </c>
      <c r="J653">
        <v>73.722444089402657</v>
      </c>
      <c r="K653">
        <v>-2.6214866844894311E-2</v>
      </c>
      <c r="L653">
        <v>-1.1904451378699401</v>
      </c>
      <c r="M653">
        <v>7.9082326955363689</v>
      </c>
      <c r="N653">
        <v>19</v>
      </c>
      <c r="O653">
        <v>1</v>
      </c>
      <c r="P653">
        <v>18</v>
      </c>
      <c r="Q653">
        <v>3.037194155770051</v>
      </c>
      <c r="R653">
        <v>5.4815691961230062</v>
      </c>
      <c r="S653">
        <v>2</v>
      </c>
      <c r="T653">
        <v>1</v>
      </c>
      <c r="U653">
        <v>1</v>
      </c>
      <c r="V653">
        <v>0.11257588375804491</v>
      </c>
      <c r="W653">
        <v>7.6827233418939258</v>
      </c>
      <c r="X653">
        <v>1</v>
      </c>
      <c r="Y653">
        <v>1</v>
      </c>
      <c r="Z653">
        <v>0</v>
      </c>
      <c r="AA653">
        <v>0</v>
      </c>
      <c r="AB653">
        <v>7.6998424073969858</v>
      </c>
      <c r="AC653">
        <v>1</v>
      </c>
      <c r="AD653">
        <v>1</v>
      </c>
      <c r="AE653">
        <v>0</v>
      </c>
      <c r="AF653">
        <v>0</v>
      </c>
      <c r="AG653">
        <v>7.6993894062567367</v>
      </c>
      <c r="AH653">
        <v>1.5990683393889069E-2</v>
      </c>
      <c r="AI653">
        <v>2.4019904390454049E-2</v>
      </c>
      <c r="AJ653">
        <v>-2.9673417264644959E-2</v>
      </c>
      <c r="AK653">
        <v>5.684522366376923E-4</v>
      </c>
      <c r="AL653">
        <v>3214.8234017039099</v>
      </c>
      <c r="AM653">
        <v>6233.8686620634617</v>
      </c>
      <c r="AN653">
        <v>286668</v>
      </c>
      <c r="AO653">
        <v>102.5238162226851</v>
      </c>
      <c r="AP653">
        <v>2920.1116013167152</v>
      </c>
      <c r="AQ653">
        <v>1.010407239819004</v>
      </c>
      <c r="AR653">
        <v>4.0117647058823529</v>
      </c>
      <c r="AS653">
        <v>2200</v>
      </c>
      <c r="AT653">
        <v>273.54751131221718</v>
      </c>
      <c r="AU653">
        <v>2.2322775263951739E-2</v>
      </c>
      <c r="AV653">
        <v>1.6001537211755009E-2</v>
      </c>
      <c r="AW653">
        <v>0.36787330316742078</v>
      </c>
      <c r="AX653">
        <v>83.560887279311899</v>
      </c>
      <c r="AY653">
        <v>63</v>
      </c>
      <c r="AZ653">
        <v>126</v>
      </c>
      <c r="BA653">
        <v>0.56834596619636613</v>
      </c>
      <c r="BB653">
        <v>0.50090497737556561</v>
      </c>
      <c r="BC653">
        <v>5.2943308654219541</v>
      </c>
      <c r="BD653" t="s">
        <v>2546</v>
      </c>
      <c r="BE653" t="s">
        <v>68</v>
      </c>
    </row>
    <row r="654" spans="1:57" x14ac:dyDescent="0.3">
      <c r="A654" t="s">
        <v>2547</v>
      </c>
      <c r="B654">
        <v>2120</v>
      </c>
      <c r="C654" t="s">
        <v>2548</v>
      </c>
      <c r="D654" t="s">
        <v>2549</v>
      </c>
      <c r="E654" t="s">
        <v>72</v>
      </c>
      <c r="F654">
        <v>2224</v>
      </c>
      <c r="G654">
        <v>124.3741007194245</v>
      </c>
      <c r="H654">
        <v>121</v>
      </c>
      <c r="I654">
        <v>5491.1595090833807</v>
      </c>
      <c r="J654">
        <v>74.102358323358246</v>
      </c>
      <c r="K654">
        <v>6.636119340190226E-2</v>
      </c>
      <c r="L654">
        <v>-1.2143247726607991</v>
      </c>
      <c r="M654">
        <v>7.9104262574059367</v>
      </c>
      <c r="N654">
        <v>16</v>
      </c>
      <c r="O654">
        <v>2</v>
      </c>
      <c r="P654">
        <v>14</v>
      </c>
      <c r="Q654">
        <v>3.0201148570873921</v>
      </c>
      <c r="R654">
        <v>5.4830896573482892</v>
      </c>
      <c r="S654">
        <v>2</v>
      </c>
      <c r="T654">
        <v>1</v>
      </c>
      <c r="U654">
        <v>1</v>
      </c>
      <c r="V654">
        <v>0.125460992668358</v>
      </c>
      <c r="W654">
        <v>7.6847864170504794</v>
      </c>
      <c r="X654">
        <v>2</v>
      </c>
      <c r="Y654">
        <v>1</v>
      </c>
      <c r="Z654">
        <v>1</v>
      </c>
      <c r="AA654">
        <v>2.12142620250153E-2</v>
      </c>
      <c r="AB654">
        <v>7.705539075347585</v>
      </c>
      <c r="AC654">
        <v>1</v>
      </c>
      <c r="AD654">
        <v>1</v>
      </c>
      <c r="AE654">
        <v>0</v>
      </c>
      <c r="AF654">
        <v>0</v>
      </c>
      <c r="AG654">
        <v>7.7057128238944257</v>
      </c>
      <c r="AH654">
        <v>-6.4668983172956633E-3</v>
      </c>
      <c r="AI654">
        <v>-6.8488292106258213E-3</v>
      </c>
      <c r="AJ654">
        <v>1.509901004681233E-3</v>
      </c>
      <c r="AK654">
        <v>-2.249625929532038E-2</v>
      </c>
      <c r="AL654">
        <v>3201.534318066701</v>
      </c>
      <c r="AM654">
        <v>6030.372128670102</v>
      </c>
      <c r="AN654">
        <v>276608</v>
      </c>
      <c r="AO654">
        <v>165.7427151908102</v>
      </c>
      <c r="AP654">
        <v>2821.6695410938091</v>
      </c>
      <c r="AQ654">
        <v>1.0103417266187049</v>
      </c>
      <c r="AR654">
        <v>3.9910071942446042</v>
      </c>
      <c r="AS654">
        <v>2216</v>
      </c>
      <c r="AT654">
        <v>268.77697841726621</v>
      </c>
      <c r="AU654">
        <v>3.2735576244886488E-2</v>
      </c>
      <c r="AV654">
        <v>-6.4688855514424973E-3</v>
      </c>
      <c r="AW654">
        <v>0.39478417266187049</v>
      </c>
      <c r="AX654">
        <v>85.431848852901481</v>
      </c>
      <c r="AY654">
        <v>65</v>
      </c>
      <c r="AZ654">
        <v>130</v>
      </c>
      <c r="BA654">
        <v>0.59580216375212847</v>
      </c>
      <c r="BB654">
        <v>0.48246402877697842</v>
      </c>
      <c r="BC654">
        <v>5.2929166208788532</v>
      </c>
      <c r="BD654" t="s">
        <v>2550</v>
      </c>
      <c r="BE654" t="s">
        <v>62</v>
      </c>
    </row>
    <row r="655" spans="1:57" x14ac:dyDescent="0.3">
      <c r="A655" t="s">
        <v>2551</v>
      </c>
      <c r="B655">
        <v>904</v>
      </c>
      <c r="C655" t="s">
        <v>2552</v>
      </c>
      <c r="D655" t="s">
        <v>2553</v>
      </c>
      <c r="E655" t="s">
        <v>85</v>
      </c>
      <c r="F655">
        <v>8</v>
      </c>
      <c r="G655">
        <v>120.75</v>
      </c>
      <c r="H655">
        <v>144.5</v>
      </c>
      <c r="I655">
        <v>5067.4375</v>
      </c>
      <c r="J655">
        <v>71.185936111004395</v>
      </c>
      <c r="K655">
        <v>-0.36083235231733618</v>
      </c>
      <c r="L655">
        <v>-1.5847692556806701</v>
      </c>
      <c r="M655">
        <v>3</v>
      </c>
      <c r="N655">
        <v>1</v>
      </c>
      <c r="O655">
        <v>1</v>
      </c>
      <c r="P655">
        <v>0</v>
      </c>
      <c r="Q655">
        <v>0</v>
      </c>
      <c r="R655">
        <v>2.0794415416798362</v>
      </c>
      <c r="S655">
        <v>1</v>
      </c>
      <c r="T655">
        <v>1</v>
      </c>
      <c r="U655">
        <v>0</v>
      </c>
      <c r="V655">
        <v>0</v>
      </c>
      <c r="W655">
        <v>1.945910149055313</v>
      </c>
      <c r="X655">
        <v>1</v>
      </c>
      <c r="Y655">
        <v>1</v>
      </c>
      <c r="Z655">
        <v>0</v>
      </c>
      <c r="AA655">
        <v>0</v>
      </c>
      <c r="AB655">
        <v>1.791759469228055</v>
      </c>
      <c r="AC655">
        <v>1</v>
      </c>
      <c r="AD655">
        <v>1</v>
      </c>
      <c r="AE655">
        <v>0</v>
      </c>
      <c r="AF655">
        <v>0</v>
      </c>
      <c r="AG655">
        <v>1.6094379124341009</v>
      </c>
      <c r="AH655">
        <v>4.7099125544222296E-3</v>
      </c>
      <c r="AI655">
        <v>-0.44669704855757958</v>
      </c>
      <c r="AJ655">
        <v>-5.8456875393135092E-2</v>
      </c>
      <c r="AK655">
        <v>0</v>
      </c>
      <c r="AL655">
        <v>284.19254565999643</v>
      </c>
      <c r="AM655">
        <v>276.43913795135973</v>
      </c>
      <c r="AN655">
        <v>966</v>
      </c>
      <c r="AO655">
        <v>69.330314481042379</v>
      </c>
      <c r="AP655">
        <v>173.05945242071149</v>
      </c>
      <c r="AQ655">
        <v>3.5</v>
      </c>
      <c r="AR655">
        <v>3.75</v>
      </c>
      <c r="AS655">
        <v>8</v>
      </c>
      <c r="AT655">
        <v>0</v>
      </c>
      <c r="AU655">
        <v>0.2392131979695431</v>
      </c>
      <c r="AV655">
        <v>1.7835780092211949E-2</v>
      </c>
      <c r="AW655">
        <v>0.125</v>
      </c>
      <c r="AX655">
        <v>78</v>
      </c>
      <c r="AY655">
        <v>51.5</v>
      </c>
      <c r="AZ655">
        <v>141.25</v>
      </c>
      <c r="BA655">
        <v>0.58953156199589563</v>
      </c>
      <c r="BB655">
        <v>0.625</v>
      </c>
      <c r="BC655">
        <v>1.7478680974667571</v>
      </c>
      <c r="BD655" t="s">
        <v>2552</v>
      </c>
      <c r="BE655" t="s">
        <v>68</v>
      </c>
    </row>
    <row r="656" spans="1:57" x14ac:dyDescent="0.3">
      <c r="A656" t="s">
        <v>2554</v>
      </c>
      <c r="B656">
        <v>670</v>
      </c>
      <c r="C656" t="s">
        <v>2555</v>
      </c>
      <c r="D656" t="s">
        <v>2556</v>
      </c>
      <c r="E656" t="s">
        <v>10622</v>
      </c>
      <c r="F656">
        <v>64</v>
      </c>
      <c r="G656">
        <v>124.578125</v>
      </c>
      <c r="H656">
        <v>125</v>
      </c>
      <c r="I656">
        <v>5039.493896484375</v>
      </c>
      <c r="J656">
        <v>70.989392844877713</v>
      </c>
      <c r="K656">
        <v>4.5524153916434773E-2</v>
      </c>
      <c r="L656">
        <v>-0.99851052978502475</v>
      </c>
      <c r="M656">
        <v>5.706954882778696</v>
      </c>
      <c r="N656">
        <v>3</v>
      </c>
      <c r="O656">
        <v>1</v>
      </c>
      <c r="P656">
        <v>2</v>
      </c>
      <c r="Q656">
        <v>0.41620084153671261</v>
      </c>
      <c r="R656">
        <v>3.9557596865808669</v>
      </c>
      <c r="S656">
        <v>1</v>
      </c>
      <c r="T656">
        <v>1</v>
      </c>
      <c r="U656">
        <v>0</v>
      </c>
      <c r="V656">
        <v>0</v>
      </c>
      <c r="W656">
        <v>4.1431347263915326</v>
      </c>
      <c r="X656">
        <v>1</v>
      </c>
      <c r="Y656">
        <v>1</v>
      </c>
      <c r="Z656">
        <v>0</v>
      </c>
      <c r="AA656">
        <v>0</v>
      </c>
      <c r="AB656">
        <v>4.1271343850450908</v>
      </c>
      <c r="AC656">
        <v>1</v>
      </c>
      <c r="AD656">
        <v>1</v>
      </c>
      <c r="AE656">
        <v>0</v>
      </c>
      <c r="AF656">
        <v>0</v>
      </c>
      <c r="AG656">
        <v>4.1108738641733096</v>
      </c>
      <c r="AH656">
        <v>-0.1202101249677414</v>
      </c>
      <c r="AI656">
        <v>5.2576662586589613E-2</v>
      </c>
      <c r="AJ656">
        <v>-0.10617346630862561</v>
      </c>
      <c r="AK656">
        <v>0.1128350152266519</v>
      </c>
      <c r="AL656">
        <v>636.40095236274624</v>
      </c>
      <c r="AM656">
        <v>954.34942648475965</v>
      </c>
      <c r="AN656">
        <v>7973</v>
      </c>
      <c r="AO656">
        <v>208.8372572124045</v>
      </c>
      <c r="AP656">
        <v>471.84934558763462</v>
      </c>
      <c r="AQ656">
        <v>1.359375</v>
      </c>
      <c r="AR656">
        <v>3.890625</v>
      </c>
      <c r="AS656">
        <v>64</v>
      </c>
      <c r="AT656">
        <v>8.1875000000000036</v>
      </c>
      <c r="AU656">
        <v>8.8729919678714908E-2</v>
      </c>
      <c r="AV656">
        <v>-0.1227868497218631</v>
      </c>
      <c r="AW656">
        <v>0.40625</v>
      </c>
      <c r="AX656">
        <v>84.904761904761898</v>
      </c>
      <c r="AY656">
        <v>53.5</v>
      </c>
      <c r="AZ656">
        <v>103.25</v>
      </c>
      <c r="BA656">
        <v>0.56983834718075677</v>
      </c>
      <c r="BB656">
        <v>0.515625</v>
      </c>
      <c r="BC656">
        <v>3.8321574069335611</v>
      </c>
      <c r="BD656" t="s">
        <v>2557</v>
      </c>
      <c r="BE656" t="s">
        <v>62</v>
      </c>
    </row>
    <row r="657" spans="1:57" x14ac:dyDescent="0.3">
      <c r="A657" t="s">
        <v>2558</v>
      </c>
      <c r="B657">
        <v>2493</v>
      </c>
      <c r="C657" t="s">
        <v>2559</v>
      </c>
      <c r="D657" t="s">
        <v>2560</v>
      </c>
      <c r="E657" t="s">
        <v>93</v>
      </c>
      <c r="F657">
        <v>2519</v>
      </c>
      <c r="G657">
        <v>129.50138944025409</v>
      </c>
      <c r="H657">
        <v>130</v>
      </c>
      <c r="I657">
        <v>5575.3988666681053</v>
      </c>
      <c r="J657">
        <v>74.668593576336391</v>
      </c>
      <c r="K657">
        <v>-1.800885316084708E-2</v>
      </c>
      <c r="L657">
        <v>-1.237764367005707</v>
      </c>
      <c r="M657">
        <v>7.9344229685813712</v>
      </c>
      <c r="N657">
        <v>20</v>
      </c>
      <c r="O657">
        <v>4</v>
      </c>
      <c r="P657">
        <v>16</v>
      </c>
      <c r="Q657">
        <v>2.9570054490287871</v>
      </c>
      <c r="R657">
        <v>5.4997229100422471</v>
      </c>
      <c r="S657">
        <v>3</v>
      </c>
      <c r="T657">
        <v>1</v>
      </c>
      <c r="U657">
        <v>2</v>
      </c>
      <c r="V657">
        <v>0.14234559613232811</v>
      </c>
      <c r="W657">
        <v>7.8040352774165882</v>
      </c>
      <c r="X657">
        <v>1</v>
      </c>
      <c r="Y657">
        <v>1</v>
      </c>
      <c r="Z657">
        <v>0</v>
      </c>
      <c r="AA657">
        <v>0</v>
      </c>
      <c r="AB657">
        <v>7.8308229951353141</v>
      </c>
      <c r="AC657">
        <v>1</v>
      </c>
      <c r="AD657">
        <v>1</v>
      </c>
      <c r="AE657">
        <v>0</v>
      </c>
      <c r="AF657">
        <v>0</v>
      </c>
      <c r="AG657">
        <v>7.8304256178203344</v>
      </c>
      <c r="AH657">
        <v>3.5903838456177957E-2</v>
      </c>
      <c r="AI657">
        <v>2.7044022607860371E-2</v>
      </c>
      <c r="AJ657">
        <v>2.764815705456319E-2</v>
      </c>
      <c r="AK657">
        <v>-3.1398234061438067E-2</v>
      </c>
      <c r="AL657">
        <v>3482.2047297904119</v>
      </c>
      <c r="AM657">
        <v>6645.5884780676342</v>
      </c>
      <c r="AN657">
        <v>326214</v>
      </c>
      <c r="AO657">
        <v>96.594628737259242</v>
      </c>
      <c r="AP657">
        <v>3158.8391020980948</v>
      </c>
      <c r="AQ657">
        <v>1.0091306073838819</v>
      </c>
      <c r="AR657">
        <v>4.0265978562921791</v>
      </c>
      <c r="AS657">
        <v>2512</v>
      </c>
      <c r="AT657">
        <v>227.48670107185399</v>
      </c>
      <c r="AU657">
        <v>2.5571927858082492E-2</v>
      </c>
      <c r="AV657">
        <v>3.5908591021921822E-2</v>
      </c>
      <c r="AW657">
        <v>0.36681222707423577</v>
      </c>
      <c r="AX657">
        <v>84.066322478157261</v>
      </c>
      <c r="AY657">
        <v>66</v>
      </c>
      <c r="AZ657">
        <v>132.5</v>
      </c>
      <c r="BA657">
        <v>0.57658526984982672</v>
      </c>
      <c r="BB657">
        <v>0.50138944025406906</v>
      </c>
      <c r="BC657">
        <v>5.2986191006888417</v>
      </c>
      <c r="BD657" t="s">
        <v>2561</v>
      </c>
      <c r="BE657" t="s">
        <v>68</v>
      </c>
    </row>
    <row r="658" spans="1:57" x14ac:dyDescent="0.3">
      <c r="A658" t="s">
        <v>2562</v>
      </c>
      <c r="B658">
        <v>562</v>
      </c>
      <c r="C658" t="s">
        <v>2563</v>
      </c>
      <c r="D658" t="s">
        <v>2564</v>
      </c>
      <c r="E658" t="s">
        <v>93</v>
      </c>
      <c r="F658">
        <v>580</v>
      </c>
      <c r="G658">
        <v>124.5275862068966</v>
      </c>
      <c r="H658">
        <v>120</v>
      </c>
      <c r="I658">
        <v>5278.2871700356718</v>
      </c>
      <c r="J658">
        <v>72.651821519048454</v>
      </c>
      <c r="K658">
        <v>9.2085204987040647E-2</v>
      </c>
      <c r="L658">
        <v>-1.143294701577497</v>
      </c>
      <c r="M658">
        <v>7.639070568906881</v>
      </c>
      <c r="N658">
        <v>7</v>
      </c>
      <c r="O658">
        <v>1</v>
      </c>
      <c r="P658">
        <v>6</v>
      </c>
      <c r="Q658">
        <v>1.332063106858121</v>
      </c>
      <c r="R658">
        <v>5.2950002269362582</v>
      </c>
      <c r="S658">
        <v>2</v>
      </c>
      <c r="T658">
        <v>1</v>
      </c>
      <c r="U658">
        <v>1</v>
      </c>
      <c r="V658">
        <v>7.1980598755652367E-2</v>
      </c>
      <c r="W658">
        <v>6.3541196052355868</v>
      </c>
      <c r="X658">
        <v>1</v>
      </c>
      <c r="Y658">
        <v>1</v>
      </c>
      <c r="Z658">
        <v>0</v>
      </c>
      <c r="AA658">
        <v>0</v>
      </c>
      <c r="AB658">
        <v>6.3595738686723777</v>
      </c>
      <c r="AC658">
        <v>1</v>
      </c>
      <c r="AD658">
        <v>1</v>
      </c>
      <c r="AE658">
        <v>0</v>
      </c>
      <c r="AF658">
        <v>0</v>
      </c>
      <c r="AG658">
        <v>6.3578422665080989</v>
      </c>
      <c r="AH658">
        <v>8.359555835459366E-2</v>
      </c>
      <c r="AI658">
        <v>4.1092492504781399E-2</v>
      </c>
      <c r="AJ658">
        <v>1.382837252168514E-2</v>
      </c>
      <c r="AK658">
        <v>-2.823461939280706E-2</v>
      </c>
      <c r="AL658">
        <v>1662.3003598949199</v>
      </c>
      <c r="AM658">
        <v>3048.3263462912269</v>
      </c>
      <c r="AN658">
        <v>72226</v>
      </c>
      <c r="AO658">
        <v>70.960182254557978</v>
      </c>
      <c r="AP658">
        <v>1430.186798710801</v>
      </c>
      <c r="AQ658">
        <v>1.039655172413793</v>
      </c>
      <c r="AR658">
        <v>3.9758620689655171</v>
      </c>
      <c r="AS658">
        <v>580</v>
      </c>
      <c r="AT658">
        <v>159.0344827586207</v>
      </c>
      <c r="AU658">
        <v>3.867478025693033E-2</v>
      </c>
      <c r="AV658">
        <v>8.3687604386887146E-2</v>
      </c>
      <c r="AW658">
        <v>0.39310344827586208</v>
      </c>
      <c r="AX658">
        <v>80.307426597582037</v>
      </c>
      <c r="AY658">
        <v>60</v>
      </c>
      <c r="AZ658">
        <v>122</v>
      </c>
      <c r="BA658">
        <v>0.58341949548705596</v>
      </c>
      <c r="BB658">
        <v>0.48275862068965519</v>
      </c>
      <c r="BC658">
        <v>5.0666091167882827</v>
      </c>
      <c r="BD658" t="s">
        <v>2565</v>
      </c>
      <c r="BE658" t="s">
        <v>68</v>
      </c>
    </row>
    <row r="659" spans="1:57" x14ac:dyDescent="0.3">
      <c r="A659" t="s">
        <v>2566</v>
      </c>
      <c r="B659">
        <v>715</v>
      </c>
      <c r="C659" t="s">
        <v>2567</v>
      </c>
      <c r="D659" t="s">
        <v>2568</v>
      </c>
      <c r="E659" t="s">
        <v>128</v>
      </c>
      <c r="F659">
        <v>32</v>
      </c>
      <c r="G659">
        <v>147.40625</v>
      </c>
      <c r="H659">
        <v>143.5</v>
      </c>
      <c r="I659">
        <v>5097.9287109375</v>
      </c>
      <c r="J659">
        <v>71.399780888581859</v>
      </c>
      <c r="K659">
        <v>-0.36211768001888472</v>
      </c>
      <c r="L659">
        <v>-0.85295296520824504</v>
      </c>
      <c r="M659">
        <v>5</v>
      </c>
      <c r="N659">
        <v>1</v>
      </c>
      <c r="O659">
        <v>1</v>
      </c>
      <c r="P659">
        <v>0</v>
      </c>
      <c r="Q659">
        <v>0</v>
      </c>
      <c r="R659">
        <v>3.465735902799727</v>
      </c>
      <c r="S659">
        <v>1</v>
      </c>
      <c r="T659">
        <v>1</v>
      </c>
      <c r="U659">
        <v>0</v>
      </c>
      <c r="V659">
        <v>0</v>
      </c>
      <c r="W659">
        <v>3.4339872044851458</v>
      </c>
      <c r="X659">
        <v>1</v>
      </c>
      <c r="Y659">
        <v>1</v>
      </c>
      <c r="Z659">
        <v>0</v>
      </c>
      <c r="AA659">
        <v>0</v>
      </c>
      <c r="AB659">
        <v>3.401197381662155</v>
      </c>
      <c r="AC659">
        <v>1</v>
      </c>
      <c r="AD659">
        <v>1</v>
      </c>
      <c r="AE659">
        <v>0</v>
      </c>
      <c r="AF659">
        <v>0</v>
      </c>
      <c r="AG659">
        <v>3.3672958299864728</v>
      </c>
      <c r="AH659">
        <v>-0.41763596950469511</v>
      </c>
      <c r="AI659">
        <v>-0.1092331583235302</v>
      </c>
      <c r="AJ659">
        <v>-0.1000974097840364</v>
      </c>
      <c r="AK659">
        <v>-0.22431000574873489</v>
      </c>
      <c r="AL659">
        <v>491.69403093378588</v>
      </c>
      <c r="AM659">
        <v>785.29356290758255</v>
      </c>
      <c r="AN659">
        <v>4717</v>
      </c>
      <c r="AO659">
        <v>80.028742885986205</v>
      </c>
      <c r="AP659">
        <v>339.20787086988071</v>
      </c>
      <c r="AQ659">
        <v>1.71875</v>
      </c>
      <c r="AR659">
        <v>4.46875</v>
      </c>
      <c r="AS659">
        <v>32</v>
      </c>
      <c r="AT659">
        <v>0</v>
      </c>
      <c r="AU659">
        <v>0.16973039215686281</v>
      </c>
      <c r="AV659">
        <v>-0.41858381649818971</v>
      </c>
      <c r="AW659">
        <v>0.28125</v>
      </c>
      <c r="AX659">
        <v>98.322580645161295</v>
      </c>
      <c r="AY659">
        <v>61</v>
      </c>
      <c r="AZ659">
        <v>106.5</v>
      </c>
      <c r="BA659">
        <v>0.48437417605143512</v>
      </c>
      <c r="BB659">
        <v>0.46875</v>
      </c>
      <c r="BC659">
        <v>3.2998296856670919</v>
      </c>
      <c r="BD659" t="s">
        <v>2569</v>
      </c>
      <c r="BE659" t="s">
        <v>62</v>
      </c>
    </row>
    <row r="660" spans="1:57" x14ac:dyDescent="0.3">
      <c r="A660" t="s">
        <v>2570</v>
      </c>
      <c r="B660">
        <v>863</v>
      </c>
      <c r="C660" t="s">
        <v>2571</v>
      </c>
      <c r="D660" t="s">
        <v>2572</v>
      </c>
      <c r="E660" t="s">
        <v>106</v>
      </c>
      <c r="F660">
        <v>897</v>
      </c>
      <c r="G660">
        <v>128.371237458194</v>
      </c>
      <c r="H660">
        <v>129</v>
      </c>
      <c r="I660">
        <v>5645.7763410550961</v>
      </c>
      <c r="J660">
        <v>75.138381277846918</v>
      </c>
      <c r="K660">
        <v>-7.1514145609528582E-2</v>
      </c>
      <c r="L660">
        <v>-1.233377608614133</v>
      </c>
      <c r="M660">
        <v>7.7855781358957712</v>
      </c>
      <c r="N660">
        <v>10</v>
      </c>
      <c r="O660">
        <v>1</v>
      </c>
      <c r="P660">
        <v>9</v>
      </c>
      <c r="Q660">
        <v>1.75810064797814</v>
      </c>
      <c r="R660">
        <v>5.3965515339253178</v>
      </c>
      <c r="S660">
        <v>2</v>
      </c>
      <c r="T660">
        <v>1</v>
      </c>
      <c r="U660">
        <v>1</v>
      </c>
      <c r="V660">
        <v>9.4487283618932577E-2</v>
      </c>
      <c r="W660">
        <v>6.7855627847506437</v>
      </c>
      <c r="X660">
        <v>1</v>
      </c>
      <c r="Y660">
        <v>1</v>
      </c>
      <c r="Z660">
        <v>0</v>
      </c>
      <c r="AA660">
        <v>0</v>
      </c>
      <c r="AB660">
        <v>6.7968237182748563</v>
      </c>
      <c r="AC660">
        <v>1</v>
      </c>
      <c r="AD660">
        <v>1</v>
      </c>
      <c r="AE660">
        <v>0</v>
      </c>
      <c r="AF660">
        <v>0</v>
      </c>
      <c r="AG660">
        <v>6.7957057751735164</v>
      </c>
      <c r="AH660">
        <v>1.027675627789415E-2</v>
      </c>
      <c r="AI660">
        <v>1.4378029393351151E-2</v>
      </c>
      <c r="AJ660">
        <v>-1.740546408312086E-2</v>
      </c>
      <c r="AK660">
        <v>3.7342498212375691E-3</v>
      </c>
      <c r="AL660">
        <v>2118.420867168461</v>
      </c>
      <c r="AM660">
        <v>3918.9761455698131</v>
      </c>
      <c r="AN660">
        <v>115149</v>
      </c>
      <c r="AO660">
        <v>76.421155344835313</v>
      </c>
      <c r="AP660">
        <v>1894.7426612932929</v>
      </c>
      <c r="AQ660">
        <v>1.025641025641026</v>
      </c>
      <c r="AR660">
        <v>4.0613154960981044</v>
      </c>
      <c r="AS660">
        <v>891</v>
      </c>
      <c r="AT660">
        <v>213.64548494983279</v>
      </c>
      <c r="AU660">
        <v>3.577939537018815E-2</v>
      </c>
      <c r="AV660">
        <v>1.0291656316418761E-2</v>
      </c>
      <c r="AW660">
        <v>0.3511705685618729</v>
      </c>
      <c r="AX660">
        <v>86.09375</v>
      </c>
      <c r="AY660">
        <v>65</v>
      </c>
      <c r="AZ660">
        <v>130</v>
      </c>
      <c r="BA660">
        <v>0.58532100153912481</v>
      </c>
      <c r="BB660">
        <v>0.5005574136008919</v>
      </c>
      <c r="BC660">
        <v>5.2265263565877884</v>
      </c>
      <c r="BD660" t="s">
        <v>2573</v>
      </c>
      <c r="BE660" t="s">
        <v>68</v>
      </c>
    </row>
    <row r="661" spans="1:57" x14ac:dyDescent="0.3">
      <c r="A661" t="s">
        <v>2574</v>
      </c>
      <c r="B661">
        <v>3987</v>
      </c>
      <c r="C661" t="s">
        <v>2575</v>
      </c>
      <c r="D661" t="s">
        <v>2576</v>
      </c>
      <c r="E661" t="s">
        <v>106</v>
      </c>
      <c r="F661">
        <v>4041</v>
      </c>
      <c r="G661">
        <v>127.835436773076</v>
      </c>
      <c r="H661">
        <v>128</v>
      </c>
      <c r="I661">
        <v>5367.6940275808201</v>
      </c>
      <c r="J661">
        <v>73.264548231602575</v>
      </c>
      <c r="K661">
        <v>-1.9409091228201429E-3</v>
      </c>
      <c r="L661">
        <v>-1.16587546217337</v>
      </c>
      <c r="M661">
        <v>7.9559495959505364</v>
      </c>
      <c r="N661">
        <v>27</v>
      </c>
      <c r="O661">
        <v>6</v>
      </c>
      <c r="P661">
        <v>21</v>
      </c>
      <c r="Q661">
        <v>3.8936966257126322</v>
      </c>
      <c r="R661">
        <v>5.5146440311101639</v>
      </c>
      <c r="S661">
        <v>3</v>
      </c>
      <c r="T661">
        <v>1</v>
      </c>
      <c r="U661">
        <v>2</v>
      </c>
      <c r="V661">
        <v>0.17520143699048779</v>
      </c>
      <c r="W661">
        <v>8.2625638769893772</v>
      </c>
      <c r="X661">
        <v>1</v>
      </c>
      <c r="Y661">
        <v>1</v>
      </c>
      <c r="Z661">
        <v>0</v>
      </c>
      <c r="AA661">
        <v>0</v>
      </c>
      <c r="AB661">
        <v>8.3037524155634088</v>
      </c>
      <c r="AC661">
        <v>1</v>
      </c>
      <c r="AD661">
        <v>1</v>
      </c>
      <c r="AE661">
        <v>0</v>
      </c>
      <c r="AF661">
        <v>0</v>
      </c>
      <c r="AG661">
        <v>8.3035047988727833</v>
      </c>
      <c r="AH661">
        <v>1.7445189659807649E-2</v>
      </c>
      <c r="AI661">
        <v>-2.0394324316942169E-2</v>
      </c>
      <c r="AJ661">
        <v>7.1601299743540006E-3</v>
      </c>
      <c r="AK661">
        <v>-1.0861229257464701E-2</v>
      </c>
      <c r="AL661">
        <v>4257.6965658410027</v>
      </c>
      <c r="AM661">
        <v>8342.6905104543912</v>
      </c>
      <c r="AN661">
        <v>516583</v>
      </c>
      <c r="AO661">
        <v>156.74334751224191</v>
      </c>
      <c r="AP661">
        <v>3884.12403316163</v>
      </c>
      <c r="AQ661">
        <v>1.005691660480079</v>
      </c>
      <c r="AR661">
        <v>4.0034644889878743</v>
      </c>
      <c r="AS661">
        <v>4028</v>
      </c>
      <c r="AT661">
        <v>245.87552585993561</v>
      </c>
      <c r="AU661">
        <v>1.2594436438272429E-2</v>
      </c>
      <c r="AV661">
        <v>1.7447902474692231E-2</v>
      </c>
      <c r="AW661">
        <v>0.37070032170254891</v>
      </c>
      <c r="AX661">
        <v>83.896287128712871</v>
      </c>
      <c r="AY661">
        <v>62</v>
      </c>
      <c r="AZ661">
        <v>125</v>
      </c>
      <c r="BA661">
        <v>0.57311610990664807</v>
      </c>
      <c r="BB661">
        <v>0.5038356842365751</v>
      </c>
      <c r="BC661">
        <v>5.3085531762142688</v>
      </c>
      <c r="BD661" t="s">
        <v>2577</v>
      </c>
      <c r="BE661" t="s">
        <v>68</v>
      </c>
    </row>
    <row r="662" spans="1:57" x14ac:dyDescent="0.3">
      <c r="A662" t="s">
        <v>2578</v>
      </c>
      <c r="B662">
        <v>138</v>
      </c>
      <c r="C662" t="s">
        <v>2579</v>
      </c>
      <c r="D662" t="s">
        <v>2580</v>
      </c>
      <c r="E662" t="s">
        <v>60</v>
      </c>
      <c r="F662">
        <v>512</v>
      </c>
      <c r="G662">
        <v>128.4921875</v>
      </c>
      <c r="H662">
        <v>131</v>
      </c>
      <c r="I662">
        <v>5089.5897827148438</v>
      </c>
      <c r="J662">
        <v>71.341360953621034</v>
      </c>
      <c r="K662">
        <v>-2.2008714612803921E-2</v>
      </c>
      <c r="L662">
        <v>-1.1442328662310799</v>
      </c>
      <c r="M662">
        <v>7.5687454914627903</v>
      </c>
      <c r="N662">
        <v>7</v>
      </c>
      <c r="O662">
        <v>1</v>
      </c>
      <c r="P662">
        <v>6</v>
      </c>
      <c r="Q662">
        <v>1.251659053193136</v>
      </c>
      <c r="R662">
        <v>5.2462545977832296</v>
      </c>
      <c r="S662">
        <v>2</v>
      </c>
      <c r="T662">
        <v>1</v>
      </c>
      <c r="U662">
        <v>1</v>
      </c>
      <c r="V662">
        <v>8.8472037443809853E-2</v>
      </c>
      <c r="W662">
        <v>6.2255179709385784</v>
      </c>
      <c r="X662">
        <v>1</v>
      </c>
      <c r="Y662">
        <v>1</v>
      </c>
      <c r="Z662">
        <v>0</v>
      </c>
      <c r="AA662">
        <v>0</v>
      </c>
      <c r="AB662">
        <v>6.2344107257183694</v>
      </c>
      <c r="AC662">
        <v>1</v>
      </c>
      <c r="AD662">
        <v>1</v>
      </c>
      <c r="AE662">
        <v>0</v>
      </c>
      <c r="AF662">
        <v>0</v>
      </c>
      <c r="AG662">
        <v>6.2324480165505216</v>
      </c>
      <c r="AH662">
        <v>-2.2885186555237691E-2</v>
      </c>
      <c r="AI662">
        <v>2.8663849846183809E-2</v>
      </c>
      <c r="AJ662">
        <v>-3.597143340836845E-3</v>
      </c>
      <c r="AK662">
        <v>-6.3237548577452049E-2</v>
      </c>
      <c r="AL662">
        <v>1546.1673274734201</v>
      </c>
      <c r="AM662">
        <v>2944.228353143435</v>
      </c>
      <c r="AN662">
        <v>65788</v>
      </c>
      <c r="AO662">
        <v>33.742022593220142</v>
      </c>
      <c r="AP662">
        <v>1307.699366834828</v>
      </c>
      <c r="AQ662">
        <v>1.044921875</v>
      </c>
      <c r="AR662">
        <v>3.93359375</v>
      </c>
      <c r="AS662">
        <v>510</v>
      </c>
      <c r="AT662">
        <v>144.08593750000011</v>
      </c>
      <c r="AU662">
        <v>3.6933210784313719E-2</v>
      </c>
      <c r="AV662">
        <v>-2.2893697613499721E-2</v>
      </c>
      <c r="AW662">
        <v>0.3515625</v>
      </c>
      <c r="AX662">
        <v>84.536203522504891</v>
      </c>
      <c r="AY662">
        <v>61</v>
      </c>
      <c r="AZ662">
        <v>123.5</v>
      </c>
      <c r="BA662">
        <v>0.55521944440101489</v>
      </c>
      <c r="BB662">
        <v>0.51953125</v>
      </c>
      <c r="BC662">
        <v>5.0858766650125382</v>
      </c>
      <c r="BD662" t="s">
        <v>2581</v>
      </c>
      <c r="BE662" t="s">
        <v>62</v>
      </c>
    </row>
    <row r="663" spans="1:57" x14ac:dyDescent="0.3">
      <c r="A663" t="s">
        <v>2582</v>
      </c>
      <c r="B663">
        <v>2637</v>
      </c>
      <c r="C663" t="s">
        <v>2583</v>
      </c>
      <c r="D663" t="s">
        <v>2584</v>
      </c>
      <c r="E663" t="s">
        <v>85</v>
      </c>
      <c r="F663">
        <v>8</v>
      </c>
      <c r="G663">
        <v>119.375</v>
      </c>
      <c r="H663">
        <v>123</v>
      </c>
      <c r="I663">
        <v>4723.484375</v>
      </c>
      <c r="J663">
        <v>68.72760999045434</v>
      </c>
      <c r="K663">
        <v>0.3202790495976785</v>
      </c>
      <c r="L663">
        <v>-1.0135438166810371</v>
      </c>
      <c r="M663">
        <v>3</v>
      </c>
      <c r="N663">
        <v>1</v>
      </c>
      <c r="O663">
        <v>1</v>
      </c>
      <c r="P663">
        <v>0</v>
      </c>
      <c r="Q663">
        <v>0</v>
      </c>
      <c r="R663">
        <v>2.0794415416798362</v>
      </c>
      <c r="S663">
        <v>1</v>
      </c>
      <c r="T663">
        <v>1</v>
      </c>
      <c r="U663">
        <v>0</v>
      </c>
      <c r="V663">
        <v>0</v>
      </c>
      <c r="W663">
        <v>1.945910149055313</v>
      </c>
      <c r="X663">
        <v>1</v>
      </c>
      <c r="Y663">
        <v>1</v>
      </c>
      <c r="Z663">
        <v>0</v>
      </c>
      <c r="AA663">
        <v>0</v>
      </c>
      <c r="AB663">
        <v>1.791759469228055</v>
      </c>
      <c r="AC663">
        <v>1</v>
      </c>
      <c r="AD663">
        <v>1</v>
      </c>
      <c r="AE663">
        <v>0</v>
      </c>
      <c r="AF663">
        <v>0</v>
      </c>
      <c r="AG663">
        <v>1.6094379124341009</v>
      </c>
      <c r="AH663">
        <v>-0.1460459373542439</v>
      </c>
      <c r="AI663">
        <v>0.1549331300053258</v>
      </c>
      <c r="AJ663">
        <v>-1.4315521182389849E-2</v>
      </c>
      <c r="AK663">
        <v>0</v>
      </c>
      <c r="AL663">
        <v>280.00687470736011</v>
      </c>
      <c r="AM663">
        <v>270.90062775234901</v>
      </c>
      <c r="AN663">
        <v>955</v>
      </c>
      <c r="AO663">
        <v>55.542776307995261</v>
      </c>
      <c r="AP663">
        <v>218.8326840467077</v>
      </c>
      <c r="AQ663">
        <v>3.5</v>
      </c>
      <c r="AR663">
        <v>4</v>
      </c>
      <c r="AS663">
        <v>8</v>
      </c>
      <c r="AT663">
        <v>0</v>
      </c>
      <c r="AU663">
        <v>0.27169421487603312</v>
      </c>
      <c r="AV663">
        <v>-0.1492686875398912</v>
      </c>
      <c r="AW663">
        <v>0.375</v>
      </c>
      <c r="AX663">
        <v>86.571428571428569</v>
      </c>
      <c r="AY663">
        <v>66</v>
      </c>
      <c r="AZ663">
        <v>103.75</v>
      </c>
      <c r="BA663">
        <v>0.57572867007710438</v>
      </c>
      <c r="BB663">
        <v>0.5</v>
      </c>
      <c r="BC663">
        <v>1.945910149055313</v>
      </c>
      <c r="BD663" t="s">
        <v>2583</v>
      </c>
      <c r="BE663" t="s">
        <v>68</v>
      </c>
    </row>
    <row r="664" spans="1:57" x14ac:dyDescent="0.3">
      <c r="A664" t="s">
        <v>2585</v>
      </c>
      <c r="B664">
        <v>562</v>
      </c>
      <c r="C664" t="s">
        <v>2586</v>
      </c>
      <c r="D664" t="s">
        <v>2587</v>
      </c>
      <c r="E664" t="s">
        <v>10622</v>
      </c>
      <c r="F664">
        <v>64</v>
      </c>
      <c r="G664">
        <v>135.78125</v>
      </c>
      <c r="H664">
        <v>136</v>
      </c>
      <c r="I664">
        <v>5531.0146484375</v>
      </c>
      <c r="J664">
        <v>74.370791635140606</v>
      </c>
      <c r="K664">
        <v>-3.7210723401623798E-2</v>
      </c>
      <c r="L664">
        <v>-1.3109518072844411</v>
      </c>
      <c r="M664">
        <v>5.738204882778696</v>
      </c>
      <c r="N664">
        <v>3</v>
      </c>
      <c r="O664">
        <v>1</v>
      </c>
      <c r="P664">
        <v>2</v>
      </c>
      <c r="Q664">
        <v>0.3976974544878587</v>
      </c>
      <c r="R664">
        <v>3.9774205359733639</v>
      </c>
      <c r="S664">
        <v>1</v>
      </c>
      <c r="T664">
        <v>1</v>
      </c>
      <c r="U664">
        <v>0</v>
      </c>
      <c r="V664">
        <v>0</v>
      </c>
      <c r="W664">
        <v>4.1431347263915326</v>
      </c>
      <c r="X664">
        <v>1</v>
      </c>
      <c r="Y664">
        <v>1</v>
      </c>
      <c r="Z664">
        <v>0</v>
      </c>
      <c r="AA664">
        <v>0</v>
      </c>
      <c r="AB664">
        <v>4.1271343850450908</v>
      </c>
      <c r="AC664">
        <v>1</v>
      </c>
      <c r="AD664">
        <v>1</v>
      </c>
      <c r="AE664">
        <v>0</v>
      </c>
      <c r="AF664">
        <v>0</v>
      </c>
      <c r="AG664">
        <v>4.1108738641733096</v>
      </c>
      <c r="AH664">
        <v>-0.1213247713444375</v>
      </c>
      <c r="AI664">
        <v>3.3793628710190531E-2</v>
      </c>
      <c r="AJ664">
        <v>0.29208987738973358</v>
      </c>
      <c r="AK664">
        <v>0.17417210791454929</v>
      </c>
      <c r="AL664">
        <v>667.68338150217232</v>
      </c>
      <c r="AM664">
        <v>1043.131296657245</v>
      </c>
      <c r="AN664">
        <v>8690</v>
      </c>
      <c r="AO664">
        <v>42.767489217617879</v>
      </c>
      <c r="AP664">
        <v>546.3771501057746</v>
      </c>
      <c r="AQ664">
        <v>1.359375</v>
      </c>
      <c r="AR664">
        <v>4.078125</v>
      </c>
      <c r="AS664">
        <v>64</v>
      </c>
      <c r="AT664">
        <v>7.7499999999999991</v>
      </c>
      <c r="AU664">
        <v>6.9485294117647062E-2</v>
      </c>
      <c r="AV664">
        <v>-0.1242385504432017</v>
      </c>
      <c r="AW664">
        <v>0.34375</v>
      </c>
      <c r="AX664">
        <v>92.492063492063494</v>
      </c>
      <c r="AY664">
        <v>71</v>
      </c>
      <c r="AZ664">
        <v>133.25</v>
      </c>
      <c r="BA664">
        <v>0.54772504771565</v>
      </c>
      <c r="BB664">
        <v>0.5</v>
      </c>
      <c r="BC664">
        <v>3.9807964935089331</v>
      </c>
      <c r="BD664" t="s">
        <v>2588</v>
      </c>
      <c r="BE664" t="s">
        <v>62</v>
      </c>
    </row>
    <row r="665" spans="1:57" x14ac:dyDescent="0.3">
      <c r="A665" t="s">
        <v>2589</v>
      </c>
      <c r="B665">
        <v>903</v>
      </c>
      <c r="C665" t="s">
        <v>2590</v>
      </c>
      <c r="D665" t="s">
        <v>2591</v>
      </c>
      <c r="E665" t="s">
        <v>106</v>
      </c>
      <c r="F665">
        <v>915</v>
      </c>
      <c r="G665">
        <v>127.0655737704918</v>
      </c>
      <c r="H665">
        <v>127</v>
      </c>
      <c r="I665">
        <v>5151.7443339604051</v>
      </c>
      <c r="J665">
        <v>71.775652793690455</v>
      </c>
      <c r="K665">
        <v>1.5002503651844089E-2</v>
      </c>
      <c r="L665">
        <v>-1.146994391606253</v>
      </c>
      <c r="M665">
        <v>7.7696949113055371</v>
      </c>
      <c r="N665">
        <v>10</v>
      </c>
      <c r="O665">
        <v>1</v>
      </c>
      <c r="P665">
        <v>9</v>
      </c>
      <c r="Q665">
        <v>1.8566273689417441</v>
      </c>
      <c r="R665">
        <v>5.3855421215823931</v>
      </c>
      <c r="S665">
        <v>2</v>
      </c>
      <c r="T665">
        <v>1</v>
      </c>
      <c r="U665">
        <v>1</v>
      </c>
      <c r="V665">
        <v>4.6777914490573558E-2</v>
      </c>
      <c r="W665">
        <v>6.8147971045808022</v>
      </c>
      <c r="X665">
        <v>1</v>
      </c>
      <c r="Y665">
        <v>1</v>
      </c>
      <c r="Z665">
        <v>0</v>
      </c>
      <c r="AA665">
        <v>0</v>
      </c>
      <c r="AB665">
        <v>6.8167358805949672</v>
      </c>
      <c r="AC665">
        <v>1</v>
      </c>
      <c r="AD665">
        <v>1</v>
      </c>
      <c r="AE665">
        <v>0</v>
      </c>
      <c r="AF665">
        <v>0</v>
      </c>
      <c r="AG665">
        <v>6.8156399900743354</v>
      </c>
      <c r="AH665">
        <v>7.3249320782083783E-3</v>
      </c>
      <c r="AI665">
        <v>3.6102309396131037E-2</v>
      </c>
      <c r="AJ665">
        <v>4.1257805835847837E-2</v>
      </c>
      <c r="AK665">
        <v>-1.2845391018878221E-5</v>
      </c>
      <c r="AL665">
        <v>2048.354647093759</v>
      </c>
      <c r="AM665">
        <v>3910.4179111355088</v>
      </c>
      <c r="AN665">
        <v>116265</v>
      </c>
      <c r="AO665">
        <v>111.0745117268294</v>
      </c>
      <c r="AP665">
        <v>1784.4003658634631</v>
      </c>
      <c r="AQ665">
        <v>1.0251366120218579</v>
      </c>
      <c r="AR665">
        <v>3.8950819672131152</v>
      </c>
      <c r="AS665">
        <v>913</v>
      </c>
      <c r="AT665">
        <v>229.8382513661202</v>
      </c>
      <c r="AU665">
        <v>2.4943747990999739E-2</v>
      </c>
      <c r="AV665">
        <v>7.3282111560344244E-3</v>
      </c>
      <c r="AW665">
        <v>0.37814207650273218</v>
      </c>
      <c r="AX665">
        <v>83.345733041575485</v>
      </c>
      <c r="AY665">
        <v>61</v>
      </c>
      <c r="AZ665">
        <v>121.5</v>
      </c>
      <c r="BA665">
        <v>0.5648709612198578</v>
      </c>
      <c r="BB665">
        <v>0.49836065573770488</v>
      </c>
      <c r="BC665">
        <v>5.2017240409134891</v>
      </c>
      <c r="BD665" t="s">
        <v>2592</v>
      </c>
      <c r="BE665" t="s">
        <v>68</v>
      </c>
    </row>
    <row r="666" spans="1:57" x14ac:dyDescent="0.3">
      <c r="A666" t="s">
        <v>2593</v>
      </c>
      <c r="B666">
        <v>3117</v>
      </c>
      <c r="C666" t="s">
        <v>2594</v>
      </c>
      <c r="D666" t="s">
        <v>2595</v>
      </c>
      <c r="E666" t="s">
        <v>98</v>
      </c>
      <c r="F666">
        <v>16</v>
      </c>
      <c r="G666">
        <v>107.3125</v>
      </c>
      <c r="H666">
        <v>88.5</v>
      </c>
      <c r="I666">
        <v>5183.71484375</v>
      </c>
      <c r="J666">
        <v>71.998019721031213</v>
      </c>
      <c r="K666">
        <v>0.58460374345536925</v>
      </c>
      <c r="L666">
        <v>-0.94120558432580559</v>
      </c>
      <c r="M666">
        <v>3.875</v>
      </c>
      <c r="N666">
        <v>2</v>
      </c>
      <c r="O666">
        <v>1</v>
      </c>
      <c r="P666">
        <v>1</v>
      </c>
      <c r="Q666">
        <v>0.24944382578492941</v>
      </c>
      <c r="R666">
        <v>2.6859453246697882</v>
      </c>
      <c r="S666">
        <v>1</v>
      </c>
      <c r="T666">
        <v>1</v>
      </c>
      <c r="U666">
        <v>0</v>
      </c>
      <c r="V666">
        <v>0</v>
      </c>
      <c r="W666">
        <v>2.7080502011022101</v>
      </c>
      <c r="X666">
        <v>1</v>
      </c>
      <c r="Y666">
        <v>1</v>
      </c>
      <c r="Z666">
        <v>0</v>
      </c>
      <c r="AA666">
        <v>0</v>
      </c>
      <c r="AB666">
        <v>2.639057329615258</v>
      </c>
      <c r="AC666">
        <v>1</v>
      </c>
      <c r="AD666">
        <v>1</v>
      </c>
      <c r="AE666">
        <v>0</v>
      </c>
      <c r="AF666">
        <v>0</v>
      </c>
      <c r="AG666">
        <v>2.5649493574615372</v>
      </c>
      <c r="AH666">
        <v>-0.193396810247839</v>
      </c>
      <c r="AI666">
        <v>-8.9976892024376226E-2</v>
      </c>
      <c r="AJ666">
        <v>-0.19174745164204909</v>
      </c>
      <c r="AK666">
        <v>0.12938761415520811</v>
      </c>
      <c r="AL666">
        <v>358.22339885491039</v>
      </c>
      <c r="AM666">
        <v>372.65399033531861</v>
      </c>
      <c r="AN666">
        <v>1717</v>
      </c>
      <c r="AO666">
        <v>21</v>
      </c>
      <c r="AP666">
        <v>252.27171295420709</v>
      </c>
      <c r="AQ666">
        <v>2.25</v>
      </c>
      <c r="AR666">
        <v>3.5</v>
      </c>
      <c r="AS666">
        <v>16</v>
      </c>
      <c r="AT666">
        <v>0.87500000000000011</v>
      </c>
      <c r="AU666">
        <v>0.30416666666666659</v>
      </c>
      <c r="AV666">
        <v>-0.20723427717375559</v>
      </c>
      <c r="AW666">
        <v>0.5</v>
      </c>
      <c r="AX666">
        <v>93.13333333333334</v>
      </c>
      <c r="AY666">
        <v>41</v>
      </c>
      <c r="AZ666">
        <v>89.25</v>
      </c>
      <c r="BA666">
        <v>0.67091922861764675</v>
      </c>
      <c r="BB666">
        <v>0.375</v>
      </c>
      <c r="BC666">
        <v>2.615630577027551</v>
      </c>
      <c r="BD666" t="s">
        <v>2594</v>
      </c>
      <c r="BE666" t="s">
        <v>62</v>
      </c>
    </row>
    <row r="667" spans="1:57" x14ac:dyDescent="0.3">
      <c r="A667" t="s">
        <v>2596</v>
      </c>
      <c r="B667">
        <v>3565</v>
      </c>
      <c r="C667" t="s">
        <v>2597</v>
      </c>
      <c r="D667" t="s">
        <v>2598</v>
      </c>
      <c r="E667" t="s">
        <v>93</v>
      </c>
      <c r="F667">
        <v>3573</v>
      </c>
      <c r="G667">
        <v>125.5572348166807</v>
      </c>
      <c r="H667">
        <v>124</v>
      </c>
      <c r="I667">
        <v>5687.7407068233952</v>
      </c>
      <c r="J667">
        <v>75.417111498806392</v>
      </c>
      <c r="K667">
        <v>2.39863882817259E-2</v>
      </c>
      <c r="L667">
        <v>-1.233537101394383</v>
      </c>
      <c r="M667">
        <v>7.9484781241322811</v>
      </c>
      <c r="N667">
        <v>26</v>
      </c>
      <c r="O667">
        <v>5</v>
      </c>
      <c r="P667">
        <v>21</v>
      </c>
      <c r="Q667">
        <v>3.7241438528235502</v>
      </c>
      <c r="R667">
        <v>5.5094652014846934</v>
      </c>
      <c r="S667">
        <v>3</v>
      </c>
      <c r="T667">
        <v>1</v>
      </c>
      <c r="U667">
        <v>2</v>
      </c>
      <c r="V667">
        <v>0.17390388270708471</v>
      </c>
      <c r="W667">
        <v>8.1402255361050138</v>
      </c>
      <c r="X667">
        <v>2</v>
      </c>
      <c r="Y667">
        <v>1</v>
      </c>
      <c r="Z667">
        <v>1</v>
      </c>
      <c r="AA667">
        <v>1.6734203956575738E-2</v>
      </c>
      <c r="AB667">
        <v>8.1802127385882564</v>
      </c>
      <c r="AC667">
        <v>1</v>
      </c>
      <c r="AD667">
        <v>1</v>
      </c>
      <c r="AE667">
        <v>0</v>
      </c>
      <c r="AF667">
        <v>0</v>
      </c>
      <c r="AG667">
        <v>8.1803208747736829</v>
      </c>
      <c r="AH667">
        <v>2.101349832853391E-2</v>
      </c>
      <c r="AI667">
        <v>-1.0864065043088541E-2</v>
      </c>
      <c r="AJ667">
        <v>-1.245741149944213E-2</v>
      </c>
      <c r="AK667">
        <v>-4.0990586227608213E-2</v>
      </c>
      <c r="AL667">
        <v>4107.1482348083173</v>
      </c>
      <c r="AM667">
        <v>7731.7925073886281</v>
      </c>
      <c r="AN667">
        <v>448616</v>
      </c>
      <c r="AO667">
        <v>55.636473644082251</v>
      </c>
      <c r="AP667">
        <v>3729.8306330217119</v>
      </c>
      <c r="AQ667">
        <v>1.006437167646236</v>
      </c>
      <c r="AR667">
        <v>3.992723201791212</v>
      </c>
      <c r="AS667">
        <v>3560</v>
      </c>
      <c r="AT667">
        <v>254.38986845787849</v>
      </c>
      <c r="AU667">
        <v>2.450733441991404E-2</v>
      </c>
      <c r="AV667">
        <v>2.1020007643007561E-2</v>
      </c>
      <c r="AW667">
        <v>0.36803806325216898</v>
      </c>
      <c r="AX667">
        <v>85.981522956326984</v>
      </c>
      <c r="AY667">
        <v>66</v>
      </c>
      <c r="AZ667">
        <v>132</v>
      </c>
      <c r="BA667">
        <v>0.60065922612041311</v>
      </c>
      <c r="BB667">
        <v>0.49594178561432972</v>
      </c>
      <c r="BC667">
        <v>5.3222590703352459</v>
      </c>
      <c r="BD667" t="s">
        <v>2599</v>
      </c>
      <c r="BE667" t="s">
        <v>68</v>
      </c>
    </row>
    <row r="668" spans="1:57" x14ac:dyDescent="0.3">
      <c r="A668" t="s">
        <v>2600</v>
      </c>
      <c r="B668">
        <v>1450</v>
      </c>
      <c r="C668" t="s">
        <v>2601</v>
      </c>
      <c r="D668" t="s">
        <v>2602</v>
      </c>
      <c r="E668" t="s">
        <v>98</v>
      </c>
      <c r="F668">
        <v>16</v>
      </c>
      <c r="G668">
        <v>97.5625</v>
      </c>
      <c r="H668">
        <v>67</v>
      </c>
      <c r="I668">
        <v>3971.49609375</v>
      </c>
      <c r="J668">
        <v>63.019807154179709</v>
      </c>
      <c r="K668">
        <v>0.73415461740013854</v>
      </c>
      <c r="L668">
        <v>-1.016798047600062</v>
      </c>
      <c r="M668">
        <v>4</v>
      </c>
      <c r="N668">
        <v>1</v>
      </c>
      <c r="O668">
        <v>1</v>
      </c>
      <c r="P668">
        <v>0</v>
      </c>
      <c r="Q668">
        <v>0</v>
      </c>
      <c r="R668">
        <v>2.7725887222397811</v>
      </c>
      <c r="S668">
        <v>1</v>
      </c>
      <c r="T668">
        <v>1</v>
      </c>
      <c r="U668">
        <v>0</v>
      </c>
      <c r="V668">
        <v>0</v>
      </c>
      <c r="W668">
        <v>2.7080502011022101</v>
      </c>
      <c r="X668">
        <v>1</v>
      </c>
      <c r="Y668">
        <v>1</v>
      </c>
      <c r="Z668">
        <v>0</v>
      </c>
      <c r="AA668">
        <v>0</v>
      </c>
      <c r="AB668">
        <v>2.639057329615258</v>
      </c>
      <c r="AC668">
        <v>1</v>
      </c>
      <c r="AD668">
        <v>1</v>
      </c>
      <c r="AE668">
        <v>0</v>
      </c>
      <c r="AF668">
        <v>0</v>
      </c>
      <c r="AG668">
        <v>2.5649493574615372</v>
      </c>
      <c r="AH668">
        <v>0.1196258273064995</v>
      </c>
      <c r="AI668">
        <v>-0.3098103625149134</v>
      </c>
      <c r="AJ668">
        <v>0.29207023830951617</v>
      </c>
      <c r="AK668">
        <v>-5.8974572711991607E-2</v>
      </c>
      <c r="AL668">
        <v>309.63596470030541</v>
      </c>
      <c r="AM668">
        <v>346.35901802048011</v>
      </c>
      <c r="AN668">
        <v>1561</v>
      </c>
      <c r="AO668">
        <v>104.282151771863</v>
      </c>
      <c r="AP668">
        <v>166.92812824685959</v>
      </c>
      <c r="AQ668">
        <v>2.25</v>
      </c>
      <c r="AR668">
        <v>4</v>
      </c>
      <c r="AS668">
        <v>16</v>
      </c>
      <c r="AT668">
        <v>0</v>
      </c>
      <c r="AU668">
        <v>0.38569819819819823</v>
      </c>
      <c r="AV668">
        <v>0.14419094128039231</v>
      </c>
      <c r="AW668">
        <v>0.625</v>
      </c>
      <c r="AX668">
        <v>62.266666666666673</v>
      </c>
      <c r="AY668">
        <v>20</v>
      </c>
      <c r="AZ668">
        <v>111</v>
      </c>
      <c r="BA668">
        <v>0.64594293047205342</v>
      </c>
      <c r="BB668">
        <v>0.3125</v>
      </c>
      <c r="BC668">
        <v>2.615630577027551</v>
      </c>
      <c r="BD668" t="s">
        <v>2601</v>
      </c>
      <c r="BE668" t="s">
        <v>62</v>
      </c>
    </row>
    <row r="669" spans="1:57" x14ac:dyDescent="0.3">
      <c r="A669" t="s">
        <v>2603</v>
      </c>
      <c r="B669">
        <v>3573</v>
      </c>
      <c r="C669" t="s">
        <v>2604</v>
      </c>
      <c r="D669" t="s">
        <v>2605</v>
      </c>
      <c r="E669" t="s">
        <v>128</v>
      </c>
      <c r="F669">
        <v>32</v>
      </c>
      <c r="G669">
        <v>116.8125</v>
      </c>
      <c r="H669">
        <v>104.5</v>
      </c>
      <c r="I669">
        <v>6629.15234375</v>
      </c>
      <c r="J669">
        <v>81.419606629791573</v>
      </c>
      <c r="K669">
        <v>0.31143625248157281</v>
      </c>
      <c r="L669">
        <v>-1.229208027343637</v>
      </c>
      <c r="M669">
        <v>4.875</v>
      </c>
      <c r="N669">
        <v>2</v>
      </c>
      <c r="O669">
        <v>1</v>
      </c>
      <c r="P669">
        <v>1</v>
      </c>
      <c r="Q669">
        <v>0.24944382578492941</v>
      </c>
      <c r="R669">
        <v>3.3790925052297318</v>
      </c>
      <c r="S669">
        <v>1</v>
      </c>
      <c r="T669">
        <v>1</v>
      </c>
      <c r="U669">
        <v>0</v>
      </c>
      <c r="V669">
        <v>0</v>
      </c>
      <c r="W669">
        <v>3.4339872044851458</v>
      </c>
      <c r="X669">
        <v>1</v>
      </c>
      <c r="Y669">
        <v>1</v>
      </c>
      <c r="Z669">
        <v>0</v>
      </c>
      <c r="AA669">
        <v>0</v>
      </c>
      <c r="AB669">
        <v>3.401197381662155</v>
      </c>
      <c r="AC669">
        <v>1</v>
      </c>
      <c r="AD669">
        <v>1</v>
      </c>
      <c r="AE669">
        <v>0</v>
      </c>
      <c r="AF669">
        <v>0</v>
      </c>
      <c r="AG669">
        <v>3.3672958299864728</v>
      </c>
      <c r="AH669">
        <v>-2.713410241694033E-2</v>
      </c>
      <c r="AI669">
        <v>-4.1664960287272783E-2</v>
      </c>
      <c r="AJ669">
        <v>-0.32390571608125329</v>
      </c>
      <c r="AK669">
        <v>5.347584326568902E-3</v>
      </c>
      <c r="AL669">
        <v>515.79935898937629</v>
      </c>
      <c r="AM669">
        <v>618.65096885574224</v>
      </c>
      <c r="AN669">
        <v>3738</v>
      </c>
      <c r="AO669">
        <v>137.7623190764086</v>
      </c>
      <c r="AP669">
        <v>341.74108080259049</v>
      </c>
      <c r="AQ669">
        <v>1.65625</v>
      </c>
      <c r="AR669">
        <v>3.96875</v>
      </c>
      <c r="AS669">
        <v>31</v>
      </c>
      <c r="AT669">
        <v>1.75</v>
      </c>
      <c r="AU669">
        <v>0.124753937007874</v>
      </c>
      <c r="AV669">
        <v>-2.787537344659086E-2</v>
      </c>
      <c r="AW669">
        <v>0.375</v>
      </c>
      <c r="AX669">
        <v>93.483870967741936</v>
      </c>
      <c r="AY669">
        <v>68</v>
      </c>
      <c r="AZ669">
        <v>133.75</v>
      </c>
      <c r="BA669">
        <v>0.69701107869270473</v>
      </c>
      <c r="BB669">
        <v>0.46875</v>
      </c>
      <c r="BC669">
        <v>3.3892680315457948</v>
      </c>
      <c r="BD669" t="s">
        <v>2606</v>
      </c>
      <c r="BE669" t="s">
        <v>62</v>
      </c>
    </row>
    <row r="670" spans="1:57" x14ac:dyDescent="0.3">
      <c r="A670" t="s">
        <v>2607</v>
      </c>
      <c r="B670">
        <v>1226</v>
      </c>
      <c r="C670" t="s">
        <v>2608</v>
      </c>
      <c r="D670" t="s">
        <v>2609</v>
      </c>
      <c r="E670" t="s">
        <v>85</v>
      </c>
      <c r="F670">
        <v>8</v>
      </c>
      <c r="G670">
        <v>161.25</v>
      </c>
      <c r="H670">
        <v>172.5</v>
      </c>
      <c r="I670">
        <v>6395.6875</v>
      </c>
      <c r="J670">
        <v>79.9730423330262</v>
      </c>
      <c r="K670">
        <v>-0.42560008239480479</v>
      </c>
      <c r="L670">
        <v>-1.217167465969162</v>
      </c>
      <c r="M670">
        <v>3</v>
      </c>
      <c r="N670">
        <v>1</v>
      </c>
      <c r="O670">
        <v>1</v>
      </c>
      <c r="P670">
        <v>0</v>
      </c>
      <c r="Q670">
        <v>0</v>
      </c>
      <c r="R670">
        <v>2.0794415416798362</v>
      </c>
      <c r="S670">
        <v>1</v>
      </c>
      <c r="T670">
        <v>1</v>
      </c>
      <c r="U670">
        <v>0</v>
      </c>
      <c r="V670">
        <v>0</v>
      </c>
      <c r="W670">
        <v>1.945910149055313</v>
      </c>
      <c r="X670">
        <v>1</v>
      </c>
      <c r="Y670">
        <v>1</v>
      </c>
      <c r="Z670">
        <v>0</v>
      </c>
      <c r="AA670">
        <v>0</v>
      </c>
      <c r="AB670">
        <v>1.791759469228055</v>
      </c>
      <c r="AC670">
        <v>1</v>
      </c>
      <c r="AD670">
        <v>1</v>
      </c>
      <c r="AE670">
        <v>0</v>
      </c>
      <c r="AF670">
        <v>0</v>
      </c>
      <c r="AG670">
        <v>1.6094379124341009</v>
      </c>
      <c r="AH670">
        <v>-0.37908478369213627</v>
      </c>
      <c r="AI670">
        <v>9.6737547761675341E-2</v>
      </c>
      <c r="AJ670">
        <v>0.11160718648307941</v>
      </c>
      <c r="AK670">
        <v>0</v>
      </c>
      <c r="AL670">
        <v>330.46214032518913</v>
      </c>
      <c r="AM670">
        <v>387.26318416768589</v>
      </c>
      <c r="AN670">
        <v>1290</v>
      </c>
      <c r="AO670">
        <v>51.244511901275843</v>
      </c>
      <c r="AP670">
        <v>142.1878562422728</v>
      </c>
      <c r="AQ670">
        <v>3.5</v>
      </c>
      <c r="AR670">
        <v>5</v>
      </c>
      <c r="AS670">
        <v>8</v>
      </c>
      <c r="AT670">
        <v>0</v>
      </c>
      <c r="AU670">
        <v>0.33333333333333343</v>
      </c>
      <c r="AV670">
        <v>-0.50513179889783866</v>
      </c>
      <c r="AW670">
        <v>0.375</v>
      </c>
      <c r="AX670">
        <v>109.1428571428571</v>
      </c>
      <c r="AY670">
        <v>63.5</v>
      </c>
      <c r="AZ670">
        <v>121.25</v>
      </c>
      <c r="BA670">
        <v>0.49595685167768189</v>
      </c>
      <c r="BB670">
        <v>0.5</v>
      </c>
      <c r="BC670">
        <v>1.945910149055313</v>
      </c>
      <c r="BD670" t="s">
        <v>2608</v>
      </c>
      <c r="BE670" t="s">
        <v>68</v>
      </c>
    </row>
    <row r="671" spans="1:57" x14ac:dyDescent="0.3">
      <c r="A671" t="s">
        <v>2610</v>
      </c>
      <c r="B671">
        <v>567</v>
      </c>
      <c r="C671" t="s">
        <v>2611</v>
      </c>
      <c r="D671" t="s">
        <v>2612</v>
      </c>
      <c r="E671" t="s">
        <v>115</v>
      </c>
      <c r="F671">
        <v>592</v>
      </c>
      <c r="G671">
        <v>127.6385135135135</v>
      </c>
      <c r="H671">
        <v>128</v>
      </c>
      <c r="I671">
        <v>5310.467300493061</v>
      </c>
      <c r="J671">
        <v>72.872953147879642</v>
      </c>
      <c r="K671">
        <v>3.520756591060873E-2</v>
      </c>
      <c r="L671">
        <v>-1.1630854681888969</v>
      </c>
      <c r="M671">
        <v>7.5705441450712527</v>
      </c>
      <c r="N671">
        <v>7</v>
      </c>
      <c r="O671">
        <v>1</v>
      </c>
      <c r="P671">
        <v>6</v>
      </c>
      <c r="Q671">
        <v>1.554699918548494</v>
      </c>
      <c r="R671">
        <v>5.2475013294607571</v>
      </c>
      <c r="S671">
        <v>2</v>
      </c>
      <c r="T671">
        <v>1</v>
      </c>
      <c r="U671">
        <v>1</v>
      </c>
      <c r="V671">
        <v>5.8172637348087648E-2</v>
      </c>
      <c r="W671">
        <v>6.3771246659302294</v>
      </c>
      <c r="X671">
        <v>1</v>
      </c>
      <c r="Y671">
        <v>1</v>
      </c>
      <c r="Z671">
        <v>0</v>
      </c>
      <c r="AA671">
        <v>0</v>
      </c>
      <c r="AB671">
        <v>6.3801225368997674</v>
      </c>
      <c r="AC671">
        <v>1</v>
      </c>
      <c r="AD671">
        <v>1</v>
      </c>
      <c r="AE671">
        <v>0</v>
      </c>
      <c r="AF671">
        <v>0</v>
      </c>
      <c r="AG671">
        <v>6.3784261836515856</v>
      </c>
      <c r="AH671">
        <v>1.089009077680155E-2</v>
      </c>
      <c r="AI671">
        <v>-2.5501986220714989E-2</v>
      </c>
      <c r="AJ671">
        <v>6.8303071361124268E-3</v>
      </c>
      <c r="AK671">
        <v>2.8280419934427859E-2</v>
      </c>
      <c r="AL671">
        <v>1718.3591613695451</v>
      </c>
      <c r="AM671">
        <v>3136.1855481679249</v>
      </c>
      <c r="AN671">
        <v>75562</v>
      </c>
      <c r="AO671">
        <v>19.999999999999769</v>
      </c>
      <c r="AP671">
        <v>1563.122439987357</v>
      </c>
      <c r="AQ671">
        <v>1.0388513513513511</v>
      </c>
      <c r="AR671">
        <v>3.9881756756756759</v>
      </c>
      <c r="AS671">
        <v>591</v>
      </c>
      <c r="AT671">
        <v>204.86486486486481</v>
      </c>
      <c r="AU671">
        <v>2.6980657127715971E-2</v>
      </c>
      <c r="AV671">
        <v>1.091441389232514E-2</v>
      </c>
      <c r="AW671">
        <v>0.3716216216216216</v>
      </c>
      <c r="AX671">
        <v>82.57698815566836</v>
      </c>
      <c r="AY671">
        <v>61.5</v>
      </c>
      <c r="AZ671">
        <v>124.25</v>
      </c>
      <c r="BA671">
        <v>0.57093232396634219</v>
      </c>
      <c r="BB671">
        <v>0.50168918918918914</v>
      </c>
      <c r="BC671">
        <v>5.1312214219056784</v>
      </c>
      <c r="BD671" t="s">
        <v>2613</v>
      </c>
      <c r="BE671" t="s">
        <v>62</v>
      </c>
    </row>
    <row r="672" spans="1:57" x14ac:dyDescent="0.3">
      <c r="A672" t="s">
        <v>2614</v>
      </c>
      <c r="B672">
        <v>3080</v>
      </c>
      <c r="C672" t="s">
        <v>2615</v>
      </c>
      <c r="D672" t="s">
        <v>2616</v>
      </c>
      <c r="E672" t="s">
        <v>128</v>
      </c>
      <c r="F672">
        <v>32</v>
      </c>
      <c r="G672">
        <v>127.46875</v>
      </c>
      <c r="H672">
        <v>124.5</v>
      </c>
      <c r="I672">
        <v>3729.4990234375</v>
      </c>
      <c r="J672">
        <v>61.069624392471091</v>
      </c>
      <c r="K672">
        <v>2.6275877154174589E-2</v>
      </c>
      <c r="L672">
        <v>-0.99513888975413156</v>
      </c>
      <c r="M672">
        <v>4.9375</v>
      </c>
      <c r="N672">
        <v>2</v>
      </c>
      <c r="O672">
        <v>1</v>
      </c>
      <c r="P672">
        <v>1</v>
      </c>
      <c r="Q672">
        <v>0.17668469596940839</v>
      </c>
      <c r="R672">
        <v>3.422414204014729</v>
      </c>
      <c r="S672">
        <v>1</v>
      </c>
      <c r="T672">
        <v>1</v>
      </c>
      <c r="U672">
        <v>0</v>
      </c>
      <c r="V672">
        <v>0</v>
      </c>
      <c r="W672">
        <v>3.4339872044851458</v>
      </c>
      <c r="X672">
        <v>1</v>
      </c>
      <c r="Y672">
        <v>1</v>
      </c>
      <c r="Z672">
        <v>0</v>
      </c>
      <c r="AA672">
        <v>0</v>
      </c>
      <c r="AB672">
        <v>3.401197381662155</v>
      </c>
      <c r="AC672">
        <v>1</v>
      </c>
      <c r="AD672">
        <v>1</v>
      </c>
      <c r="AE672">
        <v>0</v>
      </c>
      <c r="AF672">
        <v>0</v>
      </c>
      <c r="AG672">
        <v>3.3672958299864728</v>
      </c>
      <c r="AH672">
        <v>0.2434967960912352</v>
      </c>
      <c r="AI672">
        <v>-2.3248206274562991E-2</v>
      </c>
      <c r="AJ672">
        <v>-0.12662876927169811</v>
      </c>
      <c r="AK672">
        <v>-0.10416537924649</v>
      </c>
      <c r="AL672">
        <v>430.37973190918319</v>
      </c>
      <c r="AM672">
        <v>673.84144007457689</v>
      </c>
      <c r="AN672">
        <v>4079</v>
      </c>
      <c r="AO672">
        <v>13</v>
      </c>
      <c r="AP672">
        <v>313.45592191261488</v>
      </c>
      <c r="AQ672">
        <v>1.65625</v>
      </c>
      <c r="AR672">
        <v>4.34375</v>
      </c>
      <c r="AS672">
        <v>32</v>
      </c>
      <c r="AT672">
        <v>0.93749999999999978</v>
      </c>
      <c r="AU672">
        <v>0.1215128755364807</v>
      </c>
      <c r="AV672">
        <v>0.24860392157615549</v>
      </c>
      <c r="AW672">
        <v>0.46875</v>
      </c>
      <c r="AX672">
        <v>63.29032258064516</v>
      </c>
      <c r="AY672">
        <v>40</v>
      </c>
      <c r="AZ672">
        <v>97.25</v>
      </c>
      <c r="BA672">
        <v>0.47909487142904511</v>
      </c>
      <c r="BB672">
        <v>0.46875</v>
      </c>
      <c r="BC672">
        <v>3.3445488586064429</v>
      </c>
      <c r="BD672" t="s">
        <v>2617</v>
      </c>
      <c r="BE672" t="s">
        <v>62</v>
      </c>
    </row>
    <row r="673" spans="1:57" x14ac:dyDescent="0.3">
      <c r="A673" t="s">
        <v>2618</v>
      </c>
      <c r="B673">
        <v>1667</v>
      </c>
      <c r="C673" t="s">
        <v>2619</v>
      </c>
      <c r="D673" t="s">
        <v>2620</v>
      </c>
      <c r="E673" t="s">
        <v>10622</v>
      </c>
      <c r="F673">
        <v>64</v>
      </c>
      <c r="G673">
        <v>124.21875</v>
      </c>
      <c r="H673">
        <v>119.5</v>
      </c>
      <c r="I673">
        <v>6662.1083984375</v>
      </c>
      <c r="J673">
        <v>81.621739741551082</v>
      </c>
      <c r="K673">
        <v>6.3571543020166904E-2</v>
      </c>
      <c r="L673">
        <v>-1.447322762888986</v>
      </c>
      <c r="M673">
        <v>5.8125</v>
      </c>
      <c r="N673">
        <v>2</v>
      </c>
      <c r="O673">
        <v>1</v>
      </c>
      <c r="P673">
        <v>1</v>
      </c>
      <c r="Q673">
        <v>0.3045434781492361</v>
      </c>
      <c r="R673">
        <v>4.0289179870046823</v>
      </c>
      <c r="S673">
        <v>1</v>
      </c>
      <c r="T673">
        <v>1</v>
      </c>
      <c r="U673">
        <v>0</v>
      </c>
      <c r="V673">
        <v>0</v>
      </c>
      <c r="W673">
        <v>4.1431347263915326</v>
      </c>
      <c r="X673">
        <v>1</v>
      </c>
      <c r="Y673">
        <v>1</v>
      </c>
      <c r="Z673">
        <v>0</v>
      </c>
      <c r="AA673">
        <v>0</v>
      </c>
      <c r="AB673">
        <v>4.1271343850450908</v>
      </c>
      <c r="AC673">
        <v>1</v>
      </c>
      <c r="AD673">
        <v>1</v>
      </c>
      <c r="AE673">
        <v>0</v>
      </c>
      <c r="AF673">
        <v>0</v>
      </c>
      <c r="AG673">
        <v>4.1108738641733096</v>
      </c>
      <c r="AH673">
        <v>4.0625956464520149E-2</v>
      </c>
      <c r="AI673">
        <v>-5.4161108972604663E-2</v>
      </c>
      <c r="AJ673">
        <v>-7.364561738062407E-2</v>
      </c>
      <c r="AK673">
        <v>0.1562515391383083</v>
      </c>
      <c r="AL673">
        <v>696.43462647033834</v>
      </c>
      <c r="AM673">
        <v>963.79085441454583</v>
      </c>
      <c r="AN673">
        <v>7950</v>
      </c>
      <c r="AO673">
        <v>137.7982822328735</v>
      </c>
      <c r="AP673">
        <v>470.8408331776302</v>
      </c>
      <c r="AQ673">
        <v>1.359375</v>
      </c>
      <c r="AR673">
        <v>3.875</v>
      </c>
      <c r="AS673">
        <v>64</v>
      </c>
      <c r="AT673">
        <v>4.8750000000000018</v>
      </c>
      <c r="AU673">
        <v>0.14357775590551181</v>
      </c>
      <c r="AV673">
        <v>4.1118381223413332E-2</v>
      </c>
      <c r="AW673">
        <v>0.328125</v>
      </c>
      <c r="AX673">
        <v>92</v>
      </c>
      <c r="AY673">
        <v>81.5</v>
      </c>
      <c r="AZ673">
        <v>162.5</v>
      </c>
      <c r="BA673">
        <v>0.65708067213324139</v>
      </c>
      <c r="BB673">
        <v>0.484375</v>
      </c>
      <c r="BC673">
        <v>4.0111066919991618</v>
      </c>
      <c r="BD673" t="s">
        <v>2621</v>
      </c>
      <c r="BE673" t="s">
        <v>62</v>
      </c>
    </row>
    <row r="674" spans="1:57" x14ac:dyDescent="0.3">
      <c r="A674" t="s">
        <v>2622</v>
      </c>
      <c r="B674">
        <v>1563</v>
      </c>
      <c r="C674" t="s">
        <v>2623</v>
      </c>
      <c r="D674" t="s">
        <v>2624</v>
      </c>
      <c r="E674" t="s">
        <v>98</v>
      </c>
      <c r="F674">
        <v>16</v>
      </c>
      <c r="G674">
        <v>114.5</v>
      </c>
      <c r="H674">
        <v>70</v>
      </c>
      <c r="I674">
        <v>5818.375</v>
      </c>
      <c r="J674">
        <v>76.278273446637471</v>
      </c>
      <c r="K674">
        <v>0.52555061806353365</v>
      </c>
      <c r="L674">
        <v>-1.363567131898106</v>
      </c>
      <c r="M674">
        <v>4</v>
      </c>
      <c r="N674">
        <v>1</v>
      </c>
      <c r="O674">
        <v>1</v>
      </c>
      <c r="P674">
        <v>0</v>
      </c>
      <c r="Q674">
        <v>0</v>
      </c>
      <c r="R674">
        <v>2.7725887222397811</v>
      </c>
      <c r="S674">
        <v>1</v>
      </c>
      <c r="T674">
        <v>1</v>
      </c>
      <c r="U674">
        <v>0</v>
      </c>
      <c r="V674">
        <v>0</v>
      </c>
      <c r="W674">
        <v>2.7080502011022101</v>
      </c>
      <c r="X674">
        <v>1</v>
      </c>
      <c r="Y674">
        <v>1</v>
      </c>
      <c r="Z674">
        <v>0</v>
      </c>
      <c r="AA674">
        <v>0</v>
      </c>
      <c r="AB674">
        <v>2.639057329615258</v>
      </c>
      <c r="AC674">
        <v>1</v>
      </c>
      <c r="AD674">
        <v>1</v>
      </c>
      <c r="AE674">
        <v>0</v>
      </c>
      <c r="AF674">
        <v>0</v>
      </c>
      <c r="AG674">
        <v>2.5649493574615372</v>
      </c>
      <c r="AH674">
        <v>-0.39878241347455262</v>
      </c>
      <c r="AI674">
        <v>9.6107160504436379E-2</v>
      </c>
      <c r="AJ674">
        <v>-0.23108095043719251</v>
      </c>
      <c r="AK674">
        <v>4.3907233548886072E-2</v>
      </c>
      <c r="AL674">
        <v>383.89384013302322</v>
      </c>
      <c r="AM674">
        <v>394.31398594003838</v>
      </c>
      <c r="AN674">
        <v>1832</v>
      </c>
      <c r="AO674">
        <v>114.5634254973172</v>
      </c>
      <c r="AP674">
        <v>283.85220890063829</v>
      </c>
      <c r="AQ674">
        <v>2.25</v>
      </c>
      <c r="AR674">
        <v>4.5625</v>
      </c>
      <c r="AS674">
        <v>16</v>
      </c>
      <c r="AT674">
        <v>0</v>
      </c>
      <c r="AU674">
        <v>0.33809055118110237</v>
      </c>
      <c r="AV674">
        <v>-0.41085805108768081</v>
      </c>
      <c r="AW674">
        <v>0.5625</v>
      </c>
      <c r="AX674">
        <v>110</v>
      </c>
      <c r="AY674">
        <v>28</v>
      </c>
      <c r="AZ674">
        <v>137</v>
      </c>
      <c r="BA674">
        <v>0.666185794293777</v>
      </c>
      <c r="BB674">
        <v>0.375</v>
      </c>
      <c r="BC674">
        <v>2.7080502011022101</v>
      </c>
      <c r="BD674" t="s">
        <v>2623</v>
      </c>
      <c r="BE674" t="s">
        <v>62</v>
      </c>
    </row>
    <row r="675" spans="1:57" x14ac:dyDescent="0.3">
      <c r="A675" t="s">
        <v>2625</v>
      </c>
      <c r="B675">
        <v>1492</v>
      </c>
      <c r="C675" t="s">
        <v>2626</v>
      </c>
      <c r="D675" t="s">
        <v>2627</v>
      </c>
      <c r="E675" t="s">
        <v>128</v>
      </c>
      <c r="F675">
        <v>32</v>
      </c>
      <c r="G675">
        <v>105.53125</v>
      </c>
      <c r="H675">
        <v>95</v>
      </c>
      <c r="I675">
        <v>5229.6240234375</v>
      </c>
      <c r="J675">
        <v>72.316139439529678</v>
      </c>
      <c r="K675">
        <v>0.41721768839186552</v>
      </c>
      <c r="L675">
        <v>-1.0222611966817601</v>
      </c>
      <c r="M675">
        <v>4.9375</v>
      </c>
      <c r="N675">
        <v>2</v>
      </c>
      <c r="O675">
        <v>1</v>
      </c>
      <c r="P675">
        <v>1</v>
      </c>
      <c r="Q675">
        <v>0.17668469596940839</v>
      </c>
      <c r="R675">
        <v>3.422414204014729</v>
      </c>
      <c r="S675">
        <v>1</v>
      </c>
      <c r="T675">
        <v>1</v>
      </c>
      <c r="U675">
        <v>0</v>
      </c>
      <c r="V675">
        <v>0</v>
      </c>
      <c r="W675">
        <v>3.4339872044851458</v>
      </c>
      <c r="X675">
        <v>1</v>
      </c>
      <c r="Y675">
        <v>1</v>
      </c>
      <c r="Z675">
        <v>0</v>
      </c>
      <c r="AA675">
        <v>0</v>
      </c>
      <c r="AB675">
        <v>3.401197381662155</v>
      </c>
      <c r="AC675">
        <v>1</v>
      </c>
      <c r="AD675">
        <v>1</v>
      </c>
      <c r="AE675">
        <v>0</v>
      </c>
      <c r="AF675">
        <v>0</v>
      </c>
      <c r="AG675">
        <v>3.3672958299864728</v>
      </c>
      <c r="AH675">
        <v>2.9016442862784968E-2</v>
      </c>
      <c r="AI675">
        <v>0.19951988838750101</v>
      </c>
      <c r="AJ675">
        <v>1.8528355260885108E-2</v>
      </c>
      <c r="AK675">
        <v>0.1006491316278675</v>
      </c>
      <c r="AL675">
        <v>447.99114022108068</v>
      </c>
      <c r="AM675">
        <v>568.35810743176353</v>
      </c>
      <c r="AN675">
        <v>3377</v>
      </c>
      <c r="AO675">
        <v>45</v>
      </c>
      <c r="AP675">
        <v>335.4839949990523</v>
      </c>
      <c r="AQ675">
        <v>1.65625</v>
      </c>
      <c r="AR675">
        <v>4.03125</v>
      </c>
      <c r="AS675">
        <v>32</v>
      </c>
      <c r="AT675">
        <v>0.93749999999999978</v>
      </c>
      <c r="AU675">
        <v>0.1830357142857143</v>
      </c>
      <c r="AV675">
        <v>2.9601849018828869E-2</v>
      </c>
      <c r="AW675">
        <v>0.375</v>
      </c>
      <c r="AX675">
        <v>81.064516129032256</v>
      </c>
      <c r="AY675">
        <v>54</v>
      </c>
      <c r="AZ675">
        <v>110.5</v>
      </c>
      <c r="BA675">
        <v>0.68525805805891316</v>
      </c>
      <c r="BB675">
        <v>0.5</v>
      </c>
      <c r="BC675">
        <v>3.2551105127277409</v>
      </c>
      <c r="BD675" t="s">
        <v>2628</v>
      </c>
      <c r="BE675" t="s">
        <v>62</v>
      </c>
    </row>
    <row r="676" spans="1:57" x14ac:dyDescent="0.3">
      <c r="A676" t="s">
        <v>2629</v>
      </c>
      <c r="B676">
        <v>869</v>
      </c>
      <c r="C676" t="s">
        <v>2630</v>
      </c>
      <c r="D676" t="s">
        <v>2631</v>
      </c>
      <c r="E676" t="s">
        <v>106</v>
      </c>
      <c r="F676">
        <v>891</v>
      </c>
      <c r="G676">
        <v>123.0011223344557</v>
      </c>
      <c r="H676">
        <v>121</v>
      </c>
      <c r="I676">
        <v>5304.0482591219588</v>
      </c>
      <c r="J676">
        <v>72.828897143386428</v>
      </c>
      <c r="K676">
        <v>3.0797492428465509E-2</v>
      </c>
      <c r="L676">
        <v>-1.1805157053915449</v>
      </c>
      <c r="M676">
        <v>7.7732783053037426</v>
      </c>
      <c r="N676">
        <v>11</v>
      </c>
      <c r="O676">
        <v>1</v>
      </c>
      <c r="P676">
        <v>10</v>
      </c>
      <c r="Q676">
        <v>1.736368939159523</v>
      </c>
      <c r="R676">
        <v>5.388025941029067</v>
      </c>
      <c r="S676">
        <v>2</v>
      </c>
      <c r="T676">
        <v>1</v>
      </c>
      <c r="U676">
        <v>1</v>
      </c>
      <c r="V676">
        <v>9.4805192564022103E-2</v>
      </c>
      <c r="W676">
        <v>6.7787603898172426</v>
      </c>
      <c r="X676">
        <v>1</v>
      </c>
      <c r="Y676">
        <v>1</v>
      </c>
      <c r="Z676">
        <v>0</v>
      </c>
      <c r="AA676">
        <v>0</v>
      </c>
      <c r="AB676">
        <v>6.7900972355139038</v>
      </c>
      <c r="AC676">
        <v>1</v>
      </c>
      <c r="AD676">
        <v>1</v>
      </c>
      <c r="AE676">
        <v>0</v>
      </c>
      <c r="AF676">
        <v>0</v>
      </c>
      <c r="AG676">
        <v>6.7889717429921674</v>
      </c>
      <c r="AH676">
        <v>-4.0129010576792218E-2</v>
      </c>
      <c r="AI676">
        <v>1.4485936707654591E-2</v>
      </c>
      <c r="AJ676">
        <v>-1.1730380896091E-3</v>
      </c>
      <c r="AK676">
        <v>-2.2437734017566699E-2</v>
      </c>
      <c r="AL676">
        <v>2025.922045614542</v>
      </c>
      <c r="AM676">
        <v>3755.2272720959231</v>
      </c>
      <c r="AN676">
        <v>109594</v>
      </c>
      <c r="AO676">
        <v>54.844756034988329</v>
      </c>
      <c r="AP676">
        <v>1779.042490238226</v>
      </c>
      <c r="AQ676">
        <v>1.0258136924803589</v>
      </c>
      <c r="AR676">
        <v>3.9248035914702579</v>
      </c>
      <c r="AS676">
        <v>886</v>
      </c>
      <c r="AT676">
        <v>203.1133557800224</v>
      </c>
      <c r="AU676">
        <v>3.7591602297484712E-2</v>
      </c>
      <c r="AV676">
        <v>-4.0161262872650559E-2</v>
      </c>
      <c r="AW676">
        <v>0.37934904601571268</v>
      </c>
      <c r="AX676">
        <v>86.934831460674161</v>
      </c>
      <c r="AY676">
        <v>63</v>
      </c>
      <c r="AZ676">
        <v>125.5</v>
      </c>
      <c r="BA676">
        <v>0.59209945211195236</v>
      </c>
      <c r="BB676">
        <v>0.49270482603815929</v>
      </c>
      <c r="BC676">
        <v>5.2221912852716823</v>
      </c>
      <c r="BD676" t="s">
        <v>2632</v>
      </c>
      <c r="BE676" t="s">
        <v>68</v>
      </c>
    </row>
    <row r="677" spans="1:57" x14ac:dyDescent="0.3">
      <c r="A677" t="s">
        <v>2633</v>
      </c>
      <c r="B677">
        <v>3105</v>
      </c>
      <c r="C677" t="s">
        <v>2634</v>
      </c>
      <c r="D677" t="s">
        <v>2635</v>
      </c>
      <c r="E677" t="s">
        <v>93</v>
      </c>
      <c r="F677">
        <v>3187</v>
      </c>
      <c r="G677">
        <v>129.64010040790711</v>
      </c>
      <c r="H677">
        <v>133</v>
      </c>
      <c r="I677">
        <v>5666.2460606111918</v>
      </c>
      <c r="J677">
        <v>75.274471506688059</v>
      </c>
      <c r="K677">
        <v>-5.0947717474712849E-2</v>
      </c>
      <c r="L677">
        <v>-1.221345092414629</v>
      </c>
      <c r="M677">
        <v>7.9438192490258466</v>
      </c>
      <c r="N677">
        <v>25</v>
      </c>
      <c r="O677">
        <v>1</v>
      </c>
      <c r="P677">
        <v>24</v>
      </c>
      <c r="Q677">
        <v>3.428590638243131</v>
      </c>
      <c r="R677">
        <v>5.5062359153400973</v>
      </c>
      <c r="S677">
        <v>3</v>
      </c>
      <c r="T677">
        <v>1</v>
      </c>
      <c r="U677">
        <v>2</v>
      </c>
      <c r="V677">
        <v>0.16052843331131861</v>
      </c>
      <c r="W677">
        <v>8.0329596210800354</v>
      </c>
      <c r="X677">
        <v>2</v>
      </c>
      <c r="Y677">
        <v>1</v>
      </c>
      <c r="Z677">
        <v>1</v>
      </c>
      <c r="AA677">
        <v>1.771924692454338E-2</v>
      </c>
      <c r="AB677">
        <v>8.0657723107500257</v>
      </c>
      <c r="AC677">
        <v>1</v>
      </c>
      <c r="AD677">
        <v>1</v>
      </c>
      <c r="AE677">
        <v>0</v>
      </c>
      <c r="AF677">
        <v>0</v>
      </c>
      <c r="AG677">
        <v>8.0658935469642739</v>
      </c>
      <c r="AH677">
        <v>-3.0054103584152541E-2</v>
      </c>
      <c r="AI677">
        <v>-1.807825105188037E-3</v>
      </c>
      <c r="AJ677">
        <v>-5.6730401395385186E-3</v>
      </c>
      <c r="AK677">
        <v>-9.6427984490330167E-3</v>
      </c>
      <c r="AL677">
        <v>3909.7987498652669</v>
      </c>
      <c r="AM677">
        <v>7505.6174120156174</v>
      </c>
      <c r="AN677">
        <v>413163</v>
      </c>
      <c r="AO677">
        <v>146.58695485115149</v>
      </c>
      <c r="AP677">
        <v>3635.6103954735272</v>
      </c>
      <c r="AQ677">
        <v>1.007216818324443</v>
      </c>
      <c r="AR677">
        <v>4.0210229055538127</v>
      </c>
      <c r="AS677">
        <v>3168</v>
      </c>
      <c r="AT677">
        <v>241.72921242547849</v>
      </c>
      <c r="AU677">
        <v>2.36057020862942E-2</v>
      </c>
      <c r="AV677">
        <v>-3.0059623097017051E-2</v>
      </c>
      <c r="AW677">
        <v>0.34954502667085041</v>
      </c>
      <c r="AX677">
        <v>88.484934086628996</v>
      </c>
      <c r="AY677">
        <v>66</v>
      </c>
      <c r="AZ677">
        <v>130</v>
      </c>
      <c r="BA677">
        <v>0.58064187909327525</v>
      </c>
      <c r="BB677">
        <v>0.51082522748666459</v>
      </c>
      <c r="BC677">
        <v>5.3439687161951932</v>
      </c>
      <c r="BD677" t="s">
        <v>2636</v>
      </c>
      <c r="BE677" t="s">
        <v>68</v>
      </c>
    </row>
    <row r="678" spans="1:57" x14ac:dyDescent="0.3">
      <c r="A678" t="s">
        <v>2637</v>
      </c>
      <c r="B678">
        <v>1765</v>
      </c>
      <c r="C678" t="s">
        <v>2638</v>
      </c>
      <c r="D678" t="s">
        <v>2639</v>
      </c>
      <c r="E678" t="s">
        <v>66</v>
      </c>
      <c r="F678">
        <v>70</v>
      </c>
      <c r="G678">
        <v>114.94285714285709</v>
      </c>
      <c r="H678">
        <v>111.5</v>
      </c>
      <c r="I678">
        <v>5654.7967346938776</v>
      </c>
      <c r="J678">
        <v>75.198382527112102</v>
      </c>
      <c r="K678">
        <v>0.1077152113072561</v>
      </c>
      <c r="L678">
        <v>-1.2936288518283099</v>
      </c>
      <c r="M678">
        <v>5.7826449811379641</v>
      </c>
      <c r="N678">
        <v>3</v>
      </c>
      <c r="O678">
        <v>1</v>
      </c>
      <c r="P678">
        <v>2</v>
      </c>
      <c r="Q678">
        <v>0.50336414931923723</v>
      </c>
      <c r="R678">
        <v>4.0082240648548959</v>
      </c>
      <c r="S678">
        <v>2</v>
      </c>
      <c r="T678">
        <v>1</v>
      </c>
      <c r="U678">
        <v>1</v>
      </c>
      <c r="V678">
        <v>0.1203728348804772</v>
      </c>
      <c r="W678">
        <v>4.2140152819723324</v>
      </c>
      <c r="X678">
        <v>1</v>
      </c>
      <c r="Y678">
        <v>1</v>
      </c>
      <c r="Z678">
        <v>0</v>
      </c>
      <c r="AA678">
        <v>0</v>
      </c>
      <c r="AB678">
        <v>4.2195077051761087</v>
      </c>
      <c r="AC678">
        <v>1</v>
      </c>
      <c r="AD678">
        <v>1</v>
      </c>
      <c r="AE678">
        <v>0</v>
      </c>
      <c r="AF678">
        <v>0</v>
      </c>
      <c r="AG678">
        <v>4.2046926193909648</v>
      </c>
      <c r="AH678">
        <v>6.7417489281578383E-2</v>
      </c>
      <c r="AI678">
        <v>3.1118733182316258E-2</v>
      </c>
      <c r="AJ678">
        <v>-7.7243949572820153E-4</v>
      </c>
      <c r="AK678">
        <v>6.3548783228633166E-2</v>
      </c>
      <c r="AL678">
        <v>685.21032198939838</v>
      </c>
      <c r="AM678">
        <v>922.57943540878102</v>
      </c>
      <c r="AN678">
        <v>8046</v>
      </c>
      <c r="AO678">
        <v>145.59441457768341</v>
      </c>
      <c r="AP678">
        <v>572.86121081381316</v>
      </c>
      <c r="AQ678">
        <v>1.328571428571429</v>
      </c>
      <c r="AR678">
        <v>3.8</v>
      </c>
      <c r="AS678">
        <v>70</v>
      </c>
      <c r="AT678">
        <v>12.6</v>
      </c>
      <c r="AU678">
        <v>0.1325396825396826</v>
      </c>
      <c r="AV678">
        <v>6.8505219755932781E-2</v>
      </c>
      <c r="AW678">
        <v>0.42857142857142849</v>
      </c>
      <c r="AX678">
        <v>81.811594202898547</v>
      </c>
      <c r="AY678">
        <v>65</v>
      </c>
      <c r="AZ678">
        <v>132.25</v>
      </c>
      <c r="BA678">
        <v>0.6542240587742788</v>
      </c>
      <c r="BB678">
        <v>0.48571428571428571</v>
      </c>
      <c r="BC678">
        <v>3.977845220235408</v>
      </c>
      <c r="BD678" t="s">
        <v>2640</v>
      </c>
      <c r="BE678" t="s">
        <v>68</v>
      </c>
    </row>
    <row r="679" spans="1:57" x14ac:dyDescent="0.3">
      <c r="A679" t="s">
        <v>2641</v>
      </c>
      <c r="B679">
        <v>3653</v>
      </c>
      <c r="C679" t="s">
        <v>2642</v>
      </c>
      <c r="D679" t="s">
        <v>2643</v>
      </c>
      <c r="E679" t="s">
        <v>115</v>
      </c>
      <c r="F679">
        <v>3728</v>
      </c>
      <c r="G679">
        <v>127.3607832618026</v>
      </c>
      <c r="H679">
        <v>126</v>
      </c>
      <c r="I679">
        <v>5574.3180650517379</v>
      </c>
      <c r="J679">
        <v>74.661355901508628</v>
      </c>
      <c r="K679">
        <v>2.298931367756606E-2</v>
      </c>
      <c r="L679">
        <v>-1.2078127559767109</v>
      </c>
      <c r="M679">
        <v>7.9491140834998717</v>
      </c>
      <c r="N679">
        <v>30</v>
      </c>
      <c r="O679">
        <v>4</v>
      </c>
      <c r="P679">
        <v>26</v>
      </c>
      <c r="Q679">
        <v>3.8451471038180061</v>
      </c>
      <c r="R679">
        <v>5.5099060149272958</v>
      </c>
      <c r="S679">
        <v>3</v>
      </c>
      <c r="T679">
        <v>1</v>
      </c>
      <c r="U679">
        <v>2</v>
      </c>
      <c r="V679">
        <v>0.163834067971631</v>
      </c>
      <c r="W679">
        <v>8.1873699660327759</v>
      </c>
      <c r="X679">
        <v>1</v>
      </c>
      <c r="Y679">
        <v>1</v>
      </c>
      <c r="Z679">
        <v>0</v>
      </c>
      <c r="AA679">
        <v>0</v>
      </c>
      <c r="AB679">
        <v>8.2230905511615298</v>
      </c>
      <c r="AC679">
        <v>1</v>
      </c>
      <c r="AD679">
        <v>1</v>
      </c>
      <c r="AE679">
        <v>0</v>
      </c>
      <c r="AF679">
        <v>0</v>
      </c>
      <c r="AG679">
        <v>8.2228221308136575</v>
      </c>
      <c r="AH679">
        <v>5.5396181359230849E-2</v>
      </c>
      <c r="AI679">
        <v>-1.9857826700163068E-2</v>
      </c>
      <c r="AJ679">
        <v>2.2567419345908869E-2</v>
      </c>
      <c r="AK679">
        <v>1.195835472288986E-2</v>
      </c>
      <c r="AL679">
        <v>4152.7756641466895</v>
      </c>
      <c r="AM679">
        <v>8000.4086947649757</v>
      </c>
      <c r="AN679">
        <v>474801</v>
      </c>
      <c r="AO679">
        <v>152.413212621009</v>
      </c>
      <c r="AP679">
        <v>3749.8043214861391</v>
      </c>
      <c r="AQ679">
        <v>1.006169527896996</v>
      </c>
      <c r="AR679">
        <v>3.993025751072961</v>
      </c>
      <c r="AS679">
        <v>3707</v>
      </c>
      <c r="AT679">
        <v>259.9141630901288</v>
      </c>
      <c r="AU679">
        <v>1.710005890768318E-2</v>
      </c>
      <c r="AV679">
        <v>5.5405821296814269E-2</v>
      </c>
      <c r="AW679">
        <v>0.3709763948497854</v>
      </c>
      <c r="AX679">
        <v>83.289240676147031</v>
      </c>
      <c r="AY679">
        <v>65</v>
      </c>
      <c r="AZ679">
        <v>129</v>
      </c>
      <c r="BA679">
        <v>0.58621935253047941</v>
      </c>
      <c r="BB679">
        <v>0.49543991416309008</v>
      </c>
      <c r="BC679">
        <v>5.3088439953333451</v>
      </c>
      <c r="BD679" t="s">
        <v>2644</v>
      </c>
      <c r="BE679" t="s">
        <v>62</v>
      </c>
    </row>
    <row r="680" spans="1:57" x14ac:dyDescent="0.3">
      <c r="A680" t="s">
        <v>2645</v>
      </c>
      <c r="B680">
        <v>3185</v>
      </c>
      <c r="C680" t="s">
        <v>2646</v>
      </c>
      <c r="D680" t="s">
        <v>2647</v>
      </c>
      <c r="E680" t="s">
        <v>106</v>
      </c>
      <c r="F680">
        <v>3229</v>
      </c>
      <c r="G680">
        <v>128.14524620625579</v>
      </c>
      <c r="H680">
        <v>131</v>
      </c>
      <c r="I680">
        <v>5331.206837884567</v>
      </c>
      <c r="J680">
        <v>73.015113763415911</v>
      </c>
      <c r="K680">
        <v>-3.8644610268989639E-2</v>
      </c>
      <c r="L680">
        <v>-1.193363600655801</v>
      </c>
      <c r="M680">
        <v>7.9416304582159878</v>
      </c>
      <c r="N680">
        <v>22</v>
      </c>
      <c r="O680">
        <v>3</v>
      </c>
      <c r="P680">
        <v>19</v>
      </c>
      <c r="Q680">
        <v>3.5159873945164311</v>
      </c>
      <c r="R680">
        <v>5.5047187611613957</v>
      </c>
      <c r="S680">
        <v>3</v>
      </c>
      <c r="T680">
        <v>1</v>
      </c>
      <c r="U680">
        <v>2</v>
      </c>
      <c r="V680">
        <v>0.17691317660748079</v>
      </c>
      <c r="W680">
        <v>8.0376362916834694</v>
      </c>
      <c r="X680">
        <v>1</v>
      </c>
      <c r="Y680">
        <v>1</v>
      </c>
      <c r="Z680">
        <v>0</v>
      </c>
      <c r="AA680">
        <v>0</v>
      </c>
      <c r="AB680">
        <v>8.0793081920519576</v>
      </c>
      <c r="AC680">
        <v>1</v>
      </c>
      <c r="AD680">
        <v>1</v>
      </c>
      <c r="AE680">
        <v>0</v>
      </c>
      <c r="AF680">
        <v>0</v>
      </c>
      <c r="AG680">
        <v>8.0789982586851536</v>
      </c>
      <c r="AH680">
        <v>-1.755705756422728E-3</v>
      </c>
      <c r="AI680">
        <v>1.205765124591221E-2</v>
      </c>
      <c r="AJ680">
        <v>5.4162899134711836E-3</v>
      </c>
      <c r="AK680">
        <v>-3.0442523821010202E-4</v>
      </c>
      <c r="AL680">
        <v>3798.2528801287858</v>
      </c>
      <c r="AM680">
        <v>7470.7302225815511</v>
      </c>
      <c r="AN680">
        <v>413781</v>
      </c>
      <c r="AO680">
        <v>81.289068028146914</v>
      </c>
      <c r="AP680">
        <v>3408.3960544970382</v>
      </c>
      <c r="AQ680">
        <v>1.0071229482812021</v>
      </c>
      <c r="AR680">
        <v>4.0164137503871169</v>
      </c>
      <c r="AS680">
        <v>3222</v>
      </c>
      <c r="AT680">
        <v>250.9033756580985</v>
      </c>
      <c r="AU680">
        <v>1.5637695152387329E-2</v>
      </c>
      <c r="AV680">
        <v>-1.7559234236225981E-3</v>
      </c>
      <c r="AW680">
        <v>0.36543821616599559</v>
      </c>
      <c r="AX680">
        <v>84.538723667905828</v>
      </c>
      <c r="AY680">
        <v>63</v>
      </c>
      <c r="AZ680">
        <v>124</v>
      </c>
      <c r="BA680">
        <v>0.56978402184264132</v>
      </c>
      <c r="BB680">
        <v>0.50975534221121088</v>
      </c>
      <c r="BC680">
        <v>5.3030589252836302</v>
      </c>
      <c r="BD680" t="s">
        <v>2648</v>
      </c>
      <c r="BE680" t="s">
        <v>68</v>
      </c>
    </row>
    <row r="681" spans="1:57" x14ac:dyDescent="0.3">
      <c r="A681" t="s">
        <v>2649</v>
      </c>
      <c r="B681">
        <v>3381</v>
      </c>
      <c r="C681" t="s">
        <v>2650</v>
      </c>
      <c r="D681" t="s">
        <v>2651</v>
      </c>
      <c r="E681" t="s">
        <v>98</v>
      </c>
      <c r="F681">
        <v>16</v>
      </c>
      <c r="G681">
        <v>105.375</v>
      </c>
      <c r="H681">
        <v>74.5</v>
      </c>
      <c r="I681">
        <v>4279.609375</v>
      </c>
      <c r="J681">
        <v>65.418723428388603</v>
      </c>
      <c r="K681">
        <v>0.64497657318309398</v>
      </c>
      <c r="L681">
        <v>-0.95972319667788097</v>
      </c>
      <c r="M681">
        <v>3.75</v>
      </c>
      <c r="N681">
        <v>2</v>
      </c>
      <c r="O681">
        <v>1</v>
      </c>
      <c r="P681">
        <v>1</v>
      </c>
      <c r="Q681">
        <v>0.3499271061118826</v>
      </c>
      <c r="R681">
        <v>2.5993019270997948</v>
      </c>
      <c r="S681">
        <v>1</v>
      </c>
      <c r="T681">
        <v>1</v>
      </c>
      <c r="U681">
        <v>0</v>
      </c>
      <c r="V681">
        <v>0</v>
      </c>
      <c r="W681">
        <v>2.7080502011022101</v>
      </c>
      <c r="X681">
        <v>1</v>
      </c>
      <c r="Y681">
        <v>1</v>
      </c>
      <c r="Z681">
        <v>0</v>
      </c>
      <c r="AA681">
        <v>0</v>
      </c>
      <c r="AB681">
        <v>2.639057329615258</v>
      </c>
      <c r="AC681">
        <v>1</v>
      </c>
      <c r="AD681">
        <v>1</v>
      </c>
      <c r="AE681">
        <v>0</v>
      </c>
      <c r="AF681">
        <v>0</v>
      </c>
      <c r="AG681">
        <v>2.5649493574615372</v>
      </c>
      <c r="AH681">
        <v>9.4831732963361878E-2</v>
      </c>
      <c r="AI681">
        <v>-0.1331646251300681</v>
      </c>
      <c r="AJ681">
        <v>8.3251565380894135E-2</v>
      </c>
      <c r="AK681">
        <v>-0.2229289508753354</v>
      </c>
      <c r="AL681">
        <v>348.46608741369522</v>
      </c>
      <c r="AM681">
        <v>353.13932933417499</v>
      </c>
      <c r="AN681">
        <v>1686</v>
      </c>
      <c r="AO681">
        <v>107.77694065792591</v>
      </c>
      <c r="AP681">
        <v>260.33634427183961</v>
      </c>
      <c r="AQ681">
        <v>2.25</v>
      </c>
      <c r="AR681">
        <v>3.5625</v>
      </c>
      <c r="AS681">
        <v>15</v>
      </c>
      <c r="AT681">
        <v>1.5</v>
      </c>
      <c r="AU681">
        <v>0.39307851239669422</v>
      </c>
      <c r="AV681">
        <v>0.100805291747842</v>
      </c>
      <c r="AW681">
        <v>0.625</v>
      </c>
      <c r="AX681">
        <v>68.466666666666669</v>
      </c>
      <c r="AY681">
        <v>37</v>
      </c>
      <c r="AZ681">
        <v>115</v>
      </c>
      <c r="BA681">
        <v>0.6208182531756925</v>
      </c>
      <c r="BB681">
        <v>0.375</v>
      </c>
      <c r="BC681">
        <v>2.615630577027551</v>
      </c>
      <c r="BD681" t="s">
        <v>2650</v>
      </c>
      <c r="BE681" t="s">
        <v>62</v>
      </c>
    </row>
    <row r="682" spans="1:57" x14ac:dyDescent="0.3">
      <c r="A682" t="s">
        <v>2652</v>
      </c>
      <c r="B682">
        <v>2282</v>
      </c>
      <c r="C682" t="s">
        <v>2653</v>
      </c>
      <c r="D682" t="s">
        <v>2654</v>
      </c>
      <c r="E682" t="s">
        <v>128</v>
      </c>
      <c r="F682">
        <v>32</v>
      </c>
      <c r="G682">
        <v>124.5625</v>
      </c>
      <c r="H682">
        <v>113.5</v>
      </c>
      <c r="I682">
        <v>4671.68359375</v>
      </c>
      <c r="J682">
        <v>68.349715388946578</v>
      </c>
      <c r="K682">
        <v>0.1070941452262875</v>
      </c>
      <c r="L682">
        <v>-1.201216597043647</v>
      </c>
      <c r="M682">
        <v>4.9375</v>
      </c>
      <c r="N682">
        <v>2</v>
      </c>
      <c r="O682">
        <v>1</v>
      </c>
      <c r="P682">
        <v>1</v>
      </c>
      <c r="Q682">
        <v>0.1766846959694085</v>
      </c>
      <c r="R682">
        <v>3.422414204014729</v>
      </c>
      <c r="S682">
        <v>1</v>
      </c>
      <c r="T682">
        <v>1</v>
      </c>
      <c r="U682">
        <v>0</v>
      </c>
      <c r="V682">
        <v>0</v>
      </c>
      <c r="W682">
        <v>3.4339872044851458</v>
      </c>
      <c r="X682">
        <v>1</v>
      </c>
      <c r="Y682">
        <v>1</v>
      </c>
      <c r="Z682">
        <v>0</v>
      </c>
      <c r="AA682">
        <v>0</v>
      </c>
      <c r="AB682">
        <v>3.401197381662155</v>
      </c>
      <c r="AC682">
        <v>1</v>
      </c>
      <c r="AD682">
        <v>1</v>
      </c>
      <c r="AE682">
        <v>0</v>
      </c>
      <c r="AF682">
        <v>0</v>
      </c>
      <c r="AG682">
        <v>3.3672958299864728</v>
      </c>
      <c r="AH682">
        <v>-0.23540850022283519</v>
      </c>
      <c r="AI682">
        <v>-1.9380444934616891E-2</v>
      </c>
      <c r="AJ682">
        <v>7.6934041403034073E-2</v>
      </c>
      <c r="AK682">
        <v>-3.2673004579619067E-2</v>
      </c>
      <c r="AL682">
        <v>463.04019699487878</v>
      </c>
      <c r="AM682">
        <v>656.95797123327748</v>
      </c>
      <c r="AN682">
        <v>3986</v>
      </c>
      <c r="AO682">
        <v>75.61919070037564</v>
      </c>
      <c r="AP682">
        <v>354.79888448760312</v>
      </c>
      <c r="AQ682">
        <v>1.65625</v>
      </c>
      <c r="AR682">
        <v>3.9375</v>
      </c>
      <c r="AS682">
        <v>32</v>
      </c>
      <c r="AT682">
        <v>0.93749999999999978</v>
      </c>
      <c r="AU682">
        <v>9.3495934959349603E-2</v>
      </c>
      <c r="AV682">
        <v>-0.23830695425360279</v>
      </c>
      <c r="AW682">
        <v>0.46875</v>
      </c>
      <c r="AX682">
        <v>92.096774193548384</v>
      </c>
      <c r="AY682">
        <v>54</v>
      </c>
      <c r="AZ682">
        <v>115</v>
      </c>
      <c r="BA682">
        <v>0.54871823694086563</v>
      </c>
      <c r="BB682">
        <v>0.46875</v>
      </c>
      <c r="BC682">
        <v>3.3892680315457948</v>
      </c>
      <c r="BD682" t="s">
        <v>2655</v>
      </c>
      <c r="BE682" t="s">
        <v>62</v>
      </c>
    </row>
    <row r="683" spans="1:57" x14ac:dyDescent="0.3">
      <c r="A683" t="s">
        <v>2656</v>
      </c>
      <c r="B683">
        <v>3855</v>
      </c>
      <c r="C683" t="s">
        <v>2657</v>
      </c>
      <c r="D683" t="s">
        <v>2658</v>
      </c>
      <c r="E683" t="s">
        <v>93</v>
      </c>
      <c r="F683">
        <v>3867</v>
      </c>
      <c r="G683">
        <v>128.90742177398499</v>
      </c>
      <c r="H683">
        <v>130</v>
      </c>
      <c r="I683">
        <v>5552.946691749441</v>
      </c>
      <c r="J683">
        <v>74.518096404493861</v>
      </c>
      <c r="K683">
        <v>-3.1904354695649957E-2</v>
      </c>
      <c r="L683">
        <v>-1.2130466911937281</v>
      </c>
      <c r="M683">
        <v>7.9595269818630987</v>
      </c>
      <c r="N683">
        <v>28</v>
      </c>
      <c r="O683">
        <v>7</v>
      </c>
      <c r="P683">
        <v>21</v>
      </c>
      <c r="Q683">
        <v>3.580629496718899</v>
      </c>
      <c r="R683">
        <v>5.517123686069219</v>
      </c>
      <c r="S683">
        <v>3</v>
      </c>
      <c r="T683">
        <v>1</v>
      </c>
      <c r="U683">
        <v>2</v>
      </c>
      <c r="V683">
        <v>0.1694664358460547</v>
      </c>
      <c r="W683">
        <v>8.2213362410079647</v>
      </c>
      <c r="X683">
        <v>1</v>
      </c>
      <c r="Y683">
        <v>1</v>
      </c>
      <c r="Z683">
        <v>0</v>
      </c>
      <c r="AA683">
        <v>0</v>
      </c>
      <c r="AB683">
        <v>8.2597169610215246</v>
      </c>
      <c r="AC683">
        <v>1</v>
      </c>
      <c r="AD683">
        <v>1</v>
      </c>
      <c r="AE683">
        <v>0</v>
      </c>
      <c r="AF683">
        <v>0</v>
      </c>
      <c r="AG683">
        <v>8.259458195332412</v>
      </c>
      <c r="AH683">
        <v>1.1948238838984731E-2</v>
      </c>
      <c r="AI683">
        <v>9.2955411896649617E-3</v>
      </c>
      <c r="AJ683">
        <v>7.9504008072506249E-4</v>
      </c>
      <c r="AK683">
        <v>2.028876919356595E-3</v>
      </c>
      <c r="AL683">
        <v>4218.6306168234396</v>
      </c>
      <c r="AM683">
        <v>8242.2579866684518</v>
      </c>
      <c r="AN683">
        <v>498485</v>
      </c>
      <c r="AO683">
        <v>75.39044670951958</v>
      </c>
      <c r="AP683">
        <v>3839.5736375347228</v>
      </c>
      <c r="AQ683">
        <v>1.0059477631238689</v>
      </c>
      <c r="AR683">
        <v>4.0082751486940777</v>
      </c>
      <c r="AS683">
        <v>3853</v>
      </c>
      <c r="AT683">
        <v>217.28238944918539</v>
      </c>
      <c r="AU683">
        <v>1.8153607447633831E-2</v>
      </c>
      <c r="AV683">
        <v>1.1951040039767319E-2</v>
      </c>
      <c r="AW683">
        <v>0.35971036979570731</v>
      </c>
      <c r="AX683">
        <v>85.561045007759958</v>
      </c>
      <c r="AY683">
        <v>65</v>
      </c>
      <c r="AZ683">
        <v>129</v>
      </c>
      <c r="BA683">
        <v>0.57807452339825227</v>
      </c>
      <c r="BB683">
        <v>0.50685285751228337</v>
      </c>
      <c r="BC683">
        <v>5.3203748779529061</v>
      </c>
      <c r="BD683" t="s">
        <v>2659</v>
      </c>
      <c r="BE683" t="s">
        <v>68</v>
      </c>
    </row>
    <row r="684" spans="1:57" x14ac:dyDescent="0.3">
      <c r="A684" t="s">
        <v>2660</v>
      </c>
      <c r="B684">
        <v>151</v>
      </c>
      <c r="C684" t="s">
        <v>2661</v>
      </c>
      <c r="D684" t="s">
        <v>2662</v>
      </c>
      <c r="E684" t="s">
        <v>60</v>
      </c>
      <c r="F684">
        <v>512</v>
      </c>
      <c r="G684">
        <v>128.037109375</v>
      </c>
      <c r="H684">
        <v>129.5</v>
      </c>
      <c r="I684">
        <v>5621.3521385192871</v>
      </c>
      <c r="J684">
        <v>74.975676979399708</v>
      </c>
      <c r="K684">
        <v>-4.432437910000378E-2</v>
      </c>
      <c r="L684">
        <v>-1.185295739660978</v>
      </c>
      <c r="M684">
        <v>7.5884664319070314</v>
      </c>
      <c r="N684">
        <v>7</v>
      </c>
      <c r="O684">
        <v>1</v>
      </c>
      <c r="P684">
        <v>6</v>
      </c>
      <c r="Q684">
        <v>1.2993036557111719</v>
      </c>
      <c r="R684">
        <v>5.259924112050145</v>
      </c>
      <c r="S684">
        <v>1</v>
      </c>
      <c r="T684">
        <v>1</v>
      </c>
      <c r="U684">
        <v>0</v>
      </c>
      <c r="V684">
        <v>0</v>
      </c>
      <c r="W684">
        <v>6.2363695902037044</v>
      </c>
      <c r="X684">
        <v>1</v>
      </c>
      <c r="Y684">
        <v>1</v>
      </c>
      <c r="Z684">
        <v>0</v>
      </c>
      <c r="AA684">
        <v>0</v>
      </c>
      <c r="AB684">
        <v>6.2344107257183694</v>
      </c>
      <c r="AC684">
        <v>1</v>
      </c>
      <c r="AD684">
        <v>1</v>
      </c>
      <c r="AE684">
        <v>0</v>
      </c>
      <c r="AF684">
        <v>0</v>
      </c>
      <c r="AG684">
        <v>6.2324480165505216</v>
      </c>
      <c r="AH684">
        <v>9.1439979230152399E-5</v>
      </c>
      <c r="AI684">
        <v>3.0313085422817212E-3</v>
      </c>
      <c r="AJ684">
        <v>2.5082275239082082E-2</v>
      </c>
      <c r="AK684">
        <v>9.2937705191272132E-3</v>
      </c>
      <c r="AL684">
        <v>1641.6185605826699</v>
      </c>
      <c r="AM684">
        <v>2928.5992388086288</v>
      </c>
      <c r="AN684">
        <v>65555</v>
      </c>
      <c r="AO684">
        <v>105.7623546694339</v>
      </c>
      <c r="AP684">
        <v>1439.6609935017129</v>
      </c>
      <c r="AQ684">
        <v>1.044921875</v>
      </c>
      <c r="AR684">
        <v>3.9609375</v>
      </c>
      <c r="AS684">
        <v>510</v>
      </c>
      <c r="AT684">
        <v>163.96875</v>
      </c>
      <c r="AU684">
        <v>2.6759350393700782E-2</v>
      </c>
      <c r="AV684">
        <v>9.1867680472738385E-5</v>
      </c>
      <c r="AW684">
        <v>0.341796875</v>
      </c>
      <c r="AX684">
        <v>87.350293542074368</v>
      </c>
      <c r="AY684">
        <v>63.5</v>
      </c>
      <c r="AZ684">
        <v>127.25</v>
      </c>
      <c r="BA684">
        <v>0.58557770747391735</v>
      </c>
      <c r="BB684">
        <v>0.50390625</v>
      </c>
      <c r="BC684">
        <v>5.0868483450030553</v>
      </c>
      <c r="BD684" t="s">
        <v>2663</v>
      </c>
      <c r="BE684" t="s">
        <v>62</v>
      </c>
    </row>
    <row r="685" spans="1:57" x14ac:dyDescent="0.3">
      <c r="A685" t="s">
        <v>2664</v>
      </c>
      <c r="B685">
        <v>146</v>
      </c>
      <c r="C685" t="s">
        <v>2665</v>
      </c>
      <c r="D685" t="s">
        <v>2666</v>
      </c>
      <c r="E685" t="s">
        <v>60</v>
      </c>
      <c r="F685">
        <v>512</v>
      </c>
      <c r="G685">
        <v>129.1484375</v>
      </c>
      <c r="H685">
        <v>130</v>
      </c>
      <c r="I685">
        <v>5215.9818725585938</v>
      </c>
      <c r="J685">
        <v>72.221754842696768</v>
      </c>
      <c r="K685">
        <v>-2.536277165232086E-2</v>
      </c>
      <c r="L685">
        <v>-1.1110757701690881</v>
      </c>
      <c r="M685">
        <v>7.610883590233489</v>
      </c>
      <c r="N685">
        <v>7</v>
      </c>
      <c r="O685">
        <v>1</v>
      </c>
      <c r="P685">
        <v>6</v>
      </c>
      <c r="Q685">
        <v>1.255946841683915</v>
      </c>
      <c r="R685">
        <v>5.2754625021402974</v>
      </c>
      <c r="S685">
        <v>2</v>
      </c>
      <c r="T685">
        <v>1</v>
      </c>
      <c r="U685">
        <v>1</v>
      </c>
      <c r="V685">
        <v>4.4237310481092057E-2</v>
      </c>
      <c r="W685">
        <v>6.2336566853874222</v>
      </c>
      <c r="X685">
        <v>1</v>
      </c>
      <c r="Y685">
        <v>1</v>
      </c>
      <c r="Z685">
        <v>0</v>
      </c>
      <c r="AA685">
        <v>0</v>
      </c>
      <c r="AB685">
        <v>6.2344107257183694</v>
      </c>
      <c r="AC685">
        <v>1</v>
      </c>
      <c r="AD685">
        <v>1</v>
      </c>
      <c r="AE685">
        <v>0</v>
      </c>
      <c r="AF685">
        <v>0</v>
      </c>
      <c r="AG685">
        <v>6.2324480165505216</v>
      </c>
      <c r="AH685">
        <v>8.2375713775598103E-2</v>
      </c>
      <c r="AI685">
        <v>4.3181743778806844E-3</v>
      </c>
      <c r="AJ685">
        <v>2.577452431009556E-2</v>
      </c>
      <c r="AK685">
        <v>-7.8962612768503693E-2</v>
      </c>
      <c r="AL685">
        <v>1569.593368813448</v>
      </c>
      <c r="AM685">
        <v>2957.493982508985</v>
      </c>
      <c r="AN685">
        <v>66124</v>
      </c>
      <c r="AO685">
        <v>30.807371480088172</v>
      </c>
      <c r="AP685">
        <v>1318.2538519548989</v>
      </c>
      <c r="AQ685">
        <v>1.044921875</v>
      </c>
      <c r="AR685">
        <v>3.9921875</v>
      </c>
      <c r="AS685">
        <v>508</v>
      </c>
      <c r="AT685">
        <v>155.96875</v>
      </c>
      <c r="AU685">
        <v>3.7905943627450978E-2</v>
      </c>
      <c r="AV685">
        <v>8.2468703295805676E-2</v>
      </c>
      <c r="AW685">
        <v>0.375</v>
      </c>
      <c r="AX685">
        <v>79.935420743639924</v>
      </c>
      <c r="AY685">
        <v>60</v>
      </c>
      <c r="AZ685">
        <v>119.75</v>
      </c>
      <c r="BA685">
        <v>0.55921508800829878</v>
      </c>
      <c r="BB685">
        <v>0.5078125</v>
      </c>
      <c r="BC685">
        <v>5.053734594957036</v>
      </c>
      <c r="BD685" t="s">
        <v>2667</v>
      </c>
      <c r="BE685" t="s">
        <v>62</v>
      </c>
    </row>
    <row r="686" spans="1:57" x14ac:dyDescent="0.3">
      <c r="A686" t="s">
        <v>2668</v>
      </c>
      <c r="B686">
        <v>846</v>
      </c>
      <c r="C686" t="s">
        <v>2669</v>
      </c>
      <c r="D686" t="s">
        <v>2670</v>
      </c>
      <c r="E686" t="s">
        <v>10622</v>
      </c>
      <c r="F686">
        <v>64</v>
      </c>
      <c r="G686">
        <v>134.125</v>
      </c>
      <c r="H686">
        <v>138</v>
      </c>
      <c r="I686">
        <v>5928.671875</v>
      </c>
      <c r="J686">
        <v>76.99786928870175</v>
      </c>
      <c r="K686">
        <v>-9.0710387618510732E-2</v>
      </c>
      <c r="L686">
        <v>-1.171539127053872</v>
      </c>
      <c r="M686">
        <v>5.831954882778696</v>
      </c>
      <c r="N686">
        <v>3</v>
      </c>
      <c r="O686">
        <v>1</v>
      </c>
      <c r="P686">
        <v>2</v>
      </c>
      <c r="Q686">
        <v>0.33385958650156289</v>
      </c>
      <c r="R686">
        <v>4.0424030841508598</v>
      </c>
      <c r="S686">
        <v>1</v>
      </c>
      <c r="T686">
        <v>1</v>
      </c>
      <c r="U686">
        <v>0</v>
      </c>
      <c r="V686">
        <v>0</v>
      </c>
      <c r="W686">
        <v>4.1431347263915326</v>
      </c>
      <c r="X686">
        <v>1</v>
      </c>
      <c r="Y686">
        <v>1</v>
      </c>
      <c r="Z686">
        <v>0</v>
      </c>
      <c r="AA686">
        <v>0</v>
      </c>
      <c r="AB686">
        <v>4.1271343850450908</v>
      </c>
      <c r="AC686">
        <v>1</v>
      </c>
      <c r="AD686">
        <v>1</v>
      </c>
      <c r="AE686">
        <v>0</v>
      </c>
      <c r="AF686">
        <v>0</v>
      </c>
      <c r="AG686">
        <v>4.1108738641733096</v>
      </c>
      <c r="AH686">
        <v>-4.9788871941175698E-2</v>
      </c>
      <c r="AI686">
        <v>-0.145470650440787</v>
      </c>
      <c r="AJ686">
        <v>5.060134640979351E-2</v>
      </c>
      <c r="AK686">
        <v>-0.130963554363725</v>
      </c>
      <c r="AL686">
        <v>666.76293024970425</v>
      </c>
      <c r="AM686">
        <v>1042.204967770173</v>
      </c>
      <c r="AN686">
        <v>8584</v>
      </c>
      <c r="AO686">
        <v>93.383280424544921</v>
      </c>
      <c r="AP686">
        <v>471.68069931656612</v>
      </c>
      <c r="AQ686">
        <v>1.359375</v>
      </c>
      <c r="AR686">
        <v>4.1875</v>
      </c>
      <c r="AS686">
        <v>64</v>
      </c>
      <c r="AT686">
        <v>6.0624999999999982</v>
      </c>
      <c r="AU686">
        <v>6.5944881889763773E-2</v>
      </c>
      <c r="AV686">
        <v>-5.0392700822862693E-2</v>
      </c>
      <c r="AW686">
        <v>0.328125</v>
      </c>
      <c r="AX686">
        <v>96.777777777777771</v>
      </c>
      <c r="AY686">
        <v>63.5</v>
      </c>
      <c r="AZ686">
        <v>123.75</v>
      </c>
      <c r="BA686">
        <v>0.57407544670047905</v>
      </c>
      <c r="BB686">
        <v>0.515625</v>
      </c>
      <c r="BC686">
        <v>3.8624676054237899</v>
      </c>
      <c r="BD686" t="s">
        <v>2671</v>
      </c>
      <c r="BE686" t="s">
        <v>62</v>
      </c>
    </row>
    <row r="687" spans="1:57" x14ac:dyDescent="0.3">
      <c r="A687" t="s">
        <v>2672</v>
      </c>
      <c r="B687">
        <v>3804</v>
      </c>
      <c r="C687" t="s">
        <v>2673</v>
      </c>
      <c r="D687" t="s">
        <v>2674</v>
      </c>
      <c r="E687" t="s">
        <v>106</v>
      </c>
      <c r="F687">
        <v>3852</v>
      </c>
      <c r="G687">
        <v>126.54984423676009</v>
      </c>
      <c r="H687">
        <v>125</v>
      </c>
      <c r="I687">
        <v>5571.6758644617194</v>
      </c>
      <c r="J687">
        <v>74.643659238154441</v>
      </c>
      <c r="K687">
        <v>2.5589302295317019E-2</v>
      </c>
      <c r="L687">
        <v>-1.227641019372244</v>
      </c>
      <c r="M687">
        <v>7.9581707615894439</v>
      </c>
      <c r="N687">
        <v>27</v>
      </c>
      <c r="O687">
        <v>6</v>
      </c>
      <c r="P687">
        <v>21</v>
      </c>
      <c r="Q687">
        <v>3.638679737813566</v>
      </c>
      <c r="R687">
        <v>5.5161836258103332</v>
      </c>
      <c r="S687">
        <v>3</v>
      </c>
      <c r="T687">
        <v>1</v>
      </c>
      <c r="U687">
        <v>2</v>
      </c>
      <c r="V687">
        <v>0.17436332999936019</v>
      </c>
      <c r="W687">
        <v>8.2157224058181288</v>
      </c>
      <c r="X687">
        <v>1</v>
      </c>
      <c r="Y687">
        <v>1</v>
      </c>
      <c r="Z687">
        <v>0</v>
      </c>
      <c r="AA687">
        <v>0</v>
      </c>
      <c r="AB687">
        <v>8.2558284272818305</v>
      </c>
      <c r="AC687">
        <v>1</v>
      </c>
      <c r="AD687">
        <v>1</v>
      </c>
      <c r="AE687">
        <v>0</v>
      </c>
      <c r="AF687">
        <v>0</v>
      </c>
      <c r="AG687">
        <v>8.2555686532837456</v>
      </c>
      <c r="AH687">
        <v>1.328225937504857E-2</v>
      </c>
      <c r="AI687">
        <v>-6.7164991240764114E-3</v>
      </c>
      <c r="AJ687">
        <v>9.5912136606601042E-3</v>
      </c>
      <c r="AK687">
        <v>-1.20166521033588E-2</v>
      </c>
      <c r="AL687">
        <v>4243.2461813659957</v>
      </c>
      <c r="AM687">
        <v>8071.320204546646</v>
      </c>
      <c r="AN687">
        <v>487470</v>
      </c>
      <c r="AO687">
        <v>150.98096923896691</v>
      </c>
      <c r="AP687">
        <v>3890.3045743382122</v>
      </c>
      <c r="AQ687">
        <v>1.005970924195223</v>
      </c>
      <c r="AR687">
        <v>3.9672897196261681</v>
      </c>
      <c r="AS687">
        <v>3833</v>
      </c>
      <c r="AT687">
        <v>225.2585669781931</v>
      </c>
      <c r="AU687">
        <v>1.7964693665628199E-2</v>
      </c>
      <c r="AV687">
        <v>1.32827883205845E-2</v>
      </c>
      <c r="AW687">
        <v>0.37616822429906538</v>
      </c>
      <c r="AX687">
        <v>85.231887821345111</v>
      </c>
      <c r="AY687">
        <v>65</v>
      </c>
      <c r="AZ687">
        <v>131</v>
      </c>
      <c r="BA687">
        <v>0.58983604198283157</v>
      </c>
      <c r="BB687">
        <v>0.4963655244029076</v>
      </c>
      <c r="BC687">
        <v>5.3212387948561943</v>
      </c>
      <c r="BD687" t="s">
        <v>2675</v>
      </c>
      <c r="BE687" t="s">
        <v>68</v>
      </c>
    </row>
    <row r="688" spans="1:57" x14ac:dyDescent="0.3">
      <c r="A688" t="s">
        <v>2676</v>
      </c>
      <c r="B688">
        <v>1199</v>
      </c>
      <c r="C688" t="s">
        <v>2677</v>
      </c>
      <c r="D688" t="s">
        <v>2678</v>
      </c>
      <c r="E688" t="s">
        <v>72</v>
      </c>
      <c r="F688">
        <v>1200</v>
      </c>
      <c r="G688">
        <v>125.72499999999999</v>
      </c>
      <c r="H688">
        <v>127</v>
      </c>
      <c r="I688">
        <v>5585.7993749999996</v>
      </c>
      <c r="J688">
        <v>74.738205591250306</v>
      </c>
      <c r="K688">
        <v>6.3640108134792404E-3</v>
      </c>
      <c r="L688">
        <v>-1.230168887695092</v>
      </c>
      <c r="M688">
        <v>7.8264503437556776</v>
      </c>
      <c r="N688">
        <v>12</v>
      </c>
      <c r="O688">
        <v>1</v>
      </c>
      <c r="P688">
        <v>11</v>
      </c>
      <c r="Q688">
        <v>2.2190200197609071</v>
      </c>
      <c r="R688">
        <v>5.42488198956665</v>
      </c>
      <c r="S688">
        <v>2</v>
      </c>
      <c r="T688">
        <v>1</v>
      </c>
      <c r="U688">
        <v>1</v>
      </c>
      <c r="V688">
        <v>0.11906111539726789</v>
      </c>
      <c r="W688">
        <v>7.0695876052868662</v>
      </c>
      <c r="X688">
        <v>2</v>
      </c>
      <c r="Y688">
        <v>1</v>
      </c>
      <c r="Z688">
        <v>1</v>
      </c>
      <c r="AA688">
        <v>7.076878090256089E-2</v>
      </c>
      <c r="AB688">
        <v>7.0814657351305517</v>
      </c>
      <c r="AC688">
        <v>2</v>
      </c>
      <c r="AD688">
        <v>1</v>
      </c>
      <c r="AE688">
        <v>1</v>
      </c>
      <c r="AF688">
        <v>6.4629992606581907E-2</v>
      </c>
      <c r="AG688">
        <v>7.0817830022951487</v>
      </c>
      <c r="AH688">
        <v>1.595275241677771E-2</v>
      </c>
      <c r="AI688">
        <v>-1.2040268072642701E-2</v>
      </c>
      <c r="AJ688">
        <v>-1.300222780333926E-2</v>
      </c>
      <c r="AK688">
        <v>1.184141075451115E-2</v>
      </c>
      <c r="AL688">
        <v>2390.870122416221</v>
      </c>
      <c r="AM688">
        <v>4467.0829472640698</v>
      </c>
      <c r="AN688">
        <v>150870</v>
      </c>
      <c r="AO688">
        <v>94.472210448879608</v>
      </c>
      <c r="AP688">
        <v>2091.5143227798299</v>
      </c>
      <c r="AQ688">
        <v>1.019166666666667</v>
      </c>
      <c r="AR688">
        <v>3.9666666666666668</v>
      </c>
      <c r="AS688">
        <v>1194</v>
      </c>
      <c r="AT688">
        <v>264.73333333333329</v>
      </c>
      <c r="AU688">
        <v>2.3333333333333321E-2</v>
      </c>
      <c r="AV688">
        <v>1.5954303634959879E-2</v>
      </c>
      <c r="AW688">
        <v>0.35749999999999998</v>
      </c>
      <c r="AX688">
        <v>84.809841534612175</v>
      </c>
      <c r="AY688">
        <v>65.5</v>
      </c>
      <c r="AZ688">
        <v>130</v>
      </c>
      <c r="BA688">
        <v>0.59445778955060891</v>
      </c>
      <c r="BB688">
        <v>0.50666666666666671</v>
      </c>
      <c r="BC688">
        <v>5.2486348218429804</v>
      </c>
      <c r="BD688" t="s">
        <v>2679</v>
      </c>
      <c r="BE688" t="s">
        <v>62</v>
      </c>
    </row>
    <row r="689" spans="1:57" x14ac:dyDescent="0.3">
      <c r="A689" t="s">
        <v>2680</v>
      </c>
      <c r="B689">
        <v>151</v>
      </c>
      <c r="C689" t="s">
        <v>2681</v>
      </c>
      <c r="D689" t="s">
        <v>2682</v>
      </c>
      <c r="E689" t="s">
        <v>60</v>
      </c>
      <c r="F689">
        <v>512</v>
      </c>
      <c r="G689">
        <v>130.876953125</v>
      </c>
      <c r="H689">
        <v>131.5</v>
      </c>
      <c r="I689">
        <v>5679.9125938415527</v>
      </c>
      <c r="J689">
        <v>75.365194843784181</v>
      </c>
      <c r="K689">
        <v>-8.6389717964785492E-2</v>
      </c>
      <c r="L689">
        <v>-1.21376792489795</v>
      </c>
      <c r="M689">
        <v>7.6414393995660594</v>
      </c>
      <c r="N689">
        <v>7</v>
      </c>
      <c r="O689">
        <v>1</v>
      </c>
      <c r="P689">
        <v>6</v>
      </c>
      <c r="Q689">
        <v>1.1708286472930081</v>
      </c>
      <c r="R689">
        <v>5.2966421752288939</v>
      </c>
      <c r="S689">
        <v>2</v>
      </c>
      <c r="T689">
        <v>1</v>
      </c>
      <c r="U689">
        <v>1</v>
      </c>
      <c r="V689">
        <v>4.4237310481092057E-2</v>
      </c>
      <c r="W689">
        <v>6.2336566853874222</v>
      </c>
      <c r="X689">
        <v>1</v>
      </c>
      <c r="Y689">
        <v>1</v>
      </c>
      <c r="Z689">
        <v>0</v>
      </c>
      <c r="AA689">
        <v>0</v>
      </c>
      <c r="AB689">
        <v>6.2344107257183694</v>
      </c>
      <c r="AC689">
        <v>1</v>
      </c>
      <c r="AD689">
        <v>1</v>
      </c>
      <c r="AE689">
        <v>0</v>
      </c>
      <c r="AF689">
        <v>0</v>
      </c>
      <c r="AG689">
        <v>6.2324480165505216</v>
      </c>
      <c r="AH689">
        <v>-2.701347224251829E-2</v>
      </c>
      <c r="AI689">
        <v>-2.4049613544773991E-2</v>
      </c>
      <c r="AJ689">
        <v>-5.9492266174068654E-3</v>
      </c>
      <c r="AK689">
        <v>-2.4673680767259919E-2</v>
      </c>
      <c r="AL689">
        <v>1625.4494759214001</v>
      </c>
      <c r="AM689">
        <v>3005.9878577976401</v>
      </c>
      <c r="AN689">
        <v>67009</v>
      </c>
      <c r="AO689">
        <v>60.49094671881128</v>
      </c>
      <c r="AP689">
        <v>1424.960850791708</v>
      </c>
      <c r="AQ689">
        <v>1.044921875</v>
      </c>
      <c r="AR689">
        <v>4</v>
      </c>
      <c r="AS689">
        <v>510</v>
      </c>
      <c r="AT689">
        <v>137.96484375</v>
      </c>
      <c r="AU689">
        <v>3.8250612745098E-2</v>
      </c>
      <c r="AV689">
        <v>-2.7026291646039941E-2</v>
      </c>
      <c r="AW689">
        <v>0.345703125</v>
      </c>
      <c r="AX689">
        <v>89.138943248532286</v>
      </c>
      <c r="AY689">
        <v>67.5</v>
      </c>
      <c r="AZ689">
        <v>134.5</v>
      </c>
      <c r="BA689">
        <v>0.57584771836645077</v>
      </c>
      <c r="BB689">
        <v>0.505859375</v>
      </c>
      <c r="BC689">
        <v>5.0977747216814127</v>
      </c>
      <c r="BD689" t="s">
        <v>2683</v>
      </c>
      <c r="BE689" t="s">
        <v>62</v>
      </c>
    </row>
    <row r="690" spans="1:57" x14ac:dyDescent="0.3">
      <c r="A690" t="s">
        <v>2684</v>
      </c>
      <c r="B690">
        <v>3350</v>
      </c>
      <c r="C690" t="s">
        <v>2685</v>
      </c>
      <c r="D690" t="s">
        <v>2686</v>
      </c>
      <c r="E690" t="s">
        <v>72</v>
      </c>
      <c r="F690">
        <v>3368</v>
      </c>
      <c r="G690">
        <v>129.6784441805226</v>
      </c>
      <c r="H690">
        <v>130</v>
      </c>
      <c r="I690">
        <v>5386.3547372468847</v>
      </c>
      <c r="J690">
        <v>73.391789304028308</v>
      </c>
      <c r="K690">
        <v>-3.649073301717648E-2</v>
      </c>
      <c r="L690">
        <v>-1.1805581370263689</v>
      </c>
      <c r="M690">
        <v>7.9479745374498494</v>
      </c>
      <c r="N690">
        <v>25</v>
      </c>
      <c r="O690">
        <v>6</v>
      </c>
      <c r="P690">
        <v>19</v>
      </c>
      <c r="Q690">
        <v>3.5165623750333221</v>
      </c>
      <c r="R690">
        <v>5.5091161417956034</v>
      </c>
      <c r="S690">
        <v>2</v>
      </c>
      <c r="T690">
        <v>1</v>
      </c>
      <c r="U690">
        <v>1</v>
      </c>
      <c r="V690">
        <v>0.16160817335756891</v>
      </c>
      <c r="W690">
        <v>8.0855451935066185</v>
      </c>
      <c r="X690">
        <v>1</v>
      </c>
      <c r="Y690">
        <v>1</v>
      </c>
      <c r="Z690">
        <v>0</v>
      </c>
      <c r="AA690">
        <v>0</v>
      </c>
      <c r="AB690">
        <v>8.1214803747507514</v>
      </c>
      <c r="AC690">
        <v>1</v>
      </c>
      <c r="AD690">
        <v>1</v>
      </c>
      <c r="AE690">
        <v>0</v>
      </c>
      <c r="AF690">
        <v>0</v>
      </c>
      <c r="AG690">
        <v>8.1211832420788248</v>
      </c>
      <c r="AH690">
        <v>-2.6893374299201949E-2</v>
      </c>
      <c r="AI690">
        <v>1.0920413094623179E-3</v>
      </c>
      <c r="AJ690">
        <v>6.972294442319049E-3</v>
      </c>
      <c r="AK690">
        <v>8.249293635855498E-3</v>
      </c>
      <c r="AL690">
        <v>3924.2205880099</v>
      </c>
      <c r="AM690">
        <v>7705.8227189988747</v>
      </c>
      <c r="AN690">
        <v>436756.99999999988</v>
      </c>
      <c r="AO690">
        <v>59.644953812259097</v>
      </c>
      <c r="AP690">
        <v>3631.3019435427059</v>
      </c>
      <c r="AQ690">
        <v>1.0068289786223279</v>
      </c>
      <c r="AR690">
        <v>3.992577197149644</v>
      </c>
      <c r="AS690">
        <v>3361</v>
      </c>
      <c r="AT690">
        <v>240.6270783847981</v>
      </c>
      <c r="AU690">
        <v>2.2454706348097431E-2</v>
      </c>
      <c r="AV690">
        <v>-2.6900468051510289E-2</v>
      </c>
      <c r="AW690">
        <v>0.36520190023752969</v>
      </c>
      <c r="AX690">
        <v>85.769230769230774</v>
      </c>
      <c r="AY690">
        <v>63.5</v>
      </c>
      <c r="AZ690">
        <v>126</v>
      </c>
      <c r="BA690">
        <v>0.56595211153105118</v>
      </c>
      <c r="BB690">
        <v>0.50296912114014247</v>
      </c>
      <c r="BC690">
        <v>5.3216938872505706</v>
      </c>
      <c r="BD690" t="s">
        <v>2687</v>
      </c>
      <c r="BE690" t="s">
        <v>68</v>
      </c>
    </row>
    <row r="691" spans="1:57" x14ac:dyDescent="0.3">
      <c r="A691" t="s">
        <v>2688</v>
      </c>
      <c r="B691">
        <v>551</v>
      </c>
      <c r="C691" t="s">
        <v>2689</v>
      </c>
      <c r="D691" t="s">
        <v>2690</v>
      </c>
      <c r="E691" t="s">
        <v>10622</v>
      </c>
      <c r="F691">
        <v>64</v>
      </c>
      <c r="G691">
        <v>121.171875</v>
      </c>
      <c r="H691">
        <v>102.5</v>
      </c>
      <c r="I691">
        <v>5039.204833984375</v>
      </c>
      <c r="J691">
        <v>70.987356860108378</v>
      </c>
      <c r="K691">
        <v>0.19830135343627989</v>
      </c>
      <c r="L691">
        <v>-1.140401206165589</v>
      </c>
      <c r="M691">
        <v>5.581954882778696</v>
      </c>
      <c r="N691">
        <v>3</v>
      </c>
      <c r="O691">
        <v>1</v>
      </c>
      <c r="P691">
        <v>2</v>
      </c>
      <c r="Q691">
        <v>0.47868845551896883</v>
      </c>
      <c r="R691">
        <v>3.869116289010873</v>
      </c>
      <c r="S691">
        <v>1</v>
      </c>
      <c r="T691">
        <v>1</v>
      </c>
      <c r="U691">
        <v>0</v>
      </c>
      <c r="V691">
        <v>0</v>
      </c>
      <c r="W691">
        <v>4.1431347263915326</v>
      </c>
      <c r="X691">
        <v>1</v>
      </c>
      <c r="Y691">
        <v>1</v>
      </c>
      <c r="Z691">
        <v>0</v>
      </c>
      <c r="AA691">
        <v>0</v>
      </c>
      <c r="AB691">
        <v>4.1271343850450908</v>
      </c>
      <c r="AC691">
        <v>1</v>
      </c>
      <c r="AD691">
        <v>1</v>
      </c>
      <c r="AE691">
        <v>0</v>
      </c>
      <c r="AF691">
        <v>0</v>
      </c>
      <c r="AG691">
        <v>4.1108738641733096</v>
      </c>
      <c r="AH691">
        <v>-0.14520325761268471</v>
      </c>
      <c r="AI691">
        <v>2.9761766843019889E-2</v>
      </c>
      <c r="AJ691">
        <v>-6.2989667158384041E-2</v>
      </c>
      <c r="AK691">
        <v>0.13857646820101929</v>
      </c>
      <c r="AL691">
        <v>631.50891398867316</v>
      </c>
      <c r="AM691">
        <v>929.18969621538884</v>
      </c>
      <c r="AN691">
        <v>7755</v>
      </c>
      <c r="AO691">
        <v>59.596890822147998</v>
      </c>
      <c r="AP691">
        <v>482.79558457998218</v>
      </c>
      <c r="AQ691">
        <v>1.359375</v>
      </c>
      <c r="AR691">
        <v>3.765625</v>
      </c>
      <c r="AS691">
        <v>64</v>
      </c>
      <c r="AT691">
        <v>9.3125000000000018</v>
      </c>
      <c r="AU691">
        <v>0.11803463855421691</v>
      </c>
      <c r="AV691">
        <v>-0.14855345256855321</v>
      </c>
      <c r="AW691">
        <v>0.421875</v>
      </c>
      <c r="AX691">
        <v>90.047619047619051</v>
      </c>
      <c r="AY691">
        <v>47.5</v>
      </c>
      <c r="AZ691">
        <v>115.5</v>
      </c>
      <c r="BA691">
        <v>0.58584021135357012</v>
      </c>
      <c r="BB691">
        <v>0.484375</v>
      </c>
      <c r="BC691">
        <v>3.8624676054237899</v>
      </c>
      <c r="BD691" t="s">
        <v>2691</v>
      </c>
      <c r="BE691" t="s">
        <v>62</v>
      </c>
    </row>
    <row r="692" spans="1:57" x14ac:dyDescent="0.3">
      <c r="A692" t="s">
        <v>2692</v>
      </c>
      <c r="B692">
        <v>2282</v>
      </c>
      <c r="C692" t="s">
        <v>2693</v>
      </c>
      <c r="D692" t="s">
        <v>2694</v>
      </c>
      <c r="E692" t="s">
        <v>85</v>
      </c>
      <c r="F692">
        <v>8</v>
      </c>
      <c r="G692">
        <v>48.375</v>
      </c>
      <c r="H692">
        <v>20</v>
      </c>
      <c r="I692">
        <v>1962.734375</v>
      </c>
      <c r="J692">
        <v>44.302758096985343</v>
      </c>
      <c r="K692">
        <v>0.96606790261543074</v>
      </c>
      <c r="L692">
        <v>-0.61491323345906856</v>
      </c>
      <c r="M692">
        <v>2.75</v>
      </c>
      <c r="N692">
        <v>2</v>
      </c>
      <c r="O692">
        <v>1</v>
      </c>
      <c r="P692">
        <v>1</v>
      </c>
      <c r="Q692">
        <v>0.34992710611188271</v>
      </c>
      <c r="R692">
        <v>1.9061547465398501</v>
      </c>
      <c r="S692">
        <v>1</v>
      </c>
      <c r="T692">
        <v>1</v>
      </c>
      <c r="U692">
        <v>0</v>
      </c>
      <c r="V692">
        <v>0</v>
      </c>
      <c r="W692">
        <v>1.945910149055313</v>
      </c>
      <c r="X692">
        <v>1</v>
      </c>
      <c r="Y692">
        <v>1</v>
      </c>
      <c r="Z692">
        <v>0</v>
      </c>
      <c r="AA692">
        <v>0</v>
      </c>
      <c r="AB692">
        <v>1.791759469228055</v>
      </c>
      <c r="AC692">
        <v>1</v>
      </c>
      <c r="AD692">
        <v>1</v>
      </c>
      <c r="AE692">
        <v>0</v>
      </c>
      <c r="AF692">
        <v>0</v>
      </c>
      <c r="AG692">
        <v>1.6094379124341009</v>
      </c>
      <c r="AH692">
        <v>0.1059338056760737</v>
      </c>
      <c r="AI692">
        <v>-0.27549456673168021</v>
      </c>
      <c r="AJ692">
        <v>8.0869123910361024E-2</v>
      </c>
      <c r="AK692">
        <v>0</v>
      </c>
      <c r="AL692">
        <v>156.89860240459561</v>
      </c>
      <c r="AM692">
        <v>99.024383681417731</v>
      </c>
      <c r="AN692">
        <v>387</v>
      </c>
      <c r="AO692">
        <v>13</v>
      </c>
      <c r="AP692">
        <v>125.3210659180062</v>
      </c>
      <c r="AQ692">
        <v>3.5</v>
      </c>
      <c r="AR692">
        <v>2.75</v>
      </c>
      <c r="AS692">
        <v>8</v>
      </c>
      <c r="AT692">
        <v>0.74999999999999978</v>
      </c>
      <c r="AU692">
        <v>0.55930656934306566</v>
      </c>
      <c r="AV692">
        <v>0.10442803164797369</v>
      </c>
      <c r="AW692">
        <v>0.25</v>
      </c>
      <c r="AX692">
        <v>48.428571428571431</v>
      </c>
      <c r="AY692">
        <v>6.5</v>
      </c>
      <c r="AZ692">
        <v>57.25</v>
      </c>
      <c r="BA692">
        <v>0.91581928882657027</v>
      </c>
      <c r="BB692">
        <v>0.375</v>
      </c>
      <c r="BC692">
        <v>1.7478680974667571</v>
      </c>
      <c r="BD692" t="s">
        <v>2693</v>
      </c>
      <c r="BE692" t="s">
        <v>68</v>
      </c>
    </row>
    <row r="693" spans="1:57" x14ac:dyDescent="0.3">
      <c r="A693" t="s">
        <v>2695</v>
      </c>
      <c r="B693">
        <v>141</v>
      </c>
      <c r="C693" t="s">
        <v>2696</v>
      </c>
      <c r="D693" t="s">
        <v>2697</v>
      </c>
      <c r="E693" t="s">
        <v>60</v>
      </c>
      <c r="F693">
        <v>256</v>
      </c>
      <c r="G693">
        <v>131.40234375</v>
      </c>
      <c r="H693">
        <v>134</v>
      </c>
      <c r="I693">
        <v>5555.4670257568359</v>
      </c>
      <c r="J693">
        <v>74.535005371683155</v>
      </c>
      <c r="K693">
        <v>-3.2844802301804879E-2</v>
      </c>
      <c r="L693">
        <v>-1.208209685324442</v>
      </c>
      <c r="M693">
        <v>7.1169829356029197</v>
      </c>
      <c r="N693">
        <v>6</v>
      </c>
      <c r="O693">
        <v>1</v>
      </c>
      <c r="P693">
        <v>5</v>
      </c>
      <c r="Q693">
        <v>0.90433271389831649</v>
      </c>
      <c r="R693">
        <v>4.9331166559064066</v>
      </c>
      <c r="S693">
        <v>2</v>
      </c>
      <c r="T693">
        <v>1</v>
      </c>
      <c r="U693">
        <v>1</v>
      </c>
      <c r="V693">
        <v>8.8558721353391615E-2</v>
      </c>
      <c r="W693">
        <v>5.5303906482084644</v>
      </c>
      <c r="X693">
        <v>1</v>
      </c>
      <c r="Y693">
        <v>1</v>
      </c>
      <c r="Z693">
        <v>0</v>
      </c>
      <c r="AA693">
        <v>0</v>
      </c>
      <c r="AB693">
        <v>5.5373342670185366</v>
      </c>
      <c r="AC693">
        <v>1</v>
      </c>
      <c r="AD693">
        <v>1</v>
      </c>
      <c r="AE693">
        <v>0</v>
      </c>
      <c r="AF693">
        <v>0</v>
      </c>
      <c r="AG693">
        <v>5.5333894887275203</v>
      </c>
      <c r="AH693">
        <v>-7.5279147590303339E-2</v>
      </c>
      <c r="AI693">
        <v>-3.4243562329530838E-2</v>
      </c>
      <c r="AJ693">
        <v>5.7177931832047722E-3</v>
      </c>
      <c r="AK693">
        <v>2.3604930210270928E-3</v>
      </c>
      <c r="AL693">
        <v>1208.0269217104769</v>
      </c>
      <c r="AM693">
        <v>2093.588774430812</v>
      </c>
      <c r="AN693">
        <v>33639</v>
      </c>
      <c r="AO693">
        <v>84.83835188976208</v>
      </c>
      <c r="AP693">
        <v>987.36474710583298</v>
      </c>
      <c r="AQ693">
        <v>1.08984375</v>
      </c>
      <c r="AR693">
        <v>4.05078125</v>
      </c>
      <c r="AS693">
        <v>253</v>
      </c>
      <c r="AT693">
        <v>79.75</v>
      </c>
      <c r="AU693">
        <v>5.0337009803921529E-2</v>
      </c>
      <c r="AV693">
        <v>-7.5451490237138819E-2</v>
      </c>
      <c r="AW693">
        <v>0.390625</v>
      </c>
      <c r="AX693">
        <v>90.635294117647064</v>
      </c>
      <c r="AY693">
        <v>64</v>
      </c>
      <c r="AZ693">
        <v>128.25</v>
      </c>
      <c r="BA693">
        <v>0.56722736630550519</v>
      </c>
      <c r="BB693">
        <v>0.50390625</v>
      </c>
      <c r="BC693">
        <v>4.8333920253428122</v>
      </c>
      <c r="BD693" t="s">
        <v>2698</v>
      </c>
      <c r="BE693" t="s">
        <v>62</v>
      </c>
    </row>
    <row r="694" spans="1:57" x14ac:dyDescent="0.3">
      <c r="A694" t="s">
        <v>2699</v>
      </c>
      <c r="B694">
        <v>3918</v>
      </c>
      <c r="C694" t="s">
        <v>2700</v>
      </c>
      <c r="D694" t="s">
        <v>2701</v>
      </c>
      <c r="E694" t="s">
        <v>115</v>
      </c>
      <c r="F694">
        <v>4008</v>
      </c>
      <c r="G694">
        <v>126.0359281437126</v>
      </c>
      <c r="H694">
        <v>125</v>
      </c>
      <c r="I694">
        <v>5514.7931203461339</v>
      </c>
      <c r="J694">
        <v>74.261653094623028</v>
      </c>
      <c r="K694">
        <v>1.4540333754346669E-2</v>
      </c>
      <c r="L694">
        <v>-1.2038656871510021</v>
      </c>
      <c r="M694">
        <v>7.9615386604662977</v>
      </c>
      <c r="N694">
        <v>30</v>
      </c>
      <c r="O694">
        <v>6</v>
      </c>
      <c r="P694">
        <v>24</v>
      </c>
      <c r="Q694">
        <v>3.603248317490761</v>
      </c>
      <c r="R694">
        <v>5.5185180754212197</v>
      </c>
      <c r="S694">
        <v>3</v>
      </c>
      <c r="T694">
        <v>1</v>
      </c>
      <c r="U694">
        <v>2</v>
      </c>
      <c r="V694">
        <v>0.17877666270270931</v>
      </c>
      <c r="W694">
        <v>8.2531982462767921</v>
      </c>
      <c r="X694">
        <v>1</v>
      </c>
      <c r="Y694">
        <v>1</v>
      </c>
      <c r="Z694">
        <v>0</v>
      </c>
      <c r="AA694">
        <v>0</v>
      </c>
      <c r="AB694">
        <v>8.2955485162257681</v>
      </c>
      <c r="AC694">
        <v>1</v>
      </c>
      <c r="AD694">
        <v>1</v>
      </c>
      <c r="AE694">
        <v>0</v>
      </c>
      <c r="AF694">
        <v>0</v>
      </c>
      <c r="AG694">
        <v>8.2952988595024575</v>
      </c>
      <c r="AH694">
        <v>7.2490887683135724E-3</v>
      </c>
      <c r="AI694">
        <v>1.1871119457415751E-2</v>
      </c>
      <c r="AJ694">
        <v>-3.2478126599117759E-3</v>
      </c>
      <c r="AK694">
        <v>-1.481942500716025E-2</v>
      </c>
      <c r="AL694">
        <v>4301.6106359692249</v>
      </c>
      <c r="AM694">
        <v>8201.6301999368643</v>
      </c>
      <c r="AN694">
        <v>505151.99999999988</v>
      </c>
      <c r="AO694">
        <v>95.132069210030281</v>
      </c>
      <c r="AP694">
        <v>3916.227012318986</v>
      </c>
      <c r="AQ694">
        <v>1.0057385229540921</v>
      </c>
      <c r="AR694">
        <v>3.9733033932135728</v>
      </c>
      <c r="AS694">
        <v>3998</v>
      </c>
      <c r="AT694">
        <v>212.2954091816367</v>
      </c>
      <c r="AU694">
        <v>1.425971586239283E-2</v>
      </c>
      <c r="AV694">
        <v>7.2516884648750691E-3</v>
      </c>
      <c r="AW694">
        <v>0.37375249500997998</v>
      </c>
      <c r="AX694">
        <v>85.486648365360622</v>
      </c>
      <c r="AY694">
        <v>65</v>
      </c>
      <c r="AZ694">
        <v>130</v>
      </c>
      <c r="BA694">
        <v>0.58921018941476844</v>
      </c>
      <c r="BB694">
        <v>0.49575848303393222</v>
      </c>
      <c r="BC694">
        <v>5.327663686559422</v>
      </c>
      <c r="BD694" t="s">
        <v>2702</v>
      </c>
      <c r="BE694" t="s">
        <v>68</v>
      </c>
    </row>
    <row r="695" spans="1:57" x14ac:dyDescent="0.3">
      <c r="A695" t="s">
        <v>2703</v>
      </c>
      <c r="B695">
        <v>2810</v>
      </c>
      <c r="C695" t="s">
        <v>2704</v>
      </c>
      <c r="D695" t="s">
        <v>2705</v>
      </c>
      <c r="E695" t="s">
        <v>98</v>
      </c>
      <c r="F695">
        <v>16</v>
      </c>
      <c r="G695">
        <v>107.4375</v>
      </c>
      <c r="H695">
        <v>91</v>
      </c>
      <c r="I695">
        <v>6401.24609375</v>
      </c>
      <c r="J695">
        <v>80.007787706885139</v>
      </c>
      <c r="K695">
        <v>0.19843758632247091</v>
      </c>
      <c r="L695">
        <v>-1.549562909202125</v>
      </c>
      <c r="M695">
        <v>4</v>
      </c>
      <c r="N695">
        <v>1</v>
      </c>
      <c r="O695">
        <v>1</v>
      </c>
      <c r="P695">
        <v>0</v>
      </c>
      <c r="Q695">
        <v>0</v>
      </c>
      <c r="R695">
        <v>2.7725887222397811</v>
      </c>
      <c r="S695">
        <v>1</v>
      </c>
      <c r="T695">
        <v>1</v>
      </c>
      <c r="U695">
        <v>0</v>
      </c>
      <c r="V695">
        <v>0</v>
      </c>
      <c r="W695">
        <v>2.7080502011022101</v>
      </c>
      <c r="X695">
        <v>1</v>
      </c>
      <c r="Y695">
        <v>1</v>
      </c>
      <c r="Z695">
        <v>0</v>
      </c>
      <c r="AA695">
        <v>0</v>
      </c>
      <c r="AB695">
        <v>2.639057329615258</v>
      </c>
      <c r="AC695">
        <v>1</v>
      </c>
      <c r="AD695">
        <v>1</v>
      </c>
      <c r="AE695">
        <v>0</v>
      </c>
      <c r="AF695">
        <v>0</v>
      </c>
      <c r="AG695">
        <v>2.5649493574615372</v>
      </c>
      <c r="AH695">
        <v>8.0864344344576469E-2</v>
      </c>
      <c r="AI695">
        <v>2.50225175884334E-2</v>
      </c>
      <c r="AJ695">
        <v>0.1265712349097069</v>
      </c>
      <c r="AK695">
        <v>-8.6877387154234501E-2</v>
      </c>
      <c r="AL695">
        <v>364.84065957821639</v>
      </c>
      <c r="AM695">
        <v>392.42361437422687</v>
      </c>
      <c r="AN695">
        <v>1719</v>
      </c>
      <c r="AO695">
        <v>55.857523893714557</v>
      </c>
      <c r="AP695">
        <v>282.69875877549941</v>
      </c>
      <c r="AQ695">
        <v>2.25</v>
      </c>
      <c r="AR695">
        <v>3.5625</v>
      </c>
      <c r="AS695">
        <v>16</v>
      </c>
      <c r="AT695">
        <v>0</v>
      </c>
      <c r="AU695">
        <v>0.23593073593073591</v>
      </c>
      <c r="AV695">
        <v>8.4051342791045786E-2</v>
      </c>
      <c r="AW695">
        <v>0.375</v>
      </c>
      <c r="AX695">
        <v>82</v>
      </c>
      <c r="AY695">
        <v>71</v>
      </c>
      <c r="AZ695">
        <v>146.75</v>
      </c>
      <c r="BA695">
        <v>0.74469145044221186</v>
      </c>
      <c r="BB695">
        <v>0.5</v>
      </c>
      <c r="BC695">
        <v>2.7080502011022101</v>
      </c>
      <c r="BD695" t="s">
        <v>2704</v>
      </c>
      <c r="BE695" t="s">
        <v>62</v>
      </c>
    </row>
    <row r="696" spans="1:57" x14ac:dyDescent="0.3">
      <c r="A696" t="s">
        <v>2706</v>
      </c>
      <c r="B696">
        <v>2773</v>
      </c>
      <c r="C696" t="s">
        <v>2707</v>
      </c>
      <c r="D696" t="s">
        <v>2708</v>
      </c>
      <c r="E696" t="s">
        <v>85</v>
      </c>
      <c r="F696">
        <v>8</v>
      </c>
      <c r="G696">
        <v>167.5</v>
      </c>
      <c r="H696">
        <v>177</v>
      </c>
      <c r="I696">
        <v>4546.5</v>
      </c>
      <c r="J696">
        <v>67.427739098979131</v>
      </c>
      <c r="K696">
        <v>-0.1082393385976271</v>
      </c>
      <c r="L696">
        <v>-1.68090647712557</v>
      </c>
      <c r="M696">
        <v>3</v>
      </c>
      <c r="N696">
        <v>1</v>
      </c>
      <c r="O696">
        <v>1</v>
      </c>
      <c r="P696">
        <v>0</v>
      </c>
      <c r="Q696">
        <v>0</v>
      </c>
      <c r="R696">
        <v>2.0794415416798362</v>
      </c>
      <c r="S696">
        <v>1</v>
      </c>
      <c r="T696">
        <v>1</v>
      </c>
      <c r="U696">
        <v>0</v>
      </c>
      <c r="V696">
        <v>0</v>
      </c>
      <c r="W696">
        <v>1.945910149055313</v>
      </c>
      <c r="X696">
        <v>1</v>
      </c>
      <c r="Y696">
        <v>1</v>
      </c>
      <c r="Z696">
        <v>0</v>
      </c>
      <c r="AA696">
        <v>0</v>
      </c>
      <c r="AB696">
        <v>1.791759469228055</v>
      </c>
      <c r="AC696">
        <v>1</v>
      </c>
      <c r="AD696">
        <v>1</v>
      </c>
      <c r="AE696">
        <v>0</v>
      </c>
      <c r="AF696">
        <v>0</v>
      </c>
      <c r="AG696">
        <v>1.6094379124341009</v>
      </c>
      <c r="AH696">
        <v>0.26574700318926647</v>
      </c>
      <c r="AI696">
        <v>-0.29264269218079841</v>
      </c>
      <c r="AJ696">
        <v>-0.29182475530627949</v>
      </c>
      <c r="AK696">
        <v>0</v>
      </c>
      <c r="AL696">
        <v>315.65419161917742</v>
      </c>
      <c r="AM696">
        <v>401.47780924136231</v>
      </c>
      <c r="AN696">
        <v>1340</v>
      </c>
      <c r="AO696">
        <v>6</v>
      </c>
      <c r="AP696">
        <v>147.59696639453941</v>
      </c>
      <c r="AQ696">
        <v>3.5</v>
      </c>
      <c r="AR696">
        <v>4.5</v>
      </c>
      <c r="AS696">
        <v>8</v>
      </c>
      <c r="AT696">
        <v>0</v>
      </c>
      <c r="AU696">
        <v>0.28629032258064507</v>
      </c>
      <c r="AV696">
        <v>0.30064691214429418</v>
      </c>
      <c r="AW696">
        <v>0.375</v>
      </c>
      <c r="AX696">
        <v>61.714285714285722</v>
      </c>
      <c r="AY696">
        <v>70</v>
      </c>
      <c r="AZ696">
        <v>124.25</v>
      </c>
      <c r="BA696">
        <v>0.402553666262562</v>
      </c>
      <c r="BB696">
        <v>0.5</v>
      </c>
      <c r="BC696">
        <v>1.945910149055313</v>
      </c>
      <c r="BD696" t="s">
        <v>2707</v>
      </c>
      <c r="BE696" t="s">
        <v>68</v>
      </c>
    </row>
    <row r="697" spans="1:57" x14ac:dyDescent="0.3">
      <c r="A697" t="s">
        <v>2709</v>
      </c>
      <c r="B697">
        <v>1348</v>
      </c>
      <c r="C697" t="s">
        <v>2710</v>
      </c>
      <c r="D697" t="s">
        <v>2711</v>
      </c>
      <c r="E697" t="s">
        <v>66</v>
      </c>
      <c r="F697">
        <v>70</v>
      </c>
      <c r="G697">
        <v>118.9285714285714</v>
      </c>
      <c r="H697">
        <v>123.5</v>
      </c>
      <c r="I697">
        <v>5024.4663265306126</v>
      </c>
      <c r="J697">
        <v>70.883470051420403</v>
      </c>
      <c r="K697">
        <v>3.7194834951787631E-2</v>
      </c>
      <c r="L697">
        <v>-1.072451030719864</v>
      </c>
      <c r="M697">
        <v>5.8042131954854908</v>
      </c>
      <c r="N697">
        <v>3</v>
      </c>
      <c r="O697">
        <v>1</v>
      </c>
      <c r="P697">
        <v>2</v>
      </c>
      <c r="Q697">
        <v>0.43078864498775721</v>
      </c>
      <c r="R697">
        <v>4.0231740118195978</v>
      </c>
      <c r="S697">
        <v>2</v>
      </c>
      <c r="T697">
        <v>1</v>
      </c>
      <c r="U697">
        <v>1</v>
      </c>
      <c r="V697">
        <v>0.1203728348804772</v>
      </c>
      <c r="W697">
        <v>4.2140152819723324</v>
      </c>
      <c r="X697">
        <v>1</v>
      </c>
      <c r="Y697">
        <v>1</v>
      </c>
      <c r="Z697">
        <v>0</v>
      </c>
      <c r="AA697">
        <v>0</v>
      </c>
      <c r="AB697">
        <v>4.2195077051761087</v>
      </c>
      <c r="AC697">
        <v>1</v>
      </c>
      <c r="AD697">
        <v>1</v>
      </c>
      <c r="AE697">
        <v>0</v>
      </c>
      <c r="AF697">
        <v>0</v>
      </c>
      <c r="AG697">
        <v>4.2046926193909648</v>
      </c>
      <c r="AH697">
        <v>5.0149488629095663E-2</v>
      </c>
      <c r="AI697">
        <v>3.9261324157862057E-2</v>
      </c>
      <c r="AJ697">
        <v>6.5228908026406865E-2</v>
      </c>
      <c r="AK697">
        <v>-8.7545233108463821E-2</v>
      </c>
      <c r="AL697">
        <v>628.76049033870788</v>
      </c>
      <c r="AM697">
        <v>972.85828659112906</v>
      </c>
      <c r="AN697">
        <v>8325</v>
      </c>
      <c r="AO697">
        <v>72.8487692872786</v>
      </c>
      <c r="AP697">
        <v>528.15347052062896</v>
      </c>
      <c r="AQ697">
        <v>1.328571428571429</v>
      </c>
      <c r="AR697">
        <v>3.5428571428571431</v>
      </c>
      <c r="AS697">
        <v>70</v>
      </c>
      <c r="AT697">
        <v>9.2285714285714278</v>
      </c>
      <c r="AU697">
        <v>9.3557422969187676E-2</v>
      </c>
      <c r="AV697">
        <v>5.0838698784858832E-2</v>
      </c>
      <c r="AW697">
        <v>0.4</v>
      </c>
      <c r="AX697">
        <v>81.884057971014499</v>
      </c>
      <c r="AY697">
        <v>59.5</v>
      </c>
      <c r="AZ697">
        <v>115.5</v>
      </c>
      <c r="BA697">
        <v>0.59601716559752893</v>
      </c>
      <c r="BB697">
        <v>0.51428571428571423</v>
      </c>
      <c r="BC697">
        <v>4.0457021945415557</v>
      </c>
      <c r="BD697" t="s">
        <v>2712</v>
      </c>
      <c r="BE697" t="s">
        <v>68</v>
      </c>
    </row>
    <row r="698" spans="1:57" x14ac:dyDescent="0.3">
      <c r="A698" t="s">
        <v>2713</v>
      </c>
      <c r="B698">
        <v>1141</v>
      </c>
      <c r="C698" t="s">
        <v>2714</v>
      </c>
      <c r="D698" t="s">
        <v>2715</v>
      </c>
      <c r="E698" t="s">
        <v>10622</v>
      </c>
      <c r="F698">
        <v>64</v>
      </c>
      <c r="G698">
        <v>122.453125</v>
      </c>
      <c r="H698">
        <v>116.5</v>
      </c>
      <c r="I698">
        <v>6029.841552734375</v>
      </c>
      <c r="J698">
        <v>77.65205440124798</v>
      </c>
      <c r="K698">
        <v>0.1238549339343874</v>
      </c>
      <c r="L698">
        <v>-1.236517333100192</v>
      </c>
      <c r="M698">
        <v>5.75</v>
      </c>
      <c r="N698">
        <v>2</v>
      </c>
      <c r="O698">
        <v>1</v>
      </c>
      <c r="P698">
        <v>1</v>
      </c>
      <c r="Q698">
        <v>0.34992710611188271</v>
      </c>
      <c r="R698">
        <v>3.985596288219686</v>
      </c>
      <c r="S698">
        <v>1</v>
      </c>
      <c r="T698">
        <v>1</v>
      </c>
      <c r="U698">
        <v>0</v>
      </c>
      <c r="V698">
        <v>0</v>
      </c>
      <c r="W698">
        <v>4.1431347263915326</v>
      </c>
      <c r="X698">
        <v>1</v>
      </c>
      <c r="Y698">
        <v>1</v>
      </c>
      <c r="Z698">
        <v>0</v>
      </c>
      <c r="AA698">
        <v>0</v>
      </c>
      <c r="AB698">
        <v>4.1271343850450908</v>
      </c>
      <c r="AC698">
        <v>1</v>
      </c>
      <c r="AD698">
        <v>1</v>
      </c>
      <c r="AE698">
        <v>0</v>
      </c>
      <c r="AF698">
        <v>0</v>
      </c>
      <c r="AG698">
        <v>4.1108738641733096</v>
      </c>
      <c r="AH698">
        <v>-1.2792014967590189E-2</v>
      </c>
      <c r="AI698">
        <v>0.14257534147890999</v>
      </c>
      <c r="AJ698">
        <v>9.9805920816758097E-4</v>
      </c>
      <c r="AK698">
        <v>5.9179039735679853E-2</v>
      </c>
      <c r="AL698">
        <v>666.97234745491778</v>
      </c>
      <c r="AM698">
        <v>949.06421686336728</v>
      </c>
      <c r="AN698">
        <v>7837</v>
      </c>
      <c r="AO698">
        <v>97</v>
      </c>
      <c r="AP698">
        <v>494.99150623172812</v>
      </c>
      <c r="AQ698">
        <v>1.359375</v>
      </c>
      <c r="AR698">
        <v>4</v>
      </c>
      <c r="AS698">
        <v>64</v>
      </c>
      <c r="AT698">
        <v>5.9999999999999991</v>
      </c>
      <c r="AU698">
        <v>9.6384803921568618E-2</v>
      </c>
      <c r="AV698">
        <v>-1.3229953745393109E-2</v>
      </c>
      <c r="AW698">
        <v>0.375</v>
      </c>
      <c r="AX698">
        <v>93.333333333333329</v>
      </c>
      <c r="AY698">
        <v>63.5</v>
      </c>
      <c r="AZ698">
        <v>126.25</v>
      </c>
      <c r="BA698">
        <v>0.63413697609798014</v>
      </c>
      <c r="BB698">
        <v>0.46875</v>
      </c>
      <c r="BC698">
        <v>3.9891020196004341</v>
      </c>
      <c r="BD698" t="s">
        <v>2716</v>
      </c>
      <c r="BE698" t="s">
        <v>62</v>
      </c>
    </row>
    <row r="699" spans="1:57" x14ac:dyDescent="0.3">
      <c r="A699" t="s">
        <v>2717</v>
      </c>
      <c r="B699">
        <v>1841</v>
      </c>
      <c r="C699" t="s">
        <v>2718</v>
      </c>
      <c r="D699" t="s">
        <v>2719</v>
      </c>
      <c r="E699" t="s">
        <v>93</v>
      </c>
      <c r="F699">
        <v>1902</v>
      </c>
      <c r="G699">
        <v>126.1482649842271</v>
      </c>
      <c r="H699">
        <v>123.5</v>
      </c>
      <c r="I699">
        <v>5452.0390059276806</v>
      </c>
      <c r="J699">
        <v>73.837923900443471</v>
      </c>
      <c r="K699">
        <v>3.7106518989692187E-2</v>
      </c>
      <c r="L699">
        <v>-1.1878256336605619</v>
      </c>
      <c r="M699">
        <v>7.9000169380737999</v>
      </c>
      <c r="N699">
        <v>15</v>
      </c>
      <c r="O699">
        <v>2</v>
      </c>
      <c r="P699">
        <v>13</v>
      </c>
      <c r="Q699">
        <v>2.7234043314101841</v>
      </c>
      <c r="R699">
        <v>5.4758744670016677</v>
      </c>
      <c r="S699">
        <v>3</v>
      </c>
      <c r="T699">
        <v>1</v>
      </c>
      <c r="U699">
        <v>2</v>
      </c>
      <c r="V699">
        <v>0.14149864505381229</v>
      </c>
      <c r="W699">
        <v>7.5247905215701714</v>
      </c>
      <c r="X699">
        <v>1</v>
      </c>
      <c r="Y699">
        <v>1</v>
      </c>
      <c r="Z699">
        <v>0</v>
      </c>
      <c r="AA699">
        <v>0</v>
      </c>
      <c r="AB699">
        <v>7.5496091651545294</v>
      </c>
      <c r="AC699">
        <v>1</v>
      </c>
      <c r="AD699">
        <v>1</v>
      </c>
      <c r="AE699">
        <v>0</v>
      </c>
      <c r="AF699">
        <v>0</v>
      </c>
      <c r="AG699">
        <v>7.5490827108122831</v>
      </c>
      <c r="AH699">
        <v>2.3333203545297151E-2</v>
      </c>
      <c r="AI699">
        <v>-3.499345050134411E-3</v>
      </c>
      <c r="AJ699">
        <v>-1.202946703278877E-2</v>
      </c>
      <c r="AK699">
        <v>2.628244856387656E-2</v>
      </c>
      <c r="AL699">
        <v>3003.4419254460449</v>
      </c>
      <c r="AM699">
        <v>5622.8438178979286</v>
      </c>
      <c r="AN699">
        <v>239934</v>
      </c>
      <c r="AO699">
        <v>27.681498670742421</v>
      </c>
      <c r="AP699">
        <v>2716.772885846633</v>
      </c>
      <c r="AQ699">
        <v>1.012092534174553</v>
      </c>
      <c r="AR699">
        <v>3.9369085173501581</v>
      </c>
      <c r="AS699">
        <v>1894</v>
      </c>
      <c r="AT699">
        <v>255.56046267087279</v>
      </c>
      <c r="AU699">
        <v>2.2471701614399708E-2</v>
      </c>
      <c r="AV699">
        <v>2.334361997343715E-2</v>
      </c>
      <c r="AW699">
        <v>0.38485804416403779</v>
      </c>
      <c r="AX699">
        <v>83.924250394529196</v>
      </c>
      <c r="AY699">
        <v>62.5</v>
      </c>
      <c r="AZ699">
        <v>123.75</v>
      </c>
      <c r="BA699">
        <v>0.58532651170173255</v>
      </c>
      <c r="BB699">
        <v>0.48633017875920082</v>
      </c>
      <c r="BC699">
        <v>5.2868890527654013</v>
      </c>
      <c r="BD699" t="s">
        <v>2720</v>
      </c>
      <c r="BE699" t="s">
        <v>68</v>
      </c>
    </row>
    <row r="700" spans="1:57" x14ac:dyDescent="0.3">
      <c r="A700" t="s">
        <v>2721</v>
      </c>
      <c r="B700">
        <v>3808</v>
      </c>
      <c r="C700" t="s">
        <v>2722</v>
      </c>
      <c r="D700" t="s">
        <v>2723</v>
      </c>
      <c r="E700" t="s">
        <v>115</v>
      </c>
      <c r="F700">
        <v>3897</v>
      </c>
      <c r="G700">
        <v>126.62945855786499</v>
      </c>
      <c r="H700">
        <v>126</v>
      </c>
      <c r="I700">
        <v>5330.8783521061223</v>
      </c>
      <c r="J700">
        <v>73.012864291891205</v>
      </c>
      <c r="K700">
        <v>-1.414740681065867E-2</v>
      </c>
      <c r="L700">
        <v>-1.175076839377295</v>
      </c>
      <c r="M700">
        <v>7.9534869869331386</v>
      </c>
      <c r="N700">
        <v>30</v>
      </c>
      <c r="O700">
        <v>5</v>
      </c>
      <c r="P700">
        <v>25</v>
      </c>
      <c r="Q700">
        <v>3.8386951486587129</v>
      </c>
      <c r="R700">
        <v>5.5129370806129172</v>
      </c>
      <c r="S700">
        <v>3</v>
      </c>
      <c r="T700">
        <v>1</v>
      </c>
      <c r="U700">
        <v>2</v>
      </c>
      <c r="V700">
        <v>0.17409156346794161</v>
      </c>
      <c r="W700">
        <v>8.227450348315628</v>
      </c>
      <c r="X700">
        <v>2</v>
      </c>
      <c r="Y700">
        <v>1</v>
      </c>
      <c r="Z700">
        <v>1</v>
      </c>
      <c r="AA700">
        <v>1.602308935778788E-2</v>
      </c>
      <c r="AB700">
        <v>8.2670930419091864</v>
      </c>
      <c r="AC700">
        <v>1</v>
      </c>
      <c r="AD700">
        <v>1</v>
      </c>
      <c r="AE700">
        <v>0</v>
      </c>
      <c r="AF700">
        <v>0</v>
      </c>
      <c r="AG700">
        <v>8.2671921859321493</v>
      </c>
      <c r="AH700">
        <v>-1.802287777587025E-2</v>
      </c>
      <c r="AI700">
        <v>-7.9353428517382977E-3</v>
      </c>
      <c r="AJ700">
        <v>3.2317738766135821E-4</v>
      </c>
      <c r="AK700">
        <v>-1.792564331070232E-2</v>
      </c>
      <c r="AL700">
        <v>4197.9830526266314</v>
      </c>
      <c r="AM700">
        <v>8101.8419689512348</v>
      </c>
      <c r="AN700">
        <v>493475</v>
      </c>
      <c r="AO700">
        <v>88.815079941764338</v>
      </c>
      <c r="AP700">
        <v>3873.4320748230971</v>
      </c>
      <c r="AQ700">
        <v>1.005901975878881</v>
      </c>
      <c r="AR700">
        <v>3.9899923017705929</v>
      </c>
      <c r="AS700">
        <v>3886</v>
      </c>
      <c r="AT700">
        <v>247.80882730305359</v>
      </c>
      <c r="AU700">
        <v>1.561683949946413E-2</v>
      </c>
      <c r="AV700">
        <v>-1.8030011830010882E-2</v>
      </c>
      <c r="AW700">
        <v>0.37464716448550173</v>
      </c>
      <c r="AX700">
        <v>85.333675564681727</v>
      </c>
      <c r="AY700">
        <v>62</v>
      </c>
      <c r="AZ700">
        <v>125</v>
      </c>
      <c r="BA700">
        <v>0.57658672100005071</v>
      </c>
      <c r="BB700">
        <v>0.49987169617654609</v>
      </c>
      <c r="BC700">
        <v>5.3171444634306884</v>
      </c>
      <c r="BD700" t="s">
        <v>2724</v>
      </c>
      <c r="BE700" t="s">
        <v>68</v>
      </c>
    </row>
    <row r="701" spans="1:57" x14ac:dyDescent="0.3">
      <c r="A701" t="s">
        <v>2725</v>
      </c>
      <c r="B701">
        <v>1057</v>
      </c>
      <c r="C701" t="s">
        <v>2726</v>
      </c>
      <c r="D701" t="s">
        <v>2727</v>
      </c>
      <c r="E701" t="s">
        <v>98</v>
      </c>
      <c r="F701">
        <v>16</v>
      </c>
      <c r="G701">
        <v>130.9375</v>
      </c>
      <c r="H701">
        <v>140.5</v>
      </c>
      <c r="I701">
        <v>5901.80859375</v>
      </c>
      <c r="J701">
        <v>76.823229519136987</v>
      </c>
      <c r="K701">
        <v>-0.1645095540623866</v>
      </c>
      <c r="L701">
        <v>-1.5777746321720629</v>
      </c>
      <c r="M701">
        <v>4</v>
      </c>
      <c r="N701">
        <v>1</v>
      </c>
      <c r="O701">
        <v>1</v>
      </c>
      <c r="P701">
        <v>0</v>
      </c>
      <c r="Q701">
        <v>0</v>
      </c>
      <c r="R701">
        <v>2.7725887222397811</v>
      </c>
      <c r="S701">
        <v>1</v>
      </c>
      <c r="T701">
        <v>1</v>
      </c>
      <c r="U701">
        <v>0</v>
      </c>
      <c r="V701">
        <v>0</v>
      </c>
      <c r="W701">
        <v>2.7080502011022101</v>
      </c>
      <c r="X701">
        <v>1</v>
      </c>
      <c r="Y701">
        <v>1</v>
      </c>
      <c r="Z701">
        <v>0</v>
      </c>
      <c r="AA701">
        <v>0</v>
      </c>
      <c r="AB701">
        <v>2.639057329615258</v>
      </c>
      <c r="AC701">
        <v>1</v>
      </c>
      <c r="AD701">
        <v>1</v>
      </c>
      <c r="AE701">
        <v>0</v>
      </c>
      <c r="AF701">
        <v>0</v>
      </c>
      <c r="AG701">
        <v>2.5649493574615372</v>
      </c>
      <c r="AH701">
        <v>-0.12942871888450511</v>
      </c>
      <c r="AI701">
        <v>0.23589357539366571</v>
      </c>
      <c r="AJ701">
        <v>-9.862728288402059E-2</v>
      </c>
      <c r="AK701">
        <v>-0.1681983244013521</v>
      </c>
      <c r="AL701">
        <v>391.84637409859408</v>
      </c>
      <c r="AM701">
        <v>463.89591408610693</v>
      </c>
      <c r="AN701">
        <v>2095</v>
      </c>
      <c r="AO701">
        <v>138.66816384070711</v>
      </c>
      <c r="AP701">
        <v>235.05785142641739</v>
      </c>
      <c r="AQ701">
        <v>2.3125</v>
      </c>
      <c r="AR701">
        <v>4.125</v>
      </c>
      <c r="AS701">
        <v>16</v>
      </c>
      <c r="AT701">
        <v>0</v>
      </c>
      <c r="AU701">
        <v>0.1875</v>
      </c>
      <c r="AV701">
        <v>-0.1436366100008718</v>
      </c>
      <c r="AW701">
        <v>0.375</v>
      </c>
      <c r="AX701">
        <v>98.8</v>
      </c>
      <c r="AY701">
        <v>67.5</v>
      </c>
      <c r="AZ701">
        <v>144</v>
      </c>
      <c r="BA701">
        <v>0.5867167886903063</v>
      </c>
      <c r="BB701">
        <v>0.5</v>
      </c>
      <c r="BC701">
        <v>2.7080502011022101</v>
      </c>
      <c r="BD701" t="s">
        <v>2726</v>
      </c>
      <c r="BE701" t="s">
        <v>62</v>
      </c>
    </row>
    <row r="702" spans="1:57" x14ac:dyDescent="0.3">
      <c r="A702" t="s">
        <v>2728</v>
      </c>
      <c r="B702">
        <v>133</v>
      </c>
      <c r="C702" t="s">
        <v>2729</v>
      </c>
      <c r="D702" t="s">
        <v>2730</v>
      </c>
      <c r="E702" t="s">
        <v>60</v>
      </c>
      <c r="F702">
        <v>512</v>
      </c>
      <c r="G702">
        <v>131.44140625</v>
      </c>
      <c r="H702">
        <v>130</v>
      </c>
      <c r="I702">
        <v>5866.1801605224609</v>
      </c>
      <c r="J702">
        <v>76.59099268531817</v>
      </c>
      <c r="K702">
        <v>-1.1463310819847829E-2</v>
      </c>
      <c r="L702">
        <v>-1.2999518271620369</v>
      </c>
      <c r="M702">
        <v>7.541969112664848</v>
      </c>
      <c r="N702">
        <v>7</v>
      </c>
      <c r="O702">
        <v>1</v>
      </c>
      <c r="P702">
        <v>6</v>
      </c>
      <c r="Q702">
        <v>1.2657959608792551</v>
      </c>
      <c r="R702">
        <v>5.2276946263138306</v>
      </c>
      <c r="S702">
        <v>2</v>
      </c>
      <c r="T702">
        <v>1</v>
      </c>
      <c r="U702">
        <v>1</v>
      </c>
      <c r="V702">
        <v>4.4237310481092057E-2</v>
      </c>
      <c r="W702">
        <v>6.2336566853874222</v>
      </c>
      <c r="X702">
        <v>1</v>
      </c>
      <c r="Y702">
        <v>1</v>
      </c>
      <c r="Z702">
        <v>0</v>
      </c>
      <c r="AA702">
        <v>0</v>
      </c>
      <c r="AB702">
        <v>6.2344107257183694</v>
      </c>
      <c r="AC702">
        <v>1</v>
      </c>
      <c r="AD702">
        <v>1</v>
      </c>
      <c r="AE702">
        <v>0</v>
      </c>
      <c r="AF702">
        <v>0</v>
      </c>
      <c r="AG702">
        <v>6.2324480165505216</v>
      </c>
      <c r="AH702">
        <v>2.110838562344108E-2</v>
      </c>
      <c r="AI702">
        <v>-5.8811753480868728E-2</v>
      </c>
      <c r="AJ702">
        <v>-4.9290817267469339E-2</v>
      </c>
      <c r="AK702">
        <v>1.034166119891218E-2</v>
      </c>
      <c r="AL702">
        <v>1660.0199012750979</v>
      </c>
      <c r="AM702">
        <v>3015.5533368472561</v>
      </c>
      <c r="AN702">
        <v>67298</v>
      </c>
      <c r="AO702">
        <v>24.45694985448678</v>
      </c>
      <c r="AP702">
        <v>1438.7403341150291</v>
      </c>
      <c r="AQ702">
        <v>1.044921875</v>
      </c>
      <c r="AR702">
        <v>4.046875</v>
      </c>
      <c r="AS702">
        <v>510</v>
      </c>
      <c r="AT702">
        <v>141.9765625</v>
      </c>
      <c r="AU702">
        <v>5.2045036764705843E-2</v>
      </c>
      <c r="AV702">
        <v>2.1131661568057541E-2</v>
      </c>
      <c r="AW702">
        <v>0.37109375</v>
      </c>
      <c r="AX702">
        <v>87.686888454011736</v>
      </c>
      <c r="AY702">
        <v>70</v>
      </c>
      <c r="AZ702">
        <v>138.25</v>
      </c>
      <c r="BA702">
        <v>0.58270064868024163</v>
      </c>
      <c r="BB702">
        <v>0.490234375</v>
      </c>
      <c r="BC702">
        <v>5.1326304448861642</v>
      </c>
      <c r="BD702" t="s">
        <v>2731</v>
      </c>
      <c r="BE702" t="s">
        <v>62</v>
      </c>
    </row>
    <row r="703" spans="1:57" x14ac:dyDescent="0.3">
      <c r="A703" t="s">
        <v>2732</v>
      </c>
      <c r="B703">
        <v>522</v>
      </c>
      <c r="C703" t="s">
        <v>2733</v>
      </c>
      <c r="D703" t="s">
        <v>2734</v>
      </c>
      <c r="E703" t="s">
        <v>115</v>
      </c>
      <c r="F703">
        <v>560</v>
      </c>
      <c r="G703">
        <v>127.06785714285709</v>
      </c>
      <c r="H703">
        <v>125.5</v>
      </c>
      <c r="I703">
        <v>5096.0561096938773</v>
      </c>
      <c r="J703">
        <v>71.386666189799598</v>
      </c>
      <c r="K703">
        <v>5.4867899957198778E-3</v>
      </c>
      <c r="L703">
        <v>-1.147680467619308</v>
      </c>
      <c r="M703">
        <v>7.6184490031423584</v>
      </c>
      <c r="N703">
        <v>6</v>
      </c>
      <c r="O703">
        <v>1</v>
      </c>
      <c r="P703">
        <v>5</v>
      </c>
      <c r="Q703">
        <v>1.3512960048417211</v>
      </c>
      <c r="R703">
        <v>5.2807064467678639</v>
      </c>
      <c r="S703">
        <v>2</v>
      </c>
      <c r="T703">
        <v>1</v>
      </c>
      <c r="U703">
        <v>1</v>
      </c>
      <c r="V703">
        <v>8.4588789868868489E-2</v>
      </c>
      <c r="W703">
        <v>6.3162296566175691</v>
      </c>
      <c r="X703">
        <v>1</v>
      </c>
      <c r="Y703">
        <v>1</v>
      </c>
      <c r="Z703">
        <v>0</v>
      </c>
      <c r="AA703">
        <v>0</v>
      </c>
      <c r="AB703">
        <v>6.3243589623813117</v>
      </c>
      <c r="AC703">
        <v>1</v>
      </c>
      <c r="AD703">
        <v>1</v>
      </c>
      <c r="AE703">
        <v>0</v>
      </c>
      <c r="AF703">
        <v>0</v>
      </c>
      <c r="AG703">
        <v>6.3225652399272851</v>
      </c>
      <c r="AH703">
        <v>2.7182120583792942E-2</v>
      </c>
      <c r="AI703">
        <v>6.1355522860275598E-4</v>
      </c>
      <c r="AJ703">
        <v>1.361006533262463E-2</v>
      </c>
      <c r="AK703">
        <v>9.2861525685711738E-2</v>
      </c>
      <c r="AL703">
        <v>1605.0408483792301</v>
      </c>
      <c r="AM703">
        <v>3052.790506247371</v>
      </c>
      <c r="AN703">
        <v>71158</v>
      </c>
      <c r="AO703">
        <v>65.682989220907956</v>
      </c>
      <c r="AP703">
        <v>1366.968871607505</v>
      </c>
      <c r="AQ703">
        <v>1.0410714285714291</v>
      </c>
      <c r="AR703">
        <v>3.9196428571428572</v>
      </c>
      <c r="AS703">
        <v>559</v>
      </c>
      <c r="AT703">
        <v>168.0214285714286</v>
      </c>
      <c r="AU703">
        <v>3.0007002801120449E-2</v>
      </c>
      <c r="AV703">
        <v>2.723833068831567E-2</v>
      </c>
      <c r="AW703">
        <v>0.38750000000000001</v>
      </c>
      <c r="AX703">
        <v>80.812164579606446</v>
      </c>
      <c r="AY703">
        <v>61</v>
      </c>
      <c r="AZ703">
        <v>122</v>
      </c>
      <c r="BA703">
        <v>0.56179955966002104</v>
      </c>
      <c r="BB703">
        <v>0.49464285714285722</v>
      </c>
      <c r="BC703">
        <v>5.1047652561570693</v>
      </c>
      <c r="BD703" t="s">
        <v>2735</v>
      </c>
      <c r="BE703" t="s">
        <v>62</v>
      </c>
    </row>
    <row r="704" spans="1:57" x14ac:dyDescent="0.3">
      <c r="A704" t="s">
        <v>2736</v>
      </c>
      <c r="B704">
        <v>1178</v>
      </c>
      <c r="C704" t="s">
        <v>2737</v>
      </c>
      <c r="D704" t="s">
        <v>2738</v>
      </c>
      <c r="E704" t="s">
        <v>85</v>
      </c>
      <c r="F704">
        <v>8</v>
      </c>
      <c r="G704">
        <v>145.25</v>
      </c>
      <c r="H704">
        <v>148.5</v>
      </c>
      <c r="I704">
        <v>3944.9375</v>
      </c>
      <c r="J704">
        <v>62.808737449498217</v>
      </c>
      <c r="K704">
        <v>-1.242247204531147</v>
      </c>
      <c r="L704">
        <v>0.88931257036147437</v>
      </c>
      <c r="M704">
        <v>3</v>
      </c>
      <c r="N704">
        <v>1</v>
      </c>
      <c r="O704">
        <v>1</v>
      </c>
      <c r="P704">
        <v>0</v>
      </c>
      <c r="Q704">
        <v>0</v>
      </c>
      <c r="R704">
        <v>2.0794415416798362</v>
      </c>
      <c r="S704">
        <v>1</v>
      </c>
      <c r="T704">
        <v>1</v>
      </c>
      <c r="U704">
        <v>0</v>
      </c>
      <c r="V704">
        <v>0</v>
      </c>
      <c r="W704">
        <v>1.945910149055313</v>
      </c>
      <c r="X704">
        <v>1</v>
      </c>
      <c r="Y704">
        <v>1</v>
      </c>
      <c r="Z704">
        <v>0</v>
      </c>
      <c r="AA704">
        <v>0</v>
      </c>
      <c r="AB704">
        <v>1.791759469228055</v>
      </c>
      <c r="AC704">
        <v>1</v>
      </c>
      <c r="AD704">
        <v>1</v>
      </c>
      <c r="AE704">
        <v>0</v>
      </c>
      <c r="AF704">
        <v>0</v>
      </c>
      <c r="AG704">
        <v>1.6094379124341009</v>
      </c>
      <c r="AH704">
        <v>-0.1405064243730097</v>
      </c>
      <c r="AI704">
        <v>-0.24051791061328601</v>
      </c>
      <c r="AJ704">
        <v>0.17025578668863581</v>
      </c>
      <c r="AK704">
        <v>0</v>
      </c>
      <c r="AL704">
        <v>293.15996538762982</v>
      </c>
      <c r="AM704">
        <v>338.22660258164751</v>
      </c>
      <c r="AN704">
        <v>1162</v>
      </c>
      <c r="AO704">
        <v>6</v>
      </c>
      <c r="AP704">
        <v>203.55622439582319</v>
      </c>
      <c r="AQ704">
        <v>3.5</v>
      </c>
      <c r="AR704">
        <v>4.125</v>
      </c>
      <c r="AS704">
        <v>8</v>
      </c>
      <c r="AT704">
        <v>0</v>
      </c>
      <c r="AU704">
        <v>0.45639534883720928</v>
      </c>
      <c r="AV704">
        <v>-0.15305314596569239</v>
      </c>
      <c r="AW704">
        <v>0.125</v>
      </c>
      <c r="AX704">
        <v>79.285714285714292</v>
      </c>
      <c r="AY704">
        <v>28</v>
      </c>
      <c r="AZ704">
        <v>52.5</v>
      </c>
      <c r="BA704">
        <v>0.43241815799998767</v>
      </c>
      <c r="BB704">
        <v>0.5</v>
      </c>
      <c r="BC704">
        <v>1.945910149055313</v>
      </c>
      <c r="BD704" t="s">
        <v>2737</v>
      </c>
      <c r="BE704" t="s">
        <v>68</v>
      </c>
    </row>
    <row r="705" spans="1:57" x14ac:dyDescent="0.3">
      <c r="A705" t="s">
        <v>2739</v>
      </c>
      <c r="B705">
        <v>2137</v>
      </c>
      <c r="C705" t="s">
        <v>2740</v>
      </c>
      <c r="D705" t="s">
        <v>2741</v>
      </c>
      <c r="E705" t="s">
        <v>85</v>
      </c>
      <c r="F705">
        <v>8</v>
      </c>
      <c r="G705">
        <v>140.25</v>
      </c>
      <c r="H705">
        <v>120.5</v>
      </c>
      <c r="I705">
        <v>5113.9375</v>
      </c>
      <c r="J705">
        <v>71.51179972563969</v>
      </c>
      <c r="K705">
        <v>-3.828604200136753E-2</v>
      </c>
      <c r="L705">
        <v>-1.1929851032938901</v>
      </c>
      <c r="M705">
        <v>3</v>
      </c>
      <c r="N705">
        <v>1</v>
      </c>
      <c r="O705">
        <v>1</v>
      </c>
      <c r="P705">
        <v>0</v>
      </c>
      <c r="Q705">
        <v>0</v>
      </c>
      <c r="R705">
        <v>2.0794415416798362</v>
      </c>
      <c r="S705">
        <v>1</v>
      </c>
      <c r="T705">
        <v>1</v>
      </c>
      <c r="U705">
        <v>0</v>
      </c>
      <c r="V705">
        <v>0</v>
      </c>
      <c r="W705">
        <v>1.945910149055313</v>
      </c>
      <c r="X705">
        <v>1</v>
      </c>
      <c r="Y705">
        <v>1</v>
      </c>
      <c r="Z705">
        <v>0</v>
      </c>
      <c r="AA705">
        <v>0</v>
      </c>
      <c r="AB705">
        <v>1.791759469228055</v>
      </c>
      <c r="AC705">
        <v>1</v>
      </c>
      <c r="AD705">
        <v>1</v>
      </c>
      <c r="AE705">
        <v>0</v>
      </c>
      <c r="AF705">
        <v>0</v>
      </c>
      <c r="AG705">
        <v>1.6094379124341009</v>
      </c>
      <c r="AH705">
        <v>-6.1023489727827139E-2</v>
      </c>
      <c r="AI705">
        <v>-0.4804425406059421</v>
      </c>
      <c r="AJ705">
        <v>0.19529808244625591</v>
      </c>
      <c r="AK705">
        <v>0</v>
      </c>
      <c r="AL705">
        <v>325.59454630110849</v>
      </c>
      <c r="AM705">
        <v>303.74362778332528</v>
      </c>
      <c r="AN705">
        <v>1122</v>
      </c>
      <c r="AO705">
        <v>150.25065355901171</v>
      </c>
      <c r="AP705">
        <v>232.38920178246201</v>
      </c>
      <c r="AQ705">
        <v>3.5</v>
      </c>
      <c r="AR705">
        <v>4.625</v>
      </c>
      <c r="AS705">
        <v>8</v>
      </c>
      <c r="AT705">
        <v>0</v>
      </c>
      <c r="AU705">
        <v>0.17628205128205129</v>
      </c>
      <c r="AV705">
        <v>-4.5740990250581183E-2</v>
      </c>
      <c r="AW705">
        <v>0.5</v>
      </c>
      <c r="AX705">
        <v>70.285714285714292</v>
      </c>
      <c r="AY705">
        <v>63</v>
      </c>
      <c r="AZ705">
        <v>111.5</v>
      </c>
      <c r="BA705">
        <v>0.50988805508477497</v>
      </c>
      <c r="BB705">
        <v>0.375</v>
      </c>
      <c r="BC705">
        <v>1.945910149055313</v>
      </c>
      <c r="BD705" t="s">
        <v>2740</v>
      </c>
      <c r="BE705" t="s">
        <v>68</v>
      </c>
    </row>
    <row r="706" spans="1:57" x14ac:dyDescent="0.3">
      <c r="A706" t="s">
        <v>2742</v>
      </c>
      <c r="B706">
        <v>1220</v>
      </c>
      <c r="C706" t="s">
        <v>2743</v>
      </c>
      <c r="D706" t="s">
        <v>2744</v>
      </c>
      <c r="E706" t="s">
        <v>10622</v>
      </c>
      <c r="F706">
        <v>64</v>
      </c>
      <c r="G706">
        <v>123.1875</v>
      </c>
      <c r="H706">
        <v>137</v>
      </c>
      <c r="I706">
        <v>5902.27734375</v>
      </c>
      <c r="J706">
        <v>76.826280293594849</v>
      </c>
      <c r="K706">
        <v>-4.6280749187552213E-2</v>
      </c>
      <c r="L706">
        <v>-1.347744141939061</v>
      </c>
      <c r="M706">
        <v>5.75</v>
      </c>
      <c r="N706">
        <v>2</v>
      </c>
      <c r="O706">
        <v>1</v>
      </c>
      <c r="P706">
        <v>1</v>
      </c>
      <c r="Q706">
        <v>0.34992710611188271</v>
      </c>
      <c r="R706">
        <v>3.985596288219686</v>
      </c>
      <c r="S706">
        <v>1</v>
      </c>
      <c r="T706">
        <v>1</v>
      </c>
      <c r="U706">
        <v>0</v>
      </c>
      <c r="V706">
        <v>0</v>
      </c>
      <c r="W706">
        <v>4.1431347263915326</v>
      </c>
      <c r="X706">
        <v>1</v>
      </c>
      <c r="Y706">
        <v>1</v>
      </c>
      <c r="Z706">
        <v>0</v>
      </c>
      <c r="AA706">
        <v>0</v>
      </c>
      <c r="AB706">
        <v>4.1271343850450908</v>
      </c>
      <c r="AC706">
        <v>1</v>
      </c>
      <c r="AD706">
        <v>1</v>
      </c>
      <c r="AE706">
        <v>0</v>
      </c>
      <c r="AF706">
        <v>0</v>
      </c>
      <c r="AG706">
        <v>4.1108738641733096</v>
      </c>
      <c r="AH706">
        <v>-0.16059687013354881</v>
      </c>
      <c r="AI706">
        <v>0.18754080538960399</v>
      </c>
      <c r="AJ706">
        <v>-7.5921405551882454E-2</v>
      </c>
      <c r="AK706">
        <v>-0.1188068669534998</v>
      </c>
      <c r="AL706">
        <v>659.86773039174545</v>
      </c>
      <c r="AM706">
        <v>955.78793588726921</v>
      </c>
      <c r="AN706">
        <v>7884</v>
      </c>
      <c r="AO706">
        <v>101.0368378093943</v>
      </c>
      <c r="AP706">
        <v>500.60075623567809</v>
      </c>
      <c r="AQ706">
        <v>1.359375</v>
      </c>
      <c r="AR706">
        <v>3.9375</v>
      </c>
      <c r="AS706">
        <v>64</v>
      </c>
      <c r="AT706">
        <v>6</v>
      </c>
      <c r="AU706">
        <v>9.6230158730158735E-2</v>
      </c>
      <c r="AV706">
        <v>-0.16381964262458651</v>
      </c>
      <c r="AW706">
        <v>0.28125</v>
      </c>
      <c r="AX706">
        <v>98.063492063492063</v>
      </c>
      <c r="AY706">
        <v>70.5</v>
      </c>
      <c r="AZ706">
        <v>133.25</v>
      </c>
      <c r="BA706">
        <v>0.623653213951049</v>
      </c>
      <c r="BB706">
        <v>0.546875</v>
      </c>
      <c r="BC706">
        <v>4.0028011659076608</v>
      </c>
      <c r="BD706" t="s">
        <v>2745</v>
      </c>
      <c r="BE706" t="s">
        <v>62</v>
      </c>
    </row>
    <row r="707" spans="1:57" x14ac:dyDescent="0.3">
      <c r="A707" t="s">
        <v>2746</v>
      </c>
      <c r="B707">
        <v>2657</v>
      </c>
      <c r="C707" t="s">
        <v>2747</v>
      </c>
      <c r="D707" t="s">
        <v>2748</v>
      </c>
      <c r="E707" t="s">
        <v>93</v>
      </c>
      <c r="F707">
        <v>2867</v>
      </c>
      <c r="G707">
        <v>128.31356818974541</v>
      </c>
      <c r="H707">
        <v>129</v>
      </c>
      <c r="I707">
        <v>5400.0331713280157</v>
      </c>
      <c r="J707">
        <v>73.484917985447979</v>
      </c>
      <c r="K707">
        <v>-3.4990704061375853E-2</v>
      </c>
      <c r="L707">
        <v>-1.1806908342461759</v>
      </c>
      <c r="M707">
        <v>7.9262956757700476</v>
      </c>
      <c r="N707">
        <v>22</v>
      </c>
      <c r="O707">
        <v>2</v>
      </c>
      <c r="P707">
        <v>20</v>
      </c>
      <c r="Q707">
        <v>3.4758316471958821</v>
      </c>
      <c r="R707">
        <v>5.4940894999445042</v>
      </c>
      <c r="S707">
        <v>3</v>
      </c>
      <c r="T707">
        <v>1</v>
      </c>
      <c r="U707">
        <v>2</v>
      </c>
      <c r="V707">
        <v>0.16284395156199019</v>
      </c>
      <c r="W707">
        <v>7.9246959751478414</v>
      </c>
      <c r="X707">
        <v>2</v>
      </c>
      <c r="Y707">
        <v>1</v>
      </c>
      <c r="Z707">
        <v>1</v>
      </c>
      <c r="AA707">
        <v>2.6421202443698829E-2</v>
      </c>
      <c r="AB707">
        <v>7.9593558843941299</v>
      </c>
      <c r="AC707">
        <v>1</v>
      </c>
      <c r="AD707">
        <v>1</v>
      </c>
      <c r="AE707">
        <v>0</v>
      </c>
      <c r="AF707">
        <v>0</v>
      </c>
      <c r="AG707">
        <v>7.9599745280805374</v>
      </c>
      <c r="AH707">
        <v>1.4918178407009231E-2</v>
      </c>
      <c r="AI707">
        <v>-8.9309344939230602E-3</v>
      </c>
      <c r="AJ707">
        <v>-3.1629855445956617E-2</v>
      </c>
      <c r="AK707">
        <v>-1.007278617620521E-2</v>
      </c>
      <c r="AL707">
        <v>3623.9673312254422</v>
      </c>
      <c r="AM707">
        <v>7039.3259465811598</v>
      </c>
      <c r="AN707">
        <v>367875</v>
      </c>
      <c r="AO707">
        <v>133.27342864871159</v>
      </c>
      <c r="AP707">
        <v>3344.1542053109738</v>
      </c>
      <c r="AQ707">
        <v>1.008022322985699</v>
      </c>
      <c r="AR707">
        <v>4.0258109522148589</v>
      </c>
      <c r="AS707">
        <v>2853</v>
      </c>
      <c r="AT707">
        <v>276.16567840948733</v>
      </c>
      <c r="AU707">
        <v>1.560694036945093E-2</v>
      </c>
      <c r="AV707">
        <v>1.492151378448682E-2</v>
      </c>
      <c r="AW707">
        <v>0.35856295779560521</v>
      </c>
      <c r="AX707">
        <v>84.482554082344734</v>
      </c>
      <c r="AY707">
        <v>63</v>
      </c>
      <c r="AZ707">
        <v>127</v>
      </c>
      <c r="BA707">
        <v>0.57269795409929825</v>
      </c>
      <c r="BB707">
        <v>0.50331356818974538</v>
      </c>
      <c r="BC707">
        <v>5.3074058609503414</v>
      </c>
      <c r="BD707" t="s">
        <v>2749</v>
      </c>
      <c r="BE707" t="s">
        <v>68</v>
      </c>
    </row>
    <row r="708" spans="1:57" x14ac:dyDescent="0.3">
      <c r="A708" t="s">
        <v>2750</v>
      </c>
      <c r="B708">
        <v>3121</v>
      </c>
      <c r="C708" t="s">
        <v>2751</v>
      </c>
      <c r="D708" t="s">
        <v>2752</v>
      </c>
      <c r="E708" t="s">
        <v>106</v>
      </c>
      <c r="F708">
        <v>3153</v>
      </c>
      <c r="G708">
        <v>129.58008246114809</v>
      </c>
      <c r="H708">
        <v>132</v>
      </c>
      <c r="I708">
        <v>5421.7805357369361</v>
      </c>
      <c r="J708">
        <v>73.632740922343345</v>
      </c>
      <c r="K708">
        <v>-5.3071397795113287E-2</v>
      </c>
      <c r="L708">
        <v>-1.1981108276515939</v>
      </c>
      <c r="M708">
        <v>7.9457284197035003</v>
      </c>
      <c r="N708">
        <v>21</v>
      </c>
      <c r="O708">
        <v>4</v>
      </c>
      <c r="P708">
        <v>17</v>
      </c>
      <c r="Q708">
        <v>3.3537357282530378</v>
      </c>
      <c r="R708">
        <v>5.5075592516124976</v>
      </c>
      <c r="S708">
        <v>3</v>
      </c>
      <c r="T708">
        <v>1</v>
      </c>
      <c r="U708">
        <v>2</v>
      </c>
      <c r="V708">
        <v>0.15639961104284969</v>
      </c>
      <c r="W708">
        <v>8.024067627351247</v>
      </c>
      <c r="X708">
        <v>1</v>
      </c>
      <c r="Y708">
        <v>1</v>
      </c>
      <c r="Z708">
        <v>0</v>
      </c>
      <c r="AA708">
        <v>0</v>
      </c>
      <c r="AB708">
        <v>8.0554751417572739</v>
      </c>
      <c r="AC708">
        <v>1</v>
      </c>
      <c r="AD708">
        <v>1</v>
      </c>
      <c r="AE708">
        <v>0</v>
      </c>
      <c r="AF708">
        <v>0</v>
      </c>
      <c r="AG708">
        <v>8.0551577318196763</v>
      </c>
      <c r="AH708">
        <v>3.1410825940215437E-2</v>
      </c>
      <c r="AI708">
        <v>-2.1066001228692722E-3</v>
      </c>
      <c r="AJ708">
        <v>-2.536172902880859E-2</v>
      </c>
      <c r="AK708">
        <v>-1.240364035831025E-2</v>
      </c>
      <c r="AL708">
        <v>3767.85168227443</v>
      </c>
      <c r="AM708">
        <v>7472.6289684676403</v>
      </c>
      <c r="AN708">
        <v>408566</v>
      </c>
      <c r="AO708">
        <v>144.6048890462792</v>
      </c>
      <c r="AP708">
        <v>3383.288203495576</v>
      </c>
      <c r="AQ708">
        <v>1.0072946400253731</v>
      </c>
      <c r="AR708">
        <v>4.0437678401522357</v>
      </c>
      <c r="AS708">
        <v>3140</v>
      </c>
      <c r="AT708">
        <v>233.7833809070726</v>
      </c>
      <c r="AU708">
        <v>2.4156265741310801E-2</v>
      </c>
      <c r="AV708">
        <v>3.1421135912338242E-2</v>
      </c>
      <c r="AW708">
        <v>0.35934031081509671</v>
      </c>
      <c r="AX708">
        <v>83.610088832487307</v>
      </c>
      <c r="AY708">
        <v>63</v>
      </c>
      <c r="AZ708">
        <v>126</v>
      </c>
      <c r="BA708">
        <v>0.56824119512673243</v>
      </c>
      <c r="BB708">
        <v>0.50840469394227716</v>
      </c>
      <c r="BC708">
        <v>5.2944004013254258</v>
      </c>
      <c r="BD708" t="s">
        <v>2753</v>
      </c>
      <c r="BE708" t="s">
        <v>68</v>
      </c>
    </row>
    <row r="709" spans="1:57" x14ac:dyDescent="0.3">
      <c r="A709" t="s">
        <v>2754</v>
      </c>
      <c r="B709">
        <v>3419</v>
      </c>
      <c r="C709" t="s">
        <v>2755</v>
      </c>
      <c r="D709" t="s">
        <v>2756</v>
      </c>
      <c r="E709" t="s">
        <v>66</v>
      </c>
      <c r="F709">
        <v>70</v>
      </c>
      <c r="G709">
        <v>109.0285714285714</v>
      </c>
      <c r="H709">
        <v>91</v>
      </c>
      <c r="I709">
        <v>5846.6563265306131</v>
      </c>
      <c r="J709">
        <v>76.463431302359254</v>
      </c>
      <c r="K709">
        <v>0.34915551065765249</v>
      </c>
      <c r="L709">
        <v>-1.183794745647814</v>
      </c>
      <c r="M709">
        <v>5.8220005168831577</v>
      </c>
      <c r="N709">
        <v>3</v>
      </c>
      <c r="O709">
        <v>1</v>
      </c>
      <c r="P709">
        <v>2</v>
      </c>
      <c r="Q709">
        <v>0.45338235029118151</v>
      </c>
      <c r="R709">
        <v>4.0355032434961027</v>
      </c>
      <c r="S709">
        <v>2</v>
      </c>
      <c r="T709">
        <v>1</v>
      </c>
      <c r="U709">
        <v>1</v>
      </c>
      <c r="V709">
        <v>0.1203728348804772</v>
      </c>
      <c r="W709">
        <v>4.2140152819723324</v>
      </c>
      <c r="X709">
        <v>1</v>
      </c>
      <c r="Y709">
        <v>1</v>
      </c>
      <c r="Z709">
        <v>0</v>
      </c>
      <c r="AA709">
        <v>0</v>
      </c>
      <c r="AB709">
        <v>4.2195077051761087</v>
      </c>
      <c r="AC709">
        <v>1</v>
      </c>
      <c r="AD709">
        <v>1</v>
      </c>
      <c r="AE709">
        <v>0</v>
      </c>
      <c r="AF709">
        <v>0</v>
      </c>
      <c r="AG709">
        <v>4.2046926193909648</v>
      </c>
      <c r="AH709">
        <v>-0.20941353876022689</v>
      </c>
      <c r="AI709">
        <v>9.0119393052505034E-2</v>
      </c>
      <c r="AJ709">
        <v>3.8669013340320343E-2</v>
      </c>
      <c r="AK709">
        <v>-0.1445714714954667</v>
      </c>
      <c r="AL709">
        <v>662.35970335215188</v>
      </c>
      <c r="AM709">
        <v>895.90826727698482</v>
      </c>
      <c r="AN709">
        <v>7632</v>
      </c>
      <c r="AO709">
        <v>121.2922926755015</v>
      </c>
      <c r="AP709">
        <v>480.11315316302978</v>
      </c>
      <c r="AQ709">
        <v>1.328571428571429</v>
      </c>
      <c r="AR709">
        <v>3.7</v>
      </c>
      <c r="AS709">
        <v>70</v>
      </c>
      <c r="AT709">
        <v>10.571428571428569</v>
      </c>
      <c r="AU709">
        <v>0.17865612648221349</v>
      </c>
      <c r="AV709">
        <v>-0.21530206319714471</v>
      </c>
      <c r="AW709">
        <v>0.4</v>
      </c>
      <c r="AX709">
        <v>95.333333333333329</v>
      </c>
      <c r="AY709">
        <v>61</v>
      </c>
      <c r="AZ709">
        <v>131.25</v>
      </c>
      <c r="BA709">
        <v>0.70131553867467866</v>
      </c>
      <c r="BB709">
        <v>0.47142857142857142</v>
      </c>
      <c r="BC709">
        <v>4.0055197492917038</v>
      </c>
      <c r="BD709" t="s">
        <v>2757</v>
      </c>
      <c r="BE709" t="s">
        <v>68</v>
      </c>
    </row>
    <row r="710" spans="1:57" x14ac:dyDescent="0.3">
      <c r="A710" t="s">
        <v>2758</v>
      </c>
      <c r="B710">
        <v>522</v>
      </c>
      <c r="C710" t="s">
        <v>2759</v>
      </c>
      <c r="D710" t="s">
        <v>2760</v>
      </c>
      <c r="E710" t="s">
        <v>98</v>
      </c>
      <c r="F710">
        <v>16</v>
      </c>
      <c r="G710">
        <v>148.875</v>
      </c>
      <c r="H710">
        <v>141.5</v>
      </c>
      <c r="I710">
        <v>3361.109375</v>
      </c>
      <c r="J710">
        <v>57.975075463512773</v>
      </c>
      <c r="K710">
        <v>-0.17626106755077461</v>
      </c>
      <c r="L710">
        <v>-0.66197232577025344</v>
      </c>
      <c r="M710">
        <v>4</v>
      </c>
      <c r="N710">
        <v>1</v>
      </c>
      <c r="O710">
        <v>1</v>
      </c>
      <c r="P710">
        <v>0</v>
      </c>
      <c r="Q710">
        <v>0</v>
      </c>
      <c r="R710">
        <v>2.7725887222397811</v>
      </c>
      <c r="S710">
        <v>1</v>
      </c>
      <c r="T710">
        <v>1</v>
      </c>
      <c r="U710">
        <v>0</v>
      </c>
      <c r="V710">
        <v>0</v>
      </c>
      <c r="W710">
        <v>2.7080502011022101</v>
      </c>
      <c r="X710">
        <v>1</v>
      </c>
      <c r="Y710">
        <v>1</v>
      </c>
      <c r="Z710">
        <v>0</v>
      </c>
      <c r="AA710">
        <v>0</v>
      </c>
      <c r="AB710">
        <v>2.639057329615258</v>
      </c>
      <c r="AC710">
        <v>1</v>
      </c>
      <c r="AD710">
        <v>1</v>
      </c>
      <c r="AE710">
        <v>0</v>
      </c>
      <c r="AF710">
        <v>0</v>
      </c>
      <c r="AG710">
        <v>2.5649493574615372</v>
      </c>
      <c r="AH710">
        <v>1.278380696477632E-2</v>
      </c>
      <c r="AI710">
        <v>-0.19483255156640061</v>
      </c>
      <c r="AJ710">
        <v>-0.2362771429634003</v>
      </c>
      <c r="AK710">
        <v>-0.24067864962740171</v>
      </c>
      <c r="AL710">
        <v>344.7082261666369</v>
      </c>
      <c r="AM710">
        <v>538.12102617631535</v>
      </c>
      <c r="AN710">
        <v>2382</v>
      </c>
      <c r="AO710">
        <v>27.166155414412248</v>
      </c>
      <c r="AP710">
        <v>212.52350921929181</v>
      </c>
      <c r="AQ710">
        <v>2.3125</v>
      </c>
      <c r="AR710">
        <v>4.375</v>
      </c>
      <c r="AS710">
        <v>16</v>
      </c>
      <c r="AT710">
        <v>0</v>
      </c>
      <c r="AU710">
        <v>0.15062761506276151</v>
      </c>
      <c r="AV710">
        <v>1.0766442195241669E-2</v>
      </c>
      <c r="AW710">
        <v>0.3125</v>
      </c>
      <c r="AX710">
        <v>74.400000000000006</v>
      </c>
      <c r="AY710">
        <v>38.5</v>
      </c>
      <c r="AZ710">
        <v>68.5</v>
      </c>
      <c r="BA710">
        <v>0.38942116180361219</v>
      </c>
      <c r="BB710">
        <v>0.4375</v>
      </c>
      <c r="BC710">
        <v>2.7080502011022101</v>
      </c>
      <c r="BD710" t="s">
        <v>2759</v>
      </c>
      <c r="BE710" t="s">
        <v>62</v>
      </c>
    </row>
    <row r="711" spans="1:57" x14ac:dyDescent="0.3">
      <c r="A711" t="s">
        <v>2761</v>
      </c>
      <c r="B711">
        <v>1172</v>
      </c>
      <c r="C711" t="s">
        <v>2762</v>
      </c>
      <c r="D711" t="s">
        <v>2763</v>
      </c>
      <c r="E711" t="s">
        <v>72</v>
      </c>
      <c r="F711">
        <v>1184</v>
      </c>
      <c r="G711">
        <v>128.40540540540539</v>
      </c>
      <c r="H711">
        <v>126</v>
      </c>
      <c r="I711">
        <v>5801.7765248356473</v>
      </c>
      <c r="J711">
        <v>76.169393622607018</v>
      </c>
      <c r="K711">
        <v>5.1656660124882788E-3</v>
      </c>
      <c r="L711">
        <v>-1.2539190658133079</v>
      </c>
      <c r="M711">
        <v>7.8340144589138463</v>
      </c>
      <c r="N711">
        <v>11</v>
      </c>
      <c r="O711">
        <v>1</v>
      </c>
      <c r="P711">
        <v>10</v>
      </c>
      <c r="Q711">
        <v>2.070942572129622</v>
      </c>
      <c r="R711">
        <v>5.4301250346619803</v>
      </c>
      <c r="S711">
        <v>2</v>
      </c>
      <c r="T711">
        <v>1</v>
      </c>
      <c r="U711">
        <v>1</v>
      </c>
      <c r="V711">
        <v>0.14240332035049361</v>
      </c>
      <c r="W711">
        <v>7.0476845489598929</v>
      </c>
      <c r="X711">
        <v>2</v>
      </c>
      <c r="Y711">
        <v>1</v>
      </c>
      <c r="Z711">
        <v>1</v>
      </c>
      <c r="AA711">
        <v>7.1246122672290524E-2</v>
      </c>
      <c r="AB711">
        <v>7.0679261707522372</v>
      </c>
      <c r="AC711">
        <v>2</v>
      </c>
      <c r="AD711">
        <v>1</v>
      </c>
      <c r="AE711">
        <v>1</v>
      </c>
      <c r="AF711">
        <v>6.5066302504426063E-2</v>
      </c>
      <c r="AG711">
        <v>7.0682476614085399</v>
      </c>
      <c r="AH711">
        <v>4.0076335994346082E-2</v>
      </c>
      <c r="AI711">
        <v>1.856234395387772E-4</v>
      </c>
      <c r="AJ711">
        <v>-1.51443988242681E-2</v>
      </c>
      <c r="AK711">
        <v>-5.735536157272348E-4</v>
      </c>
      <c r="AL711">
        <v>2436.1964255127882</v>
      </c>
      <c r="AM711">
        <v>4522.828868785411</v>
      </c>
      <c r="AN711">
        <v>152032</v>
      </c>
      <c r="AO711">
        <v>38.27807986744596</v>
      </c>
      <c r="AP711">
        <v>2156.3993622859448</v>
      </c>
      <c r="AQ711">
        <v>1.0194256756756761</v>
      </c>
      <c r="AR711">
        <v>4.0565878378378377</v>
      </c>
      <c r="AS711">
        <v>1181</v>
      </c>
      <c r="AT711">
        <v>231.85979729729729</v>
      </c>
      <c r="AU711">
        <v>2.611287758346581E-2</v>
      </c>
      <c r="AV711">
        <v>4.0135151141044142E-2</v>
      </c>
      <c r="AW711">
        <v>0.3716216216216216</v>
      </c>
      <c r="AX711">
        <v>86.101437024513942</v>
      </c>
      <c r="AY711">
        <v>67</v>
      </c>
      <c r="AZ711">
        <v>133</v>
      </c>
      <c r="BA711">
        <v>0.59319460409102487</v>
      </c>
      <c r="BB711">
        <v>0.49155405405405411</v>
      </c>
      <c r="BC711">
        <v>5.2273710033960743</v>
      </c>
      <c r="BD711" t="s">
        <v>2764</v>
      </c>
      <c r="BE711" t="s">
        <v>62</v>
      </c>
    </row>
    <row r="712" spans="1:57" x14ac:dyDescent="0.3">
      <c r="A712" t="s">
        <v>2765</v>
      </c>
      <c r="B712">
        <v>3674</v>
      </c>
      <c r="C712" t="s">
        <v>2766</v>
      </c>
      <c r="D712" t="s">
        <v>2767</v>
      </c>
      <c r="E712" t="s">
        <v>85</v>
      </c>
      <c r="F712">
        <v>8</v>
      </c>
      <c r="G712">
        <v>117.875</v>
      </c>
      <c r="H712">
        <v>87.5</v>
      </c>
      <c r="I712">
        <v>4959.859375</v>
      </c>
      <c r="J712">
        <v>70.426269069147764</v>
      </c>
      <c r="K712">
        <v>0.44563732457708199</v>
      </c>
      <c r="L712">
        <v>-1.090052790727603</v>
      </c>
      <c r="M712">
        <v>3</v>
      </c>
      <c r="N712">
        <v>1</v>
      </c>
      <c r="O712">
        <v>1</v>
      </c>
      <c r="P712">
        <v>0</v>
      </c>
      <c r="Q712">
        <v>0</v>
      </c>
      <c r="R712">
        <v>2.0794415416798362</v>
      </c>
      <c r="S712">
        <v>1</v>
      </c>
      <c r="T712">
        <v>1</v>
      </c>
      <c r="U712">
        <v>0</v>
      </c>
      <c r="V712">
        <v>0</v>
      </c>
      <c r="W712">
        <v>1.945910149055313</v>
      </c>
      <c r="X712">
        <v>1</v>
      </c>
      <c r="Y712">
        <v>1</v>
      </c>
      <c r="Z712">
        <v>0</v>
      </c>
      <c r="AA712">
        <v>0</v>
      </c>
      <c r="AB712">
        <v>1.791759469228055</v>
      </c>
      <c r="AC712">
        <v>1</v>
      </c>
      <c r="AD712">
        <v>1</v>
      </c>
      <c r="AE712">
        <v>0</v>
      </c>
      <c r="AF712">
        <v>0</v>
      </c>
      <c r="AG712">
        <v>1.6094379124341009</v>
      </c>
      <c r="AH712">
        <v>-0.26244168023917008</v>
      </c>
      <c r="AI712">
        <v>1.391089717135378E-2</v>
      </c>
      <c r="AJ712">
        <v>-0.1018792272966408</v>
      </c>
      <c r="AK712">
        <v>0</v>
      </c>
      <c r="AL712">
        <v>294.169207371033</v>
      </c>
      <c r="AM712">
        <v>253.57341626183569</v>
      </c>
      <c r="AN712">
        <v>943</v>
      </c>
      <c r="AO712">
        <v>103.0776406404415</v>
      </c>
      <c r="AP712">
        <v>223.29959442184531</v>
      </c>
      <c r="AQ712">
        <v>3.5</v>
      </c>
      <c r="AR712">
        <v>3.875</v>
      </c>
      <c r="AS712">
        <v>8</v>
      </c>
      <c r="AT712">
        <v>0</v>
      </c>
      <c r="AU712">
        <v>0.34400826446280991</v>
      </c>
      <c r="AV712">
        <v>-0.27573687987053741</v>
      </c>
      <c r="AW712">
        <v>0.5</v>
      </c>
      <c r="AX712">
        <v>109.4285714285714</v>
      </c>
      <c r="AY712">
        <v>43</v>
      </c>
      <c r="AZ712">
        <v>111</v>
      </c>
      <c r="BA712">
        <v>0.59746569729923871</v>
      </c>
      <c r="BB712">
        <v>0.375</v>
      </c>
      <c r="BC712">
        <v>1.945910149055313</v>
      </c>
      <c r="BD712" t="s">
        <v>2766</v>
      </c>
      <c r="BE712" t="s">
        <v>68</v>
      </c>
    </row>
    <row r="713" spans="1:57" x14ac:dyDescent="0.3">
      <c r="A713" t="s">
        <v>2768</v>
      </c>
      <c r="B713">
        <v>1052</v>
      </c>
      <c r="C713" t="s">
        <v>2769</v>
      </c>
      <c r="D713" t="s">
        <v>2770</v>
      </c>
      <c r="E713" t="s">
        <v>72</v>
      </c>
      <c r="F713">
        <v>1056</v>
      </c>
      <c r="G713">
        <v>125.8125</v>
      </c>
      <c r="H713">
        <v>124</v>
      </c>
      <c r="I713">
        <v>5586.548177083333</v>
      </c>
      <c r="J713">
        <v>74.743214923385068</v>
      </c>
      <c r="K713">
        <v>5.1673611062355268E-2</v>
      </c>
      <c r="L713">
        <v>-1.2192788401679651</v>
      </c>
      <c r="M713">
        <v>7.8334629453174269</v>
      </c>
      <c r="N713">
        <v>12</v>
      </c>
      <c r="O713">
        <v>1</v>
      </c>
      <c r="P713">
        <v>11</v>
      </c>
      <c r="Q713">
        <v>1.9072856217754719</v>
      </c>
      <c r="R713">
        <v>5.4297427545675898</v>
      </c>
      <c r="S713">
        <v>2</v>
      </c>
      <c r="T713">
        <v>1</v>
      </c>
      <c r="U713">
        <v>1</v>
      </c>
      <c r="V713">
        <v>6.8842058546671248E-2</v>
      </c>
      <c r="W713">
        <v>6.9547259304546234</v>
      </c>
      <c r="X713">
        <v>2</v>
      </c>
      <c r="Y713">
        <v>1</v>
      </c>
      <c r="Z713">
        <v>1</v>
      </c>
      <c r="AA713">
        <v>3.0802041291978829E-2</v>
      </c>
      <c r="AB713">
        <v>6.9590324593089736</v>
      </c>
      <c r="AC713">
        <v>1</v>
      </c>
      <c r="AD713">
        <v>1</v>
      </c>
      <c r="AE713">
        <v>0</v>
      </c>
      <c r="AF713">
        <v>0</v>
      </c>
      <c r="AG713">
        <v>6.9593985121339781</v>
      </c>
      <c r="AH713">
        <v>-4.9777738459361898E-2</v>
      </c>
      <c r="AI713">
        <v>2.5801988239937911E-2</v>
      </c>
      <c r="AJ713">
        <v>2.2134899338934321E-2</v>
      </c>
      <c r="AK713">
        <v>-1.092930553534103E-2</v>
      </c>
      <c r="AL713">
        <v>2259.048840725975</v>
      </c>
      <c r="AM713">
        <v>4184.6493682523314</v>
      </c>
      <c r="AN713">
        <v>132858</v>
      </c>
      <c r="AO713">
        <v>63.944243287600727</v>
      </c>
      <c r="AP713">
        <v>1977.0594266328869</v>
      </c>
      <c r="AQ713">
        <v>1.021780303030303</v>
      </c>
      <c r="AR713">
        <v>3.9744318181818179</v>
      </c>
      <c r="AS713">
        <v>1053</v>
      </c>
      <c r="AT713">
        <v>220.5</v>
      </c>
      <c r="AU713">
        <v>2.3239750445632808E-2</v>
      </c>
      <c r="AV713">
        <v>-4.989215031105361E-2</v>
      </c>
      <c r="AW713">
        <v>0.37689393939393939</v>
      </c>
      <c r="AX713">
        <v>88.760189573459712</v>
      </c>
      <c r="AY713">
        <v>64.5</v>
      </c>
      <c r="AZ713">
        <v>130</v>
      </c>
      <c r="BA713">
        <v>0.59408417226734278</v>
      </c>
      <c r="BB713">
        <v>0.49715909090909088</v>
      </c>
      <c r="BC713">
        <v>5.2608873283605044</v>
      </c>
      <c r="BD713" t="s">
        <v>2771</v>
      </c>
      <c r="BE713" t="s">
        <v>62</v>
      </c>
    </row>
    <row r="714" spans="1:57" x14ac:dyDescent="0.3">
      <c r="A714" t="s">
        <v>2772</v>
      </c>
      <c r="B714">
        <v>3095</v>
      </c>
      <c r="C714" t="s">
        <v>2773</v>
      </c>
      <c r="D714" t="s">
        <v>2774</v>
      </c>
      <c r="E714" t="s">
        <v>66</v>
      </c>
      <c r="F714">
        <v>71</v>
      </c>
      <c r="G714">
        <v>115.36619718309861</v>
      </c>
      <c r="H714">
        <v>127</v>
      </c>
      <c r="I714">
        <v>6388.851815116047</v>
      </c>
      <c r="J714">
        <v>79.930293475728263</v>
      </c>
      <c r="K714">
        <v>0.1221778658724325</v>
      </c>
      <c r="L714">
        <v>-1.2384043794013271</v>
      </c>
      <c r="M714">
        <v>5.92439500682862</v>
      </c>
      <c r="N714">
        <v>2</v>
      </c>
      <c r="O714">
        <v>1</v>
      </c>
      <c r="P714">
        <v>1</v>
      </c>
      <c r="Q714">
        <v>0.33295518989528627</v>
      </c>
      <c r="R714">
        <v>4.1064776955066806</v>
      </c>
      <c r="S714">
        <v>1</v>
      </c>
      <c r="T714">
        <v>1</v>
      </c>
      <c r="U714">
        <v>0</v>
      </c>
      <c r="V714">
        <v>0</v>
      </c>
      <c r="W714">
        <v>4.2484952420493576</v>
      </c>
      <c r="X714">
        <v>1</v>
      </c>
      <c r="Y714">
        <v>1</v>
      </c>
      <c r="Z714">
        <v>0</v>
      </c>
      <c r="AA714">
        <v>0</v>
      </c>
      <c r="AB714">
        <v>4.2341065045972579</v>
      </c>
      <c r="AC714">
        <v>1</v>
      </c>
      <c r="AD714">
        <v>1</v>
      </c>
      <c r="AE714">
        <v>0</v>
      </c>
      <c r="AF714">
        <v>0</v>
      </c>
      <c r="AG714">
        <v>4.2195077051761087</v>
      </c>
      <c r="AH714">
        <v>-0.22693248713793579</v>
      </c>
      <c r="AI714">
        <v>0.24463586106012999</v>
      </c>
      <c r="AJ714">
        <v>9.1898491922959333E-2</v>
      </c>
      <c r="AK714">
        <v>0.1297318382568797</v>
      </c>
      <c r="AL714">
        <v>705.74350967721102</v>
      </c>
      <c r="AM714">
        <v>948.94630962372787</v>
      </c>
      <c r="AN714">
        <v>8191</v>
      </c>
      <c r="AO714">
        <v>71.889102340038889</v>
      </c>
      <c r="AP714">
        <v>582.4094432326616</v>
      </c>
      <c r="AQ714">
        <v>1.323943661971831</v>
      </c>
      <c r="AR714">
        <v>3.577464788732394</v>
      </c>
      <c r="AS714">
        <v>71</v>
      </c>
      <c r="AT714">
        <v>6.1971830985915473</v>
      </c>
      <c r="AU714">
        <v>0.1242098258844405</v>
      </c>
      <c r="AV714">
        <v>-0.22815736316900179</v>
      </c>
      <c r="AW714">
        <v>0.28169014084507038</v>
      </c>
      <c r="AX714">
        <v>107.8</v>
      </c>
      <c r="AY714">
        <v>69</v>
      </c>
      <c r="AZ714">
        <v>143.5</v>
      </c>
      <c r="BA714">
        <v>0.6928398042701388</v>
      </c>
      <c r="BB714">
        <v>0.50704225352112675</v>
      </c>
      <c r="BC714">
        <v>4.1023908324550202</v>
      </c>
      <c r="BD714" t="s">
        <v>2775</v>
      </c>
      <c r="BE714" t="s">
        <v>68</v>
      </c>
    </row>
    <row r="715" spans="1:57" x14ac:dyDescent="0.3">
      <c r="A715" t="s">
        <v>2776</v>
      </c>
      <c r="B715">
        <v>2043</v>
      </c>
      <c r="C715" t="s">
        <v>2777</v>
      </c>
      <c r="D715" t="s">
        <v>2778</v>
      </c>
      <c r="E715" t="s">
        <v>66</v>
      </c>
      <c r="F715">
        <v>71</v>
      </c>
      <c r="G715">
        <v>122.5915492957746</v>
      </c>
      <c r="H715">
        <v>129</v>
      </c>
      <c r="I715">
        <v>5985.3683792898228</v>
      </c>
      <c r="J715">
        <v>77.36516256875457</v>
      </c>
      <c r="K715">
        <v>4.6800317836659028E-2</v>
      </c>
      <c r="L715">
        <v>-1.222055729623361</v>
      </c>
      <c r="M715">
        <v>5.8680569786596086</v>
      </c>
      <c r="N715">
        <v>2</v>
      </c>
      <c r="O715">
        <v>1</v>
      </c>
      <c r="P715">
        <v>1</v>
      </c>
      <c r="Q715">
        <v>0.37021605870938418</v>
      </c>
      <c r="R715">
        <v>4.0674271501230219</v>
      </c>
      <c r="S715">
        <v>1</v>
      </c>
      <c r="T715">
        <v>1</v>
      </c>
      <c r="U715">
        <v>0</v>
      </c>
      <c r="V715">
        <v>0</v>
      </c>
      <c r="W715">
        <v>4.2484952420493576</v>
      </c>
      <c r="X715">
        <v>1</v>
      </c>
      <c r="Y715">
        <v>1</v>
      </c>
      <c r="Z715">
        <v>0</v>
      </c>
      <c r="AA715">
        <v>0</v>
      </c>
      <c r="AB715">
        <v>4.2341065045972579</v>
      </c>
      <c r="AC715">
        <v>1</v>
      </c>
      <c r="AD715">
        <v>1</v>
      </c>
      <c r="AE715">
        <v>0</v>
      </c>
      <c r="AF715">
        <v>0</v>
      </c>
      <c r="AG715">
        <v>4.2195077051761087</v>
      </c>
      <c r="AH715">
        <v>3.1892696436995903E-2</v>
      </c>
      <c r="AI715">
        <v>-4.6107839828689141E-3</v>
      </c>
      <c r="AJ715">
        <v>-9.2384292335720777E-2</v>
      </c>
      <c r="AK715">
        <v>7.2255769037507203E-2</v>
      </c>
      <c r="AL715">
        <v>685.54893597247587</v>
      </c>
      <c r="AM715">
        <v>1010.9503728606099</v>
      </c>
      <c r="AN715">
        <v>8704</v>
      </c>
      <c r="AO715">
        <v>118.674260268525</v>
      </c>
      <c r="AP715">
        <v>543.48378000569915</v>
      </c>
      <c r="AQ715">
        <v>1.323943661971831</v>
      </c>
      <c r="AR715">
        <v>3.816901408450704</v>
      </c>
      <c r="AS715">
        <v>71</v>
      </c>
      <c r="AT715">
        <v>7.1830985915492951</v>
      </c>
      <c r="AU715">
        <v>7.1480264989144338E-2</v>
      </c>
      <c r="AV715">
        <v>3.2177233463923663E-2</v>
      </c>
      <c r="AW715">
        <v>0.30985915492957739</v>
      </c>
      <c r="AX715">
        <v>87.114285714285714</v>
      </c>
      <c r="AY715">
        <v>66</v>
      </c>
      <c r="AZ715">
        <v>127</v>
      </c>
      <c r="BA715">
        <v>0.63108071488758899</v>
      </c>
      <c r="BB715">
        <v>0.52112676056338025</v>
      </c>
      <c r="BC715">
        <v>4.0702573956196586</v>
      </c>
      <c r="BD715" t="s">
        <v>2779</v>
      </c>
      <c r="BE715" t="s">
        <v>68</v>
      </c>
    </row>
    <row r="716" spans="1:57" x14ac:dyDescent="0.3">
      <c r="A716" t="s">
        <v>2780</v>
      </c>
      <c r="B716">
        <v>3384</v>
      </c>
      <c r="C716" t="s">
        <v>2781</v>
      </c>
      <c r="D716" t="s">
        <v>2782</v>
      </c>
      <c r="E716" t="s">
        <v>66</v>
      </c>
      <c r="F716">
        <v>71</v>
      </c>
      <c r="G716">
        <v>109.08450704225351</v>
      </c>
      <c r="H716">
        <v>85</v>
      </c>
      <c r="I716">
        <v>6031.8238444753024</v>
      </c>
      <c r="J716">
        <v>77.664817288623695</v>
      </c>
      <c r="K716">
        <v>0.1743456978397436</v>
      </c>
      <c r="L716">
        <v>-1.507000043045212</v>
      </c>
      <c r="M716">
        <v>5.896225992744113</v>
      </c>
      <c r="N716">
        <v>2</v>
      </c>
      <c r="O716">
        <v>1</v>
      </c>
      <c r="P716">
        <v>1</v>
      </c>
      <c r="Q716">
        <v>0.35226338173937988</v>
      </c>
      <c r="R716">
        <v>4.0869524228148508</v>
      </c>
      <c r="S716">
        <v>1</v>
      </c>
      <c r="T716">
        <v>1</v>
      </c>
      <c r="U716">
        <v>0</v>
      </c>
      <c r="V716">
        <v>0</v>
      </c>
      <c r="W716">
        <v>4.2484952420493576</v>
      </c>
      <c r="X716">
        <v>1</v>
      </c>
      <c r="Y716">
        <v>1</v>
      </c>
      <c r="Z716">
        <v>0</v>
      </c>
      <c r="AA716">
        <v>0</v>
      </c>
      <c r="AB716">
        <v>4.2341065045972579</v>
      </c>
      <c r="AC716">
        <v>1</v>
      </c>
      <c r="AD716">
        <v>1</v>
      </c>
      <c r="AE716">
        <v>0</v>
      </c>
      <c r="AF716">
        <v>0</v>
      </c>
      <c r="AG716">
        <v>4.2195077051761087</v>
      </c>
      <c r="AH716">
        <v>1.5845023175291718E-2</v>
      </c>
      <c r="AI716">
        <v>-1.8420351373265961E-2</v>
      </c>
      <c r="AJ716">
        <v>1.977229048333101E-3</v>
      </c>
      <c r="AK716">
        <v>0.1634719008581037</v>
      </c>
      <c r="AL716">
        <v>691.64866316818154</v>
      </c>
      <c r="AM716">
        <v>891.48254426975052</v>
      </c>
      <c r="AN716">
        <v>7745</v>
      </c>
      <c r="AO716">
        <v>122.8174207190693</v>
      </c>
      <c r="AP716">
        <v>541.76380142639061</v>
      </c>
      <c r="AQ716">
        <v>1.323943661971831</v>
      </c>
      <c r="AR716">
        <v>3.577464788732394</v>
      </c>
      <c r="AS716">
        <v>71</v>
      </c>
      <c r="AT716">
        <v>6.71830985915493</v>
      </c>
      <c r="AU716">
        <v>0.1652106733226362</v>
      </c>
      <c r="AV716">
        <v>1.631401746730575E-2</v>
      </c>
      <c r="AW716">
        <v>0.3380281690140845</v>
      </c>
      <c r="AX716">
        <v>88.242857142857147</v>
      </c>
      <c r="AY716">
        <v>68</v>
      </c>
      <c r="AZ716">
        <v>150</v>
      </c>
      <c r="BA716">
        <v>0.71196927404677635</v>
      </c>
      <c r="BB716">
        <v>0.46478873239436619</v>
      </c>
      <c r="BC716">
        <v>4.0702573956196586</v>
      </c>
      <c r="BD716" t="s">
        <v>2783</v>
      </c>
      <c r="BE716" t="s">
        <v>68</v>
      </c>
    </row>
    <row r="717" spans="1:57" x14ac:dyDescent="0.3">
      <c r="A717" t="s">
        <v>2784</v>
      </c>
      <c r="B717">
        <v>3709</v>
      </c>
      <c r="C717" t="s">
        <v>2785</v>
      </c>
      <c r="D717" t="s">
        <v>2786</v>
      </c>
      <c r="E717" t="s">
        <v>115</v>
      </c>
      <c r="F717">
        <v>3838</v>
      </c>
      <c r="G717">
        <v>128.57868681605001</v>
      </c>
      <c r="H717">
        <v>127</v>
      </c>
      <c r="I717">
        <v>5563.6398479889403</v>
      </c>
      <c r="J717">
        <v>74.589810617730762</v>
      </c>
      <c r="K717">
        <v>5.8542857305326594E-3</v>
      </c>
      <c r="L717">
        <v>-1.216362914890849</v>
      </c>
      <c r="M717">
        <v>7.9475734720340308</v>
      </c>
      <c r="N717">
        <v>24</v>
      </c>
      <c r="O717">
        <v>5</v>
      </c>
      <c r="P717">
        <v>19</v>
      </c>
      <c r="Q717">
        <v>3.982375417366343</v>
      </c>
      <c r="R717">
        <v>5.508838144433394</v>
      </c>
      <c r="S717">
        <v>3</v>
      </c>
      <c r="T717">
        <v>1</v>
      </c>
      <c r="U717">
        <v>2</v>
      </c>
      <c r="V717">
        <v>0.18192894393789669</v>
      </c>
      <c r="W717">
        <v>8.2077338925129748</v>
      </c>
      <c r="X717">
        <v>2</v>
      </c>
      <c r="Y717">
        <v>1</v>
      </c>
      <c r="Z717">
        <v>1</v>
      </c>
      <c r="AA717">
        <v>1.6145841544107139E-2</v>
      </c>
      <c r="AB717">
        <v>8.2518240453982372</v>
      </c>
      <c r="AC717">
        <v>1</v>
      </c>
      <c r="AD717">
        <v>1</v>
      </c>
      <c r="AE717">
        <v>0</v>
      </c>
      <c r="AF717">
        <v>0</v>
      </c>
      <c r="AG717">
        <v>8.2519247138013583</v>
      </c>
      <c r="AH717">
        <v>1.080370633158372E-2</v>
      </c>
      <c r="AI717">
        <v>-1.273307674356176E-2</v>
      </c>
      <c r="AJ717">
        <v>1.939124799950342E-3</v>
      </c>
      <c r="AK717">
        <v>-3.2659805705724E-3</v>
      </c>
      <c r="AL717">
        <v>4203.69985426933</v>
      </c>
      <c r="AM717">
        <v>8193.5224741997245</v>
      </c>
      <c r="AN717">
        <v>493485</v>
      </c>
      <c r="AO717">
        <v>94.33661922243023</v>
      </c>
      <c r="AP717">
        <v>3808.4932689390621</v>
      </c>
      <c r="AQ717">
        <v>1.005992704533611</v>
      </c>
      <c r="AR717">
        <v>4.0265763418447111</v>
      </c>
      <c r="AS717">
        <v>3827</v>
      </c>
      <c r="AT717">
        <v>270.80667014069832</v>
      </c>
      <c r="AU717">
        <v>1.966404070747629E-2</v>
      </c>
      <c r="AV717">
        <v>1.080929220758917E-2</v>
      </c>
      <c r="AW717">
        <v>0.37519541427826991</v>
      </c>
      <c r="AX717">
        <v>85.734949179046126</v>
      </c>
      <c r="AY717">
        <v>64</v>
      </c>
      <c r="AZ717">
        <v>129</v>
      </c>
      <c r="BA717">
        <v>0.58011022250088784</v>
      </c>
      <c r="BB717">
        <v>0.49296508598228239</v>
      </c>
      <c r="BC717">
        <v>5.3240937512878048</v>
      </c>
      <c r="BD717" t="s">
        <v>2787</v>
      </c>
      <c r="BE717" t="s">
        <v>68</v>
      </c>
    </row>
    <row r="718" spans="1:57" x14ac:dyDescent="0.3">
      <c r="A718" t="s">
        <v>2788</v>
      </c>
      <c r="B718">
        <v>148</v>
      </c>
      <c r="C718" t="s">
        <v>2789</v>
      </c>
      <c r="D718" t="s">
        <v>2790</v>
      </c>
      <c r="E718" t="s">
        <v>60</v>
      </c>
      <c r="F718">
        <v>256</v>
      </c>
      <c r="G718">
        <v>123.00390625</v>
      </c>
      <c r="H718">
        <v>124.5</v>
      </c>
      <c r="I718">
        <v>5219.3788909912109</v>
      </c>
      <c r="J718">
        <v>72.245268986911597</v>
      </c>
      <c r="K718">
        <v>1.4567593198208729E-2</v>
      </c>
      <c r="L718">
        <v>-1.1561944636422889</v>
      </c>
      <c r="M718">
        <v>7.203853369030762</v>
      </c>
      <c r="N718">
        <v>4</v>
      </c>
      <c r="O718">
        <v>1</v>
      </c>
      <c r="P718">
        <v>3</v>
      </c>
      <c r="Q718">
        <v>0.74281280332099675</v>
      </c>
      <c r="R718">
        <v>4.9933306519109362</v>
      </c>
      <c r="S718">
        <v>2</v>
      </c>
      <c r="T718">
        <v>1</v>
      </c>
      <c r="U718">
        <v>1</v>
      </c>
      <c r="V718">
        <v>6.2621943781838038E-2</v>
      </c>
      <c r="W718">
        <v>5.5358270966834446</v>
      </c>
      <c r="X718">
        <v>1</v>
      </c>
      <c r="Y718">
        <v>1</v>
      </c>
      <c r="Z718">
        <v>0</v>
      </c>
      <c r="AA718">
        <v>0</v>
      </c>
      <c r="AB718">
        <v>5.5373342670185366</v>
      </c>
      <c r="AC718">
        <v>1</v>
      </c>
      <c r="AD718">
        <v>1</v>
      </c>
      <c r="AE718">
        <v>0</v>
      </c>
      <c r="AF718">
        <v>0</v>
      </c>
      <c r="AG718">
        <v>5.5333894887275203</v>
      </c>
      <c r="AH718">
        <v>-4.0541960323984107E-3</v>
      </c>
      <c r="AI718">
        <v>-4.689447351026494E-2</v>
      </c>
      <c r="AJ718">
        <v>3.1232522911956409E-3</v>
      </c>
      <c r="AK718">
        <v>0.1047074623493543</v>
      </c>
      <c r="AL718">
        <v>1127.739266594682</v>
      </c>
      <c r="AM718">
        <v>1984.347536743624</v>
      </c>
      <c r="AN718">
        <v>31489</v>
      </c>
      <c r="AO718">
        <v>129.35520457218661</v>
      </c>
      <c r="AP718">
        <v>918.59721359402033</v>
      </c>
      <c r="AQ718">
        <v>1.08984375</v>
      </c>
      <c r="AR718">
        <v>4.07421875</v>
      </c>
      <c r="AS718">
        <v>253</v>
      </c>
      <c r="AT718">
        <v>57.265625</v>
      </c>
      <c r="AU718">
        <v>5.7240403543307061E-2</v>
      </c>
      <c r="AV718">
        <v>-4.0556597806602973E-3</v>
      </c>
      <c r="AW718">
        <v>0.37109375</v>
      </c>
      <c r="AX718">
        <v>85.011764705882356</v>
      </c>
      <c r="AY718">
        <v>62</v>
      </c>
      <c r="AZ718">
        <v>121.5</v>
      </c>
      <c r="BA718">
        <v>0.58734125760263489</v>
      </c>
      <c r="BB718">
        <v>0.5078125</v>
      </c>
      <c r="BC718">
        <v>4.7751001321403086</v>
      </c>
      <c r="BD718" t="s">
        <v>2791</v>
      </c>
      <c r="BE718" t="s">
        <v>62</v>
      </c>
    </row>
    <row r="719" spans="1:57" x14ac:dyDescent="0.3">
      <c r="A719" t="s">
        <v>2792</v>
      </c>
      <c r="B719">
        <v>770</v>
      </c>
      <c r="C719" t="s">
        <v>2793</v>
      </c>
      <c r="D719" t="s">
        <v>2794</v>
      </c>
      <c r="E719" t="s">
        <v>93</v>
      </c>
      <c r="F719">
        <v>770</v>
      </c>
      <c r="G719">
        <v>128.96233766233769</v>
      </c>
      <c r="H719">
        <v>130</v>
      </c>
      <c r="I719">
        <v>5739.1739062236466</v>
      </c>
      <c r="J719">
        <v>75.757335659483473</v>
      </c>
      <c r="K719">
        <v>4.5379611692044682E-3</v>
      </c>
      <c r="L719">
        <v>-1.2468486953630571</v>
      </c>
      <c r="M719">
        <v>7.7510453242645836</v>
      </c>
      <c r="N719">
        <v>11</v>
      </c>
      <c r="O719">
        <v>1</v>
      </c>
      <c r="P719">
        <v>10</v>
      </c>
      <c r="Q719">
        <v>1.6427190903043469</v>
      </c>
      <c r="R719">
        <v>5.3726152129063216</v>
      </c>
      <c r="S719">
        <v>2</v>
      </c>
      <c r="T719">
        <v>1</v>
      </c>
      <c r="U719">
        <v>1</v>
      </c>
      <c r="V719">
        <v>8.8328128154622501E-2</v>
      </c>
      <c r="W719">
        <v>6.6342746285866347</v>
      </c>
      <c r="X719">
        <v>1</v>
      </c>
      <c r="Y719">
        <v>1</v>
      </c>
      <c r="Z719">
        <v>0</v>
      </c>
      <c r="AA719">
        <v>0</v>
      </c>
      <c r="AB719">
        <v>6.6437897331476732</v>
      </c>
      <c r="AC719">
        <v>1</v>
      </c>
      <c r="AD719">
        <v>1</v>
      </c>
      <c r="AE719">
        <v>0</v>
      </c>
      <c r="AF719">
        <v>0</v>
      </c>
      <c r="AG719">
        <v>6.642486801367256</v>
      </c>
      <c r="AH719">
        <v>6.0607186178209616E-3</v>
      </c>
      <c r="AI719">
        <v>9.4842344950326757E-3</v>
      </c>
      <c r="AJ719">
        <v>4.1041573642445157E-2</v>
      </c>
      <c r="AK719">
        <v>3.9914819262893031E-2</v>
      </c>
      <c r="AL719">
        <v>1990.249775769227</v>
      </c>
      <c r="AM719">
        <v>3641.9992902320209</v>
      </c>
      <c r="AN719">
        <v>99301</v>
      </c>
      <c r="AO719">
        <v>194.68992363420551</v>
      </c>
      <c r="AP719">
        <v>1744.2624348952199</v>
      </c>
      <c r="AQ719">
        <v>1.02987012987013</v>
      </c>
      <c r="AR719">
        <v>3.9909090909090912</v>
      </c>
      <c r="AS719">
        <v>766</v>
      </c>
      <c r="AT719">
        <v>212.0831168831169</v>
      </c>
      <c r="AU719">
        <v>2.9997453526865229E-2</v>
      </c>
      <c r="AV719">
        <v>6.0688034782384664E-3</v>
      </c>
      <c r="AW719">
        <v>0.35844155844155839</v>
      </c>
      <c r="AX719">
        <v>87.976592977893361</v>
      </c>
      <c r="AY719">
        <v>67</v>
      </c>
      <c r="AZ719">
        <v>134</v>
      </c>
      <c r="BA719">
        <v>0.5874376739187146</v>
      </c>
      <c r="BB719">
        <v>0.50389610389610384</v>
      </c>
      <c r="BC719">
        <v>5.2037552234197317</v>
      </c>
      <c r="BD719" t="s">
        <v>2795</v>
      </c>
      <c r="BE719" t="s">
        <v>68</v>
      </c>
    </row>
    <row r="720" spans="1:57" x14ac:dyDescent="0.3">
      <c r="A720" t="s">
        <v>2796</v>
      </c>
      <c r="B720">
        <v>2717</v>
      </c>
      <c r="C720" t="s">
        <v>2797</v>
      </c>
      <c r="D720" t="s">
        <v>2798</v>
      </c>
      <c r="E720" t="s">
        <v>10622</v>
      </c>
      <c r="F720">
        <v>64</v>
      </c>
      <c r="G720">
        <v>126.84375</v>
      </c>
      <c r="H720">
        <v>123</v>
      </c>
      <c r="I720">
        <v>5488.7568359375</v>
      </c>
      <c r="J720">
        <v>74.086144696140721</v>
      </c>
      <c r="K720">
        <v>-6.0912439551708927E-2</v>
      </c>
      <c r="L720">
        <v>-0.99295482488288744</v>
      </c>
      <c r="M720">
        <v>5.59375</v>
      </c>
      <c r="N720">
        <v>2</v>
      </c>
      <c r="O720">
        <v>1</v>
      </c>
      <c r="P720">
        <v>1</v>
      </c>
      <c r="Q720">
        <v>0.43580609354691902</v>
      </c>
      <c r="R720">
        <v>3.8772920412571938</v>
      </c>
      <c r="S720">
        <v>1</v>
      </c>
      <c r="T720">
        <v>1</v>
      </c>
      <c r="U720">
        <v>0</v>
      </c>
      <c r="V720">
        <v>0</v>
      </c>
      <c r="W720">
        <v>4.1431347263915326</v>
      </c>
      <c r="X720">
        <v>1</v>
      </c>
      <c r="Y720">
        <v>1</v>
      </c>
      <c r="Z720">
        <v>0</v>
      </c>
      <c r="AA720">
        <v>0</v>
      </c>
      <c r="AB720">
        <v>4.1271343850450908</v>
      </c>
      <c r="AC720">
        <v>1</v>
      </c>
      <c r="AD720">
        <v>1</v>
      </c>
      <c r="AE720">
        <v>0</v>
      </c>
      <c r="AF720">
        <v>0</v>
      </c>
      <c r="AG720">
        <v>4.1108738641733096</v>
      </c>
      <c r="AH720">
        <v>-0.1987038473045129</v>
      </c>
      <c r="AI720">
        <v>3.9782089834920001E-2</v>
      </c>
      <c r="AJ720">
        <v>-8.1406371569758995E-2</v>
      </c>
      <c r="AK720">
        <v>-5.7013726079252557E-2</v>
      </c>
      <c r="AL720">
        <v>630.06339469493707</v>
      </c>
      <c r="AM720">
        <v>991.97687405780391</v>
      </c>
      <c r="AN720">
        <v>8118</v>
      </c>
      <c r="AO720">
        <v>70.290827769078163</v>
      </c>
      <c r="AP720">
        <v>437.73293533222011</v>
      </c>
      <c r="AQ720">
        <v>1.359375</v>
      </c>
      <c r="AR720">
        <v>4.03125</v>
      </c>
      <c r="AS720">
        <v>63</v>
      </c>
      <c r="AT720">
        <v>7.7187500000000009</v>
      </c>
      <c r="AU720">
        <v>7.1446078431372573E-2</v>
      </c>
      <c r="AV720">
        <v>-0.2058600272488752</v>
      </c>
      <c r="AW720">
        <v>0.375</v>
      </c>
      <c r="AX720">
        <v>89.904761904761898</v>
      </c>
      <c r="AY720">
        <v>52.5</v>
      </c>
      <c r="AZ720">
        <v>103.75</v>
      </c>
      <c r="BA720">
        <v>0.58407406510877136</v>
      </c>
      <c r="BB720">
        <v>0.484375</v>
      </c>
      <c r="BC720">
        <v>4.0111066919991618</v>
      </c>
      <c r="BD720" t="s">
        <v>2799</v>
      </c>
      <c r="BE720" t="s">
        <v>62</v>
      </c>
    </row>
    <row r="721" spans="1:57" x14ac:dyDescent="0.3">
      <c r="A721" t="s">
        <v>2800</v>
      </c>
      <c r="B721">
        <v>2288</v>
      </c>
      <c r="C721" t="s">
        <v>2801</v>
      </c>
      <c r="D721" t="s">
        <v>2802</v>
      </c>
      <c r="E721" t="s">
        <v>72</v>
      </c>
      <c r="F721">
        <v>2296</v>
      </c>
      <c r="G721">
        <v>128.05095818815329</v>
      </c>
      <c r="H721">
        <v>128</v>
      </c>
      <c r="I721">
        <v>5342.8671767822234</v>
      </c>
      <c r="J721">
        <v>73.094918953250257</v>
      </c>
      <c r="K721">
        <v>-7.0449417193564129E-3</v>
      </c>
      <c r="L721">
        <v>-1.156733752829304</v>
      </c>
      <c r="M721">
        <v>7.9113128694785777</v>
      </c>
      <c r="N721">
        <v>19</v>
      </c>
      <c r="O721">
        <v>2</v>
      </c>
      <c r="P721">
        <v>17</v>
      </c>
      <c r="Q721">
        <v>3.0858484955519119</v>
      </c>
      <c r="R721">
        <v>5.4837042100066924</v>
      </c>
      <c r="S721">
        <v>3</v>
      </c>
      <c r="T721">
        <v>1</v>
      </c>
      <c r="U721">
        <v>2</v>
      </c>
      <c r="V721">
        <v>0.1320574596540563</v>
      </c>
      <c r="W721">
        <v>7.7153062340997351</v>
      </c>
      <c r="X721">
        <v>1</v>
      </c>
      <c r="Y721">
        <v>1</v>
      </c>
      <c r="Z721">
        <v>0</v>
      </c>
      <c r="AA721">
        <v>0</v>
      </c>
      <c r="AB721">
        <v>7.7380522976893156</v>
      </c>
      <c r="AC721">
        <v>1</v>
      </c>
      <c r="AD721">
        <v>1</v>
      </c>
      <c r="AE721">
        <v>0</v>
      </c>
      <c r="AF721">
        <v>0</v>
      </c>
      <c r="AG721">
        <v>7.7376162828579034</v>
      </c>
      <c r="AH721">
        <v>-1.486050503943259E-2</v>
      </c>
      <c r="AI721">
        <v>-1.5730964771345241E-2</v>
      </c>
      <c r="AJ721">
        <v>-5.2567984240298772E-3</v>
      </c>
      <c r="AK721">
        <v>-2.295170632744278E-2</v>
      </c>
      <c r="AL721">
        <v>3245.6128735834382</v>
      </c>
      <c r="AM721">
        <v>6275.4156894049211</v>
      </c>
      <c r="AN721">
        <v>294005</v>
      </c>
      <c r="AO721">
        <v>41.618592124452647</v>
      </c>
      <c r="AP721">
        <v>2954.884647632925</v>
      </c>
      <c r="AQ721">
        <v>1.010017421602788</v>
      </c>
      <c r="AR721">
        <v>4</v>
      </c>
      <c r="AS721">
        <v>2291</v>
      </c>
      <c r="AT721">
        <v>271.80487804878049</v>
      </c>
      <c r="AU721">
        <v>1.534296645487462E-2</v>
      </c>
      <c r="AV721">
        <v>-1.487222462628373E-2</v>
      </c>
      <c r="AW721">
        <v>0.37848432055749132</v>
      </c>
      <c r="AX721">
        <v>85.011328976034861</v>
      </c>
      <c r="AY721">
        <v>63</v>
      </c>
      <c r="AZ721">
        <v>125</v>
      </c>
      <c r="BA721">
        <v>0.57082680198181179</v>
      </c>
      <c r="BB721">
        <v>0.49869337979094069</v>
      </c>
      <c r="BC721">
        <v>5.3017392990215182</v>
      </c>
      <c r="BD721" t="s">
        <v>2803</v>
      </c>
      <c r="BE721" t="s">
        <v>68</v>
      </c>
    </row>
    <row r="722" spans="1:57" x14ac:dyDescent="0.3">
      <c r="A722" t="s">
        <v>2804</v>
      </c>
      <c r="B722">
        <v>678</v>
      </c>
      <c r="C722" t="s">
        <v>2805</v>
      </c>
      <c r="D722" t="s">
        <v>2806</v>
      </c>
      <c r="E722" t="s">
        <v>66</v>
      </c>
      <c r="F722">
        <v>71</v>
      </c>
      <c r="G722">
        <v>108.9577464788732</v>
      </c>
      <c r="H722">
        <v>106</v>
      </c>
      <c r="I722">
        <v>5397.11089069629</v>
      </c>
      <c r="J722">
        <v>73.465031754544896</v>
      </c>
      <c r="K722">
        <v>0.28014281390665891</v>
      </c>
      <c r="L722">
        <v>-1.1387260265476931</v>
      </c>
      <c r="M722">
        <v>5.8855937744037847</v>
      </c>
      <c r="N722">
        <v>3</v>
      </c>
      <c r="O722">
        <v>1</v>
      </c>
      <c r="P722">
        <v>2</v>
      </c>
      <c r="Q722">
        <v>0.39540808619778262</v>
      </c>
      <c r="R722">
        <v>4.079582730649153</v>
      </c>
      <c r="S722">
        <v>1</v>
      </c>
      <c r="T722">
        <v>1</v>
      </c>
      <c r="U722">
        <v>0</v>
      </c>
      <c r="V722">
        <v>0</v>
      </c>
      <c r="W722">
        <v>4.2484952420493576</v>
      </c>
      <c r="X722">
        <v>1</v>
      </c>
      <c r="Y722">
        <v>1</v>
      </c>
      <c r="Z722">
        <v>0</v>
      </c>
      <c r="AA722">
        <v>0</v>
      </c>
      <c r="AB722">
        <v>4.2341065045972579</v>
      </c>
      <c r="AC722">
        <v>1</v>
      </c>
      <c r="AD722">
        <v>1</v>
      </c>
      <c r="AE722">
        <v>0</v>
      </c>
      <c r="AF722">
        <v>0</v>
      </c>
      <c r="AG722">
        <v>4.2195077051761087</v>
      </c>
      <c r="AH722">
        <v>0.18896059333174339</v>
      </c>
      <c r="AI722">
        <v>0.1473436582805466</v>
      </c>
      <c r="AJ722">
        <v>2.1252650113272369E-2</v>
      </c>
      <c r="AK722">
        <v>0.14782269178210819</v>
      </c>
      <c r="AL722">
        <v>671.16189363409001</v>
      </c>
      <c r="AM722">
        <v>880.70069406893413</v>
      </c>
      <c r="AN722">
        <v>7736</v>
      </c>
      <c r="AO722">
        <v>98.622431935103549</v>
      </c>
      <c r="AP722">
        <v>553.51118957882784</v>
      </c>
      <c r="AQ722">
        <v>1.323943661971831</v>
      </c>
      <c r="AR722">
        <v>3.802816901408451</v>
      </c>
      <c r="AS722">
        <v>70</v>
      </c>
      <c r="AT722">
        <v>8.4647887323943607</v>
      </c>
      <c r="AU722">
        <v>0.14173932483791651</v>
      </c>
      <c r="AV722">
        <v>0.1905090250065701</v>
      </c>
      <c r="AW722">
        <v>0.46478873239436619</v>
      </c>
      <c r="AX722">
        <v>77.757142857142853</v>
      </c>
      <c r="AY722">
        <v>65</v>
      </c>
      <c r="AZ722">
        <v>121.5</v>
      </c>
      <c r="BA722">
        <v>0.67425248895717271</v>
      </c>
      <c r="BB722">
        <v>0.47887323943661969</v>
      </c>
      <c r="BC722">
        <v>3.9514321646665249</v>
      </c>
      <c r="BD722" t="s">
        <v>2807</v>
      </c>
      <c r="BE722" t="s">
        <v>68</v>
      </c>
    </row>
    <row r="723" spans="1:57" x14ac:dyDescent="0.3">
      <c r="A723" t="s">
        <v>2808</v>
      </c>
      <c r="B723">
        <v>650</v>
      </c>
      <c r="C723" t="s">
        <v>2809</v>
      </c>
      <c r="D723" t="s">
        <v>2810</v>
      </c>
      <c r="E723" t="s">
        <v>98</v>
      </c>
      <c r="F723">
        <v>16</v>
      </c>
      <c r="G723">
        <v>152</v>
      </c>
      <c r="H723">
        <v>161.5</v>
      </c>
      <c r="I723">
        <v>4722.25</v>
      </c>
      <c r="J723">
        <v>68.718629206351309</v>
      </c>
      <c r="K723">
        <v>-0.67351645806738036</v>
      </c>
      <c r="L723">
        <v>-0.49553994722914879</v>
      </c>
      <c r="M723">
        <v>3.875</v>
      </c>
      <c r="N723">
        <v>2</v>
      </c>
      <c r="O723">
        <v>1</v>
      </c>
      <c r="P723">
        <v>1</v>
      </c>
      <c r="Q723">
        <v>0.24944382578492941</v>
      </c>
      <c r="R723">
        <v>2.6859453246697882</v>
      </c>
      <c r="S723">
        <v>1</v>
      </c>
      <c r="T723">
        <v>1</v>
      </c>
      <c r="U723">
        <v>0</v>
      </c>
      <c r="V723">
        <v>0</v>
      </c>
      <c r="W723">
        <v>2.7080502011022101</v>
      </c>
      <c r="X723">
        <v>1</v>
      </c>
      <c r="Y723">
        <v>1</v>
      </c>
      <c r="Z723">
        <v>0</v>
      </c>
      <c r="AA723">
        <v>0</v>
      </c>
      <c r="AB723">
        <v>2.639057329615258</v>
      </c>
      <c r="AC723">
        <v>1</v>
      </c>
      <c r="AD723">
        <v>1</v>
      </c>
      <c r="AE723">
        <v>0</v>
      </c>
      <c r="AF723">
        <v>0</v>
      </c>
      <c r="AG723">
        <v>2.5649493574615372</v>
      </c>
      <c r="AH723">
        <v>-4.2286515961670823E-2</v>
      </c>
      <c r="AI723">
        <v>-0.34448620890465348</v>
      </c>
      <c r="AJ723">
        <v>-4.8877653660860818E-2</v>
      </c>
      <c r="AK723">
        <v>-4.9764413150510882E-2</v>
      </c>
      <c r="AL723">
        <v>388.74357963107741</v>
      </c>
      <c r="AM723">
        <v>542.30842635498129</v>
      </c>
      <c r="AN723">
        <v>2432</v>
      </c>
      <c r="AO723">
        <v>2</v>
      </c>
      <c r="AP723">
        <v>248.18225076216751</v>
      </c>
      <c r="AQ723">
        <v>2.3125</v>
      </c>
      <c r="AR723">
        <v>4</v>
      </c>
      <c r="AS723">
        <v>16</v>
      </c>
      <c r="AT723">
        <v>0.87500000000000011</v>
      </c>
      <c r="AU723">
        <v>0.29700854700854712</v>
      </c>
      <c r="AV723">
        <v>-5.132381150121388E-2</v>
      </c>
      <c r="AW723">
        <v>0.1875</v>
      </c>
      <c r="AX723">
        <v>83.2</v>
      </c>
      <c r="AY723">
        <v>51</v>
      </c>
      <c r="AZ723">
        <v>88.25</v>
      </c>
      <c r="BA723">
        <v>0.45209624477862698</v>
      </c>
      <c r="BB723">
        <v>0.5625</v>
      </c>
      <c r="BC723">
        <v>2.615630577027551</v>
      </c>
      <c r="BD723" t="s">
        <v>2809</v>
      </c>
      <c r="BE723" t="s">
        <v>62</v>
      </c>
    </row>
    <row r="724" spans="1:57" x14ac:dyDescent="0.3">
      <c r="A724" t="s">
        <v>2811</v>
      </c>
      <c r="B724">
        <v>2411</v>
      </c>
      <c r="C724" t="s">
        <v>2812</v>
      </c>
      <c r="D724" t="s">
        <v>2813</v>
      </c>
      <c r="E724" t="s">
        <v>93</v>
      </c>
      <c r="F724">
        <v>2415</v>
      </c>
      <c r="G724">
        <v>128.06749482401659</v>
      </c>
      <c r="H724">
        <v>128</v>
      </c>
      <c r="I724">
        <v>5529.9296059394146</v>
      </c>
      <c r="J724">
        <v>74.363496461230326</v>
      </c>
      <c r="K724">
        <v>-6.6338468961205542E-3</v>
      </c>
      <c r="L724">
        <v>-1.212471489534181</v>
      </c>
      <c r="M724">
        <v>7.9344131397254012</v>
      </c>
      <c r="N724">
        <v>19</v>
      </c>
      <c r="O724">
        <v>3</v>
      </c>
      <c r="P724">
        <v>16</v>
      </c>
      <c r="Q724">
        <v>2.8068492495965889</v>
      </c>
      <c r="R724">
        <v>5.4997160971984416</v>
      </c>
      <c r="S724">
        <v>2</v>
      </c>
      <c r="T724">
        <v>1</v>
      </c>
      <c r="U724">
        <v>1</v>
      </c>
      <c r="V724">
        <v>0.1495252469749079</v>
      </c>
      <c r="W724">
        <v>7.758029674441044</v>
      </c>
      <c r="X724">
        <v>2</v>
      </c>
      <c r="Y724">
        <v>1</v>
      </c>
      <c r="Z724">
        <v>1</v>
      </c>
      <c r="AA724">
        <v>2.0357352731659891E-2</v>
      </c>
      <c r="AB724">
        <v>7.7880515549076161</v>
      </c>
      <c r="AC724">
        <v>1</v>
      </c>
      <c r="AD724">
        <v>1</v>
      </c>
      <c r="AE724">
        <v>0</v>
      </c>
      <c r="AF724">
        <v>0</v>
      </c>
      <c r="AG724">
        <v>7.7882115578470756</v>
      </c>
      <c r="AH724">
        <v>9.8899424945132104E-3</v>
      </c>
      <c r="AI724">
        <v>2.991394367366125E-2</v>
      </c>
      <c r="AJ724">
        <v>2.0487311162283261E-2</v>
      </c>
      <c r="AK724">
        <v>1.0746707989342741E-2</v>
      </c>
      <c r="AL724">
        <v>3363.4461037073852</v>
      </c>
      <c r="AM724">
        <v>6453.7670633092739</v>
      </c>
      <c r="AN724">
        <v>309283</v>
      </c>
      <c r="AO724">
        <v>48.679301701267001</v>
      </c>
      <c r="AP724">
        <v>2972.0549183242751</v>
      </c>
      <c r="AQ724">
        <v>1.009523809523809</v>
      </c>
      <c r="AR724">
        <v>3.995031055900621</v>
      </c>
      <c r="AS724">
        <v>2403</v>
      </c>
      <c r="AT724">
        <v>213.79668737060041</v>
      </c>
      <c r="AU724">
        <v>1.524783826574105E-2</v>
      </c>
      <c r="AV724">
        <v>9.8970263727203717E-3</v>
      </c>
      <c r="AW724">
        <v>0.36770186335403732</v>
      </c>
      <c r="AX724">
        <v>85.881938690969349</v>
      </c>
      <c r="AY724">
        <v>65</v>
      </c>
      <c r="AZ724">
        <v>131</v>
      </c>
      <c r="BA724">
        <v>0.580658632882736</v>
      </c>
      <c r="BB724">
        <v>0.49813664596273288</v>
      </c>
      <c r="BC724">
        <v>5.295956505639718</v>
      </c>
      <c r="BD724" t="s">
        <v>2814</v>
      </c>
      <c r="BE724" t="s">
        <v>68</v>
      </c>
    </row>
    <row r="725" spans="1:57" x14ac:dyDescent="0.3">
      <c r="A725" t="s">
        <v>2815</v>
      </c>
      <c r="B725">
        <v>2806</v>
      </c>
      <c r="C725" t="s">
        <v>2816</v>
      </c>
      <c r="D725" t="s">
        <v>2817</v>
      </c>
      <c r="E725" t="s">
        <v>106</v>
      </c>
      <c r="F725">
        <v>2874</v>
      </c>
      <c r="G725">
        <v>125.7473903966597</v>
      </c>
      <c r="H725">
        <v>127</v>
      </c>
      <c r="I725">
        <v>5415.9139197731301</v>
      </c>
      <c r="J725">
        <v>73.592893133597684</v>
      </c>
      <c r="K725">
        <v>3.1341973566864419E-2</v>
      </c>
      <c r="L725">
        <v>-1.1686655822458381</v>
      </c>
      <c r="M725">
        <v>7.9335124815679539</v>
      </c>
      <c r="N725">
        <v>21</v>
      </c>
      <c r="O725">
        <v>3</v>
      </c>
      <c r="P725">
        <v>18</v>
      </c>
      <c r="Q725">
        <v>3.360419532378919</v>
      </c>
      <c r="R725">
        <v>5.4990918085359697</v>
      </c>
      <c r="S725">
        <v>2</v>
      </c>
      <c r="T725">
        <v>1</v>
      </c>
      <c r="U725">
        <v>1</v>
      </c>
      <c r="V725">
        <v>0.1395855203375615</v>
      </c>
      <c r="W725">
        <v>7.936090658275246</v>
      </c>
      <c r="X725">
        <v>2</v>
      </c>
      <c r="Y725">
        <v>1</v>
      </c>
      <c r="Z725">
        <v>1</v>
      </c>
      <c r="AA725">
        <v>1.8659833139643159E-2</v>
      </c>
      <c r="AB725">
        <v>7.962281237145441</v>
      </c>
      <c r="AC725">
        <v>1</v>
      </c>
      <c r="AD725">
        <v>1</v>
      </c>
      <c r="AE725">
        <v>0</v>
      </c>
      <c r="AF725">
        <v>0</v>
      </c>
      <c r="AG725">
        <v>7.9624156801210644</v>
      </c>
      <c r="AH725">
        <v>1.5831241591069221E-2</v>
      </c>
      <c r="AI725">
        <v>-3.5385771423328948E-3</v>
      </c>
      <c r="AJ725">
        <v>2.1050458092654729E-2</v>
      </c>
      <c r="AK725">
        <v>-1.783070545436264E-3</v>
      </c>
      <c r="AL725">
        <v>3617.4707497369909</v>
      </c>
      <c r="AM725">
        <v>6922.7232629072569</v>
      </c>
      <c r="AN725">
        <v>361398</v>
      </c>
      <c r="AO725">
        <v>120.90990481960981</v>
      </c>
      <c r="AP725">
        <v>3301.8092987107179</v>
      </c>
      <c r="AQ725">
        <v>1.0080027835768961</v>
      </c>
      <c r="AR725">
        <v>3.9975643702157271</v>
      </c>
      <c r="AS725">
        <v>2861</v>
      </c>
      <c r="AT725">
        <v>257.50173973556019</v>
      </c>
      <c r="AU725">
        <v>2.172418027753897E-2</v>
      </c>
      <c r="AV725">
        <v>1.5832253462386311E-2</v>
      </c>
      <c r="AW725">
        <v>0.36986778009742521</v>
      </c>
      <c r="AX725">
        <v>84.307692307692307</v>
      </c>
      <c r="AY725">
        <v>63</v>
      </c>
      <c r="AZ725">
        <v>126</v>
      </c>
      <c r="BA725">
        <v>0.58524389970602975</v>
      </c>
      <c r="BB725">
        <v>0.50626304801670141</v>
      </c>
      <c r="BC725">
        <v>5.3052619713582168</v>
      </c>
      <c r="BD725" t="s">
        <v>2818</v>
      </c>
      <c r="BE725" t="s">
        <v>68</v>
      </c>
    </row>
    <row r="726" spans="1:57" x14ac:dyDescent="0.3">
      <c r="A726" t="s">
        <v>2819</v>
      </c>
      <c r="B726">
        <v>2412</v>
      </c>
      <c r="C726" t="s">
        <v>2820</v>
      </c>
      <c r="D726" t="s">
        <v>2821</v>
      </c>
      <c r="E726" t="s">
        <v>128</v>
      </c>
      <c r="F726">
        <v>32</v>
      </c>
      <c r="G726">
        <v>112.96875</v>
      </c>
      <c r="H726">
        <v>114</v>
      </c>
      <c r="I726">
        <v>4851.0302734375</v>
      </c>
      <c r="J726">
        <v>69.649337925334933</v>
      </c>
      <c r="K726">
        <v>0.15553142498076519</v>
      </c>
      <c r="L726">
        <v>-1.1569540350319301</v>
      </c>
      <c r="M726">
        <v>4.9375</v>
      </c>
      <c r="N726">
        <v>2</v>
      </c>
      <c r="O726">
        <v>1</v>
      </c>
      <c r="P726">
        <v>1</v>
      </c>
      <c r="Q726">
        <v>0.1766846959694085</v>
      </c>
      <c r="R726">
        <v>3.422414204014729</v>
      </c>
      <c r="S726">
        <v>1</v>
      </c>
      <c r="T726">
        <v>1</v>
      </c>
      <c r="U726">
        <v>0</v>
      </c>
      <c r="V726">
        <v>0</v>
      </c>
      <c r="W726">
        <v>3.4339872044851458</v>
      </c>
      <c r="X726">
        <v>1</v>
      </c>
      <c r="Y726">
        <v>1</v>
      </c>
      <c r="Z726">
        <v>0</v>
      </c>
      <c r="AA726">
        <v>0</v>
      </c>
      <c r="AB726">
        <v>3.401197381662155</v>
      </c>
      <c r="AC726">
        <v>1</v>
      </c>
      <c r="AD726">
        <v>1</v>
      </c>
      <c r="AE726">
        <v>0</v>
      </c>
      <c r="AF726">
        <v>0</v>
      </c>
      <c r="AG726">
        <v>3.3672958299864728</v>
      </c>
      <c r="AH726">
        <v>-0.132683040158391</v>
      </c>
      <c r="AI726">
        <v>3.712201469364091E-2</v>
      </c>
      <c r="AJ726">
        <v>-1.522633949376492E-2</v>
      </c>
      <c r="AK726">
        <v>-5.6512301067649331E-2</v>
      </c>
      <c r="AL726">
        <v>461.50634833255742</v>
      </c>
      <c r="AM726">
        <v>592.137560410373</v>
      </c>
      <c r="AN726">
        <v>3615</v>
      </c>
      <c r="AO726">
        <v>86.172830083880413</v>
      </c>
      <c r="AP726">
        <v>337.49467504084748</v>
      </c>
      <c r="AQ726">
        <v>1.65625</v>
      </c>
      <c r="AR726">
        <v>3.53125</v>
      </c>
      <c r="AS726">
        <v>32</v>
      </c>
      <c r="AT726">
        <v>0.93749999999999978</v>
      </c>
      <c r="AU726">
        <v>0.14824999999999999</v>
      </c>
      <c r="AV726">
        <v>-0.13937603473583909</v>
      </c>
      <c r="AW726">
        <v>0.4375</v>
      </c>
      <c r="AX726">
        <v>87.354838709677423</v>
      </c>
      <c r="AY726">
        <v>64</v>
      </c>
      <c r="AZ726">
        <v>128.5</v>
      </c>
      <c r="BA726">
        <v>0.61653632465026775</v>
      </c>
      <c r="BB726">
        <v>0.5</v>
      </c>
      <c r="BC726">
        <v>3.104074021530185</v>
      </c>
      <c r="BD726" t="s">
        <v>2822</v>
      </c>
      <c r="BE726" t="s">
        <v>62</v>
      </c>
    </row>
    <row r="727" spans="1:57" x14ac:dyDescent="0.3">
      <c r="A727" t="s">
        <v>2823</v>
      </c>
      <c r="B727">
        <v>3569</v>
      </c>
      <c r="C727" t="s">
        <v>2824</v>
      </c>
      <c r="D727" t="s">
        <v>2825</v>
      </c>
      <c r="E727" t="s">
        <v>85</v>
      </c>
      <c r="F727">
        <v>8</v>
      </c>
      <c r="G727">
        <v>129.875</v>
      </c>
      <c r="H727">
        <v>140.5</v>
      </c>
      <c r="I727">
        <v>5118.359375</v>
      </c>
      <c r="J727">
        <v>71.542710145758392</v>
      </c>
      <c r="K727">
        <v>-0.59918881048743666</v>
      </c>
      <c r="L727">
        <v>-0.91983551698062849</v>
      </c>
      <c r="M727">
        <v>3</v>
      </c>
      <c r="N727">
        <v>1</v>
      </c>
      <c r="O727">
        <v>1</v>
      </c>
      <c r="P727">
        <v>0</v>
      </c>
      <c r="Q727">
        <v>0</v>
      </c>
      <c r="R727">
        <v>2.0794415416798362</v>
      </c>
      <c r="S727">
        <v>1</v>
      </c>
      <c r="T727">
        <v>1</v>
      </c>
      <c r="U727">
        <v>0</v>
      </c>
      <c r="V727">
        <v>0</v>
      </c>
      <c r="W727">
        <v>1.945910149055313</v>
      </c>
      <c r="X727">
        <v>1</v>
      </c>
      <c r="Y727">
        <v>1</v>
      </c>
      <c r="Z727">
        <v>0</v>
      </c>
      <c r="AA727">
        <v>0</v>
      </c>
      <c r="AB727">
        <v>1.791759469228055</v>
      </c>
      <c r="AC727">
        <v>1</v>
      </c>
      <c r="AD727">
        <v>1</v>
      </c>
      <c r="AE727">
        <v>0</v>
      </c>
      <c r="AF727">
        <v>0</v>
      </c>
      <c r="AG727">
        <v>1.6094379124341009</v>
      </c>
      <c r="AH727">
        <v>-0.53121613370983745</v>
      </c>
      <c r="AI727">
        <v>-5.871174540181638E-3</v>
      </c>
      <c r="AJ727">
        <v>-0.44200450278562159</v>
      </c>
      <c r="AK727">
        <v>0</v>
      </c>
      <c r="AL727">
        <v>291.19951192182492</v>
      </c>
      <c r="AM727">
        <v>301.81094124715059</v>
      </c>
      <c r="AN727">
        <v>1039</v>
      </c>
      <c r="AO727">
        <v>84.455402496687796</v>
      </c>
      <c r="AP727">
        <v>176.67132259530581</v>
      </c>
      <c r="AQ727">
        <v>3.5</v>
      </c>
      <c r="AR727">
        <v>3.125</v>
      </c>
      <c r="AS727">
        <v>8</v>
      </c>
      <c r="AT727">
        <v>0</v>
      </c>
      <c r="AU727">
        <v>0.31132075471698117</v>
      </c>
      <c r="AV727">
        <v>-0.5810459273480626</v>
      </c>
      <c r="AW727">
        <v>0.25</v>
      </c>
      <c r="AX727">
        <v>113.1428571428571</v>
      </c>
      <c r="AY727">
        <v>53</v>
      </c>
      <c r="AZ727">
        <v>86.75</v>
      </c>
      <c r="BA727">
        <v>0.55085821093942944</v>
      </c>
      <c r="BB727">
        <v>0.5</v>
      </c>
      <c r="BC727">
        <v>1.945910149055313</v>
      </c>
      <c r="BD727" t="s">
        <v>2824</v>
      </c>
      <c r="BE727" t="s">
        <v>68</v>
      </c>
    </row>
    <row r="728" spans="1:57" x14ac:dyDescent="0.3">
      <c r="A728" t="s">
        <v>2826</v>
      </c>
      <c r="B728">
        <v>2922</v>
      </c>
      <c r="C728" t="s">
        <v>2827</v>
      </c>
      <c r="D728" t="s">
        <v>2828</v>
      </c>
      <c r="E728" t="s">
        <v>85</v>
      </c>
      <c r="F728">
        <v>8</v>
      </c>
      <c r="G728">
        <v>137.125</v>
      </c>
      <c r="H728">
        <v>101.5</v>
      </c>
      <c r="I728">
        <v>6362.859375</v>
      </c>
      <c r="J728">
        <v>79.76753333907223</v>
      </c>
      <c r="K728">
        <v>0.3781547690944973</v>
      </c>
      <c r="L728">
        <v>-1.561616872510083</v>
      </c>
      <c r="M728">
        <v>2.75</v>
      </c>
      <c r="N728">
        <v>2</v>
      </c>
      <c r="O728">
        <v>1</v>
      </c>
      <c r="P728">
        <v>1</v>
      </c>
      <c r="Q728">
        <v>0.3499271061118826</v>
      </c>
      <c r="R728">
        <v>1.9061547465398501</v>
      </c>
      <c r="S728">
        <v>1</v>
      </c>
      <c r="T728">
        <v>1</v>
      </c>
      <c r="U728">
        <v>0</v>
      </c>
      <c r="V728">
        <v>0</v>
      </c>
      <c r="W728">
        <v>1.945910149055313</v>
      </c>
      <c r="X728">
        <v>1</v>
      </c>
      <c r="Y728">
        <v>1</v>
      </c>
      <c r="Z728">
        <v>0</v>
      </c>
      <c r="AA728">
        <v>0</v>
      </c>
      <c r="AB728">
        <v>1.791759469228055</v>
      </c>
      <c r="AC728">
        <v>1</v>
      </c>
      <c r="AD728">
        <v>1</v>
      </c>
      <c r="AE728">
        <v>0</v>
      </c>
      <c r="AF728">
        <v>0</v>
      </c>
      <c r="AG728">
        <v>1.6094379124341009</v>
      </c>
      <c r="AH728">
        <v>0.21892151229179099</v>
      </c>
      <c r="AI728">
        <v>-1.051082576377071E-2</v>
      </c>
      <c r="AJ728">
        <v>-0.21614355033974009</v>
      </c>
      <c r="AK728">
        <v>0</v>
      </c>
      <c r="AL728">
        <v>338.47625180479122</v>
      </c>
      <c r="AM728">
        <v>294.55530374478002</v>
      </c>
      <c r="AN728">
        <v>1097</v>
      </c>
      <c r="AO728">
        <v>140.60227594175001</v>
      </c>
      <c r="AP728">
        <v>227.63908494716091</v>
      </c>
      <c r="AQ728">
        <v>3.5</v>
      </c>
      <c r="AR728">
        <v>4.625</v>
      </c>
      <c r="AS728">
        <v>7</v>
      </c>
      <c r="AT728">
        <v>0.74999999999999989</v>
      </c>
      <c r="AU728">
        <v>0.36345381526104409</v>
      </c>
      <c r="AV728">
        <v>0.28205191480189112</v>
      </c>
      <c r="AW728">
        <v>0.5</v>
      </c>
      <c r="AX728">
        <v>73</v>
      </c>
      <c r="AY728">
        <v>44.5</v>
      </c>
      <c r="AZ728">
        <v>143.25</v>
      </c>
      <c r="BA728">
        <v>0.58171400794218586</v>
      </c>
      <c r="BB728">
        <v>0.375</v>
      </c>
      <c r="BC728">
        <v>1.945910149055313</v>
      </c>
      <c r="BD728" t="s">
        <v>2827</v>
      </c>
      <c r="BE728" t="s">
        <v>68</v>
      </c>
    </row>
    <row r="729" spans="1:57" x14ac:dyDescent="0.3">
      <c r="A729" t="s">
        <v>2829</v>
      </c>
      <c r="B729">
        <v>1619</v>
      </c>
      <c r="C729" t="s">
        <v>2830</v>
      </c>
      <c r="D729" t="s">
        <v>2831</v>
      </c>
      <c r="E729" t="s">
        <v>115</v>
      </c>
      <c r="F729">
        <v>1648</v>
      </c>
      <c r="G729">
        <v>125.002427184466</v>
      </c>
      <c r="H729">
        <v>123</v>
      </c>
      <c r="I729">
        <v>5525.0084892544064</v>
      </c>
      <c r="J729">
        <v>74.330400841475395</v>
      </c>
      <c r="K729">
        <v>5.8799604911119387E-2</v>
      </c>
      <c r="L729">
        <v>-1.193827435899312</v>
      </c>
      <c r="M729">
        <v>7.8891692820677113</v>
      </c>
      <c r="N729">
        <v>17</v>
      </c>
      <c r="O729">
        <v>2</v>
      </c>
      <c r="P729">
        <v>15</v>
      </c>
      <c r="Q729">
        <v>2.5502757203878961</v>
      </c>
      <c r="R729">
        <v>5.4683554448253524</v>
      </c>
      <c r="S729">
        <v>2</v>
      </c>
      <c r="T729">
        <v>1</v>
      </c>
      <c r="U729">
        <v>1</v>
      </c>
      <c r="V729">
        <v>0.1045352924222348</v>
      </c>
      <c r="W729">
        <v>7.3915599721326144</v>
      </c>
      <c r="X729">
        <v>1</v>
      </c>
      <c r="Y729">
        <v>1</v>
      </c>
      <c r="Z729">
        <v>0</v>
      </c>
      <c r="AA729">
        <v>0</v>
      </c>
      <c r="AB729">
        <v>7.4061033812370134</v>
      </c>
      <c r="AC729">
        <v>1</v>
      </c>
      <c r="AD729">
        <v>1</v>
      </c>
      <c r="AE729">
        <v>0</v>
      </c>
      <c r="AF729">
        <v>0</v>
      </c>
      <c r="AG729">
        <v>7.4054956631994724</v>
      </c>
      <c r="AH729">
        <v>4.3183237837086117E-3</v>
      </c>
      <c r="AI729">
        <v>-6.7068554953096703E-4</v>
      </c>
      <c r="AJ729">
        <v>3.1301501181553372E-2</v>
      </c>
      <c r="AK729">
        <v>-1.4453763994663931E-2</v>
      </c>
      <c r="AL729">
        <v>2806.2988149144549</v>
      </c>
      <c r="AM729">
        <v>5194.3142917433997</v>
      </c>
      <c r="AN729">
        <v>206004</v>
      </c>
      <c r="AO729">
        <v>73.999999999999773</v>
      </c>
      <c r="AP729">
        <v>2562.2213019314818</v>
      </c>
      <c r="AQ729">
        <v>1.0139563106796119</v>
      </c>
      <c r="AR729">
        <v>3.941140776699029</v>
      </c>
      <c r="AS729">
        <v>1639</v>
      </c>
      <c r="AT729">
        <v>258.64077669902912</v>
      </c>
      <c r="AU729">
        <v>2.558062059775373E-2</v>
      </c>
      <c r="AV729">
        <v>4.3196053745508346E-3</v>
      </c>
      <c r="AW729">
        <v>0.38713592233009708</v>
      </c>
      <c r="AX729">
        <v>85.432908318154219</v>
      </c>
      <c r="AY729">
        <v>64</v>
      </c>
      <c r="AZ729">
        <v>129.25</v>
      </c>
      <c r="BA729">
        <v>0.59463166048596849</v>
      </c>
      <c r="BB729">
        <v>0.48422330097087379</v>
      </c>
      <c r="BC729">
        <v>5.2811830117817076</v>
      </c>
      <c r="BD729" t="s">
        <v>2832</v>
      </c>
      <c r="BE729" t="s">
        <v>62</v>
      </c>
    </row>
    <row r="730" spans="1:57" x14ac:dyDescent="0.3">
      <c r="A730" t="s">
        <v>2833</v>
      </c>
      <c r="B730">
        <v>2776</v>
      </c>
      <c r="C730" t="s">
        <v>2834</v>
      </c>
      <c r="D730" t="s">
        <v>2835</v>
      </c>
      <c r="E730" t="s">
        <v>115</v>
      </c>
      <c r="F730">
        <v>2800</v>
      </c>
      <c r="G730">
        <v>125.7796428571429</v>
      </c>
      <c r="H730">
        <v>125</v>
      </c>
      <c r="I730">
        <v>5513.1982284438773</v>
      </c>
      <c r="J730">
        <v>74.250913990629613</v>
      </c>
      <c r="K730">
        <v>2.216425850882375E-2</v>
      </c>
      <c r="L730">
        <v>-1.235285747731232</v>
      </c>
      <c r="M730">
        <v>7.9344977949728541</v>
      </c>
      <c r="N730">
        <v>22</v>
      </c>
      <c r="O730">
        <v>2</v>
      </c>
      <c r="P730">
        <v>20</v>
      </c>
      <c r="Q730">
        <v>3.2661856576134798</v>
      </c>
      <c r="R730">
        <v>5.4997747757445357</v>
      </c>
      <c r="S730">
        <v>3</v>
      </c>
      <c r="T730">
        <v>1</v>
      </c>
      <c r="U730">
        <v>2</v>
      </c>
      <c r="V730">
        <v>0.1452573803369111</v>
      </c>
      <c r="W730">
        <v>7.9094030964646773</v>
      </c>
      <c r="X730">
        <v>2</v>
      </c>
      <c r="Y730">
        <v>1</v>
      </c>
      <c r="Z730">
        <v>1</v>
      </c>
      <c r="AA730">
        <v>1.8904975425673629E-2</v>
      </c>
      <c r="AB730">
        <v>7.9361646961971513</v>
      </c>
      <c r="AC730">
        <v>1</v>
      </c>
      <c r="AD730">
        <v>1</v>
      </c>
      <c r="AE730">
        <v>0</v>
      </c>
      <c r="AF730">
        <v>0</v>
      </c>
      <c r="AG730">
        <v>7.9363026932019611</v>
      </c>
      <c r="AH730">
        <v>-9.536072526281747E-3</v>
      </c>
      <c r="AI730">
        <v>-2.7377771575736409E-2</v>
      </c>
      <c r="AJ730">
        <v>1.9681100922466631E-2</v>
      </c>
      <c r="AK730">
        <v>1.2145709413552809E-2</v>
      </c>
      <c r="AL730">
        <v>3590.338930508361</v>
      </c>
      <c r="AM730">
        <v>6844.258423238859</v>
      </c>
      <c r="AN730">
        <v>352183</v>
      </c>
      <c r="AO730">
        <v>66.333958403978656</v>
      </c>
      <c r="AP730">
        <v>3215.0626976393901</v>
      </c>
      <c r="AQ730">
        <v>1.008214285714286</v>
      </c>
      <c r="AR730">
        <v>3.9946428571428569</v>
      </c>
      <c r="AS730">
        <v>2791</v>
      </c>
      <c r="AT730">
        <v>249.69142857142859</v>
      </c>
      <c r="AU730">
        <v>2.0406162464986E-2</v>
      </c>
      <c r="AV730">
        <v>-9.5378925352845312E-3</v>
      </c>
      <c r="AW730">
        <v>0.36857142857142849</v>
      </c>
      <c r="AX730">
        <v>86.118971061093248</v>
      </c>
      <c r="AY730">
        <v>66</v>
      </c>
      <c r="AZ730">
        <v>133</v>
      </c>
      <c r="BA730">
        <v>0.59032536827093562</v>
      </c>
      <c r="BB730">
        <v>0.49928571428571428</v>
      </c>
      <c r="BC730">
        <v>5.316403833500595</v>
      </c>
      <c r="BD730" t="s">
        <v>2836</v>
      </c>
      <c r="BE730" t="s">
        <v>62</v>
      </c>
    </row>
    <row r="731" spans="1:57" x14ac:dyDescent="0.3">
      <c r="A731" t="s">
        <v>2837</v>
      </c>
      <c r="B731">
        <v>2129</v>
      </c>
      <c r="C731" t="s">
        <v>2838</v>
      </c>
      <c r="D731" t="s">
        <v>2839</v>
      </c>
      <c r="E731" t="s">
        <v>85</v>
      </c>
      <c r="F731">
        <v>8</v>
      </c>
      <c r="G731">
        <v>147.5</v>
      </c>
      <c r="H731">
        <v>145</v>
      </c>
      <c r="I731">
        <v>3909.75</v>
      </c>
      <c r="J731">
        <v>62.527993730808276</v>
      </c>
      <c r="K731">
        <v>4.4177412260032939E-2</v>
      </c>
      <c r="L731">
        <v>-1.2732755901125019</v>
      </c>
      <c r="M731">
        <v>3</v>
      </c>
      <c r="N731">
        <v>1</v>
      </c>
      <c r="O731">
        <v>1</v>
      </c>
      <c r="P731">
        <v>0</v>
      </c>
      <c r="Q731">
        <v>0</v>
      </c>
      <c r="R731">
        <v>2.0794415416798362</v>
      </c>
      <c r="S731">
        <v>1</v>
      </c>
      <c r="T731">
        <v>1</v>
      </c>
      <c r="U731">
        <v>0</v>
      </c>
      <c r="V731">
        <v>0</v>
      </c>
      <c r="W731">
        <v>1.945910149055313</v>
      </c>
      <c r="X731">
        <v>1</v>
      </c>
      <c r="Y731">
        <v>1</v>
      </c>
      <c r="Z731">
        <v>0</v>
      </c>
      <c r="AA731">
        <v>0</v>
      </c>
      <c r="AB731">
        <v>1.791759469228055</v>
      </c>
      <c r="AC731">
        <v>1</v>
      </c>
      <c r="AD731">
        <v>1</v>
      </c>
      <c r="AE731">
        <v>0</v>
      </c>
      <c r="AF731">
        <v>0</v>
      </c>
      <c r="AG731">
        <v>1.6094379124341009</v>
      </c>
      <c r="AH731">
        <v>-0.1113162606304751</v>
      </c>
      <c r="AI731">
        <v>-0.60702410640066495</v>
      </c>
      <c r="AJ731">
        <v>0.11894142848008191</v>
      </c>
      <c r="AK731">
        <v>0</v>
      </c>
      <c r="AL731">
        <v>269.75767115359582</v>
      </c>
      <c r="AM731">
        <v>364.08625194284451</v>
      </c>
      <c r="AN731">
        <v>1180</v>
      </c>
      <c r="AO731">
        <v>2</v>
      </c>
      <c r="AP731">
        <v>100.04828233215081</v>
      </c>
      <c r="AQ731">
        <v>3.5</v>
      </c>
      <c r="AR731">
        <v>4.625</v>
      </c>
      <c r="AS731">
        <v>8</v>
      </c>
      <c r="AT731">
        <v>0</v>
      </c>
      <c r="AU731">
        <v>0.26028806584362141</v>
      </c>
      <c r="AV731">
        <v>-0.1441307411261275</v>
      </c>
      <c r="AW731">
        <v>0.5</v>
      </c>
      <c r="AX731">
        <v>87</v>
      </c>
      <c r="AY731">
        <v>55</v>
      </c>
      <c r="AZ731">
        <v>84</v>
      </c>
      <c r="BA731">
        <v>0.42391860156480188</v>
      </c>
      <c r="BB731">
        <v>0.5</v>
      </c>
      <c r="BC731">
        <v>1.7478680974667571</v>
      </c>
      <c r="BD731" t="s">
        <v>2838</v>
      </c>
      <c r="BE731" t="s">
        <v>68</v>
      </c>
    </row>
    <row r="732" spans="1:57" x14ac:dyDescent="0.3">
      <c r="A732" t="s">
        <v>2840</v>
      </c>
      <c r="B732">
        <v>1409</v>
      </c>
      <c r="C732" t="s">
        <v>2841</v>
      </c>
      <c r="D732" t="s">
        <v>2842</v>
      </c>
      <c r="E732" t="s">
        <v>98</v>
      </c>
      <c r="F732">
        <v>16</v>
      </c>
      <c r="G732">
        <v>160.25</v>
      </c>
      <c r="H732">
        <v>145.5</v>
      </c>
      <c r="I732">
        <v>4178.1875</v>
      </c>
      <c r="J732">
        <v>64.638900826050559</v>
      </c>
      <c r="K732">
        <v>-0.26276428475781272</v>
      </c>
      <c r="L732">
        <v>-1.1158654941247179</v>
      </c>
      <c r="M732">
        <v>3.625</v>
      </c>
      <c r="N732">
        <v>2</v>
      </c>
      <c r="O732">
        <v>1</v>
      </c>
      <c r="P732">
        <v>1</v>
      </c>
      <c r="Q732">
        <v>0.42132504423474321</v>
      </c>
      <c r="R732">
        <v>2.512658529529801</v>
      </c>
      <c r="S732">
        <v>1</v>
      </c>
      <c r="T732">
        <v>1</v>
      </c>
      <c r="U732">
        <v>0</v>
      </c>
      <c r="V732">
        <v>0</v>
      </c>
      <c r="W732">
        <v>2.7080502011022101</v>
      </c>
      <c r="X732">
        <v>1</v>
      </c>
      <c r="Y732">
        <v>1</v>
      </c>
      <c r="Z732">
        <v>0</v>
      </c>
      <c r="AA732">
        <v>0</v>
      </c>
      <c r="AB732">
        <v>2.639057329615258</v>
      </c>
      <c r="AC732">
        <v>1</v>
      </c>
      <c r="AD732">
        <v>1</v>
      </c>
      <c r="AE732">
        <v>0</v>
      </c>
      <c r="AF732">
        <v>0</v>
      </c>
      <c r="AG732">
        <v>2.5649493574615372</v>
      </c>
      <c r="AH732">
        <v>-0.16919810474039279</v>
      </c>
      <c r="AI732">
        <v>0.2035365963111995</v>
      </c>
      <c r="AJ732">
        <v>-1.8257954256480829E-2</v>
      </c>
      <c r="AK732">
        <v>-0.21258657312530849</v>
      </c>
      <c r="AL732">
        <v>390.26160995532291</v>
      </c>
      <c r="AM732">
        <v>570.46286101294925</v>
      </c>
      <c r="AN732">
        <v>2564</v>
      </c>
      <c r="AO732">
        <v>68.029409896153012</v>
      </c>
      <c r="AP732">
        <v>273.24757428699547</v>
      </c>
      <c r="AQ732">
        <v>2.3125</v>
      </c>
      <c r="AR732">
        <v>4.875</v>
      </c>
      <c r="AS732">
        <v>16</v>
      </c>
      <c r="AT732">
        <v>1.875</v>
      </c>
      <c r="AU732">
        <v>0.1640295358649789</v>
      </c>
      <c r="AV732">
        <v>-0.17668679912570329</v>
      </c>
      <c r="AW732">
        <v>0.375</v>
      </c>
      <c r="AX732">
        <v>89.066666666666663</v>
      </c>
      <c r="AY732">
        <v>63.5</v>
      </c>
      <c r="AZ732">
        <v>104.75</v>
      </c>
      <c r="BA732">
        <v>0.40336287566958229</v>
      </c>
      <c r="BB732">
        <v>0.4375</v>
      </c>
      <c r="BC732">
        <v>2.7080502011022101</v>
      </c>
      <c r="BD732" t="s">
        <v>2841</v>
      </c>
      <c r="BE732" t="s">
        <v>62</v>
      </c>
    </row>
    <row r="733" spans="1:57" x14ac:dyDescent="0.3">
      <c r="A733" t="s">
        <v>2843</v>
      </c>
      <c r="B733">
        <v>2614</v>
      </c>
      <c r="C733" t="s">
        <v>2844</v>
      </c>
      <c r="D733" t="s">
        <v>2845</v>
      </c>
      <c r="E733" t="s">
        <v>98</v>
      </c>
      <c r="F733">
        <v>16</v>
      </c>
      <c r="G733">
        <v>133.25</v>
      </c>
      <c r="H733">
        <v>140.5</v>
      </c>
      <c r="I733">
        <v>4122.1875</v>
      </c>
      <c r="J733">
        <v>64.204263877097759</v>
      </c>
      <c r="K733">
        <v>-0.21742459516615781</v>
      </c>
      <c r="L733">
        <v>-1.181302021090147</v>
      </c>
      <c r="M733">
        <v>4</v>
      </c>
      <c r="N733">
        <v>1</v>
      </c>
      <c r="O733">
        <v>1</v>
      </c>
      <c r="P733">
        <v>0</v>
      </c>
      <c r="Q733">
        <v>0</v>
      </c>
      <c r="R733">
        <v>2.7725887222397811</v>
      </c>
      <c r="S733">
        <v>1</v>
      </c>
      <c r="T733">
        <v>1</v>
      </c>
      <c r="U733">
        <v>0</v>
      </c>
      <c r="V733">
        <v>0</v>
      </c>
      <c r="W733">
        <v>2.7080502011022101</v>
      </c>
      <c r="X733">
        <v>1</v>
      </c>
      <c r="Y733">
        <v>1</v>
      </c>
      <c r="Z733">
        <v>0</v>
      </c>
      <c r="AA733">
        <v>0</v>
      </c>
      <c r="AB733">
        <v>2.639057329615258</v>
      </c>
      <c r="AC733">
        <v>1</v>
      </c>
      <c r="AD733">
        <v>1</v>
      </c>
      <c r="AE733">
        <v>0</v>
      </c>
      <c r="AF733">
        <v>0</v>
      </c>
      <c r="AG733">
        <v>2.5649493574615372</v>
      </c>
      <c r="AH733">
        <v>-0.30932927753771511</v>
      </c>
      <c r="AI733">
        <v>-5.132476688651353E-2</v>
      </c>
      <c r="AJ733">
        <v>0.35009002350087182</v>
      </c>
      <c r="AK733">
        <v>0.1438044879084224</v>
      </c>
      <c r="AL733">
        <v>361.18051953257128</v>
      </c>
      <c r="AM733">
        <v>468.60711935499</v>
      </c>
      <c r="AN733">
        <v>2132</v>
      </c>
      <c r="AO733">
        <v>106.748265665315</v>
      </c>
      <c r="AP733">
        <v>268.26272023874509</v>
      </c>
      <c r="AQ733">
        <v>2.3125</v>
      </c>
      <c r="AR733">
        <v>3.875</v>
      </c>
      <c r="AS733">
        <v>16</v>
      </c>
      <c r="AT733">
        <v>0</v>
      </c>
      <c r="AU733">
        <v>0.17879746835443031</v>
      </c>
      <c r="AV733">
        <v>-0.32741515382917008</v>
      </c>
      <c r="AW733">
        <v>0.375</v>
      </c>
      <c r="AX733">
        <v>89</v>
      </c>
      <c r="AY733">
        <v>52</v>
      </c>
      <c r="AZ733">
        <v>101.25</v>
      </c>
      <c r="BA733">
        <v>0.48183312478122148</v>
      </c>
      <c r="BB733">
        <v>0.625</v>
      </c>
      <c r="BC733">
        <v>2.615630577027551</v>
      </c>
      <c r="BD733" t="s">
        <v>2844</v>
      </c>
      <c r="BE733" t="s">
        <v>62</v>
      </c>
    </row>
    <row r="734" spans="1:57" x14ac:dyDescent="0.3">
      <c r="A734" t="s">
        <v>2846</v>
      </c>
      <c r="B734">
        <v>2586</v>
      </c>
      <c r="C734" t="s">
        <v>2847</v>
      </c>
      <c r="D734" t="s">
        <v>2848</v>
      </c>
      <c r="E734" t="s">
        <v>10622</v>
      </c>
      <c r="F734">
        <v>64</v>
      </c>
      <c r="G734">
        <v>104.25</v>
      </c>
      <c r="H734">
        <v>105</v>
      </c>
      <c r="I734">
        <v>5392.78125</v>
      </c>
      <c r="J734">
        <v>73.435558484973754</v>
      </c>
      <c r="K734">
        <v>0.22205619575014951</v>
      </c>
      <c r="L734">
        <v>-1.166481455369434</v>
      </c>
      <c r="M734">
        <v>5.75</v>
      </c>
      <c r="N734">
        <v>2</v>
      </c>
      <c r="O734">
        <v>1</v>
      </c>
      <c r="P734">
        <v>1</v>
      </c>
      <c r="Q734">
        <v>0.34992710611188271</v>
      </c>
      <c r="R734">
        <v>3.985596288219686</v>
      </c>
      <c r="S734">
        <v>1</v>
      </c>
      <c r="T734">
        <v>1</v>
      </c>
      <c r="U734">
        <v>0</v>
      </c>
      <c r="V734">
        <v>0</v>
      </c>
      <c r="W734">
        <v>4.1431347263915326</v>
      </c>
      <c r="X734">
        <v>1</v>
      </c>
      <c r="Y734">
        <v>1</v>
      </c>
      <c r="Z734">
        <v>0</v>
      </c>
      <c r="AA734">
        <v>0</v>
      </c>
      <c r="AB734">
        <v>4.1271343850450908</v>
      </c>
      <c r="AC734">
        <v>1</v>
      </c>
      <c r="AD734">
        <v>1</v>
      </c>
      <c r="AE734">
        <v>0</v>
      </c>
      <c r="AF734">
        <v>0</v>
      </c>
      <c r="AG734">
        <v>4.1108738641733096</v>
      </c>
      <c r="AH734">
        <v>-0.1185281322253707</v>
      </c>
      <c r="AI734">
        <v>8.6599056029762006E-2</v>
      </c>
      <c r="AJ734">
        <v>-7.0375654086191605E-2</v>
      </c>
      <c r="AK734">
        <v>-0.1648764407280566</v>
      </c>
      <c r="AL734">
        <v>637.0003340622286</v>
      </c>
      <c r="AM734">
        <v>796.82154489233608</v>
      </c>
      <c r="AN734">
        <v>6672</v>
      </c>
      <c r="AO734">
        <v>33.085178527972552</v>
      </c>
      <c r="AP734">
        <v>541.8688247415796</v>
      </c>
      <c r="AQ734">
        <v>1.359375</v>
      </c>
      <c r="AR734">
        <v>3.5625</v>
      </c>
      <c r="AS734">
        <v>64</v>
      </c>
      <c r="AT734">
        <v>6</v>
      </c>
      <c r="AU734">
        <v>0.14540289256198349</v>
      </c>
      <c r="AV734">
        <v>-0.1186907978969219</v>
      </c>
      <c r="AW734">
        <v>0.34375</v>
      </c>
      <c r="AX734">
        <v>89.492063492063494</v>
      </c>
      <c r="AY734">
        <v>63</v>
      </c>
      <c r="AZ734">
        <v>122.5</v>
      </c>
      <c r="BA734">
        <v>0.70441782719399282</v>
      </c>
      <c r="BB734">
        <v>0.5</v>
      </c>
      <c r="BC734">
        <v>3.9064769502212471</v>
      </c>
      <c r="BD734" t="s">
        <v>2849</v>
      </c>
      <c r="BE734" t="s">
        <v>62</v>
      </c>
    </row>
    <row r="735" spans="1:57" x14ac:dyDescent="0.3">
      <c r="A735" t="s">
        <v>2850</v>
      </c>
      <c r="B735">
        <v>2608</v>
      </c>
      <c r="C735" t="s">
        <v>2851</v>
      </c>
      <c r="D735" t="s">
        <v>2852</v>
      </c>
      <c r="E735" t="s">
        <v>128</v>
      </c>
      <c r="F735">
        <v>32</v>
      </c>
      <c r="G735">
        <v>103.46875</v>
      </c>
      <c r="H735">
        <v>93.5</v>
      </c>
      <c r="I735">
        <v>4456.7490234375</v>
      </c>
      <c r="J735">
        <v>66.758887224380089</v>
      </c>
      <c r="K735">
        <v>0.7469239689811471</v>
      </c>
      <c r="L735">
        <v>-0.250267416896929</v>
      </c>
      <c r="M735">
        <v>5</v>
      </c>
      <c r="N735">
        <v>1</v>
      </c>
      <c r="O735">
        <v>1</v>
      </c>
      <c r="P735">
        <v>0</v>
      </c>
      <c r="Q735">
        <v>0</v>
      </c>
      <c r="R735">
        <v>3.465735902799727</v>
      </c>
      <c r="S735">
        <v>1</v>
      </c>
      <c r="T735">
        <v>1</v>
      </c>
      <c r="U735">
        <v>0</v>
      </c>
      <c r="V735">
        <v>0</v>
      </c>
      <c r="W735">
        <v>3.4339872044851458</v>
      </c>
      <c r="X735">
        <v>1</v>
      </c>
      <c r="Y735">
        <v>1</v>
      </c>
      <c r="Z735">
        <v>0</v>
      </c>
      <c r="AA735">
        <v>0</v>
      </c>
      <c r="AB735">
        <v>3.401197381662155</v>
      </c>
      <c r="AC735">
        <v>1</v>
      </c>
      <c r="AD735">
        <v>1</v>
      </c>
      <c r="AE735">
        <v>0</v>
      </c>
      <c r="AF735">
        <v>0</v>
      </c>
      <c r="AG735">
        <v>3.3672958299864728</v>
      </c>
      <c r="AH735">
        <v>-0.10755765017767339</v>
      </c>
      <c r="AI735">
        <v>6.193445148038515E-2</v>
      </c>
      <c r="AJ735">
        <v>8.2146709936277734E-2</v>
      </c>
      <c r="AK735">
        <v>-7.8477649548799211E-2</v>
      </c>
      <c r="AL735">
        <v>422.99342958612601</v>
      </c>
      <c r="AM735">
        <v>553.42348931624417</v>
      </c>
      <c r="AN735">
        <v>3311</v>
      </c>
      <c r="AO735">
        <v>37</v>
      </c>
      <c r="AP735">
        <v>377.51086805876491</v>
      </c>
      <c r="AQ735">
        <v>1.65625</v>
      </c>
      <c r="AR735">
        <v>4</v>
      </c>
      <c r="AS735">
        <v>32</v>
      </c>
      <c r="AT735">
        <v>0</v>
      </c>
      <c r="AU735">
        <v>0.24411764705882361</v>
      </c>
      <c r="AV735">
        <v>-0.11599657331862211</v>
      </c>
      <c r="AW735">
        <v>0.625</v>
      </c>
      <c r="AX735">
        <v>75.870967741935488</v>
      </c>
      <c r="AY735">
        <v>41.5</v>
      </c>
      <c r="AZ735">
        <v>79.5</v>
      </c>
      <c r="BA735">
        <v>0.64520821237697457</v>
      </c>
      <c r="BB735">
        <v>0.4375</v>
      </c>
      <c r="BC735">
        <v>3.2551105127277409</v>
      </c>
      <c r="BD735" t="s">
        <v>2853</v>
      </c>
      <c r="BE735" t="s">
        <v>62</v>
      </c>
    </row>
    <row r="736" spans="1:57" x14ac:dyDescent="0.3">
      <c r="A736" t="s">
        <v>2854</v>
      </c>
      <c r="B736">
        <v>3377</v>
      </c>
      <c r="C736" t="s">
        <v>2855</v>
      </c>
      <c r="D736" t="s">
        <v>2856</v>
      </c>
      <c r="E736" t="s">
        <v>128</v>
      </c>
      <c r="F736">
        <v>32</v>
      </c>
      <c r="G736">
        <v>135.3125</v>
      </c>
      <c r="H736">
        <v>132.5</v>
      </c>
      <c r="I736">
        <v>5050.40234375</v>
      </c>
      <c r="J736">
        <v>71.066182842122601</v>
      </c>
      <c r="K736">
        <v>-4.1455964983944287E-3</v>
      </c>
      <c r="L736">
        <v>-1.2183282673363349</v>
      </c>
      <c r="M736">
        <v>4.9375</v>
      </c>
      <c r="N736">
        <v>2</v>
      </c>
      <c r="O736">
        <v>1</v>
      </c>
      <c r="P736">
        <v>1</v>
      </c>
      <c r="Q736">
        <v>0.17668469596940839</v>
      </c>
      <c r="R736">
        <v>3.422414204014729</v>
      </c>
      <c r="S736">
        <v>1</v>
      </c>
      <c r="T736">
        <v>1</v>
      </c>
      <c r="U736">
        <v>0</v>
      </c>
      <c r="V736">
        <v>0</v>
      </c>
      <c r="W736">
        <v>3.4339872044851458</v>
      </c>
      <c r="X736">
        <v>1</v>
      </c>
      <c r="Y736">
        <v>1</v>
      </c>
      <c r="Z736">
        <v>0</v>
      </c>
      <c r="AA736">
        <v>0</v>
      </c>
      <c r="AB736">
        <v>3.401197381662155</v>
      </c>
      <c r="AC736">
        <v>1</v>
      </c>
      <c r="AD736">
        <v>1</v>
      </c>
      <c r="AE736">
        <v>0</v>
      </c>
      <c r="AF736">
        <v>0</v>
      </c>
      <c r="AG736">
        <v>3.3672958299864728</v>
      </c>
      <c r="AH736">
        <v>-0.4548293887863204</v>
      </c>
      <c r="AI736">
        <v>2.2647435654492259E-2</v>
      </c>
      <c r="AJ736">
        <v>-0.1966596923744473</v>
      </c>
      <c r="AK736">
        <v>-0.17924957440736081</v>
      </c>
      <c r="AL736">
        <v>490.00987927613738</v>
      </c>
      <c r="AM736">
        <v>712.32458767880894</v>
      </c>
      <c r="AN736">
        <v>4330</v>
      </c>
      <c r="AO736">
        <v>116.3763094659856</v>
      </c>
      <c r="AP736">
        <v>328.52995500374863</v>
      </c>
      <c r="AQ736">
        <v>1.65625</v>
      </c>
      <c r="AR736">
        <v>4.09375</v>
      </c>
      <c r="AS736">
        <v>32</v>
      </c>
      <c r="AT736">
        <v>0.9375</v>
      </c>
      <c r="AU736">
        <v>7.3214285714285676E-2</v>
      </c>
      <c r="AV736">
        <v>-0.46973473492719431</v>
      </c>
      <c r="AW736">
        <v>0.40625</v>
      </c>
      <c r="AX736">
        <v>107.7741935483871</v>
      </c>
      <c r="AY736">
        <v>57.5</v>
      </c>
      <c r="AZ736">
        <v>119.5</v>
      </c>
      <c r="BA736">
        <v>0.52520042747065199</v>
      </c>
      <c r="BB736">
        <v>0.5</v>
      </c>
      <c r="BC736">
        <v>3.2998296856670919</v>
      </c>
      <c r="BD736" t="s">
        <v>2857</v>
      </c>
      <c r="BE736" t="s">
        <v>62</v>
      </c>
    </row>
    <row r="737" spans="1:57" x14ac:dyDescent="0.3">
      <c r="A737" t="s">
        <v>2858</v>
      </c>
      <c r="B737">
        <v>578</v>
      </c>
      <c r="C737" t="s">
        <v>2859</v>
      </c>
      <c r="D737" t="s">
        <v>2860</v>
      </c>
      <c r="E737" t="s">
        <v>93</v>
      </c>
      <c r="F737">
        <v>580</v>
      </c>
      <c r="G737">
        <v>125.3275862068966</v>
      </c>
      <c r="H737">
        <v>127</v>
      </c>
      <c r="I737">
        <v>5470.5995838287754</v>
      </c>
      <c r="J737">
        <v>73.963501700695431</v>
      </c>
      <c r="K737">
        <v>2.4848040002889728E-2</v>
      </c>
      <c r="L737">
        <v>-1.2013303068126331</v>
      </c>
      <c r="M737">
        <v>7.6126811241644026</v>
      </c>
      <c r="N737">
        <v>7</v>
      </c>
      <c r="O737">
        <v>1</v>
      </c>
      <c r="P737">
        <v>6</v>
      </c>
      <c r="Q737">
        <v>1.411191382832798</v>
      </c>
      <c r="R737">
        <v>5.2767084577164649</v>
      </c>
      <c r="S737">
        <v>2</v>
      </c>
      <c r="T737">
        <v>1</v>
      </c>
      <c r="U737">
        <v>1</v>
      </c>
      <c r="V737">
        <v>7.1980598755652381E-2</v>
      </c>
      <c r="W737">
        <v>6.3541196052355868</v>
      </c>
      <c r="X737">
        <v>1</v>
      </c>
      <c r="Y737">
        <v>1</v>
      </c>
      <c r="Z737">
        <v>0</v>
      </c>
      <c r="AA737">
        <v>0</v>
      </c>
      <c r="AB737">
        <v>6.3595738686723777</v>
      </c>
      <c r="AC737">
        <v>1</v>
      </c>
      <c r="AD737">
        <v>1</v>
      </c>
      <c r="AE737">
        <v>0</v>
      </c>
      <c r="AF737">
        <v>0</v>
      </c>
      <c r="AG737">
        <v>6.3578422665080989</v>
      </c>
      <c r="AH737">
        <v>6.076049469207314E-2</v>
      </c>
      <c r="AI737">
        <v>-3.1334190371739387E-2</v>
      </c>
      <c r="AJ737">
        <v>-2.4510945742934769E-2</v>
      </c>
      <c r="AK737">
        <v>2.6197904399573011E-2</v>
      </c>
      <c r="AL737">
        <v>1705.4577831724609</v>
      </c>
      <c r="AM737">
        <v>3061.7680757719841</v>
      </c>
      <c r="AN737">
        <v>72690</v>
      </c>
      <c r="AO737">
        <v>47.042124469387623</v>
      </c>
      <c r="AP737">
        <v>1521.743145001444</v>
      </c>
      <c r="AQ737">
        <v>1.039655172413793</v>
      </c>
      <c r="AR737">
        <v>4.0051724137931037</v>
      </c>
      <c r="AS737">
        <v>576</v>
      </c>
      <c r="AT737">
        <v>176.92758620689651</v>
      </c>
      <c r="AU737">
        <v>2.7484787018255571E-2</v>
      </c>
      <c r="AV737">
        <v>6.0965979026967793E-2</v>
      </c>
      <c r="AW737">
        <v>0.35172413793103452</v>
      </c>
      <c r="AX737">
        <v>83.428324697754746</v>
      </c>
      <c r="AY737">
        <v>64</v>
      </c>
      <c r="AZ737">
        <v>126</v>
      </c>
      <c r="BA737">
        <v>0.59016138377222926</v>
      </c>
      <c r="BB737">
        <v>0.50689655172413794</v>
      </c>
      <c r="BC737">
        <v>5.0656060132162199</v>
      </c>
      <c r="BD737" t="s">
        <v>2861</v>
      </c>
      <c r="BE737" t="s">
        <v>68</v>
      </c>
    </row>
    <row r="738" spans="1:57" x14ac:dyDescent="0.3">
      <c r="A738" t="s">
        <v>2862</v>
      </c>
      <c r="B738">
        <v>836</v>
      </c>
      <c r="C738" t="s">
        <v>2863</v>
      </c>
      <c r="D738" t="s">
        <v>2864</v>
      </c>
      <c r="E738" t="s">
        <v>66</v>
      </c>
      <c r="F738">
        <v>71</v>
      </c>
      <c r="G738">
        <v>125.5915492957746</v>
      </c>
      <c r="H738">
        <v>119</v>
      </c>
      <c r="I738">
        <v>5724.2697877405271</v>
      </c>
      <c r="J738">
        <v>75.658904219797734</v>
      </c>
      <c r="K738">
        <v>0.12539076989159359</v>
      </c>
      <c r="L738">
        <v>-1.1514668183469801</v>
      </c>
      <c r="M738">
        <v>5.9243950068286209</v>
      </c>
      <c r="N738">
        <v>2</v>
      </c>
      <c r="O738">
        <v>1</v>
      </c>
      <c r="P738">
        <v>1</v>
      </c>
      <c r="Q738">
        <v>0.33295518989528627</v>
      </c>
      <c r="R738">
        <v>4.1064776955066806</v>
      </c>
      <c r="S738">
        <v>1</v>
      </c>
      <c r="T738">
        <v>1</v>
      </c>
      <c r="U738">
        <v>0</v>
      </c>
      <c r="V738">
        <v>0</v>
      </c>
      <c r="W738">
        <v>4.2484952420493576</v>
      </c>
      <c r="X738">
        <v>1</v>
      </c>
      <c r="Y738">
        <v>1</v>
      </c>
      <c r="Z738">
        <v>0</v>
      </c>
      <c r="AA738">
        <v>0</v>
      </c>
      <c r="AB738">
        <v>4.2341065045972579</v>
      </c>
      <c r="AC738">
        <v>1</v>
      </c>
      <c r="AD738">
        <v>1</v>
      </c>
      <c r="AE738">
        <v>0</v>
      </c>
      <c r="AF738">
        <v>0</v>
      </c>
      <c r="AG738">
        <v>4.2195077051761087</v>
      </c>
      <c r="AH738">
        <v>0.1108463847272196</v>
      </c>
      <c r="AI738">
        <v>0.1111096971524979</v>
      </c>
      <c r="AJ738">
        <v>0.1007698343767388</v>
      </c>
      <c r="AK738">
        <v>-0.1209726271107788</v>
      </c>
      <c r="AL738">
        <v>699.8521855224069</v>
      </c>
      <c r="AM738">
        <v>1018.1011336893361</v>
      </c>
      <c r="AN738">
        <v>8917</v>
      </c>
      <c r="AO738">
        <v>107.225825550688</v>
      </c>
      <c r="AP738">
        <v>579.61403637211811</v>
      </c>
      <c r="AQ738">
        <v>1.323943661971831</v>
      </c>
      <c r="AR738">
        <v>4.070422535211268</v>
      </c>
      <c r="AS738">
        <v>71</v>
      </c>
      <c r="AT738">
        <v>6.1971830985915481</v>
      </c>
      <c r="AU738">
        <v>8.0861640430820225E-2</v>
      </c>
      <c r="AV738">
        <v>0.11175053394153051</v>
      </c>
      <c r="AW738">
        <v>0.45070422535211269</v>
      </c>
      <c r="AX738">
        <v>83.185714285714283</v>
      </c>
      <c r="AY738">
        <v>66</v>
      </c>
      <c r="AZ738">
        <v>128</v>
      </c>
      <c r="BA738">
        <v>0.60242034312051584</v>
      </c>
      <c r="BB738">
        <v>0.45070422535211269</v>
      </c>
      <c r="BC738">
        <v>4.0627824221373086</v>
      </c>
      <c r="BD738" t="s">
        <v>2865</v>
      </c>
      <c r="BE738" t="s">
        <v>68</v>
      </c>
    </row>
    <row r="739" spans="1:57" x14ac:dyDescent="0.3">
      <c r="A739" t="s">
        <v>2866</v>
      </c>
      <c r="B739">
        <v>1633</v>
      </c>
      <c r="C739" t="s">
        <v>2867</v>
      </c>
      <c r="D739" t="s">
        <v>2868</v>
      </c>
      <c r="E739" t="s">
        <v>66</v>
      </c>
      <c r="F739">
        <v>72</v>
      </c>
      <c r="G739">
        <v>116.875</v>
      </c>
      <c r="H739">
        <v>115</v>
      </c>
      <c r="I739">
        <v>6344.9149305555557</v>
      </c>
      <c r="J739">
        <v>79.654974298882024</v>
      </c>
      <c r="K739">
        <v>0.150545335363993</v>
      </c>
      <c r="L739">
        <v>-1.2822640171952051</v>
      </c>
      <c r="M739">
        <v>5.8261071194678236</v>
      </c>
      <c r="N739">
        <v>3</v>
      </c>
      <c r="O739">
        <v>1</v>
      </c>
      <c r="P739">
        <v>2</v>
      </c>
      <c r="Q739">
        <v>0.43969686527576402</v>
      </c>
      <c r="R739">
        <v>4.0383497234993433</v>
      </c>
      <c r="S739">
        <v>2</v>
      </c>
      <c r="T739">
        <v>1</v>
      </c>
      <c r="U739">
        <v>1</v>
      </c>
      <c r="V739">
        <v>0.16776575221435111</v>
      </c>
      <c r="W739">
        <v>4.2236293316576567</v>
      </c>
      <c r="X739">
        <v>2</v>
      </c>
      <c r="Y739">
        <v>1</v>
      </c>
      <c r="Z739">
        <v>1</v>
      </c>
      <c r="AA739">
        <v>0.11951030798891769</v>
      </c>
      <c r="AB739">
        <v>4.2286910368905044</v>
      </c>
      <c r="AC739">
        <v>1</v>
      </c>
      <c r="AD739">
        <v>1</v>
      </c>
      <c r="AE739">
        <v>0</v>
      </c>
      <c r="AF739">
        <v>0</v>
      </c>
      <c r="AG739">
        <v>4.2341065045972579</v>
      </c>
      <c r="AH739">
        <v>-4.6125389946181199E-2</v>
      </c>
      <c r="AI739">
        <v>-3.3750028388328253E-2</v>
      </c>
      <c r="AJ739">
        <v>0.11324805297111561</v>
      </c>
      <c r="AK739">
        <v>7.8484150830539876E-2</v>
      </c>
      <c r="AL739">
        <v>699.30054484560787</v>
      </c>
      <c r="AM739">
        <v>975.35416540794847</v>
      </c>
      <c r="AN739">
        <v>8415</v>
      </c>
      <c r="AO739">
        <v>38.531796768870123</v>
      </c>
      <c r="AP739">
        <v>475.443608335926</v>
      </c>
      <c r="AQ739">
        <v>1.319444444444444</v>
      </c>
      <c r="AR739">
        <v>3.666666666666667</v>
      </c>
      <c r="AS739">
        <v>72</v>
      </c>
      <c r="AT739">
        <v>9.6666666666666643</v>
      </c>
      <c r="AU739">
        <v>0.12973856209150331</v>
      </c>
      <c r="AV739">
        <v>-4.6349031513970081E-2</v>
      </c>
      <c r="AW739">
        <v>0.375</v>
      </c>
      <c r="AX739">
        <v>95.295774647887328</v>
      </c>
      <c r="AY739">
        <v>69</v>
      </c>
      <c r="AZ739">
        <v>137</v>
      </c>
      <c r="BA739">
        <v>0.68153988704925794</v>
      </c>
      <c r="BB739">
        <v>0.4861111111111111</v>
      </c>
      <c r="BC739">
        <v>4.0600574579573241</v>
      </c>
      <c r="BD739" t="s">
        <v>2869</v>
      </c>
      <c r="BE739" t="s">
        <v>68</v>
      </c>
    </row>
    <row r="740" spans="1:57" x14ac:dyDescent="0.3">
      <c r="A740" t="s">
        <v>2870</v>
      </c>
      <c r="B740">
        <v>686</v>
      </c>
      <c r="C740" t="s">
        <v>2871</v>
      </c>
      <c r="D740" t="s">
        <v>2872</v>
      </c>
      <c r="E740" t="s">
        <v>10622</v>
      </c>
      <c r="F740">
        <v>64</v>
      </c>
      <c r="G740">
        <v>128.15625</v>
      </c>
      <c r="H740">
        <v>126.5</v>
      </c>
      <c r="I740">
        <v>4424.7255859375</v>
      </c>
      <c r="J740">
        <v>66.518610823870191</v>
      </c>
      <c r="K740">
        <v>7.0663847133260571E-2</v>
      </c>
      <c r="L740">
        <v>-1.0077470852082551</v>
      </c>
      <c r="M740">
        <v>5.738204882778696</v>
      </c>
      <c r="N740">
        <v>3</v>
      </c>
      <c r="O740">
        <v>1</v>
      </c>
      <c r="P740">
        <v>2</v>
      </c>
      <c r="Q740">
        <v>0.3976974544878587</v>
      </c>
      <c r="R740">
        <v>3.9774205359733652</v>
      </c>
      <c r="S740">
        <v>1</v>
      </c>
      <c r="T740">
        <v>1</v>
      </c>
      <c r="U740">
        <v>0</v>
      </c>
      <c r="V740">
        <v>0</v>
      </c>
      <c r="W740">
        <v>4.1431347263915326</v>
      </c>
      <c r="X740">
        <v>1</v>
      </c>
      <c r="Y740">
        <v>1</v>
      </c>
      <c r="Z740">
        <v>0</v>
      </c>
      <c r="AA740">
        <v>0</v>
      </c>
      <c r="AB740">
        <v>4.1271343850450908</v>
      </c>
      <c r="AC740">
        <v>1</v>
      </c>
      <c r="AD740">
        <v>1</v>
      </c>
      <c r="AE740">
        <v>0</v>
      </c>
      <c r="AF740">
        <v>0</v>
      </c>
      <c r="AG740">
        <v>4.1108738641733096</v>
      </c>
      <c r="AH740">
        <v>-2.4493351266045581E-2</v>
      </c>
      <c r="AI740">
        <v>-7.9029062591937746E-2</v>
      </c>
      <c r="AJ740">
        <v>0.11350866057746779</v>
      </c>
      <c r="AK740">
        <v>-3.9778002266206917E-2</v>
      </c>
      <c r="AL740">
        <v>611.24171476588242</v>
      </c>
      <c r="AM740">
        <v>980.15486844174973</v>
      </c>
      <c r="AN740">
        <v>8202</v>
      </c>
      <c r="AO740">
        <v>98.893542417418487</v>
      </c>
      <c r="AP740">
        <v>467.49037181280261</v>
      </c>
      <c r="AQ740">
        <v>1.359375</v>
      </c>
      <c r="AR740">
        <v>3.828125</v>
      </c>
      <c r="AS740">
        <v>64</v>
      </c>
      <c r="AT740">
        <v>7.75</v>
      </c>
      <c r="AU740">
        <v>0.1064723320158103</v>
      </c>
      <c r="AV740">
        <v>-2.4957569095762359E-2</v>
      </c>
      <c r="AW740">
        <v>0.421875</v>
      </c>
      <c r="AX740">
        <v>78.857142857142861</v>
      </c>
      <c r="AY740">
        <v>54</v>
      </c>
      <c r="AZ740">
        <v>107.5</v>
      </c>
      <c r="BA740">
        <v>0.51904304958884329</v>
      </c>
      <c r="BB740">
        <v>0.484375</v>
      </c>
      <c r="BC740">
        <v>3.906476950221248</v>
      </c>
      <c r="BD740" t="s">
        <v>2873</v>
      </c>
      <c r="BE740" t="s">
        <v>62</v>
      </c>
    </row>
    <row r="741" spans="1:57" x14ac:dyDescent="0.3">
      <c r="A741" t="s">
        <v>2874</v>
      </c>
      <c r="B741">
        <v>3692</v>
      </c>
      <c r="C741" t="s">
        <v>2875</v>
      </c>
      <c r="D741" t="s">
        <v>2876</v>
      </c>
      <c r="E741" t="s">
        <v>72</v>
      </c>
      <c r="F741">
        <v>3712</v>
      </c>
      <c r="G741">
        <v>126.2879849137931</v>
      </c>
      <c r="H741">
        <v>125</v>
      </c>
      <c r="I741">
        <v>5464.3359763273584</v>
      </c>
      <c r="J741">
        <v>73.921147017124667</v>
      </c>
      <c r="K741">
        <v>1.328464251816632E-2</v>
      </c>
      <c r="L741">
        <v>-1.187430353233579</v>
      </c>
      <c r="M741">
        <v>7.9452842527857168</v>
      </c>
      <c r="N741">
        <v>25</v>
      </c>
      <c r="O741">
        <v>2</v>
      </c>
      <c r="P741">
        <v>23</v>
      </c>
      <c r="Q741">
        <v>3.9340262454640542</v>
      </c>
      <c r="R741">
        <v>5.5072513785657549</v>
      </c>
      <c r="S741">
        <v>3</v>
      </c>
      <c r="T741">
        <v>1</v>
      </c>
      <c r="U741">
        <v>2</v>
      </c>
      <c r="V741">
        <v>0.17301492444407041</v>
      </c>
      <c r="W741">
        <v>8.1794094898536756</v>
      </c>
      <c r="X741">
        <v>2</v>
      </c>
      <c r="Y741">
        <v>1</v>
      </c>
      <c r="Z741">
        <v>1</v>
      </c>
      <c r="AA741">
        <v>1.641772698585962E-2</v>
      </c>
      <c r="AB741">
        <v>8.2184134913531999</v>
      </c>
      <c r="AC741">
        <v>1</v>
      </c>
      <c r="AD741">
        <v>1</v>
      </c>
      <c r="AE741">
        <v>0</v>
      </c>
      <c r="AF741">
        <v>0</v>
      </c>
      <c r="AG741">
        <v>8.2185175774895924</v>
      </c>
      <c r="AH741">
        <v>4.0555299789288943E-2</v>
      </c>
      <c r="AI741">
        <v>-9.6352276108553191E-4</v>
      </c>
      <c r="AJ741">
        <v>2.1389195952564329E-2</v>
      </c>
      <c r="AK741">
        <v>1.179777453220574E-2</v>
      </c>
      <c r="AL741">
        <v>4110.3863413055578</v>
      </c>
      <c r="AM741">
        <v>7911.3682208078708</v>
      </c>
      <c r="AN741">
        <v>468781</v>
      </c>
      <c r="AO741">
        <v>102.6381102744329</v>
      </c>
      <c r="AP741">
        <v>3683.5270046216301</v>
      </c>
      <c r="AQ741">
        <v>1.006196120689655</v>
      </c>
      <c r="AR741">
        <v>4.0150862068965516</v>
      </c>
      <c r="AS741">
        <v>3700</v>
      </c>
      <c r="AT741">
        <v>273.24137931034488</v>
      </c>
      <c r="AU741">
        <v>1.448085699797153E-2</v>
      </c>
      <c r="AV741">
        <v>4.058249761775963E-2</v>
      </c>
      <c r="AW741">
        <v>0.37365301724137928</v>
      </c>
      <c r="AX741">
        <v>83.053624360010772</v>
      </c>
      <c r="AY741">
        <v>63.5</v>
      </c>
      <c r="AZ741">
        <v>127</v>
      </c>
      <c r="BA741">
        <v>0.58533792480404867</v>
      </c>
      <c r="BB741">
        <v>0.49488146551724138</v>
      </c>
      <c r="BC741">
        <v>5.3101791244761811</v>
      </c>
      <c r="BD741" t="s">
        <v>2877</v>
      </c>
      <c r="BE741" t="s">
        <v>62</v>
      </c>
    </row>
    <row r="742" spans="1:57" x14ac:dyDescent="0.3">
      <c r="A742" t="s">
        <v>2878</v>
      </c>
      <c r="B742">
        <v>3515</v>
      </c>
      <c r="C742" t="s">
        <v>2879</v>
      </c>
      <c r="D742" t="s">
        <v>2880</v>
      </c>
      <c r="E742" t="s">
        <v>72</v>
      </c>
      <c r="F742">
        <v>3528</v>
      </c>
      <c r="G742">
        <v>129.20890022675741</v>
      </c>
      <c r="H742">
        <v>131</v>
      </c>
      <c r="I742">
        <v>5519.7735375660086</v>
      </c>
      <c r="J742">
        <v>74.295178427445805</v>
      </c>
      <c r="K742">
        <v>-2.9770042456054899E-2</v>
      </c>
      <c r="L742">
        <v>-1.196103298604271</v>
      </c>
      <c r="M742">
        <v>7.9471245388963094</v>
      </c>
      <c r="N742">
        <v>25</v>
      </c>
      <c r="O742">
        <v>6</v>
      </c>
      <c r="P742">
        <v>19</v>
      </c>
      <c r="Q742">
        <v>3.7184873856852061</v>
      </c>
      <c r="R742">
        <v>5.5085269676947384</v>
      </c>
      <c r="S742">
        <v>3</v>
      </c>
      <c r="T742">
        <v>1</v>
      </c>
      <c r="U742">
        <v>2</v>
      </c>
      <c r="V742">
        <v>0.1693005785461984</v>
      </c>
      <c r="W742">
        <v>8.1304179263410461</v>
      </c>
      <c r="X742">
        <v>1</v>
      </c>
      <c r="Y742">
        <v>1</v>
      </c>
      <c r="Z742">
        <v>0</v>
      </c>
      <c r="AA742">
        <v>0</v>
      </c>
      <c r="AB742">
        <v>8.167919362957818</v>
      </c>
      <c r="AC742">
        <v>1</v>
      </c>
      <c r="AD742">
        <v>1</v>
      </c>
      <c r="AE742">
        <v>0</v>
      </c>
      <c r="AF742">
        <v>0</v>
      </c>
      <c r="AG742">
        <v>8.1676357152463694</v>
      </c>
      <c r="AH742">
        <v>1.6394404023762191E-2</v>
      </c>
      <c r="AI742">
        <v>-2.6039066932086439E-2</v>
      </c>
      <c r="AJ742">
        <v>6.5470067370795729E-3</v>
      </c>
      <c r="AK742">
        <v>4.6020293450859957E-2</v>
      </c>
      <c r="AL742">
        <v>4037.5956848674441</v>
      </c>
      <c r="AM742">
        <v>7878.5360369512664</v>
      </c>
      <c r="AN742">
        <v>455849</v>
      </c>
      <c r="AO742">
        <v>83.209660607846956</v>
      </c>
      <c r="AP742">
        <v>3681.779526859455</v>
      </c>
      <c r="AQ742">
        <v>1.0065192743764171</v>
      </c>
      <c r="AR742">
        <v>4.0269274376417226</v>
      </c>
      <c r="AS742">
        <v>3514</v>
      </c>
      <c r="AT742">
        <v>256.8526077097506</v>
      </c>
      <c r="AU742">
        <v>1.9957983193277299E-2</v>
      </c>
      <c r="AV742">
        <v>1.6400118282869362E-2</v>
      </c>
      <c r="AW742">
        <v>0.35912698412698407</v>
      </c>
      <c r="AX742">
        <v>85.073717039977325</v>
      </c>
      <c r="AY742">
        <v>65</v>
      </c>
      <c r="AZ742">
        <v>130</v>
      </c>
      <c r="BA742">
        <v>0.57500047053306858</v>
      </c>
      <c r="BB742">
        <v>0.50538548752834467</v>
      </c>
      <c r="BC742">
        <v>5.3142189358281593</v>
      </c>
      <c r="BD742" t="s">
        <v>2881</v>
      </c>
      <c r="BE742" t="s">
        <v>68</v>
      </c>
    </row>
    <row r="743" spans="1:57" x14ac:dyDescent="0.3">
      <c r="A743" t="s">
        <v>2882</v>
      </c>
      <c r="B743">
        <v>1242</v>
      </c>
      <c r="C743" t="s">
        <v>2883</v>
      </c>
      <c r="D743" t="s">
        <v>2884</v>
      </c>
      <c r="E743" t="s">
        <v>106</v>
      </c>
      <c r="F743">
        <v>1262</v>
      </c>
      <c r="G743">
        <v>125.4041204437401</v>
      </c>
      <c r="H743">
        <v>125</v>
      </c>
      <c r="I743">
        <v>5350.4135487905642</v>
      </c>
      <c r="J743">
        <v>73.14652109834455</v>
      </c>
      <c r="K743">
        <v>2.290320849113632E-2</v>
      </c>
      <c r="L743">
        <v>-1.2086187068175509</v>
      </c>
      <c r="M743">
        <v>7.8253219569691108</v>
      </c>
      <c r="N743">
        <v>13</v>
      </c>
      <c r="O743">
        <v>1</v>
      </c>
      <c r="P743">
        <v>12</v>
      </c>
      <c r="Q743">
        <v>2.300510707071298</v>
      </c>
      <c r="R743">
        <v>5.4240998514469672</v>
      </c>
      <c r="S743">
        <v>2</v>
      </c>
      <c r="T743">
        <v>1</v>
      </c>
      <c r="U743">
        <v>1</v>
      </c>
      <c r="V743">
        <v>0.1015291077584267</v>
      </c>
      <c r="W743">
        <v>7.1253686415203834</v>
      </c>
      <c r="X743">
        <v>1</v>
      </c>
      <c r="Y743">
        <v>1</v>
      </c>
      <c r="Z743">
        <v>0</v>
      </c>
      <c r="AA743">
        <v>0</v>
      </c>
      <c r="AB743">
        <v>7.138866999945523</v>
      </c>
      <c r="AC743">
        <v>1</v>
      </c>
      <c r="AD743">
        <v>1</v>
      </c>
      <c r="AE743">
        <v>0</v>
      </c>
      <c r="AF743">
        <v>0</v>
      </c>
      <c r="AG743">
        <v>7.1380730340443481</v>
      </c>
      <c r="AH743">
        <v>-2.8295319589071218E-3</v>
      </c>
      <c r="AI743">
        <v>-4.4852354825994693E-2</v>
      </c>
      <c r="AJ743">
        <v>7.5406072448330655E-2</v>
      </c>
      <c r="AK743">
        <v>1.5885857189679671E-2</v>
      </c>
      <c r="AL743">
        <v>2412.3409159992452</v>
      </c>
      <c r="AM743">
        <v>4558.4305747697763</v>
      </c>
      <c r="AN743">
        <v>158260</v>
      </c>
      <c r="AO743">
        <v>22.908358404304771</v>
      </c>
      <c r="AP743">
        <v>2135.8177425729368</v>
      </c>
      <c r="AQ743">
        <v>1.0182250396196511</v>
      </c>
      <c r="AR743">
        <v>4.0071315372424721</v>
      </c>
      <c r="AS743">
        <v>1257</v>
      </c>
      <c r="AT743">
        <v>268.42947702060218</v>
      </c>
      <c r="AU743">
        <v>2.171156893819326E-2</v>
      </c>
      <c r="AV743">
        <v>-2.8302514568161381E-3</v>
      </c>
      <c r="AW743">
        <v>0.37400950871632332</v>
      </c>
      <c r="AX743">
        <v>84.002379064234731</v>
      </c>
      <c r="AY743">
        <v>64</v>
      </c>
      <c r="AZ743">
        <v>127</v>
      </c>
      <c r="BA743">
        <v>0.58328642503545314</v>
      </c>
      <c r="BB743">
        <v>0.49524564183835179</v>
      </c>
      <c r="BC743">
        <v>5.2416760689444866</v>
      </c>
      <c r="BD743" t="s">
        <v>2885</v>
      </c>
      <c r="BE743" t="s">
        <v>68</v>
      </c>
    </row>
    <row r="744" spans="1:57" x14ac:dyDescent="0.3">
      <c r="A744" t="s">
        <v>2886</v>
      </c>
      <c r="B744">
        <v>1100</v>
      </c>
      <c r="C744" t="s">
        <v>2887</v>
      </c>
      <c r="D744" t="s">
        <v>2888</v>
      </c>
      <c r="E744" t="s">
        <v>10622</v>
      </c>
      <c r="F744">
        <v>64</v>
      </c>
      <c r="G744">
        <v>130.46875</v>
      </c>
      <c r="H744">
        <v>133</v>
      </c>
      <c r="I744">
        <v>6480.2490234375</v>
      </c>
      <c r="J744">
        <v>80.499993934394183</v>
      </c>
      <c r="K744">
        <v>-3.3882850795809098E-2</v>
      </c>
      <c r="L744">
        <v>-1.393471180177001</v>
      </c>
      <c r="M744">
        <v>5.695159765557392</v>
      </c>
      <c r="N744">
        <v>3</v>
      </c>
      <c r="O744">
        <v>1</v>
      </c>
      <c r="P744">
        <v>2</v>
      </c>
      <c r="Q744">
        <v>0.45780648407324248</v>
      </c>
      <c r="R744">
        <v>3.947583934334546</v>
      </c>
      <c r="S744">
        <v>1</v>
      </c>
      <c r="T744">
        <v>1</v>
      </c>
      <c r="U744">
        <v>0</v>
      </c>
      <c r="V744">
        <v>0</v>
      </c>
      <c r="W744">
        <v>4.1431347263915326</v>
      </c>
      <c r="X744">
        <v>1</v>
      </c>
      <c r="Y744">
        <v>1</v>
      </c>
      <c r="Z744">
        <v>0</v>
      </c>
      <c r="AA744">
        <v>0</v>
      </c>
      <c r="AB744">
        <v>4.1271343850450908</v>
      </c>
      <c r="AC744">
        <v>1</v>
      </c>
      <c r="AD744">
        <v>1</v>
      </c>
      <c r="AE744">
        <v>0</v>
      </c>
      <c r="AF744">
        <v>0</v>
      </c>
      <c r="AG744">
        <v>4.1108738641733096</v>
      </c>
      <c r="AH744">
        <v>-0.13422290774250181</v>
      </c>
      <c r="AI744">
        <v>0.12186473603309329</v>
      </c>
      <c r="AJ744">
        <v>-9.5312390508267689E-2</v>
      </c>
      <c r="AK744">
        <v>-5.1370888291118973E-2</v>
      </c>
      <c r="AL744">
        <v>719.77217964693318</v>
      </c>
      <c r="AM744">
        <v>993.01460684438223</v>
      </c>
      <c r="AN744">
        <v>8350</v>
      </c>
      <c r="AO744">
        <v>206.2454232352604</v>
      </c>
      <c r="AP744">
        <v>549.99721025290376</v>
      </c>
      <c r="AQ744">
        <v>1.359375</v>
      </c>
      <c r="AR744">
        <v>4.21875</v>
      </c>
      <c r="AS744">
        <v>64</v>
      </c>
      <c r="AT744">
        <v>9.9062500000000036</v>
      </c>
      <c r="AU744">
        <v>0.12752016129032259</v>
      </c>
      <c r="AV744">
        <v>-0.13808743713561089</v>
      </c>
      <c r="AW744">
        <v>0.34375</v>
      </c>
      <c r="AX744">
        <v>96.460317460317455</v>
      </c>
      <c r="AY744">
        <v>83.5</v>
      </c>
      <c r="AZ744">
        <v>168.5</v>
      </c>
      <c r="BA744">
        <v>0.61700594153308119</v>
      </c>
      <c r="BB744">
        <v>0.5</v>
      </c>
      <c r="BC744">
        <v>3.9587918211102049</v>
      </c>
      <c r="BD744" t="s">
        <v>2889</v>
      </c>
      <c r="BE744" t="s">
        <v>62</v>
      </c>
    </row>
    <row r="745" spans="1:57" x14ac:dyDescent="0.3">
      <c r="A745" t="s">
        <v>2890</v>
      </c>
      <c r="B745">
        <v>1522</v>
      </c>
      <c r="C745" t="s">
        <v>2891</v>
      </c>
      <c r="D745" t="s">
        <v>2892</v>
      </c>
      <c r="E745" t="s">
        <v>128</v>
      </c>
      <c r="F745">
        <v>32</v>
      </c>
      <c r="G745">
        <v>111</v>
      </c>
      <c r="H745">
        <v>111</v>
      </c>
      <c r="I745">
        <v>5580.1875</v>
      </c>
      <c r="J745">
        <v>74.700652607591053</v>
      </c>
      <c r="K745">
        <v>0.15287071739621069</v>
      </c>
      <c r="L745">
        <v>-1.4294755917523541</v>
      </c>
      <c r="M745">
        <v>4.6875</v>
      </c>
      <c r="N745">
        <v>4</v>
      </c>
      <c r="O745">
        <v>1</v>
      </c>
      <c r="P745">
        <v>3</v>
      </c>
      <c r="Q745">
        <v>0.58028845747399727</v>
      </c>
      <c r="R745">
        <v>3.2491274088747431</v>
      </c>
      <c r="S745">
        <v>1</v>
      </c>
      <c r="T745">
        <v>1</v>
      </c>
      <c r="U745">
        <v>0</v>
      </c>
      <c r="V745">
        <v>0</v>
      </c>
      <c r="W745">
        <v>3.4339872044851458</v>
      </c>
      <c r="X745">
        <v>1</v>
      </c>
      <c r="Y745">
        <v>1</v>
      </c>
      <c r="Z745">
        <v>0</v>
      </c>
      <c r="AA745">
        <v>0</v>
      </c>
      <c r="AB745">
        <v>3.401197381662155</v>
      </c>
      <c r="AC745">
        <v>1</v>
      </c>
      <c r="AD745">
        <v>1</v>
      </c>
      <c r="AE745">
        <v>0</v>
      </c>
      <c r="AF745">
        <v>0</v>
      </c>
      <c r="AG745">
        <v>3.3672958299864728</v>
      </c>
      <c r="AH745">
        <v>9.8058980993022182E-2</v>
      </c>
      <c r="AI745">
        <v>-6.1881881209188763E-3</v>
      </c>
      <c r="AJ745">
        <v>-0.1272414681406315</v>
      </c>
      <c r="AK745">
        <v>-9.5174893316756826E-2</v>
      </c>
      <c r="AL745">
        <v>496.77777126988627</v>
      </c>
      <c r="AM745">
        <v>571.00774598259568</v>
      </c>
      <c r="AN745">
        <v>3552</v>
      </c>
      <c r="AO745">
        <v>74.510133777191157</v>
      </c>
      <c r="AP745">
        <v>360.62611193928768</v>
      </c>
      <c r="AQ745">
        <v>1.65625</v>
      </c>
      <c r="AR745">
        <v>3.8125</v>
      </c>
      <c r="AS745">
        <v>32</v>
      </c>
      <c r="AT745">
        <v>8.2499999999999982</v>
      </c>
      <c r="AU745">
        <v>0.21294831223628691</v>
      </c>
      <c r="AV745">
        <v>0.10317404396449691</v>
      </c>
      <c r="AW745">
        <v>0.34375</v>
      </c>
      <c r="AX745">
        <v>77.612903225806448</v>
      </c>
      <c r="AY745">
        <v>72</v>
      </c>
      <c r="AZ745">
        <v>137.5</v>
      </c>
      <c r="BA745">
        <v>0.67297885232064014</v>
      </c>
      <c r="BB745">
        <v>0.5</v>
      </c>
      <c r="BC745">
        <v>3.3445488586064429</v>
      </c>
      <c r="BD745" t="s">
        <v>2893</v>
      </c>
      <c r="BE745" t="s">
        <v>62</v>
      </c>
    </row>
    <row r="746" spans="1:57" x14ac:dyDescent="0.3">
      <c r="A746" t="s">
        <v>2894</v>
      </c>
      <c r="B746">
        <v>3871</v>
      </c>
      <c r="C746" t="s">
        <v>2895</v>
      </c>
      <c r="D746" t="s">
        <v>2896</v>
      </c>
      <c r="E746" t="s">
        <v>85</v>
      </c>
      <c r="F746">
        <v>8</v>
      </c>
      <c r="G746">
        <v>151.75</v>
      </c>
      <c r="H746">
        <v>158.5</v>
      </c>
      <c r="I746">
        <v>3260.1875</v>
      </c>
      <c r="J746">
        <v>57.098051630506617</v>
      </c>
      <c r="K746">
        <v>-0.31044310390014251</v>
      </c>
      <c r="L746">
        <v>-1.172482556954678</v>
      </c>
      <c r="M746">
        <v>3</v>
      </c>
      <c r="N746">
        <v>1</v>
      </c>
      <c r="O746">
        <v>1</v>
      </c>
      <c r="P746">
        <v>0</v>
      </c>
      <c r="Q746">
        <v>0</v>
      </c>
      <c r="R746">
        <v>2.0794415416798362</v>
      </c>
      <c r="S746">
        <v>1</v>
      </c>
      <c r="T746">
        <v>1</v>
      </c>
      <c r="U746">
        <v>0</v>
      </c>
      <c r="V746">
        <v>0</v>
      </c>
      <c r="W746">
        <v>1.945910149055313</v>
      </c>
      <c r="X746">
        <v>1</v>
      </c>
      <c r="Y746">
        <v>1</v>
      </c>
      <c r="Z746">
        <v>0</v>
      </c>
      <c r="AA746">
        <v>0</v>
      </c>
      <c r="AB746">
        <v>1.791759469228055</v>
      </c>
      <c r="AC746">
        <v>1</v>
      </c>
      <c r="AD746">
        <v>1</v>
      </c>
      <c r="AE746">
        <v>0</v>
      </c>
      <c r="AF746">
        <v>0</v>
      </c>
      <c r="AG746">
        <v>1.6094379124341009</v>
      </c>
      <c r="AH746">
        <v>-0.20520531794567029</v>
      </c>
      <c r="AI746">
        <v>-0.61462626766098571</v>
      </c>
      <c r="AJ746">
        <v>-0.16125654199336689</v>
      </c>
      <c r="AK746">
        <v>0</v>
      </c>
      <c r="AL746">
        <v>280.11673188956428</v>
      </c>
      <c r="AM746">
        <v>363.09863193836179</v>
      </c>
      <c r="AN746">
        <v>1214</v>
      </c>
      <c r="AO746">
        <v>25.350167066469592</v>
      </c>
      <c r="AP746">
        <v>167.86115997961551</v>
      </c>
      <c r="AQ746">
        <v>3.5</v>
      </c>
      <c r="AR746">
        <v>4</v>
      </c>
      <c r="AS746">
        <v>8</v>
      </c>
      <c r="AT746">
        <v>0</v>
      </c>
      <c r="AU746">
        <v>0.23684210526315791</v>
      </c>
      <c r="AV746">
        <v>-0.26140255231642678</v>
      </c>
      <c r="AW746">
        <v>0.375</v>
      </c>
      <c r="AX746">
        <v>69.428571428571431</v>
      </c>
      <c r="AY746">
        <v>46</v>
      </c>
      <c r="AZ746">
        <v>95.75</v>
      </c>
      <c r="BA746">
        <v>0.37626393166725952</v>
      </c>
      <c r="BB746">
        <v>0.625</v>
      </c>
      <c r="BC746">
        <v>1.945910149055313</v>
      </c>
      <c r="BD746" t="s">
        <v>2895</v>
      </c>
      <c r="BE746" t="s">
        <v>68</v>
      </c>
    </row>
    <row r="747" spans="1:57" x14ac:dyDescent="0.3">
      <c r="A747" t="s">
        <v>2897</v>
      </c>
      <c r="B747">
        <v>3802</v>
      </c>
      <c r="C747" t="s">
        <v>2898</v>
      </c>
      <c r="D747" t="s">
        <v>2899</v>
      </c>
      <c r="E747" t="s">
        <v>85</v>
      </c>
      <c r="F747">
        <v>8</v>
      </c>
      <c r="G747">
        <v>92.25</v>
      </c>
      <c r="H747">
        <v>90</v>
      </c>
      <c r="I747">
        <v>2318.1875</v>
      </c>
      <c r="J747">
        <v>48.147559647400612</v>
      </c>
      <c r="K747">
        <v>8.1965577531449105E-2</v>
      </c>
      <c r="L747">
        <v>-1.372993439314089</v>
      </c>
      <c r="M747">
        <v>3</v>
      </c>
      <c r="N747">
        <v>1</v>
      </c>
      <c r="O747">
        <v>1</v>
      </c>
      <c r="P747">
        <v>0</v>
      </c>
      <c r="Q747">
        <v>0</v>
      </c>
      <c r="R747">
        <v>2.0794415416798362</v>
      </c>
      <c r="S747">
        <v>1</v>
      </c>
      <c r="T747">
        <v>1</v>
      </c>
      <c r="U747">
        <v>0</v>
      </c>
      <c r="V747">
        <v>0</v>
      </c>
      <c r="W747">
        <v>1.945910149055313</v>
      </c>
      <c r="X747">
        <v>1</v>
      </c>
      <c r="Y747">
        <v>1</v>
      </c>
      <c r="Z747">
        <v>0</v>
      </c>
      <c r="AA747">
        <v>0</v>
      </c>
      <c r="AB747">
        <v>1.791759469228055</v>
      </c>
      <c r="AC747">
        <v>1</v>
      </c>
      <c r="AD747">
        <v>1</v>
      </c>
      <c r="AE747">
        <v>0</v>
      </c>
      <c r="AF747">
        <v>0</v>
      </c>
      <c r="AG747">
        <v>1.6094379124341009</v>
      </c>
      <c r="AH747">
        <v>0.65716413685260577</v>
      </c>
      <c r="AI747">
        <v>3.0714998247553311E-2</v>
      </c>
      <c r="AJ747">
        <v>-0.26083483864010137</v>
      </c>
      <c r="AK747">
        <v>0</v>
      </c>
      <c r="AL747">
        <v>186.36423809488821</v>
      </c>
      <c r="AM747">
        <v>227.80335985079731</v>
      </c>
      <c r="AN747">
        <v>738</v>
      </c>
      <c r="AO747">
        <v>18</v>
      </c>
      <c r="AP747">
        <v>74</v>
      </c>
      <c r="AQ747">
        <v>3.5</v>
      </c>
      <c r="AR747">
        <v>3.375</v>
      </c>
      <c r="AS747">
        <v>8</v>
      </c>
      <c r="AT747">
        <v>0</v>
      </c>
      <c r="AU747">
        <v>0.2257575757575758</v>
      </c>
      <c r="AV747">
        <v>0.68830626480871926</v>
      </c>
      <c r="AW747">
        <v>0.625</v>
      </c>
      <c r="AX747">
        <v>32.285714285714278</v>
      </c>
      <c r="AY747">
        <v>46</v>
      </c>
      <c r="AZ747">
        <v>76.25</v>
      </c>
      <c r="BA747">
        <v>0.52192476582548086</v>
      </c>
      <c r="BB747">
        <v>0.5</v>
      </c>
      <c r="BC747">
        <v>1.945910149055313</v>
      </c>
      <c r="BD747" t="s">
        <v>2898</v>
      </c>
      <c r="BE747" t="s">
        <v>68</v>
      </c>
    </row>
    <row r="748" spans="1:57" x14ac:dyDescent="0.3">
      <c r="A748" t="s">
        <v>2900</v>
      </c>
      <c r="B748">
        <v>1310</v>
      </c>
      <c r="C748" t="s">
        <v>2901</v>
      </c>
      <c r="D748" t="s">
        <v>2902</v>
      </c>
      <c r="E748" t="s">
        <v>66</v>
      </c>
      <c r="F748">
        <v>71</v>
      </c>
      <c r="G748">
        <v>112.08450704225351</v>
      </c>
      <c r="H748">
        <v>112</v>
      </c>
      <c r="I748">
        <v>5846.6970839119231</v>
      </c>
      <c r="J748">
        <v>76.463697817408246</v>
      </c>
      <c r="K748">
        <v>0.1260892825905863</v>
      </c>
      <c r="L748">
        <v>-1.1945349636331399</v>
      </c>
      <c r="M748">
        <v>5.8398879645750998</v>
      </c>
      <c r="N748">
        <v>2</v>
      </c>
      <c r="O748">
        <v>1</v>
      </c>
      <c r="P748">
        <v>1</v>
      </c>
      <c r="Q748">
        <v>0.3869395588747967</v>
      </c>
      <c r="R748">
        <v>4.0479018774311921</v>
      </c>
      <c r="S748">
        <v>1</v>
      </c>
      <c r="T748">
        <v>1</v>
      </c>
      <c r="U748">
        <v>0</v>
      </c>
      <c r="V748">
        <v>0</v>
      </c>
      <c r="W748">
        <v>4.2484952420493576</v>
      </c>
      <c r="X748">
        <v>1</v>
      </c>
      <c r="Y748">
        <v>1</v>
      </c>
      <c r="Z748">
        <v>0</v>
      </c>
      <c r="AA748">
        <v>0</v>
      </c>
      <c r="AB748">
        <v>4.2341065045972579</v>
      </c>
      <c r="AC748">
        <v>1</v>
      </c>
      <c r="AD748">
        <v>1</v>
      </c>
      <c r="AE748">
        <v>0</v>
      </c>
      <c r="AF748">
        <v>0</v>
      </c>
      <c r="AG748">
        <v>4.2195077051761087</v>
      </c>
      <c r="AH748">
        <v>0.15314161655190969</v>
      </c>
      <c r="AI748">
        <v>2.987697250096678E-2</v>
      </c>
      <c r="AJ748">
        <v>3.4608303977468738E-2</v>
      </c>
      <c r="AK748">
        <v>-6.6524200644060894E-2</v>
      </c>
      <c r="AL748">
        <v>680.28533052287446</v>
      </c>
      <c r="AM748">
        <v>918.85573899028554</v>
      </c>
      <c r="AN748">
        <v>7958</v>
      </c>
      <c r="AO748">
        <v>98.88453154391074</v>
      </c>
      <c r="AP748">
        <v>488.24177718139907</v>
      </c>
      <c r="AQ748">
        <v>1.323943661971831</v>
      </c>
      <c r="AR748">
        <v>3.71830985915493</v>
      </c>
      <c r="AS748">
        <v>71</v>
      </c>
      <c r="AT748">
        <v>7.5915492957746471</v>
      </c>
      <c r="AU748">
        <v>0.1045547478418901</v>
      </c>
      <c r="AV748">
        <v>0.1540288320932062</v>
      </c>
      <c r="AW748">
        <v>0.38028169014084512</v>
      </c>
      <c r="AX748">
        <v>78.242857142857147</v>
      </c>
      <c r="AY748">
        <v>67</v>
      </c>
      <c r="AZ748">
        <v>130.5</v>
      </c>
      <c r="BA748">
        <v>0.68219685160040033</v>
      </c>
      <c r="BB748">
        <v>0.49295774647887319</v>
      </c>
      <c r="BC748">
        <v>4.0033698066607419</v>
      </c>
      <c r="BD748" t="s">
        <v>2903</v>
      </c>
      <c r="BE748" t="s">
        <v>68</v>
      </c>
    </row>
    <row r="749" spans="1:57" x14ac:dyDescent="0.3">
      <c r="A749" t="s">
        <v>2904</v>
      </c>
      <c r="B749">
        <v>3002</v>
      </c>
      <c r="C749" t="s">
        <v>2905</v>
      </c>
      <c r="D749" t="s">
        <v>2906</v>
      </c>
      <c r="E749" t="s">
        <v>66</v>
      </c>
      <c r="F749">
        <v>72</v>
      </c>
      <c r="G749">
        <v>119.25</v>
      </c>
      <c r="H749">
        <v>128</v>
      </c>
      <c r="I749">
        <v>6042.2430555555557</v>
      </c>
      <c r="J749">
        <v>77.731866409829351</v>
      </c>
      <c r="K749">
        <v>0.1179631066926333</v>
      </c>
      <c r="L749">
        <v>-1.2167681140502751</v>
      </c>
      <c r="M749">
        <v>5.8643694458867603</v>
      </c>
      <c r="N749">
        <v>2</v>
      </c>
      <c r="O749">
        <v>1</v>
      </c>
      <c r="P749">
        <v>1</v>
      </c>
      <c r="Q749">
        <v>0.38446030818224841</v>
      </c>
      <c r="R749">
        <v>4.0648711471782937</v>
      </c>
      <c r="S749">
        <v>2</v>
      </c>
      <c r="T749">
        <v>1</v>
      </c>
      <c r="U749">
        <v>1</v>
      </c>
      <c r="V749">
        <v>0.16776575221435111</v>
      </c>
      <c r="W749">
        <v>4.2236293316576567</v>
      </c>
      <c r="X749">
        <v>2</v>
      </c>
      <c r="Y749">
        <v>1</v>
      </c>
      <c r="Z749">
        <v>1</v>
      </c>
      <c r="AA749">
        <v>0.11951030798891769</v>
      </c>
      <c r="AB749">
        <v>4.2286910368905044</v>
      </c>
      <c r="AC749">
        <v>1</v>
      </c>
      <c r="AD749">
        <v>1</v>
      </c>
      <c r="AE749">
        <v>0</v>
      </c>
      <c r="AF749">
        <v>0</v>
      </c>
      <c r="AG749">
        <v>4.2341065045972579</v>
      </c>
      <c r="AH749">
        <v>-3.6512177573863637E-2</v>
      </c>
      <c r="AI749">
        <v>-0.1513800982205146</v>
      </c>
      <c r="AJ749">
        <v>-1.5902074859524901E-2</v>
      </c>
      <c r="AK749">
        <v>-1.924730169420618E-2</v>
      </c>
      <c r="AL749">
        <v>703.76492634377371</v>
      </c>
      <c r="AM749">
        <v>981.65010489906365</v>
      </c>
      <c r="AN749">
        <v>8586</v>
      </c>
      <c r="AO749">
        <v>74.477532000765748</v>
      </c>
      <c r="AP749">
        <v>567.59492598154884</v>
      </c>
      <c r="AQ749">
        <v>1.319444444444444</v>
      </c>
      <c r="AR749">
        <v>3.8611111111111112</v>
      </c>
      <c r="AS749">
        <v>72</v>
      </c>
      <c r="AT749">
        <v>7.6388888888888884</v>
      </c>
      <c r="AU749">
        <v>0.1003513394817743</v>
      </c>
      <c r="AV749">
        <v>-3.6714733811358119E-2</v>
      </c>
      <c r="AW749">
        <v>0.34722222222222221</v>
      </c>
      <c r="AX749">
        <v>90.859154929577471</v>
      </c>
      <c r="AY749">
        <v>67.5</v>
      </c>
      <c r="AZ749">
        <v>130.5</v>
      </c>
      <c r="BA749">
        <v>0.65183955060653542</v>
      </c>
      <c r="BB749">
        <v>0.51388888888888884</v>
      </c>
      <c r="BC749">
        <v>4.0991080033409828</v>
      </c>
      <c r="BD749" t="s">
        <v>2907</v>
      </c>
      <c r="BE749" t="s">
        <v>68</v>
      </c>
    </row>
    <row r="750" spans="1:57" x14ac:dyDescent="0.3">
      <c r="A750" t="s">
        <v>2908</v>
      </c>
      <c r="B750">
        <v>3412</v>
      </c>
      <c r="C750" t="s">
        <v>2909</v>
      </c>
      <c r="D750" t="s">
        <v>2910</v>
      </c>
      <c r="E750" t="s">
        <v>115</v>
      </c>
      <c r="F750">
        <v>3444</v>
      </c>
      <c r="G750">
        <v>127.0119047619048</v>
      </c>
      <c r="H750">
        <v>125</v>
      </c>
      <c r="I750">
        <v>5353.1331335379682</v>
      </c>
      <c r="J750">
        <v>73.165108716778164</v>
      </c>
      <c r="K750">
        <v>3.1220421345908061E-2</v>
      </c>
      <c r="L750">
        <v>-1.173902274568611</v>
      </c>
      <c r="M750">
        <v>7.9408988775619704</v>
      </c>
      <c r="N750">
        <v>27</v>
      </c>
      <c r="O750">
        <v>5</v>
      </c>
      <c r="P750">
        <v>22</v>
      </c>
      <c r="Q750">
        <v>3.8827732015113892</v>
      </c>
      <c r="R750">
        <v>5.504211668093717</v>
      </c>
      <c r="S750">
        <v>3</v>
      </c>
      <c r="T750">
        <v>1</v>
      </c>
      <c r="U750">
        <v>2</v>
      </c>
      <c r="V750">
        <v>0.17055230625930939</v>
      </c>
      <c r="W750">
        <v>8.1064475560489271</v>
      </c>
      <c r="X750">
        <v>2</v>
      </c>
      <c r="Y750">
        <v>1</v>
      </c>
      <c r="Z750">
        <v>1</v>
      </c>
      <c r="AA750">
        <v>2.410513074607893E-2</v>
      </c>
      <c r="AB750">
        <v>8.1430024600015134</v>
      </c>
      <c r="AC750">
        <v>2</v>
      </c>
      <c r="AD750">
        <v>1</v>
      </c>
      <c r="AE750">
        <v>1</v>
      </c>
      <c r="AF750">
        <v>1.704738012952994E-2</v>
      </c>
      <c r="AG750">
        <v>8.1431145303655956</v>
      </c>
      <c r="AH750">
        <v>3.6604491535243179E-3</v>
      </c>
      <c r="AI750">
        <v>-8.4210604133603331E-3</v>
      </c>
      <c r="AJ750">
        <v>4.2445535962612087E-2</v>
      </c>
      <c r="AK750">
        <v>1.4739518439878739E-2</v>
      </c>
      <c r="AL750">
        <v>3959.496357082</v>
      </c>
      <c r="AM750">
        <v>7636.5744675380711</v>
      </c>
      <c r="AN750">
        <v>437429</v>
      </c>
      <c r="AO750">
        <v>13</v>
      </c>
      <c r="AP750">
        <v>3658.570063786181</v>
      </c>
      <c r="AQ750">
        <v>1.0066782810685251</v>
      </c>
      <c r="AR750">
        <v>3.9831591173054588</v>
      </c>
      <c r="AS750">
        <v>3421</v>
      </c>
      <c r="AT750">
        <v>286.88037166085951</v>
      </c>
      <c r="AU750">
        <v>1.790325886452138E-2</v>
      </c>
      <c r="AV750">
        <v>3.661816676081293E-3</v>
      </c>
      <c r="AW750">
        <v>0.39140534262485482</v>
      </c>
      <c r="AX750">
        <v>84.31861748475167</v>
      </c>
      <c r="AY750">
        <v>63</v>
      </c>
      <c r="AZ750">
        <v>126</v>
      </c>
      <c r="BA750">
        <v>0.57604922037767048</v>
      </c>
      <c r="BB750">
        <v>0.49070847851335658</v>
      </c>
      <c r="BC750">
        <v>5.3006050167544334</v>
      </c>
      <c r="BD750" t="s">
        <v>2911</v>
      </c>
      <c r="BE750" t="s">
        <v>68</v>
      </c>
    </row>
    <row r="751" spans="1:57" x14ac:dyDescent="0.3">
      <c r="A751" t="s">
        <v>2912</v>
      </c>
      <c r="B751">
        <v>2795</v>
      </c>
      <c r="C751" t="s">
        <v>2913</v>
      </c>
      <c r="D751" t="s">
        <v>2914</v>
      </c>
      <c r="E751" t="s">
        <v>93</v>
      </c>
      <c r="F751">
        <v>2815</v>
      </c>
      <c r="G751">
        <v>128.60106571936061</v>
      </c>
      <c r="H751">
        <v>130</v>
      </c>
      <c r="I751">
        <v>5431.8745992194818</v>
      </c>
      <c r="J751">
        <v>73.701252358555493</v>
      </c>
      <c r="K751">
        <v>-1.7052159881834179E-2</v>
      </c>
      <c r="L751">
        <v>-1.180071477360715</v>
      </c>
      <c r="M751">
        <v>7.9401042709628422</v>
      </c>
      <c r="N751">
        <v>19</v>
      </c>
      <c r="O751">
        <v>4</v>
      </c>
      <c r="P751">
        <v>15</v>
      </c>
      <c r="Q751">
        <v>3.1616575543867711</v>
      </c>
      <c r="R751">
        <v>5.5036608887698861</v>
      </c>
      <c r="S751">
        <v>2</v>
      </c>
      <c r="T751">
        <v>1</v>
      </c>
      <c r="U751">
        <v>1</v>
      </c>
      <c r="V751">
        <v>0.15425744683748191</v>
      </c>
      <c r="W751">
        <v>7.9093552290762386</v>
      </c>
      <c r="X751">
        <v>1</v>
      </c>
      <c r="Y751">
        <v>1</v>
      </c>
      <c r="Z751">
        <v>0</v>
      </c>
      <c r="AA751">
        <v>0</v>
      </c>
      <c r="AB751">
        <v>7.9420068084898539</v>
      </c>
      <c r="AC751">
        <v>1</v>
      </c>
      <c r="AD751">
        <v>1</v>
      </c>
      <c r="AE751">
        <v>0</v>
      </c>
      <c r="AF751">
        <v>0</v>
      </c>
      <c r="AG751">
        <v>7.9416512529305541</v>
      </c>
      <c r="AH751">
        <v>-5.3420913246139037E-3</v>
      </c>
      <c r="AI751">
        <v>1.4901173030181521E-2</v>
      </c>
      <c r="AJ751">
        <v>1.198596483973929E-2</v>
      </c>
      <c r="AK751">
        <v>3.8299162895317172E-2</v>
      </c>
      <c r="AL751">
        <v>3572.2148580044482</v>
      </c>
      <c r="AM751">
        <v>7006.0785756550194</v>
      </c>
      <c r="AN751">
        <v>362012</v>
      </c>
      <c r="AO751">
        <v>115.4443007302404</v>
      </c>
      <c r="AP751">
        <v>3267.546758319389</v>
      </c>
      <c r="AQ751">
        <v>1.008170515097691</v>
      </c>
      <c r="AR751">
        <v>4.0206039076376552</v>
      </c>
      <c r="AS751">
        <v>2808</v>
      </c>
      <c r="AT751">
        <v>232.71865008880999</v>
      </c>
      <c r="AU751">
        <v>1.7225646919513889E-2</v>
      </c>
      <c r="AV751">
        <v>-5.34354052131286E-3</v>
      </c>
      <c r="AW751">
        <v>0.36625222024866783</v>
      </c>
      <c r="AX751">
        <v>85.380241648898362</v>
      </c>
      <c r="AY751">
        <v>63</v>
      </c>
      <c r="AZ751">
        <v>126</v>
      </c>
      <c r="BA751">
        <v>0.57309985688135667</v>
      </c>
      <c r="BB751">
        <v>0.50621669626998222</v>
      </c>
      <c r="BC751">
        <v>5.3048610264393474</v>
      </c>
      <c r="BD751" t="s">
        <v>2915</v>
      </c>
      <c r="BE751" t="s">
        <v>68</v>
      </c>
    </row>
    <row r="752" spans="1:57" x14ac:dyDescent="0.3">
      <c r="A752" t="s">
        <v>2916</v>
      </c>
      <c r="B752">
        <v>862</v>
      </c>
      <c r="C752" t="s">
        <v>2917</v>
      </c>
      <c r="D752" t="s">
        <v>2918</v>
      </c>
      <c r="E752" t="s">
        <v>85</v>
      </c>
      <c r="F752">
        <v>8</v>
      </c>
      <c r="G752">
        <v>102</v>
      </c>
      <c r="H752">
        <v>94.5</v>
      </c>
      <c r="I752">
        <v>6319.75</v>
      </c>
      <c r="J752">
        <v>79.496855283715462</v>
      </c>
      <c r="K752">
        <v>0.39312579867625891</v>
      </c>
      <c r="L752">
        <v>-1.1838043829455001</v>
      </c>
      <c r="M752">
        <v>3</v>
      </c>
      <c r="N752">
        <v>1</v>
      </c>
      <c r="O752">
        <v>1</v>
      </c>
      <c r="P752">
        <v>0</v>
      </c>
      <c r="Q752">
        <v>0</v>
      </c>
      <c r="R752">
        <v>2.0794415416798362</v>
      </c>
      <c r="S752">
        <v>1</v>
      </c>
      <c r="T752">
        <v>1</v>
      </c>
      <c r="U752">
        <v>0</v>
      </c>
      <c r="V752">
        <v>0</v>
      </c>
      <c r="W752">
        <v>1.945910149055313</v>
      </c>
      <c r="X752">
        <v>1</v>
      </c>
      <c r="Y752">
        <v>1</v>
      </c>
      <c r="Z752">
        <v>0</v>
      </c>
      <c r="AA752">
        <v>0</v>
      </c>
      <c r="AB752">
        <v>1.791759469228055</v>
      </c>
      <c r="AC752">
        <v>1</v>
      </c>
      <c r="AD752">
        <v>1</v>
      </c>
      <c r="AE752">
        <v>0</v>
      </c>
      <c r="AF752">
        <v>0</v>
      </c>
      <c r="AG752">
        <v>1.6094379124341009</v>
      </c>
      <c r="AH752">
        <v>-5.5381937576644648E-2</v>
      </c>
      <c r="AI752">
        <v>-0.3438229360338621</v>
      </c>
      <c r="AJ752">
        <v>-0.33642549151469597</v>
      </c>
      <c r="AK752">
        <v>0</v>
      </c>
      <c r="AL752">
        <v>297.80882564589962</v>
      </c>
      <c r="AM752">
        <v>212.36737830328411</v>
      </c>
      <c r="AN752">
        <v>816</v>
      </c>
      <c r="AO752">
        <v>78</v>
      </c>
      <c r="AP752">
        <v>291.49901556888909</v>
      </c>
      <c r="AQ752">
        <v>3.5</v>
      </c>
      <c r="AR752">
        <v>3.375</v>
      </c>
      <c r="AS752">
        <v>8</v>
      </c>
      <c r="AT752">
        <v>0</v>
      </c>
      <c r="AU752">
        <v>0.25263713080168781</v>
      </c>
      <c r="AV752">
        <v>-0.13577567984124661</v>
      </c>
      <c r="AW752">
        <v>0.375</v>
      </c>
      <c r="AX752">
        <v>89.714285714285708</v>
      </c>
      <c r="AY752">
        <v>67.5</v>
      </c>
      <c r="AZ752">
        <v>119.5</v>
      </c>
      <c r="BA752">
        <v>0.77938093415407317</v>
      </c>
      <c r="BB752">
        <v>0.5</v>
      </c>
      <c r="BC752">
        <v>1.7478680974667571</v>
      </c>
      <c r="BD752" t="s">
        <v>2917</v>
      </c>
      <c r="BE752" t="s">
        <v>68</v>
      </c>
    </row>
    <row r="753" spans="1:57" x14ac:dyDescent="0.3">
      <c r="A753" t="s">
        <v>2919</v>
      </c>
      <c r="B753">
        <v>542</v>
      </c>
      <c r="C753" t="s">
        <v>2920</v>
      </c>
      <c r="D753" t="s">
        <v>2921</v>
      </c>
      <c r="E753" t="s">
        <v>93</v>
      </c>
      <c r="F753">
        <v>564</v>
      </c>
      <c r="G753">
        <v>124.73226950354611</v>
      </c>
      <c r="H753">
        <v>122.5</v>
      </c>
      <c r="I753">
        <v>5375.4549161259492</v>
      </c>
      <c r="J753">
        <v>73.317493929661495</v>
      </c>
      <c r="K753">
        <v>5.8248716233854102E-2</v>
      </c>
      <c r="L753">
        <v>-1.2449124572396191</v>
      </c>
      <c r="M753">
        <v>7.6737272145899942</v>
      </c>
      <c r="N753">
        <v>7</v>
      </c>
      <c r="O753">
        <v>1</v>
      </c>
      <c r="P753">
        <v>6</v>
      </c>
      <c r="Q753">
        <v>1.2750176568327649</v>
      </c>
      <c r="R753">
        <v>5.3190223831791759</v>
      </c>
      <c r="S753">
        <v>2</v>
      </c>
      <c r="T753">
        <v>1</v>
      </c>
      <c r="U753">
        <v>1</v>
      </c>
      <c r="V753">
        <v>4.2144908478032067E-2</v>
      </c>
      <c r="W753">
        <v>6.3308172935728706</v>
      </c>
      <c r="X753">
        <v>1</v>
      </c>
      <c r="Y753">
        <v>1</v>
      </c>
      <c r="Z753">
        <v>0</v>
      </c>
      <c r="AA753">
        <v>0</v>
      </c>
      <c r="AB753">
        <v>6.3315018498936926</v>
      </c>
      <c r="AC753">
        <v>1</v>
      </c>
      <c r="AD753">
        <v>1</v>
      </c>
      <c r="AE753">
        <v>0</v>
      </c>
      <c r="AF753">
        <v>0</v>
      </c>
      <c r="AG753">
        <v>6.3297209055226968</v>
      </c>
      <c r="AH753">
        <v>1.6812237302807329E-2</v>
      </c>
      <c r="AI753">
        <v>6.0367784721930924E-3</v>
      </c>
      <c r="AJ753">
        <v>-5.8507112521709488E-2</v>
      </c>
      <c r="AK753">
        <v>-6.641785317100167E-2</v>
      </c>
      <c r="AL753">
        <v>1666.4906279908821</v>
      </c>
      <c r="AM753">
        <v>3004.8886812690021</v>
      </c>
      <c r="AN753">
        <v>70349</v>
      </c>
      <c r="AO753">
        <v>58.006576758004933</v>
      </c>
      <c r="AP753">
        <v>1498.664966935175</v>
      </c>
      <c r="AQ753">
        <v>1.0407801418439719</v>
      </c>
      <c r="AR753">
        <v>4.1028368794326244</v>
      </c>
      <c r="AS753">
        <v>562</v>
      </c>
      <c r="AT753">
        <v>156.48226950354609</v>
      </c>
      <c r="AU753">
        <v>3.6337088026700048E-2</v>
      </c>
      <c r="AV753">
        <v>1.6886129314308839E-2</v>
      </c>
      <c r="AW753">
        <v>0.3953900709219858</v>
      </c>
      <c r="AX753">
        <v>83.619893428063946</v>
      </c>
      <c r="AY753">
        <v>65.5</v>
      </c>
      <c r="AZ753">
        <v>132</v>
      </c>
      <c r="BA753">
        <v>0.58779892502138031</v>
      </c>
      <c r="BB753">
        <v>0.49113475177304972</v>
      </c>
      <c r="BC753">
        <v>5.0853060598654967</v>
      </c>
      <c r="BD753" t="s">
        <v>2922</v>
      </c>
      <c r="BE753" t="s">
        <v>68</v>
      </c>
    </row>
    <row r="754" spans="1:57" x14ac:dyDescent="0.3">
      <c r="A754" t="s">
        <v>2923</v>
      </c>
      <c r="B754">
        <v>153</v>
      </c>
      <c r="C754" t="s">
        <v>2924</v>
      </c>
      <c r="D754" t="s">
        <v>2925</v>
      </c>
      <c r="E754" t="s">
        <v>60</v>
      </c>
      <c r="F754">
        <v>256</v>
      </c>
      <c r="G754">
        <v>129.42578125</v>
      </c>
      <c r="H754">
        <v>126</v>
      </c>
      <c r="I754">
        <v>5612.6116790771484</v>
      </c>
      <c r="J754">
        <v>74.917365670965424</v>
      </c>
      <c r="K754">
        <v>-3.5868788220512517E-2</v>
      </c>
      <c r="L754">
        <v>-1.2482767780425721</v>
      </c>
      <c r="M754">
        <v>7.19795581042011</v>
      </c>
      <c r="N754">
        <v>4</v>
      </c>
      <c r="O754">
        <v>1</v>
      </c>
      <c r="P754">
        <v>3</v>
      </c>
      <c r="Q754">
        <v>0.75915132752186598</v>
      </c>
      <c r="R754">
        <v>4.9892427757877753</v>
      </c>
      <c r="S754">
        <v>1</v>
      </c>
      <c r="T754">
        <v>1</v>
      </c>
      <c r="U754">
        <v>0</v>
      </c>
      <c r="V754">
        <v>0</v>
      </c>
      <c r="W754">
        <v>5.541263545158424</v>
      </c>
      <c r="X754">
        <v>1</v>
      </c>
      <c r="Y754">
        <v>1</v>
      </c>
      <c r="Z754">
        <v>0</v>
      </c>
      <c r="AA754">
        <v>0</v>
      </c>
      <c r="AB754">
        <v>5.5373342670185366</v>
      </c>
      <c r="AC754">
        <v>1</v>
      </c>
      <c r="AD754">
        <v>1</v>
      </c>
      <c r="AE754">
        <v>0</v>
      </c>
      <c r="AF754">
        <v>0</v>
      </c>
      <c r="AG754">
        <v>5.5333894887275203</v>
      </c>
      <c r="AH754">
        <v>-4.3264116004563133E-2</v>
      </c>
      <c r="AI754">
        <v>-8.8396944498722513E-2</v>
      </c>
      <c r="AJ754">
        <v>2.7639403906526111E-2</v>
      </c>
      <c r="AK754">
        <v>3.7887951406013913E-2</v>
      </c>
      <c r="AL754">
        <v>1186.409994862677</v>
      </c>
      <c r="AM754">
        <v>2077.8653286702538</v>
      </c>
      <c r="AN754">
        <v>33133</v>
      </c>
      <c r="AO754">
        <v>43.926477120685163</v>
      </c>
      <c r="AP754">
        <v>965.2552253046922</v>
      </c>
      <c r="AQ754">
        <v>1.08984375</v>
      </c>
      <c r="AR754">
        <v>4.046875</v>
      </c>
      <c r="AS754">
        <v>255</v>
      </c>
      <c r="AT754">
        <v>59.8125</v>
      </c>
      <c r="AU754">
        <v>4.1559436274509753E-2</v>
      </c>
      <c r="AV754">
        <v>-4.3321469670883253E-2</v>
      </c>
      <c r="AW754">
        <v>0.3828125</v>
      </c>
      <c r="AX754">
        <v>87.274509803921575</v>
      </c>
      <c r="AY754">
        <v>68</v>
      </c>
      <c r="AZ754">
        <v>136</v>
      </c>
      <c r="BA754">
        <v>0.57884422212800379</v>
      </c>
      <c r="BB754">
        <v>0.48828125</v>
      </c>
      <c r="BC754">
        <v>4.8092526052541089</v>
      </c>
      <c r="BD754" t="s">
        <v>2926</v>
      </c>
      <c r="BE754" t="s">
        <v>62</v>
      </c>
    </row>
    <row r="755" spans="1:57" x14ac:dyDescent="0.3">
      <c r="A755" t="s">
        <v>2927</v>
      </c>
      <c r="B755">
        <v>2573</v>
      </c>
      <c r="C755" t="s">
        <v>2928</v>
      </c>
      <c r="D755" t="s">
        <v>2929</v>
      </c>
      <c r="E755" t="s">
        <v>72</v>
      </c>
      <c r="F755">
        <v>2584</v>
      </c>
      <c r="G755">
        <v>127.4597523219814</v>
      </c>
      <c r="H755">
        <v>126</v>
      </c>
      <c r="I755">
        <v>5555.875315108935</v>
      </c>
      <c r="J755">
        <v>74.537744231422337</v>
      </c>
      <c r="K755">
        <v>-3.5173719853794608E-3</v>
      </c>
      <c r="L755">
        <v>-1.2167075929278659</v>
      </c>
      <c r="M755">
        <v>7.9236882155392614</v>
      </c>
      <c r="N755">
        <v>19</v>
      </c>
      <c r="O755">
        <v>1</v>
      </c>
      <c r="P755">
        <v>18</v>
      </c>
      <c r="Q755">
        <v>3.208722243744385</v>
      </c>
      <c r="R755">
        <v>5.4922821462370974</v>
      </c>
      <c r="S755">
        <v>3</v>
      </c>
      <c r="T755">
        <v>1</v>
      </c>
      <c r="U755">
        <v>2</v>
      </c>
      <c r="V755">
        <v>0.13492274831923909</v>
      </c>
      <c r="W755">
        <v>7.8323527495828094</v>
      </c>
      <c r="X755">
        <v>1</v>
      </c>
      <c r="Y755">
        <v>1</v>
      </c>
      <c r="Z755">
        <v>0</v>
      </c>
      <c r="AA755">
        <v>0</v>
      </c>
      <c r="AB755">
        <v>7.8563195714065914</v>
      </c>
      <c r="AC755">
        <v>1</v>
      </c>
      <c r="AD755">
        <v>1</v>
      </c>
      <c r="AE755">
        <v>0</v>
      </c>
      <c r="AF755">
        <v>0</v>
      </c>
      <c r="AG755">
        <v>7.8559321997186142</v>
      </c>
      <c r="AH755">
        <v>1.7006052622593471E-2</v>
      </c>
      <c r="AI755">
        <v>5.025973705802729E-2</v>
      </c>
      <c r="AJ755">
        <v>1.237150838114274E-2</v>
      </c>
      <c r="AK755">
        <v>-2.7083412905795339E-2</v>
      </c>
      <c r="AL755">
        <v>3497.585190913233</v>
      </c>
      <c r="AM755">
        <v>6641.0024719393414</v>
      </c>
      <c r="AN755">
        <v>329356</v>
      </c>
      <c r="AO755">
        <v>69.219675536803379</v>
      </c>
      <c r="AP755">
        <v>3276.5259953134541</v>
      </c>
      <c r="AQ755">
        <v>1.0089009287925701</v>
      </c>
      <c r="AR755">
        <v>4.0085139318885448</v>
      </c>
      <c r="AS755">
        <v>2576</v>
      </c>
      <c r="AT755">
        <v>261.12693498452012</v>
      </c>
      <c r="AU755">
        <v>1.259029927760574E-2</v>
      </c>
      <c r="AV755">
        <v>1.7006485595559971E-2</v>
      </c>
      <c r="AW755">
        <v>0.37035603715170279</v>
      </c>
      <c r="AX755">
        <v>85.456058846302753</v>
      </c>
      <c r="AY755">
        <v>65</v>
      </c>
      <c r="AZ755">
        <v>129</v>
      </c>
      <c r="BA755">
        <v>0.58479435958050052</v>
      </c>
      <c r="BB755">
        <v>0.49767801857585142</v>
      </c>
      <c r="BC755">
        <v>5.3130012258533874</v>
      </c>
      <c r="BD755" t="s">
        <v>2930</v>
      </c>
      <c r="BE755" t="s">
        <v>68</v>
      </c>
    </row>
    <row r="756" spans="1:57" x14ac:dyDescent="0.3">
      <c r="A756" t="s">
        <v>2931</v>
      </c>
      <c r="B756">
        <v>2984</v>
      </c>
      <c r="C756" t="s">
        <v>2932</v>
      </c>
      <c r="D756" t="s">
        <v>2933</v>
      </c>
      <c r="E756" t="s">
        <v>128</v>
      </c>
      <c r="F756">
        <v>32</v>
      </c>
      <c r="G756">
        <v>115.25</v>
      </c>
      <c r="H756">
        <v>112</v>
      </c>
      <c r="I756">
        <v>3832.6875</v>
      </c>
      <c r="J756">
        <v>61.908702942316602</v>
      </c>
      <c r="K756">
        <v>0.2560400608277848</v>
      </c>
      <c r="L756">
        <v>-0.67892279893801621</v>
      </c>
      <c r="M756">
        <v>4.8125</v>
      </c>
      <c r="N756">
        <v>2</v>
      </c>
      <c r="O756">
        <v>1</v>
      </c>
      <c r="P756">
        <v>1</v>
      </c>
      <c r="Q756">
        <v>0.3045434781492361</v>
      </c>
      <c r="R756">
        <v>3.335770806444736</v>
      </c>
      <c r="S756">
        <v>1</v>
      </c>
      <c r="T756">
        <v>1</v>
      </c>
      <c r="U756">
        <v>0</v>
      </c>
      <c r="V756">
        <v>0</v>
      </c>
      <c r="W756">
        <v>3.4339872044851458</v>
      </c>
      <c r="X756">
        <v>1</v>
      </c>
      <c r="Y756">
        <v>1</v>
      </c>
      <c r="Z756">
        <v>0</v>
      </c>
      <c r="AA756">
        <v>0</v>
      </c>
      <c r="AB756">
        <v>3.401197381662155</v>
      </c>
      <c r="AC756">
        <v>1</v>
      </c>
      <c r="AD756">
        <v>1</v>
      </c>
      <c r="AE756">
        <v>0</v>
      </c>
      <c r="AF756">
        <v>0</v>
      </c>
      <c r="AG756">
        <v>3.3672958299864728</v>
      </c>
      <c r="AH756">
        <v>-7.7165684164179835E-2</v>
      </c>
      <c r="AI756">
        <v>-0.14490790567976131</v>
      </c>
      <c r="AJ756">
        <v>-2.769199566231267E-2</v>
      </c>
      <c r="AK756">
        <v>-3.3601788888345321E-2</v>
      </c>
      <c r="AL756">
        <v>436.07673270503358</v>
      </c>
      <c r="AM756">
        <v>597.9340124071407</v>
      </c>
      <c r="AN756">
        <v>3688</v>
      </c>
      <c r="AO756">
        <v>90</v>
      </c>
      <c r="AP756">
        <v>350.31588107673258</v>
      </c>
      <c r="AQ756">
        <v>1.65625</v>
      </c>
      <c r="AR756">
        <v>4</v>
      </c>
      <c r="AS756">
        <v>31</v>
      </c>
      <c r="AT756">
        <v>2.4375</v>
      </c>
      <c r="AU756">
        <v>0.19221938775510211</v>
      </c>
      <c r="AV756">
        <v>-8.1741922465820627E-2</v>
      </c>
      <c r="AW756">
        <v>0.5</v>
      </c>
      <c r="AX756">
        <v>68.064516129032256</v>
      </c>
      <c r="AY756">
        <v>49.5</v>
      </c>
      <c r="AZ756">
        <v>93.5</v>
      </c>
      <c r="BA756">
        <v>0.53716878908734578</v>
      </c>
      <c r="BB756">
        <v>0.46875</v>
      </c>
      <c r="BC756">
        <v>3.2382315403482389</v>
      </c>
      <c r="BD756" t="s">
        <v>2934</v>
      </c>
      <c r="BE756" t="s">
        <v>62</v>
      </c>
    </row>
    <row r="757" spans="1:57" x14ac:dyDescent="0.3">
      <c r="A757" t="s">
        <v>2935</v>
      </c>
      <c r="B757">
        <v>2194</v>
      </c>
      <c r="C757" t="s">
        <v>2936</v>
      </c>
      <c r="D757" t="s">
        <v>2937</v>
      </c>
      <c r="E757" t="s">
        <v>10622</v>
      </c>
      <c r="F757">
        <v>64</v>
      </c>
      <c r="G757">
        <v>112.296875</v>
      </c>
      <c r="H757">
        <v>92.5</v>
      </c>
      <c r="I757">
        <v>6167.333740234375</v>
      </c>
      <c r="J757">
        <v>78.532373835472299</v>
      </c>
      <c r="K757">
        <v>0.33327641405078129</v>
      </c>
      <c r="L757">
        <v>-1.2889948467362451</v>
      </c>
      <c r="M757">
        <v>5.788909765557392</v>
      </c>
      <c r="N757">
        <v>3</v>
      </c>
      <c r="O757">
        <v>1</v>
      </c>
      <c r="P757">
        <v>2</v>
      </c>
      <c r="Q757">
        <v>0.40213461343760692</v>
      </c>
      <c r="R757">
        <v>4.0125664825120406</v>
      </c>
      <c r="S757">
        <v>1</v>
      </c>
      <c r="T757">
        <v>1</v>
      </c>
      <c r="U757">
        <v>0</v>
      </c>
      <c r="V757">
        <v>0</v>
      </c>
      <c r="W757">
        <v>4.1431347263915326</v>
      </c>
      <c r="X757">
        <v>1</v>
      </c>
      <c r="Y757">
        <v>1</v>
      </c>
      <c r="Z757">
        <v>0</v>
      </c>
      <c r="AA757">
        <v>0</v>
      </c>
      <c r="AB757">
        <v>4.1271343850450908</v>
      </c>
      <c r="AC757">
        <v>1</v>
      </c>
      <c r="AD757">
        <v>1</v>
      </c>
      <c r="AE757">
        <v>0</v>
      </c>
      <c r="AF757">
        <v>0</v>
      </c>
      <c r="AG757">
        <v>4.1108738641733096</v>
      </c>
      <c r="AH757">
        <v>0.27415988953640302</v>
      </c>
      <c r="AI757">
        <v>0.2377377325281945</v>
      </c>
      <c r="AJ757">
        <v>-4.2816876576194367E-2</v>
      </c>
      <c r="AK757">
        <v>-9.8341600409779364E-2</v>
      </c>
      <c r="AL757">
        <v>655.44611271170902</v>
      </c>
      <c r="AM757">
        <v>878.73624787595372</v>
      </c>
      <c r="AN757">
        <v>7187</v>
      </c>
      <c r="AO757">
        <v>8.2186594397510362</v>
      </c>
      <c r="AP757">
        <v>547.12960519352782</v>
      </c>
      <c r="AQ757">
        <v>1.359375</v>
      </c>
      <c r="AR757">
        <v>3.84375</v>
      </c>
      <c r="AS757">
        <v>63</v>
      </c>
      <c r="AT757">
        <v>8.5000000000000018</v>
      </c>
      <c r="AU757">
        <v>0.18650398406374499</v>
      </c>
      <c r="AV757">
        <v>0.28271352413918521</v>
      </c>
      <c r="AW757">
        <v>0.375</v>
      </c>
      <c r="AX757">
        <v>73.634920634920633</v>
      </c>
      <c r="AY757">
        <v>68.5</v>
      </c>
      <c r="AZ757">
        <v>132</v>
      </c>
      <c r="BA757">
        <v>0.69932822115906879</v>
      </c>
      <c r="BB757">
        <v>0.453125</v>
      </c>
      <c r="BC757">
        <v>3.901083330005521</v>
      </c>
      <c r="BD757" t="s">
        <v>2938</v>
      </c>
      <c r="BE757" t="s">
        <v>62</v>
      </c>
    </row>
    <row r="758" spans="1:57" x14ac:dyDescent="0.3">
      <c r="A758" t="s">
        <v>2939</v>
      </c>
      <c r="B758">
        <v>1078</v>
      </c>
      <c r="C758" t="s">
        <v>2940</v>
      </c>
      <c r="D758" t="s">
        <v>2941</v>
      </c>
      <c r="E758" t="s">
        <v>106</v>
      </c>
      <c r="F758">
        <v>1096</v>
      </c>
      <c r="G758">
        <v>126.3667883211679</v>
      </c>
      <c r="H758">
        <v>125</v>
      </c>
      <c r="I758">
        <v>5424.9749553785487</v>
      </c>
      <c r="J758">
        <v>73.654429299116487</v>
      </c>
      <c r="K758">
        <v>1.276862604547796E-2</v>
      </c>
      <c r="L758">
        <v>-1.180488110855743</v>
      </c>
      <c r="M758">
        <v>7.805040628996033</v>
      </c>
      <c r="N758">
        <v>10</v>
      </c>
      <c r="O758">
        <v>1</v>
      </c>
      <c r="P758">
        <v>9</v>
      </c>
      <c r="Q758">
        <v>2.0485468020038011</v>
      </c>
      <c r="R758">
        <v>5.4100419061444276</v>
      </c>
      <c r="S758">
        <v>2</v>
      </c>
      <c r="T758">
        <v>1</v>
      </c>
      <c r="U758">
        <v>1</v>
      </c>
      <c r="V758">
        <v>8.5472453720970995E-2</v>
      </c>
      <c r="W758">
        <v>6.9883814642698177</v>
      </c>
      <c r="X758">
        <v>1</v>
      </c>
      <c r="Y758">
        <v>1</v>
      </c>
      <c r="Z758">
        <v>0</v>
      </c>
      <c r="AA758">
        <v>0</v>
      </c>
      <c r="AB758">
        <v>6.9975959829819274</v>
      </c>
      <c r="AC758">
        <v>1</v>
      </c>
      <c r="AD758">
        <v>1</v>
      </c>
      <c r="AE758">
        <v>0</v>
      </c>
      <c r="AF758">
        <v>0</v>
      </c>
      <c r="AG758">
        <v>6.9966814881765407</v>
      </c>
      <c r="AH758">
        <v>3.4133860396910097E-2</v>
      </c>
      <c r="AI758">
        <v>3.0271596639660621E-2</v>
      </c>
      <c r="AJ758">
        <v>4.1146980064996931E-2</v>
      </c>
      <c r="AK758">
        <v>8.1103504121778261E-2</v>
      </c>
      <c r="AL758">
        <v>2299.3797141712448</v>
      </c>
      <c r="AM758">
        <v>4261.475440508576</v>
      </c>
      <c r="AN758">
        <v>138498</v>
      </c>
      <c r="AO758">
        <v>157.5576042943778</v>
      </c>
      <c r="AP758">
        <v>1986.6471094459209</v>
      </c>
      <c r="AQ758">
        <v>1.0209854014598541</v>
      </c>
      <c r="AR758">
        <v>3.9589416058394158</v>
      </c>
      <c r="AS758">
        <v>1090</v>
      </c>
      <c r="AT758">
        <v>239.31021897810211</v>
      </c>
      <c r="AU758">
        <v>1.8398454272219839E-2</v>
      </c>
      <c r="AV758">
        <v>3.4160278800937617E-2</v>
      </c>
      <c r="AW758">
        <v>0.36861313868613138</v>
      </c>
      <c r="AX758">
        <v>82.917808219178085</v>
      </c>
      <c r="AY758">
        <v>64</v>
      </c>
      <c r="AZ758">
        <v>127.5</v>
      </c>
      <c r="BA758">
        <v>0.58286223997336906</v>
      </c>
      <c r="BB758">
        <v>0.49452554744525551</v>
      </c>
      <c r="BC758">
        <v>5.2166897770635519</v>
      </c>
      <c r="BD758" t="s">
        <v>2942</v>
      </c>
      <c r="BE758" t="s">
        <v>68</v>
      </c>
    </row>
    <row r="759" spans="1:57" x14ac:dyDescent="0.3">
      <c r="A759" t="s">
        <v>2943</v>
      </c>
      <c r="B759">
        <v>1961</v>
      </c>
      <c r="C759" t="s">
        <v>2944</v>
      </c>
      <c r="D759" t="s">
        <v>2945</v>
      </c>
      <c r="E759" t="s">
        <v>115</v>
      </c>
      <c r="F759">
        <v>2006</v>
      </c>
      <c r="G759">
        <v>129.1206380857428</v>
      </c>
      <c r="H759">
        <v>132</v>
      </c>
      <c r="I759">
        <v>5243.5018971003237</v>
      </c>
      <c r="J759">
        <v>72.412028676873319</v>
      </c>
      <c r="K759">
        <v>-3.7176801226790589E-2</v>
      </c>
      <c r="L759">
        <v>-1.170506747818588</v>
      </c>
      <c r="M759">
        <v>7.9051611801728177</v>
      </c>
      <c r="N759">
        <v>15</v>
      </c>
      <c r="O759">
        <v>1</v>
      </c>
      <c r="P759">
        <v>14</v>
      </c>
      <c r="Q759">
        <v>2.7790436297571421</v>
      </c>
      <c r="R759">
        <v>5.4794401839087197</v>
      </c>
      <c r="S759">
        <v>2</v>
      </c>
      <c r="T759">
        <v>1</v>
      </c>
      <c r="U759">
        <v>1</v>
      </c>
      <c r="V759">
        <v>0.111655004896132</v>
      </c>
      <c r="W759">
        <v>7.586113873891291</v>
      </c>
      <c r="X759">
        <v>1</v>
      </c>
      <c r="Y759">
        <v>1</v>
      </c>
      <c r="Z759">
        <v>0</v>
      </c>
      <c r="AA759">
        <v>0</v>
      </c>
      <c r="AB759">
        <v>7.6029004622047562</v>
      </c>
      <c r="AC759">
        <v>1</v>
      </c>
      <c r="AD759">
        <v>1</v>
      </c>
      <c r="AE759">
        <v>0</v>
      </c>
      <c r="AF759">
        <v>0</v>
      </c>
      <c r="AG759">
        <v>7.6024013356658182</v>
      </c>
      <c r="AH759">
        <v>-6.1760076982681519E-4</v>
      </c>
      <c r="AI759">
        <v>2.6448914837678049E-2</v>
      </c>
      <c r="AJ759">
        <v>-2.1253211153666039E-2</v>
      </c>
      <c r="AK759">
        <v>-1.0896954867639381E-2</v>
      </c>
      <c r="AL759">
        <v>3032.4266961496778</v>
      </c>
      <c r="AM759">
        <v>5896.3687412235968</v>
      </c>
      <c r="AN759">
        <v>259016</v>
      </c>
      <c r="AO759">
        <v>10.246290868393849</v>
      </c>
      <c r="AP759">
        <v>2745.8007965990969</v>
      </c>
      <c r="AQ759">
        <v>1.011465603190429</v>
      </c>
      <c r="AR759">
        <v>4.0204386839481554</v>
      </c>
      <c r="AS759">
        <v>1991</v>
      </c>
      <c r="AT759">
        <v>252.31306081754741</v>
      </c>
      <c r="AU759">
        <v>2.595546693253575E-2</v>
      </c>
      <c r="AV759">
        <v>-6.176918709776488E-4</v>
      </c>
      <c r="AW759">
        <v>0.357926221335992</v>
      </c>
      <c r="AX759">
        <v>83.741645885286786</v>
      </c>
      <c r="AY759">
        <v>62</v>
      </c>
      <c r="AZ759">
        <v>123.75</v>
      </c>
      <c r="BA759">
        <v>0.56080909876535767</v>
      </c>
      <c r="BB759">
        <v>0.51395812562313059</v>
      </c>
      <c r="BC759">
        <v>5.2789959532591926</v>
      </c>
      <c r="BD759" t="s">
        <v>2946</v>
      </c>
      <c r="BE759" t="s">
        <v>68</v>
      </c>
    </row>
    <row r="760" spans="1:57" x14ac:dyDescent="0.3">
      <c r="A760" t="s">
        <v>2947</v>
      </c>
      <c r="B760">
        <v>2997</v>
      </c>
      <c r="C760" t="s">
        <v>2948</v>
      </c>
      <c r="D760" t="s">
        <v>2949</v>
      </c>
      <c r="E760" t="s">
        <v>98</v>
      </c>
      <c r="F760">
        <v>16</v>
      </c>
      <c r="G760">
        <v>118.9375</v>
      </c>
      <c r="H760">
        <v>118</v>
      </c>
      <c r="I760">
        <v>6215.55859375</v>
      </c>
      <c r="J760">
        <v>78.838814005222076</v>
      </c>
      <c r="K760">
        <v>0.17735105915823179</v>
      </c>
      <c r="L760">
        <v>-1.016234719744904</v>
      </c>
      <c r="M760">
        <v>4</v>
      </c>
      <c r="N760">
        <v>1</v>
      </c>
      <c r="O760">
        <v>1</v>
      </c>
      <c r="P760">
        <v>0</v>
      </c>
      <c r="Q760">
        <v>0</v>
      </c>
      <c r="R760">
        <v>2.7725887222397811</v>
      </c>
      <c r="S760">
        <v>1</v>
      </c>
      <c r="T760">
        <v>1</v>
      </c>
      <c r="U760">
        <v>0</v>
      </c>
      <c r="V760">
        <v>0</v>
      </c>
      <c r="W760">
        <v>2.7080502011022101</v>
      </c>
      <c r="X760">
        <v>1</v>
      </c>
      <c r="Y760">
        <v>1</v>
      </c>
      <c r="Z760">
        <v>0</v>
      </c>
      <c r="AA760">
        <v>0</v>
      </c>
      <c r="AB760">
        <v>2.639057329615258</v>
      </c>
      <c r="AC760">
        <v>1</v>
      </c>
      <c r="AD760">
        <v>1</v>
      </c>
      <c r="AE760">
        <v>0</v>
      </c>
      <c r="AF760">
        <v>0</v>
      </c>
      <c r="AG760">
        <v>2.5649493574615372</v>
      </c>
      <c r="AH760">
        <v>-0.43421910773305139</v>
      </c>
      <c r="AI760">
        <v>8.2105499493144413E-2</v>
      </c>
      <c r="AJ760">
        <v>1.7773372075996292E-2</v>
      </c>
      <c r="AK760">
        <v>-0.17254874203658541</v>
      </c>
      <c r="AL760">
        <v>378.74873794199101</v>
      </c>
      <c r="AM760">
        <v>427.0086574149862</v>
      </c>
      <c r="AN760">
        <v>1903</v>
      </c>
      <c r="AO760">
        <v>21</v>
      </c>
      <c r="AP760">
        <v>244.0121542720822</v>
      </c>
      <c r="AQ760">
        <v>2.25</v>
      </c>
      <c r="AR760">
        <v>3.8125</v>
      </c>
      <c r="AS760">
        <v>16</v>
      </c>
      <c r="AT760">
        <v>0</v>
      </c>
      <c r="AU760">
        <v>0.11862745098039219</v>
      </c>
      <c r="AV760">
        <v>-0.4891282145636171</v>
      </c>
      <c r="AW760">
        <v>0.3125</v>
      </c>
      <c r="AX760">
        <v>113.93333333333329</v>
      </c>
      <c r="AY760">
        <v>64</v>
      </c>
      <c r="AZ760">
        <v>115.75</v>
      </c>
      <c r="BA760">
        <v>0.66285918238757391</v>
      </c>
      <c r="BB760">
        <v>0.5</v>
      </c>
      <c r="BC760">
        <v>2.7080502011022101</v>
      </c>
      <c r="BD760" t="s">
        <v>2948</v>
      </c>
      <c r="BE760" t="s">
        <v>62</v>
      </c>
    </row>
    <row r="761" spans="1:57" x14ac:dyDescent="0.3">
      <c r="A761" t="s">
        <v>2950</v>
      </c>
      <c r="B761">
        <v>3555</v>
      </c>
      <c r="C761" t="s">
        <v>2951</v>
      </c>
      <c r="D761" t="s">
        <v>2952</v>
      </c>
      <c r="E761" t="s">
        <v>66</v>
      </c>
      <c r="F761">
        <v>70</v>
      </c>
      <c r="G761">
        <v>128.02857142857141</v>
      </c>
      <c r="H761">
        <v>113.5</v>
      </c>
      <c r="I761">
        <v>5735.5991836734693</v>
      </c>
      <c r="J761">
        <v>75.733738740890573</v>
      </c>
      <c r="K761">
        <v>6.5031401830475039E-2</v>
      </c>
      <c r="L761">
        <v>-1.3390478984205281</v>
      </c>
      <c r="M761">
        <v>5.7864258740878283</v>
      </c>
      <c r="N761">
        <v>2</v>
      </c>
      <c r="O761">
        <v>1</v>
      </c>
      <c r="P761">
        <v>1</v>
      </c>
      <c r="Q761">
        <v>0.40508069394726648</v>
      </c>
      <c r="R761">
        <v>4.010844780143092</v>
      </c>
      <c r="S761">
        <v>2</v>
      </c>
      <c r="T761">
        <v>1</v>
      </c>
      <c r="U761">
        <v>1</v>
      </c>
      <c r="V761">
        <v>0.1203728348804772</v>
      </c>
      <c r="W761">
        <v>4.2140152819723324</v>
      </c>
      <c r="X761">
        <v>1</v>
      </c>
      <c r="Y761">
        <v>1</v>
      </c>
      <c r="Z761">
        <v>0</v>
      </c>
      <c r="AA761">
        <v>0</v>
      </c>
      <c r="AB761">
        <v>4.2195077051761087</v>
      </c>
      <c r="AC761">
        <v>1</v>
      </c>
      <c r="AD761">
        <v>1</v>
      </c>
      <c r="AE761">
        <v>0</v>
      </c>
      <c r="AF761">
        <v>0</v>
      </c>
      <c r="AG761">
        <v>4.2046926193909648</v>
      </c>
      <c r="AH761">
        <v>2.627933692948483E-2</v>
      </c>
      <c r="AI761">
        <v>3.9248461905241068E-2</v>
      </c>
      <c r="AJ761">
        <v>-9.4759499379894557E-2</v>
      </c>
      <c r="AK761">
        <v>-6.9679910012375695E-2</v>
      </c>
      <c r="AL761">
        <v>699.16267090231804</v>
      </c>
      <c r="AM761">
        <v>1029.5899958802711</v>
      </c>
      <c r="AN761">
        <v>8962</v>
      </c>
      <c r="AO761">
        <v>165.36137485231251</v>
      </c>
      <c r="AP761">
        <v>505.53964486761998</v>
      </c>
      <c r="AQ761">
        <v>1.328571428571429</v>
      </c>
      <c r="AR761">
        <v>4.0428571428571427</v>
      </c>
      <c r="AS761">
        <v>70</v>
      </c>
      <c r="AT761">
        <v>7.8857142857142843</v>
      </c>
      <c r="AU761">
        <v>6.9841269841269815E-2</v>
      </c>
      <c r="AV761">
        <v>2.7289048423067421E-2</v>
      </c>
      <c r="AW761">
        <v>0.42857142857142849</v>
      </c>
      <c r="AX761">
        <v>86.246376811594203</v>
      </c>
      <c r="AY761">
        <v>65</v>
      </c>
      <c r="AZ761">
        <v>139.75</v>
      </c>
      <c r="BA761">
        <v>0.59153779422699615</v>
      </c>
      <c r="BB761">
        <v>0.45714285714285707</v>
      </c>
      <c r="BC761">
        <v>4.0532855009729261</v>
      </c>
      <c r="BD761" t="s">
        <v>2953</v>
      </c>
      <c r="BE761" t="s">
        <v>68</v>
      </c>
    </row>
    <row r="762" spans="1:57" x14ac:dyDescent="0.3">
      <c r="A762" t="s">
        <v>2954</v>
      </c>
      <c r="B762">
        <v>2871</v>
      </c>
      <c r="C762" t="s">
        <v>2955</v>
      </c>
      <c r="D762" t="s">
        <v>2956</v>
      </c>
      <c r="E762" t="s">
        <v>106</v>
      </c>
      <c r="F762">
        <v>2957</v>
      </c>
      <c r="G762">
        <v>128.54751437267501</v>
      </c>
      <c r="H762">
        <v>130</v>
      </c>
      <c r="I762">
        <v>5414.9112526988974</v>
      </c>
      <c r="J762">
        <v>73.586080563506698</v>
      </c>
      <c r="K762">
        <v>-1.824957536774937E-2</v>
      </c>
      <c r="L762">
        <v>-1.185407691307055</v>
      </c>
      <c r="M762">
        <v>7.9313033656811784</v>
      </c>
      <c r="N762">
        <v>23</v>
      </c>
      <c r="O762">
        <v>2</v>
      </c>
      <c r="P762">
        <v>21</v>
      </c>
      <c r="Q762">
        <v>3.5052080914902102</v>
      </c>
      <c r="R762">
        <v>5.4975605660875164</v>
      </c>
      <c r="S762">
        <v>3</v>
      </c>
      <c r="T762">
        <v>1</v>
      </c>
      <c r="U762">
        <v>2</v>
      </c>
      <c r="V762">
        <v>0.15394774375617609</v>
      </c>
      <c r="W762">
        <v>7.9602858124735594</v>
      </c>
      <c r="X762">
        <v>2</v>
      </c>
      <c r="Y762">
        <v>1</v>
      </c>
      <c r="Z762">
        <v>1</v>
      </c>
      <c r="AA762">
        <v>1.8395908150566721E-2</v>
      </c>
      <c r="AB762">
        <v>7.9907847946926118</v>
      </c>
      <c r="AC762">
        <v>1</v>
      </c>
      <c r="AD762">
        <v>1</v>
      </c>
      <c r="AE762">
        <v>0</v>
      </c>
      <c r="AF762">
        <v>0</v>
      </c>
      <c r="AG762">
        <v>7.9909154630913246</v>
      </c>
      <c r="AH762">
        <v>-1.6682047679907799E-2</v>
      </c>
      <c r="AI762">
        <v>-1.4069461349382211E-2</v>
      </c>
      <c r="AJ762">
        <v>2.0408525673773961E-2</v>
      </c>
      <c r="AK762">
        <v>1.2294261277172709E-2</v>
      </c>
      <c r="AL762">
        <v>3662.1132785234699</v>
      </c>
      <c r="AM762">
        <v>7173.817486893714</v>
      </c>
      <c r="AN762">
        <v>380115</v>
      </c>
      <c r="AO762">
        <v>152.08186892741381</v>
      </c>
      <c r="AP762">
        <v>3278.4905702732158</v>
      </c>
      <c r="AQ762">
        <v>1.0077781535339869</v>
      </c>
      <c r="AR762">
        <v>3.9915454852891439</v>
      </c>
      <c r="AS762">
        <v>2945</v>
      </c>
      <c r="AT762">
        <v>272.30537707135608</v>
      </c>
      <c r="AU762">
        <v>1.5260564827892561E-2</v>
      </c>
      <c r="AV762">
        <v>-1.6692709581316391E-2</v>
      </c>
      <c r="AW762">
        <v>0.3638823131552249</v>
      </c>
      <c r="AX762">
        <v>85.791610284167788</v>
      </c>
      <c r="AY762">
        <v>64</v>
      </c>
      <c r="AZ762">
        <v>127</v>
      </c>
      <c r="BA762">
        <v>0.5724426561074657</v>
      </c>
      <c r="BB762">
        <v>0.50794724382820422</v>
      </c>
      <c r="BC762">
        <v>5.3085696994927112</v>
      </c>
      <c r="BD762" t="s">
        <v>2957</v>
      </c>
      <c r="BE762" t="s">
        <v>68</v>
      </c>
    </row>
    <row r="763" spans="1:57" x14ac:dyDescent="0.3">
      <c r="A763" t="s">
        <v>2958</v>
      </c>
      <c r="B763">
        <v>758</v>
      </c>
      <c r="C763" t="s">
        <v>2959</v>
      </c>
      <c r="D763" t="s">
        <v>2960</v>
      </c>
      <c r="E763" t="s">
        <v>93</v>
      </c>
      <c r="F763">
        <v>768</v>
      </c>
      <c r="G763">
        <v>129.8125</v>
      </c>
      <c r="H763">
        <v>127.5</v>
      </c>
      <c r="I763">
        <v>5586.69921875</v>
      </c>
      <c r="J763">
        <v>74.744225320421918</v>
      </c>
      <c r="K763">
        <v>-9.533422823879905E-3</v>
      </c>
      <c r="L763">
        <v>-1.274107141108846</v>
      </c>
      <c r="M763">
        <v>7.7828532221087086</v>
      </c>
      <c r="N763">
        <v>9</v>
      </c>
      <c r="O763">
        <v>1</v>
      </c>
      <c r="P763">
        <v>8</v>
      </c>
      <c r="Q763">
        <v>1.501139761310158</v>
      </c>
      <c r="R763">
        <v>5.3946627676165244</v>
      </c>
      <c r="S763">
        <v>2</v>
      </c>
      <c r="T763">
        <v>1</v>
      </c>
      <c r="U763">
        <v>1</v>
      </c>
      <c r="V763">
        <v>5.1064117606861727E-2</v>
      </c>
      <c r="W763">
        <v>6.6388719529679872</v>
      </c>
      <c r="X763">
        <v>1</v>
      </c>
      <c r="Y763">
        <v>1</v>
      </c>
      <c r="Z763">
        <v>0</v>
      </c>
      <c r="AA763">
        <v>0</v>
      </c>
      <c r="AB763">
        <v>6.6411821697405928</v>
      </c>
      <c r="AC763">
        <v>1</v>
      </c>
      <c r="AD763">
        <v>1</v>
      </c>
      <c r="AE763">
        <v>0</v>
      </c>
      <c r="AF763">
        <v>0</v>
      </c>
      <c r="AG763">
        <v>6.6398758338265349</v>
      </c>
      <c r="AH763">
        <v>9.6716624524977365E-3</v>
      </c>
      <c r="AI763">
        <v>6.9012715486349756E-3</v>
      </c>
      <c r="AJ763">
        <v>-3.3769911511192532E-2</v>
      </c>
      <c r="AK763">
        <v>-4.1775708105654591E-2</v>
      </c>
      <c r="AL763">
        <v>1955.0677002010721</v>
      </c>
      <c r="AM763">
        <v>3661.9779201451352</v>
      </c>
      <c r="AN763">
        <v>99696</v>
      </c>
      <c r="AO763">
        <v>84.651907839668013</v>
      </c>
      <c r="AP763">
        <v>1751.629148341209</v>
      </c>
      <c r="AQ763">
        <v>1.029947916666667</v>
      </c>
      <c r="AR763">
        <v>4.036458333333333</v>
      </c>
      <c r="AS763">
        <v>764</v>
      </c>
      <c r="AT763">
        <v>177.5625</v>
      </c>
      <c r="AU763">
        <v>4.3229166666666652E-2</v>
      </c>
      <c r="AV763">
        <v>9.6793371920512791E-3</v>
      </c>
      <c r="AW763">
        <v>0.38151041666666669</v>
      </c>
      <c r="AX763">
        <v>86.727509778357231</v>
      </c>
      <c r="AY763">
        <v>66.5</v>
      </c>
      <c r="AZ763">
        <v>130.25</v>
      </c>
      <c r="BA763">
        <v>0.57578604002250877</v>
      </c>
      <c r="BB763">
        <v>0.49348958333333331</v>
      </c>
      <c r="BC763">
        <v>5.2004283179859527</v>
      </c>
      <c r="BD763" t="s">
        <v>2961</v>
      </c>
      <c r="BE763" t="s">
        <v>62</v>
      </c>
    </row>
    <row r="764" spans="1:57" x14ac:dyDescent="0.3">
      <c r="A764" t="s">
        <v>2962</v>
      </c>
      <c r="B764">
        <v>3081</v>
      </c>
      <c r="C764" t="s">
        <v>2963</v>
      </c>
      <c r="D764" t="s">
        <v>2964</v>
      </c>
      <c r="E764" t="s">
        <v>106</v>
      </c>
      <c r="F764">
        <v>3094</v>
      </c>
      <c r="G764">
        <v>126.961861667744</v>
      </c>
      <c r="H764">
        <v>128</v>
      </c>
      <c r="I764">
        <v>5461.4872332504183</v>
      </c>
      <c r="J764">
        <v>73.901875708607136</v>
      </c>
      <c r="K764">
        <v>1.7922666450668841E-3</v>
      </c>
      <c r="L764">
        <v>-1.2136753983213491</v>
      </c>
      <c r="M764">
        <v>7.9492204897069687</v>
      </c>
      <c r="N764">
        <v>21</v>
      </c>
      <c r="O764">
        <v>3</v>
      </c>
      <c r="P764">
        <v>18</v>
      </c>
      <c r="Q764">
        <v>3.151208458051252</v>
      </c>
      <c r="R764">
        <v>5.5099797700897319</v>
      </c>
      <c r="S764">
        <v>3</v>
      </c>
      <c r="T764">
        <v>1</v>
      </c>
      <c r="U764">
        <v>2</v>
      </c>
      <c r="V764">
        <v>0.1438635617935056</v>
      </c>
      <c r="W764">
        <v>8.0089389652058589</v>
      </c>
      <c r="X764">
        <v>1</v>
      </c>
      <c r="Y764">
        <v>1</v>
      </c>
      <c r="Z764">
        <v>0</v>
      </c>
      <c r="AA764">
        <v>0</v>
      </c>
      <c r="AB764">
        <v>8.0365734097073105</v>
      </c>
      <c r="AC764">
        <v>1</v>
      </c>
      <c r="AD764">
        <v>1</v>
      </c>
      <c r="AE764">
        <v>0</v>
      </c>
      <c r="AF764">
        <v>0</v>
      </c>
      <c r="AG764">
        <v>8.0362499421321161</v>
      </c>
      <c r="AH764">
        <v>-6.9216817482149152E-3</v>
      </c>
      <c r="AI764">
        <v>2.2548041596836679E-2</v>
      </c>
      <c r="AJ764">
        <v>1.161603932894434E-2</v>
      </c>
      <c r="AK764">
        <v>-1.5781434188968921E-2</v>
      </c>
      <c r="AL764">
        <v>3751.2794786794429</v>
      </c>
      <c r="AM764">
        <v>7259.4009582635999</v>
      </c>
      <c r="AN764">
        <v>392820</v>
      </c>
      <c r="AO764">
        <v>93.884978505700332</v>
      </c>
      <c r="AP764">
        <v>3470.4741815006091</v>
      </c>
      <c r="AQ764">
        <v>1.0074337427278599</v>
      </c>
      <c r="AR764">
        <v>4.0048480930833872</v>
      </c>
      <c r="AS764">
        <v>3081</v>
      </c>
      <c r="AT764">
        <v>210.33613445378151</v>
      </c>
      <c r="AU764">
        <v>1.167851756087052E-2</v>
      </c>
      <c r="AV764">
        <v>-6.925285184399459E-3</v>
      </c>
      <c r="AW764">
        <v>0.36780866192630901</v>
      </c>
      <c r="AX764">
        <v>85.969932104752672</v>
      </c>
      <c r="AY764">
        <v>65</v>
      </c>
      <c r="AZ764">
        <v>130</v>
      </c>
      <c r="BA764">
        <v>0.58207933262672595</v>
      </c>
      <c r="BB764">
        <v>0.50517129928894633</v>
      </c>
      <c r="BC764">
        <v>5.3184433114687941</v>
      </c>
      <c r="BD764" t="s">
        <v>2965</v>
      </c>
      <c r="BE764" t="s">
        <v>68</v>
      </c>
    </row>
    <row r="765" spans="1:57" x14ac:dyDescent="0.3">
      <c r="A765" t="s">
        <v>2966</v>
      </c>
      <c r="B765">
        <v>1319</v>
      </c>
      <c r="C765" t="s">
        <v>2967</v>
      </c>
      <c r="D765" t="s">
        <v>2968</v>
      </c>
      <c r="E765" t="s">
        <v>85</v>
      </c>
      <c r="F765">
        <v>8</v>
      </c>
      <c r="G765">
        <v>106.5</v>
      </c>
      <c r="H765">
        <v>96.5</v>
      </c>
      <c r="I765">
        <v>1966.75</v>
      </c>
      <c r="J765">
        <v>44.348055199749183</v>
      </c>
      <c r="K765">
        <v>1.0010715522622451</v>
      </c>
      <c r="L765">
        <v>0.1439178988280263</v>
      </c>
      <c r="M765">
        <v>3</v>
      </c>
      <c r="N765">
        <v>1</v>
      </c>
      <c r="O765">
        <v>1</v>
      </c>
      <c r="P765">
        <v>0</v>
      </c>
      <c r="Q765">
        <v>0</v>
      </c>
      <c r="R765">
        <v>2.0794415416798362</v>
      </c>
      <c r="S765">
        <v>1</v>
      </c>
      <c r="T765">
        <v>1</v>
      </c>
      <c r="U765">
        <v>0</v>
      </c>
      <c r="V765">
        <v>0</v>
      </c>
      <c r="W765">
        <v>1.945910149055313</v>
      </c>
      <c r="X765">
        <v>1</v>
      </c>
      <c r="Y765">
        <v>1</v>
      </c>
      <c r="Z765">
        <v>0</v>
      </c>
      <c r="AA765">
        <v>0</v>
      </c>
      <c r="AB765">
        <v>1.791759469228055</v>
      </c>
      <c r="AC765">
        <v>1</v>
      </c>
      <c r="AD765">
        <v>1</v>
      </c>
      <c r="AE765">
        <v>0</v>
      </c>
      <c r="AF765">
        <v>0</v>
      </c>
      <c r="AG765">
        <v>1.6094379124341009</v>
      </c>
      <c r="AH765">
        <v>0.20288864878606841</v>
      </c>
      <c r="AI765">
        <v>-8.9360620312698619E-2</v>
      </c>
      <c r="AJ765">
        <v>1.158319562730393E-2</v>
      </c>
      <c r="AK765">
        <v>0</v>
      </c>
      <c r="AL765">
        <v>216.1519805448543</v>
      </c>
      <c r="AM765">
        <v>244.4387884656135</v>
      </c>
      <c r="AN765">
        <v>852</v>
      </c>
      <c r="AO765">
        <v>34</v>
      </c>
      <c r="AP765">
        <v>124.1692393469494</v>
      </c>
      <c r="AQ765">
        <v>3.5</v>
      </c>
      <c r="AR765">
        <v>4</v>
      </c>
      <c r="AS765">
        <v>8</v>
      </c>
      <c r="AT765">
        <v>0</v>
      </c>
      <c r="AU765">
        <v>0.48091133004926112</v>
      </c>
      <c r="AV765">
        <v>0.34857435066250042</v>
      </c>
      <c r="AW765">
        <v>0.75</v>
      </c>
      <c r="AX765">
        <v>42.142857142857153</v>
      </c>
      <c r="AY765">
        <v>24</v>
      </c>
      <c r="AZ765">
        <v>46.25</v>
      </c>
      <c r="BA765">
        <v>0.41641366384741008</v>
      </c>
      <c r="BB765">
        <v>0.5</v>
      </c>
      <c r="BC765">
        <v>1.945910149055313</v>
      </c>
      <c r="BD765" t="s">
        <v>2967</v>
      </c>
      <c r="BE765" t="s">
        <v>68</v>
      </c>
    </row>
    <row r="766" spans="1:57" x14ac:dyDescent="0.3">
      <c r="A766" t="s">
        <v>2969</v>
      </c>
      <c r="B766">
        <v>1409</v>
      </c>
      <c r="C766" t="s">
        <v>2970</v>
      </c>
      <c r="D766" t="s">
        <v>2971</v>
      </c>
      <c r="E766" t="s">
        <v>72</v>
      </c>
      <c r="F766">
        <v>1416</v>
      </c>
      <c r="G766">
        <v>129.8975988700565</v>
      </c>
      <c r="H766">
        <v>131</v>
      </c>
      <c r="I766">
        <v>5213.8786383023717</v>
      </c>
      <c r="J766">
        <v>72.207192427779461</v>
      </c>
      <c r="K766">
        <v>-4.2935163818522859E-2</v>
      </c>
      <c r="L766">
        <v>-1.14439581752996</v>
      </c>
      <c r="M766">
        <v>7.8701478281204889</v>
      </c>
      <c r="N766">
        <v>13</v>
      </c>
      <c r="O766">
        <v>1</v>
      </c>
      <c r="P766">
        <v>12</v>
      </c>
      <c r="Q766">
        <v>2.281240885336739</v>
      </c>
      <c r="R766">
        <v>5.4551707776516967</v>
      </c>
      <c r="S766">
        <v>2</v>
      </c>
      <c r="T766">
        <v>1</v>
      </c>
      <c r="U766">
        <v>1</v>
      </c>
      <c r="V766">
        <v>0.14064110921709169</v>
      </c>
      <c r="W766">
        <v>7.2274528368537618</v>
      </c>
      <c r="X766">
        <v>2</v>
      </c>
      <c r="Y766">
        <v>1</v>
      </c>
      <c r="Z766">
        <v>1</v>
      </c>
      <c r="AA766">
        <v>9.2119168564695805E-2</v>
      </c>
      <c r="AB766">
        <v>7.2424129721047228</v>
      </c>
      <c r="AC766">
        <v>2</v>
      </c>
      <c r="AD766">
        <v>1</v>
      </c>
      <c r="AE766">
        <v>1</v>
      </c>
      <c r="AF766">
        <v>8.4123607263410241E-2</v>
      </c>
      <c r="AG766">
        <v>7.2436593822519706</v>
      </c>
      <c r="AH766">
        <v>-3.9312771332100982E-2</v>
      </c>
      <c r="AI766">
        <v>-1.5376217558278451E-2</v>
      </c>
      <c r="AJ766">
        <v>-3.8149500852974111E-2</v>
      </c>
      <c r="AK766">
        <v>-1.4923080725356761E-2</v>
      </c>
      <c r="AL766">
        <v>2526.547351689489</v>
      </c>
      <c r="AM766">
        <v>4989.2008858805066</v>
      </c>
      <c r="AN766">
        <v>183935</v>
      </c>
      <c r="AO766">
        <v>95.6530153789612</v>
      </c>
      <c r="AP766">
        <v>2256.8623162349859</v>
      </c>
      <c r="AQ766">
        <v>1.016242937853107</v>
      </c>
      <c r="AR766">
        <v>4.0211864406779663</v>
      </c>
      <c r="AS766">
        <v>1414</v>
      </c>
      <c r="AT766">
        <v>238.97881355932211</v>
      </c>
      <c r="AU766">
        <v>2.860584911930875E-2</v>
      </c>
      <c r="AV766">
        <v>-3.9367403460268929E-2</v>
      </c>
      <c r="AW766">
        <v>0.37358757062146891</v>
      </c>
      <c r="AX766">
        <v>85.120848056537099</v>
      </c>
      <c r="AY766">
        <v>61</v>
      </c>
      <c r="AZ766">
        <v>122.25</v>
      </c>
      <c r="BA766">
        <v>0.55587780725656188</v>
      </c>
      <c r="BB766">
        <v>0.50423728813559321</v>
      </c>
      <c r="BC766">
        <v>5.2410581906382099</v>
      </c>
      <c r="BD766" t="s">
        <v>2972</v>
      </c>
      <c r="BE766" t="s">
        <v>68</v>
      </c>
    </row>
    <row r="767" spans="1:57" x14ac:dyDescent="0.3">
      <c r="A767" t="s">
        <v>2973</v>
      </c>
      <c r="B767">
        <v>589</v>
      </c>
      <c r="C767" t="s">
        <v>2974</v>
      </c>
      <c r="D767" t="s">
        <v>2975</v>
      </c>
      <c r="E767" t="s">
        <v>106</v>
      </c>
      <c r="F767">
        <v>591</v>
      </c>
      <c r="G767">
        <v>123.16582064297801</v>
      </c>
      <c r="H767">
        <v>116</v>
      </c>
      <c r="I767">
        <v>5101.2618436158846</v>
      </c>
      <c r="J767">
        <v>71.423118411449138</v>
      </c>
      <c r="K767">
        <v>7.5304221645103517E-2</v>
      </c>
      <c r="L767">
        <v>-1.1222928694320851</v>
      </c>
      <c r="M767">
        <v>7.6102144672741217</v>
      </c>
      <c r="N767">
        <v>9</v>
      </c>
      <c r="O767">
        <v>1</v>
      </c>
      <c r="P767">
        <v>8</v>
      </c>
      <c r="Q767">
        <v>1.3683391691432141</v>
      </c>
      <c r="R767">
        <v>5.2749987014475872</v>
      </c>
      <c r="S767">
        <v>2</v>
      </c>
      <c r="T767">
        <v>1</v>
      </c>
      <c r="U767">
        <v>1</v>
      </c>
      <c r="V767">
        <v>5.822191417899214E-2</v>
      </c>
      <c r="W767">
        <v>6.3754232339807162</v>
      </c>
      <c r="X767">
        <v>1</v>
      </c>
      <c r="Y767">
        <v>1</v>
      </c>
      <c r="Z767">
        <v>0</v>
      </c>
      <c r="AA767">
        <v>0</v>
      </c>
      <c r="AB767">
        <v>6.3784261836515856</v>
      </c>
      <c r="AC767">
        <v>1</v>
      </c>
      <c r="AD767">
        <v>1</v>
      </c>
      <c r="AE767">
        <v>0</v>
      </c>
      <c r="AF767">
        <v>0</v>
      </c>
      <c r="AG767">
        <v>6.3767269478986286</v>
      </c>
      <c r="AH767">
        <v>-3.3547060786074383E-2</v>
      </c>
      <c r="AI767">
        <v>8.8563582889210502E-3</v>
      </c>
      <c r="AJ767">
        <v>-1.156651299541364E-2</v>
      </c>
      <c r="AK767">
        <v>-5.1735985532093187E-2</v>
      </c>
      <c r="AL767">
        <v>1645.1527882978801</v>
      </c>
      <c r="AM767">
        <v>3045.271958816767</v>
      </c>
      <c r="AN767">
        <v>72790.999999999985</v>
      </c>
      <c r="AO767">
        <v>148.80086740256871</v>
      </c>
      <c r="AP767">
        <v>1374.084214255573</v>
      </c>
      <c r="AQ767">
        <v>1.0389170896785109</v>
      </c>
      <c r="AR767">
        <v>3.9289340101522838</v>
      </c>
      <c r="AS767">
        <v>590</v>
      </c>
      <c r="AT767">
        <v>156.13705583756351</v>
      </c>
      <c r="AU767">
        <v>5.1099830795262258E-2</v>
      </c>
      <c r="AV767">
        <v>-3.3600973638224479E-2</v>
      </c>
      <c r="AW767">
        <v>0.41793570219966159</v>
      </c>
      <c r="AX767">
        <v>83.80847457627118</v>
      </c>
      <c r="AY767">
        <v>58</v>
      </c>
      <c r="AZ767">
        <v>119.5</v>
      </c>
      <c r="BA767">
        <v>0.57989398388765701</v>
      </c>
      <c r="BB767">
        <v>0.47715736040609141</v>
      </c>
      <c r="BC767">
        <v>5.0977298473665034</v>
      </c>
      <c r="BD767" t="s">
        <v>2976</v>
      </c>
      <c r="BE767" t="s">
        <v>68</v>
      </c>
    </row>
    <row r="768" spans="1:57" x14ac:dyDescent="0.3">
      <c r="A768" t="s">
        <v>2977</v>
      </c>
      <c r="B768">
        <v>518</v>
      </c>
      <c r="C768" t="s">
        <v>2978</v>
      </c>
      <c r="D768" t="s">
        <v>2979</v>
      </c>
      <c r="E768" t="s">
        <v>115</v>
      </c>
      <c r="F768">
        <v>558</v>
      </c>
      <c r="G768">
        <v>129.23476702508961</v>
      </c>
      <c r="H768">
        <v>133</v>
      </c>
      <c r="I768">
        <v>5233.1509776338944</v>
      </c>
      <c r="J768">
        <v>72.340520993658146</v>
      </c>
      <c r="K768">
        <v>-7.7480647028930608E-2</v>
      </c>
      <c r="L768">
        <v>-1.1712253238478849</v>
      </c>
      <c r="M768">
        <v>7.6067007963978526</v>
      </c>
      <c r="N768">
        <v>10</v>
      </c>
      <c r="O768">
        <v>1</v>
      </c>
      <c r="P768">
        <v>9</v>
      </c>
      <c r="Q768">
        <v>1.439371849247538</v>
      </c>
      <c r="R768">
        <v>5.2725632103862488</v>
      </c>
      <c r="S768">
        <v>2</v>
      </c>
      <c r="T768">
        <v>1</v>
      </c>
      <c r="U768">
        <v>1</v>
      </c>
      <c r="V768">
        <v>7.3388272022585285E-2</v>
      </c>
      <c r="W768">
        <v>6.3150986634760109</v>
      </c>
      <c r="X768">
        <v>1</v>
      </c>
      <c r="Y768">
        <v>1</v>
      </c>
      <c r="Z768">
        <v>0</v>
      </c>
      <c r="AA768">
        <v>0</v>
      </c>
      <c r="AB768">
        <v>6.3207682942505814</v>
      </c>
      <c r="AC768">
        <v>1</v>
      </c>
      <c r="AD768">
        <v>1</v>
      </c>
      <c r="AE768">
        <v>0</v>
      </c>
      <c r="AF768">
        <v>0</v>
      </c>
      <c r="AG768">
        <v>6.3189681137464344</v>
      </c>
      <c r="AH768">
        <v>-3.1986810284745953E-2</v>
      </c>
      <c r="AI768">
        <v>7.7895283543047769E-2</v>
      </c>
      <c r="AJ768">
        <v>-2.8622836966573448E-2</v>
      </c>
      <c r="AK768">
        <v>3.5335509235064899E-2</v>
      </c>
      <c r="AL768">
        <v>1654.404697574897</v>
      </c>
      <c r="AM768">
        <v>3082.6206540283401</v>
      </c>
      <c r="AN768">
        <v>72113</v>
      </c>
      <c r="AO768">
        <v>127.53168844189079</v>
      </c>
      <c r="AP768">
        <v>1447.8060817922769</v>
      </c>
      <c r="AQ768">
        <v>1.041218637992831</v>
      </c>
      <c r="AR768">
        <v>4.010752688172043</v>
      </c>
      <c r="AS768">
        <v>553</v>
      </c>
      <c r="AT768">
        <v>193.010752688172</v>
      </c>
      <c r="AU768">
        <v>3.1637174385459883E-2</v>
      </c>
      <c r="AV768">
        <v>-3.2017421178031302E-2</v>
      </c>
      <c r="AW768">
        <v>0.35304659498207891</v>
      </c>
      <c r="AX768">
        <v>83.886894075403944</v>
      </c>
      <c r="AY768">
        <v>62.5</v>
      </c>
      <c r="AZ768">
        <v>122.75</v>
      </c>
      <c r="BA768">
        <v>0.5597605246552112</v>
      </c>
      <c r="BB768">
        <v>0.51433691756272404</v>
      </c>
      <c r="BC768">
        <v>5.1044812198183838</v>
      </c>
      <c r="BD768" t="s">
        <v>2980</v>
      </c>
      <c r="BE768" t="s">
        <v>68</v>
      </c>
    </row>
    <row r="769" spans="1:57" x14ac:dyDescent="0.3">
      <c r="A769" t="s">
        <v>2981</v>
      </c>
      <c r="B769">
        <v>1261</v>
      </c>
      <c r="C769" t="s">
        <v>2982</v>
      </c>
      <c r="D769" t="s">
        <v>2983</v>
      </c>
      <c r="E769" t="s">
        <v>10622</v>
      </c>
      <c r="F769">
        <v>64</v>
      </c>
      <c r="G769">
        <v>123.671875</v>
      </c>
      <c r="H769">
        <v>130</v>
      </c>
      <c r="I769">
        <v>6259.282958984375</v>
      </c>
      <c r="J769">
        <v>79.115630307698211</v>
      </c>
      <c r="K769">
        <v>-7.7639203994792566E-3</v>
      </c>
      <c r="L769">
        <v>-1.401179138116029</v>
      </c>
      <c r="M769">
        <v>5.800704882778696</v>
      </c>
      <c r="N769">
        <v>3</v>
      </c>
      <c r="O769">
        <v>1</v>
      </c>
      <c r="P769">
        <v>2</v>
      </c>
      <c r="Q769">
        <v>0.35669242871684831</v>
      </c>
      <c r="R769">
        <v>4.0207422347583606</v>
      </c>
      <c r="S769">
        <v>1</v>
      </c>
      <c r="T769">
        <v>1</v>
      </c>
      <c r="U769">
        <v>0</v>
      </c>
      <c r="V769">
        <v>0</v>
      </c>
      <c r="W769">
        <v>4.1431347263915326</v>
      </c>
      <c r="X769">
        <v>1</v>
      </c>
      <c r="Y769">
        <v>1</v>
      </c>
      <c r="Z769">
        <v>0</v>
      </c>
      <c r="AA769">
        <v>0</v>
      </c>
      <c r="AB769">
        <v>4.1271343850450908</v>
      </c>
      <c r="AC769">
        <v>1</v>
      </c>
      <c r="AD769">
        <v>1</v>
      </c>
      <c r="AE769">
        <v>0</v>
      </c>
      <c r="AF769">
        <v>0</v>
      </c>
      <c r="AG769">
        <v>4.1108738641733096</v>
      </c>
      <c r="AH769">
        <v>-7.0200299400035637E-2</v>
      </c>
      <c r="AI769">
        <v>-1.4357455769893021E-2</v>
      </c>
      <c r="AJ769">
        <v>3.225278122556486E-2</v>
      </c>
      <c r="AK769">
        <v>2.2235259471839929E-2</v>
      </c>
      <c r="AL769">
        <v>694.5184765904296</v>
      </c>
      <c r="AM769">
        <v>947.15420374641678</v>
      </c>
      <c r="AN769">
        <v>7915</v>
      </c>
      <c r="AO769">
        <v>3</v>
      </c>
      <c r="AP769">
        <v>551.82769417645613</v>
      </c>
      <c r="AQ769">
        <v>1.359375</v>
      </c>
      <c r="AR769">
        <v>3.90625</v>
      </c>
      <c r="AS769">
        <v>64</v>
      </c>
      <c r="AT769">
        <v>6.6875000000000018</v>
      </c>
      <c r="AU769">
        <v>0.11439508032128511</v>
      </c>
      <c r="AV769">
        <v>-7.1024554916914923E-2</v>
      </c>
      <c r="AW769">
        <v>0.328125</v>
      </c>
      <c r="AX769">
        <v>95.507936507936506</v>
      </c>
      <c r="AY769">
        <v>73</v>
      </c>
      <c r="AZ769">
        <v>140.5</v>
      </c>
      <c r="BA769">
        <v>0.63972208966426858</v>
      </c>
      <c r="BB769">
        <v>0.515625</v>
      </c>
      <c r="BC769">
        <v>3.8844722778225189</v>
      </c>
      <c r="BD769" t="s">
        <v>2984</v>
      </c>
      <c r="BE769" t="s">
        <v>62</v>
      </c>
    </row>
    <row r="770" spans="1:57" x14ac:dyDescent="0.3">
      <c r="A770" t="s">
        <v>2985</v>
      </c>
      <c r="B770">
        <v>1343</v>
      </c>
      <c r="C770" t="s">
        <v>2986</v>
      </c>
      <c r="D770" t="s">
        <v>2987</v>
      </c>
      <c r="E770" t="s">
        <v>115</v>
      </c>
      <c r="F770">
        <v>1391</v>
      </c>
      <c r="G770">
        <v>126.27462257368801</v>
      </c>
      <c r="H770">
        <v>123</v>
      </c>
      <c r="I770">
        <v>5691.920268998455</v>
      </c>
      <c r="J770">
        <v>75.444816051193698</v>
      </c>
      <c r="K770">
        <v>3.2148717940951997E-2</v>
      </c>
      <c r="L770">
        <v>-1.251685676612788</v>
      </c>
      <c r="M770">
        <v>7.8470769271148244</v>
      </c>
      <c r="N770">
        <v>15</v>
      </c>
      <c r="O770">
        <v>1</v>
      </c>
      <c r="P770">
        <v>14</v>
      </c>
      <c r="Q770">
        <v>2.4917364388282301</v>
      </c>
      <c r="R770">
        <v>5.4391792476666474</v>
      </c>
      <c r="S770">
        <v>2</v>
      </c>
      <c r="T770">
        <v>1</v>
      </c>
      <c r="U770">
        <v>1</v>
      </c>
      <c r="V770">
        <v>0.1003538729233132</v>
      </c>
      <c r="W770">
        <v>7.2230963491062621</v>
      </c>
      <c r="X770">
        <v>1</v>
      </c>
      <c r="Y770">
        <v>1</v>
      </c>
      <c r="Z770">
        <v>0</v>
      </c>
      <c r="AA770">
        <v>0</v>
      </c>
      <c r="AB770">
        <v>7.2363393427543468</v>
      </c>
      <c r="AC770">
        <v>1</v>
      </c>
      <c r="AD770">
        <v>1</v>
      </c>
      <c r="AE770">
        <v>0</v>
      </c>
      <c r="AF770">
        <v>0</v>
      </c>
      <c r="AG770">
        <v>7.2356191410667492</v>
      </c>
      <c r="AH770">
        <v>-1.5668510963442382E-2</v>
      </c>
      <c r="AI770">
        <v>2.2117093927281261E-3</v>
      </c>
      <c r="AJ770">
        <v>-4.3447755266873979E-2</v>
      </c>
      <c r="AK770">
        <v>-1.479886661064761E-4</v>
      </c>
      <c r="AL770">
        <v>2617.1339236474391</v>
      </c>
      <c r="AM770">
        <v>4821.6134255758998</v>
      </c>
      <c r="AN770">
        <v>175648</v>
      </c>
      <c r="AO770">
        <v>22.275499409419101</v>
      </c>
      <c r="AP770">
        <v>2349.2282994246621</v>
      </c>
      <c r="AQ770">
        <v>1.016534867002157</v>
      </c>
      <c r="AR770">
        <v>4.0100647016534863</v>
      </c>
      <c r="AS770">
        <v>1383</v>
      </c>
      <c r="AT770">
        <v>290.24011502516169</v>
      </c>
      <c r="AU770">
        <v>3.3306550513807258E-2</v>
      </c>
      <c r="AV770">
        <v>-1.5686420925414321E-2</v>
      </c>
      <c r="AW770">
        <v>0.37742631200575127</v>
      </c>
      <c r="AX770">
        <v>88.543884892086325</v>
      </c>
      <c r="AY770">
        <v>65</v>
      </c>
      <c r="AZ770">
        <v>132</v>
      </c>
      <c r="BA770">
        <v>0.59746617739575991</v>
      </c>
      <c r="BB770">
        <v>0.49029475197699501</v>
      </c>
      <c r="BC770">
        <v>5.2845730847227426</v>
      </c>
      <c r="BD770" t="s">
        <v>2988</v>
      </c>
      <c r="BE770" t="s">
        <v>68</v>
      </c>
    </row>
    <row r="771" spans="1:57" x14ac:dyDescent="0.3">
      <c r="A771" t="s">
        <v>2989</v>
      </c>
      <c r="B771">
        <v>3560</v>
      </c>
      <c r="C771" t="s">
        <v>2990</v>
      </c>
      <c r="D771" t="s">
        <v>2991</v>
      </c>
      <c r="E771" t="s">
        <v>66</v>
      </c>
      <c r="F771">
        <v>70</v>
      </c>
      <c r="G771">
        <v>99.971428571428575</v>
      </c>
      <c r="H771">
        <v>92.5</v>
      </c>
      <c r="I771">
        <v>4863.1134693877557</v>
      </c>
      <c r="J771">
        <v>69.736027054799706</v>
      </c>
      <c r="K771">
        <v>0.34884186082851609</v>
      </c>
      <c r="L771">
        <v>-0.97824981455230997</v>
      </c>
      <c r="M771">
        <v>5.7648576597402998</v>
      </c>
      <c r="N771">
        <v>3</v>
      </c>
      <c r="O771">
        <v>1</v>
      </c>
      <c r="P771">
        <v>2</v>
      </c>
      <c r="Q771">
        <v>0.48275862068965519</v>
      </c>
      <c r="R771">
        <v>3.995894833178391</v>
      </c>
      <c r="S771">
        <v>2</v>
      </c>
      <c r="T771">
        <v>1</v>
      </c>
      <c r="U771">
        <v>1</v>
      </c>
      <c r="V771">
        <v>0.1203728348804772</v>
      </c>
      <c r="W771">
        <v>4.2140152819723324</v>
      </c>
      <c r="X771">
        <v>1</v>
      </c>
      <c r="Y771">
        <v>1</v>
      </c>
      <c r="Z771">
        <v>0</v>
      </c>
      <c r="AA771">
        <v>0</v>
      </c>
      <c r="AB771">
        <v>4.2195077051761087</v>
      </c>
      <c r="AC771">
        <v>1</v>
      </c>
      <c r="AD771">
        <v>1</v>
      </c>
      <c r="AE771">
        <v>0</v>
      </c>
      <c r="AF771">
        <v>0</v>
      </c>
      <c r="AG771">
        <v>4.2046926193909648</v>
      </c>
      <c r="AH771">
        <v>8.6006207783287172E-2</v>
      </c>
      <c r="AI771">
        <v>4.0137882849312863E-2</v>
      </c>
      <c r="AJ771">
        <v>-0.19087991189126019</v>
      </c>
      <c r="AK771">
        <v>-0.15537625561740451</v>
      </c>
      <c r="AL771">
        <v>605.02934263995712</v>
      </c>
      <c r="AM771">
        <v>820.94914248366285</v>
      </c>
      <c r="AN771">
        <v>6998</v>
      </c>
      <c r="AO771">
        <v>53.586241073382347</v>
      </c>
      <c r="AP771">
        <v>483.93683236164401</v>
      </c>
      <c r="AQ771">
        <v>1.328571428571429</v>
      </c>
      <c r="AR771">
        <v>3.285714285714286</v>
      </c>
      <c r="AS771">
        <v>70</v>
      </c>
      <c r="AT771">
        <v>11.2</v>
      </c>
      <c r="AU771">
        <v>0.1698412698412699</v>
      </c>
      <c r="AV771">
        <v>8.6647978357862268E-2</v>
      </c>
      <c r="AW771">
        <v>0.44285714285714278</v>
      </c>
      <c r="AX771">
        <v>74.478260869565219</v>
      </c>
      <c r="AY771">
        <v>59.5</v>
      </c>
      <c r="AZ771">
        <v>113.75</v>
      </c>
      <c r="BA771">
        <v>0.69755957328322082</v>
      </c>
      <c r="BB771">
        <v>0.45714285714285707</v>
      </c>
      <c r="BC771">
        <v>4.0131030557230742</v>
      </c>
      <c r="BD771" t="s">
        <v>2992</v>
      </c>
      <c r="BE771" t="s">
        <v>68</v>
      </c>
    </row>
    <row r="772" spans="1:57" x14ac:dyDescent="0.3">
      <c r="A772" t="s">
        <v>2993</v>
      </c>
      <c r="B772">
        <v>2403</v>
      </c>
      <c r="C772" t="s">
        <v>2994</v>
      </c>
      <c r="D772" t="s">
        <v>2995</v>
      </c>
      <c r="E772" t="s">
        <v>93</v>
      </c>
      <c r="F772">
        <v>2403</v>
      </c>
      <c r="G772">
        <v>127.4194756554307</v>
      </c>
      <c r="H772">
        <v>128</v>
      </c>
      <c r="I772">
        <v>5373.6201283975561</v>
      </c>
      <c r="J772">
        <v>73.304980242801761</v>
      </c>
      <c r="K772">
        <v>3.1110359969578282E-3</v>
      </c>
      <c r="L772">
        <v>-1.1741873642763281</v>
      </c>
      <c r="M772">
        <v>7.9170885020140256</v>
      </c>
      <c r="N772">
        <v>18</v>
      </c>
      <c r="O772">
        <v>2</v>
      </c>
      <c r="P772">
        <v>16</v>
      </c>
      <c r="Q772">
        <v>3.1614838064425439</v>
      </c>
      <c r="R772">
        <v>5.487707573414597</v>
      </c>
      <c r="S772">
        <v>2</v>
      </c>
      <c r="T772">
        <v>1</v>
      </c>
      <c r="U772">
        <v>1</v>
      </c>
      <c r="V772">
        <v>0.13532069349083001</v>
      </c>
      <c r="W772">
        <v>7.7586627678816971</v>
      </c>
      <c r="X772">
        <v>1</v>
      </c>
      <c r="Y772">
        <v>1</v>
      </c>
      <c r="Z772">
        <v>0</v>
      </c>
      <c r="AA772">
        <v>0</v>
      </c>
      <c r="AB772">
        <v>7.7836405962212512</v>
      </c>
      <c r="AC772">
        <v>1</v>
      </c>
      <c r="AD772">
        <v>1</v>
      </c>
      <c r="AE772">
        <v>0</v>
      </c>
      <c r="AF772">
        <v>0</v>
      </c>
      <c r="AG772">
        <v>7.7832240163360362</v>
      </c>
      <c r="AH772">
        <v>3.2659303670564903E-2</v>
      </c>
      <c r="AI772">
        <v>2.6111400225107009E-2</v>
      </c>
      <c r="AJ772">
        <v>-1.82564039510342E-2</v>
      </c>
      <c r="AK772">
        <v>-3.9050001432347763E-2</v>
      </c>
      <c r="AL772">
        <v>3322.1736522535011</v>
      </c>
      <c r="AM772">
        <v>6394.5612221850397</v>
      </c>
      <c r="AN772">
        <v>306189</v>
      </c>
      <c r="AO772">
        <v>112.3954466768005</v>
      </c>
      <c r="AP772">
        <v>3014.7934634221629</v>
      </c>
      <c r="AQ772">
        <v>1.009571369121931</v>
      </c>
      <c r="AR772">
        <v>4.0203911776945489</v>
      </c>
      <c r="AS772">
        <v>2395</v>
      </c>
      <c r="AT772">
        <v>272.58884727424049</v>
      </c>
      <c r="AU772">
        <v>1.318939560843058E-2</v>
      </c>
      <c r="AV772">
        <v>3.2662547469782123E-2</v>
      </c>
      <c r="AW772">
        <v>0.36953807740324601</v>
      </c>
      <c r="AX772">
        <v>83.321398834304745</v>
      </c>
      <c r="AY772">
        <v>63</v>
      </c>
      <c r="AZ772">
        <v>125</v>
      </c>
      <c r="BA772">
        <v>0.57530436274148522</v>
      </c>
      <c r="BB772">
        <v>0.50020807324178107</v>
      </c>
      <c r="BC772">
        <v>5.2849709142122174</v>
      </c>
      <c r="BD772" t="s">
        <v>2996</v>
      </c>
      <c r="BE772" t="s">
        <v>68</v>
      </c>
    </row>
    <row r="773" spans="1:57" x14ac:dyDescent="0.3">
      <c r="A773" t="s">
        <v>2997</v>
      </c>
      <c r="B773">
        <v>502</v>
      </c>
      <c r="C773" t="s">
        <v>2998</v>
      </c>
      <c r="D773" t="s">
        <v>2999</v>
      </c>
      <c r="E773" t="s">
        <v>72</v>
      </c>
      <c r="F773">
        <v>504</v>
      </c>
      <c r="G773">
        <v>125.5376984126984</v>
      </c>
      <c r="H773">
        <v>128</v>
      </c>
      <c r="I773">
        <v>5950.1374677185686</v>
      </c>
      <c r="J773">
        <v>77.137134168431274</v>
      </c>
      <c r="K773">
        <v>-3.134757055986352E-3</v>
      </c>
      <c r="L773">
        <v>-1.3027155516416391</v>
      </c>
      <c r="M773">
        <v>7.5712404994386198</v>
      </c>
      <c r="N773">
        <v>6</v>
      </c>
      <c r="O773">
        <v>1</v>
      </c>
      <c r="P773">
        <v>5</v>
      </c>
      <c r="Q773">
        <v>1.2571432226995589</v>
      </c>
      <c r="R773">
        <v>5.2479840055271572</v>
      </c>
      <c r="S773">
        <v>2</v>
      </c>
      <c r="T773">
        <v>1</v>
      </c>
      <c r="U773">
        <v>1</v>
      </c>
      <c r="V773">
        <v>6.3056163668388496E-2</v>
      </c>
      <c r="W773">
        <v>6.2150780652841524</v>
      </c>
      <c r="X773">
        <v>1</v>
      </c>
      <c r="Y773">
        <v>1</v>
      </c>
      <c r="Z773">
        <v>0</v>
      </c>
      <c r="AA773">
        <v>0</v>
      </c>
      <c r="AB773">
        <v>6.2186001196917289</v>
      </c>
      <c r="AC773">
        <v>1</v>
      </c>
      <c r="AD773">
        <v>1</v>
      </c>
      <c r="AE773">
        <v>0</v>
      </c>
      <c r="AF773">
        <v>0</v>
      </c>
      <c r="AG773">
        <v>6.2166061010848628</v>
      </c>
      <c r="AH773">
        <v>0.1070881592533159</v>
      </c>
      <c r="AI773">
        <v>6.2395298586384942E-2</v>
      </c>
      <c r="AJ773">
        <v>1.152171721321295E-2</v>
      </c>
      <c r="AK773">
        <v>-2.663650912907236E-2</v>
      </c>
      <c r="AL773">
        <v>1635.018464149279</v>
      </c>
      <c r="AM773">
        <v>2875.4964131243378</v>
      </c>
      <c r="AN773">
        <v>63271</v>
      </c>
      <c r="AO773">
        <v>93.866177437982984</v>
      </c>
      <c r="AP773">
        <v>1366.1023096374049</v>
      </c>
      <c r="AQ773">
        <v>1.0456349206349209</v>
      </c>
      <c r="AR773">
        <v>3.9404761904761911</v>
      </c>
      <c r="AS773">
        <v>502</v>
      </c>
      <c r="AT773">
        <v>150.3928571428572</v>
      </c>
      <c r="AU773">
        <v>4.4771241830065367E-2</v>
      </c>
      <c r="AV773">
        <v>0.10724021036022641</v>
      </c>
      <c r="AW773">
        <v>0.33531746031746029</v>
      </c>
      <c r="AX773">
        <v>82.59642147117296</v>
      </c>
      <c r="AY773">
        <v>70</v>
      </c>
      <c r="AZ773">
        <v>139.25</v>
      </c>
      <c r="BA773">
        <v>0.61445394605568682</v>
      </c>
      <c r="BB773">
        <v>0.50992063492063489</v>
      </c>
      <c r="BC773">
        <v>5.070948688052602</v>
      </c>
      <c r="BD773" t="s">
        <v>3000</v>
      </c>
      <c r="BE773" t="s">
        <v>68</v>
      </c>
    </row>
    <row r="774" spans="1:57" x14ac:dyDescent="0.3">
      <c r="A774" t="s">
        <v>3001</v>
      </c>
      <c r="B774">
        <v>155</v>
      </c>
      <c r="C774" t="s">
        <v>3002</v>
      </c>
      <c r="D774" t="s">
        <v>3003</v>
      </c>
      <c r="E774" t="s">
        <v>60</v>
      </c>
      <c r="F774">
        <v>256</v>
      </c>
      <c r="G774">
        <v>129.45703125</v>
      </c>
      <c r="H774">
        <v>129</v>
      </c>
      <c r="I774">
        <v>5072.8340911865234</v>
      </c>
      <c r="J774">
        <v>71.223830921865769</v>
      </c>
      <c r="K774">
        <v>8.8311381943196269E-3</v>
      </c>
      <c r="L774">
        <v>-1.1165793804180471</v>
      </c>
      <c r="M774">
        <v>7.0725657109274929</v>
      </c>
      <c r="N774">
        <v>5</v>
      </c>
      <c r="O774">
        <v>1</v>
      </c>
      <c r="P774">
        <v>4</v>
      </c>
      <c r="Q774">
        <v>0.86118182682495037</v>
      </c>
      <c r="R774">
        <v>4.9023289818543372</v>
      </c>
      <c r="S774">
        <v>1</v>
      </c>
      <c r="T774">
        <v>1</v>
      </c>
      <c r="U774">
        <v>0</v>
      </c>
      <c r="V774">
        <v>0</v>
      </c>
      <c r="W774">
        <v>5.541263545158424</v>
      </c>
      <c r="X774">
        <v>1</v>
      </c>
      <c r="Y774">
        <v>1</v>
      </c>
      <c r="Z774">
        <v>0</v>
      </c>
      <c r="AA774">
        <v>0</v>
      </c>
      <c r="AB774">
        <v>5.5373342670185366</v>
      </c>
      <c r="AC774">
        <v>1</v>
      </c>
      <c r="AD774">
        <v>1</v>
      </c>
      <c r="AE774">
        <v>0</v>
      </c>
      <c r="AF774">
        <v>0</v>
      </c>
      <c r="AG774">
        <v>5.5333894887275203</v>
      </c>
      <c r="AH774">
        <v>-9.4782923610286951E-2</v>
      </c>
      <c r="AI774">
        <v>1.8660948453302101E-2</v>
      </c>
      <c r="AJ774">
        <v>4.4979233657130982E-2</v>
      </c>
      <c r="AK774">
        <v>-2.6169037588645361E-2</v>
      </c>
      <c r="AL774">
        <v>1128.119691356223</v>
      </c>
      <c r="AM774">
        <v>2077.577185563593</v>
      </c>
      <c r="AN774">
        <v>33141</v>
      </c>
      <c r="AO774">
        <v>50.471649787077368</v>
      </c>
      <c r="AP774">
        <v>942.20506131251045</v>
      </c>
      <c r="AQ774">
        <v>1.08984375</v>
      </c>
      <c r="AR774">
        <v>4.03125</v>
      </c>
      <c r="AS774">
        <v>255</v>
      </c>
      <c r="AT774">
        <v>66.0546875</v>
      </c>
      <c r="AU774">
        <v>4.4041053921568651E-2</v>
      </c>
      <c r="AV774">
        <v>-9.5003417456309622E-2</v>
      </c>
      <c r="AW774">
        <v>0.39453125</v>
      </c>
      <c r="AX774">
        <v>86.615686274509798</v>
      </c>
      <c r="AY774">
        <v>56</v>
      </c>
      <c r="AZ774">
        <v>112.25</v>
      </c>
      <c r="BA774">
        <v>0.55017352270594244</v>
      </c>
      <c r="BB774">
        <v>0.49609375</v>
      </c>
      <c r="BC774">
        <v>4.839099930559132</v>
      </c>
      <c r="BD774" t="s">
        <v>3004</v>
      </c>
      <c r="BE774" t="s">
        <v>62</v>
      </c>
    </row>
    <row r="775" spans="1:57" x14ac:dyDescent="0.3">
      <c r="A775" t="s">
        <v>3005</v>
      </c>
      <c r="B775">
        <v>2347</v>
      </c>
      <c r="C775" t="s">
        <v>3006</v>
      </c>
      <c r="D775" t="s">
        <v>3007</v>
      </c>
      <c r="E775" t="s">
        <v>72</v>
      </c>
      <c r="F775">
        <v>2440</v>
      </c>
      <c r="G775">
        <v>130.96024590163941</v>
      </c>
      <c r="H775">
        <v>132</v>
      </c>
      <c r="I775">
        <v>5360.7889933821543</v>
      </c>
      <c r="J775">
        <v>73.217409086788606</v>
      </c>
      <c r="K775">
        <v>-4.6972012278237267E-2</v>
      </c>
      <c r="L775">
        <v>-1.1719908968378721</v>
      </c>
      <c r="M775">
        <v>7.9226583154685706</v>
      </c>
      <c r="N775">
        <v>17</v>
      </c>
      <c r="O775">
        <v>2</v>
      </c>
      <c r="P775">
        <v>15</v>
      </c>
      <c r="Q775">
        <v>3.0807808973537858</v>
      </c>
      <c r="R775">
        <v>5.4915682739068474</v>
      </c>
      <c r="S775">
        <v>3</v>
      </c>
      <c r="T775">
        <v>1</v>
      </c>
      <c r="U775">
        <v>2</v>
      </c>
      <c r="V775">
        <v>0.1501922710762339</v>
      </c>
      <c r="W775">
        <v>7.7690043866197236</v>
      </c>
      <c r="X775">
        <v>2</v>
      </c>
      <c r="Y775">
        <v>1</v>
      </c>
      <c r="Z775">
        <v>1</v>
      </c>
      <c r="AA775">
        <v>4.9608655038998917E-2</v>
      </c>
      <c r="AB775">
        <v>7.7955215929917028</v>
      </c>
      <c r="AC775">
        <v>2</v>
      </c>
      <c r="AD775">
        <v>1</v>
      </c>
      <c r="AE775">
        <v>1</v>
      </c>
      <c r="AF775">
        <v>4.5295631591323743E-2</v>
      </c>
      <c r="AG775">
        <v>7.7956787894456401</v>
      </c>
      <c r="AH775">
        <v>1.1914924312764259E-2</v>
      </c>
      <c r="AI775">
        <v>-9.3424196587931965E-3</v>
      </c>
      <c r="AJ775">
        <v>1.2190372909294769E-2</v>
      </c>
      <c r="AK775">
        <v>-3.3587499966726462E-3</v>
      </c>
      <c r="AL775">
        <v>3328.4688686760478</v>
      </c>
      <c r="AM775">
        <v>6621.8615200149252</v>
      </c>
      <c r="AN775">
        <v>319543</v>
      </c>
      <c r="AO775">
        <v>74.294489104009187</v>
      </c>
      <c r="AP775">
        <v>2987.872744599108</v>
      </c>
      <c r="AQ775">
        <v>1.009426229508197</v>
      </c>
      <c r="AR775">
        <v>4.0713114754098356</v>
      </c>
      <c r="AS775">
        <v>2426</v>
      </c>
      <c r="AT775">
        <v>254.9245901639344</v>
      </c>
      <c r="AU775">
        <v>2.7563484410157491E-2</v>
      </c>
      <c r="AV775">
        <v>1.19161726863466E-2</v>
      </c>
      <c r="AW775">
        <v>0.36516393442622952</v>
      </c>
      <c r="AX775">
        <v>84.137761377613771</v>
      </c>
      <c r="AY775">
        <v>62</v>
      </c>
      <c r="AZ775">
        <v>124</v>
      </c>
      <c r="BA775">
        <v>0.55908118209994961</v>
      </c>
      <c r="BB775">
        <v>0.50778688524590165</v>
      </c>
      <c r="BC775">
        <v>5.2992479924176799</v>
      </c>
      <c r="BD775" t="s">
        <v>3008</v>
      </c>
      <c r="BE775" t="s">
        <v>68</v>
      </c>
    </row>
    <row r="776" spans="1:57" x14ac:dyDescent="0.3">
      <c r="A776" t="s">
        <v>3009</v>
      </c>
      <c r="B776">
        <v>1698</v>
      </c>
      <c r="C776" t="s">
        <v>3010</v>
      </c>
      <c r="D776" t="s">
        <v>3011</v>
      </c>
      <c r="E776" t="s">
        <v>93</v>
      </c>
      <c r="F776">
        <v>1702</v>
      </c>
      <c r="G776">
        <v>130.2414806110458</v>
      </c>
      <c r="H776">
        <v>129</v>
      </c>
      <c r="I776">
        <v>5465.3664814740659</v>
      </c>
      <c r="J776">
        <v>73.928116988558997</v>
      </c>
      <c r="K776">
        <v>-3.8751528707754633E-2</v>
      </c>
      <c r="L776">
        <v>-1.208881771087746</v>
      </c>
      <c r="M776">
        <v>7.8848327801235119</v>
      </c>
      <c r="N776">
        <v>15</v>
      </c>
      <c r="O776">
        <v>1</v>
      </c>
      <c r="P776">
        <v>14</v>
      </c>
      <c r="Q776">
        <v>2.5636863117015398</v>
      </c>
      <c r="R776">
        <v>5.4653496107292519</v>
      </c>
      <c r="S776">
        <v>2</v>
      </c>
      <c r="T776">
        <v>1</v>
      </c>
      <c r="U776">
        <v>1</v>
      </c>
      <c r="V776">
        <v>0.116270880300318</v>
      </c>
      <c r="W776">
        <v>7.4202268714636137</v>
      </c>
      <c r="X776">
        <v>1</v>
      </c>
      <c r="Y776">
        <v>1</v>
      </c>
      <c r="Z776">
        <v>0</v>
      </c>
      <c r="AA776">
        <v>0</v>
      </c>
      <c r="AB776">
        <v>7.4383835300443062</v>
      </c>
      <c r="AC776">
        <v>1</v>
      </c>
      <c r="AD776">
        <v>1</v>
      </c>
      <c r="AE776">
        <v>0</v>
      </c>
      <c r="AF776">
        <v>0</v>
      </c>
      <c r="AG776">
        <v>7.4377951216719316</v>
      </c>
      <c r="AH776">
        <v>7.4605961581887831E-3</v>
      </c>
      <c r="AI776">
        <v>-2.1230704856190569E-2</v>
      </c>
      <c r="AJ776">
        <v>-1.261984785475514E-2</v>
      </c>
      <c r="AK776">
        <v>3.9132988813873899E-2</v>
      </c>
      <c r="AL776">
        <v>2819.530683648245</v>
      </c>
      <c r="AM776">
        <v>5497.5503384658568</v>
      </c>
      <c r="AN776">
        <v>221671</v>
      </c>
      <c r="AO776">
        <v>48.109153872813408</v>
      </c>
      <c r="AP776">
        <v>2541.6104813523002</v>
      </c>
      <c r="AQ776">
        <v>1.013513513513514</v>
      </c>
      <c r="AR776">
        <v>4.0193889541715633</v>
      </c>
      <c r="AS776">
        <v>1695</v>
      </c>
      <c r="AT776">
        <v>251.10223266745001</v>
      </c>
      <c r="AU776">
        <v>2.915370613580337E-2</v>
      </c>
      <c r="AV776">
        <v>7.4675501415312536E-3</v>
      </c>
      <c r="AW776">
        <v>0.372502937720329</v>
      </c>
      <c r="AX776">
        <v>84.695473251028801</v>
      </c>
      <c r="AY776">
        <v>63.5</v>
      </c>
      <c r="AZ776">
        <v>128</v>
      </c>
      <c r="BA776">
        <v>0.56762343795321635</v>
      </c>
      <c r="BB776">
        <v>0.49529964747356048</v>
      </c>
      <c r="BC776">
        <v>5.2846241809195176</v>
      </c>
      <c r="BD776" t="s">
        <v>3012</v>
      </c>
      <c r="BE776" t="s">
        <v>68</v>
      </c>
    </row>
    <row r="777" spans="1:57" x14ac:dyDescent="0.3">
      <c r="A777" t="s">
        <v>3013</v>
      </c>
      <c r="B777">
        <v>1648</v>
      </c>
      <c r="C777" t="s">
        <v>3014</v>
      </c>
      <c r="D777" t="s">
        <v>3015</v>
      </c>
      <c r="E777" t="s">
        <v>106</v>
      </c>
      <c r="F777">
        <v>1690</v>
      </c>
      <c r="G777">
        <v>131.68165680473371</v>
      </c>
      <c r="H777">
        <v>133.5</v>
      </c>
      <c r="I777">
        <v>5381.8797226987836</v>
      </c>
      <c r="J777">
        <v>73.361295808476456</v>
      </c>
      <c r="K777">
        <v>-7.9296720579311059E-2</v>
      </c>
      <c r="L777">
        <v>-1.207472738064028</v>
      </c>
      <c r="M777">
        <v>7.9008370582372338</v>
      </c>
      <c r="N777">
        <v>15</v>
      </c>
      <c r="O777">
        <v>1</v>
      </c>
      <c r="P777">
        <v>14</v>
      </c>
      <c r="Q777">
        <v>2.4329760702879399</v>
      </c>
      <c r="R777">
        <v>5.4764429309806726</v>
      </c>
      <c r="S777">
        <v>2</v>
      </c>
      <c r="T777">
        <v>1</v>
      </c>
      <c r="U777">
        <v>1</v>
      </c>
      <c r="V777">
        <v>0.1141191929650363</v>
      </c>
      <c r="W777">
        <v>7.413834796651118</v>
      </c>
      <c r="X777">
        <v>1</v>
      </c>
      <c r="Y777">
        <v>1</v>
      </c>
      <c r="Z777">
        <v>0</v>
      </c>
      <c r="AA777">
        <v>0</v>
      </c>
      <c r="AB777">
        <v>7.431299675155902</v>
      </c>
      <c r="AC777">
        <v>1</v>
      </c>
      <c r="AD777">
        <v>1</v>
      </c>
      <c r="AE777">
        <v>0</v>
      </c>
      <c r="AF777">
        <v>0</v>
      </c>
      <c r="AG777">
        <v>7.4307070825459673</v>
      </c>
      <c r="AH777">
        <v>3.3053316926053643E-2</v>
      </c>
      <c r="AI777">
        <v>4.9528381293807329E-3</v>
      </c>
      <c r="AJ777">
        <v>2.5152594513764309E-2</v>
      </c>
      <c r="AK777">
        <v>-1.7177633597974171E-2</v>
      </c>
      <c r="AL777">
        <v>2819.1305591982941</v>
      </c>
      <c r="AM777">
        <v>5518.3855329429744</v>
      </c>
      <c r="AN777">
        <v>222542</v>
      </c>
      <c r="AO777">
        <v>112.91751763078049</v>
      </c>
      <c r="AP777">
        <v>2570.9699158192129</v>
      </c>
      <c r="AQ777">
        <v>1.0136094674556211</v>
      </c>
      <c r="AR777">
        <v>4.0272189349112422</v>
      </c>
      <c r="AS777">
        <v>1678</v>
      </c>
      <c r="AT777">
        <v>229.5455621301775</v>
      </c>
      <c r="AU777">
        <v>3.4702401670727467E-2</v>
      </c>
      <c r="AV777">
        <v>3.3091188833828798E-2</v>
      </c>
      <c r="AW777">
        <v>0.36508875739644969</v>
      </c>
      <c r="AX777">
        <v>83.08644168146833</v>
      </c>
      <c r="AY777">
        <v>64.5</v>
      </c>
      <c r="AZ777">
        <v>129</v>
      </c>
      <c r="BA777">
        <v>0.55711097193484915</v>
      </c>
      <c r="BB777">
        <v>0.50828402366863901</v>
      </c>
      <c r="BC777">
        <v>5.2625293463159917</v>
      </c>
      <c r="BD777" t="s">
        <v>3016</v>
      </c>
      <c r="BE777" t="s">
        <v>68</v>
      </c>
    </row>
    <row r="778" spans="1:57" x14ac:dyDescent="0.3">
      <c r="A778" t="s">
        <v>3017</v>
      </c>
      <c r="B778">
        <v>2623</v>
      </c>
      <c r="C778" t="s">
        <v>3018</v>
      </c>
      <c r="D778" t="s">
        <v>3019</v>
      </c>
      <c r="E778" t="s">
        <v>98</v>
      </c>
      <c r="F778">
        <v>16</v>
      </c>
      <c r="G778">
        <v>129.75</v>
      </c>
      <c r="H778">
        <v>140</v>
      </c>
      <c r="I778">
        <v>4862.8125</v>
      </c>
      <c r="J778">
        <v>69.733869102466983</v>
      </c>
      <c r="K778">
        <v>0.20335098726535289</v>
      </c>
      <c r="L778">
        <v>-1.21810090222863</v>
      </c>
      <c r="M778">
        <v>4</v>
      </c>
      <c r="N778">
        <v>1</v>
      </c>
      <c r="O778">
        <v>1</v>
      </c>
      <c r="P778">
        <v>0</v>
      </c>
      <c r="Q778">
        <v>0</v>
      </c>
      <c r="R778">
        <v>2.7725887222397811</v>
      </c>
      <c r="S778">
        <v>1</v>
      </c>
      <c r="T778">
        <v>1</v>
      </c>
      <c r="U778">
        <v>0</v>
      </c>
      <c r="V778">
        <v>0</v>
      </c>
      <c r="W778">
        <v>2.7080502011022101</v>
      </c>
      <c r="X778">
        <v>1</v>
      </c>
      <c r="Y778">
        <v>1</v>
      </c>
      <c r="Z778">
        <v>0</v>
      </c>
      <c r="AA778">
        <v>0</v>
      </c>
      <c r="AB778">
        <v>2.639057329615258</v>
      </c>
      <c r="AC778">
        <v>1</v>
      </c>
      <c r="AD778">
        <v>1</v>
      </c>
      <c r="AE778">
        <v>0</v>
      </c>
      <c r="AF778">
        <v>0</v>
      </c>
      <c r="AG778">
        <v>2.5649493574615372</v>
      </c>
      <c r="AH778">
        <v>-0.36642648287385132</v>
      </c>
      <c r="AI778">
        <v>0.27168080457554139</v>
      </c>
      <c r="AJ778">
        <v>-3.5901452348820771E-2</v>
      </c>
      <c r="AK778">
        <v>-0.29989878542510118</v>
      </c>
      <c r="AL778">
        <v>360.01545037096491</v>
      </c>
      <c r="AM778">
        <v>466.42778164919719</v>
      </c>
      <c r="AN778">
        <v>2076</v>
      </c>
      <c r="AO778">
        <v>24</v>
      </c>
      <c r="AP778">
        <v>238.07561823924769</v>
      </c>
      <c r="AQ778">
        <v>2.3125</v>
      </c>
      <c r="AR778">
        <v>3.75</v>
      </c>
      <c r="AS778">
        <v>16</v>
      </c>
      <c r="AT778">
        <v>0</v>
      </c>
      <c r="AU778">
        <v>0.18621399176954731</v>
      </c>
      <c r="AV778">
        <v>-0.41662256981023432</v>
      </c>
      <c r="AW778">
        <v>0.4375</v>
      </c>
      <c r="AX778">
        <v>95.8</v>
      </c>
      <c r="AY778">
        <v>66.5</v>
      </c>
      <c r="AZ778">
        <v>109</v>
      </c>
      <c r="BA778">
        <v>0.53744793142556446</v>
      </c>
      <c r="BB778">
        <v>0.5625</v>
      </c>
      <c r="BC778">
        <v>2.7080502011022101</v>
      </c>
      <c r="BD778" t="s">
        <v>3018</v>
      </c>
      <c r="BE778" t="s">
        <v>62</v>
      </c>
    </row>
    <row r="779" spans="1:57" x14ac:dyDescent="0.3">
      <c r="A779" t="s">
        <v>3020</v>
      </c>
      <c r="B779">
        <v>158</v>
      </c>
      <c r="C779" t="s">
        <v>3021</v>
      </c>
      <c r="D779" t="s">
        <v>3022</v>
      </c>
      <c r="E779" t="s">
        <v>60</v>
      </c>
      <c r="F779">
        <v>512</v>
      </c>
      <c r="G779">
        <v>129.701171875</v>
      </c>
      <c r="H779">
        <v>129.5</v>
      </c>
      <c r="I779">
        <v>5124.549373626709</v>
      </c>
      <c r="J779">
        <v>71.585957936083446</v>
      </c>
      <c r="K779">
        <v>1.7524438164650739E-3</v>
      </c>
      <c r="L779">
        <v>-1.074640393699835</v>
      </c>
      <c r="M779">
        <v>7.6072718945400366</v>
      </c>
      <c r="N779">
        <v>6</v>
      </c>
      <c r="O779">
        <v>1</v>
      </c>
      <c r="P779">
        <v>5</v>
      </c>
      <c r="Q779">
        <v>1.164701217317057</v>
      </c>
      <c r="R779">
        <v>5.272959065453338</v>
      </c>
      <c r="S779">
        <v>2</v>
      </c>
      <c r="T779">
        <v>1</v>
      </c>
      <c r="U779">
        <v>1</v>
      </c>
      <c r="V779">
        <v>7.6620080535545518E-2</v>
      </c>
      <c r="W779">
        <v>6.2282308757548588</v>
      </c>
      <c r="X779">
        <v>1</v>
      </c>
      <c r="Y779">
        <v>1</v>
      </c>
      <c r="Z779">
        <v>0</v>
      </c>
      <c r="AA779">
        <v>0</v>
      </c>
      <c r="AB779">
        <v>6.2344107257183694</v>
      </c>
      <c r="AC779">
        <v>1</v>
      </c>
      <c r="AD779">
        <v>1</v>
      </c>
      <c r="AE779">
        <v>0</v>
      </c>
      <c r="AF779">
        <v>0</v>
      </c>
      <c r="AG779">
        <v>6.2324480165505216</v>
      </c>
      <c r="AH779">
        <v>2.0215037853092322E-3</v>
      </c>
      <c r="AI779">
        <v>-1.26429152596398E-2</v>
      </c>
      <c r="AJ779">
        <v>3.5279847336135289E-3</v>
      </c>
      <c r="AK779">
        <v>-3.425041397778323E-2</v>
      </c>
      <c r="AL779">
        <v>1541.9565707889269</v>
      </c>
      <c r="AM779">
        <v>2976.4416563744121</v>
      </c>
      <c r="AN779">
        <v>66407</v>
      </c>
      <c r="AO779">
        <v>63.742196695261413</v>
      </c>
      <c r="AP779">
        <v>1306.7551975013589</v>
      </c>
      <c r="AQ779">
        <v>1.044921875</v>
      </c>
      <c r="AR779">
        <v>4.03125</v>
      </c>
      <c r="AS779">
        <v>508</v>
      </c>
      <c r="AT779">
        <v>128.234375</v>
      </c>
      <c r="AU779">
        <v>4.4163602941176487E-2</v>
      </c>
      <c r="AV779">
        <v>2.022534437299476E-3</v>
      </c>
      <c r="AW779">
        <v>0.375</v>
      </c>
      <c r="AX779">
        <v>82.199608610567509</v>
      </c>
      <c r="AY779">
        <v>59</v>
      </c>
      <c r="AZ779">
        <v>117</v>
      </c>
      <c r="BA779">
        <v>0.55192992400311303</v>
      </c>
      <c r="BB779">
        <v>0.5</v>
      </c>
      <c r="BC779">
        <v>5.0561519528229812</v>
      </c>
      <c r="BD779" t="s">
        <v>3023</v>
      </c>
      <c r="BE779" t="s">
        <v>62</v>
      </c>
    </row>
    <row r="780" spans="1:57" x14ac:dyDescent="0.3">
      <c r="A780" t="s">
        <v>3024</v>
      </c>
      <c r="B780">
        <v>802</v>
      </c>
      <c r="C780" t="s">
        <v>3025</v>
      </c>
      <c r="D780" t="s">
        <v>3026</v>
      </c>
      <c r="E780" t="s">
        <v>72</v>
      </c>
      <c r="F780">
        <v>808</v>
      </c>
      <c r="G780">
        <v>127.1299504950495</v>
      </c>
      <c r="H780">
        <v>128</v>
      </c>
      <c r="I780">
        <v>5331.2393009876487</v>
      </c>
      <c r="J780">
        <v>73.01533606707325</v>
      </c>
      <c r="K780">
        <v>1.3414316365611899E-2</v>
      </c>
      <c r="L780">
        <v>-1.187188779189291</v>
      </c>
      <c r="M780">
        <v>7.771612199300427</v>
      </c>
      <c r="N780">
        <v>8</v>
      </c>
      <c r="O780">
        <v>1</v>
      </c>
      <c r="P780">
        <v>7</v>
      </c>
      <c r="Q780">
        <v>1.5078511830479979</v>
      </c>
      <c r="R780">
        <v>5.3868710843503704</v>
      </c>
      <c r="S780">
        <v>2</v>
      </c>
      <c r="T780">
        <v>1</v>
      </c>
      <c r="U780">
        <v>1</v>
      </c>
      <c r="V780">
        <v>3.5201640097049888E-2</v>
      </c>
      <c r="W780">
        <v>6.6916058313912403</v>
      </c>
      <c r="X780">
        <v>1</v>
      </c>
      <c r="Y780">
        <v>1</v>
      </c>
      <c r="Z780">
        <v>0</v>
      </c>
      <c r="AA780">
        <v>0</v>
      </c>
      <c r="AB780">
        <v>6.6920837425066262</v>
      </c>
      <c r="AC780">
        <v>1</v>
      </c>
      <c r="AD780">
        <v>1</v>
      </c>
      <c r="AE780">
        <v>0</v>
      </c>
      <c r="AF780">
        <v>0</v>
      </c>
      <c r="AG780">
        <v>6.6908422774185654</v>
      </c>
      <c r="AH780">
        <v>-2.5772126983593699E-2</v>
      </c>
      <c r="AI780">
        <v>-5.4684494896207669E-3</v>
      </c>
      <c r="AJ780">
        <v>-4.3878677134890479E-2</v>
      </c>
      <c r="AK780">
        <v>2.0950389518408861E-2</v>
      </c>
      <c r="AL780">
        <v>1989.653094836628</v>
      </c>
      <c r="AM780">
        <v>3661.6714164718601</v>
      </c>
      <c r="AN780">
        <v>102721</v>
      </c>
      <c r="AO780">
        <v>54.939109251764563</v>
      </c>
      <c r="AP780">
        <v>1812.3161014947691</v>
      </c>
      <c r="AQ780">
        <v>1.0284653465346529</v>
      </c>
      <c r="AR780">
        <v>4.0136138613861387</v>
      </c>
      <c r="AS780">
        <v>802</v>
      </c>
      <c r="AT780">
        <v>164.79207920792081</v>
      </c>
      <c r="AU780">
        <v>1.8608037274315668E-2</v>
      </c>
      <c r="AV780">
        <v>-2.578657649125312E-2</v>
      </c>
      <c r="AW780">
        <v>0.37871287128712872</v>
      </c>
      <c r="AX780">
        <v>85.102850061957867</v>
      </c>
      <c r="AY780">
        <v>65</v>
      </c>
      <c r="AZ780">
        <v>128</v>
      </c>
      <c r="BA780">
        <v>0.5743362266936185</v>
      </c>
      <c r="BB780">
        <v>0.50247524752475248</v>
      </c>
      <c r="BC780">
        <v>5.2206773786898122</v>
      </c>
      <c r="BD780" t="s">
        <v>3027</v>
      </c>
      <c r="BE780" t="s">
        <v>68</v>
      </c>
    </row>
    <row r="781" spans="1:57" x14ac:dyDescent="0.3">
      <c r="A781" t="s">
        <v>3028</v>
      </c>
      <c r="B781">
        <v>3113</v>
      </c>
      <c r="C781" t="s">
        <v>3029</v>
      </c>
      <c r="D781" t="s">
        <v>3030</v>
      </c>
      <c r="E781" t="s">
        <v>93</v>
      </c>
      <c r="F781">
        <v>3309</v>
      </c>
      <c r="G781">
        <v>129.2142641281354</v>
      </c>
      <c r="H781">
        <v>129</v>
      </c>
      <c r="I781">
        <v>5547.8087297471002</v>
      </c>
      <c r="J781">
        <v>74.483613833829921</v>
      </c>
      <c r="K781">
        <v>-2.6005018991428191E-2</v>
      </c>
      <c r="L781">
        <v>-1.2120335192315039</v>
      </c>
      <c r="M781">
        <v>7.9394880345901377</v>
      </c>
      <c r="N781">
        <v>25</v>
      </c>
      <c r="O781">
        <v>4</v>
      </c>
      <c r="P781">
        <v>21</v>
      </c>
      <c r="Q781">
        <v>3.7497863708681369</v>
      </c>
      <c r="R781">
        <v>5.5032337462655727</v>
      </c>
      <c r="S781">
        <v>3</v>
      </c>
      <c r="T781">
        <v>1</v>
      </c>
      <c r="U781">
        <v>2</v>
      </c>
      <c r="V781">
        <v>0.16584697273547019</v>
      </c>
      <c r="W781">
        <v>8.066643358959956</v>
      </c>
      <c r="X781">
        <v>2</v>
      </c>
      <c r="Y781">
        <v>1</v>
      </c>
      <c r="Z781">
        <v>1</v>
      </c>
      <c r="AA781">
        <v>1.7389331339146771E-2</v>
      </c>
      <c r="AB781">
        <v>8.1033775129935517</v>
      </c>
      <c r="AC781">
        <v>1</v>
      </c>
      <c r="AD781">
        <v>1</v>
      </c>
      <c r="AE781">
        <v>0</v>
      </c>
      <c r="AF781">
        <v>0</v>
      </c>
      <c r="AG781">
        <v>8.1034942783809694</v>
      </c>
      <c r="AH781">
        <v>1.39521707160945E-2</v>
      </c>
      <c r="AI781">
        <v>1.411563404168919E-2</v>
      </c>
      <c r="AJ781">
        <v>-5.0059529910018268E-2</v>
      </c>
      <c r="AK781">
        <v>1.8739323036325271E-2</v>
      </c>
      <c r="AL781">
        <v>3929.6947753092859</v>
      </c>
      <c r="AM781">
        <v>7626.489426525608</v>
      </c>
      <c r="AN781">
        <v>427570</v>
      </c>
      <c r="AO781">
        <v>73.05257757327702</v>
      </c>
      <c r="AP781">
        <v>3570.776938758424</v>
      </c>
      <c r="AQ781">
        <v>1.006950740404956</v>
      </c>
      <c r="AR781">
        <v>3.986098519190088</v>
      </c>
      <c r="AS781">
        <v>3297</v>
      </c>
      <c r="AT781">
        <v>278.48141432456941</v>
      </c>
      <c r="AU781">
        <v>1.8832773363198441E-2</v>
      </c>
      <c r="AV781">
        <v>1.3957979465443681E-2</v>
      </c>
      <c r="AW781">
        <v>0.36204291326684801</v>
      </c>
      <c r="AX781">
        <v>84.931680773881496</v>
      </c>
      <c r="AY781">
        <v>65</v>
      </c>
      <c r="AZ781">
        <v>130</v>
      </c>
      <c r="BA781">
        <v>0.57643491867096197</v>
      </c>
      <c r="BB781">
        <v>0.49743124811121192</v>
      </c>
      <c r="BC781">
        <v>5.3145950720801061</v>
      </c>
      <c r="BD781" t="s">
        <v>3031</v>
      </c>
      <c r="BE781" t="s">
        <v>68</v>
      </c>
    </row>
    <row r="782" spans="1:57" x14ac:dyDescent="0.3">
      <c r="A782" t="s">
        <v>3032</v>
      </c>
      <c r="B782">
        <v>3848</v>
      </c>
      <c r="C782" t="s">
        <v>3033</v>
      </c>
      <c r="D782" t="s">
        <v>3034</v>
      </c>
      <c r="E782" t="s">
        <v>10622</v>
      </c>
      <c r="F782">
        <v>64</v>
      </c>
      <c r="G782">
        <v>147.265625</v>
      </c>
      <c r="H782">
        <v>149.5</v>
      </c>
      <c r="I782">
        <v>5049.445068359375</v>
      </c>
      <c r="J782">
        <v>71.059447425091719</v>
      </c>
      <c r="K782">
        <v>-0.3602809458972473</v>
      </c>
      <c r="L782">
        <v>-0.97416133274267436</v>
      </c>
      <c r="M782">
        <v>5.84375</v>
      </c>
      <c r="N782">
        <v>2</v>
      </c>
      <c r="O782">
        <v>1</v>
      </c>
      <c r="P782">
        <v>1</v>
      </c>
      <c r="Q782">
        <v>0.27850299534160988</v>
      </c>
      <c r="R782">
        <v>4.0505788363971806</v>
      </c>
      <c r="S782">
        <v>1</v>
      </c>
      <c r="T782">
        <v>1</v>
      </c>
      <c r="U782">
        <v>0</v>
      </c>
      <c r="V782">
        <v>0</v>
      </c>
      <c r="W782">
        <v>4.1431347263915326</v>
      </c>
      <c r="X782">
        <v>1</v>
      </c>
      <c r="Y782">
        <v>1</v>
      </c>
      <c r="Z782">
        <v>0</v>
      </c>
      <c r="AA782">
        <v>0</v>
      </c>
      <c r="AB782">
        <v>4.1271343850450908</v>
      </c>
      <c r="AC782">
        <v>1</v>
      </c>
      <c r="AD782">
        <v>1</v>
      </c>
      <c r="AE782">
        <v>0</v>
      </c>
      <c r="AF782">
        <v>0</v>
      </c>
      <c r="AG782">
        <v>4.1108738641733096</v>
      </c>
      <c r="AH782">
        <v>-0.1054345301048078</v>
      </c>
      <c r="AI782">
        <v>-0.1101627006820782</v>
      </c>
      <c r="AJ782">
        <v>0.21301693075875111</v>
      </c>
      <c r="AK782">
        <v>-5.7529873223421867E-2</v>
      </c>
      <c r="AL782">
        <v>645.89798268442303</v>
      </c>
      <c r="AM782">
        <v>1137.5230968926271</v>
      </c>
      <c r="AN782">
        <v>9425</v>
      </c>
      <c r="AO782">
        <v>53</v>
      </c>
      <c r="AP782">
        <v>526.91391984940333</v>
      </c>
      <c r="AQ782">
        <v>1.359375</v>
      </c>
      <c r="AR782">
        <v>4.140625</v>
      </c>
      <c r="AS782">
        <v>64</v>
      </c>
      <c r="AT782">
        <v>4.2187499999999991</v>
      </c>
      <c r="AU782">
        <v>0.157258064516129</v>
      </c>
      <c r="AV782">
        <v>-0.1089565970807624</v>
      </c>
      <c r="AW782">
        <v>0.25</v>
      </c>
      <c r="AX782">
        <v>87.476190476190482</v>
      </c>
      <c r="AY782">
        <v>58</v>
      </c>
      <c r="AZ782">
        <v>114.5</v>
      </c>
      <c r="BA782">
        <v>0.48252569073802332</v>
      </c>
      <c r="BB782">
        <v>0.5</v>
      </c>
      <c r="BC782">
        <v>3.9670973472017059</v>
      </c>
      <c r="BD782" t="s">
        <v>3035</v>
      </c>
      <c r="BE782" t="s">
        <v>62</v>
      </c>
    </row>
    <row r="783" spans="1:57" x14ac:dyDescent="0.3">
      <c r="A783" t="s">
        <v>3036</v>
      </c>
      <c r="B783">
        <v>137</v>
      </c>
      <c r="C783" t="s">
        <v>3037</v>
      </c>
      <c r="D783" t="s">
        <v>3038</v>
      </c>
      <c r="E783" t="s">
        <v>60</v>
      </c>
      <c r="F783">
        <v>256</v>
      </c>
      <c r="G783">
        <v>123.1640625</v>
      </c>
      <c r="H783">
        <v>127</v>
      </c>
      <c r="I783">
        <v>5814.3324584960938</v>
      </c>
      <c r="J783">
        <v>76.251770199098289</v>
      </c>
      <c r="K783">
        <v>1.2945635548914741E-2</v>
      </c>
      <c r="L783">
        <v>-1.2682803190146921</v>
      </c>
      <c r="M783">
        <v>7.162723193198806</v>
      </c>
      <c r="N783">
        <v>4</v>
      </c>
      <c r="O783">
        <v>1</v>
      </c>
      <c r="P783">
        <v>3</v>
      </c>
      <c r="Q783">
        <v>0.74296357421919945</v>
      </c>
      <c r="R783">
        <v>4.9648213864970803</v>
      </c>
      <c r="S783">
        <v>2</v>
      </c>
      <c r="T783">
        <v>1</v>
      </c>
      <c r="U783">
        <v>1</v>
      </c>
      <c r="V783">
        <v>6.2621943781838052E-2</v>
      </c>
      <c r="W783">
        <v>5.5358270966834446</v>
      </c>
      <c r="X783">
        <v>1</v>
      </c>
      <c r="Y783">
        <v>1</v>
      </c>
      <c r="Z783">
        <v>0</v>
      </c>
      <c r="AA783">
        <v>0</v>
      </c>
      <c r="AB783">
        <v>5.5373342670185366</v>
      </c>
      <c r="AC783">
        <v>1</v>
      </c>
      <c r="AD783">
        <v>1</v>
      </c>
      <c r="AE783">
        <v>0</v>
      </c>
      <c r="AF783">
        <v>0</v>
      </c>
      <c r="AG783">
        <v>5.5333894887275203</v>
      </c>
      <c r="AH783">
        <v>2.4514887505000291E-2</v>
      </c>
      <c r="AI783">
        <v>-7.5263885014414403E-2</v>
      </c>
      <c r="AJ783">
        <v>-2.551539991210611E-2</v>
      </c>
      <c r="AK783">
        <v>8.9125823765442189E-2</v>
      </c>
      <c r="AL783">
        <v>1198.045404037721</v>
      </c>
      <c r="AM783">
        <v>1984.066332022217</v>
      </c>
      <c r="AN783">
        <v>31530</v>
      </c>
      <c r="AO783">
        <v>89.0305182034474</v>
      </c>
      <c r="AP783">
        <v>1001.979158020178</v>
      </c>
      <c r="AQ783">
        <v>1.08984375</v>
      </c>
      <c r="AR783">
        <v>4.01171875</v>
      </c>
      <c r="AS783">
        <v>255</v>
      </c>
      <c r="AT783">
        <v>53.828125000000007</v>
      </c>
      <c r="AU783">
        <v>6.0777559055118113E-2</v>
      </c>
      <c r="AV783">
        <v>2.4601213098328859E-2</v>
      </c>
      <c r="AW783">
        <v>0.34375</v>
      </c>
      <c r="AX783">
        <v>87.41568627450981</v>
      </c>
      <c r="AY783">
        <v>71</v>
      </c>
      <c r="AZ783">
        <v>134.25</v>
      </c>
      <c r="BA783">
        <v>0.61910730006245362</v>
      </c>
      <c r="BB783">
        <v>0.51171875</v>
      </c>
      <c r="BC783">
        <v>4.8344531100665344</v>
      </c>
      <c r="BD783" t="s">
        <v>3039</v>
      </c>
      <c r="BE783" t="s">
        <v>62</v>
      </c>
    </row>
    <row r="784" spans="1:57" x14ac:dyDescent="0.3">
      <c r="A784" t="s">
        <v>3040</v>
      </c>
      <c r="B784">
        <v>2946</v>
      </c>
      <c r="C784" t="s">
        <v>3041</v>
      </c>
      <c r="D784" t="s">
        <v>3042</v>
      </c>
      <c r="E784" t="s">
        <v>115</v>
      </c>
      <c r="F784">
        <v>3008</v>
      </c>
      <c r="G784">
        <v>127.68118351063831</v>
      </c>
      <c r="H784">
        <v>128.5</v>
      </c>
      <c r="I784">
        <v>5489.5044065780266</v>
      </c>
      <c r="J784">
        <v>74.091189804038279</v>
      </c>
      <c r="K784">
        <v>-1.2302618325303379E-2</v>
      </c>
      <c r="L784">
        <v>-1.2269219979928701</v>
      </c>
      <c r="M784">
        <v>7.9391421272557849</v>
      </c>
      <c r="N784">
        <v>21</v>
      </c>
      <c r="O784">
        <v>3</v>
      </c>
      <c r="P784">
        <v>18</v>
      </c>
      <c r="Q784">
        <v>3.3436039687738139</v>
      </c>
      <c r="R784">
        <v>5.5029939815720343</v>
      </c>
      <c r="S784">
        <v>2</v>
      </c>
      <c r="T784">
        <v>1</v>
      </c>
      <c r="U784">
        <v>1</v>
      </c>
      <c r="V784">
        <v>0.15892566377342029</v>
      </c>
      <c r="W784">
        <v>7.9736604804793494</v>
      </c>
      <c r="X784">
        <v>1</v>
      </c>
      <c r="Y784">
        <v>1</v>
      </c>
      <c r="Z784">
        <v>0</v>
      </c>
      <c r="AA784">
        <v>0</v>
      </c>
      <c r="AB784">
        <v>8.0083655703129217</v>
      </c>
      <c r="AC784">
        <v>1</v>
      </c>
      <c r="AD784">
        <v>1</v>
      </c>
      <c r="AE784">
        <v>0</v>
      </c>
      <c r="AF784">
        <v>0</v>
      </c>
      <c r="AG784">
        <v>8.0080328469693107</v>
      </c>
      <c r="AH784">
        <v>7.2559656879004767E-3</v>
      </c>
      <c r="AI784">
        <v>2.8758194615671261E-2</v>
      </c>
      <c r="AJ784">
        <v>1.6649572863898409E-2</v>
      </c>
      <c r="AK784">
        <v>-2.0780427697141252E-2</v>
      </c>
      <c r="AL784">
        <v>3742.284699594727</v>
      </c>
      <c r="AM784">
        <v>7179.5270197401715</v>
      </c>
      <c r="AN784">
        <v>384065</v>
      </c>
      <c r="AO784">
        <v>73.978133561929255</v>
      </c>
      <c r="AP784">
        <v>3451.917214402265</v>
      </c>
      <c r="AQ784">
        <v>1.007646276595745</v>
      </c>
      <c r="AR784">
        <v>4.0073138297872344</v>
      </c>
      <c r="AS784">
        <v>2993</v>
      </c>
      <c r="AT784">
        <v>243.57446808510639</v>
      </c>
      <c r="AU784">
        <v>1.576188986232796E-2</v>
      </c>
      <c r="AV784">
        <v>7.2576851727438243E-3</v>
      </c>
      <c r="AW784">
        <v>0.37034574468085107</v>
      </c>
      <c r="AX784">
        <v>84.905221150648487</v>
      </c>
      <c r="AY784">
        <v>64.5</v>
      </c>
      <c r="AZ784">
        <v>129</v>
      </c>
      <c r="BA784">
        <v>0.5802827618516323</v>
      </c>
      <c r="BB784">
        <v>0.50432180851063835</v>
      </c>
      <c r="BC784">
        <v>5.3096615581094584</v>
      </c>
      <c r="BD784" t="s">
        <v>3043</v>
      </c>
      <c r="BE784" t="s">
        <v>62</v>
      </c>
    </row>
    <row r="785" spans="1:57" x14ac:dyDescent="0.3">
      <c r="A785" t="s">
        <v>3044</v>
      </c>
      <c r="B785">
        <v>654</v>
      </c>
      <c r="C785" t="s">
        <v>3045</v>
      </c>
      <c r="D785" t="s">
        <v>3046</v>
      </c>
      <c r="E785" t="s">
        <v>106</v>
      </c>
      <c r="F785">
        <v>656</v>
      </c>
      <c r="G785">
        <v>125.125</v>
      </c>
      <c r="H785">
        <v>127</v>
      </c>
      <c r="I785">
        <v>5501.6764481707314</v>
      </c>
      <c r="J785">
        <v>74.173286621065486</v>
      </c>
      <c r="K785">
        <v>4.3006269486185633E-2</v>
      </c>
      <c r="L785">
        <v>-1.210271570970147</v>
      </c>
      <c r="M785">
        <v>7.679995801818686</v>
      </c>
      <c r="N785">
        <v>9</v>
      </c>
      <c r="O785">
        <v>1</v>
      </c>
      <c r="P785">
        <v>8</v>
      </c>
      <c r="Q785">
        <v>1.4514320440343911</v>
      </c>
      <c r="R785">
        <v>5.3233674367428403</v>
      </c>
      <c r="S785">
        <v>2</v>
      </c>
      <c r="T785">
        <v>1</v>
      </c>
      <c r="U785">
        <v>1</v>
      </c>
      <c r="V785">
        <v>7.814499134855242E-2</v>
      </c>
      <c r="W785">
        <v>6.4761693158726894</v>
      </c>
      <c r="X785">
        <v>1</v>
      </c>
      <c r="Y785">
        <v>1</v>
      </c>
      <c r="Z785">
        <v>0</v>
      </c>
      <c r="AA785">
        <v>0</v>
      </c>
      <c r="AB785">
        <v>6.4831073514571997</v>
      </c>
      <c r="AC785">
        <v>1</v>
      </c>
      <c r="AD785">
        <v>1</v>
      </c>
      <c r="AE785">
        <v>0</v>
      </c>
      <c r="AF785">
        <v>0</v>
      </c>
      <c r="AG785">
        <v>6.481577129276431</v>
      </c>
      <c r="AH785">
        <v>5.5716694828121617E-2</v>
      </c>
      <c r="AI785">
        <v>1.7091926802521879E-2</v>
      </c>
      <c r="AJ785">
        <v>-3.3518802888448843E-2</v>
      </c>
      <c r="AK785">
        <v>-5.0036655609200058E-2</v>
      </c>
      <c r="AL785">
        <v>1796.4885677679911</v>
      </c>
      <c r="AM785">
        <v>3263.7767732917819</v>
      </c>
      <c r="AN785">
        <v>82082</v>
      </c>
      <c r="AO785">
        <v>112.96923560484061</v>
      </c>
      <c r="AP785">
        <v>1550.744609959695</v>
      </c>
      <c r="AQ785">
        <v>1.035060975609756</v>
      </c>
      <c r="AR785">
        <v>3.9817073170731709</v>
      </c>
      <c r="AS785">
        <v>653</v>
      </c>
      <c r="AT785">
        <v>175.84146341463409</v>
      </c>
      <c r="AU785">
        <v>2.9890004782400781E-2</v>
      </c>
      <c r="AV785">
        <v>5.5775557727372797E-2</v>
      </c>
      <c r="AW785">
        <v>0.36432926829268292</v>
      </c>
      <c r="AX785">
        <v>83.424427480916037</v>
      </c>
      <c r="AY785">
        <v>63</v>
      </c>
      <c r="AZ785">
        <v>126.5</v>
      </c>
      <c r="BA785">
        <v>0.5927934994690548</v>
      </c>
      <c r="BB785">
        <v>0.50304878048780488</v>
      </c>
      <c r="BC785">
        <v>5.1650451644428328</v>
      </c>
      <c r="BD785" t="s">
        <v>3047</v>
      </c>
      <c r="BE785" t="s">
        <v>62</v>
      </c>
    </row>
    <row r="786" spans="1:57" x14ac:dyDescent="0.3">
      <c r="A786" t="s">
        <v>3048</v>
      </c>
      <c r="B786">
        <v>3441</v>
      </c>
      <c r="C786" t="s">
        <v>3049</v>
      </c>
      <c r="D786" t="s">
        <v>3050</v>
      </c>
      <c r="E786" t="s">
        <v>98</v>
      </c>
      <c r="F786">
        <v>16</v>
      </c>
      <c r="G786">
        <v>122</v>
      </c>
      <c r="H786">
        <v>108.5</v>
      </c>
      <c r="I786">
        <v>2679.25</v>
      </c>
      <c r="J786">
        <v>51.761472158353463</v>
      </c>
      <c r="K786">
        <v>0.48247185310739088</v>
      </c>
      <c r="L786">
        <v>-0.52217156151924193</v>
      </c>
      <c r="M786">
        <v>3.875</v>
      </c>
      <c r="N786">
        <v>2</v>
      </c>
      <c r="O786">
        <v>1</v>
      </c>
      <c r="P786">
        <v>1</v>
      </c>
      <c r="Q786">
        <v>0.24944382578492949</v>
      </c>
      <c r="R786">
        <v>2.6859453246697882</v>
      </c>
      <c r="S786">
        <v>1</v>
      </c>
      <c r="T786">
        <v>1</v>
      </c>
      <c r="U786">
        <v>0</v>
      </c>
      <c r="V786">
        <v>0</v>
      </c>
      <c r="W786">
        <v>2.7080502011022101</v>
      </c>
      <c r="X786">
        <v>1</v>
      </c>
      <c r="Y786">
        <v>1</v>
      </c>
      <c r="Z786">
        <v>0</v>
      </c>
      <c r="AA786">
        <v>0</v>
      </c>
      <c r="AB786">
        <v>2.639057329615258</v>
      </c>
      <c r="AC786">
        <v>1</v>
      </c>
      <c r="AD786">
        <v>1</v>
      </c>
      <c r="AE786">
        <v>0</v>
      </c>
      <c r="AF786">
        <v>0</v>
      </c>
      <c r="AG786">
        <v>2.5649493574615372</v>
      </c>
      <c r="AH786">
        <v>-8.3115610711952975E-2</v>
      </c>
      <c r="AI786">
        <v>-0.40221143976859203</v>
      </c>
      <c r="AJ786">
        <v>0.34540916301203689</v>
      </c>
      <c r="AK786">
        <v>0.105836521414575</v>
      </c>
      <c r="AL786">
        <v>313.95246344404188</v>
      </c>
      <c r="AM786">
        <v>427.13680559911671</v>
      </c>
      <c r="AN786">
        <v>1952</v>
      </c>
      <c r="AO786">
        <v>106.9749292970196</v>
      </c>
      <c r="AP786">
        <v>209.54712196432621</v>
      </c>
      <c r="AQ786">
        <v>2.25</v>
      </c>
      <c r="AR786">
        <v>3.9375</v>
      </c>
      <c r="AS786">
        <v>16</v>
      </c>
      <c r="AT786">
        <v>0.87499999999999989</v>
      </c>
      <c r="AU786">
        <v>0.31140350877192979</v>
      </c>
      <c r="AV786">
        <v>-8.6522127227817741E-2</v>
      </c>
      <c r="AW786">
        <v>0.625</v>
      </c>
      <c r="AX786">
        <v>57.866666666666667</v>
      </c>
      <c r="AY786">
        <v>30.5</v>
      </c>
      <c r="AZ786">
        <v>51</v>
      </c>
      <c r="BA786">
        <v>0.42427436195371693</v>
      </c>
      <c r="BB786">
        <v>0.375</v>
      </c>
      <c r="BC786">
        <v>2.7080502011022101</v>
      </c>
      <c r="BD786" t="s">
        <v>3049</v>
      </c>
      <c r="BE786" t="s">
        <v>62</v>
      </c>
    </row>
    <row r="787" spans="1:57" x14ac:dyDescent="0.3">
      <c r="A787" t="s">
        <v>3051</v>
      </c>
      <c r="B787">
        <v>3921</v>
      </c>
      <c r="C787" t="s">
        <v>3052</v>
      </c>
      <c r="D787" t="s">
        <v>3053</v>
      </c>
      <c r="E787" t="s">
        <v>72</v>
      </c>
      <c r="F787">
        <v>3928</v>
      </c>
      <c r="G787">
        <v>127.5099287169043</v>
      </c>
      <c r="H787">
        <v>127</v>
      </c>
      <c r="I787">
        <v>5534.7458281008248</v>
      </c>
      <c r="J787">
        <v>74.395872386180301</v>
      </c>
      <c r="K787">
        <v>-1.1770523586311249E-2</v>
      </c>
      <c r="L787">
        <v>-1.2212202276040971</v>
      </c>
      <c r="M787">
        <v>7.9445064034207711</v>
      </c>
      <c r="N787">
        <v>28</v>
      </c>
      <c r="O787">
        <v>6</v>
      </c>
      <c r="P787">
        <v>22</v>
      </c>
      <c r="Q787">
        <v>4.2222207944990284</v>
      </c>
      <c r="R787">
        <v>5.5067122144715404</v>
      </c>
      <c r="S787">
        <v>3</v>
      </c>
      <c r="T787">
        <v>1</v>
      </c>
      <c r="U787">
        <v>2</v>
      </c>
      <c r="V787">
        <v>0.1798343602449953</v>
      </c>
      <c r="W787">
        <v>8.2319435825369389</v>
      </c>
      <c r="X787">
        <v>2</v>
      </c>
      <c r="Y787">
        <v>1</v>
      </c>
      <c r="Z787">
        <v>1</v>
      </c>
      <c r="AA787">
        <v>2.7643011392762599E-2</v>
      </c>
      <c r="AB787">
        <v>8.2743170566796671</v>
      </c>
      <c r="AC787">
        <v>1</v>
      </c>
      <c r="AD787">
        <v>1</v>
      </c>
      <c r="AE787">
        <v>0</v>
      </c>
      <c r="AF787">
        <v>0</v>
      </c>
      <c r="AG787">
        <v>8.2751216302165069</v>
      </c>
      <c r="AH787">
        <v>1.099562732168808E-2</v>
      </c>
      <c r="AI787">
        <v>8.9527897458032395E-3</v>
      </c>
      <c r="AJ787">
        <v>2.196355582591146E-2</v>
      </c>
      <c r="AK787">
        <v>4.6676126703716677E-3</v>
      </c>
      <c r="AL787">
        <v>4271.4011330019903</v>
      </c>
      <c r="AM787">
        <v>8207.3204738811855</v>
      </c>
      <c r="AN787">
        <v>500858.99999999988</v>
      </c>
      <c r="AO787">
        <v>33.809963956770297</v>
      </c>
      <c r="AP787">
        <v>3899.68078484844</v>
      </c>
      <c r="AQ787">
        <v>1.0058553971486759</v>
      </c>
      <c r="AR787">
        <v>3.9842158859470471</v>
      </c>
      <c r="AS787">
        <v>3914</v>
      </c>
      <c r="AT787">
        <v>297.43380855397152</v>
      </c>
      <c r="AU787">
        <v>1.538676570424502E-2</v>
      </c>
      <c r="AV787">
        <v>1.099631913152172E-2</v>
      </c>
      <c r="AW787">
        <v>0.36227087576374739</v>
      </c>
      <c r="AX787">
        <v>85.091927680162968</v>
      </c>
      <c r="AY787">
        <v>65</v>
      </c>
      <c r="AZ787">
        <v>130</v>
      </c>
      <c r="BA787">
        <v>0.58345160361082904</v>
      </c>
      <c r="BB787">
        <v>0.49949083503054992</v>
      </c>
      <c r="BC787">
        <v>5.3166281929926082</v>
      </c>
      <c r="BD787" t="s">
        <v>3054</v>
      </c>
      <c r="BE787" t="s">
        <v>68</v>
      </c>
    </row>
    <row r="788" spans="1:57" x14ac:dyDescent="0.3">
      <c r="A788" t="s">
        <v>3055</v>
      </c>
      <c r="B788">
        <v>662</v>
      </c>
      <c r="C788" t="s">
        <v>3056</v>
      </c>
      <c r="D788" t="s">
        <v>3057</v>
      </c>
      <c r="E788" t="s">
        <v>115</v>
      </c>
      <c r="F788">
        <v>694</v>
      </c>
      <c r="G788">
        <v>128.03890489913539</v>
      </c>
      <c r="H788">
        <v>126</v>
      </c>
      <c r="I788">
        <v>5759.5042500975833</v>
      </c>
      <c r="J788">
        <v>75.891397734509965</v>
      </c>
      <c r="K788">
        <v>-6.1795897691668917E-3</v>
      </c>
      <c r="L788">
        <v>-1.2444036327354151</v>
      </c>
      <c r="M788">
        <v>7.6794774649842434</v>
      </c>
      <c r="N788">
        <v>8</v>
      </c>
      <c r="O788">
        <v>1</v>
      </c>
      <c r="P788">
        <v>7</v>
      </c>
      <c r="Q788">
        <v>1.5466071160707719</v>
      </c>
      <c r="R788">
        <v>5.3230081530274678</v>
      </c>
      <c r="S788">
        <v>2</v>
      </c>
      <c r="T788">
        <v>1</v>
      </c>
      <c r="U788">
        <v>1</v>
      </c>
      <c r="V788">
        <v>7.5972437319607553E-2</v>
      </c>
      <c r="W788">
        <v>6.53302830013582</v>
      </c>
      <c r="X788">
        <v>1</v>
      </c>
      <c r="Y788">
        <v>1</v>
      </c>
      <c r="Z788">
        <v>0</v>
      </c>
      <c r="AA788">
        <v>0</v>
      </c>
      <c r="AB788">
        <v>6.5395859556176701</v>
      </c>
      <c r="AC788">
        <v>1</v>
      </c>
      <c r="AD788">
        <v>1</v>
      </c>
      <c r="AE788">
        <v>0</v>
      </c>
      <c r="AF788">
        <v>0</v>
      </c>
      <c r="AG788">
        <v>6.5381398237676676</v>
      </c>
      <c r="AH788">
        <v>3.0739131820594161E-2</v>
      </c>
      <c r="AI788">
        <v>-3.1512917356320808E-2</v>
      </c>
      <c r="AJ788">
        <v>-9.2244183163922248E-3</v>
      </c>
      <c r="AK788">
        <v>1.6616575715508661E-3</v>
      </c>
      <c r="AL788">
        <v>1917.7559415502069</v>
      </c>
      <c r="AM788">
        <v>3420.0463664472268</v>
      </c>
      <c r="AN788">
        <v>88859</v>
      </c>
      <c r="AO788">
        <v>44.555405016905929</v>
      </c>
      <c r="AP788">
        <v>1693.941588733009</v>
      </c>
      <c r="AQ788">
        <v>1.03314121037464</v>
      </c>
      <c r="AR788">
        <v>4.0518731988472618</v>
      </c>
      <c r="AS788">
        <v>693</v>
      </c>
      <c r="AT788">
        <v>188.72622478386171</v>
      </c>
      <c r="AU788">
        <v>2.4913827202350691E-2</v>
      </c>
      <c r="AV788">
        <v>3.077230531802622E-2</v>
      </c>
      <c r="AW788">
        <v>0.37463976945244959</v>
      </c>
      <c r="AX788">
        <v>86.683982683982677</v>
      </c>
      <c r="AY788">
        <v>66</v>
      </c>
      <c r="AZ788">
        <v>132.75</v>
      </c>
      <c r="BA788">
        <v>0.59272139037970173</v>
      </c>
      <c r="BB788">
        <v>0.49567723342939479</v>
      </c>
      <c r="BC788">
        <v>5.1484582139679667</v>
      </c>
      <c r="BD788" t="s">
        <v>3058</v>
      </c>
      <c r="BE788" t="s">
        <v>68</v>
      </c>
    </row>
    <row r="789" spans="1:57" x14ac:dyDescent="0.3">
      <c r="A789" t="s">
        <v>3059</v>
      </c>
      <c r="B789">
        <v>2405</v>
      </c>
      <c r="C789" t="s">
        <v>3060</v>
      </c>
      <c r="D789" t="s">
        <v>3061</v>
      </c>
      <c r="E789" t="s">
        <v>106</v>
      </c>
      <c r="F789">
        <v>2463</v>
      </c>
      <c r="G789">
        <v>126.02436053593181</v>
      </c>
      <c r="H789">
        <v>125</v>
      </c>
      <c r="I789">
        <v>5400.9023704294941</v>
      </c>
      <c r="J789">
        <v>73.490831880102533</v>
      </c>
      <c r="K789">
        <v>3.0571582550162651E-2</v>
      </c>
      <c r="L789">
        <v>-1.176619260572551</v>
      </c>
      <c r="M789">
        <v>7.9277919131543424</v>
      </c>
      <c r="N789">
        <v>18</v>
      </c>
      <c r="O789">
        <v>3</v>
      </c>
      <c r="P789">
        <v>15</v>
      </c>
      <c r="Q789">
        <v>3.0402547267804612</v>
      </c>
      <c r="R789">
        <v>5.4951266126688658</v>
      </c>
      <c r="S789">
        <v>3</v>
      </c>
      <c r="T789">
        <v>1</v>
      </c>
      <c r="U789">
        <v>2</v>
      </c>
      <c r="V789">
        <v>0.14395539246487871</v>
      </c>
      <c r="W789">
        <v>7.7809260281746848</v>
      </c>
      <c r="X789">
        <v>1</v>
      </c>
      <c r="Y789">
        <v>1</v>
      </c>
      <c r="Z789">
        <v>0</v>
      </c>
      <c r="AA789">
        <v>0</v>
      </c>
      <c r="AB789">
        <v>7.8083230503910546</v>
      </c>
      <c r="AC789">
        <v>1</v>
      </c>
      <c r="AD789">
        <v>1</v>
      </c>
      <c r="AE789">
        <v>0</v>
      </c>
      <c r="AF789">
        <v>0</v>
      </c>
      <c r="AG789">
        <v>7.8079166289264066</v>
      </c>
      <c r="AH789">
        <v>-3.8069498804287681E-3</v>
      </c>
      <c r="AI789">
        <v>-4.5408819792559438E-3</v>
      </c>
      <c r="AJ789">
        <v>3.4403275645087397E-2</v>
      </c>
      <c r="AK789">
        <v>-1.137390558605326E-2</v>
      </c>
      <c r="AL789">
        <v>3357.6534170978139</v>
      </c>
      <c r="AM789">
        <v>6414.5378267378983</v>
      </c>
      <c r="AN789">
        <v>310398</v>
      </c>
      <c r="AO789">
        <v>258.56134623722858</v>
      </c>
      <c r="AP789">
        <v>3052.6474171019158</v>
      </c>
      <c r="AQ789">
        <v>1.00933820544052</v>
      </c>
      <c r="AR789">
        <v>4.0048721071863582</v>
      </c>
      <c r="AS789">
        <v>2456</v>
      </c>
      <c r="AT789">
        <v>245.94356475842471</v>
      </c>
      <c r="AU789">
        <v>1.8556996489216829E-2</v>
      </c>
      <c r="AV789">
        <v>-3.8091908565352261E-3</v>
      </c>
      <c r="AW789">
        <v>0.37718229801055619</v>
      </c>
      <c r="AX789">
        <v>84.810316815597076</v>
      </c>
      <c r="AY789">
        <v>63</v>
      </c>
      <c r="AZ789">
        <v>125</v>
      </c>
      <c r="BA789">
        <v>0.58314782608358473</v>
      </c>
      <c r="BB789">
        <v>0.49573690621193672</v>
      </c>
      <c r="BC789">
        <v>5.2947557990430809</v>
      </c>
      <c r="BD789" t="s">
        <v>3062</v>
      </c>
      <c r="BE789" t="s">
        <v>68</v>
      </c>
    </row>
    <row r="790" spans="1:57" x14ac:dyDescent="0.3">
      <c r="A790" t="s">
        <v>3063</v>
      </c>
      <c r="B790">
        <v>3850</v>
      </c>
      <c r="C790" t="s">
        <v>3064</v>
      </c>
      <c r="D790" t="s">
        <v>3065</v>
      </c>
      <c r="E790" t="s">
        <v>106</v>
      </c>
      <c r="F790">
        <v>3910</v>
      </c>
      <c r="G790">
        <v>128.03887468030689</v>
      </c>
      <c r="H790">
        <v>127</v>
      </c>
      <c r="I790">
        <v>5536.5048826211232</v>
      </c>
      <c r="J790">
        <v>74.407693705833424</v>
      </c>
      <c r="K790">
        <v>2.4161275824735529E-2</v>
      </c>
      <c r="L790">
        <v>-1.2046375913295051</v>
      </c>
      <c r="M790">
        <v>7.9508985824017939</v>
      </c>
      <c r="N790">
        <v>27</v>
      </c>
      <c r="O790">
        <v>5</v>
      </c>
      <c r="P790">
        <v>22</v>
      </c>
      <c r="Q790">
        <v>3.9314732523055209</v>
      </c>
      <c r="R790">
        <v>5.511142935309862</v>
      </c>
      <c r="S790">
        <v>3</v>
      </c>
      <c r="T790">
        <v>1</v>
      </c>
      <c r="U790">
        <v>2</v>
      </c>
      <c r="V790">
        <v>0.16235436361411859</v>
      </c>
      <c r="W790">
        <v>8.2356596240333246</v>
      </c>
      <c r="X790">
        <v>1</v>
      </c>
      <c r="Y790">
        <v>1</v>
      </c>
      <c r="Z790">
        <v>0</v>
      </c>
      <c r="AA790">
        <v>0</v>
      </c>
      <c r="AB790">
        <v>8.2707810131626722</v>
      </c>
      <c r="AC790">
        <v>1</v>
      </c>
      <c r="AD790">
        <v>1</v>
      </c>
      <c r="AE790">
        <v>0</v>
      </c>
      <c r="AF790">
        <v>0</v>
      </c>
      <c r="AG790">
        <v>8.2705250950550706</v>
      </c>
      <c r="AH790">
        <v>1.3459301152552609E-2</v>
      </c>
      <c r="AI790">
        <v>3.3324864989063868E-2</v>
      </c>
      <c r="AJ790">
        <v>5.3369067750665498E-3</v>
      </c>
      <c r="AK790">
        <v>-4.6008962589972249E-3</v>
      </c>
      <c r="AL790">
        <v>4254.4527450771793</v>
      </c>
      <c r="AM790">
        <v>8224.8236357933692</v>
      </c>
      <c r="AN790">
        <v>500632</v>
      </c>
      <c r="AO790">
        <v>174.7927784839481</v>
      </c>
      <c r="AP790">
        <v>3854.7750270554079</v>
      </c>
      <c r="AQ790">
        <v>1.005882352941176</v>
      </c>
      <c r="AR790">
        <v>4.0094629156010226</v>
      </c>
      <c r="AS790">
        <v>3893</v>
      </c>
      <c r="AT790">
        <v>259.06803069053711</v>
      </c>
      <c r="AU790">
        <v>1.8925831202046051E-2</v>
      </c>
      <c r="AV790">
        <v>1.345958196991132E-2</v>
      </c>
      <c r="AW790">
        <v>0.37774936061381081</v>
      </c>
      <c r="AX790">
        <v>85.213353798925553</v>
      </c>
      <c r="AY790">
        <v>65</v>
      </c>
      <c r="AZ790">
        <v>130</v>
      </c>
      <c r="BA790">
        <v>0.58113361189418311</v>
      </c>
      <c r="BB790">
        <v>0.49437340153452691</v>
      </c>
      <c r="BC790">
        <v>5.3260703047996456</v>
      </c>
      <c r="BD790" t="s">
        <v>3066</v>
      </c>
      <c r="BE790" t="s">
        <v>68</v>
      </c>
    </row>
    <row r="791" spans="1:57" x14ac:dyDescent="0.3">
      <c r="A791" t="s">
        <v>3067</v>
      </c>
      <c r="B791">
        <v>2268</v>
      </c>
      <c r="C791" t="s">
        <v>3068</v>
      </c>
      <c r="D791" t="s">
        <v>3069</v>
      </c>
      <c r="E791" t="s">
        <v>85</v>
      </c>
      <c r="F791">
        <v>8</v>
      </c>
      <c r="G791">
        <v>87.625</v>
      </c>
      <c r="H791">
        <v>102</v>
      </c>
      <c r="I791">
        <v>4398.234375</v>
      </c>
      <c r="J791">
        <v>66.31918557250232</v>
      </c>
      <c r="K791">
        <v>-0.11063322329164289</v>
      </c>
      <c r="L791">
        <v>-1.596813558001817</v>
      </c>
      <c r="M791">
        <v>3</v>
      </c>
      <c r="N791">
        <v>1</v>
      </c>
      <c r="O791">
        <v>1</v>
      </c>
      <c r="P791">
        <v>0</v>
      </c>
      <c r="Q791">
        <v>0</v>
      </c>
      <c r="R791">
        <v>2.0794415416798362</v>
      </c>
      <c r="S791">
        <v>1</v>
      </c>
      <c r="T791">
        <v>1</v>
      </c>
      <c r="U791">
        <v>0</v>
      </c>
      <c r="V791">
        <v>0</v>
      </c>
      <c r="W791">
        <v>1.945910149055313</v>
      </c>
      <c r="X791">
        <v>1</v>
      </c>
      <c r="Y791">
        <v>1</v>
      </c>
      <c r="Z791">
        <v>0</v>
      </c>
      <c r="AA791">
        <v>0</v>
      </c>
      <c r="AB791">
        <v>1.791759469228055</v>
      </c>
      <c r="AC791">
        <v>1</v>
      </c>
      <c r="AD791">
        <v>1</v>
      </c>
      <c r="AE791">
        <v>0</v>
      </c>
      <c r="AF791">
        <v>0</v>
      </c>
      <c r="AG791">
        <v>1.6094379124341009</v>
      </c>
      <c r="AH791">
        <v>-0.1992316696685815</v>
      </c>
      <c r="AI791">
        <v>-5.0845154483155533E-2</v>
      </c>
      <c r="AJ791">
        <v>-0.120988269440507</v>
      </c>
      <c r="AK791">
        <v>0</v>
      </c>
      <c r="AL791">
        <v>257.70266381464131</v>
      </c>
      <c r="AM791">
        <v>173.78244175646159</v>
      </c>
      <c r="AN791">
        <v>701</v>
      </c>
      <c r="AO791">
        <v>122.5765067213126</v>
      </c>
      <c r="AP791">
        <v>213.11707426862631</v>
      </c>
      <c r="AQ791">
        <v>3.5</v>
      </c>
      <c r="AR791">
        <v>3.25</v>
      </c>
      <c r="AS791">
        <v>8</v>
      </c>
      <c r="AT791">
        <v>0</v>
      </c>
      <c r="AU791">
        <v>0.35745614035087719</v>
      </c>
      <c r="AV791">
        <v>-0.2273612131086202</v>
      </c>
      <c r="AW791">
        <v>0.25</v>
      </c>
      <c r="AX791">
        <v>93.285714285714292</v>
      </c>
      <c r="AY791">
        <v>68.5</v>
      </c>
      <c r="AZ791">
        <v>131.25</v>
      </c>
      <c r="BA791">
        <v>0.75685233178319333</v>
      </c>
      <c r="BB791">
        <v>0.625</v>
      </c>
      <c r="BC791">
        <v>1.945910149055313</v>
      </c>
      <c r="BD791" t="s">
        <v>3068</v>
      </c>
      <c r="BE791" t="s">
        <v>68</v>
      </c>
    </row>
    <row r="792" spans="1:57" x14ac:dyDescent="0.3">
      <c r="A792" t="s">
        <v>3070</v>
      </c>
      <c r="B792">
        <v>799</v>
      </c>
      <c r="C792" t="s">
        <v>3071</v>
      </c>
      <c r="D792" t="s">
        <v>3072</v>
      </c>
      <c r="E792" t="s">
        <v>115</v>
      </c>
      <c r="F792">
        <v>845</v>
      </c>
      <c r="G792">
        <v>127.3514792899408</v>
      </c>
      <c r="H792">
        <v>130</v>
      </c>
      <c r="I792">
        <v>5612.1214327229436</v>
      </c>
      <c r="J792">
        <v>74.914093685520513</v>
      </c>
      <c r="K792">
        <v>-2.356014994419019E-2</v>
      </c>
      <c r="L792">
        <v>-1.2293180138569519</v>
      </c>
      <c r="M792">
        <v>7.7698170440196606</v>
      </c>
      <c r="N792">
        <v>9</v>
      </c>
      <c r="O792">
        <v>1</v>
      </c>
      <c r="P792">
        <v>8</v>
      </c>
      <c r="Q792">
        <v>1.686107231590031</v>
      </c>
      <c r="R792">
        <v>5.3856267775288362</v>
      </c>
      <c r="S792">
        <v>3</v>
      </c>
      <c r="T792">
        <v>1</v>
      </c>
      <c r="U792">
        <v>2</v>
      </c>
      <c r="V792">
        <v>0.11426932159881741</v>
      </c>
      <c r="W792">
        <v>6.7227497725653356</v>
      </c>
      <c r="X792">
        <v>1</v>
      </c>
      <c r="Y792">
        <v>1</v>
      </c>
      <c r="Z792">
        <v>0</v>
      </c>
      <c r="AA792">
        <v>0</v>
      </c>
      <c r="AB792">
        <v>6.7369669580018563</v>
      </c>
      <c r="AC792">
        <v>1</v>
      </c>
      <c r="AD792">
        <v>1</v>
      </c>
      <c r="AE792">
        <v>0</v>
      </c>
      <c r="AF792">
        <v>0</v>
      </c>
      <c r="AG792">
        <v>6.7357800142423292</v>
      </c>
      <c r="AH792">
        <v>6.0888070394708192E-2</v>
      </c>
      <c r="AI792">
        <v>4.5240380103753253E-2</v>
      </c>
      <c r="AJ792">
        <v>2.6559982824191069E-3</v>
      </c>
      <c r="AK792">
        <v>1.2563488432963191E-2</v>
      </c>
      <c r="AL792">
        <v>2046.9179144890311</v>
      </c>
      <c r="AM792">
        <v>3775.8332923136149</v>
      </c>
      <c r="AN792">
        <v>107612</v>
      </c>
      <c r="AO792">
        <v>121.000481318865</v>
      </c>
      <c r="AP792">
        <v>1766.7489476796529</v>
      </c>
      <c r="AQ792">
        <v>1.0272189349112431</v>
      </c>
      <c r="AR792">
        <v>3.966863905325444</v>
      </c>
      <c r="AS792">
        <v>842</v>
      </c>
      <c r="AT792">
        <v>205.26153846153841</v>
      </c>
      <c r="AU792">
        <v>2.3761457245620149E-2</v>
      </c>
      <c r="AV792">
        <v>6.0888670393317738E-2</v>
      </c>
      <c r="AW792">
        <v>0.34319526627218933</v>
      </c>
      <c r="AX792">
        <v>83.274881516587683</v>
      </c>
      <c r="AY792">
        <v>66</v>
      </c>
      <c r="AZ792">
        <v>132</v>
      </c>
      <c r="BA792">
        <v>0.58824674910107455</v>
      </c>
      <c r="BB792">
        <v>0.51597633136094678</v>
      </c>
      <c r="BC792">
        <v>5.1649106630076123</v>
      </c>
      <c r="BD792" t="s">
        <v>3073</v>
      </c>
      <c r="BE792" t="s">
        <v>68</v>
      </c>
    </row>
    <row r="793" spans="1:57" x14ac:dyDescent="0.3">
      <c r="A793" t="s">
        <v>3074</v>
      </c>
      <c r="B793">
        <v>2411</v>
      </c>
      <c r="C793" t="s">
        <v>3075</v>
      </c>
      <c r="D793" t="s">
        <v>3076</v>
      </c>
      <c r="E793" t="s">
        <v>72</v>
      </c>
      <c r="F793">
        <v>2440</v>
      </c>
      <c r="G793">
        <v>128.00942622950819</v>
      </c>
      <c r="H793">
        <v>128</v>
      </c>
      <c r="I793">
        <v>5473.0306488511151</v>
      </c>
      <c r="J793">
        <v>73.979934096017658</v>
      </c>
      <c r="K793">
        <v>-1.268525521627503E-2</v>
      </c>
      <c r="L793">
        <v>-1.2180884594010379</v>
      </c>
      <c r="M793">
        <v>7.9219829652087492</v>
      </c>
      <c r="N793">
        <v>17</v>
      </c>
      <c r="O793">
        <v>3</v>
      </c>
      <c r="P793">
        <v>14</v>
      </c>
      <c r="Q793">
        <v>3.0883791764451458</v>
      </c>
      <c r="R793">
        <v>5.4911001567783613</v>
      </c>
      <c r="S793">
        <v>2</v>
      </c>
      <c r="T793">
        <v>1</v>
      </c>
      <c r="U793">
        <v>1</v>
      </c>
      <c r="V793">
        <v>0.13429107026510831</v>
      </c>
      <c r="W793">
        <v>7.7743343978513124</v>
      </c>
      <c r="X793">
        <v>1</v>
      </c>
      <c r="Y793">
        <v>1</v>
      </c>
      <c r="Z793">
        <v>0</v>
      </c>
      <c r="AA793">
        <v>0</v>
      </c>
      <c r="AB793">
        <v>7.7989333100412184</v>
      </c>
      <c r="AC793">
        <v>1</v>
      </c>
      <c r="AD793">
        <v>1</v>
      </c>
      <c r="AE793">
        <v>0</v>
      </c>
      <c r="AF793">
        <v>0</v>
      </c>
      <c r="AG793">
        <v>7.798523053625205</v>
      </c>
      <c r="AH793">
        <v>-1.419128180762771E-2</v>
      </c>
      <c r="AI793">
        <v>-4.4085041845744112E-2</v>
      </c>
      <c r="AJ793">
        <v>6.2182306330298446E-3</v>
      </c>
      <c r="AK793">
        <v>2.6808109460509651E-2</v>
      </c>
      <c r="AL793">
        <v>3367.2659565845829</v>
      </c>
      <c r="AM793">
        <v>6480.6298287764057</v>
      </c>
      <c r="AN793">
        <v>312343</v>
      </c>
      <c r="AO793">
        <v>100.04003504577069</v>
      </c>
      <c r="AP793">
        <v>3062.79283337881</v>
      </c>
      <c r="AQ793">
        <v>1.009426229508197</v>
      </c>
      <c r="AR793">
        <v>4.0245901639344259</v>
      </c>
      <c r="AS793">
        <v>2429</v>
      </c>
      <c r="AT793">
        <v>256.18360655737712</v>
      </c>
      <c r="AU793">
        <v>1.8161362905818049E-2</v>
      </c>
      <c r="AV793">
        <v>-1.420472965781199E-2</v>
      </c>
      <c r="AW793">
        <v>0.36721311475409829</v>
      </c>
      <c r="AX793">
        <v>85.548995489954905</v>
      </c>
      <c r="AY793">
        <v>66</v>
      </c>
      <c r="AZ793">
        <v>132</v>
      </c>
      <c r="BA793">
        <v>0.57792567528096705</v>
      </c>
      <c r="BB793">
        <v>0.4987704918032787</v>
      </c>
      <c r="BC793">
        <v>5.3043100531072511</v>
      </c>
      <c r="BD793" t="s">
        <v>3077</v>
      </c>
      <c r="BE793" t="s">
        <v>68</v>
      </c>
    </row>
    <row r="794" spans="1:57" x14ac:dyDescent="0.3">
      <c r="A794" t="s">
        <v>3078</v>
      </c>
      <c r="B794">
        <v>3118</v>
      </c>
      <c r="C794" t="s">
        <v>3079</v>
      </c>
      <c r="D794" t="s">
        <v>3080</v>
      </c>
      <c r="E794" t="s">
        <v>128</v>
      </c>
      <c r="F794">
        <v>32</v>
      </c>
      <c r="G794">
        <v>114.5</v>
      </c>
      <c r="H794">
        <v>116</v>
      </c>
      <c r="I794">
        <v>5275.875</v>
      </c>
      <c r="J794">
        <v>72.635218730310157</v>
      </c>
      <c r="K794">
        <v>0.16680123686810619</v>
      </c>
      <c r="L794">
        <v>-1.0862796476698939</v>
      </c>
      <c r="M794">
        <v>4.8125</v>
      </c>
      <c r="N794">
        <v>2</v>
      </c>
      <c r="O794">
        <v>1</v>
      </c>
      <c r="P794">
        <v>1</v>
      </c>
      <c r="Q794">
        <v>0.30454347814923599</v>
      </c>
      <c r="R794">
        <v>3.335770806444736</v>
      </c>
      <c r="S794">
        <v>1</v>
      </c>
      <c r="T794">
        <v>1</v>
      </c>
      <c r="U794">
        <v>0</v>
      </c>
      <c r="V794">
        <v>0</v>
      </c>
      <c r="W794">
        <v>3.4339872044851458</v>
      </c>
      <c r="X794">
        <v>1</v>
      </c>
      <c r="Y794">
        <v>1</v>
      </c>
      <c r="Z794">
        <v>0</v>
      </c>
      <c r="AA794">
        <v>0</v>
      </c>
      <c r="AB794">
        <v>3.401197381662155</v>
      </c>
      <c r="AC794">
        <v>1</v>
      </c>
      <c r="AD794">
        <v>1</v>
      </c>
      <c r="AE794">
        <v>0</v>
      </c>
      <c r="AF794">
        <v>0</v>
      </c>
      <c r="AG794">
        <v>3.3672958299864728</v>
      </c>
      <c r="AH794">
        <v>-7.0108335110289757E-2</v>
      </c>
      <c r="AI794">
        <v>-0.2688416613357974</v>
      </c>
      <c r="AJ794">
        <v>-0.30537144312554793</v>
      </c>
      <c r="AK794">
        <v>0.10839730376477839</v>
      </c>
      <c r="AL794">
        <v>479.14268339693479</v>
      </c>
      <c r="AM794">
        <v>598.98104222686766</v>
      </c>
      <c r="AN794">
        <v>3664</v>
      </c>
      <c r="AO794">
        <v>26.36965706498998</v>
      </c>
      <c r="AP794">
        <v>417.0435528697094</v>
      </c>
      <c r="AQ794">
        <v>1.65625</v>
      </c>
      <c r="AR794">
        <v>4.0625</v>
      </c>
      <c r="AS794">
        <v>32</v>
      </c>
      <c r="AT794">
        <v>2.4375</v>
      </c>
      <c r="AU794">
        <v>0.1861304780876494</v>
      </c>
      <c r="AV794">
        <v>-7.2168359144331409E-2</v>
      </c>
      <c r="AW794">
        <v>0.5</v>
      </c>
      <c r="AX794">
        <v>84.774193548387103</v>
      </c>
      <c r="AY794">
        <v>68</v>
      </c>
      <c r="AZ794">
        <v>124.5</v>
      </c>
      <c r="BA794">
        <v>0.63436872253545984</v>
      </c>
      <c r="BB794">
        <v>0.5</v>
      </c>
      <c r="BC794">
        <v>3.3445488586064429</v>
      </c>
      <c r="BD794" t="s">
        <v>3081</v>
      </c>
      <c r="BE794" t="s">
        <v>62</v>
      </c>
    </row>
    <row r="795" spans="1:57" x14ac:dyDescent="0.3">
      <c r="A795" t="s">
        <v>3082</v>
      </c>
      <c r="B795">
        <v>521</v>
      </c>
      <c r="C795" t="s">
        <v>3083</v>
      </c>
      <c r="D795" t="s">
        <v>3084</v>
      </c>
      <c r="E795" t="s">
        <v>128</v>
      </c>
      <c r="F795">
        <v>32</v>
      </c>
      <c r="G795">
        <v>126.25</v>
      </c>
      <c r="H795">
        <v>138</v>
      </c>
      <c r="I795">
        <v>4858.625</v>
      </c>
      <c r="J795">
        <v>69.703837770957776</v>
      </c>
      <c r="K795">
        <v>-0.17143845586571069</v>
      </c>
      <c r="L795">
        <v>-0.99587577362309654</v>
      </c>
      <c r="M795">
        <v>5</v>
      </c>
      <c r="N795">
        <v>1</v>
      </c>
      <c r="O795">
        <v>1</v>
      </c>
      <c r="P795">
        <v>0</v>
      </c>
      <c r="Q795">
        <v>0</v>
      </c>
      <c r="R795">
        <v>3.465735902799727</v>
      </c>
      <c r="S795">
        <v>1</v>
      </c>
      <c r="T795">
        <v>1</v>
      </c>
      <c r="U795">
        <v>0</v>
      </c>
      <c r="V795">
        <v>0</v>
      </c>
      <c r="W795">
        <v>3.4339872044851458</v>
      </c>
      <c r="X795">
        <v>1</v>
      </c>
      <c r="Y795">
        <v>1</v>
      </c>
      <c r="Z795">
        <v>0</v>
      </c>
      <c r="AA795">
        <v>0</v>
      </c>
      <c r="AB795">
        <v>3.401197381662155</v>
      </c>
      <c r="AC795">
        <v>1</v>
      </c>
      <c r="AD795">
        <v>1</v>
      </c>
      <c r="AE795">
        <v>0</v>
      </c>
      <c r="AF795">
        <v>0</v>
      </c>
      <c r="AG795">
        <v>3.3672958299864728</v>
      </c>
      <c r="AH795">
        <v>-0.28912058774344601</v>
      </c>
      <c r="AI795">
        <v>0.14684018755306291</v>
      </c>
      <c r="AJ795">
        <v>0.38385787838637481</v>
      </c>
      <c r="AK795">
        <v>0.14959945586457071</v>
      </c>
      <c r="AL795">
        <v>448.3636107276476</v>
      </c>
      <c r="AM795">
        <v>681.53948717243577</v>
      </c>
      <c r="AN795">
        <v>4040</v>
      </c>
      <c r="AO795">
        <v>47.222571421888603</v>
      </c>
      <c r="AP795">
        <v>283.65304162137897</v>
      </c>
      <c r="AQ795">
        <v>1.71875</v>
      </c>
      <c r="AR795">
        <v>3.90625</v>
      </c>
      <c r="AS795">
        <v>32</v>
      </c>
      <c r="AT795">
        <v>0</v>
      </c>
      <c r="AU795">
        <v>9.9999999999999978E-2</v>
      </c>
      <c r="AV795">
        <v>-0.30442507819582809</v>
      </c>
      <c r="AW795">
        <v>0.34375</v>
      </c>
      <c r="AX795">
        <v>98.161290322580641</v>
      </c>
      <c r="AY795">
        <v>52</v>
      </c>
      <c r="AZ795">
        <v>100</v>
      </c>
      <c r="BA795">
        <v>0.55210960610659621</v>
      </c>
      <c r="BB795">
        <v>0.53125</v>
      </c>
      <c r="BC795">
        <v>3.4339872044851458</v>
      </c>
      <c r="BD795" t="s">
        <v>3085</v>
      </c>
      <c r="BE795" t="s">
        <v>62</v>
      </c>
    </row>
    <row r="796" spans="1:57" x14ac:dyDescent="0.3">
      <c r="A796" t="s">
        <v>3086</v>
      </c>
      <c r="B796">
        <v>1629</v>
      </c>
      <c r="C796" t="s">
        <v>3087</v>
      </c>
      <c r="D796" t="s">
        <v>3088</v>
      </c>
      <c r="E796" t="s">
        <v>10622</v>
      </c>
      <c r="F796">
        <v>64</v>
      </c>
      <c r="G796">
        <v>124.984375</v>
      </c>
      <c r="H796">
        <v>123</v>
      </c>
      <c r="I796">
        <v>5405.015380859375</v>
      </c>
      <c r="J796">
        <v>73.518809707852142</v>
      </c>
      <c r="K796">
        <v>5.6898363141555129E-2</v>
      </c>
      <c r="L796">
        <v>-1.113213901723263</v>
      </c>
      <c r="M796">
        <v>5.65625</v>
      </c>
      <c r="N796">
        <v>2</v>
      </c>
      <c r="O796">
        <v>1</v>
      </c>
      <c r="P796">
        <v>1</v>
      </c>
      <c r="Q796">
        <v>0.40555066528688077</v>
      </c>
      <c r="R796">
        <v>3.920613740042191</v>
      </c>
      <c r="S796">
        <v>1</v>
      </c>
      <c r="T796">
        <v>1</v>
      </c>
      <c r="U796">
        <v>0</v>
      </c>
      <c r="V796">
        <v>0</v>
      </c>
      <c r="W796">
        <v>4.1431347263915326</v>
      </c>
      <c r="X796">
        <v>1</v>
      </c>
      <c r="Y796">
        <v>1</v>
      </c>
      <c r="Z796">
        <v>0</v>
      </c>
      <c r="AA796">
        <v>0</v>
      </c>
      <c r="AB796">
        <v>4.1271343850450908</v>
      </c>
      <c r="AC796">
        <v>1</v>
      </c>
      <c r="AD796">
        <v>1</v>
      </c>
      <c r="AE796">
        <v>0</v>
      </c>
      <c r="AF796">
        <v>0</v>
      </c>
      <c r="AG796">
        <v>4.1108738641733096</v>
      </c>
      <c r="AH796">
        <v>1.6729337247491901E-3</v>
      </c>
      <c r="AI796">
        <v>0.21307123690367691</v>
      </c>
      <c r="AJ796">
        <v>-0.15778228789536161</v>
      </c>
      <c r="AK796">
        <v>-0.25408485654667429</v>
      </c>
      <c r="AL796">
        <v>621.45945397116463</v>
      </c>
      <c r="AM796">
        <v>979.51985537295866</v>
      </c>
      <c r="AN796">
        <v>7999</v>
      </c>
      <c r="AO796">
        <v>98.708200594232451</v>
      </c>
      <c r="AP796">
        <v>476.46426032750912</v>
      </c>
      <c r="AQ796">
        <v>1.359375</v>
      </c>
      <c r="AR796">
        <v>4.140625</v>
      </c>
      <c r="AS796">
        <v>63</v>
      </c>
      <c r="AT796">
        <v>7.2187499999999982</v>
      </c>
      <c r="AU796">
        <v>8.0605158730158721E-2</v>
      </c>
      <c r="AV796">
        <v>1.747832253332082E-3</v>
      </c>
      <c r="AW796">
        <v>0.4375</v>
      </c>
      <c r="AX796">
        <v>84.920634920634924</v>
      </c>
      <c r="AY796">
        <v>63</v>
      </c>
      <c r="AZ796">
        <v>126</v>
      </c>
      <c r="BA796">
        <v>0.58822400566352506</v>
      </c>
      <c r="BB796">
        <v>0.453125</v>
      </c>
      <c r="BC796">
        <v>4.0111066919991618</v>
      </c>
      <c r="BD796" t="s">
        <v>3089</v>
      </c>
      <c r="BE796" t="s">
        <v>62</v>
      </c>
    </row>
    <row r="797" spans="1:57" x14ac:dyDescent="0.3">
      <c r="A797" t="s">
        <v>3090</v>
      </c>
      <c r="B797">
        <v>2289</v>
      </c>
      <c r="C797" t="s">
        <v>3091</v>
      </c>
      <c r="D797" t="s">
        <v>3092</v>
      </c>
      <c r="E797" t="s">
        <v>128</v>
      </c>
      <c r="F797">
        <v>32</v>
      </c>
      <c r="G797">
        <v>138.21875</v>
      </c>
      <c r="H797">
        <v>135</v>
      </c>
      <c r="I797">
        <v>6415.7333984375</v>
      </c>
      <c r="J797">
        <v>80.098273379876929</v>
      </c>
      <c r="K797">
        <v>-0.24297759539056191</v>
      </c>
      <c r="L797">
        <v>-1.278796106418455</v>
      </c>
      <c r="M797">
        <v>4.726409765557392</v>
      </c>
      <c r="N797">
        <v>3</v>
      </c>
      <c r="O797">
        <v>1</v>
      </c>
      <c r="P797">
        <v>2</v>
      </c>
      <c r="Q797">
        <v>0.44031528592635538</v>
      </c>
      <c r="R797">
        <v>3.2760976031670981</v>
      </c>
      <c r="S797">
        <v>1</v>
      </c>
      <c r="T797">
        <v>1</v>
      </c>
      <c r="U797">
        <v>0</v>
      </c>
      <c r="V797">
        <v>0</v>
      </c>
      <c r="W797">
        <v>3.4339872044851458</v>
      </c>
      <c r="X797">
        <v>1</v>
      </c>
      <c r="Y797">
        <v>1</v>
      </c>
      <c r="Z797">
        <v>0</v>
      </c>
      <c r="AA797">
        <v>0</v>
      </c>
      <c r="AB797">
        <v>3.401197381662155</v>
      </c>
      <c r="AC797">
        <v>1</v>
      </c>
      <c r="AD797">
        <v>1</v>
      </c>
      <c r="AE797">
        <v>0</v>
      </c>
      <c r="AF797">
        <v>0</v>
      </c>
      <c r="AG797">
        <v>3.3672958299864728</v>
      </c>
      <c r="AH797">
        <v>8.106451999943376E-2</v>
      </c>
      <c r="AI797">
        <v>-5.5396357998091547E-2</v>
      </c>
      <c r="AJ797">
        <v>-3.9479005431136922E-2</v>
      </c>
      <c r="AK797">
        <v>-7.6960053874515946E-2</v>
      </c>
      <c r="AL797">
        <v>546.34854029128769</v>
      </c>
      <c r="AM797">
        <v>719.8251680245553</v>
      </c>
      <c r="AN797">
        <v>4423</v>
      </c>
      <c r="AO797">
        <v>36.9943564844693</v>
      </c>
      <c r="AP797">
        <v>442.56924139153381</v>
      </c>
      <c r="AQ797">
        <v>1.71875</v>
      </c>
      <c r="AR797">
        <v>4.03125</v>
      </c>
      <c r="AS797">
        <v>31</v>
      </c>
      <c r="AT797">
        <v>4.7500000000000018</v>
      </c>
      <c r="AU797">
        <v>0.17274999999999999</v>
      </c>
      <c r="AV797">
        <v>8.1441593449010821E-2</v>
      </c>
      <c r="AW797">
        <v>0.28125</v>
      </c>
      <c r="AX797">
        <v>85.645161290322577</v>
      </c>
      <c r="AY797">
        <v>66.5</v>
      </c>
      <c r="AZ797">
        <v>132</v>
      </c>
      <c r="BA797">
        <v>0.57950367356004107</v>
      </c>
      <c r="BB797">
        <v>0.46875</v>
      </c>
      <c r="BC797">
        <v>3.2998296856670919</v>
      </c>
      <c r="BD797" t="s">
        <v>3093</v>
      </c>
      <c r="BE797" t="s">
        <v>62</v>
      </c>
    </row>
    <row r="798" spans="1:57" x14ac:dyDescent="0.3">
      <c r="A798" t="s">
        <v>3094</v>
      </c>
      <c r="B798">
        <v>3786</v>
      </c>
      <c r="C798" t="s">
        <v>3095</v>
      </c>
      <c r="D798" t="s">
        <v>3096</v>
      </c>
      <c r="E798" t="s">
        <v>93</v>
      </c>
      <c r="F798">
        <v>3840</v>
      </c>
      <c r="G798">
        <v>128.26041666666671</v>
      </c>
      <c r="H798">
        <v>128</v>
      </c>
      <c r="I798">
        <v>5569.1842664930546</v>
      </c>
      <c r="J798">
        <v>74.626967421255003</v>
      </c>
      <c r="K798">
        <v>2.956951485175662E-3</v>
      </c>
      <c r="L798">
        <v>-1.225595022723436</v>
      </c>
      <c r="M798">
        <v>7.9514749186026501</v>
      </c>
      <c r="N798">
        <v>25</v>
      </c>
      <c r="O798">
        <v>6</v>
      </c>
      <c r="P798">
        <v>19</v>
      </c>
      <c r="Q798">
        <v>3.8415898401573272</v>
      </c>
      <c r="R798">
        <v>5.5115424211225452</v>
      </c>
      <c r="S798">
        <v>3</v>
      </c>
      <c r="T798">
        <v>1</v>
      </c>
      <c r="U798">
        <v>2</v>
      </c>
      <c r="V798">
        <v>0.1812151563307661</v>
      </c>
      <c r="W798">
        <v>8.2092253174895475</v>
      </c>
      <c r="X798">
        <v>1</v>
      </c>
      <c r="Y798">
        <v>1</v>
      </c>
      <c r="Z798">
        <v>0</v>
      </c>
      <c r="AA798">
        <v>0</v>
      </c>
      <c r="AB798">
        <v>8.2527066765676427</v>
      </c>
      <c r="AC798">
        <v>1</v>
      </c>
      <c r="AD798">
        <v>1</v>
      </c>
      <c r="AE798">
        <v>0</v>
      </c>
      <c r="AF798">
        <v>0</v>
      </c>
      <c r="AG798">
        <v>8.2524460902469521</v>
      </c>
      <c r="AH798">
        <v>7.629075850172546E-3</v>
      </c>
      <c r="AI798">
        <v>1.647671841231063E-3</v>
      </c>
      <c r="AJ798">
        <v>7.9141991284403575E-3</v>
      </c>
      <c r="AK798">
        <v>-1.101917665574253E-2</v>
      </c>
      <c r="AL798">
        <v>4240.4849557518746</v>
      </c>
      <c r="AM798">
        <v>8159.3366973083057</v>
      </c>
      <c r="AN798">
        <v>492520</v>
      </c>
      <c r="AO798">
        <v>61.322411064613128</v>
      </c>
      <c r="AP798">
        <v>3861.8721760118769</v>
      </c>
      <c r="AQ798">
        <v>1.005989583333333</v>
      </c>
      <c r="AR798">
        <v>4.0236979166666664</v>
      </c>
      <c r="AS798">
        <v>3826</v>
      </c>
      <c r="AT798">
        <v>251.8666666666667</v>
      </c>
      <c r="AU798">
        <v>1.6605392156862742E-2</v>
      </c>
      <c r="AV798">
        <v>7.6306455913666051E-3</v>
      </c>
      <c r="AW798">
        <v>0.36875000000000002</v>
      </c>
      <c r="AX798">
        <v>86.034123469653551</v>
      </c>
      <c r="AY798">
        <v>65</v>
      </c>
      <c r="AZ798">
        <v>129</v>
      </c>
      <c r="BA798">
        <v>0.58183942763262253</v>
      </c>
      <c r="BB798">
        <v>0.49947916666666659</v>
      </c>
      <c r="BC798">
        <v>5.3229437469472982</v>
      </c>
      <c r="BD798" t="s">
        <v>3097</v>
      </c>
      <c r="BE798" t="s">
        <v>62</v>
      </c>
    </row>
    <row r="799" spans="1:57" x14ac:dyDescent="0.3">
      <c r="A799" t="s">
        <v>3098</v>
      </c>
      <c r="B799">
        <v>1500</v>
      </c>
      <c r="C799" t="s">
        <v>3099</v>
      </c>
      <c r="D799" t="s">
        <v>3100</v>
      </c>
      <c r="E799" t="s">
        <v>72</v>
      </c>
      <c r="F799">
        <v>1504</v>
      </c>
      <c r="G799">
        <v>127.5432180851064</v>
      </c>
      <c r="H799">
        <v>126</v>
      </c>
      <c r="I799">
        <v>5291.8877598566942</v>
      </c>
      <c r="J799">
        <v>72.745362462886206</v>
      </c>
      <c r="K799">
        <v>-2.9056081891964161E-4</v>
      </c>
      <c r="L799">
        <v>-1.1678361405000219</v>
      </c>
      <c r="M799">
        <v>7.8643408452890293</v>
      </c>
      <c r="N799">
        <v>13</v>
      </c>
      <c r="O799">
        <v>1</v>
      </c>
      <c r="P799">
        <v>12</v>
      </c>
      <c r="Q799">
        <v>2.452169123495938</v>
      </c>
      <c r="R799">
        <v>5.4511456838745067</v>
      </c>
      <c r="S799">
        <v>2</v>
      </c>
      <c r="T799">
        <v>1</v>
      </c>
      <c r="U799">
        <v>1</v>
      </c>
      <c r="V799">
        <v>0.1094270914258654</v>
      </c>
      <c r="W799">
        <v>7.2986160620748928</v>
      </c>
      <c r="X799">
        <v>1</v>
      </c>
      <c r="Y799">
        <v>1</v>
      </c>
      <c r="Z799">
        <v>0</v>
      </c>
      <c r="AA799">
        <v>0</v>
      </c>
      <c r="AB799">
        <v>7.3145528323240789</v>
      </c>
      <c r="AC799">
        <v>1</v>
      </c>
      <c r="AD799">
        <v>1</v>
      </c>
      <c r="AE799">
        <v>0</v>
      </c>
      <c r="AF799">
        <v>0</v>
      </c>
      <c r="AG799">
        <v>7.3138868316334626</v>
      </c>
      <c r="AH799">
        <v>1.616848038917747E-2</v>
      </c>
      <c r="AI799">
        <v>2.974304982030418E-3</v>
      </c>
      <c r="AJ799">
        <v>-5.7598740932881518E-2</v>
      </c>
      <c r="AK799">
        <v>1.321406867691653E-2</v>
      </c>
      <c r="AL799">
        <v>2615.8261558854429</v>
      </c>
      <c r="AM799">
        <v>5057.9077217942186</v>
      </c>
      <c r="AN799">
        <v>191825</v>
      </c>
      <c r="AO799">
        <v>140.06346393776971</v>
      </c>
      <c r="AP799">
        <v>2333.7869120462292</v>
      </c>
      <c r="AQ799">
        <v>1.0152925531914889</v>
      </c>
      <c r="AR799">
        <v>4.0279255319148932</v>
      </c>
      <c r="AS799">
        <v>1495</v>
      </c>
      <c r="AT799">
        <v>259.97606382978722</v>
      </c>
      <c r="AU799">
        <v>1.6356382978723438E-2</v>
      </c>
      <c r="AV799">
        <v>1.6194560992034059E-2</v>
      </c>
      <c r="AW799">
        <v>0.38563829787234039</v>
      </c>
      <c r="AX799">
        <v>82.664005322687956</v>
      </c>
      <c r="AY799">
        <v>62</v>
      </c>
      <c r="AZ799">
        <v>124</v>
      </c>
      <c r="BA799">
        <v>0.57035853066170128</v>
      </c>
      <c r="BB799">
        <v>0.49534574468085107</v>
      </c>
      <c r="BC799">
        <v>5.2567207811850487</v>
      </c>
      <c r="BD799" t="s">
        <v>3101</v>
      </c>
      <c r="BE799" t="s">
        <v>62</v>
      </c>
    </row>
    <row r="800" spans="1:57" x14ac:dyDescent="0.3">
      <c r="A800" t="s">
        <v>3102</v>
      </c>
      <c r="B800">
        <v>3102</v>
      </c>
      <c r="C800" t="s">
        <v>3103</v>
      </c>
      <c r="D800" t="s">
        <v>3104</v>
      </c>
      <c r="E800" t="s">
        <v>106</v>
      </c>
      <c r="F800">
        <v>3132</v>
      </c>
      <c r="G800">
        <v>128.05523627075351</v>
      </c>
      <c r="H800">
        <v>128</v>
      </c>
      <c r="I800">
        <v>5520.083475135747</v>
      </c>
      <c r="J800">
        <v>74.297264250682517</v>
      </c>
      <c r="K800">
        <v>-8.2932728031948205E-3</v>
      </c>
      <c r="L800">
        <v>-1.201356989955783</v>
      </c>
      <c r="M800">
        <v>7.938835755882403</v>
      </c>
      <c r="N800">
        <v>26</v>
      </c>
      <c r="O800">
        <v>5</v>
      </c>
      <c r="P800">
        <v>21</v>
      </c>
      <c r="Q800">
        <v>3.593580159030128</v>
      </c>
      <c r="R800">
        <v>5.5027816211183778</v>
      </c>
      <c r="S800">
        <v>3</v>
      </c>
      <c r="T800">
        <v>1</v>
      </c>
      <c r="U800">
        <v>2</v>
      </c>
      <c r="V800">
        <v>0.1638938305521063</v>
      </c>
      <c r="W800">
        <v>8.0140707668075173</v>
      </c>
      <c r="X800">
        <v>1</v>
      </c>
      <c r="Y800">
        <v>1</v>
      </c>
      <c r="Z800">
        <v>0</v>
      </c>
      <c r="AA800">
        <v>0</v>
      </c>
      <c r="AB800">
        <v>8.0487882835341971</v>
      </c>
      <c r="AC800">
        <v>1</v>
      </c>
      <c r="AD800">
        <v>1</v>
      </c>
      <c r="AE800">
        <v>0</v>
      </c>
      <c r="AF800">
        <v>0</v>
      </c>
      <c r="AG800">
        <v>8.0484687436688809</v>
      </c>
      <c r="AH800">
        <v>-9.0149555864723913E-3</v>
      </c>
      <c r="AI800">
        <v>-1.580217636813314E-2</v>
      </c>
      <c r="AJ800">
        <v>-2.7138348783951878E-3</v>
      </c>
      <c r="AK800">
        <v>2.923182050125531E-2</v>
      </c>
      <c r="AL800">
        <v>3817.9650153966668</v>
      </c>
      <c r="AM800">
        <v>7353.3006290513586</v>
      </c>
      <c r="AN800">
        <v>401069</v>
      </c>
      <c r="AO800">
        <v>121.4330283042907</v>
      </c>
      <c r="AP800">
        <v>3466.2195438713779</v>
      </c>
      <c r="AQ800">
        <v>1.007343550446999</v>
      </c>
      <c r="AR800">
        <v>4.0277777777777777</v>
      </c>
      <c r="AS800">
        <v>3125</v>
      </c>
      <c r="AT800">
        <v>270.21711366538949</v>
      </c>
      <c r="AU800">
        <v>1.168582375478933E-2</v>
      </c>
      <c r="AV800">
        <v>-9.017881631533475E-3</v>
      </c>
      <c r="AW800">
        <v>0.37037037037037029</v>
      </c>
      <c r="AX800">
        <v>86.41935483870968</v>
      </c>
      <c r="AY800">
        <v>65</v>
      </c>
      <c r="AZ800">
        <v>129</v>
      </c>
      <c r="BA800">
        <v>0.58019700259341322</v>
      </c>
      <c r="BB800">
        <v>0.49904214559386972</v>
      </c>
      <c r="BC800">
        <v>5.3230096562089253</v>
      </c>
      <c r="BD800" t="s">
        <v>3105</v>
      </c>
      <c r="BE800" t="s">
        <v>68</v>
      </c>
    </row>
    <row r="801" spans="1:57" x14ac:dyDescent="0.3">
      <c r="A801" t="s">
        <v>3106</v>
      </c>
      <c r="B801">
        <v>1551</v>
      </c>
      <c r="C801" t="s">
        <v>3107</v>
      </c>
      <c r="D801" t="s">
        <v>3108</v>
      </c>
      <c r="E801" t="s">
        <v>128</v>
      </c>
      <c r="F801">
        <v>32</v>
      </c>
      <c r="G801">
        <v>135.5</v>
      </c>
      <c r="H801">
        <v>142</v>
      </c>
      <c r="I801">
        <v>5048.75</v>
      </c>
      <c r="J801">
        <v>71.054556504139825</v>
      </c>
      <c r="K801">
        <v>-4.8392213230108651E-2</v>
      </c>
      <c r="L801">
        <v>-1.120792476375885</v>
      </c>
      <c r="M801">
        <v>4.9375</v>
      </c>
      <c r="N801">
        <v>2</v>
      </c>
      <c r="O801">
        <v>1</v>
      </c>
      <c r="P801">
        <v>1</v>
      </c>
      <c r="Q801">
        <v>0.17668469596940839</v>
      </c>
      <c r="R801">
        <v>3.422414204014729</v>
      </c>
      <c r="S801">
        <v>1</v>
      </c>
      <c r="T801">
        <v>1</v>
      </c>
      <c r="U801">
        <v>0</v>
      </c>
      <c r="V801">
        <v>0</v>
      </c>
      <c r="W801">
        <v>3.4339872044851458</v>
      </c>
      <c r="X801">
        <v>1</v>
      </c>
      <c r="Y801">
        <v>1</v>
      </c>
      <c r="Z801">
        <v>0</v>
      </c>
      <c r="AA801">
        <v>0</v>
      </c>
      <c r="AB801">
        <v>3.401197381662155</v>
      </c>
      <c r="AC801">
        <v>1</v>
      </c>
      <c r="AD801">
        <v>1</v>
      </c>
      <c r="AE801">
        <v>0</v>
      </c>
      <c r="AF801">
        <v>0</v>
      </c>
      <c r="AG801">
        <v>3.3672958299864728</v>
      </c>
      <c r="AH801">
        <v>0.24502816291161181</v>
      </c>
      <c r="AI801">
        <v>0.19440765040851701</v>
      </c>
      <c r="AJ801">
        <v>-2.2036704629858881E-2</v>
      </c>
      <c r="AK801">
        <v>-8.289180490220352E-2</v>
      </c>
      <c r="AL801">
        <v>470.45661709065479</v>
      </c>
      <c r="AM801">
        <v>726.46993842527104</v>
      </c>
      <c r="AN801">
        <v>4336</v>
      </c>
      <c r="AO801">
        <v>67.720011813348052</v>
      </c>
      <c r="AP801">
        <v>315.95864407333062</v>
      </c>
      <c r="AQ801">
        <v>1.71875</v>
      </c>
      <c r="AR801">
        <v>4.34375</v>
      </c>
      <c r="AS801">
        <v>32</v>
      </c>
      <c r="AT801">
        <v>0.93749999999999978</v>
      </c>
      <c r="AU801">
        <v>7.2999011857707519E-2</v>
      </c>
      <c r="AV801">
        <v>0.2451686661972424</v>
      </c>
      <c r="AW801">
        <v>0.375</v>
      </c>
      <c r="AX801">
        <v>72.645161290322577</v>
      </c>
      <c r="AY801">
        <v>58.5</v>
      </c>
      <c r="AZ801">
        <v>111.25</v>
      </c>
      <c r="BA801">
        <v>0.52438787087926075</v>
      </c>
      <c r="BB801">
        <v>0.53125</v>
      </c>
      <c r="BC801">
        <v>3.3445488586064429</v>
      </c>
      <c r="BD801" t="s">
        <v>3109</v>
      </c>
      <c r="BE801" t="s">
        <v>62</v>
      </c>
    </row>
    <row r="802" spans="1:57" x14ac:dyDescent="0.3">
      <c r="A802" t="s">
        <v>3110</v>
      </c>
      <c r="B802">
        <v>3432</v>
      </c>
      <c r="C802" t="s">
        <v>3111</v>
      </c>
      <c r="D802" t="s">
        <v>3112</v>
      </c>
      <c r="E802" t="s">
        <v>128</v>
      </c>
      <c r="F802">
        <v>32</v>
      </c>
      <c r="G802">
        <v>133.5</v>
      </c>
      <c r="H802">
        <v>133.5</v>
      </c>
      <c r="I802">
        <v>5335</v>
      </c>
      <c r="J802">
        <v>73.041084329300588</v>
      </c>
      <c r="K802">
        <v>-0.18459411808110071</v>
      </c>
      <c r="L802">
        <v>-1.133349063978659</v>
      </c>
      <c r="M802">
        <v>4.9375</v>
      </c>
      <c r="N802">
        <v>2</v>
      </c>
      <c r="O802">
        <v>1</v>
      </c>
      <c r="P802">
        <v>1</v>
      </c>
      <c r="Q802">
        <v>0.1766846959694085</v>
      </c>
      <c r="R802">
        <v>3.422414204014729</v>
      </c>
      <c r="S802">
        <v>1</v>
      </c>
      <c r="T802">
        <v>1</v>
      </c>
      <c r="U802">
        <v>0</v>
      </c>
      <c r="V802">
        <v>0</v>
      </c>
      <c r="W802">
        <v>3.4339872044851458</v>
      </c>
      <c r="X802">
        <v>1</v>
      </c>
      <c r="Y802">
        <v>1</v>
      </c>
      <c r="Z802">
        <v>0</v>
      </c>
      <c r="AA802">
        <v>0</v>
      </c>
      <c r="AB802">
        <v>3.401197381662155</v>
      </c>
      <c r="AC802">
        <v>1</v>
      </c>
      <c r="AD802">
        <v>1</v>
      </c>
      <c r="AE802">
        <v>0</v>
      </c>
      <c r="AF802">
        <v>0</v>
      </c>
      <c r="AG802">
        <v>3.3672958299864728</v>
      </c>
      <c r="AH802">
        <v>0.1045381326148079</v>
      </c>
      <c r="AI802">
        <v>5.4000702905342077E-2</v>
      </c>
      <c r="AJ802">
        <v>-3.3869786785379573E-2</v>
      </c>
      <c r="AK802">
        <v>1.7452553889409559E-2</v>
      </c>
      <c r="AL802">
        <v>496.13699692399331</v>
      </c>
      <c r="AM802">
        <v>703.47713557957343</v>
      </c>
      <c r="AN802">
        <v>4272</v>
      </c>
      <c r="AO802">
        <v>55.538685350798637</v>
      </c>
      <c r="AP802">
        <v>367.89934934920427</v>
      </c>
      <c r="AQ802">
        <v>1.65625</v>
      </c>
      <c r="AR802">
        <v>4.125</v>
      </c>
      <c r="AS802">
        <v>32</v>
      </c>
      <c r="AT802">
        <v>0.93749999999999978</v>
      </c>
      <c r="AU802">
        <v>0.1240079365079365</v>
      </c>
      <c r="AV802">
        <v>0.1062829597778002</v>
      </c>
      <c r="AW802">
        <v>0.375</v>
      </c>
      <c r="AX802">
        <v>80.193548387096769</v>
      </c>
      <c r="AY802">
        <v>66</v>
      </c>
      <c r="AZ802">
        <v>121</v>
      </c>
      <c r="BA802">
        <v>0.54712422718577225</v>
      </c>
      <c r="BB802">
        <v>0.5</v>
      </c>
      <c r="BC802">
        <v>3.3892680315457948</v>
      </c>
      <c r="BD802" t="s">
        <v>3113</v>
      </c>
      <c r="BE802" t="s">
        <v>62</v>
      </c>
    </row>
    <row r="803" spans="1:57" x14ac:dyDescent="0.3">
      <c r="A803" t="s">
        <v>3114</v>
      </c>
      <c r="B803">
        <v>2626</v>
      </c>
      <c r="C803" t="s">
        <v>3115</v>
      </c>
      <c r="D803" t="s">
        <v>3116</v>
      </c>
      <c r="E803" t="s">
        <v>98</v>
      </c>
      <c r="F803">
        <v>16</v>
      </c>
      <c r="G803">
        <v>137.75</v>
      </c>
      <c r="H803">
        <v>148</v>
      </c>
      <c r="I803">
        <v>7184.6875</v>
      </c>
      <c r="J803">
        <v>84.762535946018033</v>
      </c>
      <c r="K803">
        <v>-1.325339962349956E-2</v>
      </c>
      <c r="L803">
        <v>-1.569725502779556</v>
      </c>
      <c r="M803">
        <v>4</v>
      </c>
      <c r="N803">
        <v>1</v>
      </c>
      <c r="O803">
        <v>1</v>
      </c>
      <c r="P803">
        <v>0</v>
      </c>
      <c r="Q803">
        <v>0</v>
      </c>
      <c r="R803">
        <v>2.7725887222397811</v>
      </c>
      <c r="S803">
        <v>1</v>
      </c>
      <c r="T803">
        <v>1</v>
      </c>
      <c r="U803">
        <v>0</v>
      </c>
      <c r="V803">
        <v>0</v>
      </c>
      <c r="W803">
        <v>2.7080502011022101</v>
      </c>
      <c r="X803">
        <v>1</v>
      </c>
      <c r="Y803">
        <v>1</v>
      </c>
      <c r="Z803">
        <v>0</v>
      </c>
      <c r="AA803">
        <v>0</v>
      </c>
      <c r="AB803">
        <v>2.639057329615258</v>
      </c>
      <c r="AC803">
        <v>1</v>
      </c>
      <c r="AD803">
        <v>1</v>
      </c>
      <c r="AE803">
        <v>0</v>
      </c>
      <c r="AF803">
        <v>0</v>
      </c>
      <c r="AG803">
        <v>2.5649493574615372</v>
      </c>
      <c r="AH803">
        <v>-2.9031468835631329E-2</v>
      </c>
      <c r="AI803">
        <v>-2.3044887129746418E-2</v>
      </c>
      <c r="AJ803">
        <v>0.47219727284589619</v>
      </c>
      <c r="AK803">
        <v>0.24864185985820539</v>
      </c>
      <c r="AL803">
        <v>413.0862918797099</v>
      </c>
      <c r="AM803">
        <v>497.91135301484252</v>
      </c>
      <c r="AN803">
        <v>2204</v>
      </c>
      <c r="AO803">
        <v>22.85036823910362</v>
      </c>
      <c r="AP803">
        <v>293.82897110956361</v>
      </c>
      <c r="AQ803">
        <v>2.3125</v>
      </c>
      <c r="AR803">
        <v>3.875</v>
      </c>
      <c r="AS803">
        <v>16</v>
      </c>
      <c r="AT803">
        <v>0</v>
      </c>
      <c r="AU803">
        <v>0.16369047619047619</v>
      </c>
      <c r="AV803">
        <v>-3.5521595703179122E-2</v>
      </c>
      <c r="AW803">
        <v>0.375</v>
      </c>
      <c r="AX803">
        <v>107.26666666666669</v>
      </c>
      <c r="AY803">
        <v>89</v>
      </c>
      <c r="AZ803">
        <v>158</v>
      </c>
      <c r="BA803">
        <v>0.61533601412717265</v>
      </c>
      <c r="BB803">
        <v>0.5</v>
      </c>
      <c r="BC803">
        <v>2.615630577027551</v>
      </c>
      <c r="BD803" t="s">
        <v>3115</v>
      </c>
      <c r="BE803" t="s">
        <v>62</v>
      </c>
    </row>
    <row r="804" spans="1:57" x14ac:dyDescent="0.3">
      <c r="A804" t="s">
        <v>3117</v>
      </c>
      <c r="B804">
        <v>145</v>
      </c>
      <c r="C804" t="s">
        <v>3118</v>
      </c>
      <c r="D804" t="s">
        <v>3119</v>
      </c>
      <c r="E804" t="s">
        <v>60</v>
      </c>
      <c r="F804">
        <v>256</v>
      </c>
      <c r="G804">
        <v>126.9765625</v>
      </c>
      <c r="H804">
        <v>126</v>
      </c>
      <c r="I804">
        <v>5601.5072631835938</v>
      </c>
      <c r="J804">
        <v>74.843217883677298</v>
      </c>
      <c r="K804">
        <v>-5.0085973782361411E-2</v>
      </c>
      <c r="L804">
        <v>-1.1794190641472699</v>
      </c>
      <c r="M804">
        <v>7.1838556523168409</v>
      </c>
      <c r="N804">
        <v>5</v>
      </c>
      <c r="O804">
        <v>1</v>
      </c>
      <c r="P804">
        <v>4</v>
      </c>
      <c r="Q804">
        <v>0.78353736556160158</v>
      </c>
      <c r="R804">
        <v>4.9794692909530447</v>
      </c>
      <c r="S804">
        <v>2</v>
      </c>
      <c r="T804">
        <v>1</v>
      </c>
      <c r="U804">
        <v>1</v>
      </c>
      <c r="V804">
        <v>0.1084575426088607</v>
      </c>
      <c r="W804">
        <v>5.5249541997334841</v>
      </c>
      <c r="X804">
        <v>1</v>
      </c>
      <c r="Y804">
        <v>1</v>
      </c>
      <c r="Z804">
        <v>0</v>
      </c>
      <c r="AA804">
        <v>0</v>
      </c>
      <c r="AB804">
        <v>5.5373342670185366</v>
      </c>
      <c r="AC804">
        <v>1</v>
      </c>
      <c r="AD804">
        <v>1</v>
      </c>
      <c r="AE804">
        <v>0</v>
      </c>
      <c r="AF804">
        <v>0</v>
      </c>
      <c r="AG804">
        <v>5.5333894887275203</v>
      </c>
      <c r="AH804">
        <v>2.5026478750512331E-2</v>
      </c>
      <c r="AI804">
        <v>-9.486643084515467E-3</v>
      </c>
      <c r="AJ804">
        <v>-7.0639879760203458E-2</v>
      </c>
      <c r="AK804">
        <v>-5.9003440438416328E-2</v>
      </c>
      <c r="AL804">
        <v>1179.8904410196969</v>
      </c>
      <c r="AM804">
        <v>2041.8972910482901</v>
      </c>
      <c r="AN804">
        <v>32506</v>
      </c>
      <c r="AO804">
        <v>68.279300997646104</v>
      </c>
      <c r="AP804">
        <v>1036.061770772048</v>
      </c>
      <c r="AQ804">
        <v>1.08984375</v>
      </c>
      <c r="AR804">
        <v>3.9921875</v>
      </c>
      <c r="AS804">
        <v>256</v>
      </c>
      <c r="AT804">
        <v>62.937500000000007</v>
      </c>
      <c r="AU804">
        <v>3.10968137254902E-2</v>
      </c>
      <c r="AV804">
        <v>2.5052800592411689E-2</v>
      </c>
      <c r="AW804">
        <v>0.35546875</v>
      </c>
      <c r="AX804">
        <v>85.611764705882351</v>
      </c>
      <c r="AY804">
        <v>62</v>
      </c>
      <c r="AZ804">
        <v>124.25</v>
      </c>
      <c r="BA804">
        <v>0.58942545309239491</v>
      </c>
      <c r="BB804">
        <v>0.49609375</v>
      </c>
      <c r="BC804">
        <v>4.7990555949659912</v>
      </c>
      <c r="BD804" t="s">
        <v>3120</v>
      </c>
      <c r="BE804" t="s">
        <v>62</v>
      </c>
    </row>
    <row r="805" spans="1:57" x14ac:dyDescent="0.3">
      <c r="A805" t="s">
        <v>3121</v>
      </c>
      <c r="B805">
        <v>1175</v>
      </c>
      <c r="C805" t="s">
        <v>3122</v>
      </c>
      <c r="D805" t="s">
        <v>3123</v>
      </c>
      <c r="E805" t="s">
        <v>98</v>
      </c>
      <c r="F805">
        <v>16</v>
      </c>
      <c r="G805">
        <v>123.5</v>
      </c>
      <c r="H805">
        <v>118</v>
      </c>
      <c r="I805">
        <v>5962</v>
      </c>
      <c r="J805">
        <v>77.213988369983838</v>
      </c>
      <c r="K805">
        <v>8.3492216379209117E-2</v>
      </c>
      <c r="L805">
        <v>-1.3051355628726991</v>
      </c>
      <c r="M805">
        <v>4</v>
      </c>
      <c r="N805">
        <v>1</v>
      </c>
      <c r="O805">
        <v>1</v>
      </c>
      <c r="P805">
        <v>0</v>
      </c>
      <c r="Q805">
        <v>0</v>
      </c>
      <c r="R805">
        <v>2.7725887222397811</v>
      </c>
      <c r="S805">
        <v>1</v>
      </c>
      <c r="T805">
        <v>1</v>
      </c>
      <c r="U805">
        <v>0</v>
      </c>
      <c r="V805">
        <v>0</v>
      </c>
      <c r="W805">
        <v>2.7080502011022101</v>
      </c>
      <c r="X805">
        <v>1</v>
      </c>
      <c r="Y805">
        <v>1</v>
      </c>
      <c r="Z805">
        <v>0</v>
      </c>
      <c r="AA805">
        <v>0</v>
      </c>
      <c r="AB805">
        <v>2.639057329615258</v>
      </c>
      <c r="AC805">
        <v>1</v>
      </c>
      <c r="AD805">
        <v>1</v>
      </c>
      <c r="AE805">
        <v>0</v>
      </c>
      <c r="AF805">
        <v>0</v>
      </c>
      <c r="AG805">
        <v>2.5649493574615372</v>
      </c>
      <c r="AH805">
        <v>-0.33227891227775908</v>
      </c>
      <c r="AI805">
        <v>-0.19454985743039249</v>
      </c>
      <c r="AJ805">
        <v>0.1111597408587722</v>
      </c>
      <c r="AK805">
        <v>-0.28258659007044618</v>
      </c>
      <c r="AL805">
        <v>375.07292818432973</v>
      </c>
      <c r="AM805">
        <v>445.81195423993802</v>
      </c>
      <c r="AN805">
        <v>1976</v>
      </c>
      <c r="AO805">
        <v>9.1020864501419094</v>
      </c>
      <c r="AP805">
        <v>204.59233640094439</v>
      </c>
      <c r="AQ805">
        <v>2.3125</v>
      </c>
      <c r="AR805">
        <v>4.5</v>
      </c>
      <c r="AS805">
        <v>16</v>
      </c>
      <c r="AT805">
        <v>0</v>
      </c>
      <c r="AU805">
        <v>0.19345238095238099</v>
      </c>
      <c r="AV805">
        <v>-0.3466175788095186</v>
      </c>
      <c r="AW805">
        <v>0.4375</v>
      </c>
      <c r="AX805">
        <v>113.1333333333333</v>
      </c>
      <c r="AY805">
        <v>77.5</v>
      </c>
      <c r="AZ805">
        <v>155.25</v>
      </c>
      <c r="BA805">
        <v>0.62521448072861407</v>
      </c>
      <c r="BB805">
        <v>0.4375</v>
      </c>
      <c r="BC805">
        <v>2.7080502011022101</v>
      </c>
      <c r="BD805" t="s">
        <v>3122</v>
      </c>
      <c r="BE805" t="s">
        <v>62</v>
      </c>
    </row>
    <row r="806" spans="1:57" x14ac:dyDescent="0.3">
      <c r="A806" t="s">
        <v>3124</v>
      </c>
      <c r="B806">
        <v>3551</v>
      </c>
      <c r="C806" t="s">
        <v>3125</v>
      </c>
      <c r="D806" t="s">
        <v>3126</v>
      </c>
      <c r="E806" t="s">
        <v>72</v>
      </c>
      <c r="F806">
        <v>3624</v>
      </c>
      <c r="G806">
        <v>127.90397350993381</v>
      </c>
      <c r="H806">
        <v>128</v>
      </c>
      <c r="I806">
        <v>5447.140889288481</v>
      </c>
      <c r="J806">
        <v>73.804748419654416</v>
      </c>
      <c r="K806">
        <v>-6.9121657810057423E-3</v>
      </c>
      <c r="L806">
        <v>-1.2076687785336051</v>
      </c>
      <c r="M806">
        <v>7.9471996755239482</v>
      </c>
      <c r="N806">
        <v>26</v>
      </c>
      <c r="O806">
        <v>5</v>
      </c>
      <c r="P806">
        <v>21</v>
      </c>
      <c r="Q806">
        <v>3.8077583218345148</v>
      </c>
      <c r="R806">
        <v>5.5085790484363386</v>
      </c>
      <c r="S806">
        <v>3</v>
      </c>
      <c r="T806">
        <v>1</v>
      </c>
      <c r="U806">
        <v>2</v>
      </c>
      <c r="V806">
        <v>0.1812395914599029</v>
      </c>
      <c r="W806">
        <v>8.1507655717075753</v>
      </c>
      <c r="X806">
        <v>2</v>
      </c>
      <c r="Y806">
        <v>1</v>
      </c>
      <c r="Z806">
        <v>1</v>
      </c>
      <c r="AA806">
        <v>1.6615972335256919E-2</v>
      </c>
      <c r="AB806">
        <v>8.1943988956600577</v>
      </c>
      <c r="AC806">
        <v>1</v>
      </c>
      <c r="AD806">
        <v>1</v>
      </c>
      <c r="AE806">
        <v>0</v>
      </c>
      <c r="AF806">
        <v>0</v>
      </c>
      <c r="AG806">
        <v>8.1945055097656407</v>
      </c>
      <c r="AH806">
        <v>9.6147286789838738E-3</v>
      </c>
      <c r="AI806">
        <v>-2.100126043137248E-3</v>
      </c>
      <c r="AJ806">
        <v>-1.247330106117423E-2</v>
      </c>
      <c r="AK806">
        <v>2.5963933482524518E-2</v>
      </c>
      <c r="AL806">
        <v>4047.4349303860431</v>
      </c>
      <c r="AM806">
        <v>7914.8765299460556</v>
      </c>
      <c r="AN806">
        <v>463524</v>
      </c>
      <c r="AO806">
        <v>96.038997099061916</v>
      </c>
      <c r="AP806">
        <v>3635.7330900593538</v>
      </c>
      <c r="AQ806">
        <v>1.006346578366446</v>
      </c>
      <c r="AR806">
        <v>4.0088300220750552</v>
      </c>
      <c r="AS806">
        <v>3607</v>
      </c>
      <c r="AT806">
        <v>262.19867549668868</v>
      </c>
      <c r="AU806">
        <v>1.1430333722893151E-2</v>
      </c>
      <c r="AV806">
        <v>9.6167702781219059E-3</v>
      </c>
      <c r="AW806">
        <v>0.36782560706401768</v>
      </c>
      <c r="AX806">
        <v>85.129726745790776</v>
      </c>
      <c r="AY806">
        <v>64</v>
      </c>
      <c r="AZ806">
        <v>128</v>
      </c>
      <c r="BA806">
        <v>0.57703249081563757</v>
      </c>
      <c r="BB806">
        <v>0.5011037527593819</v>
      </c>
      <c r="BC806">
        <v>5.3113359129010993</v>
      </c>
      <c r="BD806" t="s">
        <v>3127</v>
      </c>
      <c r="BE806" t="s">
        <v>68</v>
      </c>
    </row>
    <row r="807" spans="1:57" x14ac:dyDescent="0.3">
      <c r="A807" t="s">
        <v>3128</v>
      </c>
      <c r="B807">
        <v>3068</v>
      </c>
      <c r="C807" t="s">
        <v>3129</v>
      </c>
      <c r="D807" t="s">
        <v>3130</v>
      </c>
      <c r="E807" t="s">
        <v>85</v>
      </c>
      <c r="F807">
        <v>8</v>
      </c>
      <c r="G807">
        <v>111.875</v>
      </c>
      <c r="H807">
        <v>105.5</v>
      </c>
      <c r="I807">
        <v>5054.359375</v>
      </c>
      <c r="J807">
        <v>71.09401785663826</v>
      </c>
      <c r="K807">
        <v>0.34718121094859922</v>
      </c>
      <c r="L807">
        <v>-1.321844403450249</v>
      </c>
      <c r="M807">
        <v>2.75</v>
      </c>
      <c r="N807">
        <v>2</v>
      </c>
      <c r="O807">
        <v>1</v>
      </c>
      <c r="P807">
        <v>1</v>
      </c>
      <c r="Q807">
        <v>0.34992710611188271</v>
      </c>
      <c r="R807">
        <v>1.9061547465398501</v>
      </c>
      <c r="S807">
        <v>1</v>
      </c>
      <c r="T807">
        <v>1</v>
      </c>
      <c r="U807">
        <v>0</v>
      </c>
      <c r="V807">
        <v>0</v>
      </c>
      <c r="W807">
        <v>1.945910149055313</v>
      </c>
      <c r="X807">
        <v>1</v>
      </c>
      <c r="Y807">
        <v>1</v>
      </c>
      <c r="Z807">
        <v>0</v>
      </c>
      <c r="AA807">
        <v>0</v>
      </c>
      <c r="AB807">
        <v>1.791759469228055</v>
      </c>
      <c r="AC807">
        <v>1</v>
      </c>
      <c r="AD807">
        <v>1</v>
      </c>
      <c r="AE807">
        <v>0</v>
      </c>
      <c r="AF807">
        <v>0</v>
      </c>
      <c r="AG807">
        <v>1.6094379124341009</v>
      </c>
      <c r="AH807">
        <v>-0.69723884703489247</v>
      </c>
      <c r="AI807">
        <v>0.3278814080666751</v>
      </c>
      <c r="AJ807">
        <v>0.14211548508558519</v>
      </c>
      <c r="AK807">
        <v>0</v>
      </c>
      <c r="AL807">
        <v>283.86052534051157</v>
      </c>
      <c r="AM807">
        <v>244.92080792249729</v>
      </c>
      <c r="AN807">
        <v>895</v>
      </c>
      <c r="AO807">
        <v>69.729089515734415</v>
      </c>
      <c r="AP807">
        <v>229.35650592315591</v>
      </c>
      <c r="AQ807">
        <v>3.5</v>
      </c>
      <c r="AR807">
        <v>3.875</v>
      </c>
      <c r="AS807">
        <v>8</v>
      </c>
      <c r="AT807">
        <v>0.74999999999999978</v>
      </c>
      <c r="AU807">
        <v>0.38559322033898302</v>
      </c>
      <c r="AV807">
        <v>-0.84585041750612444</v>
      </c>
      <c r="AW807">
        <v>0.5</v>
      </c>
      <c r="AX807">
        <v>120.1428571428571</v>
      </c>
      <c r="AY807">
        <v>61.5</v>
      </c>
      <c r="AZ807">
        <v>117.25</v>
      </c>
      <c r="BA807">
        <v>0.63547725458447601</v>
      </c>
      <c r="BB807">
        <v>0.5</v>
      </c>
      <c r="BC807">
        <v>1.945910149055313</v>
      </c>
      <c r="BD807" t="s">
        <v>3129</v>
      </c>
      <c r="BE807" t="s">
        <v>68</v>
      </c>
    </row>
    <row r="808" spans="1:57" x14ac:dyDescent="0.3">
      <c r="A808" t="s">
        <v>3131</v>
      </c>
      <c r="B808">
        <v>2309</v>
      </c>
      <c r="C808" t="s">
        <v>3132</v>
      </c>
      <c r="D808" t="s">
        <v>3133</v>
      </c>
      <c r="E808" t="s">
        <v>66</v>
      </c>
      <c r="F808">
        <v>70</v>
      </c>
      <c r="G808">
        <v>108.1428571428571</v>
      </c>
      <c r="H808">
        <v>103</v>
      </c>
      <c r="I808">
        <v>5551.4081632653051</v>
      </c>
      <c r="J808">
        <v>74.507772502372561</v>
      </c>
      <c r="K808">
        <v>0.30087178632124378</v>
      </c>
      <c r="L808">
        <v>-1.0979811713646399</v>
      </c>
      <c r="M808">
        <v>5.7470703383426347</v>
      </c>
      <c r="N808">
        <v>4</v>
      </c>
      <c r="O808">
        <v>1</v>
      </c>
      <c r="P808">
        <v>3</v>
      </c>
      <c r="Q808">
        <v>0.54956473967273189</v>
      </c>
      <c r="R808">
        <v>3.9835656015018861</v>
      </c>
      <c r="S808">
        <v>2</v>
      </c>
      <c r="T808">
        <v>1</v>
      </c>
      <c r="U808">
        <v>1</v>
      </c>
      <c r="V808">
        <v>0.1203728348804772</v>
      </c>
      <c r="W808">
        <v>4.2140152819723324</v>
      </c>
      <c r="X808">
        <v>1</v>
      </c>
      <c r="Y808">
        <v>1</v>
      </c>
      <c r="Z808">
        <v>0</v>
      </c>
      <c r="AA808">
        <v>0</v>
      </c>
      <c r="AB808">
        <v>4.2195077051761087</v>
      </c>
      <c r="AC808">
        <v>1</v>
      </c>
      <c r="AD808">
        <v>1</v>
      </c>
      <c r="AE808">
        <v>0</v>
      </c>
      <c r="AF808">
        <v>0</v>
      </c>
      <c r="AG808">
        <v>4.2046926193909648</v>
      </c>
      <c r="AH808">
        <v>4.2995841151852322E-2</v>
      </c>
      <c r="AI808">
        <v>-0.15105095074766309</v>
      </c>
      <c r="AJ808">
        <v>-1.693657953514802E-2</v>
      </c>
      <c r="AK808">
        <v>1.9959845241902759E-2</v>
      </c>
      <c r="AL808">
        <v>641.87944317379458</v>
      </c>
      <c r="AM808">
        <v>891.75713085508835</v>
      </c>
      <c r="AN808">
        <v>7570</v>
      </c>
      <c r="AO808">
        <v>89.545037162339355</v>
      </c>
      <c r="AP808">
        <v>468.87623055085072</v>
      </c>
      <c r="AQ808">
        <v>1.328571428571429</v>
      </c>
      <c r="AR808">
        <v>3.3</v>
      </c>
      <c r="AS808">
        <v>70</v>
      </c>
      <c r="AT808">
        <v>14.514285714285711</v>
      </c>
      <c r="AU808">
        <v>0.13995354239256669</v>
      </c>
      <c r="AV808">
        <v>4.3278960833078528E-2</v>
      </c>
      <c r="AW808">
        <v>0.41428571428571431</v>
      </c>
      <c r="AX808">
        <v>85.739130434782609</v>
      </c>
      <c r="AY808">
        <v>66</v>
      </c>
      <c r="AZ808">
        <v>125.75</v>
      </c>
      <c r="BA808">
        <v>0.68897543925575688</v>
      </c>
      <c r="BB808">
        <v>0.45714285714285707</v>
      </c>
      <c r="BC808">
        <v>3.9930118330981479</v>
      </c>
      <c r="BD808" t="s">
        <v>3134</v>
      </c>
      <c r="BE808" t="s">
        <v>68</v>
      </c>
    </row>
    <row r="809" spans="1:57" x14ac:dyDescent="0.3">
      <c r="A809" t="s">
        <v>3135</v>
      </c>
      <c r="B809">
        <v>158</v>
      </c>
      <c r="C809" t="s">
        <v>3136</v>
      </c>
      <c r="D809" t="s">
        <v>3137</v>
      </c>
      <c r="E809" t="s">
        <v>60</v>
      </c>
      <c r="F809">
        <v>256</v>
      </c>
      <c r="G809">
        <v>122.6171875</v>
      </c>
      <c r="H809">
        <v>123.5</v>
      </c>
      <c r="I809">
        <v>5436.7362670898438</v>
      </c>
      <c r="J809">
        <v>73.734227242779482</v>
      </c>
      <c r="K809">
        <v>3.177543888717152E-2</v>
      </c>
      <c r="L809">
        <v>-1.191170662394887</v>
      </c>
      <c r="M809">
        <v>7.2571169316221678</v>
      </c>
      <c r="N809">
        <v>5</v>
      </c>
      <c r="O809">
        <v>1</v>
      </c>
      <c r="P809">
        <v>4</v>
      </c>
      <c r="Q809">
        <v>0.76757588348677441</v>
      </c>
      <c r="R809">
        <v>5.0302501401477464</v>
      </c>
      <c r="S809">
        <v>1</v>
      </c>
      <c r="T809">
        <v>1</v>
      </c>
      <c r="U809">
        <v>0</v>
      </c>
      <c r="V809">
        <v>0</v>
      </c>
      <c r="W809">
        <v>5.541263545158424</v>
      </c>
      <c r="X809">
        <v>1</v>
      </c>
      <c r="Y809">
        <v>1</v>
      </c>
      <c r="Z809">
        <v>0</v>
      </c>
      <c r="AA809">
        <v>0</v>
      </c>
      <c r="AB809">
        <v>5.5373342670185366</v>
      </c>
      <c r="AC809">
        <v>1</v>
      </c>
      <c r="AD809">
        <v>1</v>
      </c>
      <c r="AE809">
        <v>0</v>
      </c>
      <c r="AF809">
        <v>0</v>
      </c>
      <c r="AG809">
        <v>5.5333894887275203</v>
      </c>
      <c r="AH809">
        <v>1.2152794865929279E-2</v>
      </c>
      <c r="AI809">
        <v>-4.783433581241605E-2</v>
      </c>
      <c r="AJ809">
        <v>7.5473357273786222E-3</v>
      </c>
      <c r="AK809">
        <v>3.109195699303334E-2</v>
      </c>
      <c r="AL809">
        <v>1195.30523244962</v>
      </c>
      <c r="AM809">
        <v>1952.4352489336391</v>
      </c>
      <c r="AN809">
        <v>31390</v>
      </c>
      <c r="AO809">
        <v>30.930125257285169</v>
      </c>
      <c r="AP809">
        <v>1055.009015177947</v>
      </c>
      <c r="AQ809">
        <v>1.08984375</v>
      </c>
      <c r="AR809">
        <v>3.90625</v>
      </c>
      <c r="AS809">
        <v>256</v>
      </c>
      <c r="AT809">
        <v>67.296875</v>
      </c>
      <c r="AU809">
        <v>4.0732230392156898E-2</v>
      </c>
      <c r="AV809">
        <v>1.21910030042548E-2</v>
      </c>
      <c r="AW809">
        <v>0.359375</v>
      </c>
      <c r="AX809">
        <v>85.470588235294116</v>
      </c>
      <c r="AY809">
        <v>62.5</v>
      </c>
      <c r="AZ809">
        <v>126</v>
      </c>
      <c r="BA809">
        <v>0.60133680070568807</v>
      </c>
      <c r="BB809">
        <v>0.5078125</v>
      </c>
      <c r="BC809">
        <v>4.8113747747015507</v>
      </c>
      <c r="BD809" t="s">
        <v>3138</v>
      </c>
      <c r="BE809" t="s">
        <v>62</v>
      </c>
    </row>
    <row r="810" spans="1:57" x14ac:dyDescent="0.3">
      <c r="A810" t="s">
        <v>3139</v>
      </c>
      <c r="B810">
        <v>3913</v>
      </c>
      <c r="C810" t="s">
        <v>3140</v>
      </c>
      <c r="D810" t="s">
        <v>3141</v>
      </c>
      <c r="E810" t="s">
        <v>10622</v>
      </c>
      <c r="F810">
        <v>64</v>
      </c>
      <c r="G810">
        <v>110.09375</v>
      </c>
      <c r="H810">
        <v>98</v>
      </c>
      <c r="I810">
        <v>6212.9599609375</v>
      </c>
      <c r="J810">
        <v>78.822331613176104</v>
      </c>
      <c r="K810">
        <v>0.37880711497618319</v>
      </c>
      <c r="L810">
        <v>-1.270931103732077</v>
      </c>
      <c r="M810">
        <v>5.632659765557392</v>
      </c>
      <c r="N810">
        <v>3</v>
      </c>
      <c r="O810">
        <v>1</v>
      </c>
      <c r="P810">
        <v>2</v>
      </c>
      <c r="Q810">
        <v>0.48983981078291211</v>
      </c>
      <c r="R810">
        <v>3.9042622355495489</v>
      </c>
      <c r="S810">
        <v>1</v>
      </c>
      <c r="T810">
        <v>1</v>
      </c>
      <c r="U810">
        <v>0</v>
      </c>
      <c r="V810">
        <v>0</v>
      </c>
      <c r="W810">
        <v>4.1431347263915326</v>
      </c>
      <c r="X810">
        <v>1</v>
      </c>
      <c r="Y810">
        <v>1</v>
      </c>
      <c r="Z810">
        <v>0</v>
      </c>
      <c r="AA810">
        <v>0</v>
      </c>
      <c r="AB810">
        <v>4.1271343850450908</v>
      </c>
      <c r="AC810">
        <v>1</v>
      </c>
      <c r="AD810">
        <v>1</v>
      </c>
      <c r="AE810">
        <v>0</v>
      </c>
      <c r="AF810">
        <v>0</v>
      </c>
      <c r="AG810">
        <v>4.1108738641733096</v>
      </c>
      <c r="AH810">
        <v>-8.8027568479666446E-2</v>
      </c>
      <c r="AI810">
        <v>3.4036906967872572E-2</v>
      </c>
      <c r="AJ810">
        <v>8.1137568057634071E-3</v>
      </c>
      <c r="AK810">
        <v>7.2562864160113899E-2</v>
      </c>
      <c r="AL810">
        <v>673.02478522098806</v>
      </c>
      <c r="AM810">
        <v>848.75652485164596</v>
      </c>
      <c r="AN810">
        <v>7046</v>
      </c>
      <c r="AO810">
        <v>98.89203154826356</v>
      </c>
      <c r="AP810">
        <v>592.16547637025315</v>
      </c>
      <c r="AQ810">
        <v>1.359375</v>
      </c>
      <c r="AR810">
        <v>3.515625</v>
      </c>
      <c r="AS810">
        <v>64</v>
      </c>
      <c r="AT810">
        <v>10.53125</v>
      </c>
      <c r="AU810">
        <v>0.22121062992125981</v>
      </c>
      <c r="AV810">
        <v>-9.3052698785233479E-2</v>
      </c>
      <c r="AW810">
        <v>0.40625</v>
      </c>
      <c r="AX810">
        <v>89.952380952380949</v>
      </c>
      <c r="AY810">
        <v>62.5</v>
      </c>
      <c r="AZ810">
        <v>141</v>
      </c>
      <c r="BA810">
        <v>0.71595646086336517</v>
      </c>
      <c r="BB810">
        <v>0.453125</v>
      </c>
      <c r="BC810">
        <v>3.9284816226199761</v>
      </c>
      <c r="BD810" t="s">
        <v>3142</v>
      </c>
      <c r="BE810" t="s">
        <v>62</v>
      </c>
    </row>
    <row r="811" spans="1:57" x14ac:dyDescent="0.3">
      <c r="A811" t="s">
        <v>3143</v>
      </c>
      <c r="B811">
        <v>932</v>
      </c>
      <c r="C811" t="s">
        <v>3144</v>
      </c>
      <c r="D811" t="s">
        <v>3145</v>
      </c>
      <c r="E811" t="s">
        <v>10622</v>
      </c>
      <c r="F811">
        <v>64</v>
      </c>
      <c r="G811">
        <v>121.84375</v>
      </c>
      <c r="H811">
        <v>113.5</v>
      </c>
      <c r="I811">
        <v>4729.0068359375</v>
      </c>
      <c r="J811">
        <v>68.76777469089356</v>
      </c>
      <c r="K811">
        <v>9.4409048824844688E-2</v>
      </c>
      <c r="L811">
        <v>-1.055136421372854</v>
      </c>
      <c r="M811">
        <v>5.632659765557392</v>
      </c>
      <c r="N811">
        <v>3</v>
      </c>
      <c r="O811">
        <v>1</v>
      </c>
      <c r="P811">
        <v>2</v>
      </c>
      <c r="Q811">
        <v>0.48983981078291211</v>
      </c>
      <c r="R811">
        <v>3.9042622355495489</v>
      </c>
      <c r="S811">
        <v>1</v>
      </c>
      <c r="T811">
        <v>1</v>
      </c>
      <c r="U811">
        <v>0</v>
      </c>
      <c r="V811">
        <v>0</v>
      </c>
      <c r="W811">
        <v>4.1431347263915326</v>
      </c>
      <c r="X811">
        <v>1</v>
      </c>
      <c r="Y811">
        <v>1</v>
      </c>
      <c r="Z811">
        <v>0</v>
      </c>
      <c r="AA811">
        <v>0</v>
      </c>
      <c r="AB811">
        <v>4.1271343850450908</v>
      </c>
      <c r="AC811">
        <v>1</v>
      </c>
      <c r="AD811">
        <v>1</v>
      </c>
      <c r="AE811">
        <v>0</v>
      </c>
      <c r="AF811">
        <v>0</v>
      </c>
      <c r="AG811">
        <v>4.1108738641733096</v>
      </c>
      <c r="AH811">
        <v>2.0640175003505418E-2</v>
      </c>
      <c r="AI811">
        <v>-0.17975234733979509</v>
      </c>
      <c r="AJ811">
        <v>0.1623475601099266</v>
      </c>
      <c r="AK811">
        <v>0.2353789132913289</v>
      </c>
      <c r="AL811">
        <v>613.44988815743272</v>
      </c>
      <c r="AM811">
        <v>936.20149258566835</v>
      </c>
      <c r="AN811">
        <v>7798</v>
      </c>
      <c r="AO811">
        <v>37.519920782766043</v>
      </c>
      <c r="AP811">
        <v>519.77218754541263</v>
      </c>
      <c r="AQ811">
        <v>1.359375</v>
      </c>
      <c r="AR811">
        <v>4.0625</v>
      </c>
      <c r="AS811">
        <v>64</v>
      </c>
      <c r="AT811">
        <v>10.53125</v>
      </c>
      <c r="AU811">
        <v>8.8085159362549792E-2</v>
      </c>
      <c r="AV811">
        <v>2.0916300881795281E-2</v>
      </c>
      <c r="AW811">
        <v>0.484375</v>
      </c>
      <c r="AX811">
        <v>77.825396825396822</v>
      </c>
      <c r="AY811">
        <v>55.5</v>
      </c>
      <c r="AZ811">
        <v>113.75</v>
      </c>
      <c r="BA811">
        <v>0.56439312390576912</v>
      </c>
      <c r="BB811">
        <v>0.453125</v>
      </c>
      <c r="BC811">
        <v>3.9230880024042492</v>
      </c>
      <c r="BD811" t="s">
        <v>3146</v>
      </c>
      <c r="BE811" t="s">
        <v>62</v>
      </c>
    </row>
    <row r="812" spans="1:57" x14ac:dyDescent="0.3">
      <c r="A812" t="s">
        <v>3147</v>
      </c>
      <c r="B812">
        <v>1982</v>
      </c>
      <c r="C812" t="s">
        <v>3148</v>
      </c>
      <c r="D812" t="s">
        <v>3149</v>
      </c>
      <c r="E812" t="s">
        <v>85</v>
      </c>
      <c r="F812">
        <v>8</v>
      </c>
      <c r="G812">
        <v>163.375</v>
      </c>
      <c r="H812">
        <v>144.5</v>
      </c>
      <c r="I812">
        <v>3213.234375</v>
      </c>
      <c r="J812">
        <v>56.68539825210722</v>
      </c>
      <c r="K812">
        <v>0.31869071958653322</v>
      </c>
      <c r="L812">
        <v>-1.2490908821654461</v>
      </c>
      <c r="M812">
        <v>3</v>
      </c>
      <c r="N812">
        <v>1</v>
      </c>
      <c r="O812">
        <v>1</v>
      </c>
      <c r="P812">
        <v>0</v>
      </c>
      <c r="Q812">
        <v>0</v>
      </c>
      <c r="R812">
        <v>2.0794415416798362</v>
      </c>
      <c r="S812">
        <v>1</v>
      </c>
      <c r="T812">
        <v>1</v>
      </c>
      <c r="U812">
        <v>0</v>
      </c>
      <c r="V812">
        <v>0</v>
      </c>
      <c r="W812">
        <v>1.945910149055313</v>
      </c>
      <c r="X812">
        <v>1</v>
      </c>
      <c r="Y812">
        <v>1</v>
      </c>
      <c r="Z812">
        <v>0</v>
      </c>
      <c r="AA812">
        <v>0</v>
      </c>
      <c r="AB812">
        <v>1.791759469228055</v>
      </c>
      <c r="AC812">
        <v>1</v>
      </c>
      <c r="AD812">
        <v>1</v>
      </c>
      <c r="AE812">
        <v>0</v>
      </c>
      <c r="AF812">
        <v>0</v>
      </c>
      <c r="AG812">
        <v>1.6094379124341009</v>
      </c>
      <c r="AH812">
        <v>-0.55283142958564924</v>
      </c>
      <c r="AI812">
        <v>0.15249796982207381</v>
      </c>
      <c r="AJ812">
        <v>0.33288778829742233</v>
      </c>
      <c r="AK812">
        <v>0</v>
      </c>
      <c r="AL812">
        <v>284.88556474368733</v>
      </c>
      <c r="AM812">
        <v>397.5892541312835</v>
      </c>
      <c r="AN812">
        <v>1307</v>
      </c>
      <c r="AO812">
        <v>50.508584242175111</v>
      </c>
      <c r="AP812">
        <v>99.324036151476349</v>
      </c>
      <c r="AQ812">
        <v>3.5</v>
      </c>
      <c r="AR812">
        <v>4.25</v>
      </c>
      <c r="AS812">
        <v>8</v>
      </c>
      <c r="AT812">
        <v>0</v>
      </c>
      <c r="AU812">
        <v>0.35408366533864538</v>
      </c>
      <c r="AV812">
        <v>-0.67590004661635572</v>
      </c>
      <c r="AW812">
        <v>0.25</v>
      </c>
      <c r="AX812">
        <v>87.142857142857139</v>
      </c>
      <c r="AY812">
        <v>45</v>
      </c>
      <c r="AZ812">
        <v>80.75</v>
      </c>
      <c r="BA812">
        <v>0.34696494722024313</v>
      </c>
      <c r="BB812">
        <v>0.375</v>
      </c>
      <c r="BC812">
        <v>1.945910149055313</v>
      </c>
      <c r="BD812" t="s">
        <v>3148</v>
      </c>
      <c r="BE812" t="s">
        <v>68</v>
      </c>
    </row>
    <row r="813" spans="1:57" x14ac:dyDescent="0.3">
      <c r="A813" t="s">
        <v>3150</v>
      </c>
      <c r="B813">
        <v>775</v>
      </c>
      <c r="C813" t="s">
        <v>3151</v>
      </c>
      <c r="D813" t="s">
        <v>3152</v>
      </c>
      <c r="E813" t="s">
        <v>72</v>
      </c>
      <c r="F813">
        <v>784</v>
      </c>
      <c r="G813">
        <v>127.20153061224489</v>
      </c>
      <c r="H813">
        <v>126</v>
      </c>
      <c r="I813">
        <v>5351.8369364327364</v>
      </c>
      <c r="J813">
        <v>73.156250152893548</v>
      </c>
      <c r="K813">
        <v>-1.6561196448914479E-3</v>
      </c>
      <c r="L813">
        <v>-1.161376562479977</v>
      </c>
      <c r="M813">
        <v>7.7556912521244818</v>
      </c>
      <c r="N813">
        <v>10</v>
      </c>
      <c r="O813">
        <v>1</v>
      </c>
      <c r="P813">
        <v>9</v>
      </c>
      <c r="Q813">
        <v>1.6635094969124029</v>
      </c>
      <c r="R813">
        <v>5.3758355247035086</v>
      </c>
      <c r="S813">
        <v>2</v>
      </c>
      <c r="T813">
        <v>1</v>
      </c>
      <c r="U813">
        <v>1</v>
      </c>
      <c r="V813">
        <v>5.0539703856569897E-2</v>
      </c>
      <c r="W813">
        <v>6.6595917142254919</v>
      </c>
      <c r="X813">
        <v>1</v>
      </c>
      <c r="Y813">
        <v>1</v>
      </c>
      <c r="Z813">
        <v>0</v>
      </c>
      <c r="AA813">
        <v>0</v>
      </c>
      <c r="AB813">
        <v>6.6618547405453103</v>
      </c>
      <c r="AC813">
        <v>1</v>
      </c>
      <c r="AD813">
        <v>1</v>
      </c>
      <c r="AE813">
        <v>0</v>
      </c>
      <c r="AF813">
        <v>0</v>
      </c>
      <c r="AG813">
        <v>6.660575149839687</v>
      </c>
      <c r="AH813">
        <v>-6.4559088315730307E-3</v>
      </c>
      <c r="AI813">
        <v>2.6464947422495951E-2</v>
      </c>
      <c r="AJ813">
        <v>-4.1502686645159909E-2</v>
      </c>
      <c r="AK813">
        <v>-3.1643488773870673E-2</v>
      </c>
      <c r="AL813">
        <v>1924.4652580674681</v>
      </c>
      <c r="AM813">
        <v>3630.0927633452161</v>
      </c>
      <c r="AN813">
        <v>99726</v>
      </c>
      <c r="AO813">
        <v>97.622691233124968</v>
      </c>
      <c r="AP813">
        <v>1664.523452954837</v>
      </c>
      <c r="AQ813">
        <v>1.029336734693878</v>
      </c>
      <c r="AR813">
        <v>4.0140306122448983</v>
      </c>
      <c r="AS813">
        <v>780</v>
      </c>
      <c r="AT813">
        <v>215.34183673469391</v>
      </c>
      <c r="AU813">
        <v>1.9582833133253371E-2</v>
      </c>
      <c r="AV813">
        <v>-6.4660174070656573E-3</v>
      </c>
      <c r="AW813">
        <v>0.37882653061224492</v>
      </c>
      <c r="AX813">
        <v>83.659003831417621</v>
      </c>
      <c r="AY813">
        <v>62</v>
      </c>
      <c r="AZ813">
        <v>122.5</v>
      </c>
      <c r="BA813">
        <v>0.57512083227913025</v>
      </c>
      <c r="BB813">
        <v>0.49234693877551022</v>
      </c>
      <c r="BC813">
        <v>5.1790346343645144</v>
      </c>
      <c r="BD813" t="s">
        <v>3153</v>
      </c>
      <c r="BE813" t="s">
        <v>62</v>
      </c>
    </row>
    <row r="814" spans="1:57" x14ac:dyDescent="0.3">
      <c r="A814" t="s">
        <v>3154</v>
      </c>
      <c r="B814">
        <v>3432</v>
      </c>
      <c r="C814" t="s">
        <v>3155</v>
      </c>
      <c r="D814" t="s">
        <v>3156</v>
      </c>
      <c r="E814" t="s">
        <v>115</v>
      </c>
      <c r="F814">
        <v>3504</v>
      </c>
      <c r="G814">
        <v>129.45433789954339</v>
      </c>
      <c r="H814">
        <v>129</v>
      </c>
      <c r="I814">
        <v>5364.5863852922157</v>
      </c>
      <c r="J814">
        <v>73.243336797910942</v>
      </c>
      <c r="K814">
        <v>-1.485902093989591E-2</v>
      </c>
      <c r="L814">
        <v>-1.18802786074371</v>
      </c>
      <c r="M814">
        <v>7.9483973695547796</v>
      </c>
      <c r="N814">
        <v>28</v>
      </c>
      <c r="O814">
        <v>5</v>
      </c>
      <c r="P814">
        <v>23</v>
      </c>
      <c r="Q814">
        <v>3.682199580413859</v>
      </c>
      <c r="R814">
        <v>5.5094092266769774</v>
      </c>
      <c r="S814">
        <v>3</v>
      </c>
      <c r="T814">
        <v>1</v>
      </c>
      <c r="U814">
        <v>2</v>
      </c>
      <c r="V814">
        <v>0.15128604628466269</v>
      </c>
      <c r="W814">
        <v>8.132926023483753</v>
      </c>
      <c r="X814">
        <v>1</v>
      </c>
      <c r="Y814">
        <v>1</v>
      </c>
      <c r="Z814">
        <v>0</v>
      </c>
      <c r="AA814">
        <v>0</v>
      </c>
      <c r="AB814">
        <v>8.1610895128457948</v>
      </c>
      <c r="AC814">
        <v>1</v>
      </c>
      <c r="AD814">
        <v>1</v>
      </c>
      <c r="AE814">
        <v>0</v>
      </c>
      <c r="AF814">
        <v>0</v>
      </c>
      <c r="AG814">
        <v>8.1608039209546632</v>
      </c>
      <c r="AH814">
        <v>2.7660573490795232E-2</v>
      </c>
      <c r="AI814">
        <v>4.7188675835937296E-3</v>
      </c>
      <c r="AJ814">
        <v>2.266529173516145E-2</v>
      </c>
      <c r="AK814">
        <v>1.8744879008680791E-2</v>
      </c>
      <c r="AL814">
        <v>3967.4560704089931</v>
      </c>
      <c r="AM814">
        <v>7859.9189772779991</v>
      </c>
      <c r="AN814">
        <v>453608</v>
      </c>
      <c r="AO814">
        <v>148.98700635091771</v>
      </c>
      <c r="AP814">
        <v>3607.9859456796721</v>
      </c>
      <c r="AQ814">
        <v>1.006563926940639</v>
      </c>
      <c r="AR814">
        <v>4.0176940639269407</v>
      </c>
      <c r="AS814">
        <v>3488</v>
      </c>
      <c r="AT814">
        <v>253.58904109589039</v>
      </c>
      <c r="AU814">
        <v>1.9376175127585271E-2</v>
      </c>
      <c r="AV814">
        <v>2.7667917238339359E-2</v>
      </c>
      <c r="AW814">
        <v>0.3795662100456621</v>
      </c>
      <c r="AX814">
        <v>82.884384813017419</v>
      </c>
      <c r="AY814">
        <v>63</v>
      </c>
      <c r="AZ814">
        <v>125</v>
      </c>
      <c r="BA814">
        <v>0.56578510991843156</v>
      </c>
      <c r="BB814">
        <v>0.49571917808219179</v>
      </c>
      <c r="BC814">
        <v>5.3040009529847474</v>
      </c>
      <c r="BD814" t="s">
        <v>3157</v>
      </c>
      <c r="BE814" t="s">
        <v>62</v>
      </c>
    </row>
    <row r="815" spans="1:57" x14ac:dyDescent="0.3">
      <c r="A815" t="s">
        <v>3158</v>
      </c>
      <c r="B815">
        <v>2444</v>
      </c>
      <c r="C815" t="s">
        <v>3159</v>
      </c>
      <c r="D815" t="s">
        <v>3160</v>
      </c>
      <c r="E815" t="s">
        <v>72</v>
      </c>
      <c r="F815">
        <v>2448</v>
      </c>
      <c r="G815">
        <v>130.09232026143789</v>
      </c>
      <c r="H815">
        <v>131.5</v>
      </c>
      <c r="I815">
        <v>5319.4236665118106</v>
      </c>
      <c r="J815">
        <v>72.934379180958359</v>
      </c>
      <c r="K815">
        <v>-4.4445908947407922E-2</v>
      </c>
      <c r="L815">
        <v>-1.1996362366693589</v>
      </c>
      <c r="M815">
        <v>7.9183054608768071</v>
      </c>
      <c r="N815">
        <v>21</v>
      </c>
      <c r="O815">
        <v>2</v>
      </c>
      <c r="P815">
        <v>19</v>
      </c>
      <c r="Q815">
        <v>3.1665981352233499</v>
      </c>
      <c r="R815">
        <v>5.4885511050191624</v>
      </c>
      <c r="S815">
        <v>3</v>
      </c>
      <c r="T815">
        <v>1</v>
      </c>
      <c r="U815">
        <v>2</v>
      </c>
      <c r="V815">
        <v>0.12788891823138979</v>
      </c>
      <c r="W815">
        <v>7.7808761615765789</v>
      </c>
      <c r="X815">
        <v>1</v>
      </c>
      <c r="Y815">
        <v>1</v>
      </c>
      <c r="Z815">
        <v>0</v>
      </c>
      <c r="AA815">
        <v>0</v>
      </c>
      <c r="AB815">
        <v>7.8022093162471169</v>
      </c>
      <c r="AC815">
        <v>1</v>
      </c>
      <c r="AD815">
        <v>1</v>
      </c>
      <c r="AE815">
        <v>0</v>
      </c>
      <c r="AF815">
        <v>0</v>
      </c>
      <c r="AG815">
        <v>7.8018004019089719</v>
      </c>
      <c r="AH815">
        <v>3.9179449515818867E-3</v>
      </c>
      <c r="AI815">
        <v>-1.024457226175806E-2</v>
      </c>
      <c r="AJ815">
        <v>2.8121097830566828E-2</v>
      </c>
      <c r="AK815">
        <v>3.2345116460803701E-2</v>
      </c>
      <c r="AL815">
        <v>3333.572841059527</v>
      </c>
      <c r="AM815">
        <v>6583.2531557999737</v>
      </c>
      <c r="AN815">
        <v>318466</v>
      </c>
      <c r="AO815">
        <v>142.49833618760471</v>
      </c>
      <c r="AP815">
        <v>2954.4258224845062</v>
      </c>
      <c r="AQ815">
        <v>1.0093954248366011</v>
      </c>
      <c r="AR815">
        <v>4.0575980392156863</v>
      </c>
      <c r="AS815">
        <v>2439</v>
      </c>
      <c r="AT815">
        <v>268.44444444444451</v>
      </c>
      <c r="AU815">
        <v>2.3366013071895449E-2</v>
      </c>
      <c r="AV815">
        <v>3.9184641381142266E-3</v>
      </c>
      <c r="AW815">
        <v>0.375</v>
      </c>
      <c r="AX815">
        <v>84.414793624846752</v>
      </c>
      <c r="AY815">
        <v>62.5</v>
      </c>
      <c r="AZ815">
        <v>125</v>
      </c>
      <c r="BA815">
        <v>0.5606355473896304</v>
      </c>
      <c r="BB815">
        <v>0.502859477124183</v>
      </c>
      <c r="BC815">
        <v>5.2817535092603531</v>
      </c>
      <c r="BD815" t="s">
        <v>3161</v>
      </c>
      <c r="BE815" t="s">
        <v>62</v>
      </c>
    </row>
    <row r="816" spans="1:57" x14ac:dyDescent="0.3">
      <c r="A816" t="s">
        <v>3162</v>
      </c>
      <c r="B816">
        <v>732</v>
      </c>
      <c r="C816" t="s">
        <v>3163</v>
      </c>
      <c r="D816" t="s">
        <v>3164</v>
      </c>
      <c r="E816" t="s">
        <v>66</v>
      </c>
      <c r="F816">
        <v>72</v>
      </c>
      <c r="G816">
        <v>114.4444444444444</v>
      </c>
      <c r="H816">
        <v>110</v>
      </c>
      <c r="I816">
        <v>6481.5802469135797</v>
      </c>
      <c r="J816">
        <v>80.508261979212918</v>
      </c>
      <c r="K816">
        <v>0.21618294668168331</v>
      </c>
      <c r="L816">
        <v>-1.376159685556706</v>
      </c>
      <c r="M816">
        <v>5.787844793048885</v>
      </c>
      <c r="N816">
        <v>3</v>
      </c>
      <c r="O816">
        <v>1</v>
      </c>
      <c r="P816">
        <v>2</v>
      </c>
      <c r="Q816">
        <v>0.48947556197266617</v>
      </c>
      <c r="R816">
        <v>4.011828299820392</v>
      </c>
      <c r="S816">
        <v>2</v>
      </c>
      <c r="T816">
        <v>1</v>
      </c>
      <c r="U816">
        <v>1</v>
      </c>
      <c r="V816">
        <v>0.16776575221435111</v>
      </c>
      <c r="W816">
        <v>4.2236293316576567</v>
      </c>
      <c r="X816">
        <v>2</v>
      </c>
      <c r="Y816">
        <v>1</v>
      </c>
      <c r="Z816">
        <v>1</v>
      </c>
      <c r="AA816">
        <v>0.11951030798891769</v>
      </c>
      <c r="AB816">
        <v>4.2286910368905044</v>
      </c>
      <c r="AC816">
        <v>1</v>
      </c>
      <c r="AD816">
        <v>1</v>
      </c>
      <c r="AE816">
        <v>0</v>
      </c>
      <c r="AF816">
        <v>0</v>
      </c>
      <c r="AG816">
        <v>4.2341065045972579</v>
      </c>
      <c r="AH816">
        <v>0.13571179444461379</v>
      </c>
      <c r="AI816">
        <v>1.225182388755133E-2</v>
      </c>
      <c r="AJ816">
        <v>5.736819989198047E-2</v>
      </c>
      <c r="AK816">
        <v>6.0694366138759372E-2</v>
      </c>
      <c r="AL816">
        <v>733.11657378990469</v>
      </c>
      <c r="AM816">
        <v>933.93580573535723</v>
      </c>
      <c r="AN816">
        <v>8240</v>
      </c>
      <c r="AO816">
        <v>186.17303977095321</v>
      </c>
      <c r="AP816">
        <v>576.2959162762902</v>
      </c>
      <c r="AQ816">
        <v>1.319444444444444</v>
      </c>
      <c r="AR816">
        <v>3.5972222222222219</v>
      </c>
      <c r="AS816">
        <v>72</v>
      </c>
      <c r="AT816">
        <v>11.58333333333333</v>
      </c>
      <c r="AU816">
        <v>0.15424836601307179</v>
      </c>
      <c r="AV816">
        <v>0.13840506813502271</v>
      </c>
      <c r="AW816">
        <v>0.43055555555555558</v>
      </c>
      <c r="AX816">
        <v>83.605633802816897</v>
      </c>
      <c r="AY816">
        <v>77</v>
      </c>
      <c r="AZ816">
        <v>152.25</v>
      </c>
      <c r="BA816">
        <v>0.70347025030380217</v>
      </c>
      <c r="BB816">
        <v>0.45833333333333331</v>
      </c>
      <c r="BC816">
        <v>3.920796745309254</v>
      </c>
      <c r="BD816" t="s">
        <v>3165</v>
      </c>
      <c r="BE816" t="s">
        <v>68</v>
      </c>
    </row>
    <row r="817" spans="1:57" x14ac:dyDescent="0.3">
      <c r="A817" t="s">
        <v>3166</v>
      </c>
      <c r="B817">
        <v>1814</v>
      </c>
      <c r="C817" t="s">
        <v>3167</v>
      </c>
      <c r="D817" t="s">
        <v>3168</v>
      </c>
      <c r="E817" t="s">
        <v>93</v>
      </c>
      <c r="F817">
        <v>1841</v>
      </c>
      <c r="G817">
        <v>127.72026072786529</v>
      </c>
      <c r="H817">
        <v>130</v>
      </c>
      <c r="I817">
        <v>5401.4301652769409</v>
      </c>
      <c r="J817">
        <v>73.494422681431686</v>
      </c>
      <c r="K817">
        <v>-3.9635996138538562E-2</v>
      </c>
      <c r="L817">
        <v>-1.1948534470859351</v>
      </c>
      <c r="M817">
        <v>7.8653226768466373</v>
      </c>
      <c r="N817">
        <v>15</v>
      </c>
      <c r="O817">
        <v>1</v>
      </c>
      <c r="P817">
        <v>14</v>
      </c>
      <c r="Q817">
        <v>2.9479567298211422</v>
      </c>
      <c r="R817">
        <v>5.4518262376504403</v>
      </c>
      <c r="S817">
        <v>3</v>
      </c>
      <c r="T817">
        <v>1</v>
      </c>
      <c r="U817">
        <v>2</v>
      </c>
      <c r="V817">
        <v>0.10430411668429659</v>
      </c>
      <c r="W817">
        <v>7.5036749013400321</v>
      </c>
      <c r="X817">
        <v>1</v>
      </c>
      <c r="Y817">
        <v>1</v>
      </c>
      <c r="Z817">
        <v>0</v>
      </c>
      <c r="AA817">
        <v>0</v>
      </c>
      <c r="AB817">
        <v>7.5169772246043198</v>
      </c>
      <c r="AC817">
        <v>1</v>
      </c>
      <c r="AD817">
        <v>1</v>
      </c>
      <c r="AE817">
        <v>0</v>
      </c>
      <c r="AF817">
        <v>0</v>
      </c>
      <c r="AG817">
        <v>7.5164333029156296</v>
      </c>
      <c r="AH817">
        <v>-1.695731205615001E-2</v>
      </c>
      <c r="AI817">
        <v>-3.3921136606446162E-2</v>
      </c>
      <c r="AJ817">
        <v>4.0875994560327644E-3</v>
      </c>
      <c r="AK817">
        <v>4.4663533835948509E-4</v>
      </c>
      <c r="AL817">
        <v>2901.4055023100259</v>
      </c>
      <c r="AM817">
        <v>5617.5730623789041</v>
      </c>
      <c r="AN817">
        <v>235133</v>
      </c>
      <c r="AO817">
        <v>91.823186939954851</v>
      </c>
      <c r="AP817">
        <v>2616.8757466941552</v>
      </c>
      <c r="AQ817">
        <v>1.0124932102118409</v>
      </c>
      <c r="AR817">
        <v>3.961977186311787</v>
      </c>
      <c r="AS817">
        <v>1826</v>
      </c>
      <c r="AT817">
        <v>304.54807170016301</v>
      </c>
      <c r="AU817">
        <v>2.7139981467872332E-2</v>
      </c>
      <c r="AV817">
        <v>-1.69682547912474E-2</v>
      </c>
      <c r="AW817">
        <v>0.36447582835415537</v>
      </c>
      <c r="AX817">
        <v>85.516304347826093</v>
      </c>
      <c r="AY817">
        <v>64</v>
      </c>
      <c r="AZ817">
        <v>125</v>
      </c>
      <c r="BA817">
        <v>0.57543276425051237</v>
      </c>
      <c r="BB817">
        <v>0.50950570342205326</v>
      </c>
      <c r="BC817">
        <v>5.2900991915467914</v>
      </c>
      <c r="BD817" t="s">
        <v>3169</v>
      </c>
      <c r="BE817" t="s">
        <v>68</v>
      </c>
    </row>
    <row r="818" spans="1:57" x14ac:dyDescent="0.3">
      <c r="A818" t="s">
        <v>3170</v>
      </c>
      <c r="B818">
        <v>1832</v>
      </c>
      <c r="C818" t="s">
        <v>3171</v>
      </c>
      <c r="D818" t="s">
        <v>3172</v>
      </c>
      <c r="E818" t="s">
        <v>115</v>
      </c>
      <c r="F818">
        <v>1878</v>
      </c>
      <c r="G818">
        <v>128.73748668796591</v>
      </c>
      <c r="H818">
        <v>130</v>
      </c>
      <c r="I818">
        <v>5544.8197981561061</v>
      </c>
      <c r="J818">
        <v>74.463546773949105</v>
      </c>
      <c r="K818">
        <v>-1.669741596723074E-2</v>
      </c>
      <c r="L818">
        <v>-1.2197739614145759</v>
      </c>
      <c r="M818">
        <v>7.9092540544269969</v>
      </c>
      <c r="N818">
        <v>16</v>
      </c>
      <c r="O818">
        <v>1</v>
      </c>
      <c r="P818">
        <v>15</v>
      </c>
      <c r="Q818">
        <v>2.592890953374968</v>
      </c>
      <c r="R818">
        <v>5.4822771481583921</v>
      </c>
      <c r="S818">
        <v>2</v>
      </c>
      <c r="T818">
        <v>1</v>
      </c>
      <c r="U818">
        <v>1</v>
      </c>
      <c r="V818">
        <v>0.1221228911861138</v>
      </c>
      <c r="W818">
        <v>7.5167500993934588</v>
      </c>
      <c r="X818">
        <v>1</v>
      </c>
      <c r="Y818">
        <v>1</v>
      </c>
      <c r="Z818">
        <v>0</v>
      </c>
      <c r="AA818">
        <v>0</v>
      </c>
      <c r="AB818">
        <v>7.5368971295661709</v>
      </c>
      <c r="AC818">
        <v>1</v>
      </c>
      <c r="AD818">
        <v>1</v>
      </c>
      <c r="AE818">
        <v>0</v>
      </c>
      <c r="AF818">
        <v>0</v>
      </c>
      <c r="AG818">
        <v>7.5363639384045147</v>
      </c>
      <c r="AH818">
        <v>-2.0262369174197561E-2</v>
      </c>
      <c r="AI818">
        <v>9.1572177913075252E-3</v>
      </c>
      <c r="AJ818">
        <v>1.0089934002345421E-2</v>
      </c>
      <c r="AK818">
        <v>9.6781979442489667E-3</v>
      </c>
      <c r="AL818">
        <v>2982.6445214672071</v>
      </c>
      <c r="AM818">
        <v>5713.2947288374371</v>
      </c>
      <c r="AN818">
        <v>241769</v>
      </c>
      <c r="AO818">
        <v>52.382729881491002</v>
      </c>
      <c r="AP818">
        <v>2665.5191380798019</v>
      </c>
      <c r="AQ818">
        <v>1.0122470713525029</v>
      </c>
      <c r="AR818">
        <v>3.9888178913738019</v>
      </c>
      <c r="AS818">
        <v>1874</v>
      </c>
      <c r="AT818">
        <v>234.6134185303514</v>
      </c>
      <c r="AU818">
        <v>2.0560045104303652E-2</v>
      </c>
      <c r="AV818">
        <v>-2.0278262465679792E-2</v>
      </c>
      <c r="AW818">
        <v>0.36102236421725242</v>
      </c>
      <c r="AX818">
        <v>87.191795418220565</v>
      </c>
      <c r="AY818">
        <v>65</v>
      </c>
      <c r="AZ818">
        <v>129</v>
      </c>
      <c r="BA818">
        <v>0.57841386133655026</v>
      </c>
      <c r="BB818">
        <v>0.50638977635782745</v>
      </c>
      <c r="BC818">
        <v>5.297649798510573</v>
      </c>
      <c r="BD818" t="s">
        <v>3173</v>
      </c>
      <c r="BE818" t="s">
        <v>68</v>
      </c>
    </row>
    <row r="819" spans="1:57" x14ac:dyDescent="0.3">
      <c r="A819" t="s">
        <v>3174</v>
      </c>
      <c r="B819">
        <v>1722</v>
      </c>
      <c r="C819" t="s">
        <v>3175</v>
      </c>
      <c r="D819" t="s">
        <v>3176</v>
      </c>
      <c r="E819" t="s">
        <v>128</v>
      </c>
      <c r="F819">
        <v>32</v>
      </c>
      <c r="G819">
        <v>117.90625</v>
      </c>
      <c r="H819">
        <v>111.5</v>
      </c>
      <c r="I819">
        <v>5444.7099609375</v>
      </c>
      <c r="J819">
        <v>73.788277937200164</v>
      </c>
      <c r="K819">
        <v>0.23034589849515691</v>
      </c>
      <c r="L819">
        <v>-1.14455250088019</v>
      </c>
      <c r="M819">
        <v>4.8125</v>
      </c>
      <c r="N819">
        <v>2</v>
      </c>
      <c r="O819">
        <v>1</v>
      </c>
      <c r="P819">
        <v>1</v>
      </c>
      <c r="Q819">
        <v>0.3045434781492361</v>
      </c>
      <c r="R819">
        <v>3.335770806444736</v>
      </c>
      <c r="S819">
        <v>1</v>
      </c>
      <c r="T819">
        <v>1</v>
      </c>
      <c r="U819">
        <v>0</v>
      </c>
      <c r="V819">
        <v>0</v>
      </c>
      <c r="W819">
        <v>3.4339872044851458</v>
      </c>
      <c r="X819">
        <v>1</v>
      </c>
      <c r="Y819">
        <v>1</v>
      </c>
      <c r="Z819">
        <v>0</v>
      </c>
      <c r="AA819">
        <v>0</v>
      </c>
      <c r="AB819">
        <v>3.401197381662155</v>
      </c>
      <c r="AC819">
        <v>1</v>
      </c>
      <c r="AD819">
        <v>1</v>
      </c>
      <c r="AE819">
        <v>0</v>
      </c>
      <c r="AF819">
        <v>0</v>
      </c>
      <c r="AG819">
        <v>3.3672958299864728</v>
      </c>
      <c r="AH819">
        <v>-3.8948764820282297E-2</v>
      </c>
      <c r="AI819">
        <v>-0.1841781205883076</v>
      </c>
      <c r="AJ819">
        <v>-0.32044586107357997</v>
      </c>
      <c r="AK819">
        <v>0.11291855420515511</v>
      </c>
      <c r="AL819">
        <v>473.74519778102928</v>
      </c>
      <c r="AM819">
        <v>628.21691124914287</v>
      </c>
      <c r="AN819">
        <v>3773</v>
      </c>
      <c r="AO819">
        <v>23.79127380953155</v>
      </c>
      <c r="AP819">
        <v>323.82343338694898</v>
      </c>
      <c r="AQ819">
        <v>1.65625</v>
      </c>
      <c r="AR819">
        <v>4.46875</v>
      </c>
      <c r="AS819">
        <v>32</v>
      </c>
      <c r="AT819">
        <v>2.4375</v>
      </c>
      <c r="AU819">
        <v>0.1583076131687243</v>
      </c>
      <c r="AV819">
        <v>-3.9008441922391182E-2</v>
      </c>
      <c r="AW819">
        <v>0.40625</v>
      </c>
      <c r="AX819">
        <v>92.935483870967744</v>
      </c>
      <c r="AY819">
        <v>63</v>
      </c>
      <c r="AZ819">
        <v>128.75</v>
      </c>
      <c r="BA819">
        <v>0.62582159925534198</v>
      </c>
      <c r="BB819">
        <v>0.46875</v>
      </c>
      <c r="BC819">
        <v>3.3892680315457948</v>
      </c>
      <c r="BD819" t="s">
        <v>3177</v>
      </c>
      <c r="BE819" t="s">
        <v>62</v>
      </c>
    </row>
    <row r="820" spans="1:57" x14ac:dyDescent="0.3">
      <c r="A820" t="s">
        <v>3178</v>
      </c>
      <c r="B820">
        <v>1781</v>
      </c>
      <c r="C820" t="s">
        <v>3179</v>
      </c>
      <c r="D820" t="s">
        <v>3180</v>
      </c>
      <c r="E820" t="s">
        <v>85</v>
      </c>
      <c r="F820">
        <v>8</v>
      </c>
      <c r="G820">
        <v>111.625</v>
      </c>
      <c r="H820">
        <v>105.5</v>
      </c>
      <c r="I820">
        <v>6012.984375</v>
      </c>
      <c r="J820">
        <v>77.543435408808136</v>
      </c>
      <c r="K820">
        <v>0.3025624681016098</v>
      </c>
      <c r="L820">
        <v>-1.29982625716652</v>
      </c>
      <c r="M820">
        <v>2.75</v>
      </c>
      <c r="N820">
        <v>2</v>
      </c>
      <c r="O820">
        <v>1</v>
      </c>
      <c r="P820">
        <v>1</v>
      </c>
      <c r="Q820">
        <v>0.34992710611188271</v>
      </c>
      <c r="R820">
        <v>1.9061547465398501</v>
      </c>
      <c r="S820">
        <v>1</v>
      </c>
      <c r="T820">
        <v>1</v>
      </c>
      <c r="U820">
        <v>0</v>
      </c>
      <c r="V820">
        <v>0</v>
      </c>
      <c r="W820">
        <v>1.945910149055313</v>
      </c>
      <c r="X820">
        <v>1</v>
      </c>
      <c r="Y820">
        <v>1</v>
      </c>
      <c r="Z820">
        <v>0</v>
      </c>
      <c r="AA820">
        <v>0</v>
      </c>
      <c r="AB820">
        <v>1.791759469228055</v>
      </c>
      <c r="AC820">
        <v>1</v>
      </c>
      <c r="AD820">
        <v>1</v>
      </c>
      <c r="AE820">
        <v>0</v>
      </c>
      <c r="AF820">
        <v>0</v>
      </c>
      <c r="AG820">
        <v>1.6094379124341009</v>
      </c>
      <c r="AH820">
        <v>-0.44526590893145301</v>
      </c>
      <c r="AI820">
        <v>-0.13976070015149511</v>
      </c>
      <c r="AJ820">
        <v>-1.7552185244951678E-2</v>
      </c>
      <c r="AK820">
        <v>0</v>
      </c>
      <c r="AL820">
        <v>287.02929788971983</v>
      </c>
      <c r="AM820">
        <v>255.732638028341</v>
      </c>
      <c r="AN820">
        <v>893</v>
      </c>
      <c r="AO820">
        <v>95.007012389267672</v>
      </c>
      <c r="AP820">
        <v>194.02019789944299</v>
      </c>
      <c r="AQ820">
        <v>3.5</v>
      </c>
      <c r="AR820">
        <v>3.5</v>
      </c>
      <c r="AS820">
        <v>8</v>
      </c>
      <c r="AT820">
        <v>0.74999999999999978</v>
      </c>
      <c r="AU820">
        <v>0.23277777777777781</v>
      </c>
      <c r="AV820">
        <v>-0.55903866976867111</v>
      </c>
      <c r="AW820">
        <v>0.375</v>
      </c>
      <c r="AX820">
        <v>114.8571428571429</v>
      </c>
      <c r="AY820">
        <v>70</v>
      </c>
      <c r="AZ820">
        <v>122</v>
      </c>
      <c r="BA820">
        <v>0.69467803277767648</v>
      </c>
      <c r="BB820">
        <v>0.5</v>
      </c>
      <c r="BC820">
        <v>1.7478680974667571</v>
      </c>
      <c r="BD820" t="s">
        <v>3179</v>
      </c>
      <c r="BE820" t="s">
        <v>68</v>
      </c>
    </row>
    <row r="821" spans="1:57" x14ac:dyDescent="0.3">
      <c r="A821" t="s">
        <v>3181</v>
      </c>
      <c r="B821">
        <v>550</v>
      </c>
      <c r="C821" t="s">
        <v>3182</v>
      </c>
      <c r="D821" t="s">
        <v>3183</v>
      </c>
      <c r="E821" t="s">
        <v>98</v>
      </c>
      <c r="F821">
        <v>16</v>
      </c>
      <c r="G821">
        <v>152.5625</v>
      </c>
      <c r="H821">
        <v>145</v>
      </c>
      <c r="I821">
        <v>2744.12109375</v>
      </c>
      <c r="J821">
        <v>52.384359247298242</v>
      </c>
      <c r="K821">
        <v>0.38426733747643488</v>
      </c>
      <c r="L821">
        <v>-0.93006311569941857</v>
      </c>
      <c r="M821">
        <v>4</v>
      </c>
      <c r="N821">
        <v>1</v>
      </c>
      <c r="O821">
        <v>1</v>
      </c>
      <c r="P821">
        <v>0</v>
      </c>
      <c r="Q821">
        <v>0</v>
      </c>
      <c r="R821">
        <v>2.7725887222397811</v>
      </c>
      <c r="S821">
        <v>1</v>
      </c>
      <c r="T821">
        <v>1</v>
      </c>
      <c r="U821">
        <v>0</v>
      </c>
      <c r="V821">
        <v>0</v>
      </c>
      <c r="W821">
        <v>2.7080502011022101</v>
      </c>
      <c r="X821">
        <v>1</v>
      </c>
      <c r="Y821">
        <v>1</v>
      </c>
      <c r="Z821">
        <v>0</v>
      </c>
      <c r="AA821">
        <v>0</v>
      </c>
      <c r="AB821">
        <v>2.639057329615258</v>
      </c>
      <c r="AC821">
        <v>1</v>
      </c>
      <c r="AD821">
        <v>1</v>
      </c>
      <c r="AE821">
        <v>0</v>
      </c>
      <c r="AF821">
        <v>0</v>
      </c>
      <c r="AG821">
        <v>2.5649493574615372</v>
      </c>
      <c r="AH821">
        <v>7.8175556409654165E-2</v>
      </c>
      <c r="AI821">
        <v>-0.120964739962562</v>
      </c>
      <c r="AJ821">
        <v>0.154195670431818</v>
      </c>
      <c r="AK821">
        <v>-0.1002421725421533</v>
      </c>
      <c r="AL821">
        <v>345.7521639874966</v>
      </c>
      <c r="AM821">
        <v>544.76273835309553</v>
      </c>
      <c r="AN821">
        <v>2441</v>
      </c>
      <c r="AO821">
        <v>153.0130713370593</v>
      </c>
      <c r="AP821">
        <v>171.73318546877891</v>
      </c>
      <c r="AQ821">
        <v>2.3125</v>
      </c>
      <c r="AR821">
        <v>3.9375</v>
      </c>
      <c r="AS821">
        <v>16</v>
      </c>
      <c r="AT821">
        <v>0</v>
      </c>
      <c r="AU821">
        <v>0.33710629921259838</v>
      </c>
      <c r="AV821">
        <v>9.6266543570866642E-2</v>
      </c>
      <c r="AW821">
        <v>0.375</v>
      </c>
      <c r="AX821">
        <v>49.6</v>
      </c>
      <c r="AY821">
        <v>39.5</v>
      </c>
      <c r="AZ821">
        <v>80.75</v>
      </c>
      <c r="BA821">
        <v>0.34336327241162301</v>
      </c>
      <c r="BB821">
        <v>0.4375</v>
      </c>
      <c r="BC821">
        <v>2.615630577027551</v>
      </c>
      <c r="BD821" t="s">
        <v>3182</v>
      </c>
      <c r="BE821" t="s">
        <v>62</v>
      </c>
    </row>
    <row r="822" spans="1:57" x14ac:dyDescent="0.3">
      <c r="A822" t="s">
        <v>3184</v>
      </c>
      <c r="B822">
        <v>2322</v>
      </c>
      <c r="C822" t="s">
        <v>3185</v>
      </c>
      <c r="D822" t="s">
        <v>3186</v>
      </c>
      <c r="E822" t="s">
        <v>98</v>
      </c>
      <c r="F822">
        <v>16</v>
      </c>
      <c r="G822">
        <v>137.375</v>
      </c>
      <c r="H822">
        <v>134</v>
      </c>
      <c r="I822">
        <v>3359.984375</v>
      </c>
      <c r="J822">
        <v>57.965372206171502</v>
      </c>
      <c r="K822">
        <v>-5.6850118649330157E-2</v>
      </c>
      <c r="L822">
        <v>-0.94234402906062487</v>
      </c>
      <c r="M822">
        <v>3.875</v>
      </c>
      <c r="N822">
        <v>2</v>
      </c>
      <c r="O822">
        <v>1</v>
      </c>
      <c r="P822">
        <v>1</v>
      </c>
      <c r="Q822">
        <v>0.24944382578492949</v>
      </c>
      <c r="R822">
        <v>2.6859453246697882</v>
      </c>
      <c r="S822">
        <v>1</v>
      </c>
      <c r="T822">
        <v>1</v>
      </c>
      <c r="U822">
        <v>0</v>
      </c>
      <c r="V822">
        <v>0</v>
      </c>
      <c r="W822">
        <v>2.7080502011022101</v>
      </c>
      <c r="X822">
        <v>1</v>
      </c>
      <c r="Y822">
        <v>1</v>
      </c>
      <c r="Z822">
        <v>0</v>
      </c>
      <c r="AA822">
        <v>0</v>
      </c>
      <c r="AB822">
        <v>2.639057329615258</v>
      </c>
      <c r="AC822">
        <v>1</v>
      </c>
      <c r="AD822">
        <v>1</v>
      </c>
      <c r="AE822">
        <v>0</v>
      </c>
      <c r="AF822">
        <v>0</v>
      </c>
      <c r="AG822">
        <v>2.5649493574615372</v>
      </c>
      <c r="AH822">
        <v>0.39333766200549669</v>
      </c>
      <c r="AI822">
        <v>0.31952285399392671</v>
      </c>
      <c r="AJ822">
        <v>-0.21294422174582281</v>
      </c>
      <c r="AK822">
        <v>-0.21390829105418091</v>
      </c>
      <c r="AL822">
        <v>332.37006205885803</v>
      </c>
      <c r="AM822">
        <v>495.21726731505521</v>
      </c>
      <c r="AN822">
        <v>2198</v>
      </c>
      <c r="AO822">
        <v>94</v>
      </c>
      <c r="AP822">
        <v>152.47294842036729</v>
      </c>
      <c r="AQ822">
        <v>2.3125</v>
      </c>
      <c r="AR822">
        <v>3.8125</v>
      </c>
      <c r="AS822">
        <v>16</v>
      </c>
      <c r="AT822">
        <v>0.875</v>
      </c>
      <c r="AU822">
        <v>0.1962719298245614</v>
      </c>
      <c r="AV822">
        <v>0.40001830317296588</v>
      </c>
      <c r="AW822">
        <v>0.375</v>
      </c>
      <c r="AX822">
        <v>52.06666666666667</v>
      </c>
      <c r="AY822">
        <v>44.5</v>
      </c>
      <c r="AZ822">
        <v>94.75</v>
      </c>
      <c r="BA822">
        <v>0.4219499341668535</v>
      </c>
      <c r="BB822">
        <v>0.5</v>
      </c>
      <c r="BC822">
        <v>2.615630577027551</v>
      </c>
      <c r="BD822" t="s">
        <v>3185</v>
      </c>
      <c r="BE822" t="s">
        <v>62</v>
      </c>
    </row>
    <row r="823" spans="1:57" x14ac:dyDescent="0.3">
      <c r="A823" t="s">
        <v>3187</v>
      </c>
      <c r="B823">
        <v>3269</v>
      </c>
      <c r="C823" t="s">
        <v>3188</v>
      </c>
      <c r="D823" t="s">
        <v>3189</v>
      </c>
      <c r="E823" t="s">
        <v>66</v>
      </c>
      <c r="F823">
        <v>71</v>
      </c>
      <c r="G823">
        <v>123.8591549295775</v>
      </c>
      <c r="H823">
        <v>119</v>
      </c>
      <c r="I823">
        <v>5540.7407260464179</v>
      </c>
      <c r="J823">
        <v>74.436152009936791</v>
      </c>
      <c r="K823">
        <v>0.1073985615443175</v>
      </c>
      <c r="L823">
        <v>-1.147422348953254</v>
      </c>
      <c r="M823">
        <v>5.8398879645750998</v>
      </c>
      <c r="N823">
        <v>2</v>
      </c>
      <c r="O823">
        <v>1</v>
      </c>
      <c r="P823">
        <v>1</v>
      </c>
      <c r="Q823">
        <v>0.38693955887479681</v>
      </c>
      <c r="R823">
        <v>4.0479018774311921</v>
      </c>
      <c r="S823">
        <v>1</v>
      </c>
      <c r="T823">
        <v>1</v>
      </c>
      <c r="U823">
        <v>0</v>
      </c>
      <c r="V823">
        <v>0</v>
      </c>
      <c r="W823">
        <v>4.2484952420493576</v>
      </c>
      <c r="X823">
        <v>1</v>
      </c>
      <c r="Y823">
        <v>1</v>
      </c>
      <c r="Z823">
        <v>0</v>
      </c>
      <c r="AA823">
        <v>0</v>
      </c>
      <c r="AB823">
        <v>4.2341065045972579</v>
      </c>
      <c r="AC823">
        <v>1</v>
      </c>
      <c r="AD823">
        <v>1</v>
      </c>
      <c r="AE823">
        <v>0</v>
      </c>
      <c r="AF823">
        <v>0</v>
      </c>
      <c r="AG823">
        <v>4.2195077051761087</v>
      </c>
      <c r="AH823">
        <v>0.13981927638745911</v>
      </c>
      <c r="AI823">
        <v>0.40952453486054868</v>
      </c>
      <c r="AJ823">
        <v>-1.413217653889105E-2</v>
      </c>
      <c r="AK823">
        <v>-0.1059216437160915</v>
      </c>
      <c r="AL823">
        <v>672.27826410454657</v>
      </c>
      <c r="AM823">
        <v>1015.21029132519</v>
      </c>
      <c r="AN823">
        <v>8794</v>
      </c>
      <c r="AO823">
        <v>155.17481143069509</v>
      </c>
      <c r="AP823">
        <v>475.04044033303921</v>
      </c>
      <c r="AQ823">
        <v>1.323943661971831</v>
      </c>
      <c r="AR823">
        <v>3.732394366197183</v>
      </c>
      <c r="AS823">
        <v>71</v>
      </c>
      <c r="AT823">
        <v>7.5915492957746471</v>
      </c>
      <c r="AU823">
        <v>5.5113288426209439E-2</v>
      </c>
      <c r="AV823">
        <v>0.14230642788797179</v>
      </c>
      <c r="AW823">
        <v>0.40845070422535212</v>
      </c>
      <c r="AX823">
        <v>82.157142857142858</v>
      </c>
      <c r="AY823">
        <v>63</v>
      </c>
      <c r="AZ823">
        <v>119.5</v>
      </c>
      <c r="BA823">
        <v>0.60097416337338094</v>
      </c>
      <c r="BB823">
        <v>0.49295774647887319</v>
      </c>
      <c r="BC823">
        <v>4.010844780143092</v>
      </c>
      <c r="BD823" t="s">
        <v>3190</v>
      </c>
      <c r="BE823" t="s">
        <v>68</v>
      </c>
    </row>
    <row r="824" spans="1:57" x14ac:dyDescent="0.3">
      <c r="A824" t="s">
        <v>3191</v>
      </c>
      <c r="B824">
        <v>1108</v>
      </c>
      <c r="C824" t="s">
        <v>3192</v>
      </c>
      <c r="D824" t="s">
        <v>3193</v>
      </c>
      <c r="E824" t="s">
        <v>93</v>
      </c>
      <c r="F824">
        <v>1108</v>
      </c>
      <c r="G824">
        <v>126.97111913357401</v>
      </c>
      <c r="H824">
        <v>126</v>
      </c>
      <c r="I824">
        <v>5581.2879745598148</v>
      </c>
      <c r="J824">
        <v>74.708018141025633</v>
      </c>
      <c r="K824">
        <v>5.1566629557052372E-2</v>
      </c>
      <c r="L824">
        <v>-1.2284171682908831</v>
      </c>
      <c r="M824">
        <v>7.8452875746148338</v>
      </c>
      <c r="N824">
        <v>12</v>
      </c>
      <c r="O824">
        <v>1</v>
      </c>
      <c r="P824">
        <v>11</v>
      </c>
      <c r="Q824">
        <v>1.92443586718467</v>
      </c>
      <c r="R824">
        <v>5.4379389630262311</v>
      </c>
      <c r="S824">
        <v>2</v>
      </c>
      <c r="T824">
        <v>1</v>
      </c>
      <c r="U824">
        <v>1</v>
      </c>
      <c r="V824">
        <v>7.3619924174966198E-2</v>
      </c>
      <c r="W824">
        <v>7.0018951421334608</v>
      </c>
      <c r="X824">
        <v>1</v>
      </c>
      <c r="Y824">
        <v>1</v>
      </c>
      <c r="Z824">
        <v>0</v>
      </c>
      <c r="AA824">
        <v>0</v>
      </c>
      <c r="AB824">
        <v>7.0085051820822777</v>
      </c>
      <c r="AC824">
        <v>1</v>
      </c>
      <c r="AD824">
        <v>1</v>
      </c>
      <c r="AE824">
        <v>0</v>
      </c>
      <c r="AF824">
        <v>0</v>
      </c>
      <c r="AG824">
        <v>7.007600613951853</v>
      </c>
      <c r="AH824">
        <v>-8.0510591221601702E-3</v>
      </c>
      <c r="AI824">
        <v>-1.5064483145042429E-2</v>
      </c>
      <c r="AJ824">
        <v>1.549927720085544E-2</v>
      </c>
      <c r="AK824">
        <v>-2.2783106865010769E-2</v>
      </c>
      <c r="AL824">
        <v>2359.35052539157</v>
      </c>
      <c r="AM824">
        <v>4298.8762599468391</v>
      </c>
      <c r="AN824">
        <v>140684</v>
      </c>
      <c r="AO824">
        <v>37.209495459871242</v>
      </c>
      <c r="AP824">
        <v>2161.2861476173739</v>
      </c>
      <c r="AQ824">
        <v>1.0207581227436819</v>
      </c>
      <c r="AR824">
        <v>4.0153429602888089</v>
      </c>
      <c r="AS824">
        <v>1104</v>
      </c>
      <c r="AT824">
        <v>215.64259927797829</v>
      </c>
      <c r="AU824">
        <v>2.397182699794714E-2</v>
      </c>
      <c r="AV824">
        <v>-8.052904804687358E-3</v>
      </c>
      <c r="AW824">
        <v>0.38267148014440427</v>
      </c>
      <c r="AX824">
        <v>86.534778681120144</v>
      </c>
      <c r="AY824">
        <v>65</v>
      </c>
      <c r="AZ824">
        <v>130.25</v>
      </c>
      <c r="BA824">
        <v>0.58838591524449402</v>
      </c>
      <c r="BB824">
        <v>0.49819494584837543</v>
      </c>
      <c r="BC824">
        <v>5.2369618924492656</v>
      </c>
      <c r="BD824" t="s">
        <v>3194</v>
      </c>
      <c r="BE824" t="s">
        <v>68</v>
      </c>
    </row>
    <row r="825" spans="1:57" x14ac:dyDescent="0.3">
      <c r="A825" t="s">
        <v>3195</v>
      </c>
      <c r="B825">
        <v>3653</v>
      </c>
      <c r="C825" t="s">
        <v>3196</v>
      </c>
      <c r="D825" t="s">
        <v>3197</v>
      </c>
      <c r="E825" t="s">
        <v>10622</v>
      </c>
      <c r="F825">
        <v>64</v>
      </c>
      <c r="G825">
        <v>141.84375</v>
      </c>
      <c r="H825">
        <v>139.5</v>
      </c>
      <c r="I825">
        <v>4896.4443359375</v>
      </c>
      <c r="J825">
        <v>69.974597790466078</v>
      </c>
      <c r="K825">
        <v>-7.6330529033220634E-3</v>
      </c>
      <c r="L825">
        <v>-1.267765257301928</v>
      </c>
      <c r="M825">
        <v>5.78125</v>
      </c>
      <c r="N825">
        <v>2</v>
      </c>
      <c r="O825">
        <v>1</v>
      </c>
      <c r="P825">
        <v>1</v>
      </c>
      <c r="Q825">
        <v>0.32821556024332821</v>
      </c>
      <c r="R825">
        <v>4.0072571376121839</v>
      </c>
      <c r="S825">
        <v>1</v>
      </c>
      <c r="T825">
        <v>1</v>
      </c>
      <c r="U825">
        <v>0</v>
      </c>
      <c r="V825">
        <v>0</v>
      </c>
      <c r="W825">
        <v>4.1431347263915326</v>
      </c>
      <c r="X825">
        <v>1</v>
      </c>
      <c r="Y825">
        <v>1</v>
      </c>
      <c r="Z825">
        <v>0</v>
      </c>
      <c r="AA825">
        <v>0</v>
      </c>
      <c r="AB825">
        <v>4.1271343850450908</v>
      </c>
      <c r="AC825">
        <v>1</v>
      </c>
      <c r="AD825">
        <v>1</v>
      </c>
      <c r="AE825">
        <v>0</v>
      </c>
      <c r="AF825">
        <v>0</v>
      </c>
      <c r="AG825">
        <v>4.1108738641733096</v>
      </c>
      <c r="AH825">
        <v>-9.8597014978582795E-2</v>
      </c>
      <c r="AI825">
        <v>-0.21697690014018861</v>
      </c>
      <c r="AJ825">
        <v>0.15162869239158119</v>
      </c>
      <c r="AK825">
        <v>0.26145219650778961</v>
      </c>
      <c r="AL825">
        <v>615.70557054988319</v>
      </c>
      <c r="AM825">
        <v>1105.4124345210901</v>
      </c>
      <c r="AN825">
        <v>9078</v>
      </c>
      <c r="AO825">
        <v>91.385052673843319</v>
      </c>
      <c r="AP825">
        <v>417.40444982751359</v>
      </c>
      <c r="AQ825">
        <v>1.359375</v>
      </c>
      <c r="AR825">
        <v>4.265625</v>
      </c>
      <c r="AS825">
        <v>63</v>
      </c>
      <c r="AT825">
        <v>5.46875</v>
      </c>
      <c r="AU825">
        <v>8.3169291338582668E-2</v>
      </c>
      <c r="AV825">
        <v>-0.1004440974926932</v>
      </c>
      <c r="AW825">
        <v>0.375</v>
      </c>
      <c r="AX825">
        <v>85.492063492063494</v>
      </c>
      <c r="AY825">
        <v>66</v>
      </c>
      <c r="AZ825">
        <v>131.25</v>
      </c>
      <c r="BA825">
        <v>0.49332168523791903</v>
      </c>
      <c r="BB825">
        <v>0.5</v>
      </c>
      <c r="BC825">
        <v>3.8790786576067919</v>
      </c>
      <c r="BD825" t="s">
        <v>3198</v>
      </c>
      <c r="BE825" t="s">
        <v>62</v>
      </c>
    </row>
    <row r="826" spans="1:57" x14ac:dyDescent="0.3">
      <c r="A826" t="s">
        <v>3199</v>
      </c>
      <c r="B826">
        <v>1694</v>
      </c>
      <c r="C826" t="s">
        <v>3200</v>
      </c>
      <c r="D826" t="s">
        <v>3201</v>
      </c>
      <c r="E826" t="s">
        <v>98</v>
      </c>
      <c r="F826">
        <v>16</v>
      </c>
      <c r="G826">
        <v>131.9375</v>
      </c>
      <c r="H826">
        <v>125.5</v>
      </c>
      <c r="I826">
        <v>5354.30859375</v>
      </c>
      <c r="J826">
        <v>73.173141204611412</v>
      </c>
      <c r="K826">
        <v>-5.6585262662779412E-2</v>
      </c>
      <c r="L826">
        <v>-1.4319938628819779</v>
      </c>
      <c r="M826">
        <v>4</v>
      </c>
      <c r="N826">
        <v>1</v>
      </c>
      <c r="O826">
        <v>1</v>
      </c>
      <c r="P826">
        <v>0</v>
      </c>
      <c r="Q826">
        <v>0</v>
      </c>
      <c r="R826">
        <v>2.7725887222397811</v>
      </c>
      <c r="S826">
        <v>1</v>
      </c>
      <c r="T826">
        <v>1</v>
      </c>
      <c r="U826">
        <v>0</v>
      </c>
      <c r="V826">
        <v>0</v>
      </c>
      <c r="W826">
        <v>2.7080502011022101</v>
      </c>
      <c r="X826">
        <v>1</v>
      </c>
      <c r="Y826">
        <v>1</v>
      </c>
      <c r="Z826">
        <v>0</v>
      </c>
      <c r="AA826">
        <v>0</v>
      </c>
      <c r="AB826">
        <v>2.639057329615258</v>
      </c>
      <c r="AC826">
        <v>1</v>
      </c>
      <c r="AD826">
        <v>1</v>
      </c>
      <c r="AE826">
        <v>0</v>
      </c>
      <c r="AF826">
        <v>0</v>
      </c>
      <c r="AG826">
        <v>2.5649493574615372</v>
      </c>
      <c r="AH826">
        <v>9.2047201326618533E-3</v>
      </c>
      <c r="AI826">
        <v>-0.21989601321365751</v>
      </c>
      <c r="AJ826">
        <v>0.26457203894643838</v>
      </c>
      <c r="AK826">
        <v>0.240226639177123</v>
      </c>
      <c r="AL826">
        <v>390.05279684180891</v>
      </c>
      <c r="AM826">
        <v>460.48649890727802</v>
      </c>
      <c r="AN826">
        <v>2111</v>
      </c>
      <c r="AO826">
        <v>11</v>
      </c>
      <c r="AP826">
        <v>239.11921590936751</v>
      </c>
      <c r="AQ826">
        <v>2.3125</v>
      </c>
      <c r="AR826">
        <v>4.5</v>
      </c>
      <c r="AS826">
        <v>16</v>
      </c>
      <c r="AT826">
        <v>0</v>
      </c>
      <c r="AU826">
        <v>0.12795064377682411</v>
      </c>
      <c r="AV826">
        <v>9.4316861142279083E-3</v>
      </c>
      <c r="AW826">
        <v>0.4375</v>
      </c>
      <c r="AX826">
        <v>88.266666666666666</v>
      </c>
      <c r="AY826">
        <v>78</v>
      </c>
      <c r="AZ826">
        <v>139.75</v>
      </c>
      <c r="BA826">
        <v>0.5546045756863015</v>
      </c>
      <c r="BB826">
        <v>0.5</v>
      </c>
      <c r="BC826">
        <v>2.615630577027551</v>
      </c>
      <c r="BD826" t="s">
        <v>3200</v>
      </c>
      <c r="BE826" t="s">
        <v>62</v>
      </c>
    </row>
    <row r="827" spans="1:57" x14ac:dyDescent="0.3">
      <c r="A827" t="s">
        <v>3202</v>
      </c>
      <c r="B827">
        <v>925</v>
      </c>
      <c r="C827" t="s">
        <v>3203</v>
      </c>
      <c r="D827" t="s">
        <v>3204</v>
      </c>
      <c r="E827" t="s">
        <v>93</v>
      </c>
      <c r="F827">
        <v>963</v>
      </c>
      <c r="G827">
        <v>127.82139148494289</v>
      </c>
      <c r="H827">
        <v>126</v>
      </c>
      <c r="I827">
        <v>5504.4436960907688</v>
      </c>
      <c r="J827">
        <v>74.191938214948721</v>
      </c>
      <c r="K827">
        <v>-2.1166292509380839E-2</v>
      </c>
      <c r="L827">
        <v>-1.2181589406921201</v>
      </c>
      <c r="M827">
        <v>7.7920146433670148</v>
      </c>
      <c r="N827">
        <v>10</v>
      </c>
      <c r="O827">
        <v>1</v>
      </c>
      <c r="P827">
        <v>9</v>
      </c>
      <c r="Q827">
        <v>1.806947496069754</v>
      </c>
      <c r="R827">
        <v>5.4010129809316672</v>
      </c>
      <c r="S827">
        <v>2</v>
      </c>
      <c r="T827">
        <v>1</v>
      </c>
      <c r="U827">
        <v>1</v>
      </c>
      <c r="V827">
        <v>8.5300154364047337E-2</v>
      </c>
      <c r="W827">
        <v>6.8589270696596376</v>
      </c>
      <c r="X827">
        <v>1</v>
      </c>
      <c r="Y827">
        <v>1</v>
      </c>
      <c r="Z827">
        <v>0</v>
      </c>
      <c r="AA827">
        <v>0</v>
      </c>
      <c r="AB827">
        <v>6.8679744089702934</v>
      </c>
      <c r="AC827">
        <v>1</v>
      </c>
      <c r="AD827">
        <v>1</v>
      </c>
      <c r="AE827">
        <v>0</v>
      </c>
      <c r="AF827">
        <v>0</v>
      </c>
      <c r="AG827">
        <v>6.8669332844618793</v>
      </c>
      <c r="AH827">
        <v>4.8889435999460683E-2</v>
      </c>
      <c r="AI827">
        <v>-1.141517995360288E-2</v>
      </c>
      <c r="AJ827">
        <v>-6.2925886783282738E-3</v>
      </c>
      <c r="AK827">
        <v>3.2579092839485291E-2</v>
      </c>
      <c r="AL827">
        <v>2173.0454300059678</v>
      </c>
      <c r="AM827">
        <v>4038.866618140562</v>
      </c>
      <c r="AN827">
        <v>123092</v>
      </c>
      <c r="AO827">
        <v>105.62834435097371</v>
      </c>
      <c r="AP827">
        <v>1912.1743257807329</v>
      </c>
      <c r="AQ827">
        <v>1.0238836967808931</v>
      </c>
      <c r="AR827">
        <v>4.0114226375908606</v>
      </c>
      <c r="AS827">
        <v>956</v>
      </c>
      <c r="AT827">
        <v>206.85150571131879</v>
      </c>
      <c r="AU827">
        <v>1.8031885651456841E-2</v>
      </c>
      <c r="AV827">
        <v>4.8952851201569079E-2</v>
      </c>
      <c r="AW827">
        <v>0.36552440290758048</v>
      </c>
      <c r="AX827">
        <v>82.814968814968822</v>
      </c>
      <c r="AY827">
        <v>65</v>
      </c>
      <c r="AZ827">
        <v>130.5</v>
      </c>
      <c r="BA827">
        <v>0.58043444335127881</v>
      </c>
      <c r="BB827">
        <v>0.4963655244029076</v>
      </c>
      <c r="BC827">
        <v>5.2040761623441441</v>
      </c>
      <c r="BD827" t="s">
        <v>3205</v>
      </c>
      <c r="BE827" t="s">
        <v>68</v>
      </c>
    </row>
    <row r="828" spans="1:57" x14ac:dyDescent="0.3">
      <c r="A828" t="s">
        <v>3206</v>
      </c>
      <c r="B828">
        <v>876</v>
      </c>
      <c r="C828" t="s">
        <v>3207</v>
      </c>
      <c r="D828" t="s">
        <v>3208</v>
      </c>
      <c r="E828" t="s">
        <v>128</v>
      </c>
      <c r="F828">
        <v>32</v>
      </c>
      <c r="G828">
        <v>119.375</v>
      </c>
      <c r="H828">
        <v>115.5</v>
      </c>
      <c r="I828">
        <v>5728.859375</v>
      </c>
      <c r="J828">
        <v>75.689228923275465</v>
      </c>
      <c r="K828">
        <v>0.19039527236345949</v>
      </c>
      <c r="L828">
        <v>-1.1986416156654891</v>
      </c>
      <c r="M828">
        <v>4.875</v>
      </c>
      <c r="N828">
        <v>2</v>
      </c>
      <c r="O828">
        <v>1</v>
      </c>
      <c r="P828">
        <v>1</v>
      </c>
      <c r="Q828">
        <v>0.24944382578492941</v>
      </c>
      <c r="R828">
        <v>3.3790925052297318</v>
      </c>
      <c r="S828">
        <v>1</v>
      </c>
      <c r="T828">
        <v>1</v>
      </c>
      <c r="U828">
        <v>0</v>
      </c>
      <c r="V828">
        <v>0</v>
      </c>
      <c r="W828">
        <v>3.4339872044851458</v>
      </c>
      <c r="X828">
        <v>1</v>
      </c>
      <c r="Y828">
        <v>1</v>
      </c>
      <c r="Z828">
        <v>0</v>
      </c>
      <c r="AA828">
        <v>0</v>
      </c>
      <c r="AB828">
        <v>3.401197381662155</v>
      </c>
      <c r="AC828">
        <v>1</v>
      </c>
      <c r="AD828">
        <v>1</v>
      </c>
      <c r="AE828">
        <v>0</v>
      </c>
      <c r="AF828">
        <v>0</v>
      </c>
      <c r="AG828">
        <v>3.3672958299864728</v>
      </c>
      <c r="AH828">
        <v>0.29441116046224303</v>
      </c>
      <c r="AI828">
        <v>0.19115099128044141</v>
      </c>
      <c r="AJ828">
        <v>-9.4676640610723672E-2</v>
      </c>
      <c r="AK828">
        <v>7.3297170030028877E-2</v>
      </c>
      <c r="AL828">
        <v>502.48170956173789</v>
      </c>
      <c r="AM828">
        <v>621.97116617727011</v>
      </c>
      <c r="AN828">
        <v>3820</v>
      </c>
      <c r="AO828">
        <v>54</v>
      </c>
      <c r="AP828">
        <v>339.28454135135598</v>
      </c>
      <c r="AQ828">
        <v>1.65625</v>
      </c>
      <c r="AR828">
        <v>3.875</v>
      </c>
      <c r="AS828">
        <v>32</v>
      </c>
      <c r="AT828">
        <v>1.75</v>
      </c>
      <c r="AU828">
        <v>0.13541666666666671</v>
      </c>
      <c r="AV828">
        <v>0.30461656191924419</v>
      </c>
      <c r="AW828">
        <v>0.34375</v>
      </c>
      <c r="AX828">
        <v>71.258064516129039</v>
      </c>
      <c r="AY828">
        <v>60</v>
      </c>
      <c r="AZ828">
        <v>119</v>
      </c>
      <c r="BA828">
        <v>0.63404589673948031</v>
      </c>
      <c r="BB828">
        <v>0.46875</v>
      </c>
      <c r="BC828">
        <v>3.2998296856670919</v>
      </c>
      <c r="BD828" t="s">
        <v>3209</v>
      </c>
      <c r="BE828" t="s">
        <v>62</v>
      </c>
    </row>
    <row r="829" spans="1:57" x14ac:dyDescent="0.3">
      <c r="A829" t="s">
        <v>3210</v>
      </c>
      <c r="B829">
        <v>3389</v>
      </c>
      <c r="C829" t="s">
        <v>3211</v>
      </c>
      <c r="D829" t="s">
        <v>3212</v>
      </c>
      <c r="E829" t="s">
        <v>72</v>
      </c>
      <c r="F829">
        <v>3464</v>
      </c>
      <c r="G829">
        <v>127.44890300230951</v>
      </c>
      <c r="H829">
        <v>129</v>
      </c>
      <c r="I829">
        <v>5548.1809918681893</v>
      </c>
      <c r="J829">
        <v>74.486112745049255</v>
      </c>
      <c r="K829">
        <v>-1.142433771057505E-2</v>
      </c>
      <c r="L829">
        <v>-1.23214142400709</v>
      </c>
      <c r="M829">
        <v>7.9481531441322764</v>
      </c>
      <c r="N829">
        <v>24</v>
      </c>
      <c r="O829">
        <v>3</v>
      </c>
      <c r="P829">
        <v>21</v>
      </c>
      <c r="Q829">
        <v>3.5727648169869788</v>
      </c>
      <c r="R829">
        <v>5.5092399425139522</v>
      </c>
      <c r="S829">
        <v>2</v>
      </c>
      <c r="T829">
        <v>1</v>
      </c>
      <c r="U829">
        <v>1</v>
      </c>
      <c r="V829">
        <v>0.14712888643880909</v>
      </c>
      <c r="W829">
        <v>8.1198668432519767</v>
      </c>
      <c r="X829">
        <v>1</v>
      </c>
      <c r="Y829">
        <v>1</v>
      </c>
      <c r="Z829">
        <v>0</v>
      </c>
      <c r="AA829">
        <v>0</v>
      </c>
      <c r="AB829">
        <v>8.1496017357361552</v>
      </c>
      <c r="AC829">
        <v>1</v>
      </c>
      <c r="AD829">
        <v>1</v>
      </c>
      <c r="AE829">
        <v>0</v>
      </c>
      <c r="AF829">
        <v>0</v>
      </c>
      <c r="AG829">
        <v>8.1493128436353466</v>
      </c>
      <c r="AH829">
        <v>-6.9996109181761374E-3</v>
      </c>
      <c r="AI829">
        <v>1.229028788872563E-2</v>
      </c>
      <c r="AJ829">
        <v>-6.7460452862600929E-3</v>
      </c>
      <c r="AK829">
        <v>-2.8988629118862418E-2</v>
      </c>
      <c r="AL829">
        <v>4013.8471532137942</v>
      </c>
      <c r="AM829">
        <v>7705.4820764594278</v>
      </c>
      <c r="AN829">
        <v>441483</v>
      </c>
      <c r="AO829">
        <v>78.831977355760401</v>
      </c>
      <c r="AP829">
        <v>3648.8462295614681</v>
      </c>
      <c r="AQ829">
        <v>1.0066397228637409</v>
      </c>
      <c r="AR829">
        <v>3.9665127020785218</v>
      </c>
      <c r="AS829">
        <v>3453</v>
      </c>
      <c r="AT829">
        <v>241.49653579676669</v>
      </c>
      <c r="AU829">
        <v>1.263981343114615E-2</v>
      </c>
      <c r="AV829">
        <v>-7.002214758064014E-3</v>
      </c>
      <c r="AW829">
        <v>0.3672055427251732</v>
      </c>
      <c r="AX829">
        <v>86.668784291077102</v>
      </c>
      <c r="AY829">
        <v>65</v>
      </c>
      <c r="AZ829">
        <v>131.25</v>
      </c>
      <c r="BA829">
        <v>0.58443902607541087</v>
      </c>
      <c r="BB829">
        <v>0.50317551963048501</v>
      </c>
      <c r="BC829">
        <v>5.3237670937307788</v>
      </c>
      <c r="BD829" t="s">
        <v>3213</v>
      </c>
      <c r="BE829" t="s">
        <v>68</v>
      </c>
    </row>
    <row r="830" spans="1:57" x14ac:dyDescent="0.3">
      <c r="A830" t="s">
        <v>3214</v>
      </c>
      <c r="B830">
        <v>132</v>
      </c>
      <c r="C830" t="s">
        <v>3215</v>
      </c>
      <c r="D830" t="s">
        <v>3216</v>
      </c>
      <c r="E830" t="s">
        <v>60</v>
      </c>
      <c r="F830">
        <v>256</v>
      </c>
      <c r="G830">
        <v>122.234375</v>
      </c>
      <c r="H830">
        <v>120.5</v>
      </c>
      <c r="I830">
        <v>5142.241943359375</v>
      </c>
      <c r="J830">
        <v>71.70942715821522</v>
      </c>
      <c r="K830">
        <v>0.1102460116460655</v>
      </c>
      <c r="L830">
        <v>-1.22758936617243</v>
      </c>
      <c r="M830">
        <v>7.1105943730115158</v>
      </c>
      <c r="N830">
        <v>5</v>
      </c>
      <c r="O830">
        <v>1</v>
      </c>
      <c r="P830">
        <v>4</v>
      </c>
      <c r="Q830">
        <v>0.90433271389831649</v>
      </c>
      <c r="R830">
        <v>4.928688441758343</v>
      </c>
      <c r="S830">
        <v>1</v>
      </c>
      <c r="T830">
        <v>1</v>
      </c>
      <c r="U830">
        <v>0</v>
      </c>
      <c r="V830">
        <v>0</v>
      </c>
      <c r="W830">
        <v>5.541263545158424</v>
      </c>
      <c r="X830">
        <v>1</v>
      </c>
      <c r="Y830">
        <v>1</v>
      </c>
      <c r="Z830">
        <v>0</v>
      </c>
      <c r="AA830">
        <v>0</v>
      </c>
      <c r="AB830">
        <v>5.5373342670185366</v>
      </c>
      <c r="AC830">
        <v>1</v>
      </c>
      <c r="AD830">
        <v>1</v>
      </c>
      <c r="AE830">
        <v>0</v>
      </c>
      <c r="AF830">
        <v>0</v>
      </c>
      <c r="AG830">
        <v>5.5333894887275203</v>
      </c>
      <c r="AH830">
        <v>-3.9436155644349227E-2</v>
      </c>
      <c r="AI830">
        <v>-2.5924956171175829E-3</v>
      </c>
      <c r="AJ830">
        <v>2.4470841332000771E-2</v>
      </c>
      <c r="AK830">
        <v>-3.1001090845261769E-2</v>
      </c>
      <c r="AL830">
        <v>1129.824942052689</v>
      </c>
      <c r="AM830">
        <v>1965.926651814771</v>
      </c>
      <c r="AN830">
        <v>31292</v>
      </c>
      <c r="AO830">
        <v>50.055899136511698</v>
      </c>
      <c r="AP830">
        <v>926.34358608097352</v>
      </c>
      <c r="AQ830">
        <v>1.08984375</v>
      </c>
      <c r="AR830">
        <v>4.0234375</v>
      </c>
      <c r="AS830">
        <v>256</v>
      </c>
      <c r="AT830">
        <v>79.750000000000014</v>
      </c>
      <c r="AU830">
        <v>7.9078494094488194E-2</v>
      </c>
      <c r="AV830">
        <v>-3.9553709305920268E-2</v>
      </c>
      <c r="AW830">
        <v>0.38671875</v>
      </c>
      <c r="AX830">
        <v>84.8</v>
      </c>
      <c r="AY830">
        <v>59</v>
      </c>
      <c r="AZ830">
        <v>118</v>
      </c>
      <c r="BA830">
        <v>0.58665516274137464</v>
      </c>
      <c r="BB830">
        <v>0.48828125</v>
      </c>
      <c r="BC830">
        <v>4.8333920253428104</v>
      </c>
      <c r="BD830" t="s">
        <v>3217</v>
      </c>
      <c r="BE830" t="s">
        <v>62</v>
      </c>
    </row>
    <row r="831" spans="1:57" x14ac:dyDescent="0.3">
      <c r="A831" t="s">
        <v>3218</v>
      </c>
      <c r="B831">
        <v>1059</v>
      </c>
      <c r="C831" t="s">
        <v>3219</v>
      </c>
      <c r="D831" t="s">
        <v>3220</v>
      </c>
      <c r="E831" t="s">
        <v>10622</v>
      </c>
      <c r="F831">
        <v>64</v>
      </c>
      <c r="G831">
        <v>143.859375</v>
      </c>
      <c r="H831">
        <v>150.5</v>
      </c>
      <c r="I831">
        <v>4997.714599609375</v>
      </c>
      <c r="J831">
        <v>70.694516050464443</v>
      </c>
      <c r="K831">
        <v>-0.2486119828528788</v>
      </c>
      <c r="L831">
        <v>-0.99882294244129621</v>
      </c>
      <c r="M831">
        <v>5.632659765557392</v>
      </c>
      <c r="N831">
        <v>3</v>
      </c>
      <c r="O831">
        <v>1</v>
      </c>
      <c r="P831">
        <v>2</v>
      </c>
      <c r="Q831">
        <v>0.48983981078291211</v>
      </c>
      <c r="R831">
        <v>3.9042622355495502</v>
      </c>
      <c r="S831">
        <v>1</v>
      </c>
      <c r="T831">
        <v>1</v>
      </c>
      <c r="U831">
        <v>0</v>
      </c>
      <c r="V831">
        <v>0</v>
      </c>
      <c r="W831">
        <v>4.1431347263915326</v>
      </c>
      <c r="X831">
        <v>1</v>
      </c>
      <c r="Y831">
        <v>1</v>
      </c>
      <c r="Z831">
        <v>0</v>
      </c>
      <c r="AA831">
        <v>0</v>
      </c>
      <c r="AB831">
        <v>4.1271343850450908</v>
      </c>
      <c r="AC831">
        <v>1</v>
      </c>
      <c r="AD831">
        <v>1</v>
      </c>
      <c r="AE831">
        <v>0</v>
      </c>
      <c r="AF831">
        <v>0</v>
      </c>
      <c r="AG831">
        <v>4.1108738641733096</v>
      </c>
      <c r="AH831">
        <v>2.2211018150190619E-2</v>
      </c>
      <c r="AI831">
        <v>-9.1772832848549576E-2</v>
      </c>
      <c r="AJ831">
        <v>0.17854614464526489</v>
      </c>
      <c r="AK831">
        <v>-7.5609298578808409E-2</v>
      </c>
      <c r="AL831">
        <v>652.44137009804444</v>
      </c>
      <c r="AM831">
        <v>1103.9416916597479</v>
      </c>
      <c r="AN831">
        <v>9207</v>
      </c>
      <c r="AO831">
        <v>62.850444428775731</v>
      </c>
      <c r="AP831">
        <v>532.24524422487798</v>
      </c>
      <c r="AQ831">
        <v>1.359375</v>
      </c>
      <c r="AR831">
        <v>4.328125</v>
      </c>
      <c r="AS831">
        <v>63</v>
      </c>
      <c r="AT831">
        <v>10.53125</v>
      </c>
      <c r="AU831">
        <v>0.14846837944664029</v>
      </c>
      <c r="AV831">
        <v>2.3303594564828011E-2</v>
      </c>
      <c r="AW831">
        <v>0.34375</v>
      </c>
      <c r="AX831">
        <v>76.126984126984127</v>
      </c>
      <c r="AY831">
        <v>58.5</v>
      </c>
      <c r="AZ831">
        <v>114</v>
      </c>
      <c r="BA831">
        <v>0.49141403575863202</v>
      </c>
      <c r="BB831">
        <v>0.515625</v>
      </c>
      <c r="BC831">
        <v>3.906476950221248</v>
      </c>
      <c r="BD831" t="s">
        <v>3221</v>
      </c>
      <c r="BE831" t="s">
        <v>62</v>
      </c>
    </row>
    <row r="832" spans="1:57" x14ac:dyDescent="0.3">
      <c r="A832" t="s">
        <v>3222</v>
      </c>
      <c r="B832">
        <v>1133</v>
      </c>
      <c r="C832" t="s">
        <v>3223</v>
      </c>
      <c r="D832" t="s">
        <v>3224</v>
      </c>
      <c r="E832" t="s">
        <v>115</v>
      </c>
      <c r="F832">
        <v>1184</v>
      </c>
      <c r="G832">
        <v>123.3125</v>
      </c>
      <c r="H832">
        <v>120</v>
      </c>
      <c r="I832">
        <v>5496.204708614865</v>
      </c>
      <c r="J832">
        <v>74.136392605891373</v>
      </c>
      <c r="K832">
        <v>6.6055371314000258E-2</v>
      </c>
      <c r="L832">
        <v>-1.2049387446174571</v>
      </c>
      <c r="M832">
        <v>7.8456702795611912</v>
      </c>
      <c r="N832">
        <v>12</v>
      </c>
      <c r="O832">
        <v>1</v>
      </c>
      <c r="P832">
        <v>11</v>
      </c>
      <c r="Q832">
        <v>2.047546918851133</v>
      </c>
      <c r="R832">
        <v>5.4382042338808034</v>
      </c>
      <c r="S832">
        <v>2</v>
      </c>
      <c r="T832">
        <v>1</v>
      </c>
      <c r="U832">
        <v>1</v>
      </c>
      <c r="V832">
        <v>8.722000766205798E-2</v>
      </c>
      <c r="W832">
        <v>7.0652622458464513</v>
      </c>
      <c r="X832">
        <v>1</v>
      </c>
      <c r="Y832">
        <v>1</v>
      </c>
      <c r="Z832">
        <v>0</v>
      </c>
      <c r="AA832">
        <v>0</v>
      </c>
      <c r="AB832">
        <v>7.074963197966043</v>
      </c>
      <c r="AC832">
        <v>1</v>
      </c>
      <c r="AD832">
        <v>1</v>
      </c>
      <c r="AE832">
        <v>0</v>
      </c>
      <c r="AF832">
        <v>0</v>
      </c>
      <c r="AG832">
        <v>7.0741168161973622</v>
      </c>
      <c r="AH832">
        <v>-1.326474461675037E-2</v>
      </c>
      <c r="AI832">
        <v>8.5711474812039654E-4</v>
      </c>
      <c r="AJ832">
        <v>4.2234737606192507E-2</v>
      </c>
      <c r="AK832">
        <v>4.1148023222259231E-2</v>
      </c>
      <c r="AL832">
        <v>2355.5208947881201</v>
      </c>
      <c r="AM832">
        <v>4354.641123470059</v>
      </c>
      <c r="AN832">
        <v>146002</v>
      </c>
      <c r="AO832">
        <v>69.760943599038939</v>
      </c>
      <c r="AP832">
        <v>2049.5147616336299</v>
      </c>
      <c r="AQ832">
        <v>1.0194256756756761</v>
      </c>
      <c r="AR832">
        <v>3.9476351351351351</v>
      </c>
      <c r="AS832">
        <v>1180</v>
      </c>
      <c r="AT832">
        <v>228.44594594594599</v>
      </c>
      <c r="AU832">
        <v>3.4615129835718073E-2</v>
      </c>
      <c r="AV832">
        <v>-1.327108460436866E-2</v>
      </c>
      <c r="AW832">
        <v>0.38513513513513509</v>
      </c>
      <c r="AX832">
        <v>86.856297548605241</v>
      </c>
      <c r="AY832">
        <v>65.5</v>
      </c>
      <c r="AZ832">
        <v>131.25</v>
      </c>
      <c r="BA832">
        <v>0.60120744130474502</v>
      </c>
      <c r="BB832">
        <v>0.48986486486486491</v>
      </c>
      <c r="BC832">
        <v>5.2418918027090244</v>
      </c>
      <c r="BD832" t="s">
        <v>3225</v>
      </c>
      <c r="BE832" t="s">
        <v>62</v>
      </c>
    </row>
    <row r="833" spans="1:57" x14ac:dyDescent="0.3">
      <c r="A833" t="s">
        <v>3226</v>
      </c>
      <c r="B833">
        <v>3140</v>
      </c>
      <c r="C833" t="s">
        <v>3227</v>
      </c>
      <c r="D833" t="s">
        <v>3228</v>
      </c>
      <c r="E833" t="s">
        <v>72</v>
      </c>
      <c r="F833">
        <v>3160</v>
      </c>
      <c r="G833">
        <v>126.23196202531641</v>
      </c>
      <c r="H833">
        <v>124</v>
      </c>
      <c r="I833">
        <v>5479.0832189352668</v>
      </c>
      <c r="J833">
        <v>74.02082962879615</v>
      </c>
      <c r="K833">
        <v>3.021834113585507E-2</v>
      </c>
      <c r="L833">
        <v>-1.190060791759332</v>
      </c>
      <c r="M833">
        <v>7.9384497992938536</v>
      </c>
      <c r="N833">
        <v>21</v>
      </c>
      <c r="O833">
        <v>3</v>
      </c>
      <c r="P833">
        <v>18</v>
      </c>
      <c r="Q833">
        <v>3.557425113407167</v>
      </c>
      <c r="R833">
        <v>5.502514096397185</v>
      </c>
      <c r="S833">
        <v>3</v>
      </c>
      <c r="T833">
        <v>1</v>
      </c>
      <c r="U833">
        <v>2</v>
      </c>
      <c r="V833">
        <v>0.1620896087898854</v>
      </c>
      <c r="W833">
        <v>8.0222991542701187</v>
      </c>
      <c r="X833">
        <v>1</v>
      </c>
      <c r="Y833">
        <v>1</v>
      </c>
      <c r="Z833">
        <v>0</v>
      </c>
      <c r="AA833">
        <v>0</v>
      </c>
      <c r="AB833">
        <v>8.0576941948155856</v>
      </c>
      <c r="AC833">
        <v>1</v>
      </c>
      <c r="AD833">
        <v>1</v>
      </c>
      <c r="AE833">
        <v>0</v>
      </c>
      <c r="AF833">
        <v>0</v>
      </c>
      <c r="AG833">
        <v>8.057377488557993</v>
      </c>
      <c r="AH833">
        <v>-2.1916408573223842E-2</v>
      </c>
      <c r="AI833">
        <v>-2.9407936666354412E-2</v>
      </c>
      <c r="AJ833">
        <v>-2.498769428180565E-2</v>
      </c>
      <c r="AK833">
        <v>1.2011560330391439E-2</v>
      </c>
      <c r="AL833">
        <v>3798.6916742350581</v>
      </c>
      <c r="AM833">
        <v>7296.3614606252377</v>
      </c>
      <c r="AN833">
        <v>398893</v>
      </c>
      <c r="AO833">
        <v>63.4770656425572</v>
      </c>
      <c r="AP833">
        <v>3458.726234049403</v>
      </c>
      <c r="AQ833">
        <v>1.007278481012658</v>
      </c>
      <c r="AR833">
        <v>3.9987341772151899</v>
      </c>
      <c r="AS833">
        <v>3154</v>
      </c>
      <c r="AT833">
        <v>262.46075949367088</v>
      </c>
      <c r="AU833">
        <v>1.7827004219409252E-2</v>
      </c>
      <c r="AV833">
        <v>-2.191756810568159E-2</v>
      </c>
      <c r="AW833">
        <v>0.38069620253164549</v>
      </c>
      <c r="AX833">
        <v>86.185818296929412</v>
      </c>
      <c r="AY833">
        <v>64</v>
      </c>
      <c r="AZ833">
        <v>128</v>
      </c>
      <c r="BA833">
        <v>0.58638738114480793</v>
      </c>
      <c r="BB833">
        <v>0.48892405063291139</v>
      </c>
      <c r="BC833">
        <v>5.3213535525477376</v>
      </c>
      <c r="BD833" t="s">
        <v>3229</v>
      </c>
      <c r="BE833" t="s">
        <v>68</v>
      </c>
    </row>
    <row r="834" spans="1:57" x14ac:dyDescent="0.3">
      <c r="A834" t="s">
        <v>3230</v>
      </c>
      <c r="B834">
        <v>939</v>
      </c>
      <c r="C834" t="s">
        <v>3231</v>
      </c>
      <c r="D834" t="s">
        <v>3232</v>
      </c>
      <c r="E834" t="s">
        <v>106</v>
      </c>
      <c r="F834">
        <v>953</v>
      </c>
      <c r="G834">
        <v>127.6862539349423</v>
      </c>
      <c r="H834">
        <v>131</v>
      </c>
      <c r="I834">
        <v>5258.2908603636388</v>
      </c>
      <c r="J834">
        <v>72.514073533098653</v>
      </c>
      <c r="K834">
        <v>-4.0346875399350987E-2</v>
      </c>
      <c r="L834">
        <v>-1.1697053226898111</v>
      </c>
      <c r="M834">
        <v>7.8221166851196484</v>
      </c>
      <c r="N834">
        <v>10</v>
      </c>
      <c r="O834">
        <v>1</v>
      </c>
      <c r="P834">
        <v>9</v>
      </c>
      <c r="Q834">
        <v>1.678561127450942</v>
      </c>
      <c r="R834">
        <v>5.4218781263015963</v>
      </c>
      <c r="S834">
        <v>2</v>
      </c>
      <c r="T834">
        <v>1</v>
      </c>
      <c r="U834">
        <v>1</v>
      </c>
      <c r="V834">
        <v>7.2470369321112935E-2</v>
      </c>
      <c r="W834">
        <v>6.8512840770123766</v>
      </c>
      <c r="X834">
        <v>1</v>
      </c>
      <c r="Y834">
        <v>1</v>
      </c>
      <c r="Z834">
        <v>0</v>
      </c>
      <c r="AA834">
        <v>0</v>
      </c>
      <c r="AB834">
        <v>6.8575140625453903</v>
      </c>
      <c r="AC834">
        <v>1</v>
      </c>
      <c r="AD834">
        <v>1</v>
      </c>
      <c r="AE834">
        <v>0</v>
      </c>
      <c r="AF834">
        <v>0</v>
      </c>
      <c r="AG834">
        <v>6.8564619845945884</v>
      </c>
      <c r="AH834">
        <v>-1.440397451478927E-2</v>
      </c>
      <c r="AI834">
        <v>-2.6715544864798099E-2</v>
      </c>
      <c r="AJ834">
        <v>0.10611625992479461</v>
      </c>
      <c r="AK834">
        <v>-1.14300225165434E-2</v>
      </c>
      <c r="AL834">
        <v>2103.870676095949</v>
      </c>
      <c r="AM834">
        <v>4015.2685063720919</v>
      </c>
      <c r="AN834">
        <v>121685</v>
      </c>
      <c r="AO834">
        <v>29.358678628621998</v>
      </c>
      <c r="AP834">
        <v>1826.159258208929</v>
      </c>
      <c r="AQ834">
        <v>1.024134312696747</v>
      </c>
      <c r="AR834">
        <v>4.0188877229800628</v>
      </c>
      <c r="AS834">
        <v>950</v>
      </c>
      <c r="AT834">
        <v>183.30745015739771</v>
      </c>
      <c r="AU834">
        <v>2.896117523609654E-2</v>
      </c>
      <c r="AV834">
        <v>-1.44222584767922E-2</v>
      </c>
      <c r="AW834">
        <v>0.36201469045120671</v>
      </c>
      <c r="AX834">
        <v>84.279411764705884</v>
      </c>
      <c r="AY834">
        <v>62</v>
      </c>
      <c r="AZ834">
        <v>126</v>
      </c>
      <c r="BA834">
        <v>0.56790822268186725</v>
      </c>
      <c r="BB834">
        <v>0.51311647429171037</v>
      </c>
      <c r="BC834">
        <v>5.2074108195358706</v>
      </c>
      <c r="BD834" t="s">
        <v>3233</v>
      </c>
      <c r="BE834" t="s">
        <v>68</v>
      </c>
    </row>
    <row r="835" spans="1:57" x14ac:dyDescent="0.3">
      <c r="A835" t="s">
        <v>3234</v>
      </c>
      <c r="B835">
        <v>145</v>
      </c>
      <c r="C835" t="s">
        <v>3235</v>
      </c>
      <c r="D835" t="s">
        <v>3236</v>
      </c>
      <c r="E835" t="s">
        <v>60</v>
      </c>
      <c r="F835">
        <v>512</v>
      </c>
      <c r="G835">
        <v>124.357421875</v>
      </c>
      <c r="H835">
        <v>126</v>
      </c>
      <c r="I835">
        <v>5426.7140464782706</v>
      </c>
      <c r="J835">
        <v>73.666234100015402</v>
      </c>
      <c r="K835">
        <v>2.4642222421773559E-2</v>
      </c>
      <c r="L835">
        <v>-1.184283073475872</v>
      </c>
      <c r="M835">
        <v>7.6202017541654552</v>
      </c>
      <c r="N835">
        <v>8</v>
      </c>
      <c r="O835">
        <v>1</v>
      </c>
      <c r="P835">
        <v>7</v>
      </c>
      <c r="Q835">
        <v>1.216398245377732</v>
      </c>
      <c r="R835">
        <v>5.2819213611977336</v>
      </c>
      <c r="S835">
        <v>2</v>
      </c>
      <c r="T835">
        <v>1</v>
      </c>
      <c r="U835">
        <v>1</v>
      </c>
      <c r="V835">
        <v>7.6620080535545518E-2</v>
      </c>
      <c r="W835">
        <v>6.2282308757548588</v>
      </c>
      <c r="X835">
        <v>1</v>
      </c>
      <c r="Y835">
        <v>1</v>
      </c>
      <c r="Z835">
        <v>0</v>
      </c>
      <c r="AA835">
        <v>0</v>
      </c>
      <c r="AB835">
        <v>6.2344107257183694</v>
      </c>
      <c r="AC835">
        <v>1</v>
      </c>
      <c r="AD835">
        <v>1</v>
      </c>
      <c r="AE835">
        <v>0</v>
      </c>
      <c r="AF835">
        <v>0</v>
      </c>
      <c r="AG835">
        <v>6.2324480165505216</v>
      </c>
      <c r="AH835">
        <v>-7.029285759947923E-2</v>
      </c>
      <c r="AI835">
        <v>-2.7064799556620289E-2</v>
      </c>
      <c r="AJ835">
        <v>2.6042600186975209E-4</v>
      </c>
      <c r="AK835">
        <v>7.0945671617483594E-2</v>
      </c>
      <c r="AL835">
        <v>1608.641920036745</v>
      </c>
      <c r="AM835">
        <v>2847.5797044333099</v>
      </c>
      <c r="AN835">
        <v>63671</v>
      </c>
      <c r="AO835">
        <v>156.14030157612021</v>
      </c>
      <c r="AP835">
        <v>1389.569087918765</v>
      </c>
      <c r="AQ835">
        <v>1.044921875</v>
      </c>
      <c r="AR835">
        <v>3.97265625</v>
      </c>
      <c r="AS835">
        <v>510</v>
      </c>
      <c r="AT835">
        <v>146.30078125</v>
      </c>
      <c r="AU835">
        <v>3.5899203431372539E-2</v>
      </c>
      <c r="AV835">
        <v>-7.037486451807716E-2</v>
      </c>
      <c r="AW835">
        <v>0.37109375</v>
      </c>
      <c r="AX835">
        <v>87.984344422700588</v>
      </c>
      <c r="AY835">
        <v>63</v>
      </c>
      <c r="AZ835">
        <v>126</v>
      </c>
      <c r="BA835">
        <v>0.59237505079561947</v>
      </c>
      <c r="BB835">
        <v>0.505859375</v>
      </c>
      <c r="BC835">
        <v>5.1284693932735097</v>
      </c>
      <c r="BD835" t="s">
        <v>3237</v>
      </c>
      <c r="BE835" t="s">
        <v>62</v>
      </c>
    </row>
    <row r="836" spans="1:57" x14ac:dyDescent="0.3">
      <c r="A836" t="s">
        <v>3238</v>
      </c>
      <c r="B836">
        <v>1747</v>
      </c>
      <c r="C836" t="s">
        <v>3239</v>
      </c>
      <c r="D836" t="s">
        <v>3240</v>
      </c>
      <c r="E836" t="s">
        <v>93</v>
      </c>
      <c r="F836">
        <v>1813</v>
      </c>
      <c r="G836">
        <v>128.2040816326531</v>
      </c>
      <c r="H836">
        <v>128</v>
      </c>
      <c r="I836">
        <v>5344.9224985085038</v>
      </c>
      <c r="J836">
        <v>73.108976866787728</v>
      </c>
      <c r="K836">
        <v>2.172837768301342E-2</v>
      </c>
      <c r="L836">
        <v>-1.2022144423473711</v>
      </c>
      <c r="M836">
        <v>7.8934132798402423</v>
      </c>
      <c r="N836">
        <v>17</v>
      </c>
      <c r="O836">
        <v>1</v>
      </c>
      <c r="P836">
        <v>16</v>
      </c>
      <c r="Q836">
        <v>2.6818817319232102</v>
      </c>
      <c r="R836">
        <v>5.4712971599156894</v>
      </c>
      <c r="S836">
        <v>3</v>
      </c>
      <c r="T836">
        <v>1</v>
      </c>
      <c r="U836">
        <v>2</v>
      </c>
      <c r="V836">
        <v>0.13920864102469149</v>
      </c>
      <c r="W836">
        <v>7.4803747093814588</v>
      </c>
      <c r="X836">
        <v>1</v>
      </c>
      <c r="Y836">
        <v>1</v>
      </c>
      <c r="Z836">
        <v>0</v>
      </c>
      <c r="AA836">
        <v>0</v>
      </c>
      <c r="AB836">
        <v>7.5016344578834122</v>
      </c>
      <c r="AC836">
        <v>1</v>
      </c>
      <c r="AD836">
        <v>1</v>
      </c>
      <c r="AE836">
        <v>0</v>
      </c>
      <c r="AF836">
        <v>0</v>
      </c>
      <c r="AG836">
        <v>7.5010821242598738</v>
      </c>
      <c r="AH836">
        <v>7.3751889513577569E-3</v>
      </c>
      <c r="AI836">
        <v>-3.4226617670913347E-2</v>
      </c>
      <c r="AJ836">
        <v>1.134279254771416E-2</v>
      </c>
      <c r="AK836">
        <v>-1.7926115320521161E-2</v>
      </c>
      <c r="AL836">
        <v>2867.3983194217358</v>
      </c>
      <c r="AM836">
        <v>5591.7223534236209</v>
      </c>
      <c r="AN836">
        <v>232434</v>
      </c>
      <c r="AO836">
        <v>122.53060903312721</v>
      </c>
      <c r="AP836">
        <v>2515.5322557388408</v>
      </c>
      <c r="AQ836">
        <v>1.012686155543298</v>
      </c>
      <c r="AR836">
        <v>4.0088251516822941</v>
      </c>
      <c r="AS836">
        <v>1804</v>
      </c>
      <c r="AT836">
        <v>259.99282956425822</v>
      </c>
      <c r="AU836">
        <v>2.2097487643706139E-2</v>
      </c>
      <c r="AV836">
        <v>7.3801140509624618E-3</v>
      </c>
      <c r="AW836">
        <v>0.38720353006067287</v>
      </c>
      <c r="AX836">
        <v>84.28697571743929</v>
      </c>
      <c r="AY836">
        <v>64</v>
      </c>
      <c r="AZ836">
        <v>127</v>
      </c>
      <c r="BA836">
        <v>0.57025467470114588</v>
      </c>
      <c r="BB836">
        <v>0.49751792608935458</v>
      </c>
      <c r="BC836">
        <v>5.2751027921577647</v>
      </c>
      <c r="BD836" t="s">
        <v>3241</v>
      </c>
      <c r="BE836" t="s">
        <v>68</v>
      </c>
    </row>
    <row r="837" spans="1:57" x14ac:dyDescent="0.3">
      <c r="A837" t="s">
        <v>3242</v>
      </c>
      <c r="B837">
        <v>620</v>
      </c>
      <c r="C837" t="s">
        <v>3243</v>
      </c>
      <c r="D837" t="s">
        <v>3244</v>
      </c>
      <c r="E837" t="s">
        <v>66</v>
      </c>
      <c r="F837">
        <v>72</v>
      </c>
      <c r="G837">
        <v>118.8194444444444</v>
      </c>
      <c r="H837">
        <v>120.5</v>
      </c>
      <c r="I837">
        <v>5660.842399691358</v>
      </c>
      <c r="J837">
        <v>75.238569893980298</v>
      </c>
      <c r="K837">
        <v>8.4751400977524774E-2</v>
      </c>
      <c r="L837">
        <v>-1.019318236046969</v>
      </c>
      <c r="M837">
        <v>5.7773602444077277</v>
      </c>
      <c r="N837">
        <v>3</v>
      </c>
      <c r="O837">
        <v>1</v>
      </c>
      <c r="P837">
        <v>2</v>
      </c>
      <c r="Q837">
        <v>0.52295758035733941</v>
      </c>
      <c r="R837">
        <v>4.0045609644903291</v>
      </c>
      <c r="S837">
        <v>2</v>
      </c>
      <c r="T837">
        <v>1</v>
      </c>
      <c r="U837">
        <v>1</v>
      </c>
      <c r="V837">
        <v>0.16776575221435111</v>
      </c>
      <c r="W837">
        <v>4.2236293316576567</v>
      </c>
      <c r="X837">
        <v>2</v>
      </c>
      <c r="Y837">
        <v>1</v>
      </c>
      <c r="Z837">
        <v>1</v>
      </c>
      <c r="AA837">
        <v>0.11951030798891769</v>
      </c>
      <c r="AB837">
        <v>4.2286910368905044</v>
      </c>
      <c r="AC837">
        <v>1</v>
      </c>
      <c r="AD837">
        <v>1</v>
      </c>
      <c r="AE837">
        <v>0</v>
      </c>
      <c r="AF837">
        <v>0</v>
      </c>
      <c r="AG837">
        <v>4.2341065045972579</v>
      </c>
      <c r="AH837">
        <v>-0.15924071698632181</v>
      </c>
      <c r="AI837">
        <v>0.19049451615201979</v>
      </c>
      <c r="AJ837">
        <v>-0.38064680709278531</v>
      </c>
      <c r="AK837">
        <v>0.17698969831628</v>
      </c>
      <c r="AL837">
        <v>628.58567951981433</v>
      </c>
      <c r="AM837">
        <v>1014.377170239262</v>
      </c>
      <c r="AN837">
        <v>8555</v>
      </c>
      <c r="AO837">
        <v>74.834136974747224</v>
      </c>
      <c r="AP837">
        <v>449.33154466446712</v>
      </c>
      <c r="AQ837">
        <v>1.319444444444444</v>
      </c>
      <c r="AR837">
        <v>3.75</v>
      </c>
      <c r="AS837">
        <v>72</v>
      </c>
      <c r="AT837">
        <v>13.22222222222222</v>
      </c>
      <c r="AU837">
        <v>9.1426071741032372E-2</v>
      </c>
      <c r="AV837">
        <v>-0.16075626976951579</v>
      </c>
      <c r="AW837">
        <v>0.3888888888888889</v>
      </c>
      <c r="AX837">
        <v>93.295774647887328</v>
      </c>
      <c r="AY837">
        <v>58</v>
      </c>
      <c r="AZ837">
        <v>118.75</v>
      </c>
      <c r="BA837">
        <v>0.6332176542801381</v>
      </c>
      <c r="BB837">
        <v>0.5</v>
      </c>
      <c r="BC837">
        <v>4.0136372204079667</v>
      </c>
      <c r="BD837" t="s">
        <v>3245</v>
      </c>
      <c r="BE837" t="s">
        <v>68</v>
      </c>
    </row>
    <row r="838" spans="1:57" x14ac:dyDescent="0.3">
      <c r="A838" t="s">
        <v>3246</v>
      </c>
      <c r="B838">
        <v>1294</v>
      </c>
      <c r="C838" t="s">
        <v>3247</v>
      </c>
      <c r="D838" t="s">
        <v>3248</v>
      </c>
      <c r="E838" t="s">
        <v>72</v>
      </c>
      <c r="F838">
        <v>1304</v>
      </c>
      <c r="G838">
        <v>129.0958588957055</v>
      </c>
      <c r="H838">
        <v>129</v>
      </c>
      <c r="I838">
        <v>5302.6740932807033</v>
      </c>
      <c r="J838">
        <v>72.81946232485312</v>
      </c>
      <c r="K838">
        <v>-2.6899886722153252E-2</v>
      </c>
      <c r="L838">
        <v>-1.14913860568514</v>
      </c>
      <c r="M838">
        <v>7.8458146626279293</v>
      </c>
      <c r="N838">
        <v>13</v>
      </c>
      <c r="O838">
        <v>1</v>
      </c>
      <c r="P838">
        <v>12</v>
      </c>
      <c r="Q838">
        <v>2.223649514471969</v>
      </c>
      <c r="R838">
        <v>5.4383043125964283</v>
      </c>
      <c r="S838">
        <v>2</v>
      </c>
      <c r="T838">
        <v>1</v>
      </c>
      <c r="U838">
        <v>1</v>
      </c>
      <c r="V838">
        <v>8.7602157708548303E-2</v>
      </c>
      <c r="W838">
        <v>7.1617853264639093</v>
      </c>
      <c r="X838">
        <v>1</v>
      </c>
      <c r="Y838">
        <v>1</v>
      </c>
      <c r="Z838">
        <v>0</v>
      </c>
      <c r="AA838">
        <v>0</v>
      </c>
      <c r="AB838">
        <v>7.1716568227685151</v>
      </c>
      <c r="AC838">
        <v>1</v>
      </c>
      <c r="AD838">
        <v>1</v>
      </c>
      <c r="AE838">
        <v>0</v>
      </c>
      <c r="AF838">
        <v>0</v>
      </c>
      <c r="AG838">
        <v>7.1708884785125058</v>
      </c>
      <c r="AH838">
        <v>-1.503409397549808E-2</v>
      </c>
      <c r="AI838">
        <v>-3.3761663437119969E-2</v>
      </c>
      <c r="AJ838">
        <v>-3.8127619993349383E-2</v>
      </c>
      <c r="AK838">
        <v>2.8558753069892511E-2</v>
      </c>
      <c r="AL838">
        <v>2439.4145860880622</v>
      </c>
      <c r="AM838">
        <v>4764.0391976956707</v>
      </c>
      <c r="AN838">
        <v>168341</v>
      </c>
      <c r="AO838">
        <v>120.561924297071</v>
      </c>
      <c r="AP838">
        <v>2134.5460374655181</v>
      </c>
      <c r="AQ838">
        <v>1.0176380368098159</v>
      </c>
      <c r="AR838">
        <v>4.0651840490797548</v>
      </c>
      <c r="AS838">
        <v>1296</v>
      </c>
      <c r="AT838">
        <v>242.7147239263804</v>
      </c>
      <c r="AU838">
        <v>2.320161193311682E-2</v>
      </c>
      <c r="AV838">
        <v>-1.5052301509987249E-2</v>
      </c>
      <c r="AW838">
        <v>0.370398773006135</v>
      </c>
      <c r="AX838">
        <v>85.287797390636996</v>
      </c>
      <c r="AY838">
        <v>61</v>
      </c>
      <c r="AZ838">
        <v>123</v>
      </c>
      <c r="BA838">
        <v>0.56407279790192799</v>
      </c>
      <c r="BB838">
        <v>0.49693251533742328</v>
      </c>
      <c r="BC838">
        <v>5.2435450148166369</v>
      </c>
      <c r="BD838" t="s">
        <v>3249</v>
      </c>
      <c r="BE838" t="s">
        <v>68</v>
      </c>
    </row>
    <row r="839" spans="1:57" x14ac:dyDescent="0.3">
      <c r="A839" t="s">
        <v>3250</v>
      </c>
      <c r="B839">
        <v>2382</v>
      </c>
      <c r="C839" t="s">
        <v>3251</v>
      </c>
      <c r="D839" t="s">
        <v>3252</v>
      </c>
      <c r="E839" t="s">
        <v>66</v>
      </c>
      <c r="F839">
        <v>71</v>
      </c>
      <c r="G839">
        <v>118.112676056338</v>
      </c>
      <c r="H839">
        <v>110</v>
      </c>
      <c r="I839">
        <v>5450.2126562190033</v>
      </c>
      <c r="J839">
        <v>73.825555576771677</v>
      </c>
      <c r="K839">
        <v>0.1083188244162475</v>
      </c>
      <c r="L839">
        <v>-1.0094795004745889</v>
      </c>
      <c r="M839">
        <v>5.7729177180657549</v>
      </c>
      <c r="N839">
        <v>3</v>
      </c>
      <c r="O839">
        <v>1</v>
      </c>
      <c r="P839">
        <v>2</v>
      </c>
      <c r="Q839">
        <v>0.4564897343059906</v>
      </c>
      <c r="R839">
        <v>4.0014816398818347</v>
      </c>
      <c r="S839">
        <v>2</v>
      </c>
      <c r="T839">
        <v>1</v>
      </c>
      <c r="U839">
        <v>1</v>
      </c>
      <c r="V839">
        <v>0.11951030798891769</v>
      </c>
      <c r="W839">
        <v>4.2286910368905044</v>
      </c>
      <c r="X839">
        <v>1</v>
      </c>
      <c r="Y839">
        <v>1</v>
      </c>
      <c r="Z839">
        <v>0</v>
      </c>
      <c r="AA839">
        <v>0</v>
      </c>
      <c r="AB839">
        <v>4.2341065045972579</v>
      </c>
      <c r="AC839">
        <v>1</v>
      </c>
      <c r="AD839">
        <v>1</v>
      </c>
      <c r="AE839">
        <v>0</v>
      </c>
      <c r="AF839">
        <v>0</v>
      </c>
      <c r="AG839">
        <v>4.2195077051761087</v>
      </c>
      <c r="AH839">
        <v>0.27641824300315582</v>
      </c>
      <c r="AI839">
        <v>-9.4169128868444099E-2</v>
      </c>
      <c r="AJ839">
        <v>0.1000036867959976</v>
      </c>
      <c r="AK839">
        <v>0.13563762768704379</v>
      </c>
      <c r="AL839">
        <v>661.33177450286178</v>
      </c>
      <c r="AM839">
        <v>969.58665627828043</v>
      </c>
      <c r="AN839">
        <v>8386</v>
      </c>
      <c r="AO839">
        <v>75.7078847344427</v>
      </c>
      <c r="AP839">
        <v>472.04086470691033</v>
      </c>
      <c r="AQ839">
        <v>1.323943661971831</v>
      </c>
      <c r="AR839">
        <v>3.6619718309859151</v>
      </c>
      <c r="AS839">
        <v>71</v>
      </c>
      <c r="AT839">
        <v>9.8732394366197163</v>
      </c>
      <c r="AU839">
        <v>9.4876344682266855E-2</v>
      </c>
      <c r="AV839">
        <v>0.27947127149898993</v>
      </c>
      <c r="AW839">
        <v>0.43661971830985907</v>
      </c>
      <c r="AX839">
        <v>69.228571428571428</v>
      </c>
      <c r="AY839">
        <v>59</v>
      </c>
      <c r="AZ839">
        <v>110.5</v>
      </c>
      <c r="BA839">
        <v>0.62504345885413648</v>
      </c>
      <c r="BB839">
        <v>0.46478873239436619</v>
      </c>
      <c r="BC839">
        <v>3.8845445757076091</v>
      </c>
      <c r="BD839" t="s">
        <v>3253</v>
      </c>
      <c r="BE839" t="s">
        <v>68</v>
      </c>
    </row>
    <row r="840" spans="1:57" x14ac:dyDescent="0.3">
      <c r="A840" t="s">
        <v>3254</v>
      </c>
      <c r="B840">
        <v>1901</v>
      </c>
      <c r="C840" t="s">
        <v>3255</v>
      </c>
      <c r="D840" t="s">
        <v>3256</v>
      </c>
      <c r="E840" t="s">
        <v>115</v>
      </c>
      <c r="F840">
        <v>1947</v>
      </c>
      <c r="G840">
        <v>127.15562403698</v>
      </c>
      <c r="H840">
        <v>126</v>
      </c>
      <c r="I840">
        <v>5413.3332541945529</v>
      </c>
      <c r="J840">
        <v>73.575357655906458</v>
      </c>
      <c r="K840">
        <v>6.8179825304954464E-3</v>
      </c>
      <c r="L840">
        <v>-1.1886147167658001</v>
      </c>
      <c r="M840">
        <v>7.9105730657004152</v>
      </c>
      <c r="N840">
        <v>17</v>
      </c>
      <c r="O840">
        <v>1</v>
      </c>
      <c r="P840">
        <v>16</v>
      </c>
      <c r="Q840">
        <v>2.6583832196982882</v>
      </c>
      <c r="R840">
        <v>5.4831914171036944</v>
      </c>
      <c r="S840">
        <v>3</v>
      </c>
      <c r="T840">
        <v>1</v>
      </c>
      <c r="U840">
        <v>2</v>
      </c>
      <c r="V840">
        <v>0.12626262403621391</v>
      </c>
      <c r="W840">
        <v>7.5526033158722381</v>
      </c>
      <c r="X840">
        <v>1</v>
      </c>
      <c r="Y840">
        <v>1</v>
      </c>
      <c r="Z840">
        <v>0</v>
      </c>
      <c r="AA840">
        <v>0</v>
      </c>
      <c r="AB840">
        <v>7.5730172560525446</v>
      </c>
      <c r="AC840">
        <v>1</v>
      </c>
      <c r="AD840">
        <v>1</v>
      </c>
      <c r="AE840">
        <v>0</v>
      </c>
      <c r="AF840">
        <v>0</v>
      </c>
      <c r="AG840">
        <v>7.5725029850203844</v>
      </c>
      <c r="AH840">
        <v>1.8748505425662601E-2</v>
      </c>
      <c r="AI840">
        <v>-2.7133753943878802E-2</v>
      </c>
      <c r="AJ840">
        <v>-2.2562348315427201E-2</v>
      </c>
      <c r="AK840">
        <v>-1.477705612374676E-2</v>
      </c>
      <c r="AL840">
        <v>3001.9175869154701</v>
      </c>
      <c r="AM840">
        <v>5745.2957105241849</v>
      </c>
      <c r="AN840">
        <v>247572</v>
      </c>
      <c r="AO840">
        <v>113.93064236479221</v>
      </c>
      <c r="AP840">
        <v>2649.6651436596831</v>
      </c>
      <c r="AQ840">
        <v>1.011813045711351</v>
      </c>
      <c r="AR840">
        <v>3.9784283513097072</v>
      </c>
      <c r="AS840">
        <v>1943</v>
      </c>
      <c r="AT840">
        <v>237.8751926040062</v>
      </c>
      <c r="AU840">
        <v>1.1734493489229281E-2</v>
      </c>
      <c r="AV840">
        <v>1.8762190317761E-2</v>
      </c>
      <c r="AW840">
        <v>0.36979969183359013</v>
      </c>
      <c r="AX840">
        <v>83.636690647482013</v>
      </c>
      <c r="AY840">
        <v>64</v>
      </c>
      <c r="AZ840">
        <v>128</v>
      </c>
      <c r="BA840">
        <v>0.57862448643647046</v>
      </c>
      <c r="BB840">
        <v>0.49512069851052898</v>
      </c>
      <c r="BC840">
        <v>5.2740245175957448</v>
      </c>
      <c r="BD840" t="s">
        <v>3257</v>
      </c>
      <c r="BE840" t="s">
        <v>68</v>
      </c>
    </row>
    <row r="841" spans="1:57" x14ac:dyDescent="0.3">
      <c r="A841" t="s">
        <v>3258</v>
      </c>
      <c r="B841">
        <v>2064</v>
      </c>
      <c r="C841" t="s">
        <v>3259</v>
      </c>
      <c r="D841" t="s">
        <v>3260</v>
      </c>
      <c r="E841" t="s">
        <v>98</v>
      </c>
      <c r="F841">
        <v>16</v>
      </c>
      <c r="G841">
        <v>140.6875</v>
      </c>
      <c r="H841">
        <v>136</v>
      </c>
      <c r="I841">
        <v>5248.21484375</v>
      </c>
      <c r="J841">
        <v>72.444563935122147</v>
      </c>
      <c r="K841">
        <v>-0.11356109710845</v>
      </c>
      <c r="L841">
        <v>-0.78556141318958872</v>
      </c>
      <c r="M841">
        <v>4</v>
      </c>
      <c r="N841">
        <v>1</v>
      </c>
      <c r="O841">
        <v>1</v>
      </c>
      <c r="P841">
        <v>0</v>
      </c>
      <c r="Q841">
        <v>0</v>
      </c>
      <c r="R841">
        <v>2.7725887222397811</v>
      </c>
      <c r="S841">
        <v>1</v>
      </c>
      <c r="T841">
        <v>1</v>
      </c>
      <c r="U841">
        <v>0</v>
      </c>
      <c r="V841">
        <v>0</v>
      </c>
      <c r="W841">
        <v>2.7080502011022101</v>
      </c>
      <c r="X841">
        <v>1</v>
      </c>
      <c r="Y841">
        <v>1</v>
      </c>
      <c r="Z841">
        <v>0</v>
      </c>
      <c r="AA841">
        <v>0</v>
      </c>
      <c r="AB841">
        <v>2.639057329615258</v>
      </c>
      <c r="AC841">
        <v>1</v>
      </c>
      <c r="AD841">
        <v>1</v>
      </c>
      <c r="AE841">
        <v>0</v>
      </c>
      <c r="AF841">
        <v>0</v>
      </c>
      <c r="AG841">
        <v>2.5649493574615372</v>
      </c>
      <c r="AH841">
        <v>0.15658481901956239</v>
      </c>
      <c r="AI841">
        <v>5.0994181057100518E-2</v>
      </c>
      <c r="AJ841">
        <v>-0.26359097736358272</v>
      </c>
      <c r="AK841">
        <v>-0.116341363841723</v>
      </c>
      <c r="AL841">
        <v>382.2348361176193</v>
      </c>
      <c r="AM841">
        <v>504.53496415822042</v>
      </c>
      <c r="AN841">
        <v>2251</v>
      </c>
      <c r="AO841">
        <v>23</v>
      </c>
      <c r="AP841">
        <v>280.3434900086902</v>
      </c>
      <c r="AQ841">
        <v>2.3125</v>
      </c>
      <c r="AR841">
        <v>4.4375</v>
      </c>
      <c r="AS841">
        <v>16</v>
      </c>
      <c r="AT841">
        <v>0</v>
      </c>
      <c r="AU841">
        <v>0.16106719367588929</v>
      </c>
      <c r="AV841">
        <v>0.1689681992564695</v>
      </c>
      <c r="AW841">
        <v>0.3125</v>
      </c>
      <c r="AX841">
        <v>79.400000000000006</v>
      </c>
      <c r="AY841">
        <v>37</v>
      </c>
      <c r="AZ841">
        <v>68.25</v>
      </c>
      <c r="BA841">
        <v>0.51493248465657682</v>
      </c>
      <c r="BB841">
        <v>0.4375</v>
      </c>
      <c r="BC841">
        <v>2.615630577027551</v>
      </c>
      <c r="BD841" t="s">
        <v>3259</v>
      </c>
      <c r="BE841" t="s">
        <v>62</v>
      </c>
    </row>
    <row r="842" spans="1:57" x14ac:dyDescent="0.3">
      <c r="A842" t="s">
        <v>3261</v>
      </c>
      <c r="B842">
        <v>3040</v>
      </c>
      <c r="C842" t="s">
        <v>3262</v>
      </c>
      <c r="D842" t="s">
        <v>3263</v>
      </c>
      <c r="E842" t="s">
        <v>106</v>
      </c>
      <c r="F842">
        <v>3084</v>
      </c>
      <c r="G842">
        <v>126.5937094682231</v>
      </c>
      <c r="H842">
        <v>125</v>
      </c>
      <c r="I842">
        <v>5378.3910239830366</v>
      </c>
      <c r="J842">
        <v>73.337514438267107</v>
      </c>
      <c r="K842">
        <v>3.6577298106351748E-2</v>
      </c>
      <c r="L842">
        <v>-1.166384534669954</v>
      </c>
      <c r="M842">
        <v>7.9398254040967178</v>
      </c>
      <c r="N842">
        <v>23</v>
      </c>
      <c r="O842">
        <v>4</v>
      </c>
      <c r="P842">
        <v>19</v>
      </c>
      <c r="Q842">
        <v>3.4851456546857551</v>
      </c>
      <c r="R842">
        <v>5.5034675929878647</v>
      </c>
      <c r="S842">
        <v>3</v>
      </c>
      <c r="T842">
        <v>1</v>
      </c>
      <c r="U842">
        <v>2</v>
      </c>
      <c r="V842">
        <v>0.13718100908419831</v>
      </c>
      <c r="W842">
        <v>8.0083078821947851</v>
      </c>
      <c r="X842">
        <v>1</v>
      </c>
      <c r="Y842">
        <v>1</v>
      </c>
      <c r="Z842">
        <v>0</v>
      </c>
      <c r="AA842">
        <v>0</v>
      </c>
      <c r="AB842">
        <v>8.0333340158800617</v>
      </c>
      <c r="AC842">
        <v>1</v>
      </c>
      <c r="AD842">
        <v>1</v>
      </c>
      <c r="AE842">
        <v>0</v>
      </c>
      <c r="AF842">
        <v>0</v>
      </c>
      <c r="AG842">
        <v>8.033009498596666</v>
      </c>
      <c r="AH842">
        <v>-1.820064552881866E-2</v>
      </c>
      <c r="AI842">
        <v>-1.4937805918662049E-2</v>
      </c>
      <c r="AJ842">
        <v>-1.7281936377228781E-2</v>
      </c>
      <c r="AK842">
        <v>-3.19183492662172E-2</v>
      </c>
      <c r="AL842">
        <v>3735.21074534542</v>
      </c>
      <c r="AM842">
        <v>7215.2090536488367</v>
      </c>
      <c r="AN842">
        <v>390415</v>
      </c>
      <c r="AO842">
        <v>78.172239813684229</v>
      </c>
      <c r="AP842">
        <v>3350.2184004310188</v>
      </c>
      <c r="AQ842">
        <v>1.0074578469520099</v>
      </c>
      <c r="AR842">
        <v>3.9808690012970169</v>
      </c>
      <c r="AS842">
        <v>3076</v>
      </c>
      <c r="AT842">
        <v>258.11154345006491</v>
      </c>
      <c r="AU842">
        <v>1.9069962615396289E-2</v>
      </c>
      <c r="AV842">
        <v>-1.8201653633637051E-2</v>
      </c>
      <c r="AW842">
        <v>0.37937743190661483</v>
      </c>
      <c r="AX842">
        <v>85.834252351605585</v>
      </c>
      <c r="AY842">
        <v>63</v>
      </c>
      <c r="AZ842">
        <v>125</v>
      </c>
      <c r="BA842">
        <v>0.57931404922355889</v>
      </c>
      <c r="BB842">
        <v>0.49448767833981838</v>
      </c>
      <c r="BC842">
        <v>5.3090745218431019</v>
      </c>
      <c r="BD842" t="s">
        <v>3264</v>
      </c>
      <c r="BE842" t="s">
        <v>68</v>
      </c>
    </row>
    <row r="843" spans="1:57" x14ac:dyDescent="0.3">
      <c r="A843" t="s">
        <v>3265</v>
      </c>
      <c r="B843">
        <v>949</v>
      </c>
      <c r="C843" t="s">
        <v>3266</v>
      </c>
      <c r="D843" t="s">
        <v>3267</v>
      </c>
      <c r="E843" t="s">
        <v>115</v>
      </c>
      <c r="F843">
        <v>997</v>
      </c>
      <c r="G843">
        <v>127.6730190571715</v>
      </c>
      <c r="H843">
        <v>127</v>
      </c>
      <c r="I843">
        <v>5584.1297935934181</v>
      </c>
      <c r="J843">
        <v>74.727035225502007</v>
      </c>
      <c r="K843">
        <v>4.0958464956273848E-3</v>
      </c>
      <c r="L843">
        <v>-1.1798899693111611</v>
      </c>
      <c r="M843">
        <v>7.8048615835226194</v>
      </c>
      <c r="N843">
        <v>10</v>
      </c>
      <c r="O843">
        <v>1</v>
      </c>
      <c r="P843">
        <v>9</v>
      </c>
      <c r="Q843">
        <v>1.881769088886948</v>
      </c>
      <c r="R843">
        <v>5.4099178012793274</v>
      </c>
      <c r="S843">
        <v>2</v>
      </c>
      <c r="T843">
        <v>1</v>
      </c>
      <c r="U843">
        <v>1</v>
      </c>
      <c r="V843">
        <v>7.7613627120398182E-2</v>
      </c>
      <c r="W843">
        <v>6.895396086734479</v>
      </c>
      <c r="X843">
        <v>1</v>
      </c>
      <c r="Y843">
        <v>1</v>
      </c>
      <c r="Z843">
        <v>0</v>
      </c>
      <c r="AA843">
        <v>0</v>
      </c>
      <c r="AB843">
        <v>6.9027427371585919</v>
      </c>
      <c r="AC843">
        <v>1</v>
      </c>
      <c r="AD843">
        <v>1</v>
      </c>
      <c r="AE843">
        <v>0</v>
      </c>
      <c r="AF843">
        <v>0</v>
      </c>
      <c r="AG843">
        <v>6.9017372066565734</v>
      </c>
      <c r="AH843">
        <v>-3.9363938780201703E-2</v>
      </c>
      <c r="AI843">
        <v>-3.1325694203134927E-2</v>
      </c>
      <c r="AJ843">
        <v>4.5063949837392543E-2</v>
      </c>
      <c r="AK843">
        <v>-3.064772007398988E-2</v>
      </c>
      <c r="AL843">
        <v>2207.4145745475098</v>
      </c>
      <c r="AM843">
        <v>4116.5758703168867</v>
      </c>
      <c r="AN843">
        <v>127290</v>
      </c>
      <c r="AO843">
        <v>170.35429939457711</v>
      </c>
      <c r="AP843">
        <v>1961.8018794761649</v>
      </c>
      <c r="AQ843">
        <v>1.0230692076228689</v>
      </c>
      <c r="AR843">
        <v>4.0050150451354058</v>
      </c>
      <c r="AS843">
        <v>992</v>
      </c>
      <c r="AT843">
        <v>223.76128385155471</v>
      </c>
      <c r="AU843">
        <v>2.2782071705312101E-2</v>
      </c>
      <c r="AV843">
        <v>-3.9432923609404293E-2</v>
      </c>
      <c r="AW843">
        <v>0.36710130391173518</v>
      </c>
      <c r="AX843">
        <v>88.848393574297191</v>
      </c>
      <c r="AY843">
        <v>63</v>
      </c>
      <c r="AZ843">
        <v>125</v>
      </c>
      <c r="BA843">
        <v>0.58530013449466178</v>
      </c>
      <c r="BB843">
        <v>0.49648946840521557</v>
      </c>
      <c r="BC843">
        <v>5.2354057791776469</v>
      </c>
      <c r="BD843" t="s">
        <v>3268</v>
      </c>
      <c r="BE843" t="s">
        <v>68</v>
      </c>
    </row>
    <row r="844" spans="1:57" x14ac:dyDescent="0.3">
      <c r="A844" t="s">
        <v>3269</v>
      </c>
      <c r="B844">
        <v>710</v>
      </c>
      <c r="C844" t="s">
        <v>3270</v>
      </c>
      <c r="D844" t="s">
        <v>3271</v>
      </c>
      <c r="E844" t="s">
        <v>98</v>
      </c>
      <c r="F844">
        <v>16</v>
      </c>
      <c r="G844">
        <v>140.3125</v>
      </c>
      <c r="H844">
        <v>156</v>
      </c>
      <c r="I844">
        <v>6347.33984375</v>
      </c>
      <c r="J844">
        <v>79.670194199273794</v>
      </c>
      <c r="K844">
        <v>-8.3682752860386872E-2</v>
      </c>
      <c r="L844">
        <v>-1.6451976035525659</v>
      </c>
      <c r="M844">
        <v>3.875</v>
      </c>
      <c r="N844">
        <v>2</v>
      </c>
      <c r="O844">
        <v>1</v>
      </c>
      <c r="P844">
        <v>1</v>
      </c>
      <c r="Q844">
        <v>0.24944382578492949</v>
      </c>
      <c r="R844">
        <v>2.6859453246697882</v>
      </c>
      <c r="S844">
        <v>1</v>
      </c>
      <c r="T844">
        <v>1</v>
      </c>
      <c r="U844">
        <v>0</v>
      </c>
      <c r="V844">
        <v>0</v>
      </c>
      <c r="W844">
        <v>2.7080502011022101</v>
      </c>
      <c r="X844">
        <v>1</v>
      </c>
      <c r="Y844">
        <v>1</v>
      </c>
      <c r="Z844">
        <v>0</v>
      </c>
      <c r="AA844">
        <v>0</v>
      </c>
      <c r="AB844">
        <v>2.639057329615258</v>
      </c>
      <c r="AC844">
        <v>1</v>
      </c>
      <c r="AD844">
        <v>1</v>
      </c>
      <c r="AE844">
        <v>0</v>
      </c>
      <c r="AF844">
        <v>0</v>
      </c>
      <c r="AG844">
        <v>2.5649493574615372</v>
      </c>
      <c r="AH844">
        <v>0.1118310743489368</v>
      </c>
      <c r="AI844">
        <v>-0.17289054100542861</v>
      </c>
      <c r="AJ844">
        <v>0.25132710461259922</v>
      </c>
      <c r="AK844">
        <v>-0.18307104846456959</v>
      </c>
      <c r="AL844">
        <v>410.97894749160798</v>
      </c>
      <c r="AM844">
        <v>497.64978119023641</v>
      </c>
      <c r="AN844">
        <v>2245</v>
      </c>
      <c r="AO844">
        <v>97.810175134915696</v>
      </c>
      <c r="AP844">
        <v>270.05369836386251</v>
      </c>
      <c r="AQ844">
        <v>2.3125</v>
      </c>
      <c r="AR844">
        <v>4.25</v>
      </c>
      <c r="AS844">
        <v>16</v>
      </c>
      <c r="AT844">
        <v>0.87499999999999989</v>
      </c>
      <c r="AU844">
        <v>0.2833665338645418</v>
      </c>
      <c r="AV844">
        <v>0.1194921977161796</v>
      </c>
      <c r="AW844">
        <v>0.4375</v>
      </c>
      <c r="AX844">
        <v>86.86666666666666</v>
      </c>
      <c r="AY844">
        <v>76.5</v>
      </c>
      <c r="AZ844">
        <v>166.25</v>
      </c>
      <c r="BA844">
        <v>0.56780539295696242</v>
      </c>
      <c r="BB844">
        <v>0.5625</v>
      </c>
      <c r="BC844">
        <v>2.615630577027551</v>
      </c>
      <c r="BD844" t="s">
        <v>3270</v>
      </c>
      <c r="BE844" t="s">
        <v>62</v>
      </c>
    </row>
    <row r="845" spans="1:57" x14ac:dyDescent="0.3">
      <c r="A845" t="s">
        <v>3272</v>
      </c>
      <c r="B845">
        <v>2082</v>
      </c>
      <c r="C845" t="s">
        <v>3273</v>
      </c>
      <c r="D845" t="s">
        <v>3274</v>
      </c>
      <c r="E845" t="s">
        <v>72</v>
      </c>
      <c r="F845">
        <v>2104</v>
      </c>
      <c r="G845">
        <v>129.14828897338401</v>
      </c>
      <c r="H845">
        <v>131</v>
      </c>
      <c r="I845">
        <v>5533.3040560077498</v>
      </c>
      <c r="J845">
        <v>74.386181888894853</v>
      </c>
      <c r="K845">
        <v>-2.4719794935930441E-2</v>
      </c>
      <c r="L845">
        <v>-1.2251593576021169</v>
      </c>
      <c r="M845">
        <v>7.8937167841522076</v>
      </c>
      <c r="N845">
        <v>17</v>
      </c>
      <c r="O845">
        <v>2</v>
      </c>
      <c r="P845">
        <v>15</v>
      </c>
      <c r="Q845">
        <v>3.1360741281895752</v>
      </c>
      <c r="R845">
        <v>5.4715075330738179</v>
      </c>
      <c r="S845">
        <v>2</v>
      </c>
      <c r="T845">
        <v>1</v>
      </c>
      <c r="U845">
        <v>1</v>
      </c>
      <c r="V845">
        <v>0.1378887101413406</v>
      </c>
      <c r="W845">
        <v>7.6247522373076464</v>
      </c>
      <c r="X845">
        <v>1</v>
      </c>
      <c r="Y845">
        <v>1</v>
      </c>
      <c r="Z845">
        <v>0</v>
      </c>
      <c r="AA845">
        <v>0</v>
      </c>
      <c r="AB845">
        <v>7.6506445514368977</v>
      </c>
      <c r="AC845">
        <v>1</v>
      </c>
      <c r="AD845">
        <v>1</v>
      </c>
      <c r="AE845">
        <v>0</v>
      </c>
      <c r="AF845">
        <v>0</v>
      </c>
      <c r="AG845">
        <v>7.6501687008449997</v>
      </c>
      <c r="AH845">
        <v>-2.21191295982133E-2</v>
      </c>
      <c r="AI845">
        <v>1.3176665920650751E-2</v>
      </c>
      <c r="AJ845">
        <v>2.7878249635217629E-2</v>
      </c>
      <c r="AK845">
        <v>1.4674965630244749E-3</v>
      </c>
      <c r="AL845">
        <v>3157.358359913701</v>
      </c>
      <c r="AM845">
        <v>6063.5275365980697</v>
      </c>
      <c r="AN845">
        <v>271728</v>
      </c>
      <c r="AO845">
        <v>64.240961371935498</v>
      </c>
      <c r="AP845">
        <v>2868.0607051001671</v>
      </c>
      <c r="AQ845">
        <v>1.0109315589353609</v>
      </c>
      <c r="AR845">
        <v>3.9828897338403042</v>
      </c>
      <c r="AS845">
        <v>2098</v>
      </c>
      <c r="AT845">
        <v>306.34220532319392</v>
      </c>
      <c r="AU845">
        <v>1.9229478863788899E-2</v>
      </c>
      <c r="AV845">
        <v>-2.21309322840278E-2</v>
      </c>
      <c r="AW845">
        <v>0.35551330798479092</v>
      </c>
      <c r="AX845">
        <v>86.817879220161672</v>
      </c>
      <c r="AY845">
        <v>65</v>
      </c>
      <c r="AZ845">
        <v>130</v>
      </c>
      <c r="BA845">
        <v>0.57597497016956201</v>
      </c>
      <c r="BB845">
        <v>0.50807984790874527</v>
      </c>
      <c r="BC845">
        <v>5.3059874829945688</v>
      </c>
      <c r="BD845" t="s">
        <v>3275</v>
      </c>
      <c r="BE845" t="s">
        <v>68</v>
      </c>
    </row>
    <row r="846" spans="1:57" x14ac:dyDescent="0.3">
      <c r="A846" t="s">
        <v>3276</v>
      </c>
      <c r="B846">
        <v>1229</v>
      </c>
      <c r="C846" t="s">
        <v>3277</v>
      </c>
      <c r="D846" t="s">
        <v>3278</v>
      </c>
      <c r="E846" t="s">
        <v>98</v>
      </c>
      <c r="F846">
        <v>16</v>
      </c>
      <c r="G846">
        <v>128.5</v>
      </c>
      <c r="H846">
        <v>128</v>
      </c>
      <c r="I846">
        <v>5305.875</v>
      </c>
      <c r="J846">
        <v>72.841437382852348</v>
      </c>
      <c r="K846">
        <v>-9.5276352103181878E-3</v>
      </c>
      <c r="L846">
        <v>-0.82952366337524452</v>
      </c>
      <c r="M846">
        <v>3.875</v>
      </c>
      <c r="N846">
        <v>2</v>
      </c>
      <c r="O846">
        <v>1</v>
      </c>
      <c r="P846">
        <v>1</v>
      </c>
      <c r="Q846">
        <v>0.24944382578492949</v>
      </c>
      <c r="R846">
        <v>2.6859453246697882</v>
      </c>
      <c r="S846">
        <v>1</v>
      </c>
      <c r="T846">
        <v>1</v>
      </c>
      <c r="U846">
        <v>0</v>
      </c>
      <c r="V846">
        <v>0</v>
      </c>
      <c r="W846">
        <v>2.7080502011022101</v>
      </c>
      <c r="X846">
        <v>1</v>
      </c>
      <c r="Y846">
        <v>1</v>
      </c>
      <c r="Z846">
        <v>0</v>
      </c>
      <c r="AA846">
        <v>0</v>
      </c>
      <c r="AB846">
        <v>2.639057329615258</v>
      </c>
      <c r="AC846">
        <v>1</v>
      </c>
      <c r="AD846">
        <v>1</v>
      </c>
      <c r="AE846">
        <v>0</v>
      </c>
      <c r="AF846">
        <v>0</v>
      </c>
      <c r="AG846">
        <v>2.5649493574615372</v>
      </c>
      <c r="AH846">
        <v>-0.18032193087850731</v>
      </c>
      <c r="AI846">
        <v>-0.2495170447852616</v>
      </c>
      <c r="AJ846">
        <v>0.31341732042311587</v>
      </c>
      <c r="AK846">
        <v>8.7320658703795323E-2</v>
      </c>
      <c r="AL846">
        <v>397.29316991513042</v>
      </c>
      <c r="AM846">
        <v>437.3192622544625</v>
      </c>
      <c r="AN846">
        <v>2056</v>
      </c>
      <c r="AO846">
        <v>145.903728154189</v>
      </c>
      <c r="AP846">
        <v>327.58259592285839</v>
      </c>
      <c r="AQ846">
        <v>2.25</v>
      </c>
      <c r="AR846">
        <v>4.375</v>
      </c>
      <c r="AS846">
        <v>16</v>
      </c>
      <c r="AT846">
        <v>0.87499999999999989</v>
      </c>
      <c r="AU846">
        <v>0.15108267716535431</v>
      </c>
      <c r="AV846">
        <v>-0.1945537595930758</v>
      </c>
      <c r="AW846">
        <v>0.375</v>
      </c>
      <c r="AX846">
        <v>103.2</v>
      </c>
      <c r="AY846">
        <v>43</v>
      </c>
      <c r="AZ846">
        <v>79.5</v>
      </c>
      <c r="BA846">
        <v>0.56685943488601054</v>
      </c>
      <c r="BB846">
        <v>0.5</v>
      </c>
      <c r="BC846">
        <v>2.523210952952891</v>
      </c>
      <c r="BD846" t="s">
        <v>3277</v>
      </c>
      <c r="BE846" t="s">
        <v>62</v>
      </c>
    </row>
    <row r="847" spans="1:57" x14ac:dyDescent="0.3">
      <c r="A847" t="s">
        <v>3279</v>
      </c>
      <c r="B847">
        <v>1965</v>
      </c>
      <c r="C847" t="s">
        <v>3280</v>
      </c>
      <c r="D847" t="s">
        <v>3281</v>
      </c>
      <c r="E847" t="s">
        <v>10622</v>
      </c>
      <c r="F847">
        <v>64</v>
      </c>
      <c r="G847">
        <v>137.625</v>
      </c>
      <c r="H847">
        <v>136</v>
      </c>
      <c r="I847">
        <v>5323.765625</v>
      </c>
      <c r="J847">
        <v>72.964139308293085</v>
      </c>
      <c r="K847">
        <v>-0.10854804930926409</v>
      </c>
      <c r="L847">
        <v>-1.1557180674589129</v>
      </c>
      <c r="M847">
        <v>5.695159765557392</v>
      </c>
      <c r="N847">
        <v>3</v>
      </c>
      <c r="O847">
        <v>1</v>
      </c>
      <c r="P847">
        <v>2</v>
      </c>
      <c r="Q847">
        <v>0.45780648407324248</v>
      </c>
      <c r="R847">
        <v>3.947583934334546</v>
      </c>
      <c r="S847">
        <v>1</v>
      </c>
      <c r="T847">
        <v>1</v>
      </c>
      <c r="U847">
        <v>0</v>
      </c>
      <c r="V847">
        <v>0</v>
      </c>
      <c r="W847">
        <v>4.1431347263915326</v>
      </c>
      <c r="X847">
        <v>1</v>
      </c>
      <c r="Y847">
        <v>1</v>
      </c>
      <c r="Z847">
        <v>0</v>
      </c>
      <c r="AA847">
        <v>0</v>
      </c>
      <c r="AB847">
        <v>4.1271343850450908</v>
      </c>
      <c r="AC847">
        <v>1</v>
      </c>
      <c r="AD847">
        <v>1</v>
      </c>
      <c r="AE847">
        <v>0</v>
      </c>
      <c r="AF847">
        <v>0</v>
      </c>
      <c r="AG847">
        <v>4.1108738641733096</v>
      </c>
      <c r="AH847">
        <v>-0.33195346229026101</v>
      </c>
      <c r="AI847">
        <v>2.6976892384091379E-2</v>
      </c>
      <c r="AJ847">
        <v>0.12861599923397729</v>
      </c>
      <c r="AK847">
        <v>0.25159835686676202</v>
      </c>
      <c r="AL847">
        <v>642.42847594637897</v>
      </c>
      <c r="AM847">
        <v>1067.805063339378</v>
      </c>
      <c r="AN847">
        <v>8808</v>
      </c>
      <c r="AO847">
        <v>71.083542215350093</v>
      </c>
      <c r="AP847">
        <v>494.22577001500821</v>
      </c>
      <c r="AQ847">
        <v>1.359375</v>
      </c>
      <c r="AR847">
        <v>4.140625</v>
      </c>
      <c r="AS847">
        <v>64</v>
      </c>
      <c r="AT847">
        <v>9.9062500000000036</v>
      </c>
      <c r="AU847">
        <v>8.5090361445783136E-2</v>
      </c>
      <c r="AV847">
        <v>-0.33416104909870448</v>
      </c>
      <c r="AW847">
        <v>0.328125</v>
      </c>
      <c r="AX847">
        <v>99.063492063492063</v>
      </c>
      <c r="AY847">
        <v>61</v>
      </c>
      <c r="AZ847">
        <v>118.5</v>
      </c>
      <c r="BA847">
        <v>0.5301663164998589</v>
      </c>
      <c r="BB847">
        <v>0.5</v>
      </c>
      <c r="BC847">
        <v>3.9230880024042492</v>
      </c>
      <c r="BD847" t="s">
        <v>3282</v>
      </c>
      <c r="BE847" t="s">
        <v>62</v>
      </c>
    </row>
    <row r="848" spans="1:57" x14ac:dyDescent="0.3">
      <c r="A848" t="s">
        <v>3283</v>
      </c>
      <c r="B848">
        <v>1987</v>
      </c>
      <c r="C848" t="s">
        <v>3284</v>
      </c>
      <c r="D848" t="s">
        <v>3285</v>
      </c>
      <c r="E848" t="s">
        <v>66</v>
      </c>
      <c r="F848">
        <v>72</v>
      </c>
      <c r="G848">
        <v>114.5694444444444</v>
      </c>
      <c r="H848">
        <v>112.5</v>
      </c>
      <c r="I848">
        <v>6328.0229552469136</v>
      </c>
      <c r="J848">
        <v>79.548871489461831</v>
      </c>
      <c r="K848">
        <v>0.1768117715426</v>
      </c>
      <c r="L848">
        <v>-1.3274449673365001</v>
      </c>
      <c r="M848">
        <v>5.9477027792200943</v>
      </c>
      <c r="N848">
        <v>2</v>
      </c>
      <c r="O848">
        <v>1</v>
      </c>
      <c r="P848">
        <v>1</v>
      </c>
      <c r="Q848">
        <v>0.33071891388307378</v>
      </c>
      <c r="R848">
        <v>4.1226334122249559</v>
      </c>
      <c r="S848">
        <v>2</v>
      </c>
      <c r="T848">
        <v>1</v>
      </c>
      <c r="U848">
        <v>1</v>
      </c>
      <c r="V848">
        <v>0.16776575221435111</v>
      </c>
      <c r="W848">
        <v>4.2236293316576567</v>
      </c>
      <c r="X848">
        <v>2</v>
      </c>
      <c r="Y848">
        <v>1</v>
      </c>
      <c r="Z848">
        <v>1</v>
      </c>
      <c r="AA848">
        <v>0.11951030798891769</v>
      </c>
      <c r="AB848">
        <v>4.2286910368905044</v>
      </c>
      <c r="AC848">
        <v>1</v>
      </c>
      <c r="AD848">
        <v>1</v>
      </c>
      <c r="AE848">
        <v>0</v>
      </c>
      <c r="AF848">
        <v>0</v>
      </c>
      <c r="AG848">
        <v>4.2341065045972579</v>
      </c>
      <c r="AH848">
        <v>0.22462876029239359</v>
      </c>
      <c r="AI848">
        <v>7.3204664862772981E-2</v>
      </c>
      <c r="AJ848">
        <v>-4.3359295021435082E-2</v>
      </c>
      <c r="AK848">
        <v>6.7338184718106806E-2</v>
      </c>
      <c r="AL848">
        <v>716.84002664566606</v>
      </c>
      <c r="AM848">
        <v>941.72255797482126</v>
      </c>
      <c r="AN848">
        <v>8249</v>
      </c>
      <c r="AO848">
        <v>38.183604270278977</v>
      </c>
      <c r="AP848">
        <v>631.92646984108512</v>
      </c>
      <c r="AQ848">
        <v>1.319444444444444</v>
      </c>
      <c r="AR848">
        <v>3.5277777777777781</v>
      </c>
      <c r="AS848">
        <v>71</v>
      </c>
      <c r="AT848">
        <v>6.2222222222222214</v>
      </c>
      <c r="AU848">
        <v>0.1202412571934484</v>
      </c>
      <c r="AV848">
        <v>0.2285869141759046</v>
      </c>
      <c r="AW848">
        <v>0.375</v>
      </c>
      <c r="AX848">
        <v>75.436619718309856</v>
      </c>
      <c r="AY848">
        <v>74</v>
      </c>
      <c r="AZ848">
        <v>149</v>
      </c>
      <c r="BA848">
        <v>0.69432885770896491</v>
      </c>
      <c r="BB848">
        <v>0.5</v>
      </c>
      <c r="BC848">
        <v>4.079582730649153</v>
      </c>
      <c r="BD848" t="s">
        <v>3286</v>
      </c>
      <c r="BE848" t="s">
        <v>68</v>
      </c>
    </row>
    <row r="849" spans="1:57" x14ac:dyDescent="0.3">
      <c r="A849" t="s">
        <v>3287</v>
      </c>
      <c r="B849">
        <v>3875</v>
      </c>
      <c r="C849" t="s">
        <v>3288</v>
      </c>
      <c r="D849" t="s">
        <v>3289</v>
      </c>
      <c r="E849" t="s">
        <v>115</v>
      </c>
      <c r="F849">
        <v>3943</v>
      </c>
      <c r="G849">
        <v>126.9561247780878</v>
      </c>
      <c r="H849">
        <v>126</v>
      </c>
      <c r="I849">
        <v>5468.3153460782678</v>
      </c>
      <c r="J849">
        <v>73.948058433459011</v>
      </c>
      <c r="K849">
        <v>2.0557078513779511E-2</v>
      </c>
      <c r="L849">
        <v>-1.2067989336465399</v>
      </c>
      <c r="M849">
        <v>7.9548864335922964</v>
      </c>
      <c r="N849">
        <v>24</v>
      </c>
      <c r="O849">
        <v>5</v>
      </c>
      <c r="P849">
        <v>19</v>
      </c>
      <c r="Q849">
        <v>3.7726185543778392</v>
      </c>
      <c r="R849">
        <v>5.5139071031190632</v>
      </c>
      <c r="S849">
        <v>3</v>
      </c>
      <c r="T849">
        <v>1</v>
      </c>
      <c r="U849">
        <v>2</v>
      </c>
      <c r="V849">
        <v>0.17602143737144821</v>
      </c>
      <c r="W849">
        <v>8.2388218363319616</v>
      </c>
      <c r="X849">
        <v>2</v>
      </c>
      <c r="Y849">
        <v>1</v>
      </c>
      <c r="Z849">
        <v>1</v>
      </c>
      <c r="AA849">
        <v>2.2527433918739799E-2</v>
      </c>
      <c r="AB849">
        <v>8.278486253033055</v>
      </c>
      <c r="AC849">
        <v>1</v>
      </c>
      <c r="AD849">
        <v>1</v>
      </c>
      <c r="AE849">
        <v>0</v>
      </c>
      <c r="AF849">
        <v>0</v>
      </c>
      <c r="AG849">
        <v>8.2789360022919816</v>
      </c>
      <c r="AH849">
        <v>-4.3971791644290582E-3</v>
      </c>
      <c r="AI849">
        <v>2.0931864948639151E-2</v>
      </c>
      <c r="AJ849">
        <v>-1.481769737775634E-2</v>
      </c>
      <c r="AK849">
        <v>9.5364966981182752E-3</v>
      </c>
      <c r="AL849">
        <v>4246.611464492913</v>
      </c>
      <c r="AM849">
        <v>8190.2729545258326</v>
      </c>
      <c r="AN849">
        <v>500587.99999999988</v>
      </c>
      <c r="AO849">
        <v>143.53409648443119</v>
      </c>
      <c r="AP849">
        <v>3852.9711990369519</v>
      </c>
      <c r="AQ849">
        <v>1.0058331219883341</v>
      </c>
      <c r="AR849">
        <v>4.0088764899822467</v>
      </c>
      <c r="AS849">
        <v>3930</v>
      </c>
      <c r="AT849">
        <v>236.55871164088259</v>
      </c>
      <c r="AU849">
        <v>1.1494184282893999E-2</v>
      </c>
      <c r="AV849">
        <v>-4.3972069882671728E-3</v>
      </c>
      <c r="AW849">
        <v>0.38118184123763632</v>
      </c>
      <c r="AX849">
        <v>85.701420598680869</v>
      </c>
      <c r="AY849">
        <v>64</v>
      </c>
      <c r="AZ849">
        <v>128.5</v>
      </c>
      <c r="BA849">
        <v>0.58246940478622911</v>
      </c>
      <c r="BB849">
        <v>0.49682982500634038</v>
      </c>
      <c r="BC849">
        <v>5.3264945800996459</v>
      </c>
      <c r="BD849" t="s">
        <v>3290</v>
      </c>
      <c r="BE849" t="s">
        <v>68</v>
      </c>
    </row>
    <row r="850" spans="1:57" x14ac:dyDescent="0.3">
      <c r="A850" t="s">
        <v>3291</v>
      </c>
      <c r="B850">
        <v>1184</v>
      </c>
      <c r="C850" t="s">
        <v>3292</v>
      </c>
      <c r="D850" t="s">
        <v>3293</v>
      </c>
      <c r="E850" t="s">
        <v>93</v>
      </c>
      <c r="F850">
        <v>1186</v>
      </c>
      <c r="G850">
        <v>127.67200674536259</v>
      </c>
      <c r="H850">
        <v>129</v>
      </c>
      <c r="I850">
        <v>5268.1883732073738</v>
      </c>
      <c r="J850">
        <v>72.582286910839159</v>
      </c>
      <c r="K850">
        <v>-1.0183374484153971E-2</v>
      </c>
      <c r="L850">
        <v>-1.1731821777081211</v>
      </c>
      <c r="M850">
        <v>7.8277783905425604</v>
      </c>
      <c r="N850">
        <v>11</v>
      </c>
      <c r="O850">
        <v>1</v>
      </c>
      <c r="P850">
        <v>10</v>
      </c>
      <c r="Q850">
        <v>2.1065561315089099</v>
      </c>
      <c r="R850">
        <v>5.4258025214526446</v>
      </c>
      <c r="S850">
        <v>2</v>
      </c>
      <c r="T850">
        <v>1</v>
      </c>
      <c r="U850">
        <v>1</v>
      </c>
      <c r="V850">
        <v>9.1859715510310233E-2</v>
      </c>
      <c r="W850">
        <v>7.065799366977501</v>
      </c>
      <c r="X850">
        <v>1</v>
      </c>
      <c r="Y850">
        <v>1</v>
      </c>
      <c r="Z850">
        <v>0</v>
      </c>
      <c r="AA850">
        <v>0</v>
      </c>
      <c r="AB850">
        <v>7.0766538154439509</v>
      </c>
      <c r="AC850">
        <v>1</v>
      </c>
      <c r="AD850">
        <v>1</v>
      </c>
      <c r="AE850">
        <v>0</v>
      </c>
      <c r="AF850">
        <v>0</v>
      </c>
      <c r="AG850">
        <v>7.075808863978386</v>
      </c>
      <c r="AH850">
        <v>6.7750441749786353E-2</v>
      </c>
      <c r="AI850">
        <v>-2.1256006366395418E-2</v>
      </c>
      <c r="AJ850">
        <v>-5.4029350510422701E-2</v>
      </c>
      <c r="AK850">
        <v>5.7318369749848573E-3</v>
      </c>
      <c r="AL850">
        <v>2345.082067655781</v>
      </c>
      <c r="AM850">
        <v>4481.1414947487747</v>
      </c>
      <c r="AN850">
        <v>151419</v>
      </c>
      <c r="AO850">
        <v>84.730472353249198</v>
      </c>
      <c r="AP850">
        <v>2089.6084927593502</v>
      </c>
      <c r="AQ850">
        <v>1.019392917369309</v>
      </c>
      <c r="AR850">
        <v>3.978920741989882</v>
      </c>
      <c r="AS850">
        <v>1186</v>
      </c>
      <c r="AT850">
        <v>237.60876897133221</v>
      </c>
      <c r="AU850">
        <v>1.7891743543960611E-2</v>
      </c>
      <c r="AV850">
        <v>6.7837717562414579E-2</v>
      </c>
      <c r="AW850">
        <v>0.37268128161888697</v>
      </c>
      <c r="AX850">
        <v>80.089451476793244</v>
      </c>
      <c r="AY850">
        <v>62</v>
      </c>
      <c r="AZ850">
        <v>124</v>
      </c>
      <c r="BA850">
        <v>0.56850588285654535</v>
      </c>
      <c r="BB850">
        <v>0.50758853288364247</v>
      </c>
      <c r="BC850">
        <v>5.1795774307569342</v>
      </c>
      <c r="BD850" t="s">
        <v>3294</v>
      </c>
      <c r="BE850" t="s">
        <v>68</v>
      </c>
    </row>
    <row r="851" spans="1:57" x14ac:dyDescent="0.3">
      <c r="A851" t="s">
        <v>3295</v>
      </c>
      <c r="B851">
        <v>1081</v>
      </c>
      <c r="C851" t="s">
        <v>3296</v>
      </c>
      <c r="D851" t="s">
        <v>3297</v>
      </c>
      <c r="E851" t="s">
        <v>66</v>
      </c>
      <c r="F851">
        <v>72</v>
      </c>
      <c r="G851">
        <v>127.7638888888889</v>
      </c>
      <c r="H851">
        <v>125</v>
      </c>
      <c r="I851">
        <v>5367.2081404320988</v>
      </c>
      <c r="J851">
        <v>73.261232179319094</v>
      </c>
      <c r="K851">
        <v>-0.1125091609313594</v>
      </c>
      <c r="L851">
        <v>-1.1025478745236199</v>
      </c>
      <c r="M851">
        <v>5.8365916681089844</v>
      </c>
      <c r="N851">
        <v>2</v>
      </c>
      <c r="O851">
        <v>1</v>
      </c>
      <c r="P851">
        <v>1</v>
      </c>
      <c r="Q851">
        <v>0.4</v>
      </c>
      <c r="R851">
        <v>4.0456170588294054</v>
      </c>
      <c r="S851">
        <v>2</v>
      </c>
      <c r="T851">
        <v>1</v>
      </c>
      <c r="U851">
        <v>1</v>
      </c>
      <c r="V851">
        <v>0.16776575221435111</v>
      </c>
      <c r="W851">
        <v>4.2236293316576567</v>
      </c>
      <c r="X851">
        <v>2</v>
      </c>
      <c r="Y851">
        <v>1</v>
      </c>
      <c r="Z851">
        <v>1</v>
      </c>
      <c r="AA851">
        <v>0.11951030798891769</v>
      </c>
      <c r="AB851">
        <v>4.2286910368905044</v>
      </c>
      <c r="AC851">
        <v>1</v>
      </c>
      <c r="AD851">
        <v>1</v>
      </c>
      <c r="AE851">
        <v>0</v>
      </c>
      <c r="AF851">
        <v>0</v>
      </c>
      <c r="AG851">
        <v>4.2341065045972579</v>
      </c>
      <c r="AH851">
        <v>0.16095842591908049</v>
      </c>
      <c r="AI851">
        <v>0.14496984421258621</v>
      </c>
      <c r="AJ851">
        <v>-1.8991321630026051E-2</v>
      </c>
      <c r="AK851">
        <v>1.8906026853783231E-2</v>
      </c>
      <c r="AL851">
        <v>669.09609430112368</v>
      </c>
      <c r="AM851">
        <v>1055.4853938311901</v>
      </c>
      <c r="AN851">
        <v>9199</v>
      </c>
      <c r="AO851">
        <v>67.438861200349379</v>
      </c>
      <c r="AP851">
        <v>535.72926415012989</v>
      </c>
      <c r="AQ851">
        <v>1.319444444444444</v>
      </c>
      <c r="AR851">
        <v>4.0972222222222223</v>
      </c>
      <c r="AS851">
        <v>72</v>
      </c>
      <c r="AT851">
        <v>8</v>
      </c>
      <c r="AU851">
        <v>6.5183709606020379E-2</v>
      </c>
      <c r="AV851">
        <v>0.16245206809720941</v>
      </c>
      <c r="AW851">
        <v>0.41666666666666669</v>
      </c>
      <c r="AX851">
        <v>76.943661971830991</v>
      </c>
      <c r="AY851">
        <v>60.5</v>
      </c>
      <c r="AZ851">
        <v>115.25</v>
      </c>
      <c r="BA851">
        <v>0.57341110087085279</v>
      </c>
      <c r="BB851">
        <v>0.4861111111111111</v>
      </c>
      <c r="BC851">
        <v>3.9941119477161382</v>
      </c>
      <c r="BD851" t="s">
        <v>3298</v>
      </c>
      <c r="BE851" t="s">
        <v>68</v>
      </c>
    </row>
    <row r="852" spans="1:57" x14ac:dyDescent="0.3">
      <c r="A852" t="s">
        <v>3299</v>
      </c>
      <c r="B852">
        <v>987</v>
      </c>
      <c r="C852" t="s">
        <v>3300</v>
      </c>
      <c r="D852" t="s">
        <v>3301</v>
      </c>
      <c r="E852" t="s">
        <v>66</v>
      </c>
      <c r="F852">
        <v>71</v>
      </c>
      <c r="G852">
        <v>125.3943661971831</v>
      </c>
      <c r="H852">
        <v>133</v>
      </c>
      <c r="I852">
        <v>6509.6191231898447</v>
      </c>
      <c r="J852">
        <v>80.682210698454739</v>
      </c>
      <c r="K852">
        <v>0.1018209564318958</v>
      </c>
      <c r="L852">
        <v>-1.396969922091809</v>
      </c>
      <c r="M852">
        <v>6.0089020490821419</v>
      </c>
      <c r="N852">
        <v>2</v>
      </c>
      <c r="O852">
        <v>1</v>
      </c>
      <c r="P852">
        <v>1</v>
      </c>
      <c r="Q852">
        <v>0.26460983631171181</v>
      </c>
      <c r="R852">
        <v>4.1650535135821691</v>
      </c>
      <c r="S852">
        <v>1</v>
      </c>
      <c r="T852">
        <v>1</v>
      </c>
      <c r="U852">
        <v>0</v>
      </c>
      <c r="V852">
        <v>0</v>
      </c>
      <c r="W852">
        <v>4.2484952420493576</v>
      </c>
      <c r="X852">
        <v>1</v>
      </c>
      <c r="Y852">
        <v>1</v>
      </c>
      <c r="Z852">
        <v>0</v>
      </c>
      <c r="AA852">
        <v>0</v>
      </c>
      <c r="AB852">
        <v>4.2341065045972579</v>
      </c>
      <c r="AC852">
        <v>1</v>
      </c>
      <c r="AD852">
        <v>1</v>
      </c>
      <c r="AE852">
        <v>0</v>
      </c>
      <c r="AF852">
        <v>0</v>
      </c>
      <c r="AG852">
        <v>4.2195077051761087</v>
      </c>
      <c r="AH852">
        <v>2.4761548235927511E-2</v>
      </c>
      <c r="AI852">
        <v>4.5938515157035148E-2</v>
      </c>
      <c r="AJ852">
        <v>-0.121349273952776</v>
      </c>
      <c r="AK852">
        <v>0.13118747186772839</v>
      </c>
      <c r="AL852">
        <v>711.52561885693456</v>
      </c>
      <c r="AM852">
        <v>1035.51933526625</v>
      </c>
      <c r="AN852">
        <v>8903</v>
      </c>
      <c r="AO852">
        <v>99.73506497254543</v>
      </c>
      <c r="AP852">
        <v>544.35678201508028</v>
      </c>
      <c r="AQ852">
        <v>1.323943661971831</v>
      </c>
      <c r="AR852">
        <v>3.887323943661972</v>
      </c>
      <c r="AS852">
        <v>71</v>
      </c>
      <c r="AT852">
        <v>4.2957746478873258</v>
      </c>
      <c r="AU852">
        <v>0.1198563932615299</v>
      </c>
      <c r="AV852">
        <v>2.4943688455800792E-2</v>
      </c>
      <c r="AW852">
        <v>0.352112676056338</v>
      </c>
      <c r="AX852">
        <v>94.442857142857136</v>
      </c>
      <c r="AY852">
        <v>77</v>
      </c>
      <c r="AZ852">
        <v>152</v>
      </c>
      <c r="BA852">
        <v>0.6434277164540364</v>
      </c>
      <c r="BB852">
        <v>0.50704225352112675</v>
      </c>
      <c r="BC852">
        <v>4.1296700110962261</v>
      </c>
      <c r="BD852" t="s">
        <v>3302</v>
      </c>
      <c r="BE852" t="s">
        <v>68</v>
      </c>
    </row>
    <row r="853" spans="1:57" x14ac:dyDescent="0.3">
      <c r="A853" t="s">
        <v>3303</v>
      </c>
      <c r="B853">
        <v>2156</v>
      </c>
      <c r="C853" t="s">
        <v>3304</v>
      </c>
      <c r="D853" t="s">
        <v>3305</v>
      </c>
      <c r="E853" t="s">
        <v>93</v>
      </c>
      <c r="F853">
        <v>2156</v>
      </c>
      <c r="G853">
        <v>126.08627087198521</v>
      </c>
      <c r="H853">
        <v>126</v>
      </c>
      <c r="I853">
        <v>5586.3524831251434</v>
      </c>
      <c r="J853">
        <v>74.741905803405515</v>
      </c>
      <c r="K853">
        <v>6.093100986638047E-3</v>
      </c>
      <c r="L853">
        <v>-1.2016019326612239</v>
      </c>
      <c r="M853">
        <v>7.9104383566397116</v>
      </c>
      <c r="N853">
        <v>19</v>
      </c>
      <c r="O853">
        <v>2</v>
      </c>
      <c r="P853">
        <v>17</v>
      </c>
      <c r="Q853">
        <v>2.964923520830681</v>
      </c>
      <c r="R853">
        <v>5.4830980438980648</v>
      </c>
      <c r="S853">
        <v>2</v>
      </c>
      <c r="T853">
        <v>1</v>
      </c>
      <c r="U853">
        <v>1</v>
      </c>
      <c r="V853">
        <v>0.1412279188210408</v>
      </c>
      <c r="W853">
        <v>7.647884444520141</v>
      </c>
      <c r="X853">
        <v>1</v>
      </c>
      <c r="Y853">
        <v>1</v>
      </c>
      <c r="Z853">
        <v>0</v>
      </c>
      <c r="AA853">
        <v>0</v>
      </c>
      <c r="AB853">
        <v>7.675081857716334</v>
      </c>
      <c r="AC853">
        <v>1</v>
      </c>
      <c r="AD853">
        <v>1</v>
      </c>
      <c r="AE853">
        <v>0</v>
      </c>
      <c r="AF853">
        <v>0</v>
      </c>
      <c r="AG853">
        <v>7.6746174973643626</v>
      </c>
      <c r="AH853">
        <v>-4.3686864735461482E-2</v>
      </c>
      <c r="AI853">
        <v>-5.6344781803324287E-3</v>
      </c>
      <c r="AJ853">
        <v>2.8644600798421741E-2</v>
      </c>
      <c r="AK853">
        <v>-1.028796668176539E-2</v>
      </c>
      <c r="AL853">
        <v>3191.4700024407398</v>
      </c>
      <c r="AM853">
        <v>6011.1761930192106</v>
      </c>
      <c r="AN853">
        <v>271842</v>
      </c>
      <c r="AO853">
        <v>68.558483747219739</v>
      </c>
      <c r="AP853">
        <v>2884.7210243782902</v>
      </c>
      <c r="AQ853">
        <v>1.0106679035250461</v>
      </c>
      <c r="AR853">
        <v>3.9712430426716141</v>
      </c>
      <c r="AS853">
        <v>2144</v>
      </c>
      <c r="AT853">
        <v>267.21335807050087</v>
      </c>
      <c r="AU853">
        <v>2.1374004147113389E-2</v>
      </c>
      <c r="AV853">
        <v>-4.3711068376658169E-2</v>
      </c>
      <c r="AW853">
        <v>0.35899814471243041</v>
      </c>
      <c r="AX853">
        <v>88.370301624129937</v>
      </c>
      <c r="AY853">
        <v>64</v>
      </c>
      <c r="AZ853">
        <v>128</v>
      </c>
      <c r="BA853">
        <v>0.59278385574025461</v>
      </c>
      <c r="BB853">
        <v>0.4995361781076067</v>
      </c>
      <c r="BC853">
        <v>5.317434977155628</v>
      </c>
      <c r="BD853" t="s">
        <v>3306</v>
      </c>
      <c r="BE853" t="s">
        <v>68</v>
      </c>
    </row>
    <row r="854" spans="1:57" x14ac:dyDescent="0.3">
      <c r="A854" t="s">
        <v>3307</v>
      </c>
      <c r="B854">
        <v>1135</v>
      </c>
      <c r="C854" t="s">
        <v>3308</v>
      </c>
      <c r="D854" t="s">
        <v>3309</v>
      </c>
      <c r="E854" t="s">
        <v>72</v>
      </c>
      <c r="F854">
        <v>1136</v>
      </c>
      <c r="G854">
        <v>125.18221830985919</v>
      </c>
      <c r="H854">
        <v>126</v>
      </c>
      <c r="I854">
        <v>5398.0504232481153</v>
      </c>
      <c r="J854">
        <v>73.471425896385838</v>
      </c>
      <c r="K854">
        <v>-2.3720845611990719E-2</v>
      </c>
      <c r="L854">
        <v>-1.1854820223257201</v>
      </c>
      <c r="M854">
        <v>7.8091896525884561</v>
      </c>
      <c r="N854">
        <v>11</v>
      </c>
      <c r="O854">
        <v>1</v>
      </c>
      <c r="P854">
        <v>10</v>
      </c>
      <c r="Q854">
        <v>2.1373007451750419</v>
      </c>
      <c r="R854">
        <v>5.4129177901495726</v>
      </c>
      <c r="S854">
        <v>2</v>
      </c>
      <c r="T854">
        <v>1</v>
      </c>
      <c r="U854">
        <v>1</v>
      </c>
      <c r="V854">
        <v>9.3860942586412782E-2</v>
      </c>
      <c r="W854">
        <v>7.0221738826809688</v>
      </c>
      <c r="X854">
        <v>1</v>
      </c>
      <c r="Y854">
        <v>1</v>
      </c>
      <c r="Z854">
        <v>0</v>
      </c>
      <c r="AA854">
        <v>0</v>
      </c>
      <c r="AB854">
        <v>7.0335064842876953</v>
      </c>
      <c r="AC854">
        <v>1</v>
      </c>
      <c r="AD854">
        <v>1</v>
      </c>
      <c r="AE854">
        <v>0</v>
      </c>
      <c r="AF854">
        <v>0</v>
      </c>
      <c r="AG854">
        <v>7.0326242610280048</v>
      </c>
      <c r="AH854">
        <v>2.4576529157468972E-2</v>
      </c>
      <c r="AI854">
        <v>-6.8206830635395973E-3</v>
      </c>
      <c r="AJ854">
        <v>-2.0393602363455679E-2</v>
      </c>
      <c r="AK854">
        <v>1.6132634595716639E-2</v>
      </c>
      <c r="AL854">
        <v>2326.1541482077419</v>
      </c>
      <c r="AM854">
        <v>4303.8331611222939</v>
      </c>
      <c r="AN854">
        <v>142207</v>
      </c>
      <c r="AO854">
        <v>75.938753864645747</v>
      </c>
      <c r="AP854">
        <v>2117.5680002415729</v>
      </c>
      <c r="AQ854">
        <v>1.020246478873239</v>
      </c>
      <c r="AR854">
        <v>3.996478873239437</v>
      </c>
      <c r="AS854">
        <v>1130</v>
      </c>
      <c r="AT854">
        <v>253.33802816901411</v>
      </c>
      <c r="AU854">
        <v>2.3053024026511989E-2</v>
      </c>
      <c r="AV854">
        <v>2.4599704142834699E-2</v>
      </c>
      <c r="AW854">
        <v>0.36443661971830987</v>
      </c>
      <c r="AX854">
        <v>83.621145374449341</v>
      </c>
      <c r="AY854">
        <v>64</v>
      </c>
      <c r="AZ854">
        <v>129.25</v>
      </c>
      <c r="BA854">
        <v>0.58691583268259873</v>
      </c>
      <c r="BB854">
        <v>0.50176056338028174</v>
      </c>
      <c r="BC854">
        <v>5.2127922404636458</v>
      </c>
      <c r="BD854" t="s">
        <v>3310</v>
      </c>
      <c r="BE854" t="s">
        <v>62</v>
      </c>
    </row>
    <row r="855" spans="1:57" x14ac:dyDescent="0.3">
      <c r="A855" t="s">
        <v>3311</v>
      </c>
      <c r="B855">
        <v>2114</v>
      </c>
      <c r="C855" t="s">
        <v>3312</v>
      </c>
      <c r="D855" t="s">
        <v>3313</v>
      </c>
      <c r="E855" t="s">
        <v>98</v>
      </c>
      <c r="F855">
        <v>16</v>
      </c>
      <c r="G855">
        <v>134.0625</v>
      </c>
      <c r="H855">
        <v>144.5</v>
      </c>
      <c r="I855">
        <v>5022.80859375</v>
      </c>
      <c r="J855">
        <v>70.871775720310552</v>
      </c>
      <c r="K855">
        <v>-0.2203269446593405</v>
      </c>
      <c r="L855">
        <v>-1.0714872234830211</v>
      </c>
      <c r="M855">
        <v>3.75</v>
      </c>
      <c r="N855">
        <v>2</v>
      </c>
      <c r="O855">
        <v>1</v>
      </c>
      <c r="P855">
        <v>1</v>
      </c>
      <c r="Q855">
        <v>0.3499271061118826</v>
      </c>
      <c r="R855">
        <v>2.5993019270997948</v>
      </c>
      <c r="S855">
        <v>1</v>
      </c>
      <c r="T855">
        <v>1</v>
      </c>
      <c r="U855">
        <v>0</v>
      </c>
      <c r="V855">
        <v>0</v>
      </c>
      <c r="W855">
        <v>2.7080502011022101</v>
      </c>
      <c r="X855">
        <v>1</v>
      </c>
      <c r="Y855">
        <v>1</v>
      </c>
      <c r="Z855">
        <v>0</v>
      </c>
      <c r="AA855">
        <v>0</v>
      </c>
      <c r="AB855">
        <v>2.639057329615258</v>
      </c>
      <c r="AC855">
        <v>1</v>
      </c>
      <c r="AD855">
        <v>1</v>
      </c>
      <c r="AE855">
        <v>0</v>
      </c>
      <c r="AF855">
        <v>0</v>
      </c>
      <c r="AG855">
        <v>2.5649493574615372</v>
      </c>
      <c r="AH855">
        <v>0.16830640344553241</v>
      </c>
      <c r="AI855">
        <v>0.22509884596749671</v>
      </c>
      <c r="AJ855">
        <v>-0.2235033410092554</v>
      </c>
      <c r="AK855">
        <v>0.1928642505010347</v>
      </c>
      <c r="AL855">
        <v>380.07678399699307</v>
      </c>
      <c r="AM855">
        <v>472.72681145298179</v>
      </c>
      <c r="AN855">
        <v>2145</v>
      </c>
      <c r="AO855">
        <v>52.201532544552762</v>
      </c>
      <c r="AP855">
        <v>312.99731972205433</v>
      </c>
      <c r="AQ855">
        <v>2.3125</v>
      </c>
      <c r="AR855">
        <v>4.0625</v>
      </c>
      <c r="AS855">
        <v>16</v>
      </c>
      <c r="AT855">
        <v>1.5</v>
      </c>
      <c r="AU855">
        <v>0.1410573122529645</v>
      </c>
      <c r="AV855">
        <v>0.1759535566981788</v>
      </c>
      <c r="AW855">
        <v>0.375</v>
      </c>
      <c r="AX855">
        <v>79.86666666666666</v>
      </c>
      <c r="AY855">
        <v>58.5</v>
      </c>
      <c r="AZ855">
        <v>108.5</v>
      </c>
      <c r="BA855">
        <v>0.52864727810021861</v>
      </c>
      <c r="BB855">
        <v>0.5</v>
      </c>
      <c r="BC855">
        <v>2.615630577027551</v>
      </c>
      <c r="BD855" t="s">
        <v>3312</v>
      </c>
      <c r="BE855" t="s">
        <v>62</v>
      </c>
    </row>
    <row r="856" spans="1:57" x14ac:dyDescent="0.3">
      <c r="A856" t="s">
        <v>3314</v>
      </c>
      <c r="B856">
        <v>128</v>
      </c>
      <c r="C856" t="s">
        <v>3315</v>
      </c>
      <c r="D856" t="s">
        <v>3316</v>
      </c>
      <c r="E856" t="s">
        <v>60</v>
      </c>
      <c r="F856">
        <v>512</v>
      </c>
      <c r="G856">
        <v>122.142578125</v>
      </c>
      <c r="H856">
        <v>114.5</v>
      </c>
      <c r="I856">
        <v>5719.6105308532706</v>
      </c>
      <c r="J856">
        <v>75.628106751744568</v>
      </c>
      <c r="K856">
        <v>0.14185032672272571</v>
      </c>
      <c r="L856">
        <v>-1.185436270111788</v>
      </c>
      <c r="M856">
        <v>7.6362591689617716</v>
      </c>
      <c r="N856">
        <v>6</v>
      </c>
      <c r="O856">
        <v>1</v>
      </c>
      <c r="P856">
        <v>5</v>
      </c>
      <c r="Q856">
        <v>1.152611634613721</v>
      </c>
      <c r="R856">
        <v>5.2930515129908819</v>
      </c>
      <c r="S856">
        <v>2</v>
      </c>
      <c r="T856">
        <v>1</v>
      </c>
      <c r="U856">
        <v>1</v>
      </c>
      <c r="V856">
        <v>7.6620080535545518E-2</v>
      </c>
      <c r="W856">
        <v>6.2282308757548588</v>
      </c>
      <c r="X856">
        <v>1</v>
      </c>
      <c r="Y856">
        <v>1</v>
      </c>
      <c r="Z856">
        <v>0</v>
      </c>
      <c r="AA856">
        <v>0</v>
      </c>
      <c r="AB856">
        <v>6.2344107257183694</v>
      </c>
      <c r="AC856">
        <v>1</v>
      </c>
      <c r="AD856">
        <v>1</v>
      </c>
      <c r="AE856">
        <v>0</v>
      </c>
      <c r="AF856">
        <v>0</v>
      </c>
      <c r="AG856">
        <v>6.2324480165505216</v>
      </c>
      <c r="AH856">
        <v>-5.0482236083944747E-2</v>
      </c>
      <c r="AI856">
        <v>-2.014333644321888E-2</v>
      </c>
      <c r="AJ856">
        <v>4.2560610250732538E-2</v>
      </c>
      <c r="AK856">
        <v>1.798212133995216E-2</v>
      </c>
      <c r="AL856">
        <v>1642.7295826316411</v>
      </c>
      <c r="AM856">
        <v>2805.0508940742729</v>
      </c>
      <c r="AN856">
        <v>62537</v>
      </c>
      <c r="AO856">
        <v>128.45789054377909</v>
      </c>
      <c r="AP856">
        <v>1402.270309910065</v>
      </c>
      <c r="AQ856">
        <v>1.044921875</v>
      </c>
      <c r="AR856">
        <v>3.990234375</v>
      </c>
      <c r="AS856">
        <v>512</v>
      </c>
      <c r="AT856">
        <v>131.359375</v>
      </c>
      <c r="AU856">
        <v>6.4644607843137247E-2</v>
      </c>
      <c r="AV856">
        <v>-5.0668836026685093E-2</v>
      </c>
      <c r="AW856">
        <v>0.3984375</v>
      </c>
      <c r="AX856">
        <v>90.035225048923678</v>
      </c>
      <c r="AY856">
        <v>67.5</v>
      </c>
      <c r="AZ856">
        <v>132.25</v>
      </c>
      <c r="BA856">
        <v>0.61917889660350223</v>
      </c>
      <c r="BB856">
        <v>0.47265625</v>
      </c>
      <c r="BC856">
        <v>5.1290026194467568</v>
      </c>
      <c r="BD856" t="s">
        <v>3317</v>
      </c>
      <c r="BE856" t="s">
        <v>62</v>
      </c>
    </row>
    <row r="857" spans="1:57" x14ac:dyDescent="0.3">
      <c r="A857" t="s">
        <v>3318</v>
      </c>
      <c r="B857">
        <v>3673</v>
      </c>
      <c r="C857" t="s">
        <v>3319</v>
      </c>
      <c r="D857" t="s">
        <v>3320</v>
      </c>
      <c r="E857" t="s">
        <v>10622</v>
      </c>
      <c r="F857">
        <v>64</v>
      </c>
      <c r="G857">
        <v>134.140625</v>
      </c>
      <c r="H857">
        <v>144.5</v>
      </c>
      <c r="I857">
        <v>5291.433349609375</v>
      </c>
      <c r="J857">
        <v>72.742239102253208</v>
      </c>
      <c r="K857">
        <v>-9.0048151968289206E-2</v>
      </c>
      <c r="L857">
        <v>-1.2523220267401289</v>
      </c>
      <c r="M857">
        <v>5.8125</v>
      </c>
      <c r="N857">
        <v>2</v>
      </c>
      <c r="O857">
        <v>1</v>
      </c>
      <c r="P857">
        <v>1</v>
      </c>
      <c r="Q857">
        <v>0.30454347814923621</v>
      </c>
      <c r="R857">
        <v>4.0289179870046823</v>
      </c>
      <c r="S857">
        <v>1</v>
      </c>
      <c r="T857">
        <v>1</v>
      </c>
      <c r="U857">
        <v>0</v>
      </c>
      <c r="V857">
        <v>0</v>
      </c>
      <c r="W857">
        <v>4.1431347263915326</v>
      </c>
      <c r="X857">
        <v>1</v>
      </c>
      <c r="Y857">
        <v>1</v>
      </c>
      <c r="Z857">
        <v>0</v>
      </c>
      <c r="AA857">
        <v>0</v>
      </c>
      <c r="AB857">
        <v>4.1271343850450908</v>
      </c>
      <c r="AC857">
        <v>1</v>
      </c>
      <c r="AD857">
        <v>1</v>
      </c>
      <c r="AE857">
        <v>0</v>
      </c>
      <c r="AF857">
        <v>0</v>
      </c>
      <c r="AG857">
        <v>4.1108738641733096</v>
      </c>
      <c r="AH857">
        <v>-9.364659635929444E-2</v>
      </c>
      <c r="AI857">
        <v>-4.702685807935706E-2</v>
      </c>
      <c r="AJ857">
        <v>-1.8924370087106911E-2</v>
      </c>
      <c r="AK857">
        <v>6.8397670511985698E-2</v>
      </c>
      <c r="AL857">
        <v>635.08866284912028</v>
      </c>
      <c r="AM857">
        <v>1042.5504257926891</v>
      </c>
      <c r="AN857">
        <v>8585</v>
      </c>
      <c r="AO857">
        <v>51</v>
      </c>
      <c r="AP857">
        <v>512.53823945434374</v>
      </c>
      <c r="AQ857">
        <v>1.359375</v>
      </c>
      <c r="AR857">
        <v>4.109375</v>
      </c>
      <c r="AS857">
        <v>64</v>
      </c>
      <c r="AT857">
        <v>4.8750000000000009</v>
      </c>
      <c r="AU857">
        <v>9.2261904761904767E-2</v>
      </c>
      <c r="AV857">
        <v>-9.5881413206861707E-2</v>
      </c>
      <c r="AW857">
        <v>0.359375</v>
      </c>
      <c r="AX857">
        <v>88.238095238095241</v>
      </c>
      <c r="AY857">
        <v>61</v>
      </c>
      <c r="AZ857">
        <v>122</v>
      </c>
      <c r="BA857">
        <v>0.54228343652233024</v>
      </c>
      <c r="BB857">
        <v>0.515625</v>
      </c>
      <c r="BC857">
        <v>3.9587918211102049</v>
      </c>
      <c r="BD857" t="s">
        <v>3321</v>
      </c>
      <c r="BE857" t="s">
        <v>62</v>
      </c>
    </row>
    <row r="858" spans="1:57" x14ac:dyDescent="0.3">
      <c r="A858" t="s">
        <v>3322</v>
      </c>
      <c r="B858">
        <v>151</v>
      </c>
      <c r="C858" t="s">
        <v>3323</v>
      </c>
      <c r="D858" t="s">
        <v>3324</v>
      </c>
      <c r="E858" t="s">
        <v>60</v>
      </c>
      <c r="F858">
        <v>256</v>
      </c>
      <c r="G858">
        <v>140.3828125</v>
      </c>
      <c r="H858">
        <v>133.5</v>
      </c>
      <c r="I858">
        <v>5441.0097045898438</v>
      </c>
      <c r="J858">
        <v>73.763200205724829</v>
      </c>
      <c r="K858">
        <v>-3.7318879603100159E-2</v>
      </c>
      <c r="L858">
        <v>-1.1599505616922861</v>
      </c>
      <c r="M858">
        <v>7.1228804942135717</v>
      </c>
      <c r="N858">
        <v>5</v>
      </c>
      <c r="O858">
        <v>1</v>
      </c>
      <c r="P858">
        <v>4</v>
      </c>
      <c r="Q858">
        <v>0.87589082997499723</v>
      </c>
      <c r="R858">
        <v>4.9372045320295674</v>
      </c>
      <c r="S858">
        <v>1</v>
      </c>
      <c r="T858">
        <v>1</v>
      </c>
      <c r="U858">
        <v>0</v>
      </c>
      <c r="V858">
        <v>0</v>
      </c>
      <c r="W858">
        <v>5.541263545158424</v>
      </c>
      <c r="X858">
        <v>1</v>
      </c>
      <c r="Y858">
        <v>1</v>
      </c>
      <c r="Z858">
        <v>0</v>
      </c>
      <c r="AA858">
        <v>0</v>
      </c>
      <c r="AB858">
        <v>5.5373342670185366</v>
      </c>
      <c r="AC858">
        <v>1</v>
      </c>
      <c r="AD858">
        <v>1</v>
      </c>
      <c r="AE858">
        <v>0</v>
      </c>
      <c r="AF858">
        <v>0</v>
      </c>
      <c r="AG858">
        <v>5.5333894887275203</v>
      </c>
      <c r="AH858">
        <v>3.9187912944273814E-3</v>
      </c>
      <c r="AI858">
        <v>2.7078738253207231E-2</v>
      </c>
      <c r="AJ858">
        <v>4.0925346570412531E-2</v>
      </c>
      <c r="AK858">
        <v>0.1440099924158541</v>
      </c>
      <c r="AL858">
        <v>1168.744844476869</v>
      </c>
      <c r="AM858">
        <v>2252.1126722499339</v>
      </c>
      <c r="AN858">
        <v>35938</v>
      </c>
      <c r="AO858">
        <v>88.487634130568154</v>
      </c>
      <c r="AP858">
        <v>911.88228902547962</v>
      </c>
      <c r="AQ858">
        <v>1.08984375</v>
      </c>
      <c r="AR858">
        <v>4.31640625</v>
      </c>
      <c r="AS858">
        <v>256</v>
      </c>
      <c r="AT858">
        <v>74.8125</v>
      </c>
      <c r="AU858">
        <v>9.7089460784313686E-2</v>
      </c>
      <c r="AV858">
        <v>3.9533472437982033E-3</v>
      </c>
      <c r="AW858">
        <v>0.3984375</v>
      </c>
      <c r="AX858">
        <v>88.917647058823533</v>
      </c>
      <c r="AY858">
        <v>64.5</v>
      </c>
      <c r="AZ858">
        <v>134.25</v>
      </c>
      <c r="BA858">
        <v>0.52544324260297059</v>
      </c>
      <c r="BB858">
        <v>0.46875</v>
      </c>
      <c r="BC858">
        <v>4.8499728275090916</v>
      </c>
      <c r="BD858" t="s">
        <v>3325</v>
      </c>
      <c r="BE858" t="s">
        <v>62</v>
      </c>
    </row>
    <row r="859" spans="1:57" x14ac:dyDescent="0.3">
      <c r="A859" t="s">
        <v>3326</v>
      </c>
      <c r="B859">
        <v>2167</v>
      </c>
      <c r="C859" t="s">
        <v>3327</v>
      </c>
      <c r="D859" t="s">
        <v>3328</v>
      </c>
      <c r="E859" t="s">
        <v>85</v>
      </c>
      <c r="F859">
        <v>8</v>
      </c>
      <c r="G859">
        <v>122.125</v>
      </c>
      <c r="H859">
        <v>143.5</v>
      </c>
      <c r="I859">
        <v>3660.859375</v>
      </c>
      <c r="J859">
        <v>60.505035947431679</v>
      </c>
      <c r="K859">
        <v>-0.61307984997638798</v>
      </c>
      <c r="L859">
        <v>-1.1251846316123719</v>
      </c>
      <c r="M859">
        <v>3</v>
      </c>
      <c r="N859">
        <v>1</v>
      </c>
      <c r="O859">
        <v>1</v>
      </c>
      <c r="P859">
        <v>0</v>
      </c>
      <c r="Q859">
        <v>0</v>
      </c>
      <c r="R859">
        <v>2.0794415416798362</v>
      </c>
      <c r="S859">
        <v>1</v>
      </c>
      <c r="T859">
        <v>1</v>
      </c>
      <c r="U859">
        <v>0</v>
      </c>
      <c r="V859">
        <v>0</v>
      </c>
      <c r="W859">
        <v>1.945910149055313</v>
      </c>
      <c r="X859">
        <v>1</v>
      </c>
      <c r="Y859">
        <v>1</v>
      </c>
      <c r="Z859">
        <v>0</v>
      </c>
      <c r="AA859">
        <v>0</v>
      </c>
      <c r="AB859">
        <v>1.791759469228055</v>
      </c>
      <c r="AC859">
        <v>1</v>
      </c>
      <c r="AD859">
        <v>1</v>
      </c>
      <c r="AE859">
        <v>0</v>
      </c>
      <c r="AF859">
        <v>0</v>
      </c>
      <c r="AG859">
        <v>1.6094379124341009</v>
      </c>
      <c r="AH859">
        <v>-0.66485467039416124</v>
      </c>
      <c r="AI859">
        <v>0.5352002816961523</v>
      </c>
      <c r="AJ859">
        <v>-0.3681240530100941</v>
      </c>
      <c r="AK859">
        <v>0</v>
      </c>
      <c r="AL859">
        <v>245.316081308554</v>
      </c>
      <c r="AM859">
        <v>297.36008516849557</v>
      </c>
      <c r="AN859">
        <v>977</v>
      </c>
      <c r="AO859">
        <v>64.381674411279491</v>
      </c>
      <c r="AP859">
        <v>108.9413254114683</v>
      </c>
      <c r="AQ859">
        <v>3.5</v>
      </c>
      <c r="AR859">
        <v>3.875</v>
      </c>
      <c r="AS859">
        <v>8</v>
      </c>
      <c r="AT859">
        <v>0</v>
      </c>
      <c r="AU859">
        <v>0.32417582417582408</v>
      </c>
      <c r="AV859">
        <v>-0.77466850701319678</v>
      </c>
      <c r="AW859">
        <v>0.375</v>
      </c>
      <c r="AX859">
        <v>101.8571428571429</v>
      </c>
      <c r="AY859">
        <v>36</v>
      </c>
      <c r="AZ859">
        <v>94.5</v>
      </c>
      <c r="BA859">
        <v>0.495435299467199</v>
      </c>
      <c r="BB859">
        <v>0.625</v>
      </c>
      <c r="BC859">
        <v>1.945910149055313</v>
      </c>
      <c r="BD859" t="s">
        <v>3327</v>
      </c>
      <c r="BE859" t="s">
        <v>68</v>
      </c>
    </row>
    <row r="860" spans="1:57" x14ac:dyDescent="0.3">
      <c r="A860" t="s">
        <v>3329</v>
      </c>
      <c r="B860">
        <v>1562</v>
      </c>
      <c r="C860" t="s">
        <v>3330</v>
      </c>
      <c r="D860" t="s">
        <v>3331</v>
      </c>
      <c r="E860" t="s">
        <v>115</v>
      </c>
      <c r="F860">
        <v>1600</v>
      </c>
      <c r="G860">
        <v>127.031875</v>
      </c>
      <c r="H860">
        <v>129</v>
      </c>
      <c r="I860">
        <v>5350.1396089843756</v>
      </c>
      <c r="J860">
        <v>73.144648532783151</v>
      </c>
      <c r="K860">
        <v>-1.56219565318168E-2</v>
      </c>
      <c r="L860">
        <v>-1.1789197572664001</v>
      </c>
      <c r="M860">
        <v>7.8838995932964258</v>
      </c>
      <c r="N860">
        <v>13</v>
      </c>
      <c r="O860">
        <v>1</v>
      </c>
      <c r="P860">
        <v>12</v>
      </c>
      <c r="Q860">
        <v>2.447894503445768</v>
      </c>
      <c r="R860">
        <v>5.4647027749111157</v>
      </c>
      <c r="S860">
        <v>2</v>
      </c>
      <c r="T860">
        <v>1</v>
      </c>
      <c r="U860">
        <v>1</v>
      </c>
      <c r="V860">
        <v>9.0163934426229511E-2</v>
      </c>
      <c r="W860">
        <v>7.3658630269711889</v>
      </c>
      <c r="X860">
        <v>1</v>
      </c>
      <c r="Y860">
        <v>1</v>
      </c>
      <c r="Z860">
        <v>0</v>
      </c>
      <c r="AA860">
        <v>0</v>
      </c>
      <c r="AB860">
        <v>7.37650812632622</v>
      </c>
      <c r="AC860">
        <v>1</v>
      </c>
      <c r="AD860">
        <v>1</v>
      </c>
      <c r="AE860">
        <v>0</v>
      </c>
      <c r="AF860">
        <v>0</v>
      </c>
      <c r="AG860">
        <v>7.3758821482150099</v>
      </c>
      <c r="AH860">
        <v>1.008284497485863E-2</v>
      </c>
      <c r="AI860">
        <v>2.1968729128718459E-2</v>
      </c>
      <c r="AJ860">
        <v>-5.1910281001659583E-3</v>
      </c>
      <c r="AK860">
        <v>-7.2699347976652364E-3</v>
      </c>
      <c r="AL860">
        <v>2734.460156147733</v>
      </c>
      <c r="AM860">
        <v>5186.7433572946829</v>
      </c>
      <c r="AN860">
        <v>203251</v>
      </c>
      <c r="AO860">
        <v>85.533221159087645</v>
      </c>
      <c r="AP860">
        <v>2460.448862924989</v>
      </c>
      <c r="AQ860">
        <v>1.014375</v>
      </c>
      <c r="AR860">
        <v>3.9631249999999998</v>
      </c>
      <c r="AS860">
        <v>1590</v>
      </c>
      <c r="AT860">
        <v>245.44</v>
      </c>
      <c r="AU860">
        <v>1.6691176470588261E-2</v>
      </c>
      <c r="AV860">
        <v>1.0082958181199919E-2</v>
      </c>
      <c r="AW860">
        <v>0.36312499999999998</v>
      </c>
      <c r="AX860">
        <v>83.710444027517198</v>
      </c>
      <c r="AY860">
        <v>63</v>
      </c>
      <c r="AZ860">
        <v>127</v>
      </c>
      <c r="BA860">
        <v>0.57579759830186839</v>
      </c>
      <c r="BB860">
        <v>0.50624999999999998</v>
      </c>
      <c r="BC860">
        <v>5.2596719428790939</v>
      </c>
      <c r="BD860" t="s">
        <v>3332</v>
      </c>
      <c r="BE860" t="s">
        <v>62</v>
      </c>
    </row>
    <row r="861" spans="1:57" x14ac:dyDescent="0.3">
      <c r="A861" t="s">
        <v>3333</v>
      </c>
      <c r="B861">
        <v>3578</v>
      </c>
      <c r="C861" t="s">
        <v>3334</v>
      </c>
      <c r="D861" t="s">
        <v>3335</v>
      </c>
      <c r="E861" t="s">
        <v>66</v>
      </c>
      <c r="F861">
        <v>70</v>
      </c>
      <c r="G861">
        <v>122.8142857142857</v>
      </c>
      <c r="H861">
        <v>122</v>
      </c>
      <c r="I861">
        <v>5419.3226530612246</v>
      </c>
      <c r="J861">
        <v>73.616048882436118</v>
      </c>
      <c r="K861">
        <v>0.11769180780382869</v>
      </c>
      <c r="L861">
        <v>-1.113726863716336</v>
      </c>
      <c r="M861">
        <v>5.9007115883735421</v>
      </c>
      <c r="N861">
        <v>2</v>
      </c>
      <c r="O861">
        <v>1</v>
      </c>
      <c r="P861">
        <v>1</v>
      </c>
      <c r="Q861">
        <v>0.33523564017462137</v>
      </c>
      <c r="R861">
        <v>4.0900616007785144</v>
      </c>
      <c r="S861">
        <v>2</v>
      </c>
      <c r="T861">
        <v>1</v>
      </c>
      <c r="U861">
        <v>1</v>
      </c>
      <c r="V861">
        <v>0.1203728348804772</v>
      </c>
      <c r="W861">
        <v>4.2140152819723324</v>
      </c>
      <c r="X861">
        <v>1</v>
      </c>
      <c r="Y861">
        <v>1</v>
      </c>
      <c r="Z861">
        <v>0</v>
      </c>
      <c r="AA861">
        <v>0</v>
      </c>
      <c r="AB861">
        <v>4.2195077051761087</v>
      </c>
      <c r="AC861">
        <v>1</v>
      </c>
      <c r="AD861">
        <v>1</v>
      </c>
      <c r="AE861">
        <v>0</v>
      </c>
      <c r="AF861">
        <v>0</v>
      </c>
      <c r="AG861">
        <v>4.2046926193909648</v>
      </c>
      <c r="AH861">
        <v>0.19366180997294921</v>
      </c>
      <c r="AI861">
        <v>5.4689573240536062E-2</v>
      </c>
      <c r="AJ861">
        <v>-0.18157292386335089</v>
      </c>
      <c r="AK861">
        <v>3.2386713933519183E-2</v>
      </c>
      <c r="AL861">
        <v>658.24995590604533</v>
      </c>
      <c r="AM861">
        <v>1000.9465497965861</v>
      </c>
      <c r="AN861">
        <v>8597</v>
      </c>
      <c r="AO861">
        <v>55.549951100711702</v>
      </c>
      <c r="AP861">
        <v>520.68576449363968</v>
      </c>
      <c r="AQ861">
        <v>1.328571428571429</v>
      </c>
      <c r="AR861">
        <v>3.9428571428571431</v>
      </c>
      <c r="AS861">
        <v>70</v>
      </c>
      <c r="AT861">
        <v>6.1714285714285726</v>
      </c>
      <c r="AU861">
        <v>7.7952755905511761E-2</v>
      </c>
      <c r="AV861">
        <v>0.19513523039898861</v>
      </c>
      <c r="AW861">
        <v>0.4</v>
      </c>
      <c r="AX861">
        <v>74.275362318840578</v>
      </c>
      <c r="AY861">
        <v>58</v>
      </c>
      <c r="AZ861">
        <v>120</v>
      </c>
      <c r="BA861">
        <v>0.59940949421548539</v>
      </c>
      <c r="BB861">
        <v>0.5</v>
      </c>
      <c r="BC861">
        <v>4.0055197492917038</v>
      </c>
      <c r="BD861" t="s">
        <v>3336</v>
      </c>
      <c r="BE861" t="s">
        <v>68</v>
      </c>
    </row>
    <row r="862" spans="1:57" x14ac:dyDescent="0.3">
      <c r="A862" t="s">
        <v>3337</v>
      </c>
      <c r="B862">
        <v>617</v>
      </c>
      <c r="C862" t="s">
        <v>3338</v>
      </c>
      <c r="D862" t="s">
        <v>3339</v>
      </c>
      <c r="E862" t="s">
        <v>85</v>
      </c>
      <c r="F862">
        <v>8</v>
      </c>
      <c r="G862">
        <v>102.125</v>
      </c>
      <c r="H862">
        <v>67</v>
      </c>
      <c r="I862">
        <v>6245.359375</v>
      </c>
      <c r="J862">
        <v>79.027586164579262</v>
      </c>
      <c r="K862">
        <v>0.89240005652243803</v>
      </c>
      <c r="L862">
        <v>-0.88528356226510274</v>
      </c>
      <c r="M862">
        <v>3</v>
      </c>
      <c r="N862">
        <v>1</v>
      </c>
      <c r="O862">
        <v>1</v>
      </c>
      <c r="P862">
        <v>0</v>
      </c>
      <c r="Q862">
        <v>0</v>
      </c>
      <c r="R862">
        <v>2.0794415416798362</v>
      </c>
      <c r="S862">
        <v>1</v>
      </c>
      <c r="T862">
        <v>1</v>
      </c>
      <c r="U862">
        <v>0</v>
      </c>
      <c r="V862">
        <v>0</v>
      </c>
      <c r="W862">
        <v>1.945910149055313</v>
      </c>
      <c r="X862">
        <v>1</v>
      </c>
      <c r="Y862">
        <v>1</v>
      </c>
      <c r="Z862">
        <v>0</v>
      </c>
      <c r="AA862">
        <v>0</v>
      </c>
      <c r="AB862">
        <v>1.791759469228055</v>
      </c>
      <c r="AC862">
        <v>1</v>
      </c>
      <c r="AD862">
        <v>1</v>
      </c>
      <c r="AE862">
        <v>0</v>
      </c>
      <c r="AF862">
        <v>0</v>
      </c>
      <c r="AG862">
        <v>1.6094379124341009</v>
      </c>
      <c r="AH862">
        <v>0.21920494717327621</v>
      </c>
      <c r="AI862">
        <v>-0.31937526113138998</v>
      </c>
      <c r="AJ862">
        <v>-3.6466138607916379E-2</v>
      </c>
      <c r="AK862">
        <v>0</v>
      </c>
      <c r="AL862">
        <v>301.94795801405559</v>
      </c>
      <c r="AM862">
        <v>205.49070697027179</v>
      </c>
      <c r="AN862">
        <v>817</v>
      </c>
      <c r="AO862">
        <v>117</v>
      </c>
      <c r="AP862">
        <v>248.24383174612819</v>
      </c>
      <c r="AQ862">
        <v>3.5</v>
      </c>
      <c r="AR862">
        <v>3.875</v>
      </c>
      <c r="AS862">
        <v>8</v>
      </c>
      <c r="AT862">
        <v>0</v>
      </c>
      <c r="AU862">
        <v>0.46384297520661161</v>
      </c>
      <c r="AV862">
        <v>0.2239744632737215</v>
      </c>
      <c r="AW862">
        <v>0.625</v>
      </c>
      <c r="AX862">
        <v>76</v>
      </c>
      <c r="AY862">
        <v>35.5</v>
      </c>
      <c r="AZ862">
        <v>96.5</v>
      </c>
      <c r="BA862">
        <v>0.77383193306809561</v>
      </c>
      <c r="BB862">
        <v>0.375</v>
      </c>
      <c r="BC862">
        <v>1.7478680974667571</v>
      </c>
      <c r="BD862" t="s">
        <v>3338</v>
      </c>
      <c r="BE862" t="s">
        <v>68</v>
      </c>
    </row>
    <row r="863" spans="1:57" x14ac:dyDescent="0.3">
      <c r="A863" t="s">
        <v>3340</v>
      </c>
      <c r="B863">
        <v>1910</v>
      </c>
      <c r="C863" t="s">
        <v>3341</v>
      </c>
      <c r="D863" t="s">
        <v>3342</v>
      </c>
      <c r="E863" t="s">
        <v>106</v>
      </c>
      <c r="F863">
        <v>1948</v>
      </c>
      <c r="G863">
        <v>128.81673511293641</v>
      </c>
      <c r="H863">
        <v>126</v>
      </c>
      <c r="I863">
        <v>5364.3334571023197</v>
      </c>
      <c r="J863">
        <v>73.241610148209602</v>
      </c>
      <c r="K863">
        <v>-8.0881726160861073E-4</v>
      </c>
      <c r="L863">
        <v>-1.188522887008107</v>
      </c>
      <c r="M863">
        <v>7.9116812490208996</v>
      </c>
      <c r="N863">
        <v>18</v>
      </c>
      <c r="O863">
        <v>2</v>
      </c>
      <c r="P863">
        <v>16</v>
      </c>
      <c r="Q863">
        <v>2.6508677087653769</v>
      </c>
      <c r="R863">
        <v>5.483959551247823</v>
      </c>
      <c r="S863">
        <v>2</v>
      </c>
      <c r="T863">
        <v>1</v>
      </c>
      <c r="U863">
        <v>1</v>
      </c>
      <c r="V863">
        <v>0.1177486564413794</v>
      </c>
      <c r="W863">
        <v>7.5548205843397191</v>
      </c>
      <c r="X863">
        <v>2</v>
      </c>
      <c r="Y863">
        <v>1</v>
      </c>
      <c r="Z863">
        <v>1</v>
      </c>
      <c r="AA863">
        <v>2.266879967614252E-2</v>
      </c>
      <c r="AB863">
        <v>7.5728188812654142</v>
      </c>
      <c r="AC863">
        <v>1</v>
      </c>
      <c r="AD863">
        <v>1</v>
      </c>
      <c r="AE863">
        <v>0</v>
      </c>
      <c r="AF863">
        <v>0</v>
      </c>
      <c r="AG863">
        <v>7.5730172560525446</v>
      </c>
      <c r="AH863">
        <v>-2.0152329834311911E-2</v>
      </c>
      <c r="AI863">
        <v>-1.190355879763934E-2</v>
      </c>
      <c r="AJ863">
        <v>-1.9786496801501869E-2</v>
      </c>
      <c r="AK863">
        <v>1.3495853557614479E-2</v>
      </c>
      <c r="AL863">
        <v>3009.5695589258671</v>
      </c>
      <c r="AM863">
        <v>5806.6203655815798</v>
      </c>
      <c r="AN863">
        <v>250935</v>
      </c>
      <c r="AO863">
        <v>54.753650926831781</v>
      </c>
      <c r="AP863">
        <v>2724.5719747468788</v>
      </c>
      <c r="AQ863">
        <v>1.011806981519507</v>
      </c>
      <c r="AR863">
        <v>4.018993839835729</v>
      </c>
      <c r="AS863">
        <v>1947</v>
      </c>
      <c r="AT863">
        <v>236.4106776180698</v>
      </c>
      <c r="AU863">
        <v>1.930788742601763E-2</v>
      </c>
      <c r="AV863">
        <v>-2.0157664575532221E-2</v>
      </c>
      <c r="AW863">
        <v>0.38655030800821361</v>
      </c>
      <c r="AX863">
        <v>85.700564971751419</v>
      </c>
      <c r="AY863">
        <v>64.5</v>
      </c>
      <c r="AZ863">
        <v>127</v>
      </c>
      <c r="BA863">
        <v>0.56857216637261554</v>
      </c>
      <c r="BB863">
        <v>0.48973305954825458</v>
      </c>
      <c r="BC863">
        <v>5.2794648696370423</v>
      </c>
      <c r="BD863" t="s">
        <v>3343</v>
      </c>
      <c r="BE863" t="s">
        <v>68</v>
      </c>
    </row>
    <row r="864" spans="1:57" x14ac:dyDescent="0.3">
      <c r="A864" t="s">
        <v>3344</v>
      </c>
      <c r="B864">
        <v>2782</v>
      </c>
      <c r="C864" t="s">
        <v>3345</v>
      </c>
      <c r="D864" t="s">
        <v>3346</v>
      </c>
      <c r="E864" t="s">
        <v>10622</v>
      </c>
      <c r="F864">
        <v>64</v>
      </c>
      <c r="G864">
        <v>135.578125</v>
      </c>
      <c r="H864">
        <v>132.5</v>
      </c>
      <c r="I864">
        <v>4817.775146484375</v>
      </c>
      <c r="J864">
        <v>69.41019483105039</v>
      </c>
      <c r="K864">
        <v>-0.11365349713268059</v>
      </c>
      <c r="L864">
        <v>-1.1426976794773209</v>
      </c>
      <c r="M864">
        <v>5.9375</v>
      </c>
      <c r="N864">
        <v>2</v>
      </c>
      <c r="O864">
        <v>1</v>
      </c>
      <c r="P864">
        <v>1</v>
      </c>
      <c r="Q864">
        <v>0.17668469596940839</v>
      </c>
      <c r="R864">
        <v>4.1155613845746766</v>
      </c>
      <c r="S864">
        <v>1</v>
      </c>
      <c r="T864">
        <v>1</v>
      </c>
      <c r="U864">
        <v>0</v>
      </c>
      <c r="V864">
        <v>0</v>
      </c>
      <c r="W864">
        <v>4.1431347263915326</v>
      </c>
      <c r="X864">
        <v>1</v>
      </c>
      <c r="Y864">
        <v>1</v>
      </c>
      <c r="Z864">
        <v>0</v>
      </c>
      <c r="AA864">
        <v>0</v>
      </c>
      <c r="AB864">
        <v>4.1271343850450908</v>
      </c>
      <c r="AC864">
        <v>1</v>
      </c>
      <c r="AD864">
        <v>1</v>
      </c>
      <c r="AE864">
        <v>0</v>
      </c>
      <c r="AF864">
        <v>0</v>
      </c>
      <c r="AG864">
        <v>4.1108738641733096</v>
      </c>
      <c r="AH864">
        <v>-1.4190583131862311E-2</v>
      </c>
      <c r="AI864">
        <v>-0.1423268833341011</v>
      </c>
      <c r="AJ864">
        <v>-0.2024188965111649</v>
      </c>
      <c r="AK864">
        <v>0.10247042488228331</v>
      </c>
      <c r="AL864">
        <v>620.17396805339968</v>
      </c>
      <c r="AM864">
        <v>1048.8723703811161</v>
      </c>
      <c r="AN864">
        <v>8677</v>
      </c>
      <c r="AO864">
        <v>102.2665366194521</v>
      </c>
      <c r="AP864">
        <v>507.20353064566137</v>
      </c>
      <c r="AQ864">
        <v>1.359375</v>
      </c>
      <c r="AR864">
        <v>4.1875</v>
      </c>
      <c r="AS864">
        <v>64</v>
      </c>
      <c r="AT864">
        <v>1.875</v>
      </c>
      <c r="AU864">
        <v>7.0772058823529438E-2</v>
      </c>
      <c r="AV864">
        <v>-1.481636305647854E-2</v>
      </c>
      <c r="AW864">
        <v>0.375</v>
      </c>
      <c r="AX864">
        <v>80.650793650793645</v>
      </c>
      <c r="AY864">
        <v>59.5</v>
      </c>
      <c r="AZ864">
        <v>114.5</v>
      </c>
      <c r="BA864">
        <v>0.51195718211216146</v>
      </c>
      <c r="BB864">
        <v>0.484375</v>
      </c>
      <c r="BC864">
        <v>3.8487684591165618</v>
      </c>
      <c r="BD864" t="s">
        <v>3347</v>
      </c>
      <c r="BE864" t="s">
        <v>62</v>
      </c>
    </row>
    <row r="865" spans="1:57" x14ac:dyDescent="0.3">
      <c r="A865" t="s">
        <v>3348</v>
      </c>
      <c r="B865">
        <v>2744</v>
      </c>
      <c r="C865" t="s">
        <v>3349</v>
      </c>
      <c r="D865" t="s">
        <v>3350</v>
      </c>
      <c r="E865" t="s">
        <v>72</v>
      </c>
      <c r="F865">
        <v>2752</v>
      </c>
      <c r="G865">
        <v>127.6875</v>
      </c>
      <c r="H865">
        <v>129</v>
      </c>
      <c r="I865">
        <v>5434.5287972383721</v>
      </c>
      <c r="J865">
        <v>73.719256624293038</v>
      </c>
      <c r="K865">
        <v>-1.999424392634844E-3</v>
      </c>
      <c r="L865">
        <v>-1.211132088836389</v>
      </c>
      <c r="M865">
        <v>7.9302820183500717</v>
      </c>
      <c r="N865">
        <v>23</v>
      </c>
      <c r="O865">
        <v>3</v>
      </c>
      <c r="P865">
        <v>20</v>
      </c>
      <c r="Q865">
        <v>3.336586953759785</v>
      </c>
      <c r="R865">
        <v>5.4968526220645906</v>
      </c>
      <c r="S865">
        <v>2</v>
      </c>
      <c r="T865">
        <v>1</v>
      </c>
      <c r="U865">
        <v>1</v>
      </c>
      <c r="V865">
        <v>0.1583198890027005</v>
      </c>
      <c r="W865">
        <v>7.8849490190426152</v>
      </c>
      <c r="X865">
        <v>1</v>
      </c>
      <c r="Y865">
        <v>1</v>
      </c>
      <c r="Z865">
        <v>0</v>
      </c>
      <c r="AA865">
        <v>0</v>
      </c>
      <c r="AB865">
        <v>7.9193561906606158</v>
      </c>
      <c r="AC865">
        <v>1</v>
      </c>
      <c r="AD865">
        <v>1</v>
      </c>
      <c r="AE865">
        <v>0</v>
      </c>
      <c r="AF865">
        <v>0</v>
      </c>
      <c r="AG865">
        <v>7.9189924881652436</v>
      </c>
      <c r="AH865">
        <v>9.0236692482809321E-3</v>
      </c>
      <c r="AI865">
        <v>-1.8109677299944019E-2</v>
      </c>
      <c r="AJ865">
        <v>5.8662651164154414E-3</v>
      </c>
      <c r="AK865">
        <v>-9.8366560371392457E-3</v>
      </c>
      <c r="AL865">
        <v>3545.757137255197</v>
      </c>
      <c r="AM865">
        <v>6874.031300743678</v>
      </c>
      <c r="AN865">
        <v>351396</v>
      </c>
      <c r="AO865">
        <v>40.527369993146849</v>
      </c>
      <c r="AP865">
        <v>3178.4286527647869</v>
      </c>
      <c r="AQ865">
        <v>1.008357558139535</v>
      </c>
      <c r="AR865">
        <v>3.997819767441861</v>
      </c>
      <c r="AS865">
        <v>2740</v>
      </c>
      <c r="AT865">
        <v>265.11627906976742</v>
      </c>
      <c r="AU865">
        <v>1.2739398084815331E-2</v>
      </c>
      <c r="AV865">
        <v>9.0260279605437425E-3</v>
      </c>
      <c r="AW865">
        <v>0.37245639534883718</v>
      </c>
      <c r="AX865">
        <v>84.56052344601963</v>
      </c>
      <c r="AY865">
        <v>65</v>
      </c>
      <c r="AZ865">
        <v>128</v>
      </c>
      <c r="BA865">
        <v>0.57734121683244666</v>
      </c>
      <c r="BB865">
        <v>0.50654069767441856</v>
      </c>
      <c r="BC865">
        <v>5.2963851320879378</v>
      </c>
      <c r="BD865" t="s">
        <v>3351</v>
      </c>
      <c r="BE865" t="s">
        <v>62</v>
      </c>
    </row>
    <row r="866" spans="1:57" x14ac:dyDescent="0.3">
      <c r="A866" t="s">
        <v>3352</v>
      </c>
      <c r="B866">
        <v>150</v>
      </c>
      <c r="C866" t="s">
        <v>3353</v>
      </c>
      <c r="D866" t="s">
        <v>3354</v>
      </c>
      <c r="E866" t="s">
        <v>60</v>
      </c>
      <c r="F866">
        <v>512</v>
      </c>
      <c r="G866">
        <v>125.650390625</v>
      </c>
      <c r="H866">
        <v>123</v>
      </c>
      <c r="I866">
        <v>5167.0516014099121</v>
      </c>
      <c r="J866">
        <v>71.882206431146173</v>
      </c>
      <c r="K866">
        <v>3.7668291663525207E-2</v>
      </c>
      <c r="L866">
        <v>-1.1614994498218281</v>
      </c>
      <c r="M866">
        <v>7.524157754307887</v>
      </c>
      <c r="N866">
        <v>8</v>
      </c>
      <c r="O866">
        <v>1</v>
      </c>
      <c r="P866">
        <v>7</v>
      </c>
      <c r="Q866">
        <v>1.3449208841159721</v>
      </c>
      <c r="R866">
        <v>5.2153487334867599</v>
      </c>
      <c r="S866">
        <v>2</v>
      </c>
      <c r="T866">
        <v>1</v>
      </c>
      <c r="U866">
        <v>1</v>
      </c>
      <c r="V866">
        <v>4.4237310481092057E-2</v>
      </c>
      <c r="W866">
        <v>6.2336566853874222</v>
      </c>
      <c r="X866">
        <v>1</v>
      </c>
      <c r="Y866">
        <v>1</v>
      </c>
      <c r="Z866">
        <v>0</v>
      </c>
      <c r="AA866">
        <v>0</v>
      </c>
      <c r="AB866">
        <v>6.2344107257183694</v>
      </c>
      <c r="AC866">
        <v>1</v>
      </c>
      <c r="AD866">
        <v>1</v>
      </c>
      <c r="AE866">
        <v>0</v>
      </c>
      <c r="AF866">
        <v>0</v>
      </c>
      <c r="AG866">
        <v>6.2324480165505216</v>
      </c>
      <c r="AH866">
        <v>2.5732471440801E-2</v>
      </c>
      <c r="AI866">
        <v>-3.7356213925419018E-2</v>
      </c>
      <c r="AJ866">
        <v>0.1081816854164641</v>
      </c>
      <c r="AK866">
        <v>-3.2832659999832408E-3</v>
      </c>
      <c r="AL866">
        <v>1570.99097491974</v>
      </c>
      <c r="AM866">
        <v>2874.1928182918991</v>
      </c>
      <c r="AN866">
        <v>64333</v>
      </c>
      <c r="AO866">
        <v>11.29415660711849</v>
      </c>
      <c r="AP866">
        <v>1384.521868134492</v>
      </c>
      <c r="AQ866">
        <v>1.044921875</v>
      </c>
      <c r="AR866">
        <v>3.970703125</v>
      </c>
      <c r="AS866">
        <v>507</v>
      </c>
      <c r="AT866">
        <v>160.28125</v>
      </c>
      <c r="AU866">
        <v>3.8748468137254848E-2</v>
      </c>
      <c r="AV866">
        <v>2.5762097314903091E-2</v>
      </c>
      <c r="AW866">
        <v>0.390625</v>
      </c>
      <c r="AX866">
        <v>82.352250489236795</v>
      </c>
      <c r="AY866">
        <v>62</v>
      </c>
      <c r="AZ866">
        <v>123.5</v>
      </c>
      <c r="BA866">
        <v>0.5720810422760767</v>
      </c>
      <c r="BB866">
        <v>0.4921875</v>
      </c>
      <c r="BC866">
        <v>5.0580777471721312</v>
      </c>
      <c r="BD866" t="s">
        <v>3355</v>
      </c>
      <c r="BE866" t="s">
        <v>62</v>
      </c>
    </row>
    <row r="867" spans="1:57" x14ac:dyDescent="0.3">
      <c r="A867" t="s">
        <v>3356</v>
      </c>
      <c r="B867">
        <v>851</v>
      </c>
      <c r="C867" t="s">
        <v>3357</v>
      </c>
      <c r="D867" t="s">
        <v>3358</v>
      </c>
      <c r="E867" t="s">
        <v>106</v>
      </c>
      <c r="F867">
        <v>863</v>
      </c>
      <c r="G867">
        <v>127.7485515643105</v>
      </c>
      <c r="H867">
        <v>129</v>
      </c>
      <c r="I867">
        <v>5459.6134828383019</v>
      </c>
      <c r="J867">
        <v>73.889197335187646</v>
      </c>
      <c r="K867">
        <v>7.1352407516534844E-3</v>
      </c>
      <c r="L867">
        <v>-1.226985908231778</v>
      </c>
      <c r="M867">
        <v>7.7533890109936419</v>
      </c>
      <c r="N867">
        <v>9</v>
      </c>
      <c r="O867">
        <v>1</v>
      </c>
      <c r="P867">
        <v>8</v>
      </c>
      <c r="Q867">
        <v>1.774902482644348</v>
      </c>
      <c r="R867">
        <v>5.3742397327547238</v>
      </c>
      <c r="S867">
        <v>1</v>
      </c>
      <c r="T867">
        <v>1</v>
      </c>
      <c r="U867">
        <v>0</v>
      </c>
      <c r="V867">
        <v>0</v>
      </c>
      <c r="W867">
        <v>6.7592552706636937</v>
      </c>
      <c r="X867">
        <v>1</v>
      </c>
      <c r="Y867">
        <v>1</v>
      </c>
      <c r="Z867">
        <v>0</v>
      </c>
      <c r="AA867">
        <v>0</v>
      </c>
      <c r="AB867">
        <v>6.7580945044277279</v>
      </c>
      <c r="AC867">
        <v>1</v>
      </c>
      <c r="AD867">
        <v>1</v>
      </c>
      <c r="AE867">
        <v>0</v>
      </c>
      <c r="AF867">
        <v>0</v>
      </c>
      <c r="AG867">
        <v>6.7569323892475524</v>
      </c>
      <c r="AH867">
        <v>3.2916064991957671E-2</v>
      </c>
      <c r="AI867">
        <v>-2.5380196487175679E-2</v>
      </c>
      <c r="AJ867">
        <v>-2.6649306968522669E-2</v>
      </c>
      <c r="AK867">
        <v>-2.4638862833082729E-2</v>
      </c>
      <c r="AL867">
        <v>2051.3178099822599</v>
      </c>
      <c r="AM867">
        <v>3819.3764206280548</v>
      </c>
      <c r="AN867">
        <v>110247</v>
      </c>
      <c r="AO867">
        <v>49.606514877902043</v>
      </c>
      <c r="AP867">
        <v>1793.368955368197</v>
      </c>
      <c r="AQ867">
        <v>1.0266512166859789</v>
      </c>
      <c r="AR867">
        <v>3.9466975666280422</v>
      </c>
      <c r="AS867">
        <v>859</v>
      </c>
      <c r="AT867">
        <v>217.32908458864429</v>
      </c>
      <c r="AU867">
        <v>1.8385477018153629E-2</v>
      </c>
      <c r="AV867">
        <v>3.2975428462869952E-2</v>
      </c>
      <c r="AW867">
        <v>0.37543453070683658</v>
      </c>
      <c r="AX867">
        <v>83.279582366589324</v>
      </c>
      <c r="AY867">
        <v>65</v>
      </c>
      <c r="AZ867">
        <v>130</v>
      </c>
      <c r="BA867">
        <v>0.57839557811339026</v>
      </c>
      <c r="BB867">
        <v>0.50869061413673233</v>
      </c>
      <c r="BC867">
        <v>5.1580869523948314</v>
      </c>
      <c r="BD867" t="s">
        <v>3359</v>
      </c>
      <c r="BE867" t="s">
        <v>68</v>
      </c>
    </row>
    <row r="868" spans="1:57" x14ac:dyDescent="0.3">
      <c r="A868" t="s">
        <v>3360</v>
      </c>
      <c r="B868">
        <v>160</v>
      </c>
      <c r="C868" t="s">
        <v>3361</v>
      </c>
      <c r="D868" t="s">
        <v>3362</v>
      </c>
      <c r="E868" t="s">
        <v>60</v>
      </c>
      <c r="F868">
        <v>256</v>
      </c>
      <c r="G868">
        <v>131.3125</v>
      </c>
      <c r="H868">
        <v>131</v>
      </c>
      <c r="I868">
        <v>5077.74609375</v>
      </c>
      <c r="J868">
        <v>71.258305436980464</v>
      </c>
      <c r="K868">
        <v>-2.8551017046622329E-2</v>
      </c>
      <c r="L868">
        <v>-1.1613114254844541</v>
      </c>
      <c r="M868">
        <v>7.165671972504132</v>
      </c>
      <c r="N868">
        <v>4</v>
      </c>
      <c r="O868">
        <v>1</v>
      </c>
      <c r="P868">
        <v>3</v>
      </c>
      <c r="Q868">
        <v>0.80735785387686565</v>
      </c>
      <c r="R868">
        <v>4.9668653245586603</v>
      </c>
      <c r="S868">
        <v>2</v>
      </c>
      <c r="T868">
        <v>1</v>
      </c>
      <c r="U868">
        <v>1</v>
      </c>
      <c r="V868">
        <v>6.2621943781838038E-2</v>
      </c>
      <c r="W868">
        <v>5.5358270966834446</v>
      </c>
      <c r="X868">
        <v>1</v>
      </c>
      <c r="Y868">
        <v>1</v>
      </c>
      <c r="Z868">
        <v>0</v>
      </c>
      <c r="AA868">
        <v>0</v>
      </c>
      <c r="AB868">
        <v>5.5373342670185366</v>
      </c>
      <c r="AC868">
        <v>1</v>
      </c>
      <c r="AD868">
        <v>1</v>
      </c>
      <c r="AE868">
        <v>0</v>
      </c>
      <c r="AF868">
        <v>0</v>
      </c>
      <c r="AG868">
        <v>5.5333894887275203</v>
      </c>
      <c r="AH868">
        <v>-8.482866425898701E-2</v>
      </c>
      <c r="AI868">
        <v>6.8206717876256914E-2</v>
      </c>
      <c r="AJ868">
        <v>-1.3465899595008241E-2</v>
      </c>
      <c r="AK868">
        <v>3.4022941279080052E-2</v>
      </c>
      <c r="AL868">
        <v>1147.928326299867</v>
      </c>
      <c r="AM868">
        <v>2096.7509527071611</v>
      </c>
      <c r="AN868">
        <v>33616</v>
      </c>
      <c r="AO868">
        <v>86.789792062728509</v>
      </c>
      <c r="AP868">
        <v>958.46207611038142</v>
      </c>
      <c r="AQ868">
        <v>1.08984375</v>
      </c>
      <c r="AR868">
        <v>4.03125</v>
      </c>
      <c r="AS868">
        <v>256</v>
      </c>
      <c r="AT868">
        <v>66.000000000000014</v>
      </c>
      <c r="AU868">
        <v>4.6254960317460292E-2</v>
      </c>
      <c r="AV868">
        <v>-8.4867449100317738E-2</v>
      </c>
      <c r="AW868">
        <v>0.390625</v>
      </c>
      <c r="AX868">
        <v>85.878431372549016</v>
      </c>
      <c r="AY868">
        <v>60</v>
      </c>
      <c r="AZ868">
        <v>119.75</v>
      </c>
      <c r="BA868">
        <v>0.54266201189513918</v>
      </c>
      <c r="BB868">
        <v>0.48828125</v>
      </c>
      <c r="BC868">
        <v>4.866800344175072</v>
      </c>
      <c r="BD868" t="s">
        <v>3363</v>
      </c>
      <c r="BE868" t="s">
        <v>62</v>
      </c>
    </row>
    <row r="869" spans="1:57" x14ac:dyDescent="0.3">
      <c r="A869" t="s">
        <v>3364</v>
      </c>
      <c r="B869">
        <v>3541</v>
      </c>
      <c r="C869" t="s">
        <v>3365</v>
      </c>
      <c r="D869" t="s">
        <v>3366</v>
      </c>
      <c r="E869" t="s">
        <v>115</v>
      </c>
      <c r="F869">
        <v>3597</v>
      </c>
      <c r="G869">
        <v>127.5626911314985</v>
      </c>
      <c r="H869">
        <v>128</v>
      </c>
      <c r="I869">
        <v>5498.5874654294821</v>
      </c>
      <c r="J869">
        <v>74.152460953291921</v>
      </c>
      <c r="K869">
        <v>-1.32114851809831E-2</v>
      </c>
      <c r="L869">
        <v>-1.2113253300649649</v>
      </c>
      <c r="M869">
        <v>7.9416505047715837</v>
      </c>
      <c r="N869">
        <v>26</v>
      </c>
      <c r="O869">
        <v>4</v>
      </c>
      <c r="P869">
        <v>22</v>
      </c>
      <c r="Q869">
        <v>3.961898536642305</v>
      </c>
      <c r="R869">
        <v>5.5047326563748928</v>
      </c>
      <c r="S869">
        <v>3</v>
      </c>
      <c r="T869">
        <v>1</v>
      </c>
      <c r="U869">
        <v>2</v>
      </c>
      <c r="V869">
        <v>0.17246911896726599</v>
      </c>
      <c r="W869">
        <v>8.146953325496586</v>
      </c>
      <c r="X869">
        <v>1</v>
      </c>
      <c r="Y869">
        <v>1</v>
      </c>
      <c r="Z869">
        <v>0</v>
      </c>
      <c r="AA869">
        <v>0</v>
      </c>
      <c r="AB869">
        <v>8.1872992701551457</v>
      </c>
      <c r="AC869">
        <v>1</v>
      </c>
      <c r="AD869">
        <v>1</v>
      </c>
      <c r="AE869">
        <v>0</v>
      </c>
      <c r="AF869">
        <v>0</v>
      </c>
      <c r="AG869">
        <v>8.1870210673435082</v>
      </c>
      <c r="AH869">
        <v>-2.7564957535948412E-2</v>
      </c>
      <c r="AI869">
        <v>4.7761481741762091E-3</v>
      </c>
      <c r="AJ869">
        <v>1.1005945344911E-2</v>
      </c>
      <c r="AK869">
        <v>-9.5224908246543515E-3</v>
      </c>
      <c r="AL869">
        <v>4058.348539679339</v>
      </c>
      <c r="AM869">
        <v>7863.8078645451769</v>
      </c>
      <c r="AN869">
        <v>458843</v>
      </c>
      <c r="AO869">
        <v>70.744304656026529</v>
      </c>
      <c r="AP869">
        <v>3647.9934167308811</v>
      </c>
      <c r="AQ869">
        <v>1.006394217403392</v>
      </c>
      <c r="AR869">
        <v>3.989435640811787</v>
      </c>
      <c r="AS869">
        <v>3591</v>
      </c>
      <c r="AT869">
        <v>285.9869335557409</v>
      </c>
      <c r="AU869">
        <v>1.049240380055272E-2</v>
      </c>
      <c r="AV869">
        <v>-2.7568107528051559E-2</v>
      </c>
      <c r="AW869">
        <v>0.36447039199332781</v>
      </c>
      <c r="AX869">
        <v>87.314516129032256</v>
      </c>
      <c r="AY869">
        <v>64</v>
      </c>
      <c r="AZ869">
        <v>128</v>
      </c>
      <c r="BA869">
        <v>0.58130210561998563</v>
      </c>
      <c r="BB869">
        <v>0.50180706144008891</v>
      </c>
      <c r="BC869">
        <v>5.332806777424878</v>
      </c>
      <c r="BD869" t="s">
        <v>3367</v>
      </c>
      <c r="BE869" t="s">
        <v>68</v>
      </c>
    </row>
    <row r="870" spans="1:57" x14ac:dyDescent="0.3">
      <c r="A870" t="s">
        <v>3368</v>
      </c>
      <c r="B870">
        <v>3216</v>
      </c>
      <c r="C870" t="s">
        <v>3369</v>
      </c>
      <c r="D870" t="s">
        <v>3370</v>
      </c>
      <c r="E870" t="s">
        <v>85</v>
      </c>
      <c r="F870">
        <v>8</v>
      </c>
      <c r="G870">
        <v>100.625</v>
      </c>
      <c r="H870">
        <v>109</v>
      </c>
      <c r="I870">
        <v>2030.234375</v>
      </c>
      <c r="J870">
        <v>45.058122186793362</v>
      </c>
      <c r="K870">
        <v>-0.35979810699105358</v>
      </c>
      <c r="L870">
        <v>-0.93246205272419314</v>
      </c>
      <c r="M870">
        <v>3</v>
      </c>
      <c r="N870">
        <v>1</v>
      </c>
      <c r="O870">
        <v>1</v>
      </c>
      <c r="P870">
        <v>0</v>
      </c>
      <c r="Q870">
        <v>0</v>
      </c>
      <c r="R870">
        <v>2.0794415416798362</v>
      </c>
      <c r="S870">
        <v>1</v>
      </c>
      <c r="T870">
        <v>1</v>
      </c>
      <c r="U870">
        <v>0</v>
      </c>
      <c r="V870">
        <v>0</v>
      </c>
      <c r="W870">
        <v>1.945910149055313</v>
      </c>
      <c r="X870">
        <v>1</v>
      </c>
      <c r="Y870">
        <v>1</v>
      </c>
      <c r="Z870">
        <v>0</v>
      </c>
      <c r="AA870">
        <v>0</v>
      </c>
      <c r="AB870">
        <v>1.791759469228055</v>
      </c>
      <c r="AC870">
        <v>1</v>
      </c>
      <c r="AD870">
        <v>1</v>
      </c>
      <c r="AE870">
        <v>0</v>
      </c>
      <c r="AF870">
        <v>0</v>
      </c>
      <c r="AG870">
        <v>1.6094379124341009</v>
      </c>
      <c r="AH870">
        <v>-8.5382114133990078E-2</v>
      </c>
      <c r="AI870">
        <v>0.44078000538730899</v>
      </c>
      <c r="AJ870">
        <v>-0.38725227998614692</v>
      </c>
      <c r="AK870">
        <v>0</v>
      </c>
      <c r="AL870">
        <v>203.7967088365746</v>
      </c>
      <c r="AM870">
        <v>236.03368714524731</v>
      </c>
      <c r="AN870">
        <v>805</v>
      </c>
      <c r="AO870">
        <v>33.231843556326638</v>
      </c>
      <c r="AP870">
        <v>129.47749589498579</v>
      </c>
      <c r="AQ870">
        <v>3.5</v>
      </c>
      <c r="AR870">
        <v>4.125</v>
      </c>
      <c r="AS870">
        <v>8</v>
      </c>
      <c r="AT870">
        <v>0</v>
      </c>
      <c r="AU870">
        <v>0.14166666666666669</v>
      </c>
      <c r="AV870">
        <v>-9.6830475028265819E-2</v>
      </c>
      <c r="AW870">
        <v>0.5</v>
      </c>
      <c r="AX870">
        <v>56.285714285714278</v>
      </c>
      <c r="AY870">
        <v>35</v>
      </c>
      <c r="AZ870">
        <v>65.25</v>
      </c>
      <c r="BA870">
        <v>0.44778258073831911</v>
      </c>
      <c r="BB870">
        <v>0.5</v>
      </c>
      <c r="BC870">
        <v>1.945910149055313</v>
      </c>
      <c r="BD870" t="s">
        <v>3369</v>
      </c>
      <c r="BE870" t="s">
        <v>68</v>
      </c>
    </row>
    <row r="871" spans="1:57" x14ac:dyDescent="0.3">
      <c r="A871" t="s">
        <v>3371</v>
      </c>
      <c r="B871">
        <v>1519</v>
      </c>
      <c r="C871" t="s">
        <v>3372</v>
      </c>
      <c r="D871" t="s">
        <v>3373</v>
      </c>
      <c r="E871" t="s">
        <v>128</v>
      </c>
      <c r="F871">
        <v>32</v>
      </c>
      <c r="G871">
        <v>137.46875</v>
      </c>
      <c r="H871">
        <v>145</v>
      </c>
      <c r="I871">
        <v>6420.0615234375</v>
      </c>
      <c r="J871">
        <v>80.125286417194786</v>
      </c>
      <c r="K871">
        <v>-0.17308428081847591</v>
      </c>
      <c r="L871">
        <v>-1.3413074128796181</v>
      </c>
      <c r="M871">
        <v>4.75</v>
      </c>
      <c r="N871">
        <v>2</v>
      </c>
      <c r="O871">
        <v>1</v>
      </c>
      <c r="P871">
        <v>1</v>
      </c>
      <c r="Q871">
        <v>0.3499271061118826</v>
      </c>
      <c r="R871">
        <v>3.2924491076597389</v>
      </c>
      <c r="S871">
        <v>1</v>
      </c>
      <c r="T871">
        <v>1</v>
      </c>
      <c r="U871">
        <v>0</v>
      </c>
      <c r="V871">
        <v>0</v>
      </c>
      <c r="W871">
        <v>3.4339872044851458</v>
      </c>
      <c r="X871">
        <v>1</v>
      </c>
      <c r="Y871">
        <v>1</v>
      </c>
      <c r="Z871">
        <v>0</v>
      </c>
      <c r="AA871">
        <v>0</v>
      </c>
      <c r="AB871">
        <v>3.401197381662155</v>
      </c>
      <c r="AC871">
        <v>1</v>
      </c>
      <c r="AD871">
        <v>1</v>
      </c>
      <c r="AE871">
        <v>0</v>
      </c>
      <c r="AF871">
        <v>0</v>
      </c>
      <c r="AG871">
        <v>3.3672958299864728</v>
      </c>
      <c r="AH871">
        <v>0.17211201045520311</v>
      </c>
      <c r="AI871">
        <v>2.3280287255692492E-2</v>
      </c>
      <c r="AJ871">
        <v>-0.16182187644077711</v>
      </c>
      <c r="AK871">
        <v>3.2725586817932008E-2</v>
      </c>
      <c r="AL871">
        <v>514.99673844415418</v>
      </c>
      <c r="AM871">
        <v>738.20414479457065</v>
      </c>
      <c r="AN871">
        <v>4399</v>
      </c>
      <c r="AO871">
        <v>63.544140323051039</v>
      </c>
      <c r="AP871">
        <v>295.16299345867043</v>
      </c>
      <c r="AQ871">
        <v>1.71875</v>
      </c>
      <c r="AR871">
        <v>3.65625</v>
      </c>
      <c r="AS871">
        <v>32</v>
      </c>
      <c r="AT871">
        <v>3</v>
      </c>
      <c r="AU871">
        <v>0.1420682730923695</v>
      </c>
      <c r="AV871">
        <v>0.1784957739805528</v>
      </c>
      <c r="AW871">
        <v>0.3125</v>
      </c>
      <c r="AX871">
        <v>86.483870967741936</v>
      </c>
      <c r="AY871">
        <v>69</v>
      </c>
      <c r="AZ871">
        <v>143.25</v>
      </c>
      <c r="BA871">
        <v>0.5828618243578616</v>
      </c>
      <c r="BB871">
        <v>0.5</v>
      </c>
      <c r="BC871">
        <v>3.3445488586064429</v>
      </c>
      <c r="BD871" t="s">
        <v>3374</v>
      </c>
      <c r="BE871" t="s">
        <v>62</v>
      </c>
    </row>
    <row r="872" spans="1:57" x14ac:dyDescent="0.3">
      <c r="A872" t="s">
        <v>3375</v>
      </c>
      <c r="B872">
        <v>1879</v>
      </c>
      <c r="C872" t="s">
        <v>3376</v>
      </c>
      <c r="D872" t="s">
        <v>3377</v>
      </c>
      <c r="E872" t="s">
        <v>106</v>
      </c>
      <c r="F872">
        <v>1917</v>
      </c>
      <c r="G872">
        <v>128.59102764736571</v>
      </c>
      <c r="H872">
        <v>128</v>
      </c>
      <c r="I872">
        <v>5428.9396795386201</v>
      </c>
      <c r="J872">
        <v>73.681338746921668</v>
      </c>
      <c r="K872">
        <v>-1.70249347915222E-2</v>
      </c>
      <c r="L872">
        <v>-1.1915253636273071</v>
      </c>
      <c r="M872">
        <v>7.900875756058956</v>
      </c>
      <c r="N872">
        <v>15</v>
      </c>
      <c r="O872">
        <v>1</v>
      </c>
      <c r="P872">
        <v>14</v>
      </c>
      <c r="Q872">
        <v>2.7171078688374588</v>
      </c>
      <c r="R872">
        <v>5.4764697542666934</v>
      </c>
      <c r="S872">
        <v>2</v>
      </c>
      <c r="T872">
        <v>1</v>
      </c>
      <c r="U872">
        <v>1</v>
      </c>
      <c r="V872">
        <v>0.1164790510545356</v>
      </c>
      <c r="W872">
        <v>7.5391830308746899</v>
      </c>
      <c r="X872">
        <v>1</v>
      </c>
      <c r="Y872">
        <v>1</v>
      </c>
      <c r="Z872">
        <v>0</v>
      </c>
      <c r="AA872">
        <v>0</v>
      </c>
      <c r="AB872">
        <v>7.5574729016147426</v>
      </c>
      <c r="AC872">
        <v>1</v>
      </c>
      <c r="AD872">
        <v>1</v>
      </c>
      <c r="AE872">
        <v>0</v>
      </c>
      <c r="AF872">
        <v>0</v>
      </c>
      <c r="AG872">
        <v>7.556950572012898</v>
      </c>
      <c r="AH872">
        <v>-5.6983559810278714E-3</v>
      </c>
      <c r="AI872">
        <v>9.3296358336057358E-3</v>
      </c>
      <c r="AJ872">
        <v>1.1170257704471999E-2</v>
      </c>
      <c r="AK872">
        <v>-4.3612292288686752E-2</v>
      </c>
      <c r="AL872">
        <v>2986.870804338866</v>
      </c>
      <c r="AM872">
        <v>5760.618525660946</v>
      </c>
      <c r="AN872">
        <v>246509</v>
      </c>
      <c r="AO872">
        <v>44.979178539875512</v>
      </c>
      <c r="AP872">
        <v>2679.3315641754089</v>
      </c>
      <c r="AQ872">
        <v>1.0119979134063639</v>
      </c>
      <c r="AR872">
        <v>3.9958268127282208</v>
      </c>
      <c r="AS872">
        <v>1910</v>
      </c>
      <c r="AT872">
        <v>252.38967136150231</v>
      </c>
      <c r="AU872">
        <v>1.6177237718248531E-2</v>
      </c>
      <c r="AV872">
        <v>-5.7046055920909229E-3</v>
      </c>
      <c r="AW872">
        <v>0.3667188315075639</v>
      </c>
      <c r="AX872">
        <v>85.746346555323598</v>
      </c>
      <c r="AY872">
        <v>64</v>
      </c>
      <c r="AZ872">
        <v>127</v>
      </c>
      <c r="BA872">
        <v>0.5729897341591943</v>
      </c>
      <c r="BB872">
        <v>0.49608763693270741</v>
      </c>
      <c r="BC872">
        <v>5.2775997059177779</v>
      </c>
      <c r="BD872" t="s">
        <v>3378</v>
      </c>
      <c r="BE872" t="s">
        <v>68</v>
      </c>
    </row>
    <row r="873" spans="1:57" x14ac:dyDescent="0.3">
      <c r="A873" t="s">
        <v>3379</v>
      </c>
      <c r="B873">
        <v>3295</v>
      </c>
      <c r="C873" t="s">
        <v>3380</v>
      </c>
      <c r="D873" t="s">
        <v>3381</v>
      </c>
      <c r="E873" t="s">
        <v>10622</v>
      </c>
      <c r="F873">
        <v>64</v>
      </c>
      <c r="G873">
        <v>110.546875</v>
      </c>
      <c r="H873">
        <v>98</v>
      </c>
      <c r="I873">
        <v>5117.716552734375</v>
      </c>
      <c r="J873">
        <v>71.53821742771045</v>
      </c>
      <c r="K873">
        <v>0.35328708627780692</v>
      </c>
      <c r="L873">
        <v>-1.0052399607214331</v>
      </c>
      <c r="M873">
        <v>5.84375</v>
      </c>
      <c r="N873">
        <v>2</v>
      </c>
      <c r="O873">
        <v>1</v>
      </c>
      <c r="P873">
        <v>1</v>
      </c>
      <c r="Q873">
        <v>0.27850299534160988</v>
      </c>
      <c r="R873">
        <v>4.0505788363971806</v>
      </c>
      <c r="S873">
        <v>1</v>
      </c>
      <c r="T873">
        <v>1</v>
      </c>
      <c r="U873">
        <v>0</v>
      </c>
      <c r="V873">
        <v>0</v>
      </c>
      <c r="W873">
        <v>4.1431347263915326</v>
      </c>
      <c r="X873">
        <v>1</v>
      </c>
      <c r="Y873">
        <v>1</v>
      </c>
      <c r="Z873">
        <v>0</v>
      </c>
      <c r="AA873">
        <v>0</v>
      </c>
      <c r="AB873">
        <v>4.1271343850450908</v>
      </c>
      <c r="AC873">
        <v>1</v>
      </c>
      <c r="AD873">
        <v>1</v>
      </c>
      <c r="AE873">
        <v>0</v>
      </c>
      <c r="AF873">
        <v>0</v>
      </c>
      <c r="AG873">
        <v>4.1108738641733096</v>
      </c>
      <c r="AH873">
        <v>-1.53743713913261E-2</v>
      </c>
      <c r="AI873">
        <v>8.7058924716609684E-2</v>
      </c>
      <c r="AJ873">
        <v>-0.21944413967911811</v>
      </c>
      <c r="AK873">
        <v>0.1049580701150792</v>
      </c>
      <c r="AL873">
        <v>606.15413246551043</v>
      </c>
      <c r="AM873">
        <v>861.52781016922756</v>
      </c>
      <c r="AN873">
        <v>7075</v>
      </c>
      <c r="AO873">
        <v>25.109058810342081</v>
      </c>
      <c r="AP873">
        <v>483.11616385953528</v>
      </c>
      <c r="AQ873">
        <v>1.359375</v>
      </c>
      <c r="AR873">
        <v>3.828125</v>
      </c>
      <c r="AS873">
        <v>64</v>
      </c>
      <c r="AT873">
        <v>4.2187499999999991</v>
      </c>
      <c r="AU873">
        <v>0.13309262948207171</v>
      </c>
      <c r="AV873">
        <v>-1.536994461158547E-2</v>
      </c>
      <c r="AW873">
        <v>0.453125</v>
      </c>
      <c r="AX873">
        <v>84.857142857142861</v>
      </c>
      <c r="AY873">
        <v>55</v>
      </c>
      <c r="AZ873">
        <v>112.75</v>
      </c>
      <c r="BA873">
        <v>0.64713016471709806</v>
      </c>
      <c r="BB873">
        <v>0.46875</v>
      </c>
      <c r="BC873">
        <v>4.0028011659076608</v>
      </c>
      <c r="BD873" t="s">
        <v>3382</v>
      </c>
      <c r="BE873" t="s">
        <v>62</v>
      </c>
    </row>
    <row r="874" spans="1:57" x14ac:dyDescent="0.3">
      <c r="A874" t="s">
        <v>3383</v>
      </c>
      <c r="B874">
        <v>2055</v>
      </c>
      <c r="C874" t="s">
        <v>3384</v>
      </c>
      <c r="D874" t="s">
        <v>3385</v>
      </c>
      <c r="E874" t="s">
        <v>10622</v>
      </c>
      <c r="F874">
        <v>64</v>
      </c>
      <c r="G874">
        <v>107.265625</v>
      </c>
      <c r="H874">
        <v>82.5</v>
      </c>
      <c r="I874">
        <v>5617.570068359375</v>
      </c>
      <c r="J874">
        <v>74.950450754877892</v>
      </c>
      <c r="K874">
        <v>0.62209622550522137</v>
      </c>
      <c r="L874">
        <v>-0.85758893959162652</v>
      </c>
      <c r="M874">
        <v>5.738204882778696</v>
      </c>
      <c r="N874">
        <v>3</v>
      </c>
      <c r="O874">
        <v>1</v>
      </c>
      <c r="P874">
        <v>2</v>
      </c>
      <c r="Q874">
        <v>0.3976974544878587</v>
      </c>
      <c r="R874">
        <v>3.9774205359733652</v>
      </c>
      <c r="S874">
        <v>1</v>
      </c>
      <c r="T874">
        <v>1</v>
      </c>
      <c r="U874">
        <v>0</v>
      </c>
      <c r="V874">
        <v>0</v>
      </c>
      <c r="W874">
        <v>4.1431347263915326</v>
      </c>
      <c r="X874">
        <v>1</v>
      </c>
      <c r="Y874">
        <v>1</v>
      </c>
      <c r="Z874">
        <v>0</v>
      </c>
      <c r="AA874">
        <v>0</v>
      </c>
      <c r="AB874">
        <v>4.1271343850450908</v>
      </c>
      <c r="AC874">
        <v>1</v>
      </c>
      <c r="AD874">
        <v>1</v>
      </c>
      <c r="AE874">
        <v>0</v>
      </c>
      <c r="AF874">
        <v>0</v>
      </c>
      <c r="AG874">
        <v>4.1108738641733096</v>
      </c>
      <c r="AH874">
        <v>-5.7132388263760027E-2</v>
      </c>
      <c r="AI874">
        <v>-5.761430940877766E-3</v>
      </c>
      <c r="AJ874">
        <v>-6.1059931207093118E-2</v>
      </c>
      <c r="AK874">
        <v>-1.553577963896496E-3</v>
      </c>
      <c r="AL874">
        <v>668.21088799742824</v>
      </c>
      <c r="AM874">
        <v>805.8518531105384</v>
      </c>
      <c r="AN874">
        <v>6865</v>
      </c>
      <c r="AO874">
        <v>97.51622492122516</v>
      </c>
      <c r="AP874">
        <v>531.56356445367658</v>
      </c>
      <c r="AQ874">
        <v>1.359375</v>
      </c>
      <c r="AR874">
        <v>3.796875</v>
      </c>
      <c r="AS874">
        <v>64</v>
      </c>
      <c r="AT874">
        <v>7.75</v>
      </c>
      <c r="AU874">
        <v>0.21746323529411771</v>
      </c>
      <c r="AV874">
        <v>-5.765815214033658E-2</v>
      </c>
      <c r="AW874">
        <v>0.484375</v>
      </c>
      <c r="AX874">
        <v>93.015873015873012</v>
      </c>
      <c r="AY874">
        <v>49.5</v>
      </c>
      <c r="AZ874">
        <v>112.75</v>
      </c>
      <c r="BA874">
        <v>0.69873690434263436</v>
      </c>
      <c r="BB874">
        <v>0.421875</v>
      </c>
      <c r="BC874">
        <v>3.8570739852080629</v>
      </c>
      <c r="BD874" t="s">
        <v>3386</v>
      </c>
      <c r="BE874" t="s">
        <v>62</v>
      </c>
    </row>
    <row r="875" spans="1:57" x14ac:dyDescent="0.3">
      <c r="A875" t="s">
        <v>3387</v>
      </c>
      <c r="B875">
        <v>3501</v>
      </c>
      <c r="C875" t="s">
        <v>3388</v>
      </c>
      <c r="D875" t="s">
        <v>3389</v>
      </c>
      <c r="E875" t="s">
        <v>106</v>
      </c>
      <c r="F875">
        <v>3539</v>
      </c>
      <c r="G875">
        <v>127.5885843458604</v>
      </c>
      <c r="H875">
        <v>127</v>
      </c>
      <c r="I875">
        <v>5486.649047416664</v>
      </c>
      <c r="J875">
        <v>74.071918075723303</v>
      </c>
      <c r="K875">
        <v>6.3952277028589176E-3</v>
      </c>
      <c r="L875">
        <v>-1.214971900888931</v>
      </c>
      <c r="M875">
        <v>7.9483461605673664</v>
      </c>
      <c r="N875">
        <v>24</v>
      </c>
      <c r="O875">
        <v>6</v>
      </c>
      <c r="P875">
        <v>18</v>
      </c>
      <c r="Q875">
        <v>3.6811862493153531</v>
      </c>
      <c r="R875">
        <v>5.509373731311733</v>
      </c>
      <c r="S875">
        <v>3</v>
      </c>
      <c r="T875">
        <v>1</v>
      </c>
      <c r="U875">
        <v>2</v>
      </c>
      <c r="V875">
        <v>0.17559339964998649</v>
      </c>
      <c r="W875">
        <v>8.1305147086296685</v>
      </c>
      <c r="X875">
        <v>2</v>
      </c>
      <c r="Y875">
        <v>1</v>
      </c>
      <c r="Z875">
        <v>1</v>
      </c>
      <c r="AA875">
        <v>1.681444173777687E-2</v>
      </c>
      <c r="AB875">
        <v>8.1706422484757297</v>
      </c>
      <c r="AC875">
        <v>1</v>
      </c>
      <c r="AD875">
        <v>1</v>
      </c>
      <c r="AE875">
        <v>0</v>
      </c>
      <c r="AF875">
        <v>0</v>
      </c>
      <c r="AG875">
        <v>8.1707514237575367</v>
      </c>
      <c r="AH875">
        <v>1.490501493988982E-2</v>
      </c>
      <c r="AI875">
        <v>2.9567204132606811E-2</v>
      </c>
      <c r="AJ875">
        <v>-1.687144762115738E-2</v>
      </c>
      <c r="AK875">
        <v>6.3026925853344341E-3</v>
      </c>
      <c r="AL875">
        <v>4031.208949941602</v>
      </c>
      <c r="AM875">
        <v>7795.9889944708557</v>
      </c>
      <c r="AN875">
        <v>451535.99999999988</v>
      </c>
      <c r="AO875">
        <v>33.002616443925767</v>
      </c>
      <c r="AP875">
        <v>3687.4085238759621</v>
      </c>
      <c r="AQ875">
        <v>1.006499011020062</v>
      </c>
      <c r="AR875">
        <v>4.037298671941226</v>
      </c>
      <c r="AS875">
        <v>3525</v>
      </c>
      <c r="AT875">
        <v>250.9429217293021</v>
      </c>
      <c r="AU875">
        <v>1.131592507022583E-2</v>
      </c>
      <c r="AV875">
        <v>1.490555293735926E-2</v>
      </c>
      <c r="AW875">
        <v>0.37213902232269003</v>
      </c>
      <c r="AX875">
        <v>84.854720180893153</v>
      </c>
      <c r="AY875">
        <v>65</v>
      </c>
      <c r="AZ875">
        <v>130</v>
      </c>
      <c r="BA875">
        <v>0.58055286415697704</v>
      </c>
      <c r="BB875">
        <v>0.49505510031082228</v>
      </c>
      <c r="BC875">
        <v>5.3160766321660287</v>
      </c>
      <c r="BD875" t="s">
        <v>3390</v>
      </c>
      <c r="BE875" t="s">
        <v>68</v>
      </c>
    </row>
    <row r="876" spans="1:57" x14ac:dyDescent="0.3">
      <c r="A876" t="s">
        <v>3391</v>
      </c>
      <c r="B876">
        <v>1626</v>
      </c>
      <c r="C876" t="s">
        <v>3392</v>
      </c>
      <c r="D876" t="s">
        <v>3393</v>
      </c>
      <c r="E876" t="s">
        <v>72</v>
      </c>
      <c r="F876">
        <v>1632</v>
      </c>
      <c r="G876">
        <v>126.68872549019611</v>
      </c>
      <c r="H876">
        <v>126</v>
      </c>
      <c r="I876">
        <v>5250.4913434736636</v>
      </c>
      <c r="J876">
        <v>72.460274243710003</v>
      </c>
      <c r="K876">
        <v>2.3379660195809261E-2</v>
      </c>
      <c r="L876">
        <v>-1.1842126807356801</v>
      </c>
      <c r="M876">
        <v>7.881599316750342</v>
      </c>
      <c r="N876">
        <v>13</v>
      </c>
      <c r="O876">
        <v>1</v>
      </c>
      <c r="P876">
        <v>12</v>
      </c>
      <c r="Q876">
        <v>2.527968552019586</v>
      </c>
      <c r="R876">
        <v>5.4631083447086866</v>
      </c>
      <c r="S876">
        <v>2</v>
      </c>
      <c r="T876">
        <v>1</v>
      </c>
      <c r="U876">
        <v>1</v>
      </c>
      <c r="V876">
        <v>0.1107272584744126</v>
      </c>
      <c r="W876">
        <v>7.3799492848880899</v>
      </c>
      <c r="X876">
        <v>1</v>
      </c>
      <c r="Y876">
        <v>1</v>
      </c>
      <c r="Z876">
        <v>0</v>
      </c>
      <c r="AA876">
        <v>0</v>
      </c>
      <c r="AB876">
        <v>7.3963352938008082</v>
      </c>
      <c r="AC876">
        <v>1</v>
      </c>
      <c r="AD876">
        <v>1</v>
      </c>
      <c r="AE876">
        <v>0</v>
      </c>
      <c r="AF876">
        <v>0</v>
      </c>
      <c r="AG876">
        <v>7.3957216086020434</v>
      </c>
      <c r="AH876">
        <v>9.9623872191215396E-4</v>
      </c>
      <c r="AI876">
        <v>6.8015459005763682E-2</v>
      </c>
      <c r="AJ876">
        <v>-1.1247428846478049E-2</v>
      </c>
      <c r="AK876">
        <v>-6.6525005435007934E-3</v>
      </c>
      <c r="AL876">
        <v>2738.018266284595</v>
      </c>
      <c r="AM876">
        <v>5221.6579717070608</v>
      </c>
      <c r="AN876">
        <v>206756</v>
      </c>
      <c r="AO876">
        <v>141.45033078771971</v>
      </c>
      <c r="AP876">
        <v>2489.077559922785</v>
      </c>
      <c r="AQ876">
        <v>1.014093137254902</v>
      </c>
      <c r="AR876">
        <v>3.9834558823529411</v>
      </c>
      <c r="AS876">
        <v>1628</v>
      </c>
      <c r="AT876">
        <v>256.62745098039221</v>
      </c>
      <c r="AU876">
        <v>1.9852941176470591E-2</v>
      </c>
      <c r="AV876">
        <v>9.9669377319232667E-4</v>
      </c>
      <c r="AW876">
        <v>0.38112745098039208</v>
      </c>
      <c r="AX876">
        <v>84.045984058859602</v>
      </c>
      <c r="AY876">
        <v>63</v>
      </c>
      <c r="AZ876">
        <v>126</v>
      </c>
      <c r="BA876">
        <v>0.57195519146111706</v>
      </c>
      <c r="BB876">
        <v>0.49754901960784309</v>
      </c>
      <c r="BC876">
        <v>5.2626423921155716</v>
      </c>
      <c r="BD876" t="s">
        <v>3394</v>
      </c>
      <c r="BE876" t="s">
        <v>62</v>
      </c>
    </row>
    <row r="877" spans="1:57" x14ac:dyDescent="0.3">
      <c r="A877" t="s">
        <v>3395</v>
      </c>
      <c r="B877">
        <v>1168</v>
      </c>
      <c r="C877" t="s">
        <v>3396</v>
      </c>
      <c r="D877" t="s">
        <v>3397</v>
      </c>
      <c r="E877" t="s">
        <v>66</v>
      </c>
      <c r="F877">
        <v>71</v>
      </c>
      <c r="G877">
        <v>107.0422535211268</v>
      </c>
      <c r="H877">
        <v>93</v>
      </c>
      <c r="I877">
        <v>6010.3503273160086</v>
      </c>
      <c r="J877">
        <v>77.526449211324064</v>
      </c>
      <c r="K877">
        <v>0.2742841385903147</v>
      </c>
      <c r="L877">
        <v>-1.3068115050269751</v>
      </c>
      <c r="M877">
        <v>5.941931802572797</v>
      </c>
      <c r="N877">
        <v>3</v>
      </c>
      <c r="O877">
        <v>1</v>
      </c>
      <c r="P877">
        <v>2</v>
      </c>
      <c r="Q877">
        <v>0.35869500885153122</v>
      </c>
      <c r="R877">
        <v>4.1186332760328117</v>
      </c>
      <c r="S877">
        <v>1</v>
      </c>
      <c r="T877">
        <v>1</v>
      </c>
      <c r="U877">
        <v>0</v>
      </c>
      <c r="V877">
        <v>0</v>
      </c>
      <c r="W877">
        <v>4.2484952420493576</v>
      </c>
      <c r="X877">
        <v>1</v>
      </c>
      <c r="Y877">
        <v>1</v>
      </c>
      <c r="Z877">
        <v>0</v>
      </c>
      <c r="AA877">
        <v>0</v>
      </c>
      <c r="AB877">
        <v>4.2341065045972579</v>
      </c>
      <c r="AC877">
        <v>1</v>
      </c>
      <c r="AD877">
        <v>1</v>
      </c>
      <c r="AE877">
        <v>0</v>
      </c>
      <c r="AF877">
        <v>0</v>
      </c>
      <c r="AG877">
        <v>4.2195077051761087</v>
      </c>
      <c r="AH877">
        <v>5.5396927961585421E-2</v>
      </c>
      <c r="AI877">
        <v>-1.489375205708649E-5</v>
      </c>
      <c r="AJ877">
        <v>0.12563120519853019</v>
      </c>
      <c r="AK877">
        <v>5.0061123560519498E-2</v>
      </c>
      <c r="AL877">
        <v>672.78975923493942</v>
      </c>
      <c r="AM877">
        <v>887.4739094016187</v>
      </c>
      <c r="AN877">
        <v>7600</v>
      </c>
      <c r="AO877">
        <v>51.676721482856998</v>
      </c>
      <c r="AP877">
        <v>523.39756410483972</v>
      </c>
      <c r="AQ877">
        <v>1.323943661971831</v>
      </c>
      <c r="AR877">
        <v>3.591549295774648</v>
      </c>
      <c r="AS877">
        <v>71</v>
      </c>
      <c r="AT877">
        <v>7.422535211267606</v>
      </c>
      <c r="AU877">
        <v>0.18878873239436619</v>
      </c>
      <c r="AV877">
        <v>5.5654187280400613E-2</v>
      </c>
      <c r="AW877">
        <v>0.38028169014084512</v>
      </c>
      <c r="AX877">
        <v>87.785714285714292</v>
      </c>
      <c r="AY877">
        <v>67</v>
      </c>
      <c r="AZ877">
        <v>131</v>
      </c>
      <c r="BA877">
        <v>0.7242602492110537</v>
      </c>
      <c r="BB877">
        <v>0.49295774647887319</v>
      </c>
      <c r="BC877">
        <v>3.9686156545371851</v>
      </c>
      <c r="BD877" t="s">
        <v>3398</v>
      </c>
      <c r="BE877" t="s">
        <v>68</v>
      </c>
    </row>
    <row r="878" spans="1:57" x14ac:dyDescent="0.3">
      <c r="A878" t="s">
        <v>3399</v>
      </c>
      <c r="B878">
        <v>1861</v>
      </c>
      <c r="C878" t="s">
        <v>3400</v>
      </c>
      <c r="D878" t="s">
        <v>3401</v>
      </c>
      <c r="E878" t="s">
        <v>128</v>
      </c>
      <c r="F878">
        <v>32</v>
      </c>
      <c r="G878">
        <v>129.65625</v>
      </c>
      <c r="H878">
        <v>134.5</v>
      </c>
      <c r="I878">
        <v>6862.7880859375</v>
      </c>
      <c r="J878">
        <v>82.841946415674585</v>
      </c>
      <c r="K878">
        <v>-4.7190816786404147E-2</v>
      </c>
      <c r="L878">
        <v>-1.467765399035329</v>
      </c>
      <c r="M878">
        <v>5</v>
      </c>
      <c r="N878">
        <v>1</v>
      </c>
      <c r="O878">
        <v>1</v>
      </c>
      <c r="P878">
        <v>0</v>
      </c>
      <c r="Q878">
        <v>0</v>
      </c>
      <c r="R878">
        <v>3.465735902799727</v>
      </c>
      <c r="S878">
        <v>1</v>
      </c>
      <c r="T878">
        <v>1</v>
      </c>
      <c r="U878">
        <v>0</v>
      </c>
      <c r="V878">
        <v>0</v>
      </c>
      <c r="W878">
        <v>3.4339872044851458</v>
      </c>
      <c r="X878">
        <v>1</v>
      </c>
      <c r="Y878">
        <v>1</v>
      </c>
      <c r="Z878">
        <v>0</v>
      </c>
      <c r="AA878">
        <v>0</v>
      </c>
      <c r="AB878">
        <v>3.401197381662155</v>
      </c>
      <c r="AC878">
        <v>1</v>
      </c>
      <c r="AD878">
        <v>1</v>
      </c>
      <c r="AE878">
        <v>0</v>
      </c>
      <c r="AF878">
        <v>0</v>
      </c>
      <c r="AG878">
        <v>3.3672958299864728</v>
      </c>
      <c r="AH878">
        <v>8.548568426587283E-2</v>
      </c>
      <c r="AI878">
        <v>-0.15441015077207451</v>
      </c>
      <c r="AJ878">
        <v>-0.21221956134440509</v>
      </c>
      <c r="AK878">
        <v>-0.20147275985255059</v>
      </c>
      <c r="AL878">
        <v>520.39089982488713</v>
      </c>
      <c r="AM878">
        <v>697.67206578696005</v>
      </c>
      <c r="AN878">
        <v>4149</v>
      </c>
      <c r="AO878">
        <v>3.7205500569599379</v>
      </c>
      <c r="AP878">
        <v>387.9683311148878</v>
      </c>
      <c r="AQ878">
        <v>1.65625</v>
      </c>
      <c r="AR878">
        <v>4.1875</v>
      </c>
      <c r="AS878">
        <v>32</v>
      </c>
      <c r="AT878">
        <v>0</v>
      </c>
      <c r="AU878">
        <v>0.13177710843373491</v>
      </c>
      <c r="AV878">
        <v>8.6094866037306164E-2</v>
      </c>
      <c r="AW878">
        <v>0.3125</v>
      </c>
      <c r="AX878">
        <v>93.129032258064512</v>
      </c>
      <c r="AY878">
        <v>85</v>
      </c>
      <c r="AZ878">
        <v>158.5</v>
      </c>
      <c r="BA878">
        <v>0.638935233863964</v>
      </c>
      <c r="BB878">
        <v>0.5</v>
      </c>
      <c r="BC878">
        <v>3.2382315403482389</v>
      </c>
      <c r="BD878" t="s">
        <v>3402</v>
      </c>
      <c r="BE878" t="s">
        <v>62</v>
      </c>
    </row>
    <row r="879" spans="1:57" x14ac:dyDescent="0.3">
      <c r="A879" t="s">
        <v>3403</v>
      </c>
      <c r="B879">
        <v>2845</v>
      </c>
      <c r="C879" t="s">
        <v>3404</v>
      </c>
      <c r="D879" t="s">
        <v>3405</v>
      </c>
      <c r="E879" t="s">
        <v>115</v>
      </c>
      <c r="F879">
        <v>2912</v>
      </c>
      <c r="G879">
        <v>126.4405906593407</v>
      </c>
      <c r="H879">
        <v>125</v>
      </c>
      <c r="I879">
        <v>5506.019822178594</v>
      </c>
      <c r="J879">
        <v>74.202559404501642</v>
      </c>
      <c r="K879">
        <v>2.14717745811587E-2</v>
      </c>
      <c r="L879">
        <v>-1.199541695482758</v>
      </c>
      <c r="M879">
        <v>7.93400700195218</v>
      </c>
      <c r="N879">
        <v>23</v>
      </c>
      <c r="O879">
        <v>2</v>
      </c>
      <c r="P879">
        <v>21</v>
      </c>
      <c r="Q879">
        <v>3.417555778623079</v>
      </c>
      <c r="R879">
        <v>5.4994345839460248</v>
      </c>
      <c r="S879">
        <v>2</v>
      </c>
      <c r="T879">
        <v>1</v>
      </c>
      <c r="U879">
        <v>1</v>
      </c>
      <c r="V879">
        <v>0.13990385846613279</v>
      </c>
      <c r="W879">
        <v>7.9491070524423479</v>
      </c>
      <c r="X879">
        <v>1</v>
      </c>
      <c r="Y879">
        <v>1</v>
      </c>
      <c r="Z879">
        <v>0</v>
      </c>
      <c r="AA879">
        <v>0</v>
      </c>
      <c r="AB879">
        <v>7.9759083601655378</v>
      </c>
      <c r="AC879">
        <v>1</v>
      </c>
      <c r="AD879">
        <v>1</v>
      </c>
      <c r="AE879">
        <v>0</v>
      </c>
      <c r="AF879">
        <v>0</v>
      </c>
      <c r="AG879">
        <v>7.9755646584952018</v>
      </c>
      <c r="AH879">
        <v>-1.500760729840365E-2</v>
      </c>
      <c r="AI879">
        <v>-7.231941112304882E-3</v>
      </c>
      <c r="AJ879">
        <v>-1.411175812957687E-2</v>
      </c>
      <c r="AK879">
        <v>1.781322321254139E-2</v>
      </c>
      <c r="AL879">
        <v>3672.3304962999332</v>
      </c>
      <c r="AM879">
        <v>7007.3041696465179</v>
      </c>
      <c r="AN879">
        <v>368195</v>
      </c>
      <c r="AO879">
        <v>101.5624285954699</v>
      </c>
      <c r="AP879">
        <v>3299.2952735608951</v>
      </c>
      <c r="AQ879">
        <v>1.007898351648352</v>
      </c>
      <c r="AR879">
        <v>3.9965659340659339</v>
      </c>
      <c r="AS879">
        <v>2901</v>
      </c>
      <c r="AT879">
        <v>262.85714285714289</v>
      </c>
      <c r="AU879">
        <v>1.305887739711269E-2</v>
      </c>
      <c r="AV879">
        <v>-1.50084333661731E-2</v>
      </c>
      <c r="AW879">
        <v>0.37259615384615391</v>
      </c>
      <c r="AX879">
        <v>86.151150807282718</v>
      </c>
      <c r="AY879">
        <v>64</v>
      </c>
      <c r="AZ879">
        <v>129</v>
      </c>
      <c r="BA879">
        <v>0.58685710828748028</v>
      </c>
      <c r="BB879">
        <v>0.49622252747252749</v>
      </c>
      <c r="BC879">
        <v>5.3190425842134106</v>
      </c>
      <c r="BD879" t="s">
        <v>3406</v>
      </c>
      <c r="BE879" t="s">
        <v>62</v>
      </c>
    </row>
    <row r="880" spans="1:57" x14ac:dyDescent="0.3">
      <c r="A880" t="s">
        <v>3407</v>
      </c>
      <c r="B880">
        <v>155</v>
      </c>
      <c r="C880" t="s">
        <v>3408</v>
      </c>
      <c r="D880" t="s">
        <v>3409</v>
      </c>
      <c r="E880" t="s">
        <v>60</v>
      </c>
      <c r="F880">
        <v>512</v>
      </c>
      <c r="G880">
        <v>128.76953125</v>
      </c>
      <c r="H880">
        <v>128</v>
      </c>
      <c r="I880">
        <v>5868.9781341552734</v>
      </c>
      <c r="J880">
        <v>76.609256191110958</v>
      </c>
      <c r="K880">
        <v>-5.1646412226005418E-2</v>
      </c>
      <c r="L880">
        <v>-1.24850740897688</v>
      </c>
      <c r="M880">
        <v>7.6187411831754881</v>
      </c>
      <c r="N880">
        <v>7</v>
      </c>
      <c r="O880">
        <v>1</v>
      </c>
      <c r="P880">
        <v>6</v>
      </c>
      <c r="Q880">
        <v>1.257892469893737</v>
      </c>
      <c r="R880">
        <v>5.2809089705340302</v>
      </c>
      <c r="S880">
        <v>2</v>
      </c>
      <c r="T880">
        <v>1</v>
      </c>
      <c r="U880">
        <v>1</v>
      </c>
      <c r="V880">
        <v>6.2560641760670568E-2</v>
      </c>
      <c r="W880">
        <v>6.2309437805711401</v>
      </c>
      <c r="X880">
        <v>1</v>
      </c>
      <c r="Y880">
        <v>1</v>
      </c>
      <c r="Z880">
        <v>0</v>
      </c>
      <c r="AA880">
        <v>0</v>
      </c>
      <c r="AB880">
        <v>6.2344107257183694</v>
      </c>
      <c r="AC880">
        <v>1</v>
      </c>
      <c r="AD880">
        <v>1</v>
      </c>
      <c r="AE880">
        <v>0</v>
      </c>
      <c r="AF880">
        <v>0</v>
      </c>
      <c r="AG880">
        <v>6.2324480165505216</v>
      </c>
      <c r="AH880">
        <v>-3.4606376929430242E-2</v>
      </c>
      <c r="AI880">
        <v>7.2396093355714161E-2</v>
      </c>
      <c r="AJ880">
        <v>-5.9985804344246788E-2</v>
      </c>
      <c r="AK880">
        <v>-4.192671450151824E-2</v>
      </c>
      <c r="AL880">
        <v>1655.9169212766269</v>
      </c>
      <c r="AM880">
        <v>2958.4846036154622</v>
      </c>
      <c r="AN880">
        <v>65930</v>
      </c>
      <c r="AO880">
        <v>130.81663515685531</v>
      </c>
      <c r="AP880">
        <v>1496.4022241226039</v>
      </c>
      <c r="AQ880">
        <v>1.044921875</v>
      </c>
      <c r="AR880">
        <v>4.015625</v>
      </c>
      <c r="AS880">
        <v>510</v>
      </c>
      <c r="AT880">
        <v>159.24609375</v>
      </c>
      <c r="AU880">
        <v>4.0525428921568629E-2</v>
      </c>
      <c r="AV880">
        <v>-3.4650114624050023E-2</v>
      </c>
      <c r="AW880">
        <v>0.328125</v>
      </c>
      <c r="AX880">
        <v>90.800391389432491</v>
      </c>
      <c r="AY880">
        <v>65</v>
      </c>
      <c r="AZ880">
        <v>129.25</v>
      </c>
      <c r="BA880">
        <v>0.59493309828376784</v>
      </c>
      <c r="BB880">
        <v>0.498046875</v>
      </c>
      <c r="BC880">
        <v>5.1401732987376807</v>
      </c>
      <c r="BD880" t="s">
        <v>3410</v>
      </c>
      <c r="BE880" t="s">
        <v>62</v>
      </c>
    </row>
    <row r="881" spans="1:57" x14ac:dyDescent="0.3">
      <c r="A881" t="s">
        <v>3411</v>
      </c>
      <c r="B881">
        <v>2425</v>
      </c>
      <c r="C881" t="s">
        <v>3412</v>
      </c>
      <c r="D881" t="s">
        <v>3413</v>
      </c>
      <c r="E881" t="s">
        <v>106</v>
      </c>
      <c r="F881">
        <v>2458</v>
      </c>
      <c r="G881">
        <v>129.21847030105781</v>
      </c>
      <c r="H881">
        <v>130</v>
      </c>
      <c r="I881">
        <v>5538.0674049830477</v>
      </c>
      <c r="J881">
        <v>74.41819270167106</v>
      </c>
      <c r="K881">
        <v>-1.3813612837012939E-2</v>
      </c>
      <c r="L881">
        <v>-1.2211953100092989</v>
      </c>
      <c r="M881">
        <v>7.9266691098913666</v>
      </c>
      <c r="N881">
        <v>18</v>
      </c>
      <c r="O881">
        <v>2</v>
      </c>
      <c r="P881">
        <v>16</v>
      </c>
      <c r="Q881">
        <v>3.031964719219824</v>
      </c>
      <c r="R881">
        <v>5.4943483447528196</v>
      </c>
      <c r="S881">
        <v>3</v>
      </c>
      <c r="T881">
        <v>1</v>
      </c>
      <c r="U881">
        <v>2</v>
      </c>
      <c r="V881">
        <v>0.1368609048191218</v>
      </c>
      <c r="W881">
        <v>7.7816576260689851</v>
      </c>
      <c r="X881">
        <v>1</v>
      </c>
      <c r="Y881">
        <v>1</v>
      </c>
      <c r="Z881">
        <v>0</v>
      </c>
      <c r="AA881">
        <v>0</v>
      </c>
      <c r="AB881">
        <v>7.806289289267033</v>
      </c>
      <c r="AC881">
        <v>1</v>
      </c>
      <c r="AD881">
        <v>1</v>
      </c>
      <c r="AE881">
        <v>0</v>
      </c>
      <c r="AF881">
        <v>0</v>
      </c>
      <c r="AG881">
        <v>7.8058820402286218</v>
      </c>
      <c r="AH881">
        <v>-1.7855458291449779E-2</v>
      </c>
      <c r="AI881">
        <v>-4.3850074055981639E-2</v>
      </c>
      <c r="AJ881">
        <v>-6.4156262552549147E-4</v>
      </c>
      <c r="AK881">
        <v>-8.0204360184221446E-3</v>
      </c>
      <c r="AL881">
        <v>3422.8730564204711</v>
      </c>
      <c r="AM881">
        <v>6552.7666706232403</v>
      </c>
      <c r="AN881">
        <v>317619</v>
      </c>
      <c r="AO881">
        <v>93.700916210753476</v>
      </c>
      <c r="AP881">
        <v>3172.2185628297188</v>
      </c>
      <c r="AQ881">
        <v>1.009357200976404</v>
      </c>
      <c r="AR881">
        <v>4.0370219690805529</v>
      </c>
      <c r="AS881">
        <v>2448</v>
      </c>
      <c r="AT881">
        <v>245.10170870626521</v>
      </c>
      <c r="AU881">
        <v>1.8318735142551671E-2</v>
      </c>
      <c r="AV881">
        <v>-1.7857777726514638E-2</v>
      </c>
      <c r="AW881">
        <v>0.37021969080553302</v>
      </c>
      <c r="AX881">
        <v>87.162800162800167</v>
      </c>
      <c r="AY881">
        <v>65</v>
      </c>
      <c r="AZ881">
        <v>130</v>
      </c>
      <c r="BA881">
        <v>0.57590987208166844</v>
      </c>
      <c r="BB881">
        <v>0.50366151342554921</v>
      </c>
      <c r="BC881">
        <v>5.3103365583494373</v>
      </c>
      <c r="BD881" t="s">
        <v>3414</v>
      </c>
      <c r="BE881" t="s">
        <v>68</v>
      </c>
    </row>
    <row r="882" spans="1:57" x14ac:dyDescent="0.3">
      <c r="A882" t="s">
        <v>3415</v>
      </c>
      <c r="B882">
        <v>3768</v>
      </c>
      <c r="C882" t="s">
        <v>3416</v>
      </c>
      <c r="D882" t="s">
        <v>3417</v>
      </c>
      <c r="E882" t="s">
        <v>106</v>
      </c>
      <c r="F882">
        <v>3830</v>
      </c>
      <c r="G882">
        <v>128.39373368146221</v>
      </c>
      <c r="H882">
        <v>130</v>
      </c>
      <c r="I882">
        <v>5489.0747388011378</v>
      </c>
      <c r="J882">
        <v>74.088290159789338</v>
      </c>
      <c r="K882">
        <v>-3.2744215484023793E-2</v>
      </c>
      <c r="L882">
        <v>-1.212936267448361</v>
      </c>
      <c r="M882">
        <v>7.9528205808634862</v>
      </c>
      <c r="N882">
        <v>26</v>
      </c>
      <c r="O882">
        <v>7</v>
      </c>
      <c r="P882">
        <v>19</v>
      </c>
      <c r="Q882">
        <v>3.802553302860296</v>
      </c>
      <c r="R882">
        <v>5.5124751631246411</v>
      </c>
      <c r="S882">
        <v>3</v>
      </c>
      <c r="T882">
        <v>1</v>
      </c>
      <c r="U882">
        <v>2</v>
      </c>
      <c r="V882">
        <v>0.17941849286279191</v>
      </c>
      <c r="W882">
        <v>8.2093513351422445</v>
      </c>
      <c r="X882">
        <v>1</v>
      </c>
      <c r="Y882">
        <v>1</v>
      </c>
      <c r="Z882">
        <v>0</v>
      </c>
      <c r="AA882">
        <v>0</v>
      </c>
      <c r="AB882">
        <v>8.2500977525728487</v>
      </c>
      <c r="AC882">
        <v>1</v>
      </c>
      <c r="AD882">
        <v>1</v>
      </c>
      <c r="AE882">
        <v>0</v>
      </c>
      <c r="AF882">
        <v>0</v>
      </c>
      <c r="AG882">
        <v>8.2498364854257034</v>
      </c>
      <c r="AH882">
        <v>1.424001501416616E-2</v>
      </c>
      <c r="AI882">
        <v>-1.9487186490226589E-2</v>
      </c>
      <c r="AJ882">
        <v>-1.934915802795651E-2</v>
      </c>
      <c r="AK882">
        <v>3.4181888452936279E-2</v>
      </c>
      <c r="AL882">
        <v>4198.86358810416</v>
      </c>
      <c r="AM882">
        <v>8156.5962612166277</v>
      </c>
      <c r="AN882">
        <v>491748</v>
      </c>
      <c r="AO882">
        <v>15.27870362462679</v>
      </c>
      <c r="AP882">
        <v>3811.1697997234201</v>
      </c>
      <c r="AQ882">
        <v>1.0060052219321149</v>
      </c>
      <c r="AR882">
        <v>4.030548302872063</v>
      </c>
      <c r="AS882">
        <v>3816</v>
      </c>
      <c r="AT882">
        <v>247.41827676240209</v>
      </c>
      <c r="AU882">
        <v>1.6756258639225918E-2</v>
      </c>
      <c r="AV882">
        <v>1.42449853492305E-2</v>
      </c>
      <c r="AW882">
        <v>0.36240208877284602</v>
      </c>
      <c r="AX882">
        <v>84.981718464351005</v>
      </c>
      <c r="AY882">
        <v>64</v>
      </c>
      <c r="AZ882">
        <v>129</v>
      </c>
      <c r="BA882">
        <v>0.57703976693752312</v>
      </c>
      <c r="BB882">
        <v>0.50417754569190598</v>
      </c>
      <c r="BC882">
        <v>5.3171325211363492</v>
      </c>
      <c r="BD882" t="s">
        <v>3418</v>
      </c>
      <c r="BE882" t="s">
        <v>68</v>
      </c>
    </row>
    <row r="883" spans="1:57" x14ac:dyDescent="0.3">
      <c r="A883" t="s">
        <v>3419</v>
      </c>
      <c r="B883">
        <v>131</v>
      </c>
      <c r="C883" t="s">
        <v>3420</v>
      </c>
      <c r="D883" t="s">
        <v>3421</v>
      </c>
      <c r="E883" t="s">
        <v>60</v>
      </c>
      <c r="F883">
        <v>256</v>
      </c>
      <c r="G883">
        <v>132.453125</v>
      </c>
      <c r="H883">
        <v>130.5</v>
      </c>
      <c r="I883">
        <v>4962.669677734375</v>
      </c>
      <c r="J883">
        <v>70.446218335226305</v>
      </c>
      <c r="K883">
        <v>-6.9660096748065753E-2</v>
      </c>
      <c r="L883">
        <v>-1.0110171714323459</v>
      </c>
      <c r="M883">
        <v>7.1648917735188977</v>
      </c>
      <c r="N883">
        <v>5</v>
      </c>
      <c r="O883">
        <v>1</v>
      </c>
      <c r="P883">
        <v>4</v>
      </c>
      <c r="Q883">
        <v>0.8649218919547047</v>
      </c>
      <c r="R883">
        <v>4.9663245318317699</v>
      </c>
      <c r="S883">
        <v>2</v>
      </c>
      <c r="T883">
        <v>1</v>
      </c>
      <c r="U883">
        <v>1</v>
      </c>
      <c r="V883">
        <v>6.2621943781838052E-2</v>
      </c>
      <c r="W883">
        <v>5.5358270966834446</v>
      </c>
      <c r="X883">
        <v>1</v>
      </c>
      <c r="Y883">
        <v>1</v>
      </c>
      <c r="Z883">
        <v>0</v>
      </c>
      <c r="AA883">
        <v>0</v>
      </c>
      <c r="AB883">
        <v>5.5373342670185366</v>
      </c>
      <c r="AC883">
        <v>1</v>
      </c>
      <c r="AD883">
        <v>1</v>
      </c>
      <c r="AE883">
        <v>0</v>
      </c>
      <c r="AF883">
        <v>0</v>
      </c>
      <c r="AG883">
        <v>5.5333894887275203</v>
      </c>
      <c r="AH883">
        <v>-3.8132061426202318E-2</v>
      </c>
      <c r="AI883">
        <v>-2.8539792346742119E-2</v>
      </c>
      <c r="AJ883">
        <v>3.1459528487408073E-2</v>
      </c>
      <c r="AK883">
        <v>1.1180859755784089E-2</v>
      </c>
      <c r="AL883">
        <v>1127.958518026091</v>
      </c>
      <c r="AM883">
        <v>2118.814192328432</v>
      </c>
      <c r="AN883">
        <v>33908</v>
      </c>
      <c r="AO883">
        <v>32.631897189398288</v>
      </c>
      <c r="AP883">
        <v>926.59177294655478</v>
      </c>
      <c r="AQ883">
        <v>1.08984375</v>
      </c>
      <c r="AR883">
        <v>4.12890625</v>
      </c>
      <c r="AS883">
        <v>253</v>
      </c>
      <c r="AT883">
        <v>77.640625</v>
      </c>
      <c r="AU883">
        <v>7.6956200787401563E-2</v>
      </c>
      <c r="AV883">
        <v>-3.8145986989519251E-2</v>
      </c>
      <c r="AW883">
        <v>0.37890625</v>
      </c>
      <c r="AX883">
        <v>82.435294117647061</v>
      </c>
      <c r="AY883">
        <v>55.5</v>
      </c>
      <c r="AZ883">
        <v>107.5</v>
      </c>
      <c r="BA883">
        <v>0.53185772955697574</v>
      </c>
      <c r="BB883">
        <v>0.4921875</v>
      </c>
      <c r="BC883">
        <v>4.8108566034605111</v>
      </c>
      <c r="BD883" t="s">
        <v>3422</v>
      </c>
      <c r="BE883" t="s">
        <v>62</v>
      </c>
    </row>
    <row r="884" spans="1:57" x14ac:dyDescent="0.3">
      <c r="A884" t="s">
        <v>3423</v>
      </c>
      <c r="B884">
        <v>3819</v>
      </c>
      <c r="C884" t="s">
        <v>3424</v>
      </c>
      <c r="D884" t="s">
        <v>3425</v>
      </c>
      <c r="E884" t="s">
        <v>66</v>
      </c>
      <c r="F884">
        <v>71</v>
      </c>
      <c r="G884">
        <v>127.77464788732389</v>
      </c>
      <c r="H884">
        <v>123</v>
      </c>
      <c r="I884">
        <v>5454.906962904186</v>
      </c>
      <c r="J884">
        <v>73.857341970207585</v>
      </c>
      <c r="K884">
        <v>2.3082827191917121E-2</v>
      </c>
      <c r="L884">
        <v>-1.200390401875852</v>
      </c>
      <c r="M884">
        <v>5.8079913095541098</v>
      </c>
      <c r="N884">
        <v>3</v>
      </c>
      <c r="O884">
        <v>1</v>
      </c>
      <c r="P884">
        <v>2</v>
      </c>
      <c r="Q884">
        <v>0.49972214501883172</v>
      </c>
      <c r="R884">
        <v>4.0257928009340986</v>
      </c>
      <c r="S884">
        <v>1</v>
      </c>
      <c r="T884">
        <v>1</v>
      </c>
      <c r="U884">
        <v>0</v>
      </c>
      <c r="V884">
        <v>0</v>
      </c>
      <c r="W884">
        <v>4.2484952420493576</v>
      </c>
      <c r="X884">
        <v>1</v>
      </c>
      <c r="Y884">
        <v>1</v>
      </c>
      <c r="Z884">
        <v>0</v>
      </c>
      <c r="AA884">
        <v>0</v>
      </c>
      <c r="AB884">
        <v>4.2341065045972579</v>
      </c>
      <c r="AC884">
        <v>1</v>
      </c>
      <c r="AD884">
        <v>1</v>
      </c>
      <c r="AE884">
        <v>0</v>
      </c>
      <c r="AF884">
        <v>0</v>
      </c>
      <c r="AG884">
        <v>4.2195077051761087</v>
      </c>
      <c r="AH884">
        <v>2.5335321914187251E-2</v>
      </c>
      <c r="AI884">
        <v>5.4560827711776852E-2</v>
      </c>
      <c r="AJ884">
        <v>0.18272612498260751</v>
      </c>
      <c r="AK884">
        <v>7.6060142427648553E-2</v>
      </c>
      <c r="AL884">
        <v>673.89166596459597</v>
      </c>
      <c r="AM884">
        <v>1045.15071762089</v>
      </c>
      <c r="AN884">
        <v>9072</v>
      </c>
      <c r="AO884">
        <v>55.627264405698646</v>
      </c>
      <c r="AP884">
        <v>598.20675541892308</v>
      </c>
      <c r="AQ884">
        <v>1.323943661971831</v>
      </c>
      <c r="AR884">
        <v>3.887323943661972</v>
      </c>
      <c r="AS884">
        <v>70</v>
      </c>
      <c r="AT884">
        <v>12.661971830985919</v>
      </c>
      <c r="AU884">
        <v>5.860259596796466E-2</v>
      </c>
      <c r="AV884">
        <v>2.5500347245082069E-2</v>
      </c>
      <c r="AW884">
        <v>0.42253521126760563</v>
      </c>
      <c r="AX884">
        <v>88.457142857142856</v>
      </c>
      <c r="AY884">
        <v>68</v>
      </c>
      <c r="AZ884">
        <v>116.5</v>
      </c>
      <c r="BA884">
        <v>0.57802813931710084</v>
      </c>
      <c r="BB884">
        <v>0.47887323943661969</v>
      </c>
      <c r="BC884">
        <v>3.901728065578268</v>
      </c>
      <c r="BD884" t="s">
        <v>3426</v>
      </c>
      <c r="BE884" t="s">
        <v>68</v>
      </c>
    </row>
    <row r="885" spans="1:57" x14ac:dyDescent="0.3">
      <c r="A885" t="s">
        <v>3427</v>
      </c>
      <c r="B885">
        <v>3823</v>
      </c>
      <c r="C885" t="s">
        <v>3428</v>
      </c>
      <c r="D885" t="s">
        <v>3429</v>
      </c>
      <c r="E885" t="s">
        <v>98</v>
      </c>
      <c r="F885">
        <v>16</v>
      </c>
      <c r="G885">
        <v>139.0625</v>
      </c>
      <c r="H885">
        <v>130.5</v>
      </c>
      <c r="I885">
        <v>6291.30859375</v>
      </c>
      <c r="J885">
        <v>79.317769722490311</v>
      </c>
      <c r="K885">
        <v>-7.7228883015550129E-2</v>
      </c>
      <c r="L885">
        <v>-1.2029685838746449</v>
      </c>
      <c r="M885">
        <v>4</v>
      </c>
      <c r="N885">
        <v>1</v>
      </c>
      <c r="O885">
        <v>1</v>
      </c>
      <c r="P885">
        <v>0</v>
      </c>
      <c r="Q885">
        <v>0</v>
      </c>
      <c r="R885">
        <v>2.7725887222397811</v>
      </c>
      <c r="S885">
        <v>1</v>
      </c>
      <c r="T885">
        <v>1</v>
      </c>
      <c r="U885">
        <v>0</v>
      </c>
      <c r="V885">
        <v>0</v>
      </c>
      <c r="W885">
        <v>2.7080502011022101</v>
      </c>
      <c r="X885">
        <v>1</v>
      </c>
      <c r="Y885">
        <v>1</v>
      </c>
      <c r="Z885">
        <v>0</v>
      </c>
      <c r="AA885">
        <v>0</v>
      </c>
      <c r="AB885">
        <v>2.639057329615258</v>
      </c>
      <c r="AC885">
        <v>1</v>
      </c>
      <c r="AD885">
        <v>1</v>
      </c>
      <c r="AE885">
        <v>0</v>
      </c>
      <c r="AF885">
        <v>0</v>
      </c>
      <c r="AG885">
        <v>2.5649493574615372</v>
      </c>
      <c r="AH885">
        <v>-0.14111609984011919</v>
      </c>
      <c r="AI885">
        <v>-0.37177164987659689</v>
      </c>
      <c r="AJ885">
        <v>6.459040249600298E-2</v>
      </c>
      <c r="AK885">
        <v>1.5282973472207129E-2</v>
      </c>
      <c r="AL885">
        <v>429.92538964161992</v>
      </c>
      <c r="AM885">
        <v>474.59367815163881</v>
      </c>
      <c r="AN885">
        <v>2225</v>
      </c>
      <c r="AO885">
        <v>79</v>
      </c>
      <c r="AP885">
        <v>329.52845097199122</v>
      </c>
      <c r="AQ885">
        <v>2.3125</v>
      </c>
      <c r="AR885">
        <v>4.3125</v>
      </c>
      <c r="AS885">
        <v>16</v>
      </c>
      <c r="AT885">
        <v>0</v>
      </c>
      <c r="AU885">
        <v>0.19047619047619049</v>
      </c>
      <c r="AV885">
        <v>-0.15022868027602509</v>
      </c>
      <c r="AW885">
        <v>0.25</v>
      </c>
      <c r="AX885">
        <v>111.26666666666669</v>
      </c>
      <c r="AY885">
        <v>78</v>
      </c>
      <c r="AZ885">
        <v>112.75</v>
      </c>
      <c r="BA885">
        <v>0.57037497328532361</v>
      </c>
      <c r="BB885">
        <v>0.4375</v>
      </c>
      <c r="BC885">
        <v>2.7080502011022101</v>
      </c>
      <c r="BD885" t="s">
        <v>3428</v>
      </c>
      <c r="BE885" t="s">
        <v>62</v>
      </c>
    </row>
    <row r="886" spans="1:57" x14ac:dyDescent="0.3">
      <c r="A886" t="s">
        <v>3430</v>
      </c>
      <c r="B886">
        <v>154</v>
      </c>
      <c r="C886" t="s">
        <v>3431</v>
      </c>
      <c r="D886" t="s">
        <v>3432</v>
      </c>
      <c r="E886" t="s">
        <v>60</v>
      </c>
      <c r="F886">
        <v>512</v>
      </c>
      <c r="G886">
        <v>125.87890625</v>
      </c>
      <c r="H886">
        <v>122.5</v>
      </c>
      <c r="I886">
        <v>5732.2001800537109</v>
      </c>
      <c r="J886">
        <v>75.711294930503669</v>
      </c>
      <c r="K886">
        <v>2.2659766951178668E-2</v>
      </c>
      <c r="L886">
        <v>-1.271082897056792</v>
      </c>
      <c r="M886">
        <v>7.6076442159957862</v>
      </c>
      <c r="N886">
        <v>8</v>
      </c>
      <c r="O886">
        <v>1</v>
      </c>
      <c r="P886">
        <v>7</v>
      </c>
      <c r="Q886">
        <v>1.2027954885422241</v>
      </c>
      <c r="R886">
        <v>5.2732171390206526</v>
      </c>
      <c r="S886">
        <v>1</v>
      </c>
      <c r="T886">
        <v>1</v>
      </c>
      <c r="U886">
        <v>0</v>
      </c>
      <c r="V886">
        <v>0</v>
      </c>
      <c r="W886">
        <v>6.2363695902037044</v>
      </c>
      <c r="X886">
        <v>1</v>
      </c>
      <c r="Y886">
        <v>1</v>
      </c>
      <c r="Z886">
        <v>0</v>
      </c>
      <c r="AA886">
        <v>0</v>
      </c>
      <c r="AB886">
        <v>6.2344107257183694</v>
      </c>
      <c r="AC886">
        <v>1</v>
      </c>
      <c r="AD886">
        <v>1</v>
      </c>
      <c r="AE886">
        <v>0</v>
      </c>
      <c r="AF886">
        <v>0</v>
      </c>
      <c r="AG886">
        <v>6.2324480165505216</v>
      </c>
      <c r="AH886">
        <v>-1.3912028867175619E-2</v>
      </c>
      <c r="AI886">
        <v>-2.8792991607967739E-2</v>
      </c>
      <c r="AJ886">
        <v>-4.4660650711669012E-2</v>
      </c>
      <c r="AK886">
        <v>6.2841821053837288E-3</v>
      </c>
      <c r="AL886">
        <v>1655.288654308586</v>
      </c>
      <c r="AM886">
        <v>2882.3257052105109</v>
      </c>
      <c r="AN886">
        <v>64450</v>
      </c>
      <c r="AO886">
        <v>57.091893104023697</v>
      </c>
      <c r="AP886">
        <v>1536.7269961653431</v>
      </c>
      <c r="AQ886">
        <v>1.044921875</v>
      </c>
      <c r="AR886">
        <v>4.01171875</v>
      </c>
      <c r="AS886">
        <v>510</v>
      </c>
      <c r="AT886">
        <v>139.2578125</v>
      </c>
      <c r="AU886">
        <v>2.992741141732283E-2</v>
      </c>
      <c r="AV886">
        <v>-1.3928950709897791E-2</v>
      </c>
      <c r="AW886">
        <v>0.37890625</v>
      </c>
      <c r="AX886">
        <v>87.573385518590996</v>
      </c>
      <c r="AY886">
        <v>67.5</v>
      </c>
      <c r="AZ886">
        <v>133.25</v>
      </c>
      <c r="BA886">
        <v>0.60146133443627425</v>
      </c>
      <c r="BB886">
        <v>0.486328125</v>
      </c>
      <c r="BC886">
        <v>5.1214728608393996</v>
      </c>
      <c r="BD886" t="s">
        <v>3433</v>
      </c>
      <c r="BE886" t="s">
        <v>62</v>
      </c>
    </row>
    <row r="887" spans="1:57" x14ac:dyDescent="0.3">
      <c r="A887" t="s">
        <v>3434</v>
      </c>
      <c r="B887">
        <v>2601</v>
      </c>
      <c r="C887" t="s">
        <v>3435</v>
      </c>
      <c r="D887" t="s">
        <v>3436</v>
      </c>
      <c r="E887" t="s">
        <v>115</v>
      </c>
      <c r="F887">
        <v>2684</v>
      </c>
      <c r="G887">
        <v>126.7306259314456</v>
      </c>
      <c r="H887">
        <v>129</v>
      </c>
      <c r="I887">
        <v>5479.2892110836192</v>
      </c>
      <c r="J887">
        <v>74.022221062891774</v>
      </c>
      <c r="K887">
        <v>-3.1595408205760461E-3</v>
      </c>
      <c r="L887">
        <v>-1.1939000025652711</v>
      </c>
      <c r="M887">
        <v>7.9260482237959948</v>
      </c>
      <c r="N887">
        <v>20</v>
      </c>
      <c r="O887">
        <v>3</v>
      </c>
      <c r="P887">
        <v>17</v>
      </c>
      <c r="Q887">
        <v>3.3154099836030841</v>
      </c>
      <c r="R887">
        <v>5.4939179793063619</v>
      </c>
      <c r="S887">
        <v>3</v>
      </c>
      <c r="T887">
        <v>1</v>
      </c>
      <c r="U887">
        <v>2</v>
      </c>
      <c r="V887">
        <v>0.1445477539504629</v>
      </c>
      <c r="W887">
        <v>7.8674326308707352</v>
      </c>
      <c r="X887">
        <v>2</v>
      </c>
      <c r="Y887">
        <v>1</v>
      </c>
      <c r="Z887">
        <v>1</v>
      </c>
      <c r="AA887">
        <v>1.9309480202230191E-2</v>
      </c>
      <c r="AB887">
        <v>7.8938011755637989</v>
      </c>
      <c r="AC887">
        <v>1</v>
      </c>
      <c r="AD887">
        <v>1</v>
      </c>
      <c r="AE887">
        <v>0</v>
      </c>
      <c r="AF887">
        <v>0</v>
      </c>
      <c r="AG887">
        <v>7.8939451382359582</v>
      </c>
      <c r="AH887">
        <v>-6.3118185990611291E-3</v>
      </c>
      <c r="AI887">
        <v>1.2177912143198071E-2</v>
      </c>
      <c r="AJ887">
        <v>1.9364081872816429E-2</v>
      </c>
      <c r="AK887">
        <v>6.9891032966774647E-3</v>
      </c>
      <c r="AL887">
        <v>3508.4026542006441</v>
      </c>
      <c r="AM887">
        <v>6745.688387110531</v>
      </c>
      <c r="AN887">
        <v>340145</v>
      </c>
      <c r="AO887">
        <v>100.9999999999998</v>
      </c>
      <c r="AP887">
        <v>3113.0937988622268</v>
      </c>
      <c r="AQ887">
        <v>1.0085692995529061</v>
      </c>
      <c r="AR887">
        <v>3.9787630402384502</v>
      </c>
      <c r="AS887">
        <v>2672</v>
      </c>
      <c r="AT887">
        <v>268.39344262295077</v>
      </c>
      <c r="AU887">
        <v>1.3740101107507089E-2</v>
      </c>
      <c r="AV887">
        <v>-6.3127177059157987E-3</v>
      </c>
      <c r="AW887">
        <v>0.35991058122205671</v>
      </c>
      <c r="AX887">
        <v>84.947446887812148</v>
      </c>
      <c r="AY887">
        <v>64</v>
      </c>
      <c r="AZ887">
        <v>127</v>
      </c>
      <c r="BA887">
        <v>0.58409102392450729</v>
      </c>
      <c r="BB887">
        <v>0.50968703427719819</v>
      </c>
      <c r="BC887">
        <v>5.3084081282557953</v>
      </c>
      <c r="BD887" t="s">
        <v>3437</v>
      </c>
      <c r="BE887" t="s">
        <v>68</v>
      </c>
    </row>
    <row r="888" spans="1:57" x14ac:dyDescent="0.3">
      <c r="A888" t="s">
        <v>3438</v>
      </c>
      <c r="B888">
        <v>1853</v>
      </c>
      <c r="C888" t="s">
        <v>3439</v>
      </c>
      <c r="D888" t="s">
        <v>3440</v>
      </c>
      <c r="E888" t="s">
        <v>98</v>
      </c>
      <c r="F888">
        <v>16</v>
      </c>
      <c r="G888">
        <v>148.0625</v>
      </c>
      <c r="H888">
        <v>152.5</v>
      </c>
      <c r="I888">
        <v>3682.30859375</v>
      </c>
      <c r="J888">
        <v>60.682028589607981</v>
      </c>
      <c r="K888">
        <v>-0.42200051216314888</v>
      </c>
      <c r="L888">
        <v>-0.56575574263204276</v>
      </c>
      <c r="M888">
        <v>4</v>
      </c>
      <c r="N888">
        <v>1</v>
      </c>
      <c r="O888">
        <v>1</v>
      </c>
      <c r="P888">
        <v>0</v>
      </c>
      <c r="Q888">
        <v>0</v>
      </c>
      <c r="R888">
        <v>2.7725887222397811</v>
      </c>
      <c r="S888">
        <v>1</v>
      </c>
      <c r="T888">
        <v>1</v>
      </c>
      <c r="U888">
        <v>0</v>
      </c>
      <c r="V888">
        <v>0</v>
      </c>
      <c r="W888">
        <v>2.7080502011022101</v>
      </c>
      <c r="X888">
        <v>1</v>
      </c>
      <c r="Y888">
        <v>1</v>
      </c>
      <c r="Z888">
        <v>0</v>
      </c>
      <c r="AA888">
        <v>0</v>
      </c>
      <c r="AB888">
        <v>2.639057329615258</v>
      </c>
      <c r="AC888">
        <v>1</v>
      </c>
      <c r="AD888">
        <v>1</v>
      </c>
      <c r="AE888">
        <v>0</v>
      </c>
      <c r="AF888">
        <v>0</v>
      </c>
      <c r="AG888">
        <v>2.5649493574615372</v>
      </c>
      <c r="AH888">
        <v>0.321511892802473</v>
      </c>
      <c r="AI888">
        <v>0.24551818715119059</v>
      </c>
      <c r="AJ888">
        <v>-0.14423835304151711</v>
      </c>
      <c r="AK888">
        <v>-8.9771510951328724E-5</v>
      </c>
      <c r="AL888">
        <v>344.98814337056189</v>
      </c>
      <c r="AM888">
        <v>539.12909486850424</v>
      </c>
      <c r="AN888">
        <v>2369</v>
      </c>
      <c r="AO888">
        <v>22.92201847062471</v>
      </c>
      <c r="AP888">
        <v>174.6219381206248</v>
      </c>
      <c r="AQ888">
        <v>2.3125</v>
      </c>
      <c r="AR888">
        <v>4.4375</v>
      </c>
      <c r="AS888">
        <v>16</v>
      </c>
      <c r="AT888">
        <v>0</v>
      </c>
      <c r="AU888">
        <v>0.1885</v>
      </c>
      <c r="AV888">
        <v>0.3251403816868374</v>
      </c>
      <c r="AW888">
        <v>0.3125</v>
      </c>
      <c r="AX888">
        <v>54.733333333333327</v>
      </c>
      <c r="AY888">
        <v>37.5</v>
      </c>
      <c r="AZ888">
        <v>76</v>
      </c>
      <c r="BA888">
        <v>0.40984063209528387</v>
      </c>
      <c r="BB888">
        <v>0.5</v>
      </c>
      <c r="BC888">
        <v>2.7080502011022101</v>
      </c>
      <c r="BD888" t="s">
        <v>3439</v>
      </c>
      <c r="BE888" t="s">
        <v>62</v>
      </c>
    </row>
    <row r="889" spans="1:57" x14ac:dyDescent="0.3">
      <c r="A889" t="s">
        <v>3441</v>
      </c>
      <c r="B889">
        <v>2236</v>
      </c>
      <c r="C889" t="s">
        <v>3442</v>
      </c>
      <c r="D889" t="s">
        <v>3443</v>
      </c>
      <c r="E889" t="s">
        <v>66</v>
      </c>
      <c r="F889">
        <v>70</v>
      </c>
      <c r="G889">
        <v>114.44285714285709</v>
      </c>
      <c r="H889">
        <v>104</v>
      </c>
      <c r="I889">
        <v>6074.7038775510209</v>
      </c>
      <c r="J889">
        <v>77.940386691053959</v>
      </c>
      <c r="K889">
        <v>0.31980836191835132</v>
      </c>
      <c r="L889">
        <v>-1.123141044737191</v>
      </c>
      <c r="M889">
        <v>5.9864258740878276</v>
      </c>
      <c r="N889">
        <v>2</v>
      </c>
      <c r="O889">
        <v>1</v>
      </c>
      <c r="P889">
        <v>1</v>
      </c>
      <c r="Q889">
        <v>0.26646935501059649</v>
      </c>
      <c r="R889">
        <v>4.1494742162550811</v>
      </c>
      <c r="S889">
        <v>2</v>
      </c>
      <c r="T889">
        <v>1</v>
      </c>
      <c r="U889">
        <v>1</v>
      </c>
      <c r="V889">
        <v>0.1203728348804772</v>
      </c>
      <c r="W889">
        <v>4.2140152819723324</v>
      </c>
      <c r="X889">
        <v>1</v>
      </c>
      <c r="Y889">
        <v>1</v>
      </c>
      <c r="Z889">
        <v>0</v>
      </c>
      <c r="AA889">
        <v>0</v>
      </c>
      <c r="AB889">
        <v>4.2195077051761087</v>
      </c>
      <c r="AC889">
        <v>1</v>
      </c>
      <c r="AD889">
        <v>1</v>
      </c>
      <c r="AE889">
        <v>0</v>
      </c>
      <c r="AF889">
        <v>0</v>
      </c>
      <c r="AG889">
        <v>4.2046926193909648</v>
      </c>
      <c r="AH889">
        <v>0.15320216906948489</v>
      </c>
      <c r="AI889">
        <v>-6.5416423158574294E-2</v>
      </c>
      <c r="AJ889">
        <v>1.7013791690756751E-2</v>
      </c>
      <c r="AK889">
        <v>-0.1332365704872113</v>
      </c>
      <c r="AL889">
        <v>721.81159328637477</v>
      </c>
      <c r="AM889">
        <v>906.10100088090906</v>
      </c>
      <c r="AN889">
        <v>8011</v>
      </c>
      <c r="AO889">
        <v>129.6841412733435</v>
      </c>
      <c r="AP889">
        <v>614.66572195862921</v>
      </c>
      <c r="AQ889">
        <v>1.328571428571429</v>
      </c>
      <c r="AR889">
        <v>3.8285714285714292</v>
      </c>
      <c r="AS889">
        <v>70</v>
      </c>
      <c r="AT889">
        <v>4.2857142857142856</v>
      </c>
      <c r="AU889">
        <v>0.142296918767507</v>
      </c>
      <c r="AV889">
        <v>0.15447505387055319</v>
      </c>
      <c r="AW889">
        <v>0.45714285714285707</v>
      </c>
      <c r="AX889">
        <v>82.028985507246375</v>
      </c>
      <c r="AY889">
        <v>62</v>
      </c>
      <c r="AZ889">
        <v>121.25</v>
      </c>
      <c r="BA889">
        <v>0.68104195086428376</v>
      </c>
      <c r="BB889">
        <v>0.45714285714285707</v>
      </c>
      <c r="BC889">
        <v>4.0532855009729261</v>
      </c>
      <c r="BD889" t="s">
        <v>3444</v>
      </c>
      <c r="BE889" t="s">
        <v>68</v>
      </c>
    </row>
    <row r="890" spans="1:57" x14ac:dyDescent="0.3">
      <c r="A890" t="s">
        <v>3445</v>
      </c>
      <c r="B890">
        <v>1807</v>
      </c>
      <c r="C890" t="s">
        <v>3446</v>
      </c>
      <c r="D890" t="s">
        <v>3447</v>
      </c>
      <c r="E890" t="s">
        <v>85</v>
      </c>
      <c r="F890">
        <v>8</v>
      </c>
      <c r="G890">
        <v>148.375</v>
      </c>
      <c r="H890">
        <v>172.5</v>
      </c>
      <c r="I890">
        <v>7013.234375</v>
      </c>
      <c r="J890">
        <v>83.7450558242097</v>
      </c>
      <c r="K890">
        <v>-0.48605320089092358</v>
      </c>
      <c r="L890">
        <v>-1.195295819381492</v>
      </c>
      <c r="M890">
        <v>3</v>
      </c>
      <c r="N890">
        <v>1</v>
      </c>
      <c r="O890">
        <v>1</v>
      </c>
      <c r="P890">
        <v>0</v>
      </c>
      <c r="Q890">
        <v>0</v>
      </c>
      <c r="R890">
        <v>2.0794415416798362</v>
      </c>
      <c r="S890">
        <v>1</v>
      </c>
      <c r="T890">
        <v>1</v>
      </c>
      <c r="U890">
        <v>0</v>
      </c>
      <c r="V890">
        <v>0</v>
      </c>
      <c r="W890">
        <v>1.945910149055313</v>
      </c>
      <c r="X890">
        <v>1</v>
      </c>
      <c r="Y890">
        <v>1</v>
      </c>
      <c r="Z890">
        <v>0</v>
      </c>
      <c r="AA890">
        <v>0</v>
      </c>
      <c r="AB890">
        <v>1.791759469228055</v>
      </c>
      <c r="AC890">
        <v>1</v>
      </c>
      <c r="AD890">
        <v>1</v>
      </c>
      <c r="AE890">
        <v>0</v>
      </c>
      <c r="AF890">
        <v>0</v>
      </c>
      <c r="AG890">
        <v>1.6094379124341009</v>
      </c>
      <c r="AH890">
        <v>0.1661209164815628</v>
      </c>
      <c r="AI890">
        <v>0.19548030843472269</v>
      </c>
      <c r="AJ890">
        <v>-0.3006584092129389</v>
      </c>
      <c r="AK890">
        <v>0</v>
      </c>
      <c r="AL890">
        <v>346.0316581711254</v>
      </c>
      <c r="AM890">
        <v>335.39393486367851</v>
      </c>
      <c r="AN890">
        <v>1187</v>
      </c>
      <c r="AO890">
        <v>107.96140125315149</v>
      </c>
      <c r="AP890">
        <v>212.68883962248111</v>
      </c>
      <c r="AQ890">
        <v>3.5</v>
      </c>
      <c r="AR890">
        <v>4.625</v>
      </c>
      <c r="AS890">
        <v>8</v>
      </c>
      <c r="AT890">
        <v>0</v>
      </c>
      <c r="AU890">
        <v>0.26321138211382111</v>
      </c>
      <c r="AV890">
        <v>0.17463702210265611</v>
      </c>
      <c r="AW890">
        <v>0.25</v>
      </c>
      <c r="AX890">
        <v>84.142857142857139</v>
      </c>
      <c r="AY890">
        <v>66</v>
      </c>
      <c r="AZ890">
        <v>138</v>
      </c>
      <c r="BA890">
        <v>0.5644148665490123</v>
      </c>
      <c r="BB890">
        <v>0.625</v>
      </c>
      <c r="BC890">
        <v>1.945910149055313</v>
      </c>
      <c r="BD890" t="s">
        <v>3446</v>
      </c>
      <c r="BE890" t="s">
        <v>68</v>
      </c>
    </row>
    <row r="891" spans="1:57" x14ac:dyDescent="0.3">
      <c r="A891" t="s">
        <v>3448</v>
      </c>
      <c r="B891">
        <v>1774</v>
      </c>
      <c r="C891" t="s">
        <v>3449</v>
      </c>
      <c r="D891" t="s">
        <v>3450</v>
      </c>
      <c r="E891" t="s">
        <v>10622</v>
      </c>
      <c r="F891">
        <v>64</v>
      </c>
      <c r="G891">
        <v>135.765625</v>
      </c>
      <c r="H891">
        <v>130.5</v>
      </c>
      <c r="I891">
        <v>5514.460693359375</v>
      </c>
      <c r="J891">
        <v>74.259414846599583</v>
      </c>
      <c r="K891">
        <v>6.0716732649989738E-2</v>
      </c>
      <c r="L891">
        <v>-1.2676520939194089</v>
      </c>
      <c r="M891">
        <v>5.84375</v>
      </c>
      <c r="N891">
        <v>2</v>
      </c>
      <c r="O891">
        <v>1</v>
      </c>
      <c r="P891">
        <v>1</v>
      </c>
      <c r="Q891">
        <v>0.27850299534160988</v>
      </c>
      <c r="R891">
        <v>4.0505788363971806</v>
      </c>
      <c r="S891">
        <v>1</v>
      </c>
      <c r="T891">
        <v>1</v>
      </c>
      <c r="U891">
        <v>0</v>
      </c>
      <c r="V891">
        <v>0</v>
      </c>
      <c r="W891">
        <v>4.1431347263915326</v>
      </c>
      <c r="X891">
        <v>1</v>
      </c>
      <c r="Y891">
        <v>1</v>
      </c>
      <c r="Z891">
        <v>0</v>
      </c>
      <c r="AA891">
        <v>0</v>
      </c>
      <c r="AB891">
        <v>4.1271343850450908</v>
      </c>
      <c r="AC891">
        <v>1</v>
      </c>
      <c r="AD891">
        <v>1</v>
      </c>
      <c r="AE891">
        <v>0</v>
      </c>
      <c r="AF891">
        <v>0</v>
      </c>
      <c r="AG891">
        <v>4.1108738641733096</v>
      </c>
      <c r="AH891">
        <v>5.6157369815494428E-2</v>
      </c>
      <c r="AI891">
        <v>2.0324092348902791E-2</v>
      </c>
      <c r="AJ891">
        <v>0.12513700426028321</v>
      </c>
      <c r="AK891">
        <v>8.3470295396102331E-2</v>
      </c>
      <c r="AL891">
        <v>681.36184403617494</v>
      </c>
      <c r="AM891">
        <v>1033.6048749360771</v>
      </c>
      <c r="AN891">
        <v>8689</v>
      </c>
      <c r="AO891">
        <v>118.5697533225822</v>
      </c>
      <c r="AP891">
        <v>543.41232019432709</v>
      </c>
      <c r="AQ891">
        <v>1.359375</v>
      </c>
      <c r="AR891">
        <v>3.921875</v>
      </c>
      <c r="AS891">
        <v>64</v>
      </c>
      <c r="AT891">
        <v>4.2187499999999991</v>
      </c>
      <c r="AU891">
        <v>5.7475490196078449E-2</v>
      </c>
      <c r="AV891">
        <v>5.7839052778476473E-2</v>
      </c>
      <c r="AW891">
        <v>0.375</v>
      </c>
      <c r="AX891">
        <v>81.111111111111114</v>
      </c>
      <c r="AY891">
        <v>62</v>
      </c>
      <c r="AZ891">
        <v>132.5</v>
      </c>
      <c r="BA891">
        <v>0.54696772357951129</v>
      </c>
      <c r="BB891">
        <v>0.484375</v>
      </c>
      <c r="BC891">
        <v>4.0111066919991618</v>
      </c>
      <c r="BD891" t="s">
        <v>3451</v>
      </c>
      <c r="BE891" t="s">
        <v>62</v>
      </c>
    </row>
    <row r="892" spans="1:57" x14ac:dyDescent="0.3">
      <c r="A892" t="s">
        <v>3452</v>
      </c>
      <c r="B892">
        <v>575</v>
      </c>
      <c r="C892" t="s">
        <v>3453</v>
      </c>
      <c r="D892" t="s">
        <v>3454</v>
      </c>
      <c r="E892" t="s">
        <v>115</v>
      </c>
      <c r="F892">
        <v>609</v>
      </c>
      <c r="G892">
        <v>126.77668308702791</v>
      </c>
      <c r="H892">
        <v>123</v>
      </c>
      <c r="I892">
        <v>5394.4952855498132</v>
      </c>
      <c r="J892">
        <v>73.447227895610965</v>
      </c>
      <c r="K892">
        <v>5.4597536474832918E-2</v>
      </c>
      <c r="L892">
        <v>-1.153707328815172</v>
      </c>
      <c r="M892">
        <v>7.7041805853784657</v>
      </c>
      <c r="N892">
        <v>7</v>
      </c>
      <c r="O892">
        <v>1</v>
      </c>
      <c r="P892">
        <v>6</v>
      </c>
      <c r="Q892">
        <v>1.3514332115057159</v>
      </c>
      <c r="R892">
        <v>5.3401310512797409</v>
      </c>
      <c r="S892">
        <v>2</v>
      </c>
      <c r="T892">
        <v>1</v>
      </c>
      <c r="U892">
        <v>1</v>
      </c>
      <c r="V892">
        <v>5.7353621112154342E-2</v>
      </c>
      <c r="W892">
        <v>6.4056147031466937</v>
      </c>
      <c r="X892">
        <v>1</v>
      </c>
      <c r="Y892">
        <v>1</v>
      </c>
      <c r="Z892">
        <v>0</v>
      </c>
      <c r="AA892">
        <v>0</v>
      </c>
      <c r="AB892">
        <v>6.4085287910594966</v>
      </c>
      <c r="AC892">
        <v>1</v>
      </c>
      <c r="AD892">
        <v>1</v>
      </c>
      <c r="AE892">
        <v>0</v>
      </c>
      <c r="AF892">
        <v>0</v>
      </c>
      <c r="AG892">
        <v>6.4068799860693133</v>
      </c>
      <c r="AH892">
        <v>5.5183151099122092E-2</v>
      </c>
      <c r="AI892">
        <v>8.6258059270811118E-3</v>
      </c>
      <c r="AJ892">
        <v>-1.6539141519383221E-2</v>
      </c>
      <c r="AK892">
        <v>8.223423257137845E-4</v>
      </c>
      <c r="AL892">
        <v>1718.8863217695159</v>
      </c>
      <c r="AM892">
        <v>3180.9943119775712</v>
      </c>
      <c r="AN892">
        <v>77207</v>
      </c>
      <c r="AO892">
        <v>62.862031967388241</v>
      </c>
      <c r="AP892">
        <v>1517.1047183593171</v>
      </c>
      <c r="AQ892">
        <v>1.037766830870279</v>
      </c>
      <c r="AR892">
        <v>4.0016420361247951</v>
      </c>
      <c r="AS892">
        <v>607</v>
      </c>
      <c r="AT892">
        <v>169.87356321839081</v>
      </c>
      <c r="AU892">
        <v>2.905438037283881E-2</v>
      </c>
      <c r="AV892">
        <v>5.5368003378404917E-2</v>
      </c>
      <c r="AW892">
        <v>0.41379310344827591</v>
      </c>
      <c r="AX892">
        <v>81.18585526315789</v>
      </c>
      <c r="AY892">
        <v>62</v>
      </c>
      <c r="AZ892">
        <v>123</v>
      </c>
      <c r="BA892">
        <v>0.57934334695593759</v>
      </c>
      <c r="BB892">
        <v>0.47783251231527102</v>
      </c>
      <c r="BC892">
        <v>5.1148423605026156</v>
      </c>
      <c r="BD892" t="s">
        <v>3455</v>
      </c>
      <c r="BE892" t="s">
        <v>68</v>
      </c>
    </row>
    <row r="893" spans="1:57" x14ac:dyDescent="0.3">
      <c r="A893" t="s">
        <v>3456</v>
      </c>
      <c r="B893">
        <v>2338</v>
      </c>
      <c r="C893" t="s">
        <v>3457</v>
      </c>
      <c r="D893" t="s">
        <v>3458</v>
      </c>
      <c r="E893" t="s">
        <v>98</v>
      </c>
      <c r="F893">
        <v>16</v>
      </c>
      <c r="G893">
        <v>116.1875</v>
      </c>
      <c r="H893">
        <v>120.5</v>
      </c>
      <c r="I893">
        <v>3680.27734375</v>
      </c>
      <c r="J893">
        <v>60.665289447508613</v>
      </c>
      <c r="K893">
        <v>-0.1687829926571098</v>
      </c>
      <c r="L893">
        <v>-1.0365596392314731</v>
      </c>
      <c r="M893">
        <v>4</v>
      </c>
      <c r="N893">
        <v>1</v>
      </c>
      <c r="O893">
        <v>1</v>
      </c>
      <c r="P893">
        <v>0</v>
      </c>
      <c r="Q893">
        <v>0</v>
      </c>
      <c r="R893">
        <v>2.7725887222397811</v>
      </c>
      <c r="S893">
        <v>1</v>
      </c>
      <c r="T893">
        <v>1</v>
      </c>
      <c r="U893">
        <v>0</v>
      </c>
      <c r="V893">
        <v>0</v>
      </c>
      <c r="W893">
        <v>2.7080502011022101</v>
      </c>
      <c r="X893">
        <v>1</v>
      </c>
      <c r="Y893">
        <v>1</v>
      </c>
      <c r="Z893">
        <v>0</v>
      </c>
      <c r="AA893">
        <v>0</v>
      </c>
      <c r="AB893">
        <v>2.639057329615258</v>
      </c>
      <c r="AC893">
        <v>1</v>
      </c>
      <c r="AD893">
        <v>1</v>
      </c>
      <c r="AE893">
        <v>0</v>
      </c>
      <c r="AF893">
        <v>0</v>
      </c>
      <c r="AG893">
        <v>2.5649493574615372</v>
      </c>
      <c r="AH893">
        <v>1.8689612917674559E-2</v>
      </c>
      <c r="AI893">
        <v>9.1176334791344488E-2</v>
      </c>
      <c r="AJ893">
        <v>-0.16422825268985539</v>
      </c>
      <c r="AK893">
        <v>9.7939051171202912E-2</v>
      </c>
      <c r="AL893">
        <v>296.16945556443261</v>
      </c>
      <c r="AM893">
        <v>432.62068095580872</v>
      </c>
      <c r="AN893">
        <v>1859</v>
      </c>
      <c r="AO893">
        <v>39.235510577372793</v>
      </c>
      <c r="AP893">
        <v>166.57754013105219</v>
      </c>
      <c r="AQ893">
        <v>2.25</v>
      </c>
      <c r="AR893">
        <v>3.625</v>
      </c>
      <c r="AS893">
        <v>16</v>
      </c>
      <c r="AT893">
        <v>0</v>
      </c>
      <c r="AU893">
        <v>0.14814814814814811</v>
      </c>
      <c r="AV893">
        <v>3.017556360188027E-2</v>
      </c>
      <c r="AW893">
        <v>0.5</v>
      </c>
      <c r="AX893">
        <v>72.933333333333337</v>
      </c>
      <c r="AY893">
        <v>53.5</v>
      </c>
      <c r="AZ893">
        <v>108.75</v>
      </c>
      <c r="BA893">
        <v>0.52213266872519515</v>
      </c>
      <c r="BB893">
        <v>0.5625</v>
      </c>
      <c r="BC893">
        <v>2.7080502011022101</v>
      </c>
      <c r="BD893" t="s">
        <v>3457</v>
      </c>
      <c r="BE893" t="s">
        <v>62</v>
      </c>
    </row>
    <row r="894" spans="1:57" x14ac:dyDescent="0.3">
      <c r="A894" t="s">
        <v>3459</v>
      </c>
      <c r="B894">
        <v>2928</v>
      </c>
      <c r="C894" t="s">
        <v>3460</v>
      </c>
      <c r="D894" t="s">
        <v>3461</v>
      </c>
      <c r="E894" t="s">
        <v>115</v>
      </c>
      <c r="F894">
        <v>2992</v>
      </c>
      <c r="G894">
        <v>127.73930481283421</v>
      </c>
      <c r="H894">
        <v>128</v>
      </c>
      <c r="I894">
        <v>5410.9901930996029</v>
      </c>
      <c r="J894">
        <v>73.55943306673592</v>
      </c>
      <c r="K894">
        <v>8.8145351254408366E-3</v>
      </c>
      <c r="L894">
        <v>-1.1849910597076529</v>
      </c>
      <c r="M894">
        <v>7.9333212767431034</v>
      </c>
      <c r="N894">
        <v>23</v>
      </c>
      <c r="O894">
        <v>2</v>
      </c>
      <c r="P894">
        <v>21</v>
      </c>
      <c r="Q894">
        <v>3.5094737853416138</v>
      </c>
      <c r="R894">
        <v>5.4989592754507086</v>
      </c>
      <c r="S894">
        <v>3</v>
      </c>
      <c r="T894">
        <v>1</v>
      </c>
      <c r="U894">
        <v>2</v>
      </c>
      <c r="V894">
        <v>0.14968187867315491</v>
      </c>
      <c r="W894">
        <v>7.9730613596608553</v>
      </c>
      <c r="X894">
        <v>2</v>
      </c>
      <c r="Y894">
        <v>1</v>
      </c>
      <c r="Z894">
        <v>1</v>
      </c>
      <c r="AA894">
        <v>1.8287922875498758E-2</v>
      </c>
      <c r="AB894">
        <v>8.0025650227856957</v>
      </c>
      <c r="AC894">
        <v>1</v>
      </c>
      <c r="AD894">
        <v>1</v>
      </c>
      <c r="AE894">
        <v>0</v>
      </c>
      <c r="AF894">
        <v>0</v>
      </c>
      <c r="AG894">
        <v>8.0026941622839374</v>
      </c>
      <c r="AH894">
        <v>-2.010075962856488E-2</v>
      </c>
      <c r="AI894">
        <v>8.7350088005227009E-3</v>
      </c>
      <c r="AJ894">
        <v>8.9602299341288525E-3</v>
      </c>
      <c r="AK894">
        <v>-3.3002714116447243E-2</v>
      </c>
      <c r="AL894">
        <v>3672.4874902172992</v>
      </c>
      <c r="AM894">
        <v>7178.0198964754518</v>
      </c>
      <c r="AN894">
        <v>382196</v>
      </c>
      <c r="AO894">
        <v>121.44370442554229</v>
      </c>
      <c r="AP894">
        <v>3365.7390251747702</v>
      </c>
      <c r="AQ894">
        <v>1.007687165775401</v>
      </c>
      <c r="AR894">
        <v>3.9852941176470589</v>
      </c>
      <c r="AS894">
        <v>2978</v>
      </c>
      <c r="AT894">
        <v>269.77540106951869</v>
      </c>
      <c r="AU894">
        <v>1.23440285204991E-2</v>
      </c>
      <c r="AV894">
        <v>-2.0106003985086961E-2</v>
      </c>
      <c r="AW894">
        <v>0.37232620320855608</v>
      </c>
      <c r="AX894">
        <v>86.022400534938143</v>
      </c>
      <c r="AY894">
        <v>63</v>
      </c>
      <c r="AZ894">
        <v>126</v>
      </c>
      <c r="BA894">
        <v>0.57585590570197986</v>
      </c>
      <c r="BB894">
        <v>0.50100267379679142</v>
      </c>
      <c r="BC894">
        <v>5.3232138260019246</v>
      </c>
      <c r="BD894" t="s">
        <v>3462</v>
      </c>
      <c r="BE894" t="s">
        <v>62</v>
      </c>
    </row>
    <row r="895" spans="1:57" x14ac:dyDescent="0.3">
      <c r="A895" t="s">
        <v>3463</v>
      </c>
      <c r="B895">
        <v>3549</v>
      </c>
      <c r="C895" t="s">
        <v>3464</v>
      </c>
      <c r="D895" t="s">
        <v>3465</v>
      </c>
      <c r="E895" t="s">
        <v>66</v>
      </c>
      <c r="F895">
        <v>72</v>
      </c>
      <c r="G895">
        <v>123.1666666666667</v>
      </c>
      <c r="H895">
        <v>147.5</v>
      </c>
      <c r="I895">
        <v>6165.7777777777774</v>
      </c>
      <c r="J895">
        <v>78.522466707164625</v>
      </c>
      <c r="K895">
        <v>-0.2066746812161197</v>
      </c>
      <c r="L895">
        <v>-1.3519217221098101</v>
      </c>
      <c r="M895">
        <v>5.8261071194678236</v>
      </c>
      <c r="N895">
        <v>4</v>
      </c>
      <c r="O895">
        <v>1</v>
      </c>
      <c r="P895">
        <v>3</v>
      </c>
      <c r="Q895">
        <v>0.52816405552744317</v>
      </c>
      <c r="R895">
        <v>4.0383497234993424</v>
      </c>
      <c r="S895">
        <v>2</v>
      </c>
      <c r="T895">
        <v>1</v>
      </c>
      <c r="U895">
        <v>1</v>
      </c>
      <c r="V895">
        <v>0.2053564712318961</v>
      </c>
      <c r="W895">
        <v>4.2041040589658278</v>
      </c>
      <c r="X895">
        <v>2</v>
      </c>
      <c r="Y895">
        <v>1</v>
      </c>
      <c r="Z895">
        <v>1</v>
      </c>
      <c r="AA895">
        <v>0.16895772489817731</v>
      </c>
      <c r="AB895">
        <v>4.2088868317316477</v>
      </c>
      <c r="AC895">
        <v>2</v>
      </c>
      <c r="AD895">
        <v>1</v>
      </c>
      <c r="AE895">
        <v>1</v>
      </c>
      <c r="AF895">
        <v>0.1203728348804772</v>
      </c>
      <c r="AG895">
        <v>4.2140152819723324</v>
      </c>
      <c r="AH895">
        <v>0.119676347241244</v>
      </c>
      <c r="AI895">
        <v>6.2921857605100232E-2</v>
      </c>
      <c r="AJ895">
        <v>-0.14520705437019951</v>
      </c>
      <c r="AK895">
        <v>-0.22721318188007081</v>
      </c>
      <c r="AL895">
        <v>723.48450158388744</v>
      </c>
      <c r="AM895">
        <v>1006.353901948968</v>
      </c>
      <c r="AN895">
        <v>8868</v>
      </c>
      <c r="AO895">
        <v>192.8761766252471</v>
      </c>
      <c r="AP895">
        <v>537.97814545779181</v>
      </c>
      <c r="AQ895">
        <v>1.319444444444444</v>
      </c>
      <c r="AR895">
        <v>3.791666666666667</v>
      </c>
      <c r="AS895">
        <v>72</v>
      </c>
      <c r="AT895">
        <v>14.41666666666667</v>
      </c>
      <c r="AU895">
        <v>0.11879084967320259</v>
      </c>
      <c r="AV895">
        <v>0.1208124397576571</v>
      </c>
      <c r="AW895">
        <v>0.27777777777777779</v>
      </c>
      <c r="AX895">
        <v>84.309859154929583</v>
      </c>
      <c r="AY895">
        <v>69.5</v>
      </c>
      <c r="AZ895">
        <v>152.25</v>
      </c>
      <c r="BA895">
        <v>0.63753017624220265</v>
      </c>
      <c r="BB895">
        <v>0.55555555555555558</v>
      </c>
      <c r="BC895">
        <v>4.0405321852654943</v>
      </c>
      <c r="BD895" t="s">
        <v>3466</v>
      </c>
      <c r="BE895" t="s">
        <v>68</v>
      </c>
    </row>
    <row r="896" spans="1:57" x14ac:dyDescent="0.3">
      <c r="A896" t="s">
        <v>3467</v>
      </c>
      <c r="B896">
        <v>2114</v>
      </c>
      <c r="C896" t="s">
        <v>3468</v>
      </c>
      <c r="D896" t="s">
        <v>3469</v>
      </c>
      <c r="E896" t="s">
        <v>115</v>
      </c>
      <c r="F896">
        <v>2176</v>
      </c>
      <c r="G896">
        <v>129.61534926470591</v>
      </c>
      <c r="H896">
        <v>132</v>
      </c>
      <c r="I896">
        <v>5581.2100401353673</v>
      </c>
      <c r="J896">
        <v>74.707496545764187</v>
      </c>
      <c r="K896">
        <v>-4.5013114597015617E-2</v>
      </c>
      <c r="L896">
        <v>-1.237175982752299</v>
      </c>
      <c r="M896">
        <v>7.9143005084932332</v>
      </c>
      <c r="N896">
        <v>17</v>
      </c>
      <c r="O896">
        <v>1</v>
      </c>
      <c r="P896">
        <v>16</v>
      </c>
      <c r="Q896">
        <v>2.8600152971618882</v>
      </c>
      <c r="R896">
        <v>5.4857750835662209</v>
      </c>
      <c r="S896">
        <v>2</v>
      </c>
      <c r="T896">
        <v>1</v>
      </c>
      <c r="U896">
        <v>1</v>
      </c>
      <c r="V896">
        <v>0.12683709858074729</v>
      </c>
      <c r="W896">
        <v>7.6624757584013139</v>
      </c>
      <c r="X896">
        <v>1</v>
      </c>
      <c r="Y896">
        <v>1</v>
      </c>
      <c r="Z896">
        <v>0</v>
      </c>
      <c r="AA896">
        <v>0</v>
      </c>
      <c r="AB896">
        <v>7.6843240676811559</v>
      </c>
      <c r="AC896">
        <v>1</v>
      </c>
      <c r="AD896">
        <v>1</v>
      </c>
      <c r="AE896">
        <v>0</v>
      </c>
      <c r="AF896">
        <v>0</v>
      </c>
      <c r="AG896">
        <v>7.6838639802564304</v>
      </c>
      <c r="AH896">
        <v>3.6867746993527102E-3</v>
      </c>
      <c r="AI896">
        <v>-1.8273973809840801E-2</v>
      </c>
      <c r="AJ896">
        <v>6.7399060409249019E-3</v>
      </c>
      <c r="AK896">
        <v>-1.4093956486266211E-2</v>
      </c>
      <c r="AL896">
        <v>3217.2211207170949</v>
      </c>
      <c r="AM896">
        <v>6192.842906162874</v>
      </c>
      <c r="AN896">
        <v>282043</v>
      </c>
      <c r="AO896">
        <v>91.759553477386604</v>
      </c>
      <c r="AP896">
        <v>2946.8700132809731</v>
      </c>
      <c r="AQ896">
        <v>1.010569852941176</v>
      </c>
      <c r="AR896">
        <v>4.0335477941176467</v>
      </c>
      <c r="AS896">
        <v>2170</v>
      </c>
      <c r="AT896">
        <v>246.35294117647061</v>
      </c>
      <c r="AU896">
        <v>2.928921568627452E-2</v>
      </c>
      <c r="AV896">
        <v>3.687797780337431E-3</v>
      </c>
      <c r="AW896">
        <v>0.35294117647058831</v>
      </c>
      <c r="AX896">
        <v>86.332413793103441</v>
      </c>
      <c r="AY896">
        <v>66</v>
      </c>
      <c r="AZ896">
        <v>131</v>
      </c>
      <c r="BA896">
        <v>0.57637846882774213</v>
      </c>
      <c r="BB896">
        <v>0.51011029411764708</v>
      </c>
      <c r="BC896">
        <v>5.3067672946149997</v>
      </c>
      <c r="BD896" t="s">
        <v>3470</v>
      </c>
      <c r="BE896" t="s">
        <v>62</v>
      </c>
    </row>
    <row r="897" spans="1:57" x14ac:dyDescent="0.3">
      <c r="A897" t="s">
        <v>3471</v>
      </c>
      <c r="B897">
        <v>2307</v>
      </c>
      <c r="C897" t="s">
        <v>3472</v>
      </c>
      <c r="D897" t="s">
        <v>3473</v>
      </c>
      <c r="E897" t="s">
        <v>106</v>
      </c>
      <c r="F897">
        <v>2317</v>
      </c>
      <c r="G897">
        <v>131.87138541217089</v>
      </c>
      <c r="H897">
        <v>135</v>
      </c>
      <c r="I897">
        <v>5453.1012830612117</v>
      </c>
      <c r="J897">
        <v>73.845116853189495</v>
      </c>
      <c r="K897">
        <v>-8.9771870089812064E-2</v>
      </c>
      <c r="L897">
        <v>-1.220933979548056</v>
      </c>
      <c r="M897">
        <v>7.9114091047558359</v>
      </c>
      <c r="N897">
        <v>18</v>
      </c>
      <c r="O897">
        <v>2</v>
      </c>
      <c r="P897">
        <v>16</v>
      </c>
      <c r="Q897">
        <v>3.156305595890303</v>
      </c>
      <c r="R897">
        <v>5.4837709152178062</v>
      </c>
      <c r="S897">
        <v>2</v>
      </c>
      <c r="T897">
        <v>1</v>
      </c>
      <c r="U897">
        <v>1</v>
      </c>
      <c r="V897">
        <v>0.13139947727605439</v>
      </c>
      <c r="W897">
        <v>7.7236539309015217</v>
      </c>
      <c r="X897">
        <v>2</v>
      </c>
      <c r="Y897">
        <v>1</v>
      </c>
      <c r="Z897">
        <v>1</v>
      </c>
      <c r="AA897">
        <v>2.078377641557657E-2</v>
      </c>
      <c r="AB897">
        <v>7.7465661352628334</v>
      </c>
      <c r="AC897">
        <v>1</v>
      </c>
      <c r="AD897">
        <v>1</v>
      </c>
      <c r="AE897">
        <v>0</v>
      </c>
      <c r="AF897">
        <v>0</v>
      </c>
      <c r="AG897">
        <v>7.7467329077536231</v>
      </c>
      <c r="AH897">
        <v>-6.080189570592036E-3</v>
      </c>
      <c r="AI897">
        <v>-6.8343465643783052E-3</v>
      </c>
      <c r="AJ897">
        <v>2.8705239648974999E-2</v>
      </c>
      <c r="AK897">
        <v>9.0490471954954403E-3</v>
      </c>
      <c r="AL897">
        <v>3263.1255714722879</v>
      </c>
      <c r="AM897">
        <v>6502.2781780544919</v>
      </c>
      <c r="AN897">
        <v>305546</v>
      </c>
      <c r="AO897">
        <v>45.631857557817142</v>
      </c>
      <c r="AP897">
        <v>3004.6565479623891</v>
      </c>
      <c r="AQ897">
        <v>1.0099266292619771</v>
      </c>
      <c r="AR897">
        <v>4.0712127751402676</v>
      </c>
      <c r="AS897">
        <v>2307</v>
      </c>
      <c r="AT897">
        <v>281.78118256366002</v>
      </c>
      <c r="AU897">
        <v>3.7084803710003673E-2</v>
      </c>
      <c r="AV897">
        <v>-6.084064284970647E-3</v>
      </c>
      <c r="AW897">
        <v>0.36081139404402252</v>
      </c>
      <c r="AX897">
        <v>85.791882556131256</v>
      </c>
      <c r="AY897">
        <v>65</v>
      </c>
      <c r="AZ897">
        <v>130</v>
      </c>
      <c r="BA897">
        <v>0.55997831995457326</v>
      </c>
      <c r="BB897">
        <v>0.51057401812688818</v>
      </c>
      <c r="BC897">
        <v>5.3026539316360344</v>
      </c>
      <c r="BD897" t="s">
        <v>3474</v>
      </c>
      <c r="BE897" t="s">
        <v>68</v>
      </c>
    </row>
    <row r="898" spans="1:57" x14ac:dyDescent="0.3">
      <c r="A898" t="s">
        <v>3475</v>
      </c>
      <c r="B898">
        <v>3469</v>
      </c>
      <c r="C898" t="s">
        <v>3476</v>
      </c>
      <c r="D898" t="s">
        <v>3477</v>
      </c>
      <c r="E898" t="s">
        <v>128</v>
      </c>
      <c r="F898">
        <v>32</v>
      </c>
      <c r="G898">
        <v>133.5625</v>
      </c>
      <c r="H898">
        <v>134.5</v>
      </c>
      <c r="I898">
        <v>6170.49609375</v>
      </c>
      <c r="J898">
        <v>78.552505330829518</v>
      </c>
      <c r="K898">
        <v>-0.10684788141469991</v>
      </c>
      <c r="L898">
        <v>-1.337050908367525</v>
      </c>
      <c r="M898">
        <v>4.9375</v>
      </c>
      <c r="N898">
        <v>2</v>
      </c>
      <c r="O898">
        <v>1</v>
      </c>
      <c r="P898">
        <v>1</v>
      </c>
      <c r="Q898">
        <v>0.1766846959694085</v>
      </c>
      <c r="R898">
        <v>3.422414204014729</v>
      </c>
      <c r="S898">
        <v>1</v>
      </c>
      <c r="T898">
        <v>1</v>
      </c>
      <c r="U898">
        <v>0</v>
      </c>
      <c r="V898">
        <v>0</v>
      </c>
      <c r="W898">
        <v>3.4339872044851458</v>
      </c>
      <c r="X898">
        <v>1</v>
      </c>
      <c r="Y898">
        <v>1</v>
      </c>
      <c r="Z898">
        <v>0</v>
      </c>
      <c r="AA898">
        <v>0</v>
      </c>
      <c r="AB898">
        <v>3.401197381662155</v>
      </c>
      <c r="AC898">
        <v>1</v>
      </c>
      <c r="AD898">
        <v>1</v>
      </c>
      <c r="AE898">
        <v>0</v>
      </c>
      <c r="AF898">
        <v>0</v>
      </c>
      <c r="AG898">
        <v>3.3672958299864728</v>
      </c>
      <c r="AH898">
        <v>-3.9618681420595873E-2</v>
      </c>
      <c r="AI898">
        <v>0.14913707777750351</v>
      </c>
      <c r="AJ898">
        <v>-9.4118911535298708E-2</v>
      </c>
      <c r="AK898">
        <v>-6.2008038821331601E-2</v>
      </c>
      <c r="AL898">
        <v>535.36997526440121</v>
      </c>
      <c r="AM898">
        <v>694.03241248906704</v>
      </c>
      <c r="AN898">
        <v>4274</v>
      </c>
      <c r="AO898">
        <v>36.831419428658108</v>
      </c>
      <c r="AP898">
        <v>420.47689449501439</v>
      </c>
      <c r="AQ898">
        <v>1.71875</v>
      </c>
      <c r="AR898">
        <v>3.6875</v>
      </c>
      <c r="AS898">
        <v>32</v>
      </c>
      <c r="AT898">
        <v>0.93749999999999978</v>
      </c>
      <c r="AU898">
        <v>0.14291007905138339</v>
      </c>
      <c r="AV898">
        <v>-4.0128626560032042E-2</v>
      </c>
      <c r="AW898">
        <v>0.375</v>
      </c>
      <c r="AX898">
        <v>96.129032258064512</v>
      </c>
      <c r="AY898">
        <v>78</v>
      </c>
      <c r="AZ898">
        <v>155</v>
      </c>
      <c r="BA898">
        <v>0.5881329364966178</v>
      </c>
      <c r="BB898">
        <v>0.5</v>
      </c>
      <c r="BC898">
        <v>3.2998296856670919</v>
      </c>
      <c r="BD898" t="s">
        <v>3478</v>
      </c>
      <c r="BE898" t="s">
        <v>62</v>
      </c>
    </row>
    <row r="899" spans="1:57" x14ac:dyDescent="0.3">
      <c r="A899" t="s">
        <v>3479</v>
      </c>
      <c r="B899">
        <v>754</v>
      </c>
      <c r="C899" t="s">
        <v>3480</v>
      </c>
      <c r="D899" t="s">
        <v>3481</v>
      </c>
      <c r="E899" t="s">
        <v>98</v>
      </c>
      <c r="F899">
        <v>16</v>
      </c>
      <c r="G899">
        <v>150.9375</v>
      </c>
      <c r="H899">
        <v>158.5</v>
      </c>
      <c r="I899">
        <v>3157.80859375</v>
      </c>
      <c r="J899">
        <v>56.19438222589514</v>
      </c>
      <c r="K899">
        <v>-0.52054676766646635</v>
      </c>
      <c r="L899">
        <v>-5.1290839635365959E-2</v>
      </c>
      <c r="M899">
        <v>3.75</v>
      </c>
      <c r="N899">
        <v>2</v>
      </c>
      <c r="O899">
        <v>1</v>
      </c>
      <c r="P899">
        <v>1</v>
      </c>
      <c r="Q899">
        <v>0.3499271061118826</v>
      </c>
      <c r="R899">
        <v>2.5993019270997948</v>
      </c>
      <c r="S899">
        <v>1</v>
      </c>
      <c r="T899">
        <v>1</v>
      </c>
      <c r="U899">
        <v>0</v>
      </c>
      <c r="V899">
        <v>0</v>
      </c>
      <c r="W899">
        <v>2.7080502011022101</v>
      </c>
      <c r="X899">
        <v>1</v>
      </c>
      <c r="Y899">
        <v>1</v>
      </c>
      <c r="Z899">
        <v>0</v>
      </c>
      <c r="AA899">
        <v>0</v>
      </c>
      <c r="AB899">
        <v>2.639057329615258</v>
      </c>
      <c r="AC899">
        <v>1</v>
      </c>
      <c r="AD899">
        <v>1</v>
      </c>
      <c r="AE899">
        <v>0</v>
      </c>
      <c r="AF899">
        <v>0</v>
      </c>
      <c r="AG899">
        <v>2.5649493574615372</v>
      </c>
      <c r="AH899">
        <v>-0.23368047523561999</v>
      </c>
      <c r="AI899">
        <v>-0.147885048101247</v>
      </c>
      <c r="AJ899">
        <v>9.0907692241083915E-2</v>
      </c>
      <c r="AK899">
        <v>-0.13668080366254781</v>
      </c>
      <c r="AL899">
        <v>354.62898866423802</v>
      </c>
      <c r="AM899">
        <v>537.84503381455488</v>
      </c>
      <c r="AN899">
        <v>2415</v>
      </c>
      <c r="AO899">
        <v>33</v>
      </c>
      <c r="AP899">
        <v>226.2382967683991</v>
      </c>
      <c r="AQ899">
        <v>2.3125</v>
      </c>
      <c r="AR899">
        <v>4.375</v>
      </c>
      <c r="AS899">
        <v>16</v>
      </c>
      <c r="AT899">
        <v>1.5</v>
      </c>
      <c r="AU899">
        <v>0.2230691056910569</v>
      </c>
      <c r="AV899">
        <v>-0.2538497570123725</v>
      </c>
      <c r="AW899">
        <v>0.25</v>
      </c>
      <c r="AX899">
        <v>67.466666666666669</v>
      </c>
      <c r="AY899">
        <v>32.5</v>
      </c>
      <c r="AZ899">
        <v>62.75</v>
      </c>
      <c r="BA899">
        <v>0.37230232530613749</v>
      </c>
      <c r="BB899">
        <v>0.625</v>
      </c>
      <c r="BC899">
        <v>2.523210952952891</v>
      </c>
      <c r="BD899" t="s">
        <v>3480</v>
      </c>
      <c r="BE899" t="s">
        <v>62</v>
      </c>
    </row>
    <row r="900" spans="1:57" x14ac:dyDescent="0.3">
      <c r="A900" t="s">
        <v>3482</v>
      </c>
      <c r="B900">
        <v>2078</v>
      </c>
      <c r="C900" t="s">
        <v>3483</v>
      </c>
      <c r="D900" t="s">
        <v>3484</v>
      </c>
      <c r="E900" t="s">
        <v>10622</v>
      </c>
      <c r="F900">
        <v>64</v>
      </c>
      <c r="G900">
        <v>122.359375</v>
      </c>
      <c r="H900">
        <v>130</v>
      </c>
      <c r="I900">
        <v>5381.386474609375</v>
      </c>
      <c r="J900">
        <v>73.357933958157346</v>
      </c>
      <c r="K900">
        <v>-9.9300945863614209E-2</v>
      </c>
      <c r="L900">
        <v>-1.1941394411306789</v>
      </c>
      <c r="M900">
        <v>5.875</v>
      </c>
      <c r="N900">
        <v>2</v>
      </c>
      <c r="O900">
        <v>1</v>
      </c>
      <c r="P900">
        <v>1</v>
      </c>
      <c r="Q900">
        <v>0.24944382578492941</v>
      </c>
      <c r="R900">
        <v>4.072239685789679</v>
      </c>
      <c r="S900">
        <v>1</v>
      </c>
      <c r="T900">
        <v>1</v>
      </c>
      <c r="U900">
        <v>0</v>
      </c>
      <c r="V900">
        <v>0</v>
      </c>
      <c r="W900">
        <v>4.1431347263915326</v>
      </c>
      <c r="X900">
        <v>1</v>
      </c>
      <c r="Y900">
        <v>1</v>
      </c>
      <c r="Z900">
        <v>0</v>
      </c>
      <c r="AA900">
        <v>0</v>
      </c>
      <c r="AB900">
        <v>4.1271343850450908</v>
      </c>
      <c r="AC900">
        <v>1</v>
      </c>
      <c r="AD900">
        <v>1</v>
      </c>
      <c r="AE900">
        <v>0</v>
      </c>
      <c r="AF900">
        <v>0</v>
      </c>
      <c r="AG900">
        <v>4.1108738641733096</v>
      </c>
      <c r="AH900">
        <v>-0.31172528360878798</v>
      </c>
      <c r="AI900">
        <v>-6.7121579662409656E-2</v>
      </c>
      <c r="AJ900">
        <v>-0.17298447616338311</v>
      </c>
      <c r="AK900">
        <v>-3.6450724098760018E-2</v>
      </c>
      <c r="AL900">
        <v>636.95889367661471</v>
      </c>
      <c r="AM900">
        <v>947.04190391252644</v>
      </c>
      <c r="AN900">
        <v>7831</v>
      </c>
      <c r="AO900">
        <v>80.522001544316581</v>
      </c>
      <c r="AP900">
        <v>456.17635558602342</v>
      </c>
      <c r="AQ900">
        <v>1.359375</v>
      </c>
      <c r="AR900">
        <v>3.5625</v>
      </c>
      <c r="AS900">
        <v>64</v>
      </c>
      <c r="AT900">
        <v>3.5000000000000009</v>
      </c>
      <c r="AU900">
        <v>8.3291832669322718E-2</v>
      </c>
      <c r="AV900">
        <v>-0.31976462750609352</v>
      </c>
      <c r="AW900">
        <v>0.296875</v>
      </c>
      <c r="AX900">
        <v>103.4126984126984</v>
      </c>
      <c r="AY900">
        <v>65.5</v>
      </c>
      <c r="AZ900">
        <v>132</v>
      </c>
      <c r="BA900">
        <v>0.59952851147006392</v>
      </c>
      <c r="BB900">
        <v>0.53125</v>
      </c>
      <c r="BC900">
        <v>3.9670973472017059</v>
      </c>
      <c r="BD900" t="s">
        <v>3485</v>
      </c>
      <c r="BE900" t="s">
        <v>62</v>
      </c>
    </row>
    <row r="901" spans="1:57" x14ac:dyDescent="0.3">
      <c r="A901" t="s">
        <v>3486</v>
      </c>
      <c r="B901">
        <v>2963</v>
      </c>
      <c r="C901" t="s">
        <v>3487</v>
      </c>
      <c r="D901" t="s">
        <v>3488</v>
      </c>
      <c r="E901" t="s">
        <v>128</v>
      </c>
      <c r="F901">
        <v>32</v>
      </c>
      <c r="G901">
        <v>105.28125</v>
      </c>
      <c r="H901">
        <v>109.5</v>
      </c>
      <c r="I901">
        <v>5445.0771484375</v>
      </c>
      <c r="J901">
        <v>73.790766010643225</v>
      </c>
      <c r="K901">
        <v>6.3905280830539007E-2</v>
      </c>
      <c r="L901">
        <v>-1.428005204450131</v>
      </c>
      <c r="M901">
        <v>4.875</v>
      </c>
      <c r="N901">
        <v>2</v>
      </c>
      <c r="O901">
        <v>1</v>
      </c>
      <c r="P901">
        <v>1</v>
      </c>
      <c r="Q901">
        <v>0.24944382578492941</v>
      </c>
      <c r="R901">
        <v>3.3790925052297318</v>
      </c>
      <c r="S901">
        <v>1</v>
      </c>
      <c r="T901">
        <v>1</v>
      </c>
      <c r="U901">
        <v>0</v>
      </c>
      <c r="V901">
        <v>0</v>
      </c>
      <c r="W901">
        <v>3.4339872044851458</v>
      </c>
      <c r="X901">
        <v>1</v>
      </c>
      <c r="Y901">
        <v>1</v>
      </c>
      <c r="Z901">
        <v>0</v>
      </c>
      <c r="AA901">
        <v>0</v>
      </c>
      <c r="AB901">
        <v>3.401197381662155</v>
      </c>
      <c r="AC901">
        <v>1</v>
      </c>
      <c r="AD901">
        <v>1</v>
      </c>
      <c r="AE901">
        <v>0</v>
      </c>
      <c r="AF901">
        <v>0</v>
      </c>
      <c r="AG901">
        <v>3.3672958299864728</v>
      </c>
      <c r="AH901">
        <v>-0.26766697255925159</v>
      </c>
      <c r="AI901">
        <v>-2.401683116146161E-2</v>
      </c>
      <c r="AJ901">
        <v>-8.1138308927986305E-2</v>
      </c>
      <c r="AK901">
        <v>0.18365404378130401</v>
      </c>
      <c r="AL901">
        <v>476.99371119873121</v>
      </c>
      <c r="AM901">
        <v>549.01001764709315</v>
      </c>
      <c r="AN901">
        <v>3369</v>
      </c>
      <c r="AO901">
        <v>64.73135942984635</v>
      </c>
      <c r="AP901">
        <v>414.36135413786309</v>
      </c>
      <c r="AQ901">
        <v>1.65625</v>
      </c>
      <c r="AR901">
        <v>3.4375</v>
      </c>
      <c r="AS901">
        <v>32</v>
      </c>
      <c r="AT901">
        <v>1.75</v>
      </c>
      <c r="AU901">
        <v>0.14917986425339369</v>
      </c>
      <c r="AV901">
        <v>-0.27683769298711258</v>
      </c>
      <c r="AW901">
        <v>0.3125</v>
      </c>
      <c r="AX901">
        <v>102.3548387096774</v>
      </c>
      <c r="AY901">
        <v>69.5</v>
      </c>
      <c r="AZ901">
        <v>137.75</v>
      </c>
      <c r="BA901">
        <v>0.70089181132103984</v>
      </c>
      <c r="BB901">
        <v>0.5625</v>
      </c>
      <c r="BC901">
        <v>3.3445488586064429</v>
      </c>
      <c r="BD901" t="s">
        <v>3489</v>
      </c>
      <c r="BE901" t="s">
        <v>62</v>
      </c>
    </row>
    <row r="902" spans="1:57" x14ac:dyDescent="0.3">
      <c r="A902" t="s">
        <v>3490</v>
      </c>
      <c r="B902">
        <v>3745</v>
      </c>
      <c r="C902" t="s">
        <v>3491</v>
      </c>
      <c r="D902" t="s">
        <v>3492</v>
      </c>
      <c r="E902" t="s">
        <v>98</v>
      </c>
      <c r="F902">
        <v>16</v>
      </c>
      <c r="G902">
        <v>107.1875</v>
      </c>
      <c r="H902">
        <v>82</v>
      </c>
      <c r="I902">
        <v>6530.02734375</v>
      </c>
      <c r="J902">
        <v>80.80858459192315</v>
      </c>
      <c r="K902">
        <v>0.34906832586263792</v>
      </c>
      <c r="L902">
        <v>-1.321111105505357</v>
      </c>
      <c r="M902">
        <v>4</v>
      </c>
      <c r="N902">
        <v>1</v>
      </c>
      <c r="O902">
        <v>1</v>
      </c>
      <c r="P902">
        <v>0</v>
      </c>
      <c r="Q902">
        <v>0</v>
      </c>
      <c r="R902">
        <v>2.7725887222397811</v>
      </c>
      <c r="S902">
        <v>1</v>
      </c>
      <c r="T902">
        <v>1</v>
      </c>
      <c r="U902">
        <v>0</v>
      </c>
      <c r="V902">
        <v>0</v>
      </c>
      <c r="W902">
        <v>2.7080502011022101</v>
      </c>
      <c r="X902">
        <v>1</v>
      </c>
      <c r="Y902">
        <v>1</v>
      </c>
      <c r="Z902">
        <v>0</v>
      </c>
      <c r="AA902">
        <v>0</v>
      </c>
      <c r="AB902">
        <v>2.639057329615258</v>
      </c>
      <c r="AC902">
        <v>1</v>
      </c>
      <c r="AD902">
        <v>1</v>
      </c>
      <c r="AE902">
        <v>0</v>
      </c>
      <c r="AF902">
        <v>0</v>
      </c>
      <c r="AG902">
        <v>2.5649493574615372</v>
      </c>
      <c r="AH902">
        <v>0.15656904522198231</v>
      </c>
      <c r="AI902">
        <v>-0.15338524795610661</v>
      </c>
      <c r="AJ902">
        <v>0.25706199037259958</v>
      </c>
      <c r="AK902">
        <v>-1.083553619786479E-2</v>
      </c>
      <c r="AL902">
        <v>369.25351607519138</v>
      </c>
      <c r="AM902">
        <v>389.8189847430578</v>
      </c>
      <c r="AN902">
        <v>1715</v>
      </c>
      <c r="AO902">
        <v>25.820639473031751</v>
      </c>
      <c r="AP902">
        <v>286.01296674564662</v>
      </c>
      <c r="AQ902">
        <v>2.25</v>
      </c>
      <c r="AR902">
        <v>4</v>
      </c>
      <c r="AS902">
        <v>16</v>
      </c>
      <c r="AT902">
        <v>0</v>
      </c>
      <c r="AU902">
        <v>0.22199170124481329</v>
      </c>
      <c r="AV902">
        <v>0.16101365840527751</v>
      </c>
      <c r="AW902">
        <v>0.4375</v>
      </c>
      <c r="AX902">
        <v>87.066666666666663</v>
      </c>
      <c r="AY902">
        <v>73</v>
      </c>
      <c r="AZ902">
        <v>134.5</v>
      </c>
      <c r="BA902">
        <v>0.75389933146983701</v>
      </c>
      <c r="BB902">
        <v>0.4375</v>
      </c>
      <c r="BC902">
        <v>2.7080502011022101</v>
      </c>
      <c r="BD902" t="s">
        <v>3491</v>
      </c>
      <c r="BE902" t="s">
        <v>62</v>
      </c>
    </row>
    <row r="903" spans="1:57" x14ac:dyDescent="0.3">
      <c r="A903" t="s">
        <v>3493</v>
      </c>
      <c r="B903">
        <v>3130</v>
      </c>
      <c r="C903" t="s">
        <v>3494</v>
      </c>
      <c r="D903" t="s">
        <v>3495</v>
      </c>
      <c r="E903" t="s">
        <v>72</v>
      </c>
      <c r="F903">
        <v>3144</v>
      </c>
      <c r="G903">
        <v>125.8746819338422</v>
      </c>
      <c r="H903">
        <v>127</v>
      </c>
      <c r="I903">
        <v>5450.7686465273327</v>
      </c>
      <c r="J903">
        <v>73.82932104880372</v>
      </c>
      <c r="K903">
        <v>5.2166543548520178E-3</v>
      </c>
      <c r="L903">
        <v>-1.1810976225554131</v>
      </c>
      <c r="M903">
        <v>7.9417371796657754</v>
      </c>
      <c r="N903">
        <v>25</v>
      </c>
      <c r="O903">
        <v>5</v>
      </c>
      <c r="P903">
        <v>20</v>
      </c>
      <c r="Q903">
        <v>3.5210028312257862</v>
      </c>
      <c r="R903">
        <v>5.5047927348334147</v>
      </c>
      <c r="S903">
        <v>2</v>
      </c>
      <c r="T903">
        <v>1</v>
      </c>
      <c r="U903">
        <v>1</v>
      </c>
      <c r="V903">
        <v>0.17101105593274379</v>
      </c>
      <c r="W903">
        <v>8.0123542645344337</v>
      </c>
      <c r="X903">
        <v>1</v>
      </c>
      <c r="Y903">
        <v>1</v>
      </c>
      <c r="Z903">
        <v>0</v>
      </c>
      <c r="AA903">
        <v>0</v>
      </c>
      <c r="AB903">
        <v>8.0526148188155631</v>
      </c>
      <c r="AC903">
        <v>1</v>
      </c>
      <c r="AD903">
        <v>1</v>
      </c>
      <c r="AE903">
        <v>0</v>
      </c>
      <c r="AF903">
        <v>0</v>
      </c>
      <c r="AG903">
        <v>8.0522964995386452</v>
      </c>
      <c r="AH903">
        <v>1.09706671378337E-4</v>
      </c>
      <c r="AI903">
        <v>8.2121015226974976E-3</v>
      </c>
      <c r="AJ903">
        <v>3.3200999678109709E-2</v>
      </c>
      <c r="AK903">
        <v>-9.8963920164793651E-3</v>
      </c>
      <c r="AL903">
        <v>3814.500463699253</v>
      </c>
      <c r="AM903">
        <v>7238.9024176623752</v>
      </c>
      <c r="AN903">
        <v>395750</v>
      </c>
      <c r="AO903">
        <v>31.540946119640221</v>
      </c>
      <c r="AP903">
        <v>3546.5306595328989</v>
      </c>
      <c r="AQ903">
        <v>1.007315521628499</v>
      </c>
      <c r="AR903">
        <v>3.9580152671755719</v>
      </c>
      <c r="AS903">
        <v>3133</v>
      </c>
      <c r="AT903">
        <v>258.42239185750628</v>
      </c>
      <c r="AU903">
        <v>1.7111959287531731E-2</v>
      </c>
      <c r="AV903">
        <v>1.0965357790665861E-4</v>
      </c>
      <c r="AW903">
        <v>0.36673027989821882</v>
      </c>
      <c r="AX903">
        <v>85.605472478523708</v>
      </c>
      <c r="AY903">
        <v>63</v>
      </c>
      <c r="AZ903">
        <v>126</v>
      </c>
      <c r="BA903">
        <v>0.58653034839529727</v>
      </c>
      <c r="BB903">
        <v>0.50699745547073793</v>
      </c>
      <c r="BC903">
        <v>5.308282926056096</v>
      </c>
      <c r="BD903" t="s">
        <v>3496</v>
      </c>
      <c r="BE903" t="s">
        <v>68</v>
      </c>
    </row>
    <row r="904" spans="1:57" x14ac:dyDescent="0.3">
      <c r="A904" t="s">
        <v>3497</v>
      </c>
      <c r="B904">
        <v>2146</v>
      </c>
      <c r="C904" t="s">
        <v>3498</v>
      </c>
      <c r="D904" t="s">
        <v>3499</v>
      </c>
      <c r="E904" t="s">
        <v>10622</v>
      </c>
      <c r="F904">
        <v>64</v>
      </c>
      <c r="G904">
        <v>134.671875</v>
      </c>
      <c r="H904">
        <v>133</v>
      </c>
      <c r="I904">
        <v>5492.064208984375</v>
      </c>
      <c r="J904">
        <v>74.108462465391725</v>
      </c>
      <c r="K904">
        <v>-4.2807723682198907E-2</v>
      </c>
      <c r="L904">
        <v>-1.1311968334728919</v>
      </c>
      <c r="M904">
        <v>5.75</v>
      </c>
      <c r="N904">
        <v>2</v>
      </c>
      <c r="O904">
        <v>1</v>
      </c>
      <c r="P904">
        <v>1</v>
      </c>
      <c r="Q904">
        <v>0.34992710611188271</v>
      </c>
      <c r="R904">
        <v>3.985596288219686</v>
      </c>
      <c r="S904">
        <v>1</v>
      </c>
      <c r="T904">
        <v>1</v>
      </c>
      <c r="U904">
        <v>0</v>
      </c>
      <c r="V904">
        <v>0</v>
      </c>
      <c r="W904">
        <v>4.1431347263915326</v>
      </c>
      <c r="X904">
        <v>1</v>
      </c>
      <c r="Y904">
        <v>1</v>
      </c>
      <c r="Z904">
        <v>0</v>
      </c>
      <c r="AA904">
        <v>0</v>
      </c>
      <c r="AB904">
        <v>4.1271343850450908</v>
      </c>
      <c r="AC904">
        <v>1</v>
      </c>
      <c r="AD904">
        <v>1</v>
      </c>
      <c r="AE904">
        <v>0</v>
      </c>
      <c r="AF904">
        <v>0</v>
      </c>
      <c r="AG904">
        <v>4.1108738641733096</v>
      </c>
      <c r="AH904">
        <v>-4.576213551313274E-2</v>
      </c>
      <c r="AI904">
        <v>4.2973547314695673E-2</v>
      </c>
      <c r="AJ904">
        <v>-0.2363592111720591</v>
      </c>
      <c r="AK904">
        <v>0.22915984261515471</v>
      </c>
      <c r="AL904">
        <v>641.17609283684374</v>
      </c>
      <c r="AM904">
        <v>1049.3437082169401</v>
      </c>
      <c r="AN904">
        <v>8619</v>
      </c>
      <c r="AO904">
        <v>39.506591029290007</v>
      </c>
      <c r="AP904">
        <v>526.51540090204492</v>
      </c>
      <c r="AQ904">
        <v>1.359375</v>
      </c>
      <c r="AR904">
        <v>3.921875</v>
      </c>
      <c r="AS904">
        <v>64</v>
      </c>
      <c r="AT904">
        <v>6</v>
      </c>
      <c r="AU904">
        <v>8.9179841897233214E-2</v>
      </c>
      <c r="AV904">
        <v>-4.6552236871339227E-2</v>
      </c>
      <c r="AW904">
        <v>0.328125</v>
      </c>
      <c r="AX904">
        <v>88.793650793650798</v>
      </c>
      <c r="AY904">
        <v>62</v>
      </c>
      <c r="AZ904">
        <v>127.25</v>
      </c>
      <c r="BA904">
        <v>0.55028908200314075</v>
      </c>
      <c r="BB904">
        <v>0.5</v>
      </c>
      <c r="BC904">
        <v>3.8707731315152909</v>
      </c>
      <c r="BD904" t="s">
        <v>3500</v>
      </c>
      <c r="BE904" t="s">
        <v>62</v>
      </c>
    </row>
    <row r="905" spans="1:57" x14ac:dyDescent="0.3">
      <c r="A905" t="s">
        <v>3501</v>
      </c>
      <c r="B905">
        <v>735</v>
      </c>
      <c r="C905" t="s">
        <v>3502</v>
      </c>
      <c r="D905" t="s">
        <v>3503</v>
      </c>
      <c r="E905" t="s">
        <v>85</v>
      </c>
      <c r="F905">
        <v>8</v>
      </c>
      <c r="G905">
        <v>140.375</v>
      </c>
      <c r="H905">
        <v>128.5</v>
      </c>
      <c r="I905">
        <v>5620.734375</v>
      </c>
      <c r="J905">
        <v>74.971557106678802</v>
      </c>
      <c r="K905">
        <v>-0.1326266953723963</v>
      </c>
      <c r="L905">
        <v>-0.92260427559905622</v>
      </c>
      <c r="M905">
        <v>3</v>
      </c>
      <c r="N905">
        <v>1</v>
      </c>
      <c r="O905">
        <v>1</v>
      </c>
      <c r="P905">
        <v>0</v>
      </c>
      <c r="Q905">
        <v>0</v>
      </c>
      <c r="R905">
        <v>2.0794415416798362</v>
      </c>
      <c r="S905">
        <v>1</v>
      </c>
      <c r="T905">
        <v>1</v>
      </c>
      <c r="U905">
        <v>0</v>
      </c>
      <c r="V905">
        <v>0</v>
      </c>
      <c r="W905">
        <v>1.945910149055313</v>
      </c>
      <c r="X905">
        <v>1</v>
      </c>
      <c r="Y905">
        <v>1</v>
      </c>
      <c r="Z905">
        <v>0</v>
      </c>
      <c r="AA905">
        <v>0</v>
      </c>
      <c r="AB905">
        <v>1.791759469228055</v>
      </c>
      <c r="AC905">
        <v>1</v>
      </c>
      <c r="AD905">
        <v>1</v>
      </c>
      <c r="AE905">
        <v>0</v>
      </c>
      <c r="AF905">
        <v>0</v>
      </c>
      <c r="AG905">
        <v>1.6094379124341009</v>
      </c>
      <c r="AH905">
        <v>-0.20941470893205119</v>
      </c>
      <c r="AI905">
        <v>-0.41279706555248841</v>
      </c>
      <c r="AJ905">
        <v>-0.2016101793860344</v>
      </c>
      <c r="AK905">
        <v>0</v>
      </c>
      <c r="AL905">
        <v>327.72061757960978</v>
      </c>
      <c r="AM905">
        <v>308.55501424096019</v>
      </c>
      <c r="AN905">
        <v>1123</v>
      </c>
      <c r="AO905">
        <v>65</v>
      </c>
      <c r="AP905">
        <v>211.92286441978499</v>
      </c>
      <c r="AQ905">
        <v>3.5</v>
      </c>
      <c r="AR905">
        <v>3.875</v>
      </c>
      <c r="AS905">
        <v>8</v>
      </c>
      <c r="AT905">
        <v>0</v>
      </c>
      <c r="AU905">
        <v>0.20169322709163351</v>
      </c>
      <c r="AV905">
        <v>-0.23268323475136049</v>
      </c>
      <c r="AW905">
        <v>0.375</v>
      </c>
      <c r="AX905">
        <v>108.28571428571431</v>
      </c>
      <c r="AY905">
        <v>52.5</v>
      </c>
      <c r="AZ905">
        <v>106.25</v>
      </c>
      <c r="BA905">
        <v>0.53408054929067716</v>
      </c>
      <c r="BB905">
        <v>0.5</v>
      </c>
      <c r="BC905">
        <v>1.945910149055313</v>
      </c>
      <c r="BD905" t="s">
        <v>3502</v>
      </c>
      <c r="BE905" t="s">
        <v>68</v>
      </c>
    </row>
    <row r="906" spans="1:57" x14ac:dyDescent="0.3">
      <c r="A906" t="s">
        <v>3504</v>
      </c>
      <c r="B906">
        <v>3473</v>
      </c>
      <c r="C906" t="s">
        <v>3505</v>
      </c>
      <c r="D906" t="s">
        <v>3506</v>
      </c>
      <c r="E906" t="s">
        <v>93</v>
      </c>
      <c r="F906">
        <v>3473</v>
      </c>
      <c r="G906">
        <v>126.991649870429</v>
      </c>
      <c r="H906">
        <v>126</v>
      </c>
      <c r="I906">
        <v>5423.6886719971908</v>
      </c>
      <c r="J906">
        <v>73.645696900750352</v>
      </c>
      <c r="K906">
        <v>2.1251527022708501E-2</v>
      </c>
      <c r="L906">
        <v>-1.199801955894543</v>
      </c>
      <c r="M906">
        <v>7.9477642455417792</v>
      </c>
      <c r="N906">
        <v>24</v>
      </c>
      <c r="O906">
        <v>5</v>
      </c>
      <c r="P906">
        <v>19</v>
      </c>
      <c r="Q906">
        <v>3.6265465955866252</v>
      </c>
      <c r="R906">
        <v>5.50897037855243</v>
      </c>
      <c r="S906">
        <v>3</v>
      </c>
      <c r="T906">
        <v>1</v>
      </c>
      <c r="U906">
        <v>2</v>
      </c>
      <c r="V906">
        <v>0.17892110484037421</v>
      </c>
      <c r="W906">
        <v>8.1107575873671074</v>
      </c>
      <c r="X906">
        <v>1</v>
      </c>
      <c r="Y906">
        <v>1</v>
      </c>
      <c r="Z906">
        <v>0</v>
      </c>
      <c r="AA906">
        <v>0</v>
      </c>
      <c r="AB906">
        <v>8.1521980158617851</v>
      </c>
      <c r="AC906">
        <v>1</v>
      </c>
      <c r="AD906">
        <v>1</v>
      </c>
      <c r="AE906">
        <v>0</v>
      </c>
      <c r="AF906">
        <v>0</v>
      </c>
      <c r="AG906">
        <v>8.151909872940907</v>
      </c>
      <c r="AH906">
        <v>1.068428152780994E-2</v>
      </c>
      <c r="AI906">
        <v>1.8766025854025481E-2</v>
      </c>
      <c r="AJ906">
        <v>1.9986618257562851E-2</v>
      </c>
      <c r="AK906">
        <v>2.8617957677539701E-2</v>
      </c>
      <c r="AL906">
        <v>3964.7153651487401</v>
      </c>
      <c r="AM906">
        <v>7689.3532935711519</v>
      </c>
      <c r="AN906">
        <v>441042</v>
      </c>
      <c r="AO906">
        <v>132.13335344543719</v>
      </c>
      <c r="AP906">
        <v>3608.4122485005319</v>
      </c>
      <c r="AQ906">
        <v>1.006622516556291</v>
      </c>
      <c r="AR906">
        <v>4.0002879355024472</v>
      </c>
      <c r="AS906">
        <v>3459</v>
      </c>
      <c r="AT906">
        <v>248.17708033400521</v>
      </c>
      <c r="AU906">
        <v>1.0640063684558171E-2</v>
      </c>
      <c r="AV906">
        <v>1.0685044620563749E-2</v>
      </c>
      <c r="AW906">
        <v>0.37604376619637198</v>
      </c>
      <c r="AX906">
        <v>84.53801843317973</v>
      </c>
      <c r="AY906">
        <v>64</v>
      </c>
      <c r="AZ906">
        <v>129</v>
      </c>
      <c r="BA906">
        <v>0.57992550672340948</v>
      </c>
      <c r="BB906">
        <v>0.49985603224877628</v>
      </c>
      <c r="BC906">
        <v>5.3132378091992756</v>
      </c>
      <c r="BD906" t="s">
        <v>3507</v>
      </c>
      <c r="BE906" t="s">
        <v>68</v>
      </c>
    </row>
    <row r="907" spans="1:57" x14ac:dyDescent="0.3">
      <c r="A907" t="s">
        <v>3508</v>
      </c>
      <c r="B907">
        <v>1583</v>
      </c>
      <c r="C907" t="s">
        <v>3509</v>
      </c>
      <c r="D907" t="s">
        <v>3510</v>
      </c>
      <c r="E907" t="s">
        <v>72</v>
      </c>
      <c r="F907">
        <v>1592</v>
      </c>
      <c r="G907">
        <v>126.6105527638191</v>
      </c>
      <c r="H907">
        <v>128</v>
      </c>
      <c r="I907">
        <v>5320.7754665286229</v>
      </c>
      <c r="J907">
        <v>72.943645826957564</v>
      </c>
      <c r="K907">
        <v>9.8416609808392799E-4</v>
      </c>
      <c r="L907">
        <v>-1.188231690777555</v>
      </c>
      <c r="M907">
        <v>7.8737213391361314</v>
      </c>
      <c r="N907">
        <v>13</v>
      </c>
      <c r="O907">
        <v>1</v>
      </c>
      <c r="P907">
        <v>12</v>
      </c>
      <c r="Q907">
        <v>2.561547078915396</v>
      </c>
      <c r="R907">
        <v>5.45764774673688</v>
      </c>
      <c r="S907">
        <v>2</v>
      </c>
      <c r="T907">
        <v>1</v>
      </c>
      <c r="U907">
        <v>1</v>
      </c>
      <c r="V907">
        <v>9.0390304251796172E-2</v>
      </c>
      <c r="W907">
        <v>7.3607906702645236</v>
      </c>
      <c r="X907">
        <v>1</v>
      </c>
      <c r="Y907">
        <v>1</v>
      </c>
      <c r="Z907">
        <v>0</v>
      </c>
      <c r="AA907">
        <v>0</v>
      </c>
      <c r="AB907">
        <v>7.3714892952142783</v>
      </c>
      <c r="AC907">
        <v>1</v>
      </c>
      <c r="AD907">
        <v>1</v>
      </c>
      <c r="AE907">
        <v>0</v>
      </c>
      <c r="AF907">
        <v>0</v>
      </c>
      <c r="AG907">
        <v>7.370860166536719</v>
      </c>
      <c r="AH907">
        <v>2.2888508897341401E-2</v>
      </c>
      <c r="AI907">
        <v>-2.556216979349021E-2</v>
      </c>
      <c r="AJ907">
        <v>-4.3852638394438533E-3</v>
      </c>
      <c r="AK907">
        <v>1.916597951522531E-2</v>
      </c>
      <c r="AL907">
        <v>2691.0646987945979</v>
      </c>
      <c r="AM907">
        <v>5171.941104353521</v>
      </c>
      <c r="AN907">
        <v>201564</v>
      </c>
      <c r="AO907">
        <v>79.600955573606285</v>
      </c>
      <c r="AP907">
        <v>2357.842976863169</v>
      </c>
      <c r="AQ907">
        <v>1.014447236180904</v>
      </c>
      <c r="AR907">
        <v>3.9761306532663321</v>
      </c>
      <c r="AS907">
        <v>1584</v>
      </c>
      <c r="AT907">
        <v>270.1105527638191</v>
      </c>
      <c r="AU907">
        <v>1.5277367228298311E-2</v>
      </c>
      <c r="AV907">
        <v>2.2900238502560451E-2</v>
      </c>
      <c r="AW907">
        <v>0.37185929648241212</v>
      </c>
      <c r="AX907">
        <v>82.931489629164048</v>
      </c>
      <c r="AY907">
        <v>64</v>
      </c>
      <c r="AZ907">
        <v>126</v>
      </c>
      <c r="BA907">
        <v>0.57612611456667084</v>
      </c>
      <c r="BB907">
        <v>0.50502512562814073</v>
      </c>
      <c r="BC907">
        <v>5.2573020775037698</v>
      </c>
      <c r="BD907" t="s">
        <v>3511</v>
      </c>
      <c r="BE907" t="s">
        <v>68</v>
      </c>
    </row>
    <row r="908" spans="1:57" x14ac:dyDescent="0.3">
      <c r="A908" t="s">
        <v>3512</v>
      </c>
      <c r="B908">
        <v>151</v>
      </c>
      <c r="C908" t="s">
        <v>3513</v>
      </c>
      <c r="D908" t="s">
        <v>3514</v>
      </c>
      <c r="E908" t="s">
        <v>60</v>
      </c>
      <c r="F908">
        <v>512</v>
      </c>
      <c r="G908">
        <v>123.78515625</v>
      </c>
      <c r="H908">
        <v>121.5</v>
      </c>
      <c r="I908">
        <v>5572.2858734130859</v>
      </c>
      <c r="J908">
        <v>74.64774526677337</v>
      </c>
      <c r="K908">
        <v>7.4206238947097991E-2</v>
      </c>
      <c r="L908">
        <v>-1.205826963146911</v>
      </c>
      <c r="M908">
        <v>7.6722488478293744</v>
      </c>
      <c r="N908">
        <v>7</v>
      </c>
      <c r="O908">
        <v>1</v>
      </c>
      <c r="P908">
        <v>6</v>
      </c>
      <c r="Q908">
        <v>1.148591651720446</v>
      </c>
      <c r="R908">
        <v>5.3179976574272194</v>
      </c>
      <c r="S908">
        <v>2</v>
      </c>
      <c r="T908">
        <v>1</v>
      </c>
      <c r="U908">
        <v>1</v>
      </c>
      <c r="V908">
        <v>6.2560641760670568E-2</v>
      </c>
      <c r="W908">
        <v>6.230943780571141</v>
      </c>
      <c r="X908">
        <v>1</v>
      </c>
      <c r="Y908">
        <v>1</v>
      </c>
      <c r="Z908">
        <v>0</v>
      </c>
      <c r="AA908">
        <v>0</v>
      </c>
      <c r="AB908">
        <v>6.2344107257183694</v>
      </c>
      <c r="AC908">
        <v>1</v>
      </c>
      <c r="AD908">
        <v>1</v>
      </c>
      <c r="AE908">
        <v>0</v>
      </c>
      <c r="AF908">
        <v>0</v>
      </c>
      <c r="AG908">
        <v>6.2324480165505216</v>
      </c>
      <c r="AH908">
        <v>2.0194111171933461E-2</v>
      </c>
      <c r="AI908">
        <v>-6.1854070101798622E-2</v>
      </c>
      <c r="AJ908">
        <v>-1.892049022592918E-3</v>
      </c>
      <c r="AK908">
        <v>2.3793943888899731E-3</v>
      </c>
      <c r="AL908">
        <v>1624.2852266855671</v>
      </c>
      <c r="AM908">
        <v>2839.0074854376521</v>
      </c>
      <c r="AN908">
        <v>63378</v>
      </c>
      <c r="AO908">
        <v>180.50832494471561</v>
      </c>
      <c r="AP908">
        <v>1417.6542000304571</v>
      </c>
      <c r="AQ908">
        <v>1.044921875</v>
      </c>
      <c r="AR908">
        <v>4.02734375</v>
      </c>
      <c r="AS908">
        <v>510</v>
      </c>
      <c r="AT908">
        <v>138.6875</v>
      </c>
      <c r="AU908">
        <v>3.8066789215686292E-2</v>
      </c>
      <c r="AV908">
        <v>2.0264511301975489E-2</v>
      </c>
      <c r="AW908">
        <v>0.388671875</v>
      </c>
      <c r="AX908">
        <v>86.422700587084151</v>
      </c>
      <c r="AY908">
        <v>65</v>
      </c>
      <c r="AZ908">
        <v>129.25</v>
      </c>
      <c r="BA908">
        <v>0.60304278419306334</v>
      </c>
      <c r="BB908">
        <v>0.4921875</v>
      </c>
      <c r="BC908">
        <v>5.0605377245194099</v>
      </c>
      <c r="BD908" t="s">
        <v>3515</v>
      </c>
      <c r="BE908" t="s">
        <v>62</v>
      </c>
    </row>
    <row r="909" spans="1:57" x14ac:dyDescent="0.3">
      <c r="A909" t="s">
        <v>3516</v>
      </c>
      <c r="B909">
        <v>528</v>
      </c>
      <c r="C909" t="s">
        <v>3517</v>
      </c>
      <c r="D909" t="s">
        <v>3518</v>
      </c>
      <c r="E909" t="s">
        <v>93</v>
      </c>
      <c r="F909">
        <v>538</v>
      </c>
      <c r="G909">
        <v>129.14126394052039</v>
      </c>
      <c r="H909">
        <v>130</v>
      </c>
      <c r="I909">
        <v>5376.8833902240158</v>
      </c>
      <c r="J909">
        <v>73.327234982808505</v>
      </c>
      <c r="K909">
        <v>-3.4903239496479679E-2</v>
      </c>
      <c r="L909">
        <v>-1.229532322021704</v>
      </c>
      <c r="M909">
        <v>7.5973381670267406</v>
      </c>
      <c r="N909">
        <v>7</v>
      </c>
      <c r="O909">
        <v>1</v>
      </c>
      <c r="P909">
        <v>6</v>
      </c>
      <c r="Q909">
        <v>1.3459110458012731</v>
      </c>
      <c r="R909">
        <v>5.2660735302350483</v>
      </c>
      <c r="S909">
        <v>2</v>
      </c>
      <c r="T909">
        <v>1</v>
      </c>
      <c r="U909">
        <v>1</v>
      </c>
      <c r="V909">
        <v>6.102739333575518E-2</v>
      </c>
      <c r="W909">
        <v>6.2808349870186593</v>
      </c>
      <c r="X909">
        <v>1</v>
      </c>
      <c r="Y909">
        <v>1</v>
      </c>
      <c r="Z909">
        <v>0</v>
      </c>
      <c r="AA909">
        <v>0</v>
      </c>
      <c r="AB909">
        <v>6.284134161070801</v>
      </c>
      <c r="AC909">
        <v>1</v>
      </c>
      <c r="AD909">
        <v>1</v>
      </c>
      <c r="AE909">
        <v>0</v>
      </c>
      <c r="AF909">
        <v>0</v>
      </c>
      <c r="AG909">
        <v>6.2822667468960063</v>
      </c>
      <c r="AH909">
        <v>-5.2765797456934743E-2</v>
      </c>
      <c r="AI909">
        <v>-1.0443748259638941E-3</v>
      </c>
      <c r="AJ909">
        <v>4.1215082449666172E-2</v>
      </c>
      <c r="AK909">
        <v>-3.7600028331401308E-3</v>
      </c>
      <c r="AL909">
        <v>1656.5018997704201</v>
      </c>
      <c r="AM909">
        <v>3020.1393107035628</v>
      </c>
      <c r="AN909">
        <v>69478</v>
      </c>
      <c r="AO909">
        <v>74.321536862907521</v>
      </c>
      <c r="AP909">
        <v>1446.5955590113469</v>
      </c>
      <c r="AQ909">
        <v>1.0427509293680299</v>
      </c>
      <c r="AR909">
        <v>3.994423791821561</v>
      </c>
      <c r="AS909">
        <v>535</v>
      </c>
      <c r="AT909">
        <v>170.457249070632</v>
      </c>
      <c r="AU909">
        <v>3.9908156571178632E-2</v>
      </c>
      <c r="AV909">
        <v>-5.2778348906106339E-2</v>
      </c>
      <c r="AW909">
        <v>0.36988847583643131</v>
      </c>
      <c r="AX909">
        <v>87.819366852886404</v>
      </c>
      <c r="AY909">
        <v>63.5</v>
      </c>
      <c r="AZ909">
        <v>127</v>
      </c>
      <c r="BA909">
        <v>0.56780639081077433</v>
      </c>
      <c r="BB909">
        <v>0.5018587360594795</v>
      </c>
      <c r="BC909">
        <v>5.083115057393389</v>
      </c>
      <c r="BD909" t="s">
        <v>3519</v>
      </c>
      <c r="BE909" t="s">
        <v>68</v>
      </c>
    </row>
    <row r="910" spans="1:57" x14ac:dyDescent="0.3">
      <c r="A910" t="s">
        <v>3520</v>
      </c>
      <c r="B910">
        <v>2968</v>
      </c>
      <c r="C910" t="s">
        <v>3521</v>
      </c>
      <c r="D910" t="s">
        <v>3522</v>
      </c>
      <c r="E910" t="s">
        <v>66</v>
      </c>
      <c r="F910">
        <v>72</v>
      </c>
      <c r="G910">
        <v>115.6527777777778</v>
      </c>
      <c r="H910">
        <v>122</v>
      </c>
      <c r="I910">
        <v>5440.1433256172841</v>
      </c>
      <c r="J910">
        <v>73.757327267311439</v>
      </c>
      <c r="K910">
        <v>4.9829256312720789E-2</v>
      </c>
      <c r="L910">
        <v>-1.220126731923288</v>
      </c>
      <c r="M910">
        <v>5.8434003486044412</v>
      </c>
      <c r="N910">
        <v>3</v>
      </c>
      <c r="O910">
        <v>1</v>
      </c>
      <c r="P910">
        <v>2</v>
      </c>
      <c r="Q910">
        <v>0.46193451815099568</v>
      </c>
      <c r="R910">
        <v>4.0503364765181669</v>
      </c>
      <c r="S910">
        <v>2</v>
      </c>
      <c r="T910">
        <v>1</v>
      </c>
      <c r="U910">
        <v>1</v>
      </c>
      <c r="V910">
        <v>0.16776575221435111</v>
      </c>
      <c r="W910">
        <v>4.2236293316576567</v>
      </c>
      <c r="X910">
        <v>2</v>
      </c>
      <c r="Y910">
        <v>1</v>
      </c>
      <c r="Z910">
        <v>1</v>
      </c>
      <c r="AA910">
        <v>0.11951030798891769</v>
      </c>
      <c r="AB910">
        <v>4.2286910368905044</v>
      </c>
      <c r="AC910">
        <v>1</v>
      </c>
      <c r="AD910">
        <v>1</v>
      </c>
      <c r="AE910">
        <v>0</v>
      </c>
      <c r="AF910">
        <v>0</v>
      </c>
      <c r="AG910">
        <v>4.2341065045972579</v>
      </c>
      <c r="AH910">
        <v>9.0183962275059926E-2</v>
      </c>
      <c r="AI910">
        <v>7.5064248385598858E-2</v>
      </c>
      <c r="AJ910">
        <v>0.16907317963111029</v>
      </c>
      <c r="AK910">
        <v>-9.6734754123024264E-2</v>
      </c>
      <c r="AL910">
        <v>685.87649150800758</v>
      </c>
      <c r="AM910">
        <v>940.37462662316977</v>
      </c>
      <c r="AN910">
        <v>8327</v>
      </c>
      <c r="AO910">
        <v>142.0422472365176</v>
      </c>
      <c r="AP910">
        <v>583.0294441156127</v>
      </c>
      <c r="AQ910">
        <v>1.319444444444444</v>
      </c>
      <c r="AR910">
        <v>3.8194444444444451</v>
      </c>
      <c r="AS910">
        <v>71</v>
      </c>
      <c r="AT910">
        <v>11.02777777777778</v>
      </c>
      <c r="AU910">
        <v>8.6934156378600802E-2</v>
      </c>
      <c r="AV910">
        <v>9.1076820485772453E-2</v>
      </c>
      <c r="AW910">
        <v>0.41666666666666669</v>
      </c>
      <c r="AX910">
        <v>78.971830985915489</v>
      </c>
      <c r="AY910">
        <v>69</v>
      </c>
      <c r="AZ910">
        <v>126.75</v>
      </c>
      <c r="BA910">
        <v>0.6377479960665815</v>
      </c>
      <c r="BB910">
        <v>0.52777777777777779</v>
      </c>
      <c r="BC910">
        <v>3.9941119477161369</v>
      </c>
      <c r="BD910" t="s">
        <v>3523</v>
      </c>
      <c r="BE910" t="s">
        <v>68</v>
      </c>
    </row>
    <row r="911" spans="1:57" x14ac:dyDescent="0.3">
      <c r="A911" t="s">
        <v>3524</v>
      </c>
      <c r="B911">
        <v>3510</v>
      </c>
      <c r="C911" t="s">
        <v>3525</v>
      </c>
      <c r="D911" t="s">
        <v>3526</v>
      </c>
      <c r="E911" t="s">
        <v>106</v>
      </c>
      <c r="F911">
        <v>3548</v>
      </c>
      <c r="G911">
        <v>125.40529875986471</v>
      </c>
      <c r="H911">
        <v>124</v>
      </c>
      <c r="I911">
        <v>5327.0285175826702</v>
      </c>
      <c r="J911">
        <v>72.98649544664184</v>
      </c>
      <c r="K911">
        <v>3.5504173815642817E-2</v>
      </c>
      <c r="L911">
        <v>-1.178992694327061</v>
      </c>
      <c r="M911">
        <v>7.9470835357326566</v>
      </c>
      <c r="N911">
        <v>27</v>
      </c>
      <c r="O911">
        <v>6</v>
      </c>
      <c r="P911">
        <v>21</v>
      </c>
      <c r="Q911">
        <v>3.7681526786178661</v>
      </c>
      <c r="R911">
        <v>5.508498546467461</v>
      </c>
      <c r="S911">
        <v>2</v>
      </c>
      <c r="T911">
        <v>1</v>
      </c>
      <c r="U911">
        <v>1</v>
      </c>
      <c r="V911">
        <v>0.16186516611094781</v>
      </c>
      <c r="W911">
        <v>8.1375097311806837</v>
      </c>
      <c r="X911">
        <v>1</v>
      </c>
      <c r="Y911">
        <v>1</v>
      </c>
      <c r="Z911">
        <v>0</v>
      </c>
      <c r="AA911">
        <v>0</v>
      </c>
      <c r="AB911">
        <v>8.1735754866341566</v>
      </c>
      <c r="AC911">
        <v>1</v>
      </c>
      <c r="AD911">
        <v>1</v>
      </c>
      <c r="AE911">
        <v>0</v>
      </c>
      <c r="AF911">
        <v>0</v>
      </c>
      <c r="AG911">
        <v>8.1732934389662297</v>
      </c>
      <c r="AH911">
        <v>5.5937354048722621E-4</v>
      </c>
      <c r="AI911">
        <v>-1.5599307871360719E-2</v>
      </c>
      <c r="AJ911">
        <v>5.8096406255753663E-4</v>
      </c>
      <c r="AK911">
        <v>1.157549546726846E-2</v>
      </c>
      <c r="AL911">
        <v>3998.9298763316792</v>
      </c>
      <c r="AM911">
        <v>7662.0127802152529</v>
      </c>
      <c r="AN911">
        <v>444937.99999999988</v>
      </c>
      <c r="AO911">
        <v>63.643660384096357</v>
      </c>
      <c r="AP911">
        <v>3675.5222515338951</v>
      </c>
      <c r="AQ911">
        <v>1.006482525366404</v>
      </c>
      <c r="AR911">
        <v>3.9887260428410372</v>
      </c>
      <c r="AS911">
        <v>3542</v>
      </c>
      <c r="AT911">
        <v>262.27282976324688</v>
      </c>
      <c r="AU911">
        <v>2.273470831399077E-2</v>
      </c>
      <c r="AV911">
        <v>5.5948721023312204E-4</v>
      </c>
      <c r="AW911">
        <v>0.39233370913190529</v>
      </c>
      <c r="AX911">
        <v>83.962221595714695</v>
      </c>
      <c r="AY911">
        <v>63</v>
      </c>
      <c r="AZ911">
        <v>126</v>
      </c>
      <c r="BA911">
        <v>0.58200487673492773</v>
      </c>
      <c r="BB911">
        <v>0.49267192784667418</v>
      </c>
      <c r="BC911">
        <v>5.3054930125276183</v>
      </c>
      <c r="BD911" t="s">
        <v>3527</v>
      </c>
      <c r="BE911" t="s">
        <v>68</v>
      </c>
    </row>
    <row r="912" spans="1:57" x14ac:dyDescent="0.3">
      <c r="A912" t="s">
        <v>3528</v>
      </c>
      <c r="B912">
        <v>1400</v>
      </c>
      <c r="C912" t="s">
        <v>3529</v>
      </c>
      <c r="D912" t="s">
        <v>3530</v>
      </c>
      <c r="E912" t="s">
        <v>66</v>
      </c>
      <c r="F912">
        <v>70</v>
      </c>
      <c r="G912">
        <v>111.9</v>
      </c>
      <c r="H912">
        <v>106.5</v>
      </c>
      <c r="I912">
        <v>5490.6614285714286</v>
      </c>
      <c r="J912">
        <v>74.09899748695274</v>
      </c>
      <c r="K912">
        <v>0.22648786696899251</v>
      </c>
      <c r="L912">
        <v>-1.054424085801402</v>
      </c>
      <c r="M912">
        <v>5.7578544455163971</v>
      </c>
      <c r="N912">
        <v>2</v>
      </c>
      <c r="O912">
        <v>1</v>
      </c>
      <c r="P912">
        <v>1</v>
      </c>
      <c r="Q912">
        <v>0.41958809624917193</v>
      </c>
      <c r="R912">
        <v>3.991040574984237</v>
      </c>
      <c r="S912">
        <v>2</v>
      </c>
      <c r="T912">
        <v>1</v>
      </c>
      <c r="U912">
        <v>1</v>
      </c>
      <c r="V912">
        <v>0.1203728348804772</v>
      </c>
      <c r="W912">
        <v>4.2140152819723324</v>
      </c>
      <c r="X912">
        <v>1</v>
      </c>
      <c r="Y912">
        <v>1</v>
      </c>
      <c r="Z912">
        <v>0</v>
      </c>
      <c r="AA912">
        <v>0</v>
      </c>
      <c r="AB912">
        <v>4.2195077051761087</v>
      </c>
      <c r="AC912">
        <v>1</v>
      </c>
      <c r="AD912">
        <v>1</v>
      </c>
      <c r="AE912">
        <v>0</v>
      </c>
      <c r="AF912">
        <v>0</v>
      </c>
      <c r="AG912">
        <v>4.2046926193909648</v>
      </c>
      <c r="AH912">
        <v>-3.101632564174546E-2</v>
      </c>
      <c r="AI912">
        <v>7.7471280457233407E-3</v>
      </c>
      <c r="AJ912">
        <v>-0.15133006353905321</v>
      </c>
      <c r="AK912">
        <v>0.11822853504769</v>
      </c>
      <c r="AL912">
        <v>642.47676459280103</v>
      </c>
      <c r="AM912">
        <v>920.91400627765813</v>
      </c>
      <c r="AN912">
        <v>7833</v>
      </c>
      <c r="AO912">
        <v>28.49362158246549</v>
      </c>
      <c r="AP912">
        <v>487.90931902284689</v>
      </c>
      <c r="AQ912">
        <v>1.328571428571429</v>
      </c>
      <c r="AR912">
        <v>3.657142857142857</v>
      </c>
      <c r="AS912">
        <v>69</v>
      </c>
      <c r="AT912">
        <v>8.1714285714285726</v>
      </c>
      <c r="AU912">
        <v>0.1000569151963574</v>
      </c>
      <c r="AV912">
        <v>-3.1647760645908123E-2</v>
      </c>
      <c r="AW912">
        <v>0.4</v>
      </c>
      <c r="AX912">
        <v>85.434782608695656</v>
      </c>
      <c r="AY912">
        <v>61.5</v>
      </c>
      <c r="AZ912">
        <v>126</v>
      </c>
      <c r="BA912">
        <v>0.66218943241244621</v>
      </c>
      <c r="BB912">
        <v>0.48571428571428571</v>
      </c>
      <c r="BC912">
        <v>4.0733767235978524</v>
      </c>
      <c r="BD912" t="s">
        <v>3531</v>
      </c>
      <c r="BE912" t="s">
        <v>68</v>
      </c>
    </row>
    <row r="913" spans="1:57" x14ac:dyDescent="0.3">
      <c r="A913" t="s">
        <v>3532</v>
      </c>
      <c r="B913">
        <v>1319</v>
      </c>
      <c r="C913" t="s">
        <v>3533</v>
      </c>
      <c r="D913" t="s">
        <v>3534</v>
      </c>
      <c r="E913" t="s">
        <v>98</v>
      </c>
      <c r="F913">
        <v>16</v>
      </c>
      <c r="G913">
        <v>135.3125</v>
      </c>
      <c r="H913">
        <v>117</v>
      </c>
      <c r="I913">
        <v>3653.58984375</v>
      </c>
      <c r="J913">
        <v>60.444932324802878</v>
      </c>
      <c r="K913">
        <v>0.30122766723898659</v>
      </c>
      <c r="L913">
        <v>-0.84584259145543905</v>
      </c>
      <c r="M913">
        <v>3.875</v>
      </c>
      <c r="N913">
        <v>2</v>
      </c>
      <c r="O913">
        <v>1</v>
      </c>
      <c r="P913">
        <v>1</v>
      </c>
      <c r="Q913">
        <v>0.24944382578492949</v>
      </c>
      <c r="R913">
        <v>2.6859453246697882</v>
      </c>
      <c r="S913">
        <v>1</v>
      </c>
      <c r="T913">
        <v>1</v>
      </c>
      <c r="U913">
        <v>0</v>
      </c>
      <c r="V913">
        <v>0</v>
      </c>
      <c r="W913">
        <v>2.7080502011022101</v>
      </c>
      <c r="X913">
        <v>1</v>
      </c>
      <c r="Y913">
        <v>1</v>
      </c>
      <c r="Z913">
        <v>0</v>
      </c>
      <c r="AA913">
        <v>0</v>
      </c>
      <c r="AB913">
        <v>2.639057329615258</v>
      </c>
      <c r="AC913">
        <v>1</v>
      </c>
      <c r="AD913">
        <v>1</v>
      </c>
      <c r="AE913">
        <v>0</v>
      </c>
      <c r="AF913">
        <v>0</v>
      </c>
      <c r="AG913">
        <v>2.5649493574615372</v>
      </c>
      <c r="AH913">
        <v>-0.24593380707544699</v>
      </c>
      <c r="AI913">
        <v>0.33264359539365712</v>
      </c>
      <c r="AJ913">
        <v>-0.16590683232137909</v>
      </c>
      <c r="AK913">
        <v>-5.9439212717800033E-2</v>
      </c>
      <c r="AL913">
        <v>347.96312886585309</v>
      </c>
      <c r="AM913">
        <v>479.92776638769891</v>
      </c>
      <c r="AN913">
        <v>2165</v>
      </c>
      <c r="AO913">
        <v>104.1598378442559</v>
      </c>
      <c r="AP913">
        <v>234.61886846145251</v>
      </c>
      <c r="AQ913">
        <v>2.25</v>
      </c>
      <c r="AR913">
        <v>4.4375</v>
      </c>
      <c r="AS913">
        <v>16</v>
      </c>
      <c r="AT913">
        <v>0.87499999999999989</v>
      </c>
      <c r="AU913">
        <v>0.1796218487394958</v>
      </c>
      <c r="AV913">
        <v>-0.25119196298926799</v>
      </c>
      <c r="AW913">
        <v>0.5</v>
      </c>
      <c r="AX913">
        <v>90.266666666666666</v>
      </c>
      <c r="AY913">
        <v>37.5</v>
      </c>
      <c r="AZ913">
        <v>80.25</v>
      </c>
      <c r="BA913">
        <v>0.44670619731955941</v>
      </c>
      <c r="BB913">
        <v>0.375</v>
      </c>
      <c r="BC913">
        <v>2.7080502011022101</v>
      </c>
      <c r="BD913" t="s">
        <v>3533</v>
      </c>
      <c r="BE913" t="s">
        <v>62</v>
      </c>
    </row>
    <row r="914" spans="1:57" x14ac:dyDescent="0.3">
      <c r="A914" t="s">
        <v>3535</v>
      </c>
      <c r="B914">
        <v>963</v>
      </c>
      <c r="C914" t="s">
        <v>3536</v>
      </c>
      <c r="D914" t="s">
        <v>3537</v>
      </c>
      <c r="E914" t="s">
        <v>85</v>
      </c>
      <c r="F914">
        <v>8</v>
      </c>
      <c r="G914">
        <v>122.25</v>
      </c>
      <c r="H914">
        <v>124</v>
      </c>
      <c r="I914">
        <v>5707.1875</v>
      </c>
      <c r="J914">
        <v>75.545929738140089</v>
      </c>
      <c r="K914">
        <v>-1.0287271289298201E-2</v>
      </c>
      <c r="L914">
        <v>-1.8262209664554661</v>
      </c>
      <c r="M914">
        <v>3</v>
      </c>
      <c r="N914">
        <v>1</v>
      </c>
      <c r="O914">
        <v>1</v>
      </c>
      <c r="P914">
        <v>0</v>
      </c>
      <c r="Q914">
        <v>0</v>
      </c>
      <c r="R914">
        <v>2.0794415416798362</v>
      </c>
      <c r="S914">
        <v>1</v>
      </c>
      <c r="T914">
        <v>1</v>
      </c>
      <c r="U914">
        <v>0</v>
      </c>
      <c r="V914">
        <v>0</v>
      </c>
      <c r="W914">
        <v>1.945910149055313</v>
      </c>
      <c r="X914">
        <v>1</v>
      </c>
      <c r="Y914">
        <v>1</v>
      </c>
      <c r="Z914">
        <v>0</v>
      </c>
      <c r="AA914">
        <v>0</v>
      </c>
      <c r="AB914">
        <v>1.791759469228055</v>
      </c>
      <c r="AC914">
        <v>1</v>
      </c>
      <c r="AD914">
        <v>1</v>
      </c>
      <c r="AE914">
        <v>0</v>
      </c>
      <c r="AF914">
        <v>0</v>
      </c>
      <c r="AG914">
        <v>1.6094379124341009</v>
      </c>
      <c r="AH914">
        <v>-0.38396895362207739</v>
      </c>
      <c r="AI914">
        <v>-1.6741499206045011E-2</v>
      </c>
      <c r="AJ914">
        <v>0.16531101133439191</v>
      </c>
      <c r="AK914">
        <v>0</v>
      </c>
      <c r="AL914">
        <v>281.77610557972213</v>
      </c>
      <c r="AM914">
        <v>292.95089404937011</v>
      </c>
      <c r="AN914">
        <v>978</v>
      </c>
      <c r="AO914">
        <v>66.708320320631671</v>
      </c>
      <c r="AP914">
        <v>143.2573981418121</v>
      </c>
      <c r="AQ914">
        <v>3.5</v>
      </c>
      <c r="AR914">
        <v>4.25</v>
      </c>
      <c r="AS914">
        <v>8</v>
      </c>
      <c r="AT914">
        <v>0</v>
      </c>
      <c r="AU914">
        <v>0.30909090909090908</v>
      </c>
      <c r="AV914">
        <v>-0.44357600886060128</v>
      </c>
      <c r="AW914">
        <v>0.375</v>
      </c>
      <c r="AX914">
        <v>107.1428571428571</v>
      </c>
      <c r="AY914">
        <v>68</v>
      </c>
      <c r="AZ914">
        <v>137.25</v>
      </c>
      <c r="BA914">
        <v>0.61796261544490871</v>
      </c>
      <c r="BB914">
        <v>0.5</v>
      </c>
      <c r="BC914">
        <v>1.945910149055313</v>
      </c>
      <c r="BD914" t="s">
        <v>3536</v>
      </c>
      <c r="BE914" t="s">
        <v>68</v>
      </c>
    </row>
    <row r="915" spans="1:57" x14ac:dyDescent="0.3">
      <c r="A915" t="s">
        <v>3538</v>
      </c>
      <c r="B915">
        <v>2214</v>
      </c>
      <c r="C915" t="s">
        <v>3539</v>
      </c>
      <c r="D915" t="s">
        <v>3540</v>
      </c>
      <c r="E915" t="s">
        <v>128</v>
      </c>
      <c r="F915">
        <v>32</v>
      </c>
      <c r="G915">
        <v>123.03125</v>
      </c>
      <c r="H915">
        <v>135</v>
      </c>
      <c r="I915">
        <v>4285.9677734375</v>
      </c>
      <c r="J915">
        <v>65.467303086636306</v>
      </c>
      <c r="K915">
        <v>-0.14799878675717909</v>
      </c>
      <c r="L915">
        <v>-1.049600515149167</v>
      </c>
      <c r="M915">
        <v>5</v>
      </c>
      <c r="N915">
        <v>1</v>
      </c>
      <c r="O915">
        <v>1</v>
      </c>
      <c r="P915">
        <v>0</v>
      </c>
      <c r="Q915">
        <v>0</v>
      </c>
      <c r="R915">
        <v>3.465735902799727</v>
      </c>
      <c r="S915">
        <v>1</v>
      </c>
      <c r="T915">
        <v>1</v>
      </c>
      <c r="U915">
        <v>0</v>
      </c>
      <c r="V915">
        <v>0</v>
      </c>
      <c r="W915">
        <v>3.4339872044851458</v>
      </c>
      <c r="X915">
        <v>1</v>
      </c>
      <c r="Y915">
        <v>1</v>
      </c>
      <c r="Z915">
        <v>0</v>
      </c>
      <c r="AA915">
        <v>0</v>
      </c>
      <c r="AB915">
        <v>3.401197381662155</v>
      </c>
      <c r="AC915">
        <v>1</v>
      </c>
      <c r="AD915">
        <v>1</v>
      </c>
      <c r="AE915">
        <v>0</v>
      </c>
      <c r="AF915">
        <v>0</v>
      </c>
      <c r="AG915">
        <v>3.3672958299864728</v>
      </c>
      <c r="AH915">
        <v>-0.14723192377423511</v>
      </c>
      <c r="AI915">
        <v>-0.1180029630897157</v>
      </c>
      <c r="AJ915">
        <v>-9.1694612130200498E-2</v>
      </c>
      <c r="AK915">
        <v>7.694137402419915E-2</v>
      </c>
      <c r="AL915">
        <v>455.01371136002712</v>
      </c>
      <c r="AM915">
        <v>643.80705376251819</v>
      </c>
      <c r="AN915">
        <v>3937</v>
      </c>
      <c r="AO915">
        <v>61.723376908930277</v>
      </c>
      <c r="AP915">
        <v>333.88545297980261</v>
      </c>
      <c r="AQ915">
        <v>1.65625</v>
      </c>
      <c r="AR915">
        <v>3.53125</v>
      </c>
      <c r="AS915">
        <v>32</v>
      </c>
      <c r="AT915">
        <v>0</v>
      </c>
      <c r="AU915">
        <v>8.8362068965517238E-2</v>
      </c>
      <c r="AV915">
        <v>-0.15093707953122851</v>
      </c>
      <c r="AW915">
        <v>0.34375</v>
      </c>
      <c r="AX915">
        <v>85.064516129032256</v>
      </c>
      <c r="AY915">
        <v>58.5</v>
      </c>
      <c r="AZ915">
        <v>106.5</v>
      </c>
      <c r="BA915">
        <v>0.5321193037267874</v>
      </c>
      <c r="BB915">
        <v>0.5625</v>
      </c>
      <c r="BC915">
        <v>3.2382315403482389</v>
      </c>
      <c r="BD915" t="s">
        <v>3541</v>
      </c>
      <c r="BE915" t="s">
        <v>62</v>
      </c>
    </row>
    <row r="916" spans="1:57" x14ac:dyDescent="0.3">
      <c r="A916" t="s">
        <v>3542</v>
      </c>
      <c r="B916">
        <v>3935</v>
      </c>
      <c r="C916" t="s">
        <v>3543</v>
      </c>
      <c r="D916" t="s">
        <v>3544</v>
      </c>
      <c r="E916" t="s">
        <v>98</v>
      </c>
      <c r="F916">
        <v>16</v>
      </c>
      <c r="G916">
        <v>131.875</v>
      </c>
      <c r="H916">
        <v>124.5</v>
      </c>
      <c r="I916">
        <v>5179.234375</v>
      </c>
      <c r="J916">
        <v>71.966897772517612</v>
      </c>
      <c r="K916">
        <v>-0.2228128155201069</v>
      </c>
      <c r="L916">
        <v>-1.0631488133706111</v>
      </c>
      <c r="M916">
        <v>4</v>
      </c>
      <c r="N916">
        <v>1</v>
      </c>
      <c r="O916">
        <v>1</v>
      </c>
      <c r="P916">
        <v>0</v>
      </c>
      <c r="Q916">
        <v>0</v>
      </c>
      <c r="R916">
        <v>2.7725887222397811</v>
      </c>
      <c r="S916">
        <v>1</v>
      </c>
      <c r="T916">
        <v>1</v>
      </c>
      <c r="U916">
        <v>0</v>
      </c>
      <c r="V916">
        <v>0</v>
      </c>
      <c r="W916">
        <v>2.7080502011022101</v>
      </c>
      <c r="X916">
        <v>1</v>
      </c>
      <c r="Y916">
        <v>1</v>
      </c>
      <c r="Z916">
        <v>0</v>
      </c>
      <c r="AA916">
        <v>0</v>
      </c>
      <c r="AB916">
        <v>2.639057329615258</v>
      </c>
      <c r="AC916">
        <v>1</v>
      </c>
      <c r="AD916">
        <v>1</v>
      </c>
      <c r="AE916">
        <v>0</v>
      </c>
      <c r="AF916">
        <v>0</v>
      </c>
      <c r="AG916">
        <v>2.5649493574615372</v>
      </c>
      <c r="AH916">
        <v>-0.24659038799774341</v>
      </c>
      <c r="AI916">
        <v>-0.15616185126300641</v>
      </c>
      <c r="AJ916">
        <v>-0.17100383593134841</v>
      </c>
      <c r="AK916">
        <v>-0.22388723297060681</v>
      </c>
      <c r="AL916">
        <v>393.38277717827918</v>
      </c>
      <c r="AM916">
        <v>454.28404178388689</v>
      </c>
      <c r="AN916">
        <v>2110</v>
      </c>
      <c r="AO916">
        <v>139.2436932933841</v>
      </c>
      <c r="AP916">
        <v>263.69679558159208</v>
      </c>
      <c r="AQ916">
        <v>2.3125</v>
      </c>
      <c r="AR916">
        <v>4</v>
      </c>
      <c r="AS916">
        <v>16</v>
      </c>
      <c r="AT916">
        <v>0</v>
      </c>
      <c r="AU916">
        <v>0.18159871244635201</v>
      </c>
      <c r="AV916">
        <v>-0.26824663371625829</v>
      </c>
      <c r="AW916">
        <v>0.375</v>
      </c>
      <c r="AX916">
        <v>99.4</v>
      </c>
      <c r="AY916">
        <v>55</v>
      </c>
      <c r="AZ916">
        <v>95.75</v>
      </c>
      <c r="BA916">
        <v>0.5457205518295174</v>
      </c>
      <c r="BB916">
        <v>0.5</v>
      </c>
      <c r="BC916">
        <v>2.7080502011022101</v>
      </c>
      <c r="BD916" t="s">
        <v>3543</v>
      </c>
      <c r="BE916" t="s">
        <v>62</v>
      </c>
    </row>
    <row r="917" spans="1:57" x14ac:dyDescent="0.3">
      <c r="A917" t="s">
        <v>3545</v>
      </c>
      <c r="B917">
        <v>2715</v>
      </c>
      <c r="C917" t="s">
        <v>3546</v>
      </c>
      <c r="D917" t="s">
        <v>3547</v>
      </c>
      <c r="E917" t="s">
        <v>115</v>
      </c>
      <c r="F917">
        <v>2755</v>
      </c>
      <c r="G917">
        <v>127.0958257713249</v>
      </c>
      <c r="H917">
        <v>126</v>
      </c>
      <c r="I917">
        <v>5384.610781123909</v>
      </c>
      <c r="J917">
        <v>73.379907203020565</v>
      </c>
      <c r="K917">
        <v>3.2641983971241018E-2</v>
      </c>
      <c r="L917">
        <v>-1.1788465879891901</v>
      </c>
      <c r="M917">
        <v>7.9371349974248249</v>
      </c>
      <c r="N917">
        <v>20</v>
      </c>
      <c r="O917">
        <v>3</v>
      </c>
      <c r="P917">
        <v>17</v>
      </c>
      <c r="Q917">
        <v>3.131533697072161</v>
      </c>
      <c r="R917">
        <v>5.501602745188678</v>
      </c>
      <c r="S917">
        <v>3</v>
      </c>
      <c r="T917">
        <v>1</v>
      </c>
      <c r="U917">
        <v>2</v>
      </c>
      <c r="V917">
        <v>0.15714560502197031</v>
      </c>
      <c r="W917">
        <v>7.8873969429132629</v>
      </c>
      <c r="X917">
        <v>2</v>
      </c>
      <c r="Y917">
        <v>1</v>
      </c>
      <c r="Z917">
        <v>1</v>
      </c>
      <c r="AA917">
        <v>1.9058857619103711E-2</v>
      </c>
      <c r="AB917">
        <v>7.91994294743788</v>
      </c>
      <c r="AC917">
        <v>1</v>
      </c>
      <c r="AD917">
        <v>1</v>
      </c>
      <c r="AE917">
        <v>0</v>
      </c>
      <c r="AF917">
        <v>0</v>
      </c>
      <c r="AG917">
        <v>7.9200831990532361</v>
      </c>
      <c r="AH917">
        <v>-1.9054477636894049E-3</v>
      </c>
      <c r="AI917">
        <v>1.043662494027015E-2</v>
      </c>
      <c r="AJ917">
        <v>-3.1793743141216059E-2</v>
      </c>
      <c r="AK917">
        <v>-3.405215487215482E-3</v>
      </c>
      <c r="AL917">
        <v>3535.7514341701321</v>
      </c>
      <c r="AM917">
        <v>6843.6496692747114</v>
      </c>
      <c r="AN917">
        <v>350149</v>
      </c>
      <c r="AO917">
        <v>70.013834308015177</v>
      </c>
      <c r="AP917">
        <v>3199.630009698275</v>
      </c>
      <c r="AQ917">
        <v>1.0083484573502719</v>
      </c>
      <c r="AR917">
        <v>4.0152450090744098</v>
      </c>
      <c r="AS917">
        <v>2744</v>
      </c>
      <c r="AT917">
        <v>233.27731397459169</v>
      </c>
      <c r="AU917">
        <v>1.464004839685421E-2</v>
      </c>
      <c r="AV917">
        <v>-1.9060497198114411E-3</v>
      </c>
      <c r="AW917">
        <v>0.38802177858439202</v>
      </c>
      <c r="AX917">
        <v>84.550108932461868</v>
      </c>
      <c r="AY917">
        <v>63</v>
      </c>
      <c r="AZ917">
        <v>125</v>
      </c>
      <c r="BA917">
        <v>0.57735890819143176</v>
      </c>
      <c r="BB917">
        <v>0.4943738656987296</v>
      </c>
      <c r="BC917">
        <v>5.3034457968677664</v>
      </c>
      <c r="BD917" t="s">
        <v>3548</v>
      </c>
      <c r="BE917" t="s">
        <v>68</v>
      </c>
    </row>
    <row r="918" spans="1:57" x14ac:dyDescent="0.3">
      <c r="A918" t="s">
        <v>3549</v>
      </c>
      <c r="B918">
        <v>1880</v>
      </c>
      <c r="C918" t="s">
        <v>3550</v>
      </c>
      <c r="D918" t="s">
        <v>3551</v>
      </c>
      <c r="E918" t="s">
        <v>98</v>
      </c>
      <c r="F918">
        <v>16</v>
      </c>
      <c r="G918">
        <v>151.5625</v>
      </c>
      <c r="H918">
        <v>159</v>
      </c>
      <c r="I918">
        <v>4472.99609375</v>
      </c>
      <c r="J918">
        <v>66.88046122560759</v>
      </c>
      <c r="K918">
        <v>-0.23229405953557641</v>
      </c>
      <c r="L918">
        <v>-1.286587047425003</v>
      </c>
      <c r="M918">
        <v>3.875</v>
      </c>
      <c r="N918">
        <v>2</v>
      </c>
      <c r="O918">
        <v>1</v>
      </c>
      <c r="P918">
        <v>1</v>
      </c>
      <c r="Q918">
        <v>0.24944382578492949</v>
      </c>
      <c r="R918">
        <v>2.6859453246697882</v>
      </c>
      <c r="S918">
        <v>1</v>
      </c>
      <c r="T918">
        <v>1</v>
      </c>
      <c r="U918">
        <v>0</v>
      </c>
      <c r="V918">
        <v>0</v>
      </c>
      <c r="W918">
        <v>2.7080502011022101</v>
      </c>
      <c r="X918">
        <v>1</v>
      </c>
      <c r="Y918">
        <v>1</v>
      </c>
      <c r="Z918">
        <v>0</v>
      </c>
      <c r="AA918">
        <v>0</v>
      </c>
      <c r="AB918">
        <v>2.639057329615258</v>
      </c>
      <c r="AC918">
        <v>1</v>
      </c>
      <c r="AD918">
        <v>1</v>
      </c>
      <c r="AE918">
        <v>0</v>
      </c>
      <c r="AF918">
        <v>0</v>
      </c>
      <c r="AG918">
        <v>2.5649493574615372</v>
      </c>
      <c r="AH918">
        <v>-0.14930137404406829</v>
      </c>
      <c r="AI918">
        <v>-3.590218472482877E-2</v>
      </c>
      <c r="AJ918">
        <v>-3.4198547795931657E-2</v>
      </c>
      <c r="AK918">
        <v>-0.27863788952280483</v>
      </c>
      <c r="AL918">
        <v>393.37148719649252</v>
      </c>
      <c r="AM918">
        <v>533.25966757370622</v>
      </c>
      <c r="AN918">
        <v>2425</v>
      </c>
      <c r="AO918">
        <v>142.28492541376269</v>
      </c>
      <c r="AP918">
        <v>256.74610889076541</v>
      </c>
      <c r="AQ918">
        <v>2.3125</v>
      </c>
      <c r="AR918">
        <v>4.1875</v>
      </c>
      <c r="AS918">
        <v>15</v>
      </c>
      <c r="AT918">
        <v>0.87499999999999989</v>
      </c>
      <c r="AU918">
        <v>0.1193415637860082</v>
      </c>
      <c r="AV918">
        <v>-0.1594724829136023</v>
      </c>
      <c r="AW918">
        <v>0.3125</v>
      </c>
      <c r="AX918">
        <v>86.466666666666669</v>
      </c>
      <c r="AY918">
        <v>63</v>
      </c>
      <c r="AZ918">
        <v>128.25</v>
      </c>
      <c r="BA918">
        <v>0.44127314623081298</v>
      </c>
      <c r="BB918">
        <v>0.5625</v>
      </c>
      <c r="BC918">
        <v>2.7080502011022101</v>
      </c>
      <c r="BD918" t="s">
        <v>3550</v>
      </c>
      <c r="BE918" t="s">
        <v>62</v>
      </c>
    </row>
    <row r="919" spans="1:57" x14ac:dyDescent="0.3">
      <c r="A919" t="s">
        <v>3552</v>
      </c>
      <c r="B919">
        <v>1861</v>
      </c>
      <c r="C919" t="s">
        <v>3553</v>
      </c>
      <c r="D919" t="s">
        <v>3554</v>
      </c>
      <c r="E919" t="s">
        <v>115</v>
      </c>
      <c r="F919">
        <v>1940</v>
      </c>
      <c r="G919">
        <v>126.58659793814429</v>
      </c>
      <c r="H919">
        <v>128</v>
      </c>
      <c r="I919">
        <v>5380.5662121373152</v>
      </c>
      <c r="J919">
        <v>73.352342921936142</v>
      </c>
      <c r="K919">
        <v>1.654699154128253E-2</v>
      </c>
      <c r="L919">
        <v>-1.191222705936839</v>
      </c>
      <c r="M919">
        <v>7.9079767409001533</v>
      </c>
      <c r="N919">
        <v>16</v>
      </c>
      <c r="O919">
        <v>2</v>
      </c>
      <c r="P919">
        <v>14</v>
      </c>
      <c r="Q919">
        <v>2.6885444917975598</v>
      </c>
      <c r="R919">
        <v>5.4813917818885631</v>
      </c>
      <c r="S919">
        <v>2</v>
      </c>
      <c r="T919">
        <v>1</v>
      </c>
      <c r="U919">
        <v>1</v>
      </c>
      <c r="V919">
        <v>0.1112455396123654</v>
      </c>
      <c r="W919">
        <v>7.5527687771266763</v>
      </c>
      <c r="X919">
        <v>1</v>
      </c>
      <c r="Y919">
        <v>1</v>
      </c>
      <c r="Z919">
        <v>0</v>
      </c>
      <c r="AA919">
        <v>0</v>
      </c>
      <c r="AB919">
        <v>7.5694117924507109</v>
      </c>
      <c r="AC919">
        <v>1</v>
      </c>
      <c r="AD919">
        <v>1</v>
      </c>
      <c r="AE919">
        <v>0</v>
      </c>
      <c r="AF919">
        <v>0</v>
      </c>
      <c r="AG919">
        <v>7.5688956634069946</v>
      </c>
      <c r="AH919">
        <v>4.393492682212753E-3</v>
      </c>
      <c r="AI919">
        <v>-1.329733438257363E-2</v>
      </c>
      <c r="AJ919">
        <v>-1.247104952831325E-2</v>
      </c>
      <c r="AK919">
        <v>3.134841350445533E-2</v>
      </c>
      <c r="AL919">
        <v>2965.5208669188869</v>
      </c>
      <c r="AM919">
        <v>5721.0897552711613</v>
      </c>
      <c r="AN919">
        <v>245578</v>
      </c>
      <c r="AO919">
        <v>79.51400913123085</v>
      </c>
      <c r="AP919">
        <v>2666.2871323898198</v>
      </c>
      <c r="AQ919">
        <v>1.011855670103093</v>
      </c>
      <c r="AR919">
        <v>3.9958762886597938</v>
      </c>
      <c r="AS919">
        <v>1936</v>
      </c>
      <c r="AT919">
        <v>244.1814432989691</v>
      </c>
      <c r="AU919">
        <v>1.5716595916717199E-2</v>
      </c>
      <c r="AV919">
        <v>4.3941073436254306E-3</v>
      </c>
      <c r="AW919">
        <v>0.37164948453608249</v>
      </c>
      <c r="AX919">
        <v>85.161423414130994</v>
      </c>
      <c r="AY919">
        <v>64</v>
      </c>
      <c r="AZ919">
        <v>128</v>
      </c>
      <c r="BA919">
        <v>0.57946373563004872</v>
      </c>
      <c r="BB919">
        <v>0.5036082474226804</v>
      </c>
      <c r="BC919">
        <v>5.2762962182036901</v>
      </c>
      <c r="BD919" t="s">
        <v>3555</v>
      </c>
      <c r="BE919" t="s">
        <v>68</v>
      </c>
    </row>
    <row r="920" spans="1:57" x14ac:dyDescent="0.3">
      <c r="A920" t="s">
        <v>3556</v>
      </c>
      <c r="B920">
        <v>610</v>
      </c>
      <c r="C920" t="s">
        <v>3557</v>
      </c>
      <c r="D920" t="s">
        <v>3558</v>
      </c>
      <c r="E920" t="s">
        <v>85</v>
      </c>
      <c r="F920">
        <v>8</v>
      </c>
      <c r="G920">
        <v>155.375</v>
      </c>
      <c r="H920">
        <v>151.5</v>
      </c>
      <c r="I920">
        <v>2908.734375</v>
      </c>
      <c r="J920">
        <v>53.932683736302238</v>
      </c>
      <c r="K920">
        <v>-0.125467073266878</v>
      </c>
      <c r="L920">
        <v>-1.066320838922485</v>
      </c>
      <c r="M920">
        <v>3</v>
      </c>
      <c r="N920">
        <v>1</v>
      </c>
      <c r="O920">
        <v>1</v>
      </c>
      <c r="P920">
        <v>0</v>
      </c>
      <c r="Q920">
        <v>0</v>
      </c>
      <c r="R920">
        <v>2.0794415416798362</v>
      </c>
      <c r="S920">
        <v>1</v>
      </c>
      <c r="T920">
        <v>1</v>
      </c>
      <c r="U920">
        <v>0</v>
      </c>
      <c r="V920">
        <v>0</v>
      </c>
      <c r="W920">
        <v>1.945910149055313</v>
      </c>
      <c r="X920">
        <v>1</v>
      </c>
      <c r="Y920">
        <v>1</v>
      </c>
      <c r="Z920">
        <v>0</v>
      </c>
      <c r="AA920">
        <v>0</v>
      </c>
      <c r="AB920">
        <v>1.791759469228055</v>
      </c>
      <c r="AC920">
        <v>1</v>
      </c>
      <c r="AD920">
        <v>1</v>
      </c>
      <c r="AE920">
        <v>0</v>
      </c>
      <c r="AF920">
        <v>0</v>
      </c>
      <c r="AG920">
        <v>1.6094379124341009</v>
      </c>
      <c r="AH920">
        <v>0.34117541993672068</v>
      </c>
      <c r="AI920">
        <v>-0.28653060018586263</v>
      </c>
      <c r="AJ920">
        <v>-0.17773851922281489</v>
      </c>
      <c r="AK920">
        <v>0</v>
      </c>
      <c r="AL920">
        <v>278.41749447097112</v>
      </c>
      <c r="AM920">
        <v>372.67237457652641</v>
      </c>
      <c r="AN920">
        <v>1243</v>
      </c>
      <c r="AO920">
        <v>73</v>
      </c>
      <c r="AP920">
        <v>103.7545179739177</v>
      </c>
      <c r="AQ920">
        <v>3.5</v>
      </c>
      <c r="AR920">
        <v>3.875</v>
      </c>
      <c r="AS920">
        <v>8</v>
      </c>
      <c r="AT920">
        <v>0</v>
      </c>
      <c r="AU920">
        <v>0.28991596638655459</v>
      </c>
      <c r="AV920">
        <v>0.40955247736623568</v>
      </c>
      <c r="AW920">
        <v>0.25</v>
      </c>
      <c r="AX920">
        <v>46.714285714285722</v>
      </c>
      <c r="AY920">
        <v>49.5</v>
      </c>
      <c r="AZ920">
        <v>68.75</v>
      </c>
      <c r="BA920">
        <v>0.34711300876139822</v>
      </c>
      <c r="BB920">
        <v>0.5</v>
      </c>
      <c r="BC920">
        <v>1.945910149055313</v>
      </c>
      <c r="BD920" t="s">
        <v>3557</v>
      </c>
      <c r="BE920" t="s">
        <v>68</v>
      </c>
    </row>
    <row r="921" spans="1:57" x14ac:dyDescent="0.3">
      <c r="A921" t="s">
        <v>3559</v>
      </c>
      <c r="B921">
        <v>3701</v>
      </c>
      <c r="C921" t="s">
        <v>3560</v>
      </c>
      <c r="D921" t="s">
        <v>3561</v>
      </c>
      <c r="E921" t="s">
        <v>93</v>
      </c>
      <c r="F921">
        <v>3845</v>
      </c>
      <c r="G921">
        <v>126.546944083225</v>
      </c>
      <c r="H921">
        <v>125</v>
      </c>
      <c r="I921">
        <v>5232.9494867602016</v>
      </c>
      <c r="J921">
        <v>72.33912832458104</v>
      </c>
      <c r="K921">
        <v>3.3724851481032353E-2</v>
      </c>
      <c r="L921">
        <v>-1.1329640455828891</v>
      </c>
      <c r="M921">
        <v>7.95080665954855</v>
      </c>
      <c r="N921">
        <v>26</v>
      </c>
      <c r="O921">
        <v>4</v>
      </c>
      <c r="P921">
        <v>22</v>
      </c>
      <c r="Q921">
        <v>3.8865263771488081</v>
      </c>
      <c r="R921">
        <v>5.5110792192433218</v>
      </c>
      <c r="S921">
        <v>2</v>
      </c>
      <c r="T921">
        <v>1</v>
      </c>
      <c r="U921">
        <v>1</v>
      </c>
      <c r="V921">
        <v>0.16985476017049869</v>
      </c>
      <c r="W921">
        <v>8.214237897539638</v>
      </c>
      <c r="X921">
        <v>1</v>
      </c>
      <c r="Y921">
        <v>1</v>
      </c>
      <c r="Z921">
        <v>0</v>
      </c>
      <c r="AA921">
        <v>0</v>
      </c>
      <c r="AB921">
        <v>8.2540085905648439</v>
      </c>
      <c r="AC921">
        <v>1</v>
      </c>
      <c r="AD921">
        <v>1</v>
      </c>
      <c r="AE921">
        <v>0</v>
      </c>
      <c r="AF921">
        <v>0</v>
      </c>
      <c r="AG921">
        <v>8.2537483433284997</v>
      </c>
      <c r="AH921">
        <v>-1.1427587739350341E-2</v>
      </c>
      <c r="AI921">
        <v>-9.4526545263843317E-4</v>
      </c>
      <c r="AJ921">
        <v>3.9667793495749672E-3</v>
      </c>
      <c r="AK921">
        <v>-2.9006978011810042E-3</v>
      </c>
      <c r="AL921">
        <v>4124.9416712156244</v>
      </c>
      <c r="AM921">
        <v>8042.3798224822012</v>
      </c>
      <c r="AN921">
        <v>486573</v>
      </c>
      <c r="AO921">
        <v>56.810893392165028</v>
      </c>
      <c r="AP921">
        <v>3783.3802392718212</v>
      </c>
      <c r="AQ921">
        <v>1.005981794538362</v>
      </c>
      <c r="AR921">
        <v>4.0072821846553968</v>
      </c>
      <c r="AS921">
        <v>3835</v>
      </c>
      <c r="AT921">
        <v>257.45825747724308</v>
      </c>
      <c r="AU921">
        <v>2.3662000560952579E-2</v>
      </c>
      <c r="AV921">
        <v>-1.143115926058617E-2</v>
      </c>
      <c r="AW921">
        <v>0.38309492847854348</v>
      </c>
      <c r="AX921">
        <v>83.678980228928197</v>
      </c>
      <c r="AY921">
        <v>60</v>
      </c>
      <c r="AZ921">
        <v>121</v>
      </c>
      <c r="BA921">
        <v>0.5716386819819721</v>
      </c>
      <c r="BB921">
        <v>0.49622886866059818</v>
      </c>
      <c r="BC921">
        <v>5.3047028427973384</v>
      </c>
      <c r="BD921" t="s">
        <v>3562</v>
      </c>
      <c r="BE921" t="s">
        <v>68</v>
      </c>
    </row>
    <row r="922" spans="1:57" x14ac:dyDescent="0.3">
      <c r="A922" t="s">
        <v>3563</v>
      </c>
      <c r="B922">
        <v>3426</v>
      </c>
      <c r="C922" t="s">
        <v>3564</v>
      </c>
      <c r="D922" t="s">
        <v>3565</v>
      </c>
      <c r="E922" t="s">
        <v>10622</v>
      </c>
      <c r="F922">
        <v>64</v>
      </c>
      <c r="G922">
        <v>120.328125</v>
      </c>
      <c r="H922">
        <v>114.5</v>
      </c>
      <c r="I922">
        <v>6552.876708984375</v>
      </c>
      <c r="J922">
        <v>80.949840697708453</v>
      </c>
      <c r="K922">
        <v>0.115525483189059</v>
      </c>
      <c r="L922">
        <v>-1.455354939004553</v>
      </c>
      <c r="M922">
        <v>5.8125</v>
      </c>
      <c r="N922">
        <v>2</v>
      </c>
      <c r="O922">
        <v>1</v>
      </c>
      <c r="P922">
        <v>1</v>
      </c>
      <c r="Q922">
        <v>0.3045434781492361</v>
      </c>
      <c r="R922">
        <v>4.0289179870046823</v>
      </c>
      <c r="S922">
        <v>1</v>
      </c>
      <c r="T922">
        <v>1</v>
      </c>
      <c r="U922">
        <v>0</v>
      </c>
      <c r="V922">
        <v>0</v>
      </c>
      <c r="W922">
        <v>4.1431347263915326</v>
      </c>
      <c r="X922">
        <v>1</v>
      </c>
      <c r="Y922">
        <v>1</v>
      </c>
      <c r="Z922">
        <v>0</v>
      </c>
      <c r="AA922">
        <v>0</v>
      </c>
      <c r="AB922">
        <v>4.1271343850450908</v>
      </c>
      <c r="AC922">
        <v>1</v>
      </c>
      <c r="AD922">
        <v>1</v>
      </c>
      <c r="AE922">
        <v>0</v>
      </c>
      <c r="AF922">
        <v>0</v>
      </c>
      <c r="AG922">
        <v>4.1108738641733096</v>
      </c>
      <c r="AH922">
        <v>-6.9917329687846197E-2</v>
      </c>
      <c r="AI922">
        <v>2.2974695398754939E-2</v>
      </c>
      <c r="AJ922">
        <v>3.4973403777220489E-2</v>
      </c>
      <c r="AK922">
        <v>-4.9953754963146663E-2</v>
      </c>
      <c r="AL922">
        <v>690.74931662881841</v>
      </c>
      <c r="AM922">
        <v>932.14611600157411</v>
      </c>
      <c r="AN922">
        <v>7701</v>
      </c>
      <c r="AO922">
        <v>194.9226011979145</v>
      </c>
      <c r="AP922">
        <v>588.06126576113184</v>
      </c>
      <c r="AQ922">
        <v>1.359375</v>
      </c>
      <c r="AR922">
        <v>4.140625</v>
      </c>
      <c r="AS922">
        <v>64</v>
      </c>
      <c r="AT922">
        <v>4.8750000000000018</v>
      </c>
      <c r="AU922">
        <v>0.12307021912350601</v>
      </c>
      <c r="AV922">
        <v>-7.0473526952749735E-2</v>
      </c>
      <c r="AW922">
        <v>0.375</v>
      </c>
      <c r="AX922">
        <v>95.111111111111114</v>
      </c>
      <c r="AY922">
        <v>79</v>
      </c>
      <c r="AZ922">
        <v>153.75</v>
      </c>
      <c r="BA922">
        <v>0.67274247560749789</v>
      </c>
      <c r="BB922">
        <v>0.484375</v>
      </c>
      <c r="BC922">
        <v>3.9230880024042492</v>
      </c>
      <c r="BD922" t="s">
        <v>3566</v>
      </c>
      <c r="BE922" t="s">
        <v>62</v>
      </c>
    </row>
    <row r="923" spans="1:57" x14ac:dyDescent="0.3">
      <c r="A923" t="s">
        <v>3567</v>
      </c>
      <c r="B923">
        <v>614</v>
      </c>
      <c r="C923" t="s">
        <v>3568</v>
      </c>
      <c r="D923" t="s">
        <v>3569</v>
      </c>
      <c r="E923" t="s">
        <v>106</v>
      </c>
      <c r="F923">
        <v>616</v>
      </c>
      <c r="G923">
        <v>125.59740259740261</v>
      </c>
      <c r="H923">
        <v>125</v>
      </c>
      <c r="I923">
        <v>5197.6723309158369</v>
      </c>
      <c r="J923">
        <v>72.094884221530151</v>
      </c>
      <c r="K923">
        <v>-1.047497088585319E-2</v>
      </c>
      <c r="L923">
        <v>-1.0996377521054961</v>
      </c>
      <c r="M923">
        <v>7.6389661422704886</v>
      </c>
      <c r="N923">
        <v>7</v>
      </c>
      <c r="O923">
        <v>1</v>
      </c>
      <c r="P923">
        <v>6</v>
      </c>
      <c r="Q923">
        <v>1.444918087565229</v>
      </c>
      <c r="R923">
        <v>5.2949278439076846</v>
      </c>
      <c r="S923">
        <v>2</v>
      </c>
      <c r="T923">
        <v>1</v>
      </c>
      <c r="U923">
        <v>1</v>
      </c>
      <c r="V923">
        <v>0.1066799188696153</v>
      </c>
      <c r="W923">
        <v>6.4058433075986487</v>
      </c>
      <c r="X923">
        <v>1</v>
      </c>
      <c r="Y923">
        <v>1</v>
      </c>
      <c r="Z923">
        <v>0</v>
      </c>
      <c r="AA923">
        <v>0</v>
      </c>
      <c r="AB923">
        <v>6.4199949281471431</v>
      </c>
      <c r="AC923">
        <v>1</v>
      </c>
      <c r="AD923">
        <v>1</v>
      </c>
      <c r="AE923">
        <v>0</v>
      </c>
      <c r="AF923">
        <v>0</v>
      </c>
      <c r="AG923">
        <v>6.4183649359362107</v>
      </c>
      <c r="AH923">
        <v>-3.9477916885919208E-2</v>
      </c>
      <c r="AI923">
        <v>1.699936374792007E-2</v>
      </c>
      <c r="AJ923">
        <v>-3.7736994309226113E-2</v>
      </c>
      <c r="AK923">
        <v>-6.4245741760510636E-2</v>
      </c>
      <c r="AL923">
        <v>1705.464821506524</v>
      </c>
      <c r="AM923">
        <v>3163.9177837933339</v>
      </c>
      <c r="AN923">
        <v>77368</v>
      </c>
      <c r="AO923">
        <v>63.296926365751332</v>
      </c>
      <c r="AP923">
        <v>1525.7353421166879</v>
      </c>
      <c r="AQ923">
        <v>1.037337662337662</v>
      </c>
      <c r="AR923">
        <v>3.8993506493506489</v>
      </c>
      <c r="AS923">
        <v>612</v>
      </c>
      <c r="AT923">
        <v>179.29220779220779</v>
      </c>
      <c r="AU923">
        <v>2.8032007362716049E-2</v>
      </c>
      <c r="AV923">
        <v>-3.9508715942968738E-2</v>
      </c>
      <c r="AW923">
        <v>0.36688311688311692</v>
      </c>
      <c r="AX923">
        <v>85.822764227642281</v>
      </c>
      <c r="AY923">
        <v>59</v>
      </c>
      <c r="AZ923">
        <v>117.75</v>
      </c>
      <c r="BA923">
        <v>0.57401572588748029</v>
      </c>
      <c r="BB923">
        <v>0.5</v>
      </c>
      <c r="BC923">
        <v>5.1482458149374519</v>
      </c>
      <c r="BD923" t="s">
        <v>3570</v>
      </c>
      <c r="BE923" t="s">
        <v>68</v>
      </c>
    </row>
    <row r="924" spans="1:57" x14ac:dyDescent="0.3">
      <c r="A924" t="s">
        <v>3571</v>
      </c>
      <c r="B924">
        <v>3634</v>
      </c>
      <c r="C924" t="s">
        <v>3572</v>
      </c>
      <c r="D924" t="s">
        <v>3573</v>
      </c>
      <c r="E924" t="s">
        <v>93</v>
      </c>
      <c r="F924">
        <v>3634</v>
      </c>
      <c r="G924">
        <v>126.1741882223445</v>
      </c>
      <c r="H924">
        <v>125</v>
      </c>
      <c r="I924">
        <v>5322.5434063993553</v>
      </c>
      <c r="J924">
        <v>72.955763352865787</v>
      </c>
      <c r="K924">
        <v>5.3816955298819497E-2</v>
      </c>
      <c r="L924">
        <v>-1.1860409106006129</v>
      </c>
      <c r="M924">
        <v>7.9541563671616391</v>
      </c>
      <c r="N924">
        <v>24</v>
      </c>
      <c r="O924">
        <v>5</v>
      </c>
      <c r="P924">
        <v>19</v>
      </c>
      <c r="Q924">
        <v>3.5090476667243711</v>
      </c>
      <c r="R924">
        <v>5.5134010596310263</v>
      </c>
      <c r="S924">
        <v>3</v>
      </c>
      <c r="T924">
        <v>1</v>
      </c>
      <c r="U924">
        <v>2</v>
      </c>
      <c r="V924">
        <v>0.1764277933688598</v>
      </c>
      <c r="W924">
        <v>8.1565524739852737</v>
      </c>
      <c r="X924">
        <v>1</v>
      </c>
      <c r="Y924">
        <v>1</v>
      </c>
      <c r="Z924">
        <v>0</v>
      </c>
      <c r="AA924">
        <v>0</v>
      </c>
      <c r="AB924">
        <v>8.1975387397211854</v>
      </c>
      <c r="AC924">
        <v>1</v>
      </c>
      <c r="AD924">
        <v>1</v>
      </c>
      <c r="AE924">
        <v>0</v>
      </c>
      <c r="AF924">
        <v>0</v>
      </c>
      <c r="AG924">
        <v>8.197263371414337</v>
      </c>
      <c r="AH924">
        <v>9.9257096952133396E-3</v>
      </c>
      <c r="AI924">
        <v>8.2983158213195533E-4</v>
      </c>
      <c r="AJ924">
        <v>2.0323169862639521E-2</v>
      </c>
      <c r="AK924">
        <v>8.7681858557708478E-3</v>
      </c>
      <c r="AL924">
        <v>4013.5074751676648</v>
      </c>
      <c r="AM924">
        <v>7815.8103064732368</v>
      </c>
      <c r="AN924">
        <v>458517</v>
      </c>
      <c r="AO924">
        <v>42.344414892114962</v>
      </c>
      <c r="AP924">
        <v>3637.6510149625929</v>
      </c>
      <c r="AQ924">
        <v>1.0063291139240511</v>
      </c>
      <c r="AR924">
        <v>4.0027517886626311</v>
      </c>
      <c r="AS924">
        <v>3617</v>
      </c>
      <c r="AT924">
        <v>222.06164006604291</v>
      </c>
      <c r="AU924">
        <v>2.094380955464192E-2</v>
      </c>
      <c r="AV924">
        <v>9.9278891767698319E-3</v>
      </c>
      <c r="AW924">
        <v>0.38992845349477162</v>
      </c>
      <c r="AX924">
        <v>83.632259840352333</v>
      </c>
      <c r="AY924">
        <v>63</v>
      </c>
      <c r="AZ924">
        <v>127</v>
      </c>
      <c r="BA924">
        <v>0.57821464422107416</v>
      </c>
      <c r="BB924">
        <v>0.49229499174463398</v>
      </c>
      <c r="BC924">
        <v>5.3002455832821687</v>
      </c>
      <c r="BD924" t="s">
        <v>3574</v>
      </c>
      <c r="BE924" t="s">
        <v>68</v>
      </c>
    </row>
    <row r="925" spans="1:57" x14ac:dyDescent="0.3">
      <c r="A925" t="s">
        <v>3575</v>
      </c>
      <c r="B925">
        <v>626</v>
      </c>
      <c r="C925" t="s">
        <v>3576</v>
      </c>
      <c r="D925" t="s">
        <v>3577</v>
      </c>
      <c r="E925" t="s">
        <v>128</v>
      </c>
      <c r="F925">
        <v>32</v>
      </c>
      <c r="G925">
        <v>116.625</v>
      </c>
      <c r="H925">
        <v>128</v>
      </c>
      <c r="I925">
        <v>4892.171875</v>
      </c>
      <c r="J925">
        <v>69.944062471377791</v>
      </c>
      <c r="K925">
        <v>-0.1226902237059921</v>
      </c>
      <c r="L925">
        <v>-1.2482625563199921</v>
      </c>
      <c r="M925">
        <v>4.75</v>
      </c>
      <c r="N925">
        <v>2</v>
      </c>
      <c r="O925">
        <v>1</v>
      </c>
      <c r="P925">
        <v>1</v>
      </c>
      <c r="Q925">
        <v>0.3499271061118826</v>
      </c>
      <c r="R925">
        <v>3.2924491076597389</v>
      </c>
      <c r="S925">
        <v>1</v>
      </c>
      <c r="T925">
        <v>1</v>
      </c>
      <c r="U925">
        <v>0</v>
      </c>
      <c r="V925">
        <v>0</v>
      </c>
      <c r="W925">
        <v>3.4339872044851458</v>
      </c>
      <c r="X925">
        <v>1</v>
      </c>
      <c r="Y925">
        <v>1</v>
      </c>
      <c r="Z925">
        <v>0</v>
      </c>
      <c r="AA925">
        <v>0</v>
      </c>
      <c r="AB925">
        <v>3.401197381662155</v>
      </c>
      <c r="AC925">
        <v>1</v>
      </c>
      <c r="AD925">
        <v>1</v>
      </c>
      <c r="AE925">
        <v>0</v>
      </c>
      <c r="AF925">
        <v>0</v>
      </c>
      <c r="AG925">
        <v>3.3672958299864728</v>
      </c>
      <c r="AH925">
        <v>-0.30781967125414011</v>
      </c>
      <c r="AI925">
        <v>0.19932812784454759</v>
      </c>
      <c r="AJ925">
        <v>0.1201907184309116</v>
      </c>
      <c r="AK925">
        <v>6.4690201821149221E-2</v>
      </c>
      <c r="AL925">
        <v>467.07641947006238</v>
      </c>
      <c r="AM925">
        <v>611.25577164966398</v>
      </c>
      <c r="AN925">
        <v>3732</v>
      </c>
      <c r="AO925">
        <v>94.62557793746889</v>
      </c>
      <c r="AP925">
        <v>353.33995973184147</v>
      </c>
      <c r="AQ925">
        <v>1.65625</v>
      </c>
      <c r="AR925">
        <v>3.96875</v>
      </c>
      <c r="AS925">
        <v>31</v>
      </c>
      <c r="AT925">
        <v>3</v>
      </c>
      <c r="AU925">
        <v>0.10344827586206901</v>
      </c>
      <c r="AV925">
        <v>-0.33667851912786151</v>
      </c>
      <c r="AW925">
        <v>0.34375</v>
      </c>
      <c r="AX925">
        <v>100.0967741935484</v>
      </c>
      <c r="AY925">
        <v>63</v>
      </c>
      <c r="AZ925">
        <v>119.5</v>
      </c>
      <c r="BA925">
        <v>0.599734726442682</v>
      </c>
      <c r="BB925">
        <v>0.5625</v>
      </c>
      <c r="BC925">
        <v>3.3892680315457948</v>
      </c>
      <c r="BD925" t="s">
        <v>3578</v>
      </c>
      <c r="BE925" t="s">
        <v>62</v>
      </c>
    </row>
    <row r="926" spans="1:57" x14ac:dyDescent="0.3">
      <c r="A926" t="s">
        <v>3579</v>
      </c>
      <c r="B926">
        <v>563</v>
      </c>
      <c r="C926" t="s">
        <v>3580</v>
      </c>
      <c r="D926" t="s">
        <v>3581</v>
      </c>
      <c r="E926" t="s">
        <v>106</v>
      </c>
      <c r="F926">
        <v>563</v>
      </c>
      <c r="G926">
        <v>127.7158081705151</v>
      </c>
      <c r="H926">
        <v>126</v>
      </c>
      <c r="I926">
        <v>5673.7664818957064</v>
      </c>
      <c r="J926">
        <v>75.324408274447833</v>
      </c>
      <c r="K926">
        <v>3.230769373415948E-3</v>
      </c>
      <c r="L926">
        <v>-1.2339523222642921</v>
      </c>
      <c r="M926">
        <v>7.6597332766261479</v>
      </c>
      <c r="N926">
        <v>7</v>
      </c>
      <c r="O926">
        <v>1</v>
      </c>
      <c r="P926">
        <v>6</v>
      </c>
      <c r="Q926">
        <v>1.2518211976563489</v>
      </c>
      <c r="R926">
        <v>5.3093225245346236</v>
      </c>
      <c r="S926">
        <v>1</v>
      </c>
      <c r="T926">
        <v>1</v>
      </c>
      <c r="U926">
        <v>0</v>
      </c>
      <c r="V926">
        <v>0</v>
      </c>
      <c r="W926">
        <v>6.3315018498936926</v>
      </c>
      <c r="X926">
        <v>1</v>
      </c>
      <c r="Y926">
        <v>1</v>
      </c>
      <c r="Z926">
        <v>0</v>
      </c>
      <c r="AA926">
        <v>0</v>
      </c>
      <c r="AB926">
        <v>6.3297209055226968</v>
      </c>
      <c r="AC926">
        <v>1</v>
      </c>
      <c r="AD926">
        <v>1</v>
      </c>
      <c r="AE926">
        <v>0</v>
      </c>
      <c r="AF926">
        <v>0</v>
      </c>
      <c r="AG926">
        <v>6.3279367837291929</v>
      </c>
      <c r="AH926">
        <v>-1.1918703888020269E-2</v>
      </c>
      <c r="AI926">
        <v>5.5370383242301438E-2</v>
      </c>
      <c r="AJ926">
        <v>-3.035115206480523E-2</v>
      </c>
      <c r="AK926">
        <v>6.4126533939983521E-2</v>
      </c>
      <c r="AL926">
        <v>1720.69385606025</v>
      </c>
      <c r="AM926">
        <v>3068.6838634366541</v>
      </c>
      <c r="AN926">
        <v>71904</v>
      </c>
      <c r="AO926">
        <v>220.47770346128661</v>
      </c>
      <c r="AP926">
        <v>1568.157588821809</v>
      </c>
      <c r="AQ926">
        <v>1.040852575488455</v>
      </c>
      <c r="AR926">
        <v>4.0817051509769096</v>
      </c>
      <c r="AS926">
        <v>562</v>
      </c>
      <c r="AT926">
        <v>145.96447602131431</v>
      </c>
      <c r="AU926">
        <v>2.5852785275730431E-2</v>
      </c>
      <c r="AV926">
        <v>-1.1929979688871059E-2</v>
      </c>
      <c r="AW926">
        <v>0.36234458259325042</v>
      </c>
      <c r="AX926">
        <v>87.517793594306056</v>
      </c>
      <c r="AY926">
        <v>65</v>
      </c>
      <c r="AZ926">
        <v>130.5</v>
      </c>
      <c r="BA926">
        <v>0.5897814010140483</v>
      </c>
      <c r="BB926">
        <v>0.49378330373001778</v>
      </c>
      <c r="BC926">
        <v>5.137018913946366</v>
      </c>
      <c r="BD926" t="s">
        <v>3582</v>
      </c>
      <c r="BE926" t="s">
        <v>68</v>
      </c>
    </row>
    <row r="927" spans="1:57" x14ac:dyDescent="0.3">
      <c r="A927" t="s">
        <v>3583</v>
      </c>
      <c r="B927">
        <v>1635</v>
      </c>
      <c r="C927" t="s">
        <v>3584</v>
      </c>
      <c r="D927" t="s">
        <v>3585</v>
      </c>
      <c r="E927" t="s">
        <v>72</v>
      </c>
      <c r="F927">
        <v>1640</v>
      </c>
      <c r="G927">
        <v>128.490243902439</v>
      </c>
      <c r="H927">
        <v>129</v>
      </c>
      <c r="I927">
        <v>5576.2145389649022</v>
      </c>
      <c r="J927">
        <v>74.674055326899861</v>
      </c>
      <c r="K927">
        <v>-1.27153957195737E-2</v>
      </c>
      <c r="L927">
        <v>-1.2255522546329041</v>
      </c>
      <c r="M927">
        <v>7.890401728926685</v>
      </c>
      <c r="N927">
        <v>15</v>
      </c>
      <c r="O927">
        <v>1</v>
      </c>
      <c r="P927">
        <v>14</v>
      </c>
      <c r="Q927">
        <v>2.4636022279377809</v>
      </c>
      <c r="R927">
        <v>5.4692097118908372</v>
      </c>
      <c r="S927">
        <v>2</v>
      </c>
      <c r="T927">
        <v>1</v>
      </c>
      <c r="U927">
        <v>1</v>
      </c>
      <c r="V927">
        <v>9.241839515655749E-2</v>
      </c>
      <c r="W927">
        <v>7.3900001381973528</v>
      </c>
      <c r="X927">
        <v>1</v>
      </c>
      <c r="Y927">
        <v>1</v>
      </c>
      <c r="Z927">
        <v>0</v>
      </c>
      <c r="AA927">
        <v>0</v>
      </c>
      <c r="AB927">
        <v>7.4012312644130134</v>
      </c>
      <c r="AC927">
        <v>1</v>
      </c>
      <c r="AD927">
        <v>1</v>
      </c>
      <c r="AE927">
        <v>0</v>
      </c>
      <c r="AF927">
        <v>0</v>
      </c>
      <c r="AG927">
        <v>7.4006205773711384</v>
      </c>
      <c r="AH927">
        <v>-1.6542396579978049E-2</v>
      </c>
      <c r="AI927">
        <v>-2.6832100655987821E-2</v>
      </c>
      <c r="AJ927">
        <v>2.265992107633228E-2</v>
      </c>
      <c r="AK927">
        <v>-9.0798855174442066E-3</v>
      </c>
      <c r="AL927">
        <v>2837.769154801148</v>
      </c>
      <c r="AM927">
        <v>5307.3568020304783</v>
      </c>
      <c r="AN927">
        <v>210724</v>
      </c>
      <c r="AO927">
        <v>3.697033691377162</v>
      </c>
      <c r="AP927">
        <v>2545.4379757188649</v>
      </c>
      <c r="AQ927">
        <v>1.0140243902439019</v>
      </c>
      <c r="AR927">
        <v>4.0408536585365864</v>
      </c>
      <c r="AS927">
        <v>1636</v>
      </c>
      <c r="AT927">
        <v>242.53658536585371</v>
      </c>
      <c r="AU927">
        <v>1.898613103778091E-2</v>
      </c>
      <c r="AV927">
        <v>-1.6565437554729261E-2</v>
      </c>
      <c r="AW927">
        <v>0.36402439024390237</v>
      </c>
      <c r="AX927">
        <v>87.006101281269068</v>
      </c>
      <c r="AY927">
        <v>66</v>
      </c>
      <c r="AZ927">
        <v>131</v>
      </c>
      <c r="BA927">
        <v>0.581165176895445</v>
      </c>
      <c r="BB927">
        <v>0.50060975609756098</v>
      </c>
      <c r="BC927">
        <v>5.2926543697213546</v>
      </c>
      <c r="BD927" t="s">
        <v>3586</v>
      </c>
      <c r="BE927" t="s">
        <v>68</v>
      </c>
    </row>
    <row r="928" spans="1:57" x14ac:dyDescent="0.3">
      <c r="A928" t="s">
        <v>3587</v>
      </c>
      <c r="B928">
        <v>1009</v>
      </c>
      <c r="C928" t="s">
        <v>3588</v>
      </c>
      <c r="D928" t="s">
        <v>3589</v>
      </c>
      <c r="E928" t="s">
        <v>66</v>
      </c>
      <c r="F928">
        <v>71</v>
      </c>
      <c r="G928">
        <v>118.1267605633803</v>
      </c>
      <c r="H928">
        <v>121</v>
      </c>
      <c r="I928">
        <v>6119.1247768299936</v>
      </c>
      <c r="J928">
        <v>78.224834783014998</v>
      </c>
      <c r="K928">
        <v>4.2998132537497992E-2</v>
      </c>
      <c r="L928">
        <v>-1.3327010063001259</v>
      </c>
      <c r="M928">
        <v>5.9701008166573049</v>
      </c>
      <c r="N928">
        <v>3</v>
      </c>
      <c r="O928">
        <v>1</v>
      </c>
      <c r="P928">
        <v>2</v>
      </c>
      <c r="Q928">
        <v>0.33846153846153848</v>
      </c>
      <c r="R928">
        <v>4.1381585487246424</v>
      </c>
      <c r="S928">
        <v>1</v>
      </c>
      <c r="T928">
        <v>1</v>
      </c>
      <c r="U928">
        <v>0</v>
      </c>
      <c r="V928">
        <v>0</v>
      </c>
      <c r="W928">
        <v>4.2484952420493576</v>
      </c>
      <c r="X928">
        <v>1</v>
      </c>
      <c r="Y928">
        <v>1</v>
      </c>
      <c r="Z928">
        <v>0</v>
      </c>
      <c r="AA928">
        <v>0</v>
      </c>
      <c r="AB928">
        <v>4.2341065045972579</v>
      </c>
      <c r="AC928">
        <v>1</v>
      </c>
      <c r="AD928">
        <v>1</v>
      </c>
      <c r="AE928">
        <v>0</v>
      </c>
      <c r="AF928">
        <v>0</v>
      </c>
      <c r="AG928">
        <v>4.2195077051761087</v>
      </c>
      <c r="AH928">
        <v>0.11856200575945031</v>
      </c>
      <c r="AI928">
        <v>-1.4633043120801241E-2</v>
      </c>
      <c r="AJ928">
        <v>-5.2759544264308698E-2</v>
      </c>
      <c r="AK928">
        <v>1.0323002900337859E-2</v>
      </c>
      <c r="AL928">
        <v>721.31544156685118</v>
      </c>
      <c r="AM928">
        <v>951.25760641227907</v>
      </c>
      <c r="AN928">
        <v>8387</v>
      </c>
      <c r="AO928">
        <v>102.67452034859269</v>
      </c>
      <c r="AP928">
        <v>580.68169894476227</v>
      </c>
      <c r="AQ928">
        <v>1.323943661971831</v>
      </c>
      <c r="AR928">
        <v>3.71830985915493</v>
      </c>
      <c r="AS928">
        <v>71</v>
      </c>
      <c r="AT928">
        <v>6.816901408450704</v>
      </c>
      <c r="AU928">
        <v>0.13644714134610031</v>
      </c>
      <c r="AV928">
        <v>0.12189435678953101</v>
      </c>
      <c r="AW928">
        <v>0.36619718309859162</v>
      </c>
      <c r="AX928">
        <v>85.828571428571422</v>
      </c>
      <c r="AY928">
        <v>72</v>
      </c>
      <c r="AZ928">
        <v>136.5</v>
      </c>
      <c r="BA928">
        <v>0.66221095380875938</v>
      </c>
      <c r="BB928">
        <v>0.52112676056338025</v>
      </c>
      <c r="BC928">
        <v>4.0627824221373086</v>
      </c>
      <c r="BD928" t="s">
        <v>3590</v>
      </c>
      <c r="BE928" t="s">
        <v>68</v>
      </c>
    </row>
    <row r="929" spans="1:57" x14ac:dyDescent="0.3">
      <c r="A929" t="s">
        <v>3591</v>
      </c>
      <c r="B929">
        <v>1588</v>
      </c>
      <c r="C929" t="s">
        <v>3592</v>
      </c>
      <c r="D929" t="s">
        <v>3593</v>
      </c>
      <c r="E929" t="s">
        <v>106</v>
      </c>
      <c r="F929">
        <v>1598</v>
      </c>
      <c r="G929">
        <v>129.3986232790989</v>
      </c>
      <c r="H929">
        <v>129</v>
      </c>
      <c r="I929">
        <v>5509.5788967279186</v>
      </c>
      <c r="J929">
        <v>74.226537685169703</v>
      </c>
      <c r="K929">
        <v>-1.7993250836793911E-2</v>
      </c>
      <c r="L929">
        <v>-1.2085686756576139</v>
      </c>
      <c r="M929">
        <v>7.8713936110031728</v>
      </c>
      <c r="N929">
        <v>17</v>
      </c>
      <c r="O929">
        <v>1</v>
      </c>
      <c r="P929">
        <v>16</v>
      </c>
      <c r="Q929">
        <v>2.6272195787264812</v>
      </c>
      <c r="R929">
        <v>5.4560342885444246</v>
      </c>
      <c r="S929">
        <v>2</v>
      </c>
      <c r="T929">
        <v>1</v>
      </c>
      <c r="U929">
        <v>1</v>
      </c>
      <c r="V929">
        <v>0.1118993621041426</v>
      </c>
      <c r="W929">
        <v>7.3585209163913419</v>
      </c>
      <c r="X929">
        <v>1</v>
      </c>
      <c r="Y929">
        <v>1</v>
      </c>
      <c r="Z929">
        <v>0</v>
      </c>
      <c r="AA929">
        <v>0</v>
      </c>
      <c r="AB929">
        <v>7.3752557780097563</v>
      </c>
      <c r="AC929">
        <v>1</v>
      </c>
      <c r="AD929">
        <v>1</v>
      </c>
      <c r="AE929">
        <v>0</v>
      </c>
      <c r="AF929">
        <v>0</v>
      </c>
      <c r="AG929">
        <v>7.3746290152189431</v>
      </c>
      <c r="AH929">
        <v>-4.6833743094914497E-2</v>
      </c>
      <c r="AI929">
        <v>2.586920596322367E-2</v>
      </c>
      <c r="AJ929">
        <v>1.9607667006960271E-2</v>
      </c>
      <c r="AK929">
        <v>2.717550387448911E-2</v>
      </c>
      <c r="AL929">
        <v>2760.6101297624118</v>
      </c>
      <c r="AM929">
        <v>5285.854397488939</v>
      </c>
      <c r="AN929">
        <v>206779</v>
      </c>
      <c r="AO929">
        <v>9.3583437427324796</v>
      </c>
      <c r="AP929">
        <v>2413.8826870945968</v>
      </c>
      <c r="AQ929">
        <v>1.014392991239049</v>
      </c>
      <c r="AR929">
        <v>4.0926157697121406</v>
      </c>
      <c r="AS929">
        <v>1592</v>
      </c>
      <c r="AT929">
        <v>283.07133917396737</v>
      </c>
      <c r="AU929">
        <v>2.0525657071339128E-2</v>
      </c>
      <c r="AV929">
        <v>-4.6875442132013861E-2</v>
      </c>
      <c r="AW929">
        <v>0.36170212765957449</v>
      </c>
      <c r="AX929">
        <v>88.173450219160927</v>
      </c>
      <c r="AY929">
        <v>64</v>
      </c>
      <c r="AZ929">
        <v>129</v>
      </c>
      <c r="BA929">
        <v>0.57362695061346258</v>
      </c>
      <c r="BB929">
        <v>0.49624530663329158</v>
      </c>
      <c r="BC929">
        <v>5.2889792162367364</v>
      </c>
      <c r="BD929" t="s">
        <v>3594</v>
      </c>
      <c r="BE929" t="s">
        <v>68</v>
      </c>
    </row>
    <row r="930" spans="1:57" x14ac:dyDescent="0.3">
      <c r="A930" t="s">
        <v>3595</v>
      </c>
      <c r="B930">
        <v>1554</v>
      </c>
      <c r="C930" t="s">
        <v>3596</v>
      </c>
      <c r="D930" t="s">
        <v>3597</v>
      </c>
      <c r="E930" t="s">
        <v>93</v>
      </c>
      <c r="F930">
        <v>1612</v>
      </c>
      <c r="G930">
        <v>126.4671215880893</v>
      </c>
      <c r="H930">
        <v>124</v>
      </c>
      <c r="I930">
        <v>5612.9461894814931</v>
      </c>
      <c r="J930">
        <v>74.919598166844793</v>
      </c>
      <c r="K930">
        <v>1.5979907650634301E-2</v>
      </c>
      <c r="L930">
        <v>-1.223862355304806</v>
      </c>
      <c r="M930">
        <v>7.8831596470243257</v>
      </c>
      <c r="N930">
        <v>14</v>
      </c>
      <c r="O930">
        <v>1</v>
      </c>
      <c r="P930">
        <v>13</v>
      </c>
      <c r="Q930">
        <v>2.4901662061748011</v>
      </c>
      <c r="R930">
        <v>5.464189883238836</v>
      </c>
      <c r="S930">
        <v>2</v>
      </c>
      <c r="T930">
        <v>1</v>
      </c>
      <c r="U930">
        <v>1</v>
      </c>
      <c r="V930">
        <v>9.965299805043526E-2</v>
      </c>
      <c r="W930">
        <v>7.3708420965364283</v>
      </c>
      <c r="X930">
        <v>1</v>
      </c>
      <c r="Y930">
        <v>1</v>
      </c>
      <c r="Z930">
        <v>0</v>
      </c>
      <c r="AA930">
        <v>0</v>
      </c>
      <c r="AB930">
        <v>7.3839894579785073</v>
      </c>
      <c r="AC930">
        <v>1</v>
      </c>
      <c r="AD930">
        <v>1</v>
      </c>
      <c r="AE930">
        <v>0</v>
      </c>
      <c r="AF930">
        <v>0</v>
      </c>
      <c r="AG930">
        <v>7.3833681469923862</v>
      </c>
      <c r="AH930">
        <v>-7.4338861611249014E-3</v>
      </c>
      <c r="AI930">
        <v>5.2542164463228187E-2</v>
      </c>
      <c r="AJ930">
        <v>-2.8797320802253779E-2</v>
      </c>
      <c r="AK930">
        <v>-3.4777932467621531E-3</v>
      </c>
      <c r="AL930">
        <v>2787.760814303861</v>
      </c>
      <c r="AM930">
        <v>5201.7957132351794</v>
      </c>
      <c r="AN930">
        <v>203865</v>
      </c>
      <c r="AO930">
        <v>162.95266543159369</v>
      </c>
      <c r="AP930">
        <v>2484.7577571581601</v>
      </c>
      <c r="AQ930">
        <v>1.014267990074442</v>
      </c>
      <c r="AR930">
        <v>4.0334987593052114</v>
      </c>
      <c r="AS930">
        <v>1604</v>
      </c>
      <c r="AT930">
        <v>252.09925558312659</v>
      </c>
      <c r="AU930">
        <v>1.8710163966330962E-2</v>
      </c>
      <c r="AV930">
        <v>-7.4418593324669484E-3</v>
      </c>
      <c r="AW930">
        <v>0.38027295285359802</v>
      </c>
      <c r="AX930">
        <v>86.697703289882057</v>
      </c>
      <c r="AY930">
        <v>65</v>
      </c>
      <c r="AZ930">
        <v>131</v>
      </c>
      <c r="BA930">
        <v>0.59240375859001693</v>
      </c>
      <c r="BB930">
        <v>0.48821339950372211</v>
      </c>
      <c r="BC930">
        <v>5.29184410067265</v>
      </c>
      <c r="BD930" t="s">
        <v>3598</v>
      </c>
      <c r="BE930" t="s">
        <v>68</v>
      </c>
    </row>
    <row r="931" spans="1:57" x14ac:dyDescent="0.3">
      <c r="A931" t="s">
        <v>3599</v>
      </c>
      <c r="B931">
        <v>146</v>
      </c>
      <c r="C931" t="s">
        <v>3600</v>
      </c>
      <c r="D931" t="s">
        <v>3601</v>
      </c>
      <c r="E931" t="s">
        <v>60</v>
      </c>
      <c r="F931">
        <v>256</v>
      </c>
      <c r="G931">
        <v>123.55078125</v>
      </c>
      <c r="H931">
        <v>119.5</v>
      </c>
      <c r="I931">
        <v>5480.6302337646484</v>
      </c>
      <c r="J931">
        <v>74.031278752731595</v>
      </c>
      <c r="K931">
        <v>0.1124639678398595</v>
      </c>
      <c r="L931">
        <v>-1.209911940043751</v>
      </c>
      <c r="M931">
        <v>7.2991282109274929</v>
      </c>
      <c r="N931">
        <v>5</v>
      </c>
      <c r="O931">
        <v>1</v>
      </c>
      <c r="P931">
        <v>4</v>
      </c>
      <c r="Q931">
        <v>0.70855333367459505</v>
      </c>
      <c r="R931">
        <v>5.0593701399499498</v>
      </c>
      <c r="S931">
        <v>2</v>
      </c>
      <c r="T931">
        <v>1</v>
      </c>
      <c r="U931">
        <v>1</v>
      </c>
      <c r="V931">
        <v>6.2621943781838052E-2</v>
      </c>
      <c r="W931">
        <v>5.5358270966834446</v>
      </c>
      <c r="X931">
        <v>1</v>
      </c>
      <c r="Y931">
        <v>1</v>
      </c>
      <c r="Z931">
        <v>0</v>
      </c>
      <c r="AA931">
        <v>0</v>
      </c>
      <c r="AB931">
        <v>5.5373342670185366</v>
      </c>
      <c r="AC931">
        <v>1</v>
      </c>
      <c r="AD931">
        <v>1</v>
      </c>
      <c r="AE931">
        <v>0</v>
      </c>
      <c r="AF931">
        <v>0</v>
      </c>
      <c r="AG931">
        <v>5.5333894887275203</v>
      </c>
      <c r="AH931">
        <v>4.0684985217628498E-2</v>
      </c>
      <c r="AI931">
        <v>1.077608984188097E-2</v>
      </c>
      <c r="AJ931">
        <v>4.8592478853948677E-2</v>
      </c>
      <c r="AK931">
        <v>7.299634677393195E-2</v>
      </c>
      <c r="AL931">
        <v>1166.233718773545</v>
      </c>
      <c r="AM931">
        <v>1987.6438094376031</v>
      </c>
      <c r="AN931">
        <v>31629</v>
      </c>
      <c r="AO931">
        <v>33.029815070668313</v>
      </c>
      <c r="AP931">
        <v>972.97465727924407</v>
      </c>
      <c r="AQ931">
        <v>1.08984375</v>
      </c>
      <c r="AR931">
        <v>4.06640625</v>
      </c>
      <c r="AS931">
        <v>255</v>
      </c>
      <c r="AT931">
        <v>59.374999999999993</v>
      </c>
      <c r="AU931">
        <v>5.3753063725490192E-2</v>
      </c>
      <c r="AV931">
        <v>4.0699045465829857E-2</v>
      </c>
      <c r="AW931">
        <v>0.40234375</v>
      </c>
      <c r="AX931">
        <v>83.411764705882348</v>
      </c>
      <c r="AY931">
        <v>65</v>
      </c>
      <c r="AZ931">
        <v>130.75</v>
      </c>
      <c r="BA931">
        <v>0.59919717223748103</v>
      </c>
      <c r="BB931">
        <v>0.48828125</v>
      </c>
      <c r="BC931">
        <v>4.8374959323527289</v>
      </c>
      <c r="BD931" t="s">
        <v>3602</v>
      </c>
      <c r="BE931" t="s">
        <v>62</v>
      </c>
    </row>
    <row r="932" spans="1:57" x14ac:dyDescent="0.3">
      <c r="A932" t="s">
        <v>3603</v>
      </c>
      <c r="B932">
        <v>1569</v>
      </c>
      <c r="C932" t="s">
        <v>3604</v>
      </c>
      <c r="D932" t="s">
        <v>3605</v>
      </c>
      <c r="E932" t="s">
        <v>85</v>
      </c>
      <c r="F932">
        <v>8</v>
      </c>
      <c r="G932">
        <v>91.875</v>
      </c>
      <c r="H932">
        <v>69.5</v>
      </c>
      <c r="I932">
        <v>5475.359375</v>
      </c>
      <c r="J932">
        <v>73.995671326098531</v>
      </c>
      <c r="K932">
        <v>0.85726436358394276</v>
      </c>
      <c r="L932">
        <v>-0.43031198940932208</v>
      </c>
      <c r="M932">
        <v>3</v>
      </c>
      <c r="N932">
        <v>1</v>
      </c>
      <c r="O932">
        <v>1</v>
      </c>
      <c r="P932">
        <v>0</v>
      </c>
      <c r="Q932">
        <v>0</v>
      </c>
      <c r="R932">
        <v>2.0794415416798362</v>
      </c>
      <c r="S932">
        <v>1</v>
      </c>
      <c r="T932">
        <v>1</v>
      </c>
      <c r="U932">
        <v>0</v>
      </c>
      <c r="V932">
        <v>0</v>
      </c>
      <c r="W932">
        <v>1.945910149055313</v>
      </c>
      <c r="X932">
        <v>1</v>
      </c>
      <c r="Y932">
        <v>1</v>
      </c>
      <c r="Z932">
        <v>0</v>
      </c>
      <c r="AA932">
        <v>0</v>
      </c>
      <c r="AB932">
        <v>1.791759469228055</v>
      </c>
      <c r="AC932">
        <v>1</v>
      </c>
      <c r="AD932">
        <v>1</v>
      </c>
      <c r="AE932">
        <v>0</v>
      </c>
      <c r="AF932">
        <v>0</v>
      </c>
      <c r="AG932">
        <v>1.6094379124341009</v>
      </c>
      <c r="AH932">
        <v>-2.0213071059833401E-2</v>
      </c>
      <c r="AI932">
        <v>8.2222770765617556E-2</v>
      </c>
      <c r="AJ932">
        <v>-8.0324707567711026E-2</v>
      </c>
      <c r="AK932">
        <v>0</v>
      </c>
      <c r="AL932">
        <v>276.78871528068618</v>
      </c>
      <c r="AM932">
        <v>186.33037082898551</v>
      </c>
      <c r="AN932">
        <v>735</v>
      </c>
      <c r="AO932">
        <v>134.27211177307069</v>
      </c>
      <c r="AP932">
        <v>227.7331688143887</v>
      </c>
      <c r="AQ932">
        <v>3.5</v>
      </c>
      <c r="AR932">
        <v>3.5</v>
      </c>
      <c r="AS932">
        <v>8</v>
      </c>
      <c r="AT932">
        <v>0</v>
      </c>
      <c r="AU932">
        <v>0.34699170124481332</v>
      </c>
      <c r="AV932">
        <v>-2.4449674136848669E-2</v>
      </c>
      <c r="AW932">
        <v>0.5</v>
      </c>
      <c r="AX932">
        <v>101.4285714285714</v>
      </c>
      <c r="AY932">
        <v>38</v>
      </c>
      <c r="AZ932">
        <v>82.75</v>
      </c>
      <c r="BA932">
        <v>0.80539506205277311</v>
      </c>
      <c r="BB932">
        <v>0.375</v>
      </c>
      <c r="BC932">
        <v>1.945910149055313</v>
      </c>
      <c r="BD932" t="s">
        <v>3604</v>
      </c>
      <c r="BE932" t="s">
        <v>68</v>
      </c>
    </row>
    <row r="933" spans="1:57" x14ac:dyDescent="0.3">
      <c r="A933" t="s">
        <v>3606</v>
      </c>
      <c r="B933">
        <v>861</v>
      </c>
      <c r="C933" t="s">
        <v>3607</v>
      </c>
      <c r="D933" t="s">
        <v>3608</v>
      </c>
      <c r="E933" t="s">
        <v>85</v>
      </c>
      <c r="F933">
        <v>8</v>
      </c>
      <c r="G933">
        <v>131.625</v>
      </c>
      <c r="H933">
        <v>148.5</v>
      </c>
      <c r="I933">
        <v>6784.484375</v>
      </c>
      <c r="J933">
        <v>82.367981491596595</v>
      </c>
      <c r="K933">
        <v>-0.46724755005469443</v>
      </c>
      <c r="L933">
        <v>-1.1359786906879581</v>
      </c>
      <c r="M933">
        <v>3</v>
      </c>
      <c r="N933">
        <v>1</v>
      </c>
      <c r="O933">
        <v>1</v>
      </c>
      <c r="P933">
        <v>0</v>
      </c>
      <c r="Q933">
        <v>0</v>
      </c>
      <c r="R933">
        <v>2.0794415416798362</v>
      </c>
      <c r="S933">
        <v>1</v>
      </c>
      <c r="T933">
        <v>1</v>
      </c>
      <c r="U933">
        <v>0</v>
      </c>
      <c r="V933">
        <v>0</v>
      </c>
      <c r="W933">
        <v>1.945910149055313</v>
      </c>
      <c r="X933">
        <v>1</v>
      </c>
      <c r="Y933">
        <v>1</v>
      </c>
      <c r="Z933">
        <v>0</v>
      </c>
      <c r="AA933">
        <v>0</v>
      </c>
      <c r="AB933">
        <v>1.791759469228055</v>
      </c>
      <c r="AC933">
        <v>1</v>
      </c>
      <c r="AD933">
        <v>1</v>
      </c>
      <c r="AE933">
        <v>0</v>
      </c>
      <c r="AF933">
        <v>0</v>
      </c>
      <c r="AG933">
        <v>1.6094379124341009</v>
      </c>
      <c r="AH933">
        <v>-2.893349255078799E-2</v>
      </c>
      <c r="AI933">
        <v>4.3011167484632913E-2</v>
      </c>
      <c r="AJ933">
        <v>-0.10923965988572271</v>
      </c>
      <c r="AK933">
        <v>0</v>
      </c>
      <c r="AL933">
        <v>329.34440947488372</v>
      </c>
      <c r="AM933">
        <v>290.53271751670258</v>
      </c>
      <c r="AN933">
        <v>1053</v>
      </c>
      <c r="AO933">
        <v>35</v>
      </c>
      <c r="AP933">
        <v>222.73021307554399</v>
      </c>
      <c r="AQ933">
        <v>3.5</v>
      </c>
      <c r="AR933">
        <v>4.5</v>
      </c>
      <c r="AS933">
        <v>8</v>
      </c>
      <c r="AT933">
        <v>0</v>
      </c>
      <c r="AU933">
        <v>0.23734177215189869</v>
      </c>
      <c r="AV933">
        <v>-0.1064698645595502</v>
      </c>
      <c r="AW933">
        <v>0.25</v>
      </c>
      <c r="AX933">
        <v>77.571428571428569</v>
      </c>
      <c r="AY933">
        <v>50</v>
      </c>
      <c r="AZ933">
        <v>99.25</v>
      </c>
      <c r="BA933">
        <v>0.62577763716312707</v>
      </c>
      <c r="BB933">
        <v>0.5</v>
      </c>
      <c r="BC933">
        <v>1.945910149055313</v>
      </c>
      <c r="BD933" t="s">
        <v>3607</v>
      </c>
      <c r="BE933" t="s">
        <v>68</v>
      </c>
    </row>
    <row r="934" spans="1:57" x14ac:dyDescent="0.3">
      <c r="A934" t="s">
        <v>3609</v>
      </c>
      <c r="B934">
        <v>144</v>
      </c>
      <c r="C934" t="s">
        <v>3610</v>
      </c>
      <c r="D934" t="s">
        <v>3611</v>
      </c>
      <c r="E934" t="s">
        <v>60</v>
      </c>
      <c r="F934">
        <v>256</v>
      </c>
      <c r="G934">
        <v>123.5859375</v>
      </c>
      <c r="H934">
        <v>125.5</v>
      </c>
      <c r="I934">
        <v>5142.1879272460938</v>
      </c>
      <c r="J934">
        <v>71.709050525342292</v>
      </c>
      <c r="K934">
        <v>0.11733090924762</v>
      </c>
      <c r="L934">
        <v>-1.11631578061318</v>
      </c>
      <c r="M934">
        <v>7.134421972504132</v>
      </c>
      <c r="N934">
        <v>4</v>
      </c>
      <c r="O934">
        <v>1</v>
      </c>
      <c r="P934">
        <v>3</v>
      </c>
      <c r="Q934">
        <v>0.83140566448977349</v>
      </c>
      <c r="R934">
        <v>4.9452044751661628</v>
      </c>
      <c r="S934">
        <v>1</v>
      </c>
      <c r="T934">
        <v>1</v>
      </c>
      <c r="U934">
        <v>0</v>
      </c>
      <c r="V934">
        <v>0</v>
      </c>
      <c r="W934">
        <v>5.541263545158424</v>
      </c>
      <c r="X934">
        <v>1</v>
      </c>
      <c r="Y934">
        <v>1</v>
      </c>
      <c r="Z934">
        <v>0</v>
      </c>
      <c r="AA934">
        <v>0</v>
      </c>
      <c r="AB934">
        <v>5.5373342670185366</v>
      </c>
      <c r="AC934">
        <v>1</v>
      </c>
      <c r="AD934">
        <v>1</v>
      </c>
      <c r="AE934">
        <v>0</v>
      </c>
      <c r="AF934">
        <v>0</v>
      </c>
      <c r="AG934">
        <v>5.5333894887275203</v>
      </c>
      <c r="AH934">
        <v>-3.0057309022892529E-2</v>
      </c>
      <c r="AI934">
        <v>9.4390951246514417E-3</v>
      </c>
      <c r="AJ934">
        <v>6.4353714275708726E-2</v>
      </c>
      <c r="AK934">
        <v>-5.2328668151087041E-2</v>
      </c>
      <c r="AL934">
        <v>1137.642015841976</v>
      </c>
      <c r="AM934">
        <v>1982.9731828219481</v>
      </c>
      <c r="AN934">
        <v>31638</v>
      </c>
      <c r="AO934">
        <v>64.144881944711045</v>
      </c>
      <c r="AP934">
        <v>979.20149225911382</v>
      </c>
      <c r="AQ934">
        <v>1.08984375</v>
      </c>
      <c r="AR934">
        <v>3.890625</v>
      </c>
      <c r="AS934">
        <v>255</v>
      </c>
      <c r="AT934">
        <v>67.40625</v>
      </c>
      <c r="AU934">
        <v>7.1537990196078427E-2</v>
      </c>
      <c r="AV934">
        <v>-3.0241741800524968E-2</v>
      </c>
      <c r="AW934">
        <v>0.40234375</v>
      </c>
      <c r="AX934">
        <v>82.686274509803923</v>
      </c>
      <c r="AY934">
        <v>61</v>
      </c>
      <c r="AZ934">
        <v>114.5</v>
      </c>
      <c r="BA934">
        <v>0.58023632765938515</v>
      </c>
      <c r="BB934">
        <v>0.5078125</v>
      </c>
      <c r="BC934">
        <v>4.8645016761704154</v>
      </c>
      <c r="BD934" t="s">
        <v>3612</v>
      </c>
      <c r="BE934" t="s">
        <v>62</v>
      </c>
    </row>
    <row r="935" spans="1:57" x14ac:dyDescent="0.3">
      <c r="A935" t="s">
        <v>3613</v>
      </c>
      <c r="B935">
        <v>1728</v>
      </c>
      <c r="C935" t="s">
        <v>3614</v>
      </c>
      <c r="D935" t="s">
        <v>3615</v>
      </c>
      <c r="E935" t="s">
        <v>106</v>
      </c>
      <c r="F935">
        <v>1754</v>
      </c>
      <c r="G935">
        <v>128.82098061573549</v>
      </c>
      <c r="H935">
        <v>130</v>
      </c>
      <c r="I935">
        <v>5292.3761618662147</v>
      </c>
      <c r="J935">
        <v>72.748719314268442</v>
      </c>
      <c r="K935">
        <v>-1.53546441416063E-2</v>
      </c>
      <c r="L935">
        <v>-1.1514714451647381</v>
      </c>
      <c r="M935">
        <v>7.8914496710538033</v>
      </c>
      <c r="N935">
        <v>14</v>
      </c>
      <c r="O935">
        <v>1</v>
      </c>
      <c r="P935">
        <v>13</v>
      </c>
      <c r="Q935">
        <v>2.605852319029947</v>
      </c>
      <c r="R935">
        <v>5.4699360900216538</v>
      </c>
      <c r="S935">
        <v>2</v>
      </c>
      <c r="T935">
        <v>1</v>
      </c>
      <c r="U935">
        <v>1</v>
      </c>
      <c r="V935">
        <v>0.12636617426312949</v>
      </c>
      <c r="W935">
        <v>7.446941134144649</v>
      </c>
      <c r="X935">
        <v>1</v>
      </c>
      <c r="Y935">
        <v>1</v>
      </c>
      <c r="Z935">
        <v>0</v>
      </c>
      <c r="AA935">
        <v>0</v>
      </c>
      <c r="AB935">
        <v>7.4685132714963363</v>
      </c>
      <c r="AC935">
        <v>1</v>
      </c>
      <c r="AD935">
        <v>1</v>
      </c>
      <c r="AE935">
        <v>0</v>
      </c>
      <c r="AF935">
        <v>0</v>
      </c>
      <c r="AG935">
        <v>7.4679423322858494</v>
      </c>
      <c r="AH935">
        <v>-5.2969809470919872E-2</v>
      </c>
      <c r="AI935">
        <v>2.0402766526143631E-2</v>
      </c>
      <c r="AJ935">
        <v>-8.8498036854886813E-3</v>
      </c>
      <c r="AK935">
        <v>3.1336328021930419E-2</v>
      </c>
      <c r="AL935">
        <v>2821.4799053359088</v>
      </c>
      <c r="AM935">
        <v>5516.2883484989843</v>
      </c>
      <c r="AN935">
        <v>225951.99999999991</v>
      </c>
      <c r="AO935">
        <v>121.5651809107701</v>
      </c>
      <c r="AP935">
        <v>2472.0127443606052</v>
      </c>
      <c r="AQ935">
        <v>1.013112884834664</v>
      </c>
      <c r="AR935">
        <v>4.0017103762827819</v>
      </c>
      <c r="AS935">
        <v>1746</v>
      </c>
      <c r="AT935">
        <v>253.71721778791331</v>
      </c>
      <c r="AU935">
        <v>1.9563127417443621E-2</v>
      </c>
      <c r="AV935">
        <v>-5.3027037893445109E-2</v>
      </c>
      <c r="AW935">
        <v>0.36944127708095781</v>
      </c>
      <c r="AX935">
        <v>87.158585282373082</v>
      </c>
      <c r="AY935">
        <v>62</v>
      </c>
      <c r="AZ935">
        <v>122</v>
      </c>
      <c r="BA935">
        <v>0.56472725922862754</v>
      </c>
      <c r="BB935">
        <v>0.51026225769669331</v>
      </c>
      <c r="BC935">
        <v>5.2922668899703194</v>
      </c>
      <c r="BD935" t="s">
        <v>3616</v>
      </c>
      <c r="BE935" t="s">
        <v>68</v>
      </c>
    </row>
    <row r="936" spans="1:57" x14ac:dyDescent="0.3">
      <c r="A936" t="s">
        <v>3617</v>
      </c>
      <c r="B936">
        <v>1366</v>
      </c>
      <c r="C936" t="s">
        <v>3618</v>
      </c>
      <c r="D936" t="s">
        <v>3619</v>
      </c>
      <c r="E936" t="s">
        <v>66</v>
      </c>
      <c r="F936">
        <v>71</v>
      </c>
      <c r="G936">
        <v>113.6056338028169</v>
      </c>
      <c r="H936">
        <v>125</v>
      </c>
      <c r="I936">
        <v>5116.5487006546318</v>
      </c>
      <c r="J936">
        <v>71.530054527133075</v>
      </c>
      <c r="K936">
        <v>-4.0255471741671302E-2</v>
      </c>
      <c r="L936">
        <v>-1.3216629113929459</v>
      </c>
      <c r="M936">
        <v>5.8680569786596068</v>
      </c>
      <c r="N936">
        <v>4</v>
      </c>
      <c r="O936">
        <v>1</v>
      </c>
      <c r="P936">
        <v>3</v>
      </c>
      <c r="Q936">
        <v>0.46996136401075678</v>
      </c>
      <c r="R936">
        <v>4.0674271501230219</v>
      </c>
      <c r="S936">
        <v>2</v>
      </c>
      <c r="T936">
        <v>1</v>
      </c>
      <c r="U936">
        <v>1</v>
      </c>
      <c r="V936">
        <v>0.11951030798891769</v>
      </c>
      <c r="W936">
        <v>4.2286910368905044</v>
      </c>
      <c r="X936">
        <v>1</v>
      </c>
      <c r="Y936">
        <v>1</v>
      </c>
      <c r="Z936">
        <v>0</v>
      </c>
      <c r="AA936">
        <v>0</v>
      </c>
      <c r="AB936">
        <v>4.2341065045972579</v>
      </c>
      <c r="AC936">
        <v>1</v>
      </c>
      <c r="AD936">
        <v>1</v>
      </c>
      <c r="AE936">
        <v>0</v>
      </c>
      <c r="AF936">
        <v>0</v>
      </c>
      <c r="AG936">
        <v>4.2195077051761087</v>
      </c>
      <c r="AH936">
        <v>3.3980622668325272E-2</v>
      </c>
      <c r="AI936">
        <v>-1.558583858170374E-2</v>
      </c>
      <c r="AJ936">
        <v>0.20631831926836761</v>
      </c>
      <c r="AK936">
        <v>0.17644682351980889</v>
      </c>
      <c r="AL936">
        <v>637.60270075709582</v>
      </c>
      <c r="AM936">
        <v>934.38792585695228</v>
      </c>
      <c r="AN936">
        <v>8066</v>
      </c>
      <c r="AO936">
        <v>108.4542512241896</v>
      </c>
      <c r="AP936">
        <v>464.09950374821301</v>
      </c>
      <c r="AQ936">
        <v>1.323943661971831</v>
      </c>
      <c r="AR936">
        <v>3.647887323943662</v>
      </c>
      <c r="AS936">
        <v>71</v>
      </c>
      <c r="AT936">
        <v>11.957746478873229</v>
      </c>
      <c r="AU936">
        <v>8.6696650491182387E-2</v>
      </c>
      <c r="AV936">
        <v>3.4193029778607477E-2</v>
      </c>
      <c r="AW936">
        <v>0.323943661971831</v>
      </c>
      <c r="AX936">
        <v>84.414285714285711</v>
      </c>
      <c r="AY936">
        <v>63</v>
      </c>
      <c r="AZ936">
        <v>123.5</v>
      </c>
      <c r="BA936">
        <v>0.6296347472633832</v>
      </c>
      <c r="BB936">
        <v>0.52112676056338025</v>
      </c>
      <c r="BC936">
        <v>4.0702573956196586</v>
      </c>
      <c r="BD936" t="s">
        <v>3620</v>
      </c>
      <c r="BE936" t="s">
        <v>68</v>
      </c>
    </row>
    <row r="937" spans="1:57" x14ac:dyDescent="0.3">
      <c r="A937" t="s">
        <v>3621</v>
      </c>
      <c r="B937">
        <v>2399</v>
      </c>
      <c r="C937" t="s">
        <v>3622</v>
      </c>
      <c r="D937" t="s">
        <v>3623</v>
      </c>
      <c r="E937" t="s">
        <v>10622</v>
      </c>
      <c r="F937">
        <v>64</v>
      </c>
      <c r="G937">
        <v>125.28125</v>
      </c>
      <c r="H937">
        <v>132.5</v>
      </c>
      <c r="I937">
        <v>5621.7333984375</v>
      </c>
      <c r="J937">
        <v>74.978219493646947</v>
      </c>
      <c r="K937">
        <v>1.7092033737385989E-2</v>
      </c>
      <c r="L937">
        <v>-1.289807536948212</v>
      </c>
      <c r="M937">
        <v>5.695159765557392</v>
      </c>
      <c r="N937">
        <v>3</v>
      </c>
      <c r="O937">
        <v>1</v>
      </c>
      <c r="P937">
        <v>2</v>
      </c>
      <c r="Q937">
        <v>0.45780648407324259</v>
      </c>
      <c r="R937">
        <v>3.947583934334546</v>
      </c>
      <c r="S937">
        <v>1</v>
      </c>
      <c r="T937">
        <v>1</v>
      </c>
      <c r="U937">
        <v>0</v>
      </c>
      <c r="V937">
        <v>0</v>
      </c>
      <c r="W937">
        <v>4.1431347263915326</v>
      </c>
      <c r="X937">
        <v>1</v>
      </c>
      <c r="Y937">
        <v>1</v>
      </c>
      <c r="Z937">
        <v>0</v>
      </c>
      <c r="AA937">
        <v>0</v>
      </c>
      <c r="AB937">
        <v>4.1271343850450908</v>
      </c>
      <c r="AC937">
        <v>1</v>
      </c>
      <c r="AD937">
        <v>1</v>
      </c>
      <c r="AE937">
        <v>0</v>
      </c>
      <c r="AF937">
        <v>0</v>
      </c>
      <c r="AG937">
        <v>4.1108738641733096</v>
      </c>
      <c r="AH937">
        <v>2.956495297616411E-2</v>
      </c>
      <c r="AI937">
        <v>-5.5203070402864172E-2</v>
      </c>
      <c r="AJ937">
        <v>-1.590504001455707E-2</v>
      </c>
      <c r="AK937">
        <v>-0.10740345847545139</v>
      </c>
      <c r="AL937">
        <v>665.92271756710102</v>
      </c>
      <c r="AM937">
        <v>959.6056138998182</v>
      </c>
      <c r="AN937">
        <v>8018</v>
      </c>
      <c r="AO937">
        <v>103.6565106986645</v>
      </c>
      <c r="AP937">
        <v>550.30853459191655</v>
      </c>
      <c r="AQ937">
        <v>1.359375</v>
      </c>
      <c r="AR937">
        <v>3.9375</v>
      </c>
      <c r="AS937">
        <v>64</v>
      </c>
      <c r="AT937">
        <v>9.9062500000000036</v>
      </c>
      <c r="AU937">
        <v>7.6543522267206454E-2</v>
      </c>
      <c r="AV937">
        <v>3.0157604358180969E-2</v>
      </c>
      <c r="AW937">
        <v>0.34375</v>
      </c>
      <c r="AX937">
        <v>90.206349206349202</v>
      </c>
      <c r="AY937">
        <v>69.5</v>
      </c>
      <c r="AZ937">
        <v>125</v>
      </c>
      <c r="BA937">
        <v>0.59847917779912752</v>
      </c>
      <c r="BB937">
        <v>0.515625</v>
      </c>
      <c r="BC937">
        <v>3.9230880024042492</v>
      </c>
      <c r="BD937" t="s">
        <v>3624</v>
      </c>
      <c r="BE937" t="s">
        <v>62</v>
      </c>
    </row>
    <row r="938" spans="1:57" x14ac:dyDescent="0.3">
      <c r="A938" t="s">
        <v>3625</v>
      </c>
      <c r="B938">
        <v>1907</v>
      </c>
      <c r="C938" t="s">
        <v>3626</v>
      </c>
      <c r="D938" t="s">
        <v>3627</v>
      </c>
      <c r="E938" t="s">
        <v>72</v>
      </c>
      <c r="F938">
        <v>1920</v>
      </c>
      <c r="G938">
        <v>129.5411458333333</v>
      </c>
      <c r="H938">
        <v>131</v>
      </c>
      <c r="I938">
        <v>5466.1451820203993</v>
      </c>
      <c r="J938">
        <v>73.933383407094254</v>
      </c>
      <c r="K938">
        <v>-4.5976055257218353E-2</v>
      </c>
      <c r="L938">
        <v>-1.2177758436289381</v>
      </c>
      <c r="M938">
        <v>7.9201282504707224</v>
      </c>
      <c r="N938">
        <v>14</v>
      </c>
      <c r="O938">
        <v>1</v>
      </c>
      <c r="P938">
        <v>13</v>
      </c>
      <c r="Q938">
        <v>2.4732948671761719</v>
      </c>
      <c r="R938">
        <v>5.4898145664869507</v>
      </c>
      <c r="S938">
        <v>2</v>
      </c>
      <c r="T938">
        <v>1</v>
      </c>
      <c r="U938">
        <v>1</v>
      </c>
      <c r="V938">
        <v>0.1141286500592254</v>
      </c>
      <c r="W938">
        <v>7.5414993818711684</v>
      </c>
      <c r="X938">
        <v>1</v>
      </c>
      <c r="Y938">
        <v>1</v>
      </c>
      <c r="Z938">
        <v>0</v>
      </c>
      <c r="AA938">
        <v>0</v>
      </c>
      <c r="AB938">
        <v>7.5590382554433857</v>
      </c>
      <c r="AC938">
        <v>1</v>
      </c>
      <c r="AD938">
        <v>1</v>
      </c>
      <c r="AE938">
        <v>0</v>
      </c>
      <c r="AF938">
        <v>0</v>
      </c>
      <c r="AG938">
        <v>7.5585167430456472</v>
      </c>
      <c r="AH938">
        <v>-2.176561902045478E-2</v>
      </c>
      <c r="AI938">
        <v>1.853164373875631E-2</v>
      </c>
      <c r="AJ938">
        <v>2.3911300924965719E-2</v>
      </c>
      <c r="AK938">
        <v>-3.4910656804458921E-3</v>
      </c>
      <c r="AL938">
        <v>2994.1510707889988</v>
      </c>
      <c r="AM938">
        <v>5809.4235828774854</v>
      </c>
      <c r="AN938">
        <v>248719</v>
      </c>
      <c r="AO938">
        <v>118.2421792392954</v>
      </c>
      <c r="AP938">
        <v>2727.106665714703</v>
      </c>
      <c r="AQ938">
        <v>1.0119791666666671</v>
      </c>
      <c r="AR938">
        <v>4.0166666666666666</v>
      </c>
      <c r="AS938">
        <v>1913</v>
      </c>
      <c r="AT938">
        <v>208.8</v>
      </c>
      <c r="AU938">
        <v>2.2303921568627479E-2</v>
      </c>
      <c r="AV938">
        <v>-2.1766397143128689E-2</v>
      </c>
      <c r="AW938">
        <v>0.35572916666666671</v>
      </c>
      <c r="AX938">
        <v>86.239708181344454</v>
      </c>
      <c r="AY938">
        <v>64</v>
      </c>
      <c r="AZ938">
        <v>128.25</v>
      </c>
      <c r="BA938">
        <v>0.57073281953377497</v>
      </c>
      <c r="BB938">
        <v>0.50885416666666672</v>
      </c>
      <c r="BC938">
        <v>5.2901324988806193</v>
      </c>
      <c r="BD938" t="s">
        <v>3628</v>
      </c>
      <c r="BE938" t="s">
        <v>62</v>
      </c>
    </row>
    <row r="939" spans="1:57" x14ac:dyDescent="0.3">
      <c r="A939" t="s">
        <v>3629</v>
      </c>
      <c r="B939">
        <v>1903</v>
      </c>
      <c r="C939" t="s">
        <v>3630</v>
      </c>
      <c r="D939" t="s">
        <v>3631</v>
      </c>
      <c r="E939" t="s">
        <v>93</v>
      </c>
      <c r="F939">
        <v>2009</v>
      </c>
      <c r="G939">
        <v>127.298656047785</v>
      </c>
      <c r="H939">
        <v>126</v>
      </c>
      <c r="I939">
        <v>5656.9531141718899</v>
      </c>
      <c r="J939">
        <v>75.212719098380489</v>
      </c>
      <c r="K939">
        <v>4.55704998816856E-2</v>
      </c>
      <c r="L939">
        <v>-1.2508728650162411</v>
      </c>
      <c r="M939">
        <v>7.8996799114361016</v>
      </c>
      <c r="N939">
        <v>23</v>
      </c>
      <c r="O939">
        <v>1</v>
      </c>
      <c r="P939">
        <v>22</v>
      </c>
      <c r="Q939">
        <v>2.9054492134325698</v>
      </c>
      <c r="R939">
        <v>5.4756408579379663</v>
      </c>
      <c r="S939">
        <v>2</v>
      </c>
      <c r="T939">
        <v>1</v>
      </c>
      <c r="U939">
        <v>1</v>
      </c>
      <c r="V939">
        <v>0.1222162112711168</v>
      </c>
      <c r="W939">
        <v>7.5841829116713813</v>
      </c>
      <c r="X939">
        <v>1</v>
      </c>
      <c r="Y939">
        <v>1</v>
      </c>
      <c r="Z939">
        <v>0</v>
      </c>
      <c r="AA939">
        <v>0</v>
      </c>
      <c r="AB939">
        <v>7.6043963487963406</v>
      </c>
      <c r="AC939">
        <v>1</v>
      </c>
      <c r="AD939">
        <v>1</v>
      </c>
      <c r="AE939">
        <v>0</v>
      </c>
      <c r="AF939">
        <v>0</v>
      </c>
      <c r="AG939">
        <v>7.6038979685218813</v>
      </c>
      <c r="AH939">
        <v>2.1753625820531561E-2</v>
      </c>
      <c r="AI939">
        <v>-4.5911328188883507E-2</v>
      </c>
      <c r="AJ939">
        <v>1.177919590050624E-2</v>
      </c>
      <c r="AK939">
        <v>-3.2304653625849993E-2</v>
      </c>
      <c r="AL939">
        <v>3126.300505821353</v>
      </c>
      <c r="AM939">
        <v>5843.5266874808713</v>
      </c>
      <c r="AN939">
        <v>255743</v>
      </c>
      <c r="AO939">
        <v>90.233444361844093</v>
      </c>
      <c r="AP939">
        <v>2829.774314286266</v>
      </c>
      <c r="AQ939">
        <v>1.0114484818317571</v>
      </c>
      <c r="AR939">
        <v>4.031358885017422</v>
      </c>
      <c r="AS939">
        <v>2003</v>
      </c>
      <c r="AT939">
        <v>275.37630662020899</v>
      </c>
      <c r="AU939">
        <v>2.2457763593242142E-2</v>
      </c>
      <c r="AV939">
        <v>2.1762554685462648E-2</v>
      </c>
      <c r="AW939">
        <v>0.37879542060726729</v>
      </c>
      <c r="AX939">
        <v>85.040338645418331</v>
      </c>
      <c r="AY939">
        <v>67</v>
      </c>
      <c r="AZ939">
        <v>134</v>
      </c>
      <c r="BA939">
        <v>0.59083670977757508</v>
      </c>
      <c r="BB939">
        <v>0.49328023892483819</v>
      </c>
      <c r="BC939">
        <v>5.2928566596127364</v>
      </c>
      <c r="BD939" t="s">
        <v>3632</v>
      </c>
      <c r="BE939" t="s">
        <v>68</v>
      </c>
    </row>
    <row r="940" spans="1:57" x14ac:dyDescent="0.3">
      <c r="A940" t="s">
        <v>3633</v>
      </c>
      <c r="B940">
        <v>3669</v>
      </c>
      <c r="C940" t="s">
        <v>3634</v>
      </c>
      <c r="D940" t="s">
        <v>3635</v>
      </c>
      <c r="E940" t="s">
        <v>85</v>
      </c>
      <c r="F940">
        <v>8</v>
      </c>
      <c r="G940">
        <v>158.25</v>
      </c>
      <c r="H940">
        <v>174</v>
      </c>
      <c r="I940">
        <v>5594.1875</v>
      </c>
      <c r="J940">
        <v>74.794301253504599</v>
      </c>
      <c r="K940">
        <v>-0.36784296685656981</v>
      </c>
      <c r="L940">
        <v>-1.1875023854840201</v>
      </c>
      <c r="M940">
        <v>3</v>
      </c>
      <c r="N940">
        <v>1</v>
      </c>
      <c r="O940">
        <v>1</v>
      </c>
      <c r="P940">
        <v>0</v>
      </c>
      <c r="Q940">
        <v>0</v>
      </c>
      <c r="R940">
        <v>2.0794415416798362</v>
      </c>
      <c r="S940">
        <v>1</v>
      </c>
      <c r="T940">
        <v>1</v>
      </c>
      <c r="U940">
        <v>0</v>
      </c>
      <c r="V940">
        <v>0</v>
      </c>
      <c r="W940">
        <v>1.945910149055313</v>
      </c>
      <c r="X940">
        <v>1</v>
      </c>
      <c r="Y940">
        <v>1</v>
      </c>
      <c r="Z940">
        <v>0</v>
      </c>
      <c r="AA940">
        <v>0</v>
      </c>
      <c r="AB940">
        <v>1.791759469228055</v>
      </c>
      <c r="AC940">
        <v>1</v>
      </c>
      <c r="AD940">
        <v>1</v>
      </c>
      <c r="AE940">
        <v>0</v>
      </c>
      <c r="AF940">
        <v>0</v>
      </c>
      <c r="AG940">
        <v>1.6094379124341009</v>
      </c>
      <c r="AH940">
        <v>-0.35586741819075601</v>
      </c>
      <c r="AI940">
        <v>-0.14998547599629081</v>
      </c>
      <c r="AJ940">
        <v>0.26698889472331772</v>
      </c>
      <c r="AK940">
        <v>0</v>
      </c>
      <c r="AL940">
        <v>320.72026186563897</v>
      </c>
      <c r="AM940">
        <v>377.14256406408958</v>
      </c>
      <c r="AN940">
        <v>1266</v>
      </c>
      <c r="AO940">
        <v>30</v>
      </c>
      <c r="AP940">
        <v>143.97676808992611</v>
      </c>
      <c r="AQ940">
        <v>3.5</v>
      </c>
      <c r="AR940">
        <v>4.5</v>
      </c>
      <c r="AS940">
        <v>8</v>
      </c>
      <c r="AT940">
        <v>0</v>
      </c>
      <c r="AU940">
        <v>0.1972111553784861</v>
      </c>
      <c r="AV940">
        <v>-0.40482266084357771</v>
      </c>
      <c r="AW940">
        <v>0.25</v>
      </c>
      <c r="AX940">
        <v>111.8571428571429</v>
      </c>
      <c r="AY940">
        <v>68</v>
      </c>
      <c r="AZ940">
        <v>118</v>
      </c>
      <c r="BA940">
        <v>0.47263381518802272</v>
      </c>
      <c r="BB940">
        <v>0.5</v>
      </c>
      <c r="BC940">
        <v>1.945910149055313</v>
      </c>
      <c r="BD940" t="s">
        <v>3634</v>
      </c>
      <c r="BE940" t="s">
        <v>68</v>
      </c>
    </row>
    <row r="941" spans="1:57" x14ac:dyDescent="0.3">
      <c r="A941" t="s">
        <v>3636</v>
      </c>
      <c r="B941">
        <v>940</v>
      </c>
      <c r="C941" t="s">
        <v>3637</v>
      </c>
      <c r="D941" t="s">
        <v>3638</v>
      </c>
      <c r="E941" t="s">
        <v>128</v>
      </c>
      <c r="F941">
        <v>32</v>
      </c>
      <c r="G941">
        <v>142.4375</v>
      </c>
      <c r="H941">
        <v>135</v>
      </c>
      <c r="I941">
        <v>5633.62109375</v>
      </c>
      <c r="J941">
        <v>75.057451953486932</v>
      </c>
      <c r="K941">
        <v>-0.28996621813959911</v>
      </c>
      <c r="L941">
        <v>-0.80708793243918731</v>
      </c>
      <c r="M941">
        <v>4.875</v>
      </c>
      <c r="N941">
        <v>2</v>
      </c>
      <c r="O941">
        <v>1</v>
      </c>
      <c r="P941">
        <v>1</v>
      </c>
      <c r="Q941">
        <v>0.24944382578492941</v>
      </c>
      <c r="R941">
        <v>3.3790925052297318</v>
      </c>
      <c r="S941">
        <v>1</v>
      </c>
      <c r="T941">
        <v>1</v>
      </c>
      <c r="U941">
        <v>0</v>
      </c>
      <c r="V941">
        <v>0</v>
      </c>
      <c r="W941">
        <v>3.4339872044851458</v>
      </c>
      <c r="X941">
        <v>1</v>
      </c>
      <c r="Y941">
        <v>1</v>
      </c>
      <c r="Z941">
        <v>0</v>
      </c>
      <c r="AA941">
        <v>0</v>
      </c>
      <c r="AB941">
        <v>3.401197381662155</v>
      </c>
      <c r="AC941">
        <v>1</v>
      </c>
      <c r="AD941">
        <v>1</v>
      </c>
      <c r="AE941">
        <v>0</v>
      </c>
      <c r="AF941">
        <v>0</v>
      </c>
      <c r="AG941">
        <v>3.3672958299864728</v>
      </c>
      <c r="AH941">
        <v>0.13476842696644789</v>
      </c>
      <c r="AI941">
        <v>0.24190905847773589</v>
      </c>
      <c r="AJ941">
        <v>-3.8821511925819251E-2</v>
      </c>
      <c r="AK941">
        <v>-0.12566629651638081</v>
      </c>
      <c r="AL941">
        <v>523.30537777356994</v>
      </c>
      <c r="AM941">
        <v>745.4243634288199</v>
      </c>
      <c r="AN941">
        <v>4558</v>
      </c>
      <c r="AO941">
        <v>110.2269641979486</v>
      </c>
      <c r="AP941">
        <v>379.7533555019188</v>
      </c>
      <c r="AQ941">
        <v>1.65625</v>
      </c>
      <c r="AR941">
        <v>3.9375</v>
      </c>
      <c r="AS941">
        <v>32</v>
      </c>
      <c r="AT941">
        <v>1.75</v>
      </c>
      <c r="AU941">
        <v>0.20524999999999999</v>
      </c>
      <c r="AV941">
        <v>0.14272932882766559</v>
      </c>
      <c r="AW941">
        <v>0.28125</v>
      </c>
      <c r="AX941">
        <v>72.870967741935488</v>
      </c>
      <c r="AY941">
        <v>46.5</v>
      </c>
      <c r="AZ941">
        <v>116.75</v>
      </c>
      <c r="BA941">
        <v>0.52695007953303685</v>
      </c>
      <c r="BB941">
        <v>0.4375</v>
      </c>
      <c r="BC941">
        <v>3.3892680315457948</v>
      </c>
      <c r="BD941" t="s">
        <v>3639</v>
      </c>
      <c r="BE941" t="s">
        <v>62</v>
      </c>
    </row>
    <row r="942" spans="1:57" x14ac:dyDescent="0.3">
      <c r="A942" t="s">
        <v>3640</v>
      </c>
      <c r="B942">
        <v>142</v>
      </c>
      <c r="C942" t="s">
        <v>3641</v>
      </c>
      <c r="D942" t="s">
        <v>3642</v>
      </c>
      <c r="E942" t="s">
        <v>60</v>
      </c>
      <c r="F942">
        <v>256</v>
      </c>
      <c r="G942">
        <v>129.76171875</v>
      </c>
      <c r="H942">
        <v>126.5</v>
      </c>
      <c r="I942">
        <v>5480.8143157958984</v>
      </c>
      <c r="J942">
        <v>74.032522014287068</v>
      </c>
      <c r="K942">
        <v>1.9034504318179268E-2</v>
      </c>
      <c r="L942">
        <v>-1.13147950620475</v>
      </c>
      <c r="M942">
        <v>7.1429791154156286</v>
      </c>
      <c r="N942">
        <v>5</v>
      </c>
      <c r="O942">
        <v>1</v>
      </c>
      <c r="P942">
        <v>4</v>
      </c>
      <c r="Q942">
        <v>0.86746757864487367</v>
      </c>
      <c r="R942">
        <v>4.951135834648916</v>
      </c>
      <c r="S942">
        <v>1</v>
      </c>
      <c r="T942">
        <v>1</v>
      </c>
      <c r="U942">
        <v>0</v>
      </c>
      <c r="V942">
        <v>0</v>
      </c>
      <c r="W942">
        <v>5.541263545158424</v>
      </c>
      <c r="X942">
        <v>1</v>
      </c>
      <c r="Y942">
        <v>1</v>
      </c>
      <c r="Z942">
        <v>0</v>
      </c>
      <c r="AA942">
        <v>0</v>
      </c>
      <c r="AB942">
        <v>5.5373342670185366</v>
      </c>
      <c r="AC942">
        <v>1</v>
      </c>
      <c r="AD942">
        <v>1</v>
      </c>
      <c r="AE942">
        <v>0</v>
      </c>
      <c r="AF942">
        <v>0</v>
      </c>
      <c r="AG942">
        <v>5.5333894887275203</v>
      </c>
      <c r="AH942">
        <v>0.1027052201190633</v>
      </c>
      <c r="AI942">
        <v>5.0099695189689888E-2</v>
      </c>
      <c r="AJ942">
        <v>-1.417979760419889E-2</v>
      </c>
      <c r="AK942">
        <v>-7.6778676120602046E-2</v>
      </c>
      <c r="AL942">
        <v>1175.6832067455659</v>
      </c>
      <c r="AM942">
        <v>2081.2044583309112</v>
      </c>
      <c r="AN942">
        <v>33219</v>
      </c>
      <c r="AO942">
        <v>124.430984093951</v>
      </c>
      <c r="AP942">
        <v>946.16927231541536</v>
      </c>
      <c r="AQ942">
        <v>1.08984375</v>
      </c>
      <c r="AR942">
        <v>4.1171875</v>
      </c>
      <c r="AS942">
        <v>254</v>
      </c>
      <c r="AT942">
        <v>75.249999999999986</v>
      </c>
      <c r="AU942">
        <v>5.024509803921573E-2</v>
      </c>
      <c r="AV942">
        <v>0.10282969799857131</v>
      </c>
      <c r="AW942">
        <v>0.3828125</v>
      </c>
      <c r="AX942">
        <v>81.113725490196074</v>
      </c>
      <c r="AY942">
        <v>59.5</v>
      </c>
      <c r="AZ942">
        <v>119.5</v>
      </c>
      <c r="BA942">
        <v>0.57052667556691916</v>
      </c>
      <c r="BB942">
        <v>0.484375</v>
      </c>
      <c r="BC942">
        <v>4.8173541366592119</v>
      </c>
      <c r="BD942" t="s">
        <v>3643</v>
      </c>
      <c r="BE942" t="s">
        <v>62</v>
      </c>
    </row>
    <row r="943" spans="1:57" x14ac:dyDescent="0.3">
      <c r="A943" t="s">
        <v>3644</v>
      </c>
      <c r="B943">
        <v>3920</v>
      </c>
      <c r="C943" t="s">
        <v>3645</v>
      </c>
      <c r="D943" t="s">
        <v>3646</v>
      </c>
      <c r="E943" t="s">
        <v>98</v>
      </c>
      <c r="F943">
        <v>16</v>
      </c>
      <c r="G943">
        <v>124.5</v>
      </c>
      <c r="H943">
        <v>130</v>
      </c>
      <c r="I943">
        <v>5231.125</v>
      </c>
      <c r="J943">
        <v>72.326516575872773</v>
      </c>
      <c r="K943">
        <v>-4.7834301544396378E-2</v>
      </c>
      <c r="L943">
        <v>-1.147425164024559</v>
      </c>
      <c r="M943">
        <v>4</v>
      </c>
      <c r="N943">
        <v>1</v>
      </c>
      <c r="O943">
        <v>1</v>
      </c>
      <c r="P943">
        <v>0</v>
      </c>
      <c r="Q943">
        <v>0</v>
      </c>
      <c r="R943">
        <v>2.7725887222397811</v>
      </c>
      <c r="S943">
        <v>1</v>
      </c>
      <c r="T943">
        <v>1</v>
      </c>
      <c r="U943">
        <v>0</v>
      </c>
      <c r="V943">
        <v>0</v>
      </c>
      <c r="W943">
        <v>2.7080502011022101</v>
      </c>
      <c r="X943">
        <v>1</v>
      </c>
      <c r="Y943">
        <v>1</v>
      </c>
      <c r="Z943">
        <v>0</v>
      </c>
      <c r="AA943">
        <v>0</v>
      </c>
      <c r="AB943">
        <v>2.639057329615258</v>
      </c>
      <c r="AC943">
        <v>1</v>
      </c>
      <c r="AD943">
        <v>1</v>
      </c>
      <c r="AE943">
        <v>0</v>
      </c>
      <c r="AF943">
        <v>0</v>
      </c>
      <c r="AG943">
        <v>2.5649493574615372</v>
      </c>
      <c r="AH943">
        <v>-6.6689168199956989E-2</v>
      </c>
      <c r="AI943">
        <v>-0.24020287223111661</v>
      </c>
      <c r="AJ943">
        <v>0.21482293483715259</v>
      </c>
      <c r="AK943">
        <v>-2.3752060981146499E-2</v>
      </c>
      <c r="AL943">
        <v>367.89927991574791</v>
      </c>
      <c r="AM943">
        <v>443.11637279328119</v>
      </c>
      <c r="AN943">
        <v>1992</v>
      </c>
      <c r="AO943">
        <v>111.68152239422299</v>
      </c>
      <c r="AP943">
        <v>192.38016856485791</v>
      </c>
      <c r="AQ943">
        <v>2.3125</v>
      </c>
      <c r="AR943">
        <v>3.8125</v>
      </c>
      <c r="AS943">
        <v>16</v>
      </c>
      <c r="AT943">
        <v>0</v>
      </c>
      <c r="AU943">
        <v>9.2335390946502061E-2</v>
      </c>
      <c r="AV943">
        <v>-7.1642953891747171E-2</v>
      </c>
      <c r="AW943">
        <v>0.3125</v>
      </c>
      <c r="AX943">
        <v>89.13333333333334</v>
      </c>
      <c r="AY943">
        <v>59</v>
      </c>
      <c r="AZ943">
        <v>111</v>
      </c>
      <c r="BA943">
        <v>0.58093587611142794</v>
      </c>
      <c r="BB943">
        <v>0.5</v>
      </c>
      <c r="BC943">
        <v>2.7080502011022101</v>
      </c>
      <c r="BD943" t="s">
        <v>3645</v>
      </c>
      <c r="BE943" t="s">
        <v>62</v>
      </c>
    </row>
    <row r="944" spans="1:57" x14ac:dyDescent="0.3">
      <c r="A944" t="s">
        <v>3647</v>
      </c>
      <c r="B944">
        <v>129</v>
      </c>
      <c r="C944" t="s">
        <v>3648</v>
      </c>
      <c r="D944" t="s">
        <v>3649</v>
      </c>
      <c r="E944" t="s">
        <v>60</v>
      </c>
      <c r="F944">
        <v>256</v>
      </c>
      <c r="G944">
        <v>126.578125</v>
      </c>
      <c r="H944">
        <v>129.5</v>
      </c>
      <c r="I944">
        <v>5315.712646484375</v>
      </c>
      <c r="J944">
        <v>72.908933927773049</v>
      </c>
      <c r="K944">
        <v>-2.905796967950857E-3</v>
      </c>
      <c r="L944">
        <v>-1.192655150070415</v>
      </c>
      <c r="M944">
        <v>7.2210032109274929</v>
      </c>
      <c r="N944">
        <v>5</v>
      </c>
      <c r="O944">
        <v>1</v>
      </c>
      <c r="P944">
        <v>4</v>
      </c>
      <c r="Q944">
        <v>0.71733859365135333</v>
      </c>
      <c r="R944">
        <v>5.005218016468703</v>
      </c>
      <c r="S944">
        <v>2</v>
      </c>
      <c r="T944">
        <v>1</v>
      </c>
      <c r="U944">
        <v>1</v>
      </c>
      <c r="V944">
        <v>6.2621943781838038E-2</v>
      </c>
      <c r="W944">
        <v>5.5358270966834446</v>
      </c>
      <c r="X944">
        <v>1</v>
      </c>
      <c r="Y944">
        <v>1</v>
      </c>
      <c r="Z944">
        <v>0</v>
      </c>
      <c r="AA944">
        <v>0</v>
      </c>
      <c r="AB944">
        <v>5.5373342670185366</v>
      </c>
      <c r="AC944">
        <v>1</v>
      </c>
      <c r="AD944">
        <v>1</v>
      </c>
      <c r="AE944">
        <v>0</v>
      </c>
      <c r="AF944">
        <v>0</v>
      </c>
      <c r="AG944">
        <v>5.5333894887275203</v>
      </c>
      <c r="AH944">
        <v>-0.15511737858784069</v>
      </c>
      <c r="AI944">
        <v>1.8564028981164379E-2</v>
      </c>
      <c r="AJ944">
        <v>5.3584978721679763E-2</v>
      </c>
      <c r="AK944">
        <v>-3.9753440305217082E-2</v>
      </c>
      <c r="AL944">
        <v>1162.544807065349</v>
      </c>
      <c r="AM944">
        <v>2027.547674301492</v>
      </c>
      <c r="AN944">
        <v>32404</v>
      </c>
      <c r="AO944">
        <v>37.922765645438432</v>
      </c>
      <c r="AP944">
        <v>986.06532501948709</v>
      </c>
      <c r="AQ944">
        <v>1.08984375</v>
      </c>
      <c r="AR944">
        <v>3.94921875</v>
      </c>
      <c r="AS944">
        <v>255</v>
      </c>
      <c r="AT944">
        <v>54.0625</v>
      </c>
      <c r="AU944">
        <v>3.0284926470588221E-2</v>
      </c>
      <c r="AV944">
        <v>-0.15599345381747901</v>
      </c>
      <c r="AW944">
        <v>0.37890625</v>
      </c>
      <c r="AX944">
        <v>92.556862745098044</v>
      </c>
      <c r="AY944">
        <v>63.5</v>
      </c>
      <c r="AZ944">
        <v>131.25</v>
      </c>
      <c r="BA944">
        <v>0.57599947801227935</v>
      </c>
      <c r="BB944">
        <v>0.5078125</v>
      </c>
      <c r="BC944">
        <v>4.8967786943364686</v>
      </c>
      <c r="BD944" t="s">
        <v>3650</v>
      </c>
      <c r="BE944" t="s">
        <v>62</v>
      </c>
    </row>
    <row r="945" spans="1:57" x14ac:dyDescent="0.3">
      <c r="A945" t="s">
        <v>3651</v>
      </c>
      <c r="B945">
        <v>2820</v>
      </c>
      <c r="C945" t="s">
        <v>3652</v>
      </c>
      <c r="D945" t="s">
        <v>3653</v>
      </c>
      <c r="E945" t="s">
        <v>106</v>
      </c>
      <c r="F945">
        <v>2856</v>
      </c>
      <c r="G945">
        <v>130.11519607843141</v>
      </c>
      <c r="H945">
        <v>133</v>
      </c>
      <c r="I945">
        <v>5547.5851192192558</v>
      </c>
      <c r="J945">
        <v>74.482112746747831</v>
      </c>
      <c r="K945">
        <v>-6.5266399229835875E-2</v>
      </c>
      <c r="L945">
        <v>-1.203128626243918</v>
      </c>
      <c r="M945">
        <v>7.9266945482381486</v>
      </c>
      <c r="N945">
        <v>22</v>
      </c>
      <c r="O945">
        <v>2</v>
      </c>
      <c r="P945">
        <v>20</v>
      </c>
      <c r="Q945">
        <v>3.509891157500471</v>
      </c>
      <c r="R945">
        <v>5.4943659772711513</v>
      </c>
      <c r="S945">
        <v>3</v>
      </c>
      <c r="T945">
        <v>1</v>
      </c>
      <c r="U945">
        <v>2</v>
      </c>
      <c r="V945">
        <v>0.16952681138130021</v>
      </c>
      <c r="W945">
        <v>7.9185863317381369</v>
      </c>
      <c r="X945">
        <v>1</v>
      </c>
      <c r="Y945">
        <v>1</v>
      </c>
      <c r="Z945">
        <v>0</v>
      </c>
      <c r="AA945">
        <v>0</v>
      </c>
      <c r="AB945">
        <v>7.9564767980367836</v>
      </c>
      <c r="AC945">
        <v>1</v>
      </c>
      <c r="AD945">
        <v>1</v>
      </c>
      <c r="AE945">
        <v>0</v>
      </c>
      <c r="AF945">
        <v>0</v>
      </c>
      <c r="AG945">
        <v>7.9561263512135003</v>
      </c>
      <c r="AH945">
        <v>8.7177575172774583E-3</v>
      </c>
      <c r="AI945">
        <v>-5.9087844276153158E-3</v>
      </c>
      <c r="AJ945">
        <v>-3.9885044614884457E-2</v>
      </c>
      <c r="AK945">
        <v>1.8399281207679509E-2</v>
      </c>
      <c r="AL945">
        <v>3653.7849603085929</v>
      </c>
      <c r="AM945">
        <v>7130.6196409444492</v>
      </c>
      <c r="AN945">
        <v>371609</v>
      </c>
      <c r="AO945">
        <v>61.519043940050423</v>
      </c>
      <c r="AP945">
        <v>3302.5233733597438</v>
      </c>
      <c r="AQ945">
        <v>1.0080532212885149</v>
      </c>
      <c r="AR945">
        <v>4.0315126050420167</v>
      </c>
      <c r="AS945">
        <v>2847</v>
      </c>
      <c r="AT945">
        <v>282.68907563025209</v>
      </c>
      <c r="AU945">
        <v>2.7240896358543432E-2</v>
      </c>
      <c r="AV945">
        <v>8.7218256907605398E-3</v>
      </c>
      <c r="AW945">
        <v>0.34768907563025209</v>
      </c>
      <c r="AX945">
        <v>85.761471103327494</v>
      </c>
      <c r="AY945">
        <v>64</v>
      </c>
      <c r="AZ945">
        <v>130</v>
      </c>
      <c r="BA945">
        <v>0.57243208319688643</v>
      </c>
      <c r="BB945">
        <v>0.51155462184873945</v>
      </c>
      <c r="BC945">
        <v>5.3143914351532917</v>
      </c>
      <c r="BD945" t="s">
        <v>3654</v>
      </c>
      <c r="BE945" t="s">
        <v>68</v>
      </c>
    </row>
    <row r="946" spans="1:57" x14ac:dyDescent="0.3">
      <c r="A946" t="s">
        <v>3655</v>
      </c>
      <c r="B946">
        <v>2442</v>
      </c>
      <c r="C946" t="s">
        <v>3656</v>
      </c>
      <c r="D946" t="s">
        <v>3657</v>
      </c>
      <c r="E946" t="s">
        <v>115</v>
      </c>
      <c r="F946">
        <v>2480</v>
      </c>
      <c r="G946">
        <v>128.01209677419351</v>
      </c>
      <c r="H946">
        <v>130</v>
      </c>
      <c r="I946">
        <v>5345.5563052809584</v>
      </c>
      <c r="J946">
        <v>73.113311409626064</v>
      </c>
      <c r="K946">
        <v>-1.0591166738329711E-2</v>
      </c>
      <c r="L946">
        <v>-1.1754025750544961</v>
      </c>
      <c r="M946">
        <v>7.9247572441464982</v>
      </c>
      <c r="N946">
        <v>19</v>
      </c>
      <c r="O946">
        <v>2</v>
      </c>
      <c r="P946">
        <v>17</v>
      </c>
      <c r="Q946">
        <v>3.0714155938264041</v>
      </c>
      <c r="R946">
        <v>5.4930231404021459</v>
      </c>
      <c r="S946">
        <v>3</v>
      </c>
      <c r="T946">
        <v>1</v>
      </c>
      <c r="U946">
        <v>2</v>
      </c>
      <c r="V946">
        <v>0.15822551149412439</v>
      </c>
      <c r="W946">
        <v>7.7827539087062334</v>
      </c>
      <c r="X946">
        <v>1</v>
      </c>
      <c r="Y946">
        <v>1</v>
      </c>
      <c r="Z946">
        <v>0</v>
      </c>
      <c r="AA946">
        <v>0</v>
      </c>
      <c r="AB946">
        <v>7.8152070621890886</v>
      </c>
      <c r="AC946">
        <v>1</v>
      </c>
      <c r="AD946">
        <v>1</v>
      </c>
      <c r="AE946">
        <v>0</v>
      </c>
      <c r="AF946">
        <v>0</v>
      </c>
      <c r="AG946">
        <v>7.8148034294893574</v>
      </c>
      <c r="AH946">
        <v>-4.1265707291617118E-2</v>
      </c>
      <c r="AI946">
        <v>-2.2427382043710298E-2</v>
      </c>
      <c r="AJ946">
        <v>2.3290919477017551E-2</v>
      </c>
      <c r="AK946">
        <v>-2.4901872022983891E-2</v>
      </c>
      <c r="AL946">
        <v>3367.1911940634591</v>
      </c>
      <c r="AM946">
        <v>6523.7261946391873</v>
      </c>
      <c r="AN946">
        <v>317470</v>
      </c>
      <c r="AO946">
        <v>65.931325074160767</v>
      </c>
      <c r="AP946">
        <v>3064.066961664294</v>
      </c>
      <c r="AQ946">
        <v>1.0092741935483871</v>
      </c>
      <c r="AR946">
        <v>3.9705645161290319</v>
      </c>
      <c r="AS946">
        <v>2472</v>
      </c>
      <c r="AT946">
        <v>249.29032258064521</v>
      </c>
      <c r="AU946">
        <v>1.3338077166350409E-2</v>
      </c>
      <c r="AV946">
        <v>-4.1294267555230482E-2</v>
      </c>
      <c r="AW946">
        <v>0.36653225806451611</v>
      </c>
      <c r="AX946">
        <v>86.697458652682528</v>
      </c>
      <c r="AY946">
        <v>62</v>
      </c>
      <c r="AZ946">
        <v>124</v>
      </c>
      <c r="BA946">
        <v>0.57114376884704898</v>
      </c>
      <c r="BB946">
        <v>0.50322580645161286</v>
      </c>
      <c r="BC946">
        <v>5.3090888613701797</v>
      </c>
      <c r="BD946" t="s">
        <v>3658</v>
      </c>
      <c r="BE946" t="s">
        <v>62</v>
      </c>
    </row>
    <row r="947" spans="1:57" x14ac:dyDescent="0.3">
      <c r="A947" t="s">
        <v>3659</v>
      </c>
      <c r="B947">
        <v>1890</v>
      </c>
      <c r="C947" t="s">
        <v>3660</v>
      </c>
      <c r="D947" t="s">
        <v>3661</v>
      </c>
      <c r="E947" t="s">
        <v>93</v>
      </c>
      <c r="F947">
        <v>1897</v>
      </c>
      <c r="G947">
        <v>127.86715867158669</v>
      </c>
      <c r="H947">
        <v>130</v>
      </c>
      <c r="I947">
        <v>5434.2280042094044</v>
      </c>
      <c r="J947">
        <v>73.717216470844889</v>
      </c>
      <c r="K947">
        <v>-2.0226761125065391E-2</v>
      </c>
      <c r="L947">
        <v>-1.1997930663341621</v>
      </c>
      <c r="M947">
        <v>7.9006171600969566</v>
      </c>
      <c r="N947">
        <v>17</v>
      </c>
      <c r="O947">
        <v>2</v>
      </c>
      <c r="P947">
        <v>15</v>
      </c>
      <c r="Q947">
        <v>2.739991441699396</v>
      </c>
      <c r="R947">
        <v>5.476290509204734</v>
      </c>
      <c r="S947">
        <v>2</v>
      </c>
      <c r="T947">
        <v>1</v>
      </c>
      <c r="U947">
        <v>1</v>
      </c>
      <c r="V947">
        <v>0.12150972984249341</v>
      </c>
      <c r="W947">
        <v>7.5270289812794413</v>
      </c>
      <c r="X947">
        <v>1</v>
      </c>
      <c r="Y947">
        <v>1</v>
      </c>
      <c r="Z947">
        <v>0</v>
      </c>
      <c r="AA947">
        <v>0</v>
      </c>
      <c r="AB947">
        <v>7.5469741175165241</v>
      </c>
      <c r="AC947">
        <v>1</v>
      </c>
      <c r="AD947">
        <v>1</v>
      </c>
      <c r="AE947">
        <v>0</v>
      </c>
      <c r="AF947">
        <v>0</v>
      </c>
      <c r="AG947">
        <v>7.5464462737460254</v>
      </c>
      <c r="AH947">
        <v>-3.0258210047127209E-2</v>
      </c>
      <c r="AI947">
        <v>2.022312366677758E-2</v>
      </c>
      <c r="AJ947">
        <v>2.016044389452902E-2</v>
      </c>
      <c r="AK947">
        <v>1.398598743326133E-2</v>
      </c>
      <c r="AL947">
        <v>2960.7729727901478</v>
      </c>
      <c r="AM947">
        <v>5706.0076589148903</v>
      </c>
      <c r="AN947">
        <v>242564</v>
      </c>
      <c r="AO947">
        <v>112.45524431532171</v>
      </c>
      <c r="AP947">
        <v>2601.936537373429</v>
      </c>
      <c r="AQ947">
        <v>1.012124406958355</v>
      </c>
      <c r="AR947">
        <v>4.0063257775434904</v>
      </c>
      <c r="AS947">
        <v>1888</v>
      </c>
      <c r="AT947">
        <v>259.36478650500788</v>
      </c>
      <c r="AU947">
        <v>1.3885701882228931E-2</v>
      </c>
      <c r="AV947">
        <v>-3.0285842819783498E-2</v>
      </c>
      <c r="AW947">
        <v>0.35793357933579328</v>
      </c>
      <c r="AX947">
        <v>87.133966244725741</v>
      </c>
      <c r="AY947">
        <v>64</v>
      </c>
      <c r="AZ947">
        <v>128</v>
      </c>
      <c r="BA947">
        <v>0.57651407317323566</v>
      </c>
      <c r="BB947">
        <v>0.50869794412229841</v>
      </c>
      <c r="BC947">
        <v>5.2907520609774554</v>
      </c>
      <c r="BD947" t="s">
        <v>3662</v>
      </c>
      <c r="BE947" t="s">
        <v>68</v>
      </c>
    </row>
    <row r="948" spans="1:57" x14ac:dyDescent="0.3">
      <c r="A948" t="s">
        <v>3663</v>
      </c>
      <c r="B948">
        <v>540</v>
      </c>
      <c r="C948" t="s">
        <v>3664</v>
      </c>
      <c r="D948" t="s">
        <v>3665</v>
      </c>
      <c r="E948" t="s">
        <v>72</v>
      </c>
      <c r="F948">
        <v>592</v>
      </c>
      <c r="G948">
        <v>127.9070945945946</v>
      </c>
      <c r="H948">
        <v>129</v>
      </c>
      <c r="I948">
        <v>5631.0538685856473</v>
      </c>
      <c r="J948">
        <v>75.04034827068466</v>
      </c>
      <c r="K948">
        <v>-2.5894644354787961E-2</v>
      </c>
      <c r="L948">
        <v>-1.238161158028426</v>
      </c>
      <c r="M948">
        <v>7.693907432516939</v>
      </c>
      <c r="N948">
        <v>8</v>
      </c>
      <c r="O948">
        <v>1</v>
      </c>
      <c r="P948">
        <v>7</v>
      </c>
      <c r="Q948">
        <v>1.2341744943567781</v>
      </c>
      <c r="R948">
        <v>5.3330102443383351</v>
      </c>
      <c r="S948">
        <v>2</v>
      </c>
      <c r="T948">
        <v>1</v>
      </c>
      <c r="U948">
        <v>1</v>
      </c>
      <c r="V948">
        <v>4.1134444405124058E-2</v>
      </c>
      <c r="W948">
        <v>6.3794703416681644</v>
      </c>
      <c r="X948">
        <v>1</v>
      </c>
      <c r="Y948">
        <v>1</v>
      </c>
      <c r="Z948">
        <v>0</v>
      </c>
      <c r="AA948">
        <v>0</v>
      </c>
      <c r="AB948">
        <v>6.3801225368997674</v>
      </c>
      <c r="AC948">
        <v>1</v>
      </c>
      <c r="AD948">
        <v>1</v>
      </c>
      <c r="AE948">
        <v>0</v>
      </c>
      <c r="AF948">
        <v>0</v>
      </c>
      <c r="AG948">
        <v>6.3784261836515856</v>
      </c>
      <c r="AH948">
        <v>3.0307431790007298E-2</v>
      </c>
      <c r="AI948">
        <v>0.1127560447874328</v>
      </c>
      <c r="AJ948">
        <v>-5.3132645980398192E-2</v>
      </c>
      <c r="AK948">
        <v>-1.169234177879106E-2</v>
      </c>
      <c r="AL948">
        <v>1738.975180154335</v>
      </c>
      <c r="AM948">
        <v>3161.4557284275229</v>
      </c>
      <c r="AN948">
        <v>75721</v>
      </c>
      <c r="AO948">
        <v>160.3501492753274</v>
      </c>
      <c r="AP948">
        <v>1494.7955022390549</v>
      </c>
      <c r="AQ948">
        <v>1.0388513513513511</v>
      </c>
      <c r="AR948">
        <v>3.998310810810811</v>
      </c>
      <c r="AS948">
        <v>589</v>
      </c>
      <c r="AT948">
        <v>138.48648648648651</v>
      </c>
      <c r="AU948">
        <v>2.3204822469528371E-2</v>
      </c>
      <c r="AV948">
        <v>3.0383552720897319E-2</v>
      </c>
      <c r="AW948">
        <v>0.35641891891891891</v>
      </c>
      <c r="AX948">
        <v>84.898477157360404</v>
      </c>
      <c r="AY948">
        <v>65.5</v>
      </c>
      <c r="AZ948">
        <v>130.25</v>
      </c>
      <c r="BA948">
        <v>0.5866785459284124</v>
      </c>
      <c r="BB948">
        <v>0.5033783783783784</v>
      </c>
      <c r="BC948">
        <v>5.1109459910149813</v>
      </c>
      <c r="BD948" t="s">
        <v>3666</v>
      </c>
      <c r="BE948" t="s">
        <v>62</v>
      </c>
    </row>
    <row r="949" spans="1:57" x14ac:dyDescent="0.3">
      <c r="A949" t="s">
        <v>3667</v>
      </c>
      <c r="B949">
        <v>773</v>
      </c>
      <c r="C949" t="s">
        <v>3668</v>
      </c>
      <c r="D949" t="s">
        <v>3669</v>
      </c>
      <c r="E949" t="s">
        <v>10622</v>
      </c>
      <c r="F949">
        <v>64</v>
      </c>
      <c r="G949">
        <v>121.140625</v>
      </c>
      <c r="H949">
        <v>113</v>
      </c>
      <c r="I949">
        <v>5593.527099609375</v>
      </c>
      <c r="J949">
        <v>74.789886345744463</v>
      </c>
      <c r="K949">
        <v>0.2337603952636701</v>
      </c>
      <c r="L949">
        <v>-1.25138250530512</v>
      </c>
      <c r="M949">
        <v>5.78125</v>
      </c>
      <c r="N949">
        <v>2</v>
      </c>
      <c r="O949">
        <v>1</v>
      </c>
      <c r="P949">
        <v>1</v>
      </c>
      <c r="Q949">
        <v>0.32821556024332821</v>
      </c>
      <c r="R949">
        <v>4.0072571376121839</v>
      </c>
      <c r="S949">
        <v>1</v>
      </c>
      <c r="T949">
        <v>1</v>
      </c>
      <c r="U949">
        <v>0</v>
      </c>
      <c r="V949">
        <v>0</v>
      </c>
      <c r="W949">
        <v>4.1431347263915326</v>
      </c>
      <c r="X949">
        <v>1</v>
      </c>
      <c r="Y949">
        <v>1</v>
      </c>
      <c r="Z949">
        <v>0</v>
      </c>
      <c r="AA949">
        <v>0</v>
      </c>
      <c r="AB949">
        <v>4.1271343850450908</v>
      </c>
      <c r="AC949">
        <v>1</v>
      </c>
      <c r="AD949">
        <v>1</v>
      </c>
      <c r="AE949">
        <v>0</v>
      </c>
      <c r="AF949">
        <v>0</v>
      </c>
      <c r="AG949">
        <v>4.1108738641733096</v>
      </c>
      <c r="AH949">
        <v>8.7397107539026853E-2</v>
      </c>
      <c r="AI949">
        <v>9.3629546581530596E-3</v>
      </c>
      <c r="AJ949">
        <v>-1.7558282072125168E-2</v>
      </c>
      <c r="AK949">
        <v>-4.86783388431112E-2</v>
      </c>
      <c r="AL949">
        <v>663.66752738967261</v>
      </c>
      <c r="AM949">
        <v>925.59948848758438</v>
      </c>
      <c r="AN949">
        <v>7753</v>
      </c>
      <c r="AO949">
        <v>78.178621962192523</v>
      </c>
      <c r="AP949">
        <v>531.31723354625365</v>
      </c>
      <c r="AQ949">
        <v>1.359375</v>
      </c>
      <c r="AR949">
        <v>4.15625</v>
      </c>
      <c r="AS949">
        <v>64</v>
      </c>
      <c r="AT949">
        <v>5.46875</v>
      </c>
      <c r="AU949">
        <v>0.15760334645669291</v>
      </c>
      <c r="AV949">
        <v>8.8131869262818033E-2</v>
      </c>
      <c r="AW949">
        <v>0.453125</v>
      </c>
      <c r="AX949">
        <v>79.698412698412696</v>
      </c>
      <c r="AY949">
        <v>63</v>
      </c>
      <c r="AZ949">
        <v>129.5</v>
      </c>
      <c r="BA949">
        <v>0.61738072051175619</v>
      </c>
      <c r="BB949">
        <v>0.5</v>
      </c>
      <c r="BC949">
        <v>3.9587918211102049</v>
      </c>
      <c r="BD949" t="s">
        <v>3670</v>
      </c>
      <c r="BE949" t="s">
        <v>62</v>
      </c>
    </row>
    <row r="950" spans="1:57" x14ac:dyDescent="0.3">
      <c r="A950" t="s">
        <v>3671</v>
      </c>
      <c r="B950">
        <v>3619</v>
      </c>
      <c r="C950" t="s">
        <v>3672</v>
      </c>
      <c r="D950" t="s">
        <v>3673</v>
      </c>
      <c r="E950" t="s">
        <v>128</v>
      </c>
      <c r="F950">
        <v>32</v>
      </c>
      <c r="G950">
        <v>140.25</v>
      </c>
      <c r="H950">
        <v>177</v>
      </c>
      <c r="I950">
        <v>7113.0625</v>
      </c>
      <c r="J950">
        <v>84.338973790294602</v>
      </c>
      <c r="K950">
        <v>-0.38907440403808469</v>
      </c>
      <c r="L950">
        <v>-1.375664411988293</v>
      </c>
      <c r="M950">
        <v>4.75</v>
      </c>
      <c r="N950">
        <v>2</v>
      </c>
      <c r="O950">
        <v>1</v>
      </c>
      <c r="P950">
        <v>1</v>
      </c>
      <c r="Q950">
        <v>0.3499271061118826</v>
      </c>
      <c r="R950">
        <v>3.2924491076597389</v>
      </c>
      <c r="S950">
        <v>1</v>
      </c>
      <c r="T950">
        <v>1</v>
      </c>
      <c r="U950">
        <v>0</v>
      </c>
      <c r="V950">
        <v>0</v>
      </c>
      <c r="W950">
        <v>3.4339872044851458</v>
      </c>
      <c r="X950">
        <v>1</v>
      </c>
      <c r="Y950">
        <v>1</v>
      </c>
      <c r="Z950">
        <v>0</v>
      </c>
      <c r="AA950">
        <v>0</v>
      </c>
      <c r="AB950">
        <v>3.401197381662155</v>
      </c>
      <c r="AC950">
        <v>1</v>
      </c>
      <c r="AD950">
        <v>1</v>
      </c>
      <c r="AE950">
        <v>0</v>
      </c>
      <c r="AF950">
        <v>0</v>
      </c>
      <c r="AG950">
        <v>3.3672958299864728</v>
      </c>
      <c r="AH950">
        <v>-0.28795531328805279</v>
      </c>
      <c r="AI950">
        <v>8.9382759711446366E-2</v>
      </c>
      <c r="AJ950">
        <v>0.25666000711718762</v>
      </c>
      <c r="AK950">
        <v>7.6341172490752049E-2</v>
      </c>
      <c r="AL950">
        <v>553.49874852975006</v>
      </c>
      <c r="AM950">
        <v>742.09105598706719</v>
      </c>
      <c r="AN950">
        <v>4488</v>
      </c>
      <c r="AO950">
        <v>116.15758498848039</v>
      </c>
      <c r="AP950">
        <v>429.02624303696501</v>
      </c>
      <c r="AQ950">
        <v>1.71875</v>
      </c>
      <c r="AR950">
        <v>4.125</v>
      </c>
      <c r="AS950">
        <v>32</v>
      </c>
      <c r="AT950">
        <v>3</v>
      </c>
      <c r="AU950">
        <v>0.2139809236947792</v>
      </c>
      <c r="AV950">
        <v>-0.30560624565181821</v>
      </c>
      <c r="AW950">
        <v>0.21875</v>
      </c>
      <c r="AX950">
        <v>111.38709677419359</v>
      </c>
      <c r="AY950">
        <v>60</v>
      </c>
      <c r="AZ950">
        <v>144</v>
      </c>
      <c r="BA950">
        <v>0.60134740670441789</v>
      </c>
      <c r="BB950">
        <v>0.59375</v>
      </c>
      <c r="BC950">
        <v>3.3445488586064429</v>
      </c>
      <c r="BD950" t="s">
        <v>3674</v>
      </c>
      <c r="BE950" t="s">
        <v>62</v>
      </c>
    </row>
    <row r="951" spans="1:57" x14ac:dyDescent="0.3">
      <c r="A951" t="s">
        <v>3675</v>
      </c>
      <c r="B951">
        <v>2373</v>
      </c>
      <c r="C951" t="s">
        <v>3676</v>
      </c>
      <c r="D951" t="s">
        <v>3677</v>
      </c>
      <c r="E951" t="s">
        <v>93</v>
      </c>
      <c r="F951">
        <v>2421</v>
      </c>
      <c r="G951">
        <v>124.6683188764973</v>
      </c>
      <c r="H951">
        <v>123</v>
      </c>
      <c r="I951">
        <v>5416.0110120024074</v>
      </c>
      <c r="J951">
        <v>73.593552788287155</v>
      </c>
      <c r="K951">
        <v>6.4123555298444865E-2</v>
      </c>
      <c r="L951">
        <v>-1.1759157703679961</v>
      </c>
      <c r="M951">
        <v>7.9289655945032056</v>
      </c>
      <c r="N951">
        <v>18</v>
      </c>
      <c r="O951">
        <v>3</v>
      </c>
      <c r="P951">
        <v>15</v>
      </c>
      <c r="Q951">
        <v>2.929861973971374</v>
      </c>
      <c r="R951">
        <v>5.4959401465867046</v>
      </c>
      <c r="S951">
        <v>3</v>
      </c>
      <c r="T951">
        <v>1</v>
      </c>
      <c r="U951">
        <v>2</v>
      </c>
      <c r="V951">
        <v>0.1253457899034883</v>
      </c>
      <c r="W951">
        <v>7.7706840401655732</v>
      </c>
      <c r="X951">
        <v>1</v>
      </c>
      <c r="Y951">
        <v>1</v>
      </c>
      <c r="Z951">
        <v>0</v>
      </c>
      <c r="AA951">
        <v>0</v>
      </c>
      <c r="AB951">
        <v>7.7911095106100294</v>
      </c>
      <c r="AC951">
        <v>1</v>
      </c>
      <c r="AD951">
        <v>1</v>
      </c>
      <c r="AE951">
        <v>0</v>
      </c>
      <c r="AF951">
        <v>0</v>
      </c>
      <c r="AG951">
        <v>7.7906960311747397</v>
      </c>
      <c r="AH951">
        <v>-1.5872432779931039E-2</v>
      </c>
      <c r="AI951">
        <v>-3.1199179040969008E-4</v>
      </c>
      <c r="AJ951">
        <v>-8.1642919805049053E-3</v>
      </c>
      <c r="AK951">
        <v>2.2338069508639129E-2</v>
      </c>
      <c r="AL951">
        <v>3315.7487684091889</v>
      </c>
      <c r="AM951">
        <v>6304.4122727493732</v>
      </c>
      <c r="AN951">
        <v>301821.99999999988</v>
      </c>
      <c r="AO951">
        <v>49.99425268417118</v>
      </c>
      <c r="AP951">
        <v>2939.0190347298189</v>
      </c>
      <c r="AQ951">
        <v>1.0095002065262291</v>
      </c>
      <c r="AR951">
        <v>3.961999173895085</v>
      </c>
      <c r="AS951">
        <v>2413</v>
      </c>
      <c r="AT951">
        <v>232.36968194960761</v>
      </c>
      <c r="AU951">
        <v>2.420973345967881E-2</v>
      </c>
      <c r="AV951">
        <v>-1.5879759492798112E-2</v>
      </c>
      <c r="AW951">
        <v>0.38537794299876083</v>
      </c>
      <c r="AX951">
        <v>85.783884297520657</v>
      </c>
      <c r="AY951">
        <v>62</v>
      </c>
      <c r="AZ951">
        <v>124</v>
      </c>
      <c r="BA951">
        <v>0.59031479249505736</v>
      </c>
      <c r="BB951">
        <v>0.49524989673688558</v>
      </c>
      <c r="BC951">
        <v>5.2888874410438786</v>
      </c>
      <c r="BD951" t="s">
        <v>3678</v>
      </c>
      <c r="BE951" t="s">
        <v>68</v>
      </c>
    </row>
    <row r="952" spans="1:57" x14ac:dyDescent="0.3">
      <c r="A952" t="s">
        <v>3679</v>
      </c>
      <c r="B952">
        <v>2709</v>
      </c>
      <c r="C952" t="s">
        <v>3680</v>
      </c>
      <c r="D952" t="s">
        <v>3681</v>
      </c>
      <c r="E952" t="s">
        <v>10622</v>
      </c>
      <c r="F952">
        <v>64</v>
      </c>
      <c r="G952">
        <v>117.6875</v>
      </c>
      <c r="H952">
        <v>123.5</v>
      </c>
      <c r="I952">
        <v>5535.93359375</v>
      </c>
      <c r="J952">
        <v>74.403854696850217</v>
      </c>
      <c r="K952">
        <v>9.358601609302962E-2</v>
      </c>
      <c r="L952">
        <v>-1.305035752022325</v>
      </c>
      <c r="M952">
        <v>5.726409765557392</v>
      </c>
      <c r="N952">
        <v>3</v>
      </c>
      <c r="O952">
        <v>1</v>
      </c>
      <c r="P952">
        <v>2</v>
      </c>
      <c r="Q952">
        <v>0.44031528592635538</v>
      </c>
      <c r="R952">
        <v>3.969244783727043</v>
      </c>
      <c r="S952">
        <v>1</v>
      </c>
      <c r="T952">
        <v>1</v>
      </c>
      <c r="U952">
        <v>0</v>
      </c>
      <c r="V952">
        <v>0</v>
      </c>
      <c r="W952">
        <v>4.1431347263915326</v>
      </c>
      <c r="X952">
        <v>1</v>
      </c>
      <c r="Y952">
        <v>1</v>
      </c>
      <c r="Z952">
        <v>0</v>
      </c>
      <c r="AA952">
        <v>0</v>
      </c>
      <c r="AB952">
        <v>4.1271343850450908</v>
      </c>
      <c r="AC952">
        <v>1</v>
      </c>
      <c r="AD952">
        <v>1</v>
      </c>
      <c r="AE952">
        <v>0</v>
      </c>
      <c r="AF952">
        <v>0</v>
      </c>
      <c r="AG952">
        <v>4.1108738641733096</v>
      </c>
      <c r="AH952">
        <v>-4.7531532709944049E-2</v>
      </c>
      <c r="AI952">
        <v>-6.011014067184637E-2</v>
      </c>
      <c r="AJ952">
        <v>0.1178107639611656</v>
      </c>
      <c r="AK952">
        <v>5.5520674054949232E-2</v>
      </c>
      <c r="AL952">
        <v>652.146467867247</v>
      </c>
      <c r="AM952">
        <v>903.00995811135635</v>
      </c>
      <c r="AN952">
        <v>7532</v>
      </c>
      <c r="AO952">
        <v>105.1050613909142</v>
      </c>
      <c r="AP952">
        <v>534.0055133939378</v>
      </c>
      <c r="AQ952">
        <v>1.359375</v>
      </c>
      <c r="AR952">
        <v>3.859375</v>
      </c>
      <c r="AS952">
        <v>63</v>
      </c>
      <c r="AT952">
        <v>9.5</v>
      </c>
      <c r="AU952">
        <v>0.1267292490118577</v>
      </c>
      <c r="AV952">
        <v>-4.8118895880299647E-2</v>
      </c>
      <c r="AW952">
        <v>0.359375</v>
      </c>
      <c r="AX952">
        <v>84.492063492063494</v>
      </c>
      <c r="AY952">
        <v>68</v>
      </c>
      <c r="AZ952">
        <v>128.25</v>
      </c>
      <c r="BA952">
        <v>0.63221544086542936</v>
      </c>
      <c r="BB952">
        <v>0.53125</v>
      </c>
      <c r="BC952">
        <v>3.8184582606263331</v>
      </c>
      <c r="BD952" t="s">
        <v>3682</v>
      </c>
      <c r="BE952" t="s">
        <v>62</v>
      </c>
    </row>
    <row r="953" spans="1:57" x14ac:dyDescent="0.3">
      <c r="A953" t="s">
        <v>3683</v>
      </c>
      <c r="B953">
        <v>1717</v>
      </c>
      <c r="C953" t="s">
        <v>3684</v>
      </c>
      <c r="D953" t="s">
        <v>3685</v>
      </c>
      <c r="E953" t="s">
        <v>72</v>
      </c>
      <c r="F953">
        <v>1728</v>
      </c>
      <c r="G953">
        <v>125.8015046296296</v>
      </c>
      <c r="H953">
        <v>128</v>
      </c>
      <c r="I953">
        <v>5487.2077060694228</v>
      </c>
      <c r="J953">
        <v>74.07568903540097</v>
      </c>
      <c r="K953">
        <v>-1.172920555255226E-2</v>
      </c>
      <c r="L953">
        <v>-1.1897082004056809</v>
      </c>
      <c r="M953">
        <v>7.9058658954182057</v>
      </c>
      <c r="N953">
        <v>14</v>
      </c>
      <c r="O953">
        <v>1</v>
      </c>
      <c r="P953">
        <v>13</v>
      </c>
      <c r="Q953">
        <v>2.4125323832023482</v>
      </c>
      <c r="R953">
        <v>5.479928655294156</v>
      </c>
      <c r="S953">
        <v>2</v>
      </c>
      <c r="T953">
        <v>1</v>
      </c>
      <c r="U953">
        <v>1</v>
      </c>
      <c r="V953">
        <v>0.15214641116448679</v>
      </c>
      <c r="W953">
        <v>7.4220323494583198</v>
      </c>
      <c r="X953">
        <v>2</v>
      </c>
      <c r="Y953">
        <v>1</v>
      </c>
      <c r="Z953">
        <v>1</v>
      </c>
      <c r="AA953">
        <v>0.112889810939327</v>
      </c>
      <c r="AB953">
        <v>7.4358918392304902</v>
      </c>
      <c r="AC953">
        <v>2</v>
      </c>
      <c r="AD953">
        <v>1</v>
      </c>
      <c r="AE953">
        <v>1</v>
      </c>
      <c r="AF953">
        <v>0.1103270777034739</v>
      </c>
      <c r="AG953">
        <v>7.436105702460523</v>
      </c>
      <c r="AH953">
        <v>-2.140662053668831E-2</v>
      </c>
      <c r="AI953">
        <v>-1.540332197961235E-3</v>
      </c>
      <c r="AJ953">
        <v>-3.4011269730120607E-2</v>
      </c>
      <c r="AK953">
        <v>2.2690063567323711E-3</v>
      </c>
      <c r="AL953">
        <v>2848.411727421068</v>
      </c>
      <c r="AM953">
        <v>5358.7130573571603</v>
      </c>
      <c r="AN953">
        <v>217385</v>
      </c>
      <c r="AO953">
        <v>127.92949713531441</v>
      </c>
      <c r="AP953">
        <v>2624.748999425869</v>
      </c>
      <c r="AQ953">
        <v>1.0133101851851849</v>
      </c>
      <c r="AR953">
        <v>3.9554398148148149</v>
      </c>
      <c r="AS953">
        <v>1723</v>
      </c>
      <c r="AT953">
        <v>220.74074074074079</v>
      </c>
      <c r="AU953">
        <v>2.0915032679738561E-2</v>
      </c>
      <c r="AV953">
        <v>-2.1417535370029279E-2</v>
      </c>
      <c r="AW953">
        <v>0.35590277777777779</v>
      </c>
      <c r="AX953">
        <v>86.984944991314421</v>
      </c>
      <c r="AY953">
        <v>64</v>
      </c>
      <c r="AZ953">
        <v>128.5</v>
      </c>
      <c r="BA953">
        <v>0.58882991307207433</v>
      </c>
      <c r="BB953">
        <v>0.5063657407407407</v>
      </c>
      <c r="BC953">
        <v>5.2909230512251373</v>
      </c>
      <c r="BD953" t="s">
        <v>3686</v>
      </c>
      <c r="BE953" t="s">
        <v>3687</v>
      </c>
    </row>
    <row r="954" spans="1:57" x14ac:dyDescent="0.3">
      <c r="A954" t="s">
        <v>3688</v>
      </c>
      <c r="B954">
        <v>1378</v>
      </c>
      <c r="C954" t="s">
        <v>3689</v>
      </c>
      <c r="D954" t="s">
        <v>3690</v>
      </c>
      <c r="E954" t="s">
        <v>93</v>
      </c>
      <c r="F954">
        <v>1444</v>
      </c>
      <c r="G954">
        <v>127.4120498614958</v>
      </c>
      <c r="H954">
        <v>126</v>
      </c>
      <c r="I954">
        <v>5590.3184420584557</v>
      </c>
      <c r="J954">
        <v>74.768432122510475</v>
      </c>
      <c r="K954">
        <v>3.4851891751616827E-2</v>
      </c>
      <c r="L954">
        <v>-1.2241124298120141</v>
      </c>
      <c r="M954">
        <v>7.8923302104867572</v>
      </c>
      <c r="N954">
        <v>12</v>
      </c>
      <c r="O954">
        <v>1</v>
      </c>
      <c r="P954">
        <v>11</v>
      </c>
      <c r="Q954">
        <v>2.1441576689635018</v>
      </c>
      <c r="R954">
        <v>5.4705464334469642</v>
      </c>
      <c r="S954">
        <v>3</v>
      </c>
      <c r="T954">
        <v>1</v>
      </c>
      <c r="U954">
        <v>2</v>
      </c>
      <c r="V954">
        <v>0.1207027897684918</v>
      </c>
      <c r="W954">
        <v>7.2558635913414111</v>
      </c>
      <c r="X954">
        <v>1</v>
      </c>
      <c r="Y954">
        <v>1</v>
      </c>
      <c r="Z954">
        <v>0</v>
      </c>
      <c r="AA954">
        <v>0</v>
      </c>
      <c r="AB954">
        <v>7.2737863178448956</v>
      </c>
      <c r="AC954">
        <v>1</v>
      </c>
      <c r="AD954">
        <v>1</v>
      </c>
      <c r="AE954">
        <v>0</v>
      </c>
      <c r="AF954">
        <v>0</v>
      </c>
      <c r="AG954">
        <v>7.2730925959995201</v>
      </c>
      <c r="AH954">
        <v>-1.049339546111229E-2</v>
      </c>
      <c r="AI954">
        <v>-5.5822347996512542E-3</v>
      </c>
      <c r="AJ954">
        <v>-2.4909601740149501E-2</v>
      </c>
      <c r="AK954">
        <v>2.8711157288256579E-2</v>
      </c>
      <c r="AL954">
        <v>2623.6308342046718</v>
      </c>
      <c r="AM954">
        <v>4962.9257747633601</v>
      </c>
      <c r="AN954">
        <v>183983</v>
      </c>
      <c r="AO954">
        <v>55.282549145915901</v>
      </c>
      <c r="AP954">
        <v>2290.7694007709902</v>
      </c>
      <c r="AQ954">
        <v>1.0159279778393351</v>
      </c>
      <c r="AR954">
        <v>4.0103878116343488</v>
      </c>
      <c r="AS954">
        <v>1439</v>
      </c>
      <c r="AT954">
        <v>208.65373961218839</v>
      </c>
      <c r="AU954">
        <v>2.017272282874372E-2</v>
      </c>
      <c r="AV954">
        <v>-1.049463938581586E-2</v>
      </c>
      <c r="AW954">
        <v>0.37326869806094182</v>
      </c>
      <c r="AX954">
        <v>86.854469854469855</v>
      </c>
      <c r="AY954">
        <v>66</v>
      </c>
      <c r="AZ954">
        <v>131</v>
      </c>
      <c r="BA954">
        <v>0.58682386951460253</v>
      </c>
      <c r="BB954">
        <v>0.49584487534626043</v>
      </c>
      <c r="BC954">
        <v>5.2694088634634664</v>
      </c>
      <c r="BD954" t="s">
        <v>3691</v>
      </c>
      <c r="BE954" t="s">
        <v>68</v>
      </c>
    </row>
    <row r="955" spans="1:57" x14ac:dyDescent="0.3">
      <c r="A955" t="s">
        <v>3692</v>
      </c>
      <c r="B955">
        <v>592</v>
      </c>
      <c r="C955" t="s">
        <v>3693</v>
      </c>
      <c r="D955" t="s">
        <v>3694</v>
      </c>
      <c r="E955" t="s">
        <v>93</v>
      </c>
      <c r="F955">
        <v>592</v>
      </c>
      <c r="G955">
        <v>127.9273648648649</v>
      </c>
      <c r="H955">
        <v>125</v>
      </c>
      <c r="I955">
        <v>5299.5403322452521</v>
      </c>
      <c r="J955">
        <v>72.797941813249452</v>
      </c>
      <c r="K955">
        <v>6.0174431401008267E-3</v>
      </c>
      <c r="L955">
        <v>-1.173567908367712</v>
      </c>
      <c r="M955">
        <v>7.615278916627334</v>
      </c>
      <c r="N955">
        <v>8</v>
      </c>
      <c r="O955">
        <v>1</v>
      </c>
      <c r="P955">
        <v>7</v>
      </c>
      <c r="Q955">
        <v>1.4702863919945861</v>
      </c>
      <c r="R955">
        <v>5.2785091102378461</v>
      </c>
      <c r="S955">
        <v>2</v>
      </c>
      <c r="T955">
        <v>1</v>
      </c>
      <c r="U955">
        <v>1</v>
      </c>
      <c r="V955">
        <v>5.8172637348087662E-2</v>
      </c>
      <c r="W955">
        <v>6.3771246659302294</v>
      </c>
      <c r="X955">
        <v>1</v>
      </c>
      <c r="Y955">
        <v>1</v>
      </c>
      <c r="Z955">
        <v>0</v>
      </c>
      <c r="AA955">
        <v>0</v>
      </c>
      <c r="AB955">
        <v>6.3801225368997674</v>
      </c>
      <c r="AC955">
        <v>1</v>
      </c>
      <c r="AD955">
        <v>1</v>
      </c>
      <c r="AE955">
        <v>0</v>
      </c>
      <c r="AF955">
        <v>0</v>
      </c>
      <c r="AG955">
        <v>6.3784261836515856</v>
      </c>
      <c r="AH955">
        <v>8.2682086752063635E-2</v>
      </c>
      <c r="AI955">
        <v>-6.4644278187055051E-2</v>
      </c>
      <c r="AJ955">
        <v>1.6721840362233939E-2</v>
      </c>
      <c r="AK955">
        <v>-3.3407017501868461E-2</v>
      </c>
      <c r="AL955">
        <v>1680.6319938619081</v>
      </c>
      <c r="AM955">
        <v>3162.4558654956359</v>
      </c>
      <c r="AN955">
        <v>75733</v>
      </c>
      <c r="AO955">
        <v>50.418003296469358</v>
      </c>
      <c r="AP955">
        <v>1450.5919868655931</v>
      </c>
      <c r="AQ955">
        <v>1.0388513513513511</v>
      </c>
      <c r="AR955">
        <v>4.0608108108108114</v>
      </c>
      <c r="AS955">
        <v>588</v>
      </c>
      <c r="AT955">
        <v>189.82432432432429</v>
      </c>
      <c r="AU955">
        <v>2.7113142554319011E-2</v>
      </c>
      <c r="AV955">
        <v>8.2924420507676982E-2</v>
      </c>
      <c r="AW955">
        <v>0.39189189189189189</v>
      </c>
      <c r="AX955">
        <v>80.939086294416242</v>
      </c>
      <c r="AY955">
        <v>62</v>
      </c>
      <c r="AZ955">
        <v>123.5</v>
      </c>
      <c r="BA955">
        <v>0.56905683854388012</v>
      </c>
      <c r="BB955">
        <v>0.48648648648648651</v>
      </c>
      <c r="BC955">
        <v>5.1137109009581057</v>
      </c>
      <c r="BD955" t="s">
        <v>3695</v>
      </c>
      <c r="BE955" t="s">
        <v>62</v>
      </c>
    </row>
    <row r="956" spans="1:57" x14ac:dyDescent="0.3">
      <c r="A956" t="s">
        <v>3696</v>
      </c>
      <c r="B956">
        <v>3431</v>
      </c>
      <c r="C956" t="s">
        <v>3697</v>
      </c>
      <c r="D956" t="s">
        <v>3698</v>
      </c>
      <c r="E956" t="s">
        <v>106</v>
      </c>
      <c r="F956">
        <v>3481</v>
      </c>
      <c r="G956">
        <v>127.5099109451307</v>
      </c>
      <c r="H956">
        <v>128</v>
      </c>
      <c r="I956">
        <v>5475.4610479955163</v>
      </c>
      <c r="J956">
        <v>73.996358342796285</v>
      </c>
      <c r="K956">
        <v>5.6688447280496389E-3</v>
      </c>
      <c r="L956">
        <v>-1.1974846921460149</v>
      </c>
      <c r="M956">
        <v>7.9487798683357296</v>
      </c>
      <c r="N956">
        <v>25</v>
      </c>
      <c r="O956">
        <v>5</v>
      </c>
      <c r="P956">
        <v>20</v>
      </c>
      <c r="Q956">
        <v>3.5879347481296171</v>
      </c>
      <c r="R956">
        <v>5.5096743546285571</v>
      </c>
      <c r="S956">
        <v>3</v>
      </c>
      <c r="T956">
        <v>1</v>
      </c>
      <c r="U956">
        <v>2</v>
      </c>
      <c r="V956">
        <v>0.1608580963098607</v>
      </c>
      <c r="W956">
        <v>8.1202278568651192</v>
      </c>
      <c r="X956">
        <v>1</v>
      </c>
      <c r="Y956">
        <v>1</v>
      </c>
      <c r="Z956">
        <v>0</v>
      </c>
      <c r="AA956">
        <v>0</v>
      </c>
      <c r="AB956">
        <v>8.1545001751519415</v>
      </c>
      <c r="AC956">
        <v>1</v>
      </c>
      <c r="AD956">
        <v>1</v>
      </c>
      <c r="AE956">
        <v>0</v>
      </c>
      <c r="AF956">
        <v>0</v>
      </c>
      <c r="AG956">
        <v>8.1542126949142304</v>
      </c>
      <c r="AH956">
        <v>1.328950751838358E-2</v>
      </c>
      <c r="AI956">
        <v>3.2838981608826867E-2</v>
      </c>
      <c r="AJ956">
        <v>-2.1456330485516029E-2</v>
      </c>
      <c r="AK956">
        <v>1.7379234938387489E-3</v>
      </c>
      <c r="AL956">
        <v>4001.8874054257481</v>
      </c>
      <c r="AM956">
        <v>7722.8091517461944</v>
      </c>
      <c r="AN956">
        <v>443862</v>
      </c>
      <c r="AO956">
        <v>45.612641001258048</v>
      </c>
      <c r="AP956">
        <v>3636.5326017617481</v>
      </c>
      <c r="AQ956">
        <v>1.006607296753806</v>
      </c>
      <c r="AR956">
        <v>4.0031600114909507</v>
      </c>
      <c r="AS956">
        <v>3466</v>
      </c>
      <c r="AT956">
        <v>242.36225222637171</v>
      </c>
      <c r="AU956">
        <v>9.7391441494724673E-3</v>
      </c>
      <c r="AV956">
        <v>1.3293972452580009E-2</v>
      </c>
      <c r="AW956">
        <v>0.370870439528871</v>
      </c>
      <c r="AX956">
        <v>85.081034482758625</v>
      </c>
      <c r="AY956">
        <v>65</v>
      </c>
      <c r="AZ956">
        <v>128</v>
      </c>
      <c r="BA956">
        <v>0.58031848500496519</v>
      </c>
      <c r="BB956">
        <v>0.50416546969261711</v>
      </c>
      <c r="BC956">
        <v>5.3145822024521223</v>
      </c>
      <c r="BD956" t="s">
        <v>3699</v>
      </c>
      <c r="BE956" t="s">
        <v>68</v>
      </c>
    </row>
    <row r="957" spans="1:57" x14ac:dyDescent="0.3">
      <c r="A957" t="s">
        <v>3700</v>
      </c>
      <c r="B957">
        <v>1590</v>
      </c>
      <c r="C957" t="s">
        <v>3701</v>
      </c>
      <c r="D957" t="s">
        <v>3702</v>
      </c>
      <c r="E957" t="s">
        <v>98</v>
      </c>
      <c r="F957">
        <v>16</v>
      </c>
      <c r="G957">
        <v>141.625</v>
      </c>
      <c r="H957">
        <v>156</v>
      </c>
      <c r="I957">
        <v>4107.984375</v>
      </c>
      <c r="J957">
        <v>64.093559543841849</v>
      </c>
      <c r="K957">
        <v>-0.43751140579675429</v>
      </c>
      <c r="L957">
        <v>-0.35792343654884512</v>
      </c>
      <c r="M957">
        <v>3.75</v>
      </c>
      <c r="N957">
        <v>2</v>
      </c>
      <c r="O957">
        <v>1</v>
      </c>
      <c r="P957">
        <v>1</v>
      </c>
      <c r="Q957">
        <v>0.3499271061118826</v>
      </c>
      <c r="R957">
        <v>2.5993019270997948</v>
      </c>
      <c r="S957">
        <v>1</v>
      </c>
      <c r="T957">
        <v>1</v>
      </c>
      <c r="U957">
        <v>0</v>
      </c>
      <c r="V957">
        <v>0</v>
      </c>
      <c r="W957">
        <v>2.7080502011022101</v>
      </c>
      <c r="X957">
        <v>1</v>
      </c>
      <c r="Y957">
        <v>1</v>
      </c>
      <c r="Z957">
        <v>0</v>
      </c>
      <c r="AA957">
        <v>0</v>
      </c>
      <c r="AB957">
        <v>2.639057329615258</v>
      </c>
      <c r="AC957">
        <v>1</v>
      </c>
      <c r="AD957">
        <v>1</v>
      </c>
      <c r="AE957">
        <v>0</v>
      </c>
      <c r="AF957">
        <v>0</v>
      </c>
      <c r="AG957">
        <v>2.5649493574615372</v>
      </c>
      <c r="AH957">
        <v>-0.1937939549885703</v>
      </c>
      <c r="AI957">
        <v>0.1063206750573388</v>
      </c>
      <c r="AJ957">
        <v>9.4663926195556677E-2</v>
      </c>
      <c r="AK957">
        <v>6.2300074930299612E-2</v>
      </c>
      <c r="AL957">
        <v>374.44878540533642</v>
      </c>
      <c r="AM957">
        <v>496.42532883452708</v>
      </c>
      <c r="AN957">
        <v>2266</v>
      </c>
      <c r="AO957">
        <v>134.23859355639871</v>
      </c>
      <c r="AP957">
        <v>285.75984008988178</v>
      </c>
      <c r="AQ957">
        <v>2.3125</v>
      </c>
      <c r="AR957">
        <v>4.5625</v>
      </c>
      <c r="AS957">
        <v>16</v>
      </c>
      <c r="AT957">
        <v>1.5</v>
      </c>
      <c r="AU957">
        <v>0.23185483870967741</v>
      </c>
      <c r="AV957">
        <v>-0.20776823790418009</v>
      </c>
      <c r="AW957">
        <v>0.1875</v>
      </c>
      <c r="AX957">
        <v>84.666666666666671</v>
      </c>
      <c r="AY957">
        <v>40.5</v>
      </c>
      <c r="AZ957">
        <v>75.5</v>
      </c>
      <c r="BA957">
        <v>0.45255823155404662</v>
      </c>
      <c r="BB957">
        <v>0.6875</v>
      </c>
      <c r="BC957">
        <v>2.7080502011022101</v>
      </c>
      <c r="BD957" t="s">
        <v>3701</v>
      </c>
      <c r="BE957" t="s">
        <v>62</v>
      </c>
    </row>
    <row r="958" spans="1:57" x14ac:dyDescent="0.3">
      <c r="A958" t="s">
        <v>3703</v>
      </c>
      <c r="B958">
        <v>1034</v>
      </c>
      <c r="C958" t="s">
        <v>3704</v>
      </c>
      <c r="D958" t="s">
        <v>3705</v>
      </c>
      <c r="E958" t="s">
        <v>128</v>
      </c>
      <c r="F958">
        <v>32</v>
      </c>
      <c r="G958">
        <v>115.71875</v>
      </c>
      <c r="H958">
        <v>122</v>
      </c>
      <c r="I958">
        <v>5741.9521484375</v>
      </c>
      <c r="J958">
        <v>75.775669897649209</v>
      </c>
      <c r="K958">
        <v>-2.8039212107326549E-3</v>
      </c>
      <c r="L958">
        <v>-1.274554022453807</v>
      </c>
      <c r="M958">
        <v>4.8125</v>
      </c>
      <c r="N958">
        <v>2</v>
      </c>
      <c r="O958">
        <v>1</v>
      </c>
      <c r="P958">
        <v>1</v>
      </c>
      <c r="Q958">
        <v>0.3045434781492361</v>
      </c>
      <c r="R958">
        <v>3.335770806444736</v>
      </c>
      <c r="S958">
        <v>1</v>
      </c>
      <c r="T958">
        <v>1</v>
      </c>
      <c r="U958">
        <v>0</v>
      </c>
      <c r="V958">
        <v>0</v>
      </c>
      <c r="W958">
        <v>3.4339872044851458</v>
      </c>
      <c r="X958">
        <v>1</v>
      </c>
      <c r="Y958">
        <v>1</v>
      </c>
      <c r="Z958">
        <v>0</v>
      </c>
      <c r="AA958">
        <v>0</v>
      </c>
      <c r="AB958">
        <v>3.401197381662155</v>
      </c>
      <c r="AC958">
        <v>1</v>
      </c>
      <c r="AD958">
        <v>1</v>
      </c>
      <c r="AE958">
        <v>0</v>
      </c>
      <c r="AF958">
        <v>0</v>
      </c>
      <c r="AG958">
        <v>3.3672958299864728</v>
      </c>
      <c r="AH958">
        <v>-6.2746879804087205E-2</v>
      </c>
      <c r="AI958">
        <v>-0.121514004655633</v>
      </c>
      <c r="AJ958">
        <v>-0.1120601467254015</v>
      </c>
      <c r="AK958">
        <v>-5.1115583563884168E-2</v>
      </c>
      <c r="AL958">
        <v>502.19738312523748</v>
      </c>
      <c r="AM958">
        <v>600.03898905168091</v>
      </c>
      <c r="AN958">
        <v>3703</v>
      </c>
      <c r="AO958">
        <v>37.391541102549191</v>
      </c>
      <c r="AP958">
        <v>440.34537305207289</v>
      </c>
      <c r="AQ958">
        <v>1.65625</v>
      </c>
      <c r="AR958">
        <v>3.84375</v>
      </c>
      <c r="AS958">
        <v>32</v>
      </c>
      <c r="AT958">
        <v>2.4375</v>
      </c>
      <c r="AU958">
        <v>0.14901859504132231</v>
      </c>
      <c r="AV958">
        <v>-6.4663803901566078E-2</v>
      </c>
      <c r="AW958">
        <v>0.25</v>
      </c>
      <c r="AX958">
        <v>92.741935483870961</v>
      </c>
      <c r="AY958">
        <v>65</v>
      </c>
      <c r="AZ958">
        <v>148.5</v>
      </c>
      <c r="BA958">
        <v>0.65482620489461918</v>
      </c>
      <c r="BB958">
        <v>0.5625</v>
      </c>
      <c r="BC958">
        <v>3.3445488586064429</v>
      </c>
      <c r="BD958" t="s">
        <v>3706</v>
      </c>
      <c r="BE958" t="s">
        <v>62</v>
      </c>
    </row>
    <row r="959" spans="1:57" x14ac:dyDescent="0.3">
      <c r="A959" t="s">
        <v>3707</v>
      </c>
      <c r="B959">
        <v>808</v>
      </c>
      <c r="C959" t="s">
        <v>3708</v>
      </c>
      <c r="D959" t="s">
        <v>3709</v>
      </c>
      <c r="E959" t="s">
        <v>106</v>
      </c>
      <c r="F959">
        <v>816</v>
      </c>
      <c r="G959">
        <v>130.23039215686271</v>
      </c>
      <c r="H959">
        <v>131</v>
      </c>
      <c r="I959">
        <v>5388.353782199154</v>
      </c>
      <c r="J959">
        <v>73.405407036533447</v>
      </c>
      <c r="K959">
        <v>-6.411784162754737E-2</v>
      </c>
      <c r="L959">
        <v>-1.180654112711035</v>
      </c>
      <c r="M959">
        <v>7.747226835432131</v>
      </c>
      <c r="N959">
        <v>9</v>
      </c>
      <c r="O959">
        <v>1</v>
      </c>
      <c r="P959">
        <v>8</v>
      </c>
      <c r="Q959">
        <v>1.6652485965402359</v>
      </c>
      <c r="R959">
        <v>5.3699684381381143</v>
      </c>
      <c r="S959">
        <v>2</v>
      </c>
      <c r="T959">
        <v>1</v>
      </c>
      <c r="U959">
        <v>1</v>
      </c>
      <c r="V959">
        <v>4.9537590567287258E-2</v>
      </c>
      <c r="W959">
        <v>6.6997861638884197</v>
      </c>
      <c r="X959">
        <v>1</v>
      </c>
      <c r="Y959">
        <v>1</v>
      </c>
      <c r="Z959">
        <v>0</v>
      </c>
      <c r="AA959">
        <v>0</v>
      </c>
      <c r="AB959">
        <v>6.70196036600254</v>
      </c>
      <c r="AC959">
        <v>1</v>
      </c>
      <c r="AD959">
        <v>1</v>
      </c>
      <c r="AE959">
        <v>0</v>
      </c>
      <c r="AF959">
        <v>0</v>
      </c>
      <c r="AG959">
        <v>6.700731109547811</v>
      </c>
      <c r="AH959">
        <v>4.3990051489979608E-2</v>
      </c>
      <c r="AI959">
        <v>-8.6789060427636868E-3</v>
      </c>
      <c r="AJ959">
        <v>-2.343910079582472E-2</v>
      </c>
      <c r="AK959">
        <v>9.5181181473117087E-4</v>
      </c>
      <c r="AL959">
        <v>1989.8557273134229</v>
      </c>
      <c r="AM959">
        <v>3778.451294442998</v>
      </c>
      <c r="AN959">
        <v>106268</v>
      </c>
      <c r="AO959">
        <v>61.156326697175309</v>
      </c>
      <c r="AP959">
        <v>1785.692134905325</v>
      </c>
      <c r="AQ959">
        <v>1.028186274509804</v>
      </c>
      <c r="AR959">
        <v>4.0612745098039218</v>
      </c>
      <c r="AS959">
        <v>813</v>
      </c>
      <c r="AT959">
        <v>200.66911764705881</v>
      </c>
      <c r="AU959">
        <v>2.9166666666666671E-2</v>
      </c>
      <c r="AV959">
        <v>4.4003447715980262E-2</v>
      </c>
      <c r="AW959">
        <v>0.3639705882352941</v>
      </c>
      <c r="AX959">
        <v>82.559509202453981</v>
      </c>
      <c r="AY959">
        <v>64</v>
      </c>
      <c r="AZ959">
        <v>130</v>
      </c>
      <c r="BA959">
        <v>0.56365803573805184</v>
      </c>
      <c r="BB959">
        <v>0.50490196078431371</v>
      </c>
      <c r="BC959">
        <v>5.1553849753079888</v>
      </c>
      <c r="BD959" t="s">
        <v>3710</v>
      </c>
      <c r="BE959" t="s">
        <v>62</v>
      </c>
    </row>
    <row r="960" spans="1:57" x14ac:dyDescent="0.3">
      <c r="A960" t="s">
        <v>3711</v>
      </c>
      <c r="B960">
        <v>1687</v>
      </c>
      <c r="C960" t="s">
        <v>3712</v>
      </c>
      <c r="D960" t="s">
        <v>3713</v>
      </c>
      <c r="E960" t="s">
        <v>72</v>
      </c>
      <c r="F960">
        <v>1688</v>
      </c>
      <c r="G960">
        <v>127.7197867298578</v>
      </c>
      <c r="H960">
        <v>131</v>
      </c>
      <c r="I960">
        <v>5784.3640160682608</v>
      </c>
      <c r="J960">
        <v>76.055006515470509</v>
      </c>
      <c r="K960">
        <v>-3.7936043061288727E-2</v>
      </c>
      <c r="L960">
        <v>-1.2489208091569139</v>
      </c>
      <c r="M960">
        <v>7.8845204003236251</v>
      </c>
      <c r="N960">
        <v>18</v>
      </c>
      <c r="O960">
        <v>1</v>
      </c>
      <c r="P960">
        <v>17</v>
      </c>
      <c r="Q960">
        <v>2.5668336799120119</v>
      </c>
      <c r="R960">
        <v>5.4651330855517042</v>
      </c>
      <c r="S960">
        <v>2</v>
      </c>
      <c r="T960">
        <v>1</v>
      </c>
      <c r="U960">
        <v>1</v>
      </c>
      <c r="V960">
        <v>0.1264931146597382</v>
      </c>
      <c r="W960">
        <v>7.4085197987580376</v>
      </c>
      <c r="X960">
        <v>1</v>
      </c>
      <c r="Y960">
        <v>1</v>
      </c>
      <c r="Z960">
        <v>0</v>
      </c>
      <c r="AA960">
        <v>0</v>
      </c>
      <c r="AB960">
        <v>7.4301141385617981</v>
      </c>
      <c r="AC960">
        <v>1</v>
      </c>
      <c r="AD960">
        <v>1</v>
      </c>
      <c r="AE960">
        <v>0</v>
      </c>
      <c r="AF960">
        <v>0</v>
      </c>
      <c r="AG960">
        <v>7.429520842786463</v>
      </c>
      <c r="AH960">
        <v>-1.106318882249822E-2</v>
      </c>
      <c r="AI960">
        <v>-1.1074536449793469E-2</v>
      </c>
      <c r="AJ960">
        <v>1.4269628924723721E-2</v>
      </c>
      <c r="AK960">
        <v>-2.3565077606248941E-3</v>
      </c>
      <c r="AL960">
        <v>2894.110420418509</v>
      </c>
      <c r="AM960">
        <v>5378.0449862775413</v>
      </c>
      <c r="AN960">
        <v>215591</v>
      </c>
      <c r="AO960">
        <v>158.6187285743444</v>
      </c>
      <c r="AP960">
        <v>2541.5589245779679</v>
      </c>
      <c r="AQ960">
        <v>1.0136255924170621</v>
      </c>
      <c r="AR960">
        <v>4.0248815165876781</v>
      </c>
      <c r="AS960">
        <v>1684</v>
      </c>
      <c r="AT960">
        <v>253.8068720379147</v>
      </c>
      <c r="AU960">
        <v>2.7353405817303219E-2</v>
      </c>
      <c r="AV960">
        <v>-1.107045849138296E-2</v>
      </c>
      <c r="AW960">
        <v>0.33530805687203791</v>
      </c>
      <c r="AX960">
        <v>88.180201541197391</v>
      </c>
      <c r="AY960">
        <v>67.5</v>
      </c>
      <c r="AZ960">
        <v>133.25</v>
      </c>
      <c r="BA960">
        <v>0.59548335040940592</v>
      </c>
      <c r="BB960">
        <v>0.5148104265402843</v>
      </c>
      <c r="BC960">
        <v>5.3115428268650513</v>
      </c>
      <c r="BD960" t="s">
        <v>3714</v>
      </c>
      <c r="BE960" t="s">
        <v>68</v>
      </c>
    </row>
    <row r="961" spans="1:57" x14ac:dyDescent="0.3">
      <c r="A961" t="s">
        <v>3715</v>
      </c>
      <c r="B961">
        <v>821</v>
      </c>
      <c r="C961" t="s">
        <v>3716</v>
      </c>
      <c r="D961" t="s">
        <v>3717</v>
      </c>
      <c r="E961" t="s">
        <v>128</v>
      </c>
      <c r="F961">
        <v>32</v>
      </c>
      <c r="G961">
        <v>94.875</v>
      </c>
      <c r="H961">
        <v>75</v>
      </c>
      <c r="I961">
        <v>4316.796875</v>
      </c>
      <c r="J961">
        <v>65.702335384672594</v>
      </c>
      <c r="K961">
        <v>0.8896549641584891</v>
      </c>
      <c r="L961">
        <v>-2.3525734252347611E-2</v>
      </c>
      <c r="M961">
        <v>4.75</v>
      </c>
      <c r="N961">
        <v>2</v>
      </c>
      <c r="O961">
        <v>1</v>
      </c>
      <c r="P961">
        <v>1</v>
      </c>
      <c r="Q961">
        <v>0.3499271061118826</v>
      </c>
      <c r="R961">
        <v>3.2924491076597389</v>
      </c>
      <c r="S961">
        <v>1</v>
      </c>
      <c r="T961">
        <v>1</v>
      </c>
      <c r="U961">
        <v>0</v>
      </c>
      <c r="V961">
        <v>0</v>
      </c>
      <c r="W961">
        <v>3.4339872044851458</v>
      </c>
      <c r="X961">
        <v>1</v>
      </c>
      <c r="Y961">
        <v>1</v>
      </c>
      <c r="Z961">
        <v>0</v>
      </c>
      <c r="AA961">
        <v>0</v>
      </c>
      <c r="AB961">
        <v>3.401197381662155</v>
      </c>
      <c r="AC961">
        <v>1</v>
      </c>
      <c r="AD961">
        <v>1</v>
      </c>
      <c r="AE961">
        <v>0</v>
      </c>
      <c r="AF961">
        <v>0</v>
      </c>
      <c r="AG961">
        <v>3.3672958299864728</v>
      </c>
      <c r="AH961">
        <v>-1.702119717672609E-2</v>
      </c>
      <c r="AI961">
        <v>-0.44186069134015021</v>
      </c>
      <c r="AJ961">
        <v>0.17923570265134381</v>
      </c>
      <c r="AK961">
        <v>-9.8633834042168134E-2</v>
      </c>
      <c r="AL961">
        <v>422.24055653933289</v>
      </c>
      <c r="AM961">
        <v>497.88644529988397</v>
      </c>
      <c r="AN961">
        <v>3036</v>
      </c>
      <c r="AO961">
        <v>64.863328889205192</v>
      </c>
      <c r="AP961">
        <v>328.46838915658759</v>
      </c>
      <c r="AQ961">
        <v>1.65625</v>
      </c>
      <c r="AR961">
        <v>3.96875</v>
      </c>
      <c r="AS961">
        <v>32</v>
      </c>
      <c r="AT961">
        <v>3</v>
      </c>
      <c r="AU961">
        <v>0.29799999999999999</v>
      </c>
      <c r="AV961">
        <v>-1.764429036903601E-2</v>
      </c>
      <c r="AW961">
        <v>0.625</v>
      </c>
      <c r="AX961">
        <v>76.193548387096769</v>
      </c>
      <c r="AY961">
        <v>35.5</v>
      </c>
      <c r="AZ961">
        <v>67.75</v>
      </c>
      <c r="BA961">
        <v>0.69251473396229346</v>
      </c>
      <c r="BB961">
        <v>0.40625</v>
      </c>
      <c r="BC961">
        <v>3.3892680315457948</v>
      </c>
      <c r="BD961" t="s">
        <v>3718</v>
      </c>
      <c r="BE961" t="s">
        <v>62</v>
      </c>
    </row>
    <row r="962" spans="1:57" x14ac:dyDescent="0.3">
      <c r="A962" t="s">
        <v>3719</v>
      </c>
      <c r="B962">
        <v>3302</v>
      </c>
      <c r="C962" t="s">
        <v>3720</v>
      </c>
      <c r="D962" t="s">
        <v>3721</v>
      </c>
      <c r="E962" t="s">
        <v>98</v>
      </c>
      <c r="F962">
        <v>16</v>
      </c>
      <c r="G962">
        <v>115.625</v>
      </c>
      <c r="H962">
        <v>99</v>
      </c>
      <c r="I962">
        <v>5688.609375</v>
      </c>
      <c r="J962">
        <v>75.422870370995554</v>
      </c>
      <c r="K962">
        <v>0.16426356686966759</v>
      </c>
      <c r="L962">
        <v>-1.3050901081506661</v>
      </c>
      <c r="M962">
        <v>4</v>
      </c>
      <c r="N962">
        <v>1</v>
      </c>
      <c r="O962">
        <v>1</v>
      </c>
      <c r="P962">
        <v>0</v>
      </c>
      <c r="Q962">
        <v>0</v>
      </c>
      <c r="R962">
        <v>2.7725887222397811</v>
      </c>
      <c r="S962">
        <v>1</v>
      </c>
      <c r="T962">
        <v>1</v>
      </c>
      <c r="U962">
        <v>0</v>
      </c>
      <c r="V962">
        <v>0</v>
      </c>
      <c r="W962">
        <v>2.7080502011022101</v>
      </c>
      <c r="X962">
        <v>1</v>
      </c>
      <c r="Y962">
        <v>1</v>
      </c>
      <c r="Z962">
        <v>0</v>
      </c>
      <c r="AA962">
        <v>0</v>
      </c>
      <c r="AB962">
        <v>2.639057329615258</v>
      </c>
      <c r="AC962">
        <v>1</v>
      </c>
      <c r="AD962">
        <v>1</v>
      </c>
      <c r="AE962">
        <v>0</v>
      </c>
      <c r="AF962">
        <v>0</v>
      </c>
      <c r="AG962">
        <v>2.5649493574615372</v>
      </c>
      <c r="AH962">
        <v>-5.4672199928036007E-2</v>
      </c>
      <c r="AI962">
        <v>-1.32038118938339E-2</v>
      </c>
      <c r="AJ962">
        <v>0.27004536889782488</v>
      </c>
      <c r="AK962">
        <v>4.4661274861222122E-2</v>
      </c>
      <c r="AL962">
        <v>356.33852745401458</v>
      </c>
      <c r="AM962">
        <v>421.83747326654662</v>
      </c>
      <c r="AN962">
        <v>1850</v>
      </c>
      <c r="AO962">
        <v>42.722447876979572</v>
      </c>
      <c r="AP962">
        <v>189.74800098835269</v>
      </c>
      <c r="AQ962">
        <v>2.25</v>
      </c>
      <c r="AR962">
        <v>3.5</v>
      </c>
      <c r="AS962">
        <v>16</v>
      </c>
      <c r="AT962">
        <v>0</v>
      </c>
      <c r="AU962">
        <v>0.17499999999999999</v>
      </c>
      <c r="AV962">
        <v>-5.6025058975327308E-2</v>
      </c>
      <c r="AW962">
        <v>0.4375</v>
      </c>
      <c r="AX962">
        <v>91.733333333333334</v>
      </c>
      <c r="AY962">
        <v>70.5</v>
      </c>
      <c r="AZ962">
        <v>132.5</v>
      </c>
      <c r="BA962">
        <v>0.65230590591131288</v>
      </c>
      <c r="BB962">
        <v>0.375</v>
      </c>
      <c r="BC962">
        <v>2.7080502011022101</v>
      </c>
      <c r="BD962" t="s">
        <v>3720</v>
      </c>
      <c r="BE962" t="s">
        <v>62</v>
      </c>
    </row>
    <row r="963" spans="1:57" x14ac:dyDescent="0.3">
      <c r="A963" t="s">
        <v>3722</v>
      </c>
      <c r="B963">
        <v>566</v>
      </c>
      <c r="C963" t="s">
        <v>3723</v>
      </c>
      <c r="D963" t="s">
        <v>3724</v>
      </c>
      <c r="E963" t="s">
        <v>106</v>
      </c>
      <c r="F963">
        <v>584</v>
      </c>
      <c r="G963">
        <v>122.6369863013699</v>
      </c>
      <c r="H963">
        <v>119.5</v>
      </c>
      <c r="I963">
        <v>5805.142193657347</v>
      </c>
      <c r="J963">
        <v>76.191483734452547</v>
      </c>
      <c r="K963">
        <v>6.4710889319133255E-2</v>
      </c>
      <c r="L963">
        <v>-1.2557278884020451</v>
      </c>
      <c r="M963">
        <v>7.634672577408228</v>
      </c>
      <c r="N963">
        <v>10</v>
      </c>
      <c r="O963">
        <v>1</v>
      </c>
      <c r="P963">
        <v>9</v>
      </c>
      <c r="Q963">
        <v>1.425158764743738</v>
      </c>
      <c r="R963">
        <v>5.29195177152884</v>
      </c>
      <c r="S963">
        <v>2</v>
      </c>
      <c r="T963">
        <v>1</v>
      </c>
      <c r="U963">
        <v>1</v>
      </c>
      <c r="V963">
        <v>7.1733255388671438E-2</v>
      </c>
      <c r="W963">
        <v>6.3610535961560508</v>
      </c>
      <c r="X963">
        <v>1</v>
      </c>
      <c r="Y963">
        <v>1</v>
      </c>
      <c r="Z963">
        <v>0</v>
      </c>
      <c r="AA963">
        <v>0</v>
      </c>
      <c r="AB963">
        <v>6.3664704477314391</v>
      </c>
      <c r="AC963">
        <v>1</v>
      </c>
      <c r="AD963">
        <v>1</v>
      </c>
      <c r="AE963">
        <v>0</v>
      </c>
      <c r="AF963">
        <v>0</v>
      </c>
      <c r="AG963">
        <v>6.3647507568519099</v>
      </c>
      <c r="AH963">
        <v>-5.7586075399254241E-2</v>
      </c>
      <c r="AI963">
        <v>4.0356189036408738E-2</v>
      </c>
      <c r="AJ963">
        <v>3.7849282331685503E-2</v>
      </c>
      <c r="AK963">
        <v>-3.632823586369825E-3</v>
      </c>
      <c r="AL963">
        <v>1794.56678821881</v>
      </c>
      <c r="AM963">
        <v>2992.1554175246351</v>
      </c>
      <c r="AN963">
        <v>71620</v>
      </c>
      <c r="AO963">
        <v>148.52200808354229</v>
      </c>
      <c r="AP963">
        <v>1579.7793215124</v>
      </c>
      <c r="AQ963">
        <v>1.0393835616438361</v>
      </c>
      <c r="AR963">
        <v>3.929794520547945</v>
      </c>
      <c r="AS963">
        <v>579</v>
      </c>
      <c r="AT963">
        <v>183.97945205479451</v>
      </c>
      <c r="AU963">
        <v>5.2108514638732173E-2</v>
      </c>
      <c r="AV963">
        <v>-5.7718147621761959E-2</v>
      </c>
      <c r="AW963">
        <v>0.37842465753424659</v>
      </c>
      <c r="AX963">
        <v>91.228130360205839</v>
      </c>
      <c r="AY963">
        <v>68</v>
      </c>
      <c r="AZ963">
        <v>138.25</v>
      </c>
      <c r="BA963">
        <v>0.62127654985926117</v>
      </c>
      <c r="BB963">
        <v>0.48287671232876711</v>
      </c>
      <c r="BC963">
        <v>5.1597893018253869</v>
      </c>
      <c r="BD963" t="s">
        <v>3725</v>
      </c>
      <c r="BE963" t="s">
        <v>68</v>
      </c>
    </row>
    <row r="964" spans="1:57" x14ac:dyDescent="0.3">
      <c r="A964" t="s">
        <v>3726</v>
      </c>
      <c r="B964">
        <v>1476</v>
      </c>
      <c r="C964" t="s">
        <v>3727</v>
      </c>
      <c r="D964" t="s">
        <v>3728</v>
      </c>
      <c r="E964" t="s">
        <v>85</v>
      </c>
      <c r="F964">
        <v>8</v>
      </c>
      <c r="G964">
        <v>137.125</v>
      </c>
      <c r="H964">
        <v>149</v>
      </c>
      <c r="I964">
        <v>8067.609375</v>
      </c>
      <c r="J964">
        <v>89.819871826895863</v>
      </c>
      <c r="K964">
        <v>-0.1098264636463239</v>
      </c>
      <c r="L964">
        <v>-1.6678572274063499</v>
      </c>
      <c r="M964">
        <v>2.75</v>
      </c>
      <c r="N964">
        <v>2</v>
      </c>
      <c r="O964">
        <v>1</v>
      </c>
      <c r="P964">
        <v>1</v>
      </c>
      <c r="Q964">
        <v>0.34992710611188271</v>
      </c>
      <c r="R964">
        <v>1.9061547465398501</v>
      </c>
      <c r="S964">
        <v>1</v>
      </c>
      <c r="T964">
        <v>1</v>
      </c>
      <c r="U964">
        <v>0</v>
      </c>
      <c r="V964">
        <v>0</v>
      </c>
      <c r="W964">
        <v>1.945910149055313</v>
      </c>
      <c r="X964">
        <v>1</v>
      </c>
      <c r="Y964">
        <v>1</v>
      </c>
      <c r="Z964">
        <v>0</v>
      </c>
      <c r="AA964">
        <v>0</v>
      </c>
      <c r="AB964">
        <v>1.791759469228055</v>
      </c>
      <c r="AC964">
        <v>1</v>
      </c>
      <c r="AD964">
        <v>1</v>
      </c>
      <c r="AE964">
        <v>0</v>
      </c>
      <c r="AF964">
        <v>0</v>
      </c>
      <c r="AG964">
        <v>1.6094379124341009</v>
      </c>
      <c r="AH964">
        <v>0.1130289041634468</v>
      </c>
      <c r="AI964">
        <v>-0.30534767695665732</v>
      </c>
      <c r="AJ964">
        <v>-0.36658091674462112</v>
      </c>
      <c r="AK964">
        <v>0</v>
      </c>
      <c r="AL964">
        <v>353.61726060337901</v>
      </c>
      <c r="AM964">
        <v>299.8696933725746</v>
      </c>
      <c r="AN964">
        <v>1097</v>
      </c>
      <c r="AO964">
        <v>17</v>
      </c>
      <c r="AP964">
        <v>266.31747971171552</v>
      </c>
      <c r="AQ964">
        <v>3.5</v>
      </c>
      <c r="AR964">
        <v>3.75</v>
      </c>
      <c r="AS964">
        <v>7</v>
      </c>
      <c r="AT964">
        <v>0.74999999999999978</v>
      </c>
      <c r="AU964">
        <v>0.24456521739130441</v>
      </c>
      <c r="AV964">
        <v>0.1109650090137288</v>
      </c>
      <c r="AW964">
        <v>0.375</v>
      </c>
      <c r="AX964">
        <v>97.571428571428569</v>
      </c>
      <c r="AY964">
        <v>88</v>
      </c>
      <c r="AZ964">
        <v>179.25</v>
      </c>
      <c r="BA964">
        <v>0.65502185470844754</v>
      </c>
      <c r="BB964">
        <v>0.5</v>
      </c>
      <c r="BC964">
        <v>1.945910149055313</v>
      </c>
      <c r="BD964" t="s">
        <v>3727</v>
      </c>
      <c r="BE964" t="s">
        <v>68</v>
      </c>
    </row>
    <row r="965" spans="1:57" x14ac:dyDescent="0.3">
      <c r="A965" t="s">
        <v>3729</v>
      </c>
      <c r="B965">
        <v>1982</v>
      </c>
      <c r="C965" t="s">
        <v>3730</v>
      </c>
      <c r="D965" t="s">
        <v>3731</v>
      </c>
      <c r="E965" t="s">
        <v>93</v>
      </c>
      <c r="F965">
        <v>2026</v>
      </c>
      <c r="G965">
        <v>123.97334649555771</v>
      </c>
      <c r="H965">
        <v>121</v>
      </c>
      <c r="I965">
        <v>5624.3102471425273</v>
      </c>
      <c r="J965">
        <v>74.99540150664258</v>
      </c>
      <c r="K965">
        <v>9.746027654815051E-2</v>
      </c>
      <c r="L965">
        <v>-1.2298272710757501</v>
      </c>
      <c r="M965">
        <v>7.9100105076703962</v>
      </c>
      <c r="N965">
        <v>17</v>
      </c>
      <c r="O965">
        <v>1</v>
      </c>
      <c r="P965">
        <v>16</v>
      </c>
      <c r="Q965">
        <v>2.7358366629047408</v>
      </c>
      <c r="R965">
        <v>5.4828014815912809</v>
      </c>
      <c r="S965">
        <v>3</v>
      </c>
      <c r="T965">
        <v>1</v>
      </c>
      <c r="U965">
        <v>2</v>
      </c>
      <c r="V965">
        <v>0.12962217221346869</v>
      </c>
      <c r="W965">
        <v>7.5911597115408336</v>
      </c>
      <c r="X965">
        <v>1</v>
      </c>
      <c r="Y965">
        <v>1</v>
      </c>
      <c r="Z965">
        <v>0</v>
      </c>
      <c r="AA965">
        <v>0</v>
      </c>
      <c r="AB965">
        <v>7.6128310304073583</v>
      </c>
      <c r="AC965">
        <v>1</v>
      </c>
      <c r="AD965">
        <v>1</v>
      </c>
      <c r="AE965">
        <v>0</v>
      </c>
      <c r="AF965">
        <v>0</v>
      </c>
      <c r="AG965">
        <v>7.6123368371677413</v>
      </c>
      <c r="AH965">
        <v>3.017542878617438E-2</v>
      </c>
      <c r="AI965">
        <v>-3.1346528147245169E-3</v>
      </c>
      <c r="AJ965">
        <v>2.0311339339111549E-2</v>
      </c>
      <c r="AK965">
        <v>2.2810231072271599E-2</v>
      </c>
      <c r="AL965">
        <v>3104.2343359988472</v>
      </c>
      <c r="AM965">
        <v>5735.5877804463762</v>
      </c>
      <c r="AN965">
        <v>251170</v>
      </c>
      <c r="AO965">
        <v>88.978742260249106</v>
      </c>
      <c r="AP965">
        <v>2846.4714091797441</v>
      </c>
      <c r="AQ965">
        <v>1.0113524185587359</v>
      </c>
      <c r="AR965">
        <v>3.9481737413622899</v>
      </c>
      <c r="AS965">
        <v>2014</v>
      </c>
      <c r="AT965">
        <v>242.11451135241859</v>
      </c>
      <c r="AU965">
        <v>3.6854228364593622E-2</v>
      </c>
      <c r="AV965">
        <v>3.0193044421080971E-2</v>
      </c>
      <c r="AW965">
        <v>0.38894373149062189</v>
      </c>
      <c r="AX965">
        <v>84.989629629629633</v>
      </c>
      <c r="AY965">
        <v>66</v>
      </c>
      <c r="AZ965">
        <v>131.75</v>
      </c>
      <c r="BA965">
        <v>0.60493165367065282</v>
      </c>
      <c r="BB965">
        <v>0.48815399802566628</v>
      </c>
      <c r="BC965">
        <v>5.278210408493563</v>
      </c>
      <c r="BD965" t="s">
        <v>3732</v>
      </c>
      <c r="BE965" t="s">
        <v>68</v>
      </c>
    </row>
    <row r="966" spans="1:57" x14ac:dyDescent="0.3">
      <c r="A966" t="s">
        <v>3733</v>
      </c>
      <c r="B966">
        <v>1609</v>
      </c>
      <c r="C966" t="s">
        <v>3734</v>
      </c>
      <c r="D966" t="s">
        <v>3735</v>
      </c>
      <c r="E966" t="s">
        <v>85</v>
      </c>
      <c r="F966">
        <v>8</v>
      </c>
      <c r="G966">
        <v>129.125</v>
      </c>
      <c r="H966">
        <v>124</v>
      </c>
      <c r="I966">
        <v>4985.109375</v>
      </c>
      <c r="J966">
        <v>70.605306988922578</v>
      </c>
      <c r="K966">
        <v>-8.7947763479812712E-3</v>
      </c>
      <c r="L966">
        <v>-1.2898454178322969</v>
      </c>
      <c r="M966">
        <v>3</v>
      </c>
      <c r="N966">
        <v>1</v>
      </c>
      <c r="O966">
        <v>1</v>
      </c>
      <c r="P966">
        <v>0</v>
      </c>
      <c r="Q966">
        <v>0</v>
      </c>
      <c r="R966">
        <v>2.0794415416798362</v>
      </c>
      <c r="S966">
        <v>1</v>
      </c>
      <c r="T966">
        <v>1</v>
      </c>
      <c r="U966">
        <v>0</v>
      </c>
      <c r="V966">
        <v>0</v>
      </c>
      <c r="W966">
        <v>1.945910149055313</v>
      </c>
      <c r="X966">
        <v>1</v>
      </c>
      <c r="Y966">
        <v>1</v>
      </c>
      <c r="Z966">
        <v>0</v>
      </c>
      <c r="AA966">
        <v>0</v>
      </c>
      <c r="AB966">
        <v>1.791759469228055</v>
      </c>
      <c r="AC966">
        <v>1</v>
      </c>
      <c r="AD966">
        <v>1</v>
      </c>
      <c r="AE966">
        <v>0</v>
      </c>
      <c r="AF966">
        <v>0</v>
      </c>
      <c r="AG966">
        <v>1.6094379124341009</v>
      </c>
      <c r="AH966">
        <v>-0.12739228076114181</v>
      </c>
      <c r="AI966">
        <v>-0.2064092437791297</v>
      </c>
      <c r="AJ966">
        <v>0.1182031957673948</v>
      </c>
      <c r="AK966">
        <v>0</v>
      </c>
      <c r="AL966">
        <v>297.63857920539118</v>
      </c>
      <c r="AM966">
        <v>290.99531983967728</v>
      </c>
      <c r="AN966">
        <v>1033</v>
      </c>
      <c r="AO966">
        <v>29</v>
      </c>
      <c r="AP966">
        <v>219.66565503054861</v>
      </c>
      <c r="AQ966">
        <v>3.5</v>
      </c>
      <c r="AR966">
        <v>3.875</v>
      </c>
      <c r="AS966">
        <v>8</v>
      </c>
      <c r="AT966">
        <v>0</v>
      </c>
      <c r="AU966">
        <v>0.14347826086956519</v>
      </c>
      <c r="AV966">
        <v>-0.12947345168913341</v>
      </c>
      <c r="AW966">
        <v>0.375</v>
      </c>
      <c r="AX966">
        <v>90.142857142857139</v>
      </c>
      <c r="AY966">
        <v>63</v>
      </c>
      <c r="AZ966">
        <v>103.25</v>
      </c>
      <c r="BA966">
        <v>0.54679811801682543</v>
      </c>
      <c r="BB966">
        <v>0.5</v>
      </c>
      <c r="BC966">
        <v>1.945910149055313</v>
      </c>
      <c r="BD966" t="s">
        <v>3734</v>
      </c>
      <c r="BE966" t="s">
        <v>68</v>
      </c>
    </row>
    <row r="967" spans="1:57" x14ac:dyDescent="0.3">
      <c r="A967" t="s">
        <v>3736</v>
      </c>
      <c r="B967">
        <v>131</v>
      </c>
      <c r="C967" t="s">
        <v>3737</v>
      </c>
      <c r="D967" t="s">
        <v>3738</v>
      </c>
      <c r="E967" t="s">
        <v>60</v>
      </c>
      <c r="F967">
        <v>512</v>
      </c>
      <c r="G967">
        <v>127.21875</v>
      </c>
      <c r="H967">
        <v>127</v>
      </c>
      <c r="I967">
        <v>5754.6552734375</v>
      </c>
      <c r="J967">
        <v>75.859444194098202</v>
      </c>
      <c r="K967">
        <v>-2.2574643751620251E-2</v>
      </c>
      <c r="L967">
        <v>-1.2106635303829629</v>
      </c>
      <c r="M967">
        <v>7.5839352990281741</v>
      </c>
      <c r="N967">
        <v>6</v>
      </c>
      <c r="O967">
        <v>1</v>
      </c>
      <c r="P967">
        <v>5</v>
      </c>
      <c r="Q967">
        <v>1.2476092840388111</v>
      </c>
      <c r="R967">
        <v>5.2567833700704218</v>
      </c>
      <c r="S967">
        <v>2</v>
      </c>
      <c r="T967">
        <v>1</v>
      </c>
      <c r="U967">
        <v>1</v>
      </c>
      <c r="V967">
        <v>6.2560641760670568E-2</v>
      </c>
      <c r="W967">
        <v>6.2309437805711401</v>
      </c>
      <c r="X967">
        <v>1</v>
      </c>
      <c r="Y967">
        <v>1</v>
      </c>
      <c r="Z967">
        <v>0</v>
      </c>
      <c r="AA967">
        <v>0</v>
      </c>
      <c r="AB967">
        <v>6.2344107257183694</v>
      </c>
      <c r="AC967">
        <v>1</v>
      </c>
      <c r="AD967">
        <v>1</v>
      </c>
      <c r="AE967">
        <v>0</v>
      </c>
      <c r="AF967">
        <v>0</v>
      </c>
      <c r="AG967">
        <v>6.2324480165505216</v>
      </c>
      <c r="AH967">
        <v>4.8155427967349632E-2</v>
      </c>
      <c r="AI967">
        <v>-4.7001212063237867E-2</v>
      </c>
      <c r="AJ967">
        <v>1.875746969759707E-4</v>
      </c>
      <c r="AK967">
        <v>-5.6329408923049218E-2</v>
      </c>
      <c r="AL967">
        <v>1646.648925837414</v>
      </c>
      <c r="AM967">
        <v>2919.1524994488541</v>
      </c>
      <c r="AN967">
        <v>65136</v>
      </c>
      <c r="AO967">
        <v>137.79406906993529</v>
      </c>
      <c r="AP967">
        <v>1477.6508442146501</v>
      </c>
      <c r="AQ967">
        <v>1.044921875</v>
      </c>
      <c r="AR967">
        <v>3.978515625</v>
      </c>
      <c r="AS967">
        <v>511</v>
      </c>
      <c r="AT967">
        <v>147.140625</v>
      </c>
      <c r="AU967">
        <v>3.0484068627451011E-2</v>
      </c>
      <c r="AV967">
        <v>4.822396553388162E-2</v>
      </c>
      <c r="AW967">
        <v>0.353515625</v>
      </c>
      <c r="AX967">
        <v>83.763209393346386</v>
      </c>
      <c r="AY967">
        <v>66</v>
      </c>
      <c r="AZ967">
        <v>131.25</v>
      </c>
      <c r="BA967">
        <v>0.59629138153061712</v>
      </c>
      <c r="BB967">
        <v>0.498046875</v>
      </c>
      <c r="BC967">
        <v>5.1158141386805802</v>
      </c>
      <c r="BD967" t="s">
        <v>3739</v>
      </c>
      <c r="BE967" t="s">
        <v>62</v>
      </c>
    </row>
    <row r="968" spans="1:57" x14ac:dyDescent="0.3">
      <c r="A968" t="s">
        <v>3740</v>
      </c>
      <c r="B968">
        <v>140</v>
      </c>
      <c r="C968" t="s">
        <v>3741</v>
      </c>
      <c r="D968" t="s">
        <v>3742</v>
      </c>
      <c r="E968" t="s">
        <v>60</v>
      </c>
      <c r="F968">
        <v>256</v>
      </c>
      <c r="G968">
        <v>123.94140625</v>
      </c>
      <c r="H968">
        <v>119</v>
      </c>
      <c r="I968">
        <v>5122.8832855224609</v>
      </c>
      <c r="J968">
        <v>71.574320014391063</v>
      </c>
      <c r="K968">
        <v>9.1035912450850701E-2</v>
      </c>
      <c r="L968">
        <v>-1.104748930379885</v>
      </c>
      <c r="M968">
        <v>7.107154589725436</v>
      </c>
      <c r="N968">
        <v>6</v>
      </c>
      <c r="O968">
        <v>1</v>
      </c>
      <c r="P968">
        <v>5</v>
      </c>
      <c r="Q968">
        <v>0.86205716738132088</v>
      </c>
      <c r="R968">
        <v>4.9263041656718602</v>
      </c>
      <c r="S968">
        <v>2</v>
      </c>
      <c r="T968">
        <v>1</v>
      </c>
      <c r="U968">
        <v>1</v>
      </c>
      <c r="V968">
        <v>6.2621943781838052E-2</v>
      </c>
      <c r="W968">
        <v>5.5358270966834446</v>
      </c>
      <c r="X968">
        <v>1</v>
      </c>
      <c r="Y968">
        <v>1</v>
      </c>
      <c r="Z968">
        <v>0</v>
      </c>
      <c r="AA968">
        <v>0</v>
      </c>
      <c r="AB968">
        <v>5.5373342670185366</v>
      </c>
      <c r="AC968">
        <v>1</v>
      </c>
      <c r="AD968">
        <v>1</v>
      </c>
      <c r="AE968">
        <v>0</v>
      </c>
      <c r="AF968">
        <v>0</v>
      </c>
      <c r="AG968">
        <v>5.5333894887275203</v>
      </c>
      <c r="AH968">
        <v>-6.3517941809117615E-2</v>
      </c>
      <c r="AI968">
        <v>0.21845327177764681</v>
      </c>
      <c r="AJ968">
        <v>6.6456383686255754E-2</v>
      </c>
      <c r="AK968">
        <v>2.131364883532293E-2</v>
      </c>
      <c r="AL968">
        <v>1135.160955557317</v>
      </c>
      <c r="AM968">
        <v>1988.8199026000821</v>
      </c>
      <c r="AN968">
        <v>31729</v>
      </c>
      <c r="AO968">
        <v>42.779686769196068</v>
      </c>
      <c r="AP968">
        <v>904.7540896285891</v>
      </c>
      <c r="AQ968">
        <v>1.08984375</v>
      </c>
      <c r="AR968">
        <v>3.91796875</v>
      </c>
      <c r="AS968">
        <v>255</v>
      </c>
      <c r="AT968">
        <v>69.742187499999986</v>
      </c>
      <c r="AU968">
        <v>5.6510416666666667E-2</v>
      </c>
      <c r="AV968">
        <v>-6.3531050172686565E-2</v>
      </c>
      <c r="AW968">
        <v>0.40234375</v>
      </c>
      <c r="AX968">
        <v>85.360784313725489</v>
      </c>
      <c r="AY968">
        <v>59</v>
      </c>
      <c r="AZ968">
        <v>120.25</v>
      </c>
      <c r="BA968">
        <v>0.57748513737224971</v>
      </c>
      <c r="BB968">
        <v>0.48828125</v>
      </c>
      <c r="BC968">
        <v>4.8348897409344813</v>
      </c>
      <c r="BD968" t="s">
        <v>3743</v>
      </c>
      <c r="BE968" t="s">
        <v>62</v>
      </c>
    </row>
    <row r="969" spans="1:57" x14ac:dyDescent="0.3">
      <c r="A969" t="s">
        <v>3744</v>
      </c>
      <c r="B969">
        <v>993</v>
      </c>
      <c r="C969" t="s">
        <v>3745</v>
      </c>
      <c r="D969" t="s">
        <v>3746</v>
      </c>
      <c r="E969" t="s">
        <v>85</v>
      </c>
      <c r="F969">
        <v>8</v>
      </c>
      <c r="G969">
        <v>121.25</v>
      </c>
      <c r="H969">
        <v>123</v>
      </c>
      <c r="I969">
        <v>6787.1875</v>
      </c>
      <c r="J969">
        <v>82.384388691062099</v>
      </c>
      <c r="K969">
        <v>-2.719070151886507E-2</v>
      </c>
      <c r="L969">
        <v>-1.6777322328769639</v>
      </c>
      <c r="M969">
        <v>3</v>
      </c>
      <c r="N969">
        <v>1</v>
      </c>
      <c r="O969">
        <v>1</v>
      </c>
      <c r="P969">
        <v>0</v>
      </c>
      <c r="Q969">
        <v>0</v>
      </c>
      <c r="R969">
        <v>2.0794415416798362</v>
      </c>
      <c r="S969">
        <v>1</v>
      </c>
      <c r="T969">
        <v>1</v>
      </c>
      <c r="U969">
        <v>0</v>
      </c>
      <c r="V969">
        <v>0</v>
      </c>
      <c r="W969">
        <v>1.945910149055313</v>
      </c>
      <c r="X969">
        <v>1</v>
      </c>
      <c r="Y969">
        <v>1</v>
      </c>
      <c r="Z969">
        <v>0</v>
      </c>
      <c r="AA969">
        <v>0</v>
      </c>
      <c r="AB969">
        <v>1.791759469228055</v>
      </c>
      <c r="AC969">
        <v>1</v>
      </c>
      <c r="AD969">
        <v>1</v>
      </c>
      <c r="AE969">
        <v>0</v>
      </c>
      <c r="AF969">
        <v>0</v>
      </c>
      <c r="AG969">
        <v>1.6094379124341009</v>
      </c>
      <c r="AH969">
        <v>9.968575901284589E-2</v>
      </c>
      <c r="AI969">
        <v>-0.60416916064275517</v>
      </c>
      <c r="AJ969">
        <v>-6.7877204291173623E-2</v>
      </c>
      <c r="AK969">
        <v>0</v>
      </c>
      <c r="AL969">
        <v>289.63039702849591</v>
      </c>
      <c r="AM969">
        <v>296.68878158284957</v>
      </c>
      <c r="AN969">
        <v>970</v>
      </c>
      <c r="AO969">
        <v>84</v>
      </c>
      <c r="AP969">
        <v>98.935046172289262</v>
      </c>
      <c r="AQ969">
        <v>3.5</v>
      </c>
      <c r="AR969">
        <v>3.875</v>
      </c>
      <c r="AS969">
        <v>8</v>
      </c>
      <c r="AT969">
        <v>0</v>
      </c>
      <c r="AU969">
        <v>0.21847826086956521</v>
      </c>
      <c r="AV969">
        <v>0.13220664934347309</v>
      </c>
      <c r="AW969">
        <v>0.25</v>
      </c>
      <c r="AX969">
        <v>90.714285714285708</v>
      </c>
      <c r="AY969">
        <v>80.5</v>
      </c>
      <c r="AZ969">
        <v>160</v>
      </c>
      <c r="BA969">
        <v>0.67945887580257402</v>
      </c>
      <c r="BB969">
        <v>0.5</v>
      </c>
      <c r="BC969">
        <v>1.945910149055313</v>
      </c>
      <c r="BD969" t="s">
        <v>3745</v>
      </c>
      <c r="BE969" t="s">
        <v>68</v>
      </c>
    </row>
    <row r="970" spans="1:57" x14ac:dyDescent="0.3">
      <c r="A970" t="s">
        <v>3747</v>
      </c>
      <c r="B970">
        <v>2829</v>
      </c>
      <c r="C970" t="s">
        <v>3748</v>
      </c>
      <c r="D970" t="s">
        <v>3749</v>
      </c>
      <c r="E970" t="s">
        <v>115</v>
      </c>
      <c r="F970">
        <v>2896</v>
      </c>
      <c r="G970">
        <v>127.7462016574586</v>
      </c>
      <c r="H970">
        <v>127</v>
      </c>
      <c r="I970">
        <v>5507.1824786665175</v>
      </c>
      <c r="J970">
        <v>74.210393333188293</v>
      </c>
      <c r="K970">
        <v>2.0521493699283171E-2</v>
      </c>
      <c r="L970">
        <v>-1.197954839496751</v>
      </c>
      <c r="M970">
        <v>7.9400353377984949</v>
      </c>
      <c r="N970">
        <v>23</v>
      </c>
      <c r="O970">
        <v>4</v>
      </c>
      <c r="P970">
        <v>19</v>
      </c>
      <c r="Q970">
        <v>3.281696398206269</v>
      </c>
      <c r="R970">
        <v>5.5036131079413586</v>
      </c>
      <c r="S970">
        <v>3</v>
      </c>
      <c r="T970">
        <v>1</v>
      </c>
      <c r="U970">
        <v>2</v>
      </c>
      <c r="V970">
        <v>0.16095879334368651</v>
      </c>
      <c r="W970">
        <v>7.935603002613135</v>
      </c>
      <c r="X970">
        <v>1</v>
      </c>
      <c r="Y970">
        <v>1</v>
      </c>
      <c r="Z970">
        <v>0</v>
      </c>
      <c r="AA970">
        <v>0</v>
      </c>
      <c r="AB970">
        <v>7.9703949071914311</v>
      </c>
      <c r="AC970">
        <v>1</v>
      </c>
      <c r="AD970">
        <v>1</v>
      </c>
      <c r="AE970">
        <v>0</v>
      </c>
      <c r="AF970">
        <v>0</v>
      </c>
      <c r="AG970">
        <v>7.9700493049761354</v>
      </c>
      <c r="AH970">
        <v>-1.220518730434408E-2</v>
      </c>
      <c r="AI970">
        <v>4.9773720681617851E-3</v>
      </c>
      <c r="AJ970">
        <v>5.831112048048012E-3</v>
      </c>
      <c r="AK970">
        <v>1.9840088973034241E-3</v>
      </c>
      <c r="AL970">
        <v>3675.1483104062918</v>
      </c>
      <c r="AM970">
        <v>7049.9770138999584</v>
      </c>
      <c r="AN970">
        <v>369953</v>
      </c>
      <c r="AO970">
        <v>90.661260764070846</v>
      </c>
      <c r="AP970">
        <v>3313.4384479486671</v>
      </c>
      <c r="AQ970">
        <v>1.0079419889502761</v>
      </c>
      <c r="AR970">
        <v>4.021754143646409</v>
      </c>
      <c r="AS970">
        <v>2884</v>
      </c>
      <c r="AT970">
        <v>243.7127071823204</v>
      </c>
      <c r="AU970">
        <v>1.455286534503308E-2</v>
      </c>
      <c r="AV970">
        <v>-1.221327807916027E-2</v>
      </c>
      <c r="AW970">
        <v>0.3770718232044199</v>
      </c>
      <c r="AX970">
        <v>86.066666666666663</v>
      </c>
      <c r="AY970">
        <v>65</v>
      </c>
      <c r="AZ970">
        <v>129</v>
      </c>
      <c r="BA970">
        <v>0.58092054691518458</v>
      </c>
      <c r="BB970">
        <v>0.4979281767955801</v>
      </c>
      <c r="BC970">
        <v>5.324297945727281</v>
      </c>
      <c r="BD970" t="s">
        <v>3750</v>
      </c>
      <c r="BE970" t="s">
        <v>62</v>
      </c>
    </row>
    <row r="971" spans="1:57" x14ac:dyDescent="0.3">
      <c r="A971" t="s">
        <v>3751</v>
      </c>
      <c r="B971">
        <v>667</v>
      </c>
      <c r="C971" t="s">
        <v>3752</v>
      </c>
      <c r="D971" t="s">
        <v>3753</v>
      </c>
      <c r="E971" t="s">
        <v>115</v>
      </c>
      <c r="F971">
        <v>719</v>
      </c>
      <c r="G971">
        <v>128.17246175243389</v>
      </c>
      <c r="H971">
        <v>124</v>
      </c>
      <c r="I971">
        <v>5629.8868077088982</v>
      </c>
      <c r="J971">
        <v>75.032571645312132</v>
      </c>
      <c r="K971">
        <v>4.2730169841840228E-2</v>
      </c>
      <c r="L971">
        <v>-1.2075502665574469</v>
      </c>
      <c r="M971">
        <v>7.7120345448322363</v>
      </c>
      <c r="N971">
        <v>7</v>
      </c>
      <c r="O971">
        <v>1</v>
      </c>
      <c r="P971">
        <v>6</v>
      </c>
      <c r="Q971">
        <v>1.5019524519759639</v>
      </c>
      <c r="R971">
        <v>5.3455750011313636</v>
      </c>
      <c r="S971">
        <v>2</v>
      </c>
      <c r="T971">
        <v>1</v>
      </c>
      <c r="U971">
        <v>1</v>
      </c>
      <c r="V971">
        <v>8.3447263846527453E-2</v>
      </c>
      <c r="W971">
        <v>6.5668157085947421</v>
      </c>
      <c r="X971">
        <v>1</v>
      </c>
      <c r="Y971">
        <v>1</v>
      </c>
      <c r="Z971">
        <v>0</v>
      </c>
      <c r="AA971">
        <v>0</v>
      </c>
      <c r="AB971">
        <v>6.5750758405996192</v>
      </c>
      <c r="AC971">
        <v>1</v>
      </c>
      <c r="AD971">
        <v>1</v>
      </c>
      <c r="AE971">
        <v>0</v>
      </c>
      <c r="AF971">
        <v>0</v>
      </c>
      <c r="AG971">
        <v>6.5736801669606457</v>
      </c>
      <c r="AH971">
        <v>-5.6944433088448251E-2</v>
      </c>
      <c r="AI971">
        <v>8.1552008857433619E-2</v>
      </c>
      <c r="AJ971">
        <v>4.0937840016316382E-2</v>
      </c>
      <c r="AK971">
        <v>7.9835030792707925E-3</v>
      </c>
      <c r="AL971">
        <v>1887.3324624419849</v>
      </c>
      <c r="AM971">
        <v>3506.811397297075</v>
      </c>
      <c r="AN971">
        <v>92156</v>
      </c>
      <c r="AO971">
        <v>23.335634215790719</v>
      </c>
      <c r="AP971">
        <v>1592.6507457737309</v>
      </c>
      <c r="AQ971">
        <v>1.0319888734353271</v>
      </c>
      <c r="AR971">
        <v>4.0013908205841444</v>
      </c>
      <c r="AS971">
        <v>714</v>
      </c>
      <c r="AT971">
        <v>177.72044506258689</v>
      </c>
      <c r="AU971">
        <v>3.039624751152192E-2</v>
      </c>
      <c r="AV971">
        <v>-5.6974057990098817E-2</v>
      </c>
      <c r="AW971">
        <v>0.38386648122392208</v>
      </c>
      <c r="AX971">
        <v>90.342618384401121</v>
      </c>
      <c r="AY971">
        <v>65</v>
      </c>
      <c r="AZ971">
        <v>129.5</v>
      </c>
      <c r="BA971">
        <v>0.5854032185965039</v>
      </c>
      <c r="BB971">
        <v>0.48261474269819188</v>
      </c>
      <c r="BC971">
        <v>5.2163441991412034</v>
      </c>
      <c r="BD971" t="s">
        <v>3754</v>
      </c>
      <c r="BE971" t="s">
        <v>68</v>
      </c>
    </row>
    <row r="972" spans="1:57" x14ac:dyDescent="0.3">
      <c r="A972" t="s">
        <v>3755</v>
      </c>
      <c r="B972">
        <v>2913</v>
      </c>
      <c r="C972" t="s">
        <v>3756</v>
      </c>
      <c r="D972" t="s">
        <v>3757</v>
      </c>
      <c r="E972" t="s">
        <v>85</v>
      </c>
      <c r="F972">
        <v>8</v>
      </c>
      <c r="G972">
        <v>163.75</v>
      </c>
      <c r="H972">
        <v>178.5</v>
      </c>
      <c r="I972">
        <v>4289.4375</v>
      </c>
      <c r="J972">
        <v>65.493797416243936</v>
      </c>
      <c r="K972">
        <v>-0.52851007978283771</v>
      </c>
      <c r="L972">
        <v>-0.94004846800000941</v>
      </c>
      <c r="M972">
        <v>3</v>
      </c>
      <c r="N972">
        <v>1</v>
      </c>
      <c r="O972">
        <v>1</v>
      </c>
      <c r="P972">
        <v>0</v>
      </c>
      <c r="Q972">
        <v>0</v>
      </c>
      <c r="R972">
        <v>2.0794415416798362</v>
      </c>
      <c r="S972">
        <v>1</v>
      </c>
      <c r="T972">
        <v>1</v>
      </c>
      <c r="U972">
        <v>0</v>
      </c>
      <c r="V972">
        <v>0</v>
      </c>
      <c r="W972">
        <v>1.945910149055313</v>
      </c>
      <c r="X972">
        <v>1</v>
      </c>
      <c r="Y972">
        <v>1</v>
      </c>
      <c r="Z972">
        <v>0</v>
      </c>
      <c r="AA972">
        <v>0</v>
      </c>
      <c r="AB972">
        <v>1.791759469228055</v>
      </c>
      <c r="AC972">
        <v>1</v>
      </c>
      <c r="AD972">
        <v>1</v>
      </c>
      <c r="AE972">
        <v>0</v>
      </c>
      <c r="AF972">
        <v>0</v>
      </c>
      <c r="AG972">
        <v>1.6094379124341009</v>
      </c>
      <c r="AH972">
        <v>0.1745912925645845</v>
      </c>
      <c r="AI972">
        <v>0.1034335795777418</v>
      </c>
      <c r="AJ972">
        <v>-0.17007802596494301</v>
      </c>
      <c r="AK972">
        <v>0</v>
      </c>
      <c r="AL972">
        <v>312.83155005405001</v>
      </c>
      <c r="AM972">
        <v>388.54140228652648</v>
      </c>
      <c r="AN972">
        <v>1310</v>
      </c>
      <c r="AO972">
        <v>65.924198895398035</v>
      </c>
      <c r="AP972">
        <v>166.22952326332469</v>
      </c>
      <c r="AQ972">
        <v>3.5</v>
      </c>
      <c r="AR972">
        <v>4.125</v>
      </c>
      <c r="AS972">
        <v>8</v>
      </c>
      <c r="AT972">
        <v>0</v>
      </c>
      <c r="AU972">
        <v>0.1872509960159362</v>
      </c>
      <c r="AV972">
        <v>0.19231276437597061</v>
      </c>
      <c r="AW972">
        <v>0.25</v>
      </c>
      <c r="AX972">
        <v>68.142857142857139</v>
      </c>
      <c r="AY972">
        <v>37.5</v>
      </c>
      <c r="AZ972">
        <v>81.75</v>
      </c>
      <c r="BA972">
        <v>0.39996212162591721</v>
      </c>
      <c r="BB972">
        <v>0.5</v>
      </c>
      <c r="BC972">
        <v>1.7478680974667571</v>
      </c>
      <c r="BD972" t="s">
        <v>3756</v>
      </c>
      <c r="BE972" t="s">
        <v>68</v>
      </c>
    </row>
    <row r="973" spans="1:57" x14ac:dyDescent="0.3">
      <c r="A973" t="s">
        <v>3758</v>
      </c>
      <c r="B973">
        <v>1620</v>
      </c>
      <c r="C973" t="s">
        <v>3759</v>
      </c>
      <c r="D973" t="s">
        <v>3760</v>
      </c>
      <c r="E973" t="s">
        <v>72</v>
      </c>
      <c r="F973">
        <v>1624</v>
      </c>
      <c r="G973">
        <v>128.08805418719211</v>
      </c>
      <c r="H973">
        <v>130</v>
      </c>
      <c r="I973">
        <v>5349.4657686276059</v>
      </c>
      <c r="J973">
        <v>73.140042169987879</v>
      </c>
      <c r="K973">
        <v>-2.6386625372314999E-2</v>
      </c>
      <c r="L973">
        <v>-1.179373368439939</v>
      </c>
      <c r="M973">
        <v>7.8788040803885897</v>
      </c>
      <c r="N973">
        <v>16</v>
      </c>
      <c r="O973">
        <v>1</v>
      </c>
      <c r="P973">
        <v>15</v>
      </c>
      <c r="Q973">
        <v>2.5462518409418968</v>
      </c>
      <c r="R973">
        <v>5.4611708345055483</v>
      </c>
      <c r="S973">
        <v>2</v>
      </c>
      <c r="T973">
        <v>1</v>
      </c>
      <c r="U973">
        <v>1</v>
      </c>
      <c r="V973">
        <v>0.1109997326876523</v>
      </c>
      <c r="W973">
        <v>7.374948457704118</v>
      </c>
      <c r="X973">
        <v>1</v>
      </c>
      <c r="Y973">
        <v>1</v>
      </c>
      <c r="Z973">
        <v>0</v>
      </c>
      <c r="AA973">
        <v>0</v>
      </c>
      <c r="AB973">
        <v>7.3914152346753594</v>
      </c>
      <c r="AC973">
        <v>1</v>
      </c>
      <c r="AD973">
        <v>1</v>
      </c>
      <c r="AE973">
        <v>0</v>
      </c>
      <c r="AF973">
        <v>0</v>
      </c>
      <c r="AG973">
        <v>7.3907985217356771</v>
      </c>
      <c r="AH973">
        <v>9.7809498264933171E-3</v>
      </c>
      <c r="AI973">
        <v>-2.7852736004367988E-3</v>
      </c>
      <c r="AJ973">
        <v>3.2100664602982422E-2</v>
      </c>
      <c r="AK973">
        <v>2.4655794958073391E-3</v>
      </c>
      <c r="AL973">
        <v>2728.5751549434599</v>
      </c>
      <c r="AM973">
        <v>5280.7808725438772</v>
      </c>
      <c r="AN973">
        <v>208015</v>
      </c>
      <c r="AO973">
        <v>87.230566676890746</v>
      </c>
      <c r="AP973">
        <v>2448.1887256316359</v>
      </c>
      <c r="AQ973">
        <v>1.014162561576355</v>
      </c>
      <c r="AR973">
        <v>3.99384236453202</v>
      </c>
      <c r="AS973">
        <v>1615</v>
      </c>
      <c r="AT973">
        <v>261.63546798029557</v>
      </c>
      <c r="AU973">
        <v>2.0856273543900291E-2</v>
      </c>
      <c r="AV973">
        <v>9.7900387950705797E-3</v>
      </c>
      <c r="AW973">
        <v>0.36884236453201968</v>
      </c>
      <c r="AX973">
        <v>84.270486752926672</v>
      </c>
      <c r="AY973">
        <v>63</v>
      </c>
      <c r="AZ973">
        <v>124.5</v>
      </c>
      <c r="BA973">
        <v>0.57101376575756713</v>
      </c>
      <c r="BB973">
        <v>0.50677339901477836</v>
      </c>
      <c r="BC973">
        <v>5.2701862352819759</v>
      </c>
      <c r="BD973" t="s">
        <v>3761</v>
      </c>
      <c r="BE973" t="s">
        <v>68</v>
      </c>
    </row>
    <row r="974" spans="1:57" x14ac:dyDescent="0.3">
      <c r="A974" t="s">
        <v>3762</v>
      </c>
      <c r="B974">
        <v>3831</v>
      </c>
      <c r="C974" t="s">
        <v>3763</v>
      </c>
      <c r="D974" t="s">
        <v>3764</v>
      </c>
      <c r="E974" t="s">
        <v>10622</v>
      </c>
      <c r="F974">
        <v>64</v>
      </c>
      <c r="G974">
        <v>143.53125</v>
      </c>
      <c r="H974">
        <v>144.5</v>
      </c>
      <c r="I974">
        <v>4757.2177734375</v>
      </c>
      <c r="J974">
        <v>68.972587115733887</v>
      </c>
      <c r="K974">
        <v>-0.19863607917251469</v>
      </c>
      <c r="L974">
        <v>-0.80820290640415049</v>
      </c>
      <c r="M974">
        <v>5.706954882778696</v>
      </c>
      <c r="N974">
        <v>3</v>
      </c>
      <c r="O974">
        <v>1</v>
      </c>
      <c r="P974">
        <v>2</v>
      </c>
      <c r="Q974">
        <v>0.41620084153671261</v>
      </c>
      <c r="R974">
        <v>3.9557596865808669</v>
      </c>
      <c r="S974">
        <v>1</v>
      </c>
      <c r="T974">
        <v>1</v>
      </c>
      <c r="U974">
        <v>0</v>
      </c>
      <c r="V974">
        <v>0</v>
      </c>
      <c r="W974">
        <v>4.1431347263915326</v>
      </c>
      <c r="X974">
        <v>1</v>
      </c>
      <c r="Y974">
        <v>1</v>
      </c>
      <c r="Z974">
        <v>0</v>
      </c>
      <c r="AA974">
        <v>0</v>
      </c>
      <c r="AB974">
        <v>4.1271343850450908</v>
      </c>
      <c r="AC974">
        <v>1</v>
      </c>
      <c r="AD974">
        <v>1</v>
      </c>
      <c r="AE974">
        <v>0</v>
      </c>
      <c r="AF974">
        <v>0</v>
      </c>
      <c r="AG974">
        <v>4.1108738641733096</v>
      </c>
      <c r="AH974">
        <v>-0.16799975933465411</v>
      </c>
      <c r="AI974">
        <v>-0.18741331403083841</v>
      </c>
      <c r="AJ974">
        <v>-0.1371616604220437</v>
      </c>
      <c r="AK974">
        <v>-6.5282515045497272E-2</v>
      </c>
      <c r="AL974">
        <v>646.86360206667746</v>
      </c>
      <c r="AM974">
        <v>1097.5005605107101</v>
      </c>
      <c r="AN974">
        <v>9186</v>
      </c>
      <c r="AO974">
        <v>93.493512953428308</v>
      </c>
      <c r="AP974">
        <v>523.63244876192584</v>
      </c>
      <c r="AQ974">
        <v>1.359375</v>
      </c>
      <c r="AR974">
        <v>4.3125</v>
      </c>
      <c r="AS974">
        <v>64</v>
      </c>
      <c r="AT974">
        <v>8.1875000000000036</v>
      </c>
      <c r="AU974">
        <v>0.1518651185770751</v>
      </c>
      <c r="AV974">
        <v>-0.17416503515461779</v>
      </c>
      <c r="AW974">
        <v>0.359375</v>
      </c>
      <c r="AX974">
        <v>83.61904761904762</v>
      </c>
      <c r="AY974">
        <v>54</v>
      </c>
      <c r="AZ974">
        <v>109</v>
      </c>
      <c r="BA974">
        <v>0.48054055904713361</v>
      </c>
      <c r="BB974">
        <v>0.5</v>
      </c>
      <c r="BC974">
        <v>3.89277780391402</v>
      </c>
      <c r="BD974" t="s">
        <v>3765</v>
      </c>
      <c r="BE974" t="s">
        <v>62</v>
      </c>
    </row>
    <row r="975" spans="1:57" x14ac:dyDescent="0.3">
      <c r="A975" t="s">
        <v>3766</v>
      </c>
      <c r="B975">
        <v>2008</v>
      </c>
      <c r="C975" t="s">
        <v>3767</v>
      </c>
      <c r="D975" t="s">
        <v>3768</v>
      </c>
      <c r="E975" t="s">
        <v>72</v>
      </c>
      <c r="F975">
        <v>2016</v>
      </c>
      <c r="G975">
        <v>127.4151785714286</v>
      </c>
      <c r="H975">
        <v>127</v>
      </c>
      <c r="I975">
        <v>5310.0076862776359</v>
      </c>
      <c r="J975">
        <v>72.869799548768043</v>
      </c>
      <c r="K975">
        <v>5.0959021452470889E-3</v>
      </c>
      <c r="L975">
        <v>-1.131649540555681</v>
      </c>
      <c r="M975">
        <v>7.9163721808430383</v>
      </c>
      <c r="N975">
        <v>16</v>
      </c>
      <c r="O975">
        <v>2</v>
      </c>
      <c r="P975">
        <v>14</v>
      </c>
      <c r="Q975">
        <v>2.648702512552136</v>
      </c>
      <c r="R975">
        <v>5.4872110574145356</v>
      </c>
      <c r="S975">
        <v>2</v>
      </c>
      <c r="T975">
        <v>1</v>
      </c>
      <c r="U975">
        <v>1</v>
      </c>
      <c r="V975">
        <v>0.1220038391769505</v>
      </c>
      <c r="W975">
        <v>7.5877348561010827</v>
      </c>
      <c r="X975">
        <v>2</v>
      </c>
      <c r="Y975">
        <v>1</v>
      </c>
      <c r="Z975">
        <v>1</v>
      </c>
      <c r="AA975">
        <v>2.22828231415855E-2</v>
      </c>
      <c r="AB975">
        <v>7.6071897444000944</v>
      </c>
      <c r="AC975">
        <v>1</v>
      </c>
      <c r="AD975">
        <v>1</v>
      </c>
      <c r="AE975">
        <v>0</v>
      </c>
      <c r="AF975">
        <v>0</v>
      </c>
      <c r="AG975">
        <v>7.6073814256397903</v>
      </c>
      <c r="AH975">
        <v>7.5060654815976832E-2</v>
      </c>
      <c r="AI975">
        <v>3.4310221398821598E-3</v>
      </c>
      <c r="AJ975">
        <v>7.8449064200038429E-3</v>
      </c>
      <c r="AK975">
        <v>-2.2362440308061279E-2</v>
      </c>
      <c r="AL975">
        <v>3041.2114052273591</v>
      </c>
      <c r="AM975">
        <v>5846.7955487356512</v>
      </c>
      <c r="AN975">
        <v>256869</v>
      </c>
      <c r="AO975">
        <v>51.000000000000107</v>
      </c>
      <c r="AP975">
        <v>2781.69049733765</v>
      </c>
      <c r="AQ975">
        <v>1.01140873015873</v>
      </c>
      <c r="AR975">
        <v>4.03125</v>
      </c>
      <c r="AS975">
        <v>2003</v>
      </c>
      <c r="AT975">
        <v>228.06349206349199</v>
      </c>
      <c r="AU975">
        <v>1.835317460317459E-2</v>
      </c>
      <c r="AV975">
        <v>7.5100126276991405E-2</v>
      </c>
      <c r="AW975">
        <v>0.37896825396825401</v>
      </c>
      <c r="AX975">
        <v>80.651612903225811</v>
      </c>
      <c r="AY975">
        <v>61</v>
      </c>
      <c r="AZ975">
        <v>121.25</v>
      </c>
      <c r="BA975">
        <v>0.57190831081335769</v>
      </c>
      <c r="BB975">
        <v>0.49603174603174599</v>
      </c>
      <c r="BC975">
        <v>5.2459917172671267</v>
      </c>
      <c r="BD975" t="s">
        <v>3769</v>
      </c>
      <c r="BE975" t="s">
        <v>62</v>
      </c>
    </row>
    <row r="976" spans="1:57" x14ac:dyDescent="0.3">
      <c r="A976" t="s">
        <v>3770</v>
      </c>
      <c r="B976">
        <v>2532</v>
      </c>
      <c r="C976" t="s">
        <v>3771</v>
      </c>
      <c r="D976" t="s">
        <v>3772</v>
      </c>
      <c r="E976" t="s">
        <v>66</v>
      </c>
      <c r="F976">
        <v>71</v>
      </c>
      <c r="G976">
        <v>120.19718309859159</v>
      </c>
      <c r="H976">
        <v>112</v>
      </c>
      <c r="I976">
        <v>6293.5104146002786</v>
      </c>
      <c r="J976">
        <v>79.331648253394292</v>
      </c>
      <c r="K976">
        <v>0.1391369716883763</v>
      </c>
      <c r="L976">
        <v>-1.3639268187522211</v>
      </c>
      <c r="M976">
        <v>5.7729177180657549</v>
      </c>
      <c r="N976">
        <v>3</v>
      </c>
      <c r="O976">
        <v>1</v>
      </c>
      <c r="P976">
        <v>2</v>
      </c>
      <c r="Q976">
        <v>0.4564897343059906</v>
      </c>
      <c r="R976">
        <v>4.0014816398818356</v>
      </c>
      <c r="S976">
        <v>1</v>
      </c>
      <c r="T976">
        <v>1</v>
      </c>
      <c r="U976">
        <v>0</v>
      </c>
      <c r="V976">
        <v>0</v>
      </c>
      <c r="W976">
        <v>4.2484952420493576</v>
      </c>
      <c r="X976">
        <v>1</v>
      </c>
      <c r="Y976">
        <v>1</v>
      </c>
      <c r="Z976">
        <v>0</v>
      </c>
      <c r="AA976">
        <v>0</v>
      </c>
      <c r="AB976">
        <v>4.2341065045972579</v>
      </c>
      <c r="AC976">
        <v>1</v>
      </c>
      <c r="AD976">
        <v>1</v>
      </c>
      <c r="AE976">
        <v>0</v>
      </c>
      <c r="AF976">
        <v>0</v>
      </c>
      <c r="AG976">
        <v>4.2195077051761087</v>
      </c>
      <c r="AH976">
        <v>-7.6956396032003341E-2</v>
      </c>
      <c r="AI976">
        <v>0.13798353413781669</v>
      </c>
      <c r="AJ976">
        <v>-1.5899022411025001E-2</v>
      </c>
      <c r="AK976">
        <v>7.7997436969838671E-2</v>
      </c>
      <c r="AL976">
        <v>688.05839786306433</v>
      </c>
      <c r="AM976">
        <v>999.58873599601611</v>
      </c>
      <c r="AN976">
        <v>8534</v>
      </c>
      <c r="AO976">
        <v>90.689762510166432</v>
      </c>
      <c r="AP976">
        <v>500.50018225473468</v>
      </c>
      <c r="AQ976">
        <v>1.323943661971831</v>
      </c>
      <c r="AR976">
        <v>3.943661971830986</v>
      </c>
      <c r="AS976">
        <v>71</v>
      </c>
      <c r="AT976">
        <v>9.873239436619718</v>
      </c>
      <c r="AU976">
        <v>0.112013256006628</v>
      </c>
      <c r="AV976">
        <v>-7.8389767836984717E-2</v>
      </c>
      <c r="AW976">
        <v>0.39436619718309862</v>
      </c>
      <c r="AX976">
        <v>98.771428571428572</v>
      </c>
      <c r="AY976">
        <v>69</v>
      </c>
      <c r="AZ976">
        <v>137.5</v>
      </c>
      <c r="BA976">
        <v>0.66001254112854402</v>
      </c>
      <c r="BB976">
        <v>0.45070422535211269</v>
      </c>
      <c r="BC976">
        <v>4.0627824221373086</v>
      </c>
      <c r="BD976" t="s">
        <v>3773</v>
      </c>
      <c r="BE976" t="s">
        <v>68</v>
      </c>
    </row>
    <row r="977" spans="1:57" x14ac:dyDescent="0.3">
      <c r="A977" t="s">
        <v>3774</v>
      </c>
      <c r="B977">
        <v>140</v>
      </c>
      <c r="C977" t="s">
        <v>3775</v>
      </c>
      <c r="D977" t="s">
        <v>3776</v>
      </c>
      <c r="E977" t="s">
        <v>60</v>
      </c>
      <c r="F977">
        <v>256</v>
      </c>
      <c r="G977">
        <v>120.74609375</v>
      </c>
      <c r="H977">
        <v>112</v>
      </c>
      <c r="I977">
        <v>5737.4160003662109</v>
      </c>
      <c r="J977">
        <v>75.745732555479393</v>
      </c>
      <c r="K977">
        <v>0.13775508479101589</v>
      </c>
      <c r="L977">
        <v>-1.2536815264116239</v>
      </c>
      <c r="M977">
        <v>7.1663157109274938</v>
      </c>
      <c r="N977">
        <v>5</v>
      </c>
      <c r="O977">
        <v>1</v>
      </c>
      <c r="P977">
        <v>4</v>
      </c>
      <c r="Q977">
        <v>0.83686949778184316</v>
      </c>
      <c r="R977">
        <v>4.9673115300318313</v>
      </c>
      <c r="S977">
        <v>2</v>
      </c>
      <c r="T977">
        <v>1</v>
      </c>
      <c r="U977">
        <v>1</v>
      </c>
      <c r="V977">
        <v>8.8558721353391642E-2</v>
      </c>
      <c r="W977">
        <v>5.5303906482084653</v>
      </c>
      <c r="X977">
        <v>1</v>
      </c>
      <c r="Y977">
        <v>1</v>
      </c>
      <c r="Z977">
        <v>0</v>
      </c>
      <c r="AA977">
        <v>0</v>
      </c>
      <c r="AB977">
        <v>5.5373342670185366</v>
      </c>
      <c r="AC977">
        <v>1</v>
      </c>
      <c r="AD977">
        <v>1</v>
      </c>
      <c r="AE977">
        <v>0</v>
      </c>
      <c r="AF977">
        <v>0</v>
      </c>
      <c r="AG977">
        <v>5.5333894887275203</v>
      </c>
      <c r="AH977">
        <v>6.0021384681097079E-2</v>
      </c>
      <c r="AI977">
        <v>3.9349904081481993E-2</v>
      </c>
      <c r="AJ977">
        <v>3.4994577646342603E-2</v>
      </c>
      <c r="AK977">
        <v>-8.8487459772888175E-3</v>
      </c>
      <c r="AL977">
        <v>1202.926260294962</v>
      </c>
      <c r="AM977">
        <v>1937.557589413223</v>
      </c>
      <c r="AN977">
        <v>30911</v>
      </c>
      <c r="AO977">
        <v>103.6709580432702</v>
      </c>
      <c r="AP977">
        <v>1051.063763133501</v>
      </c>
      <c r="AQ977">
        <v>1.08984375</v>
      </c>
      <c r="AR977">
        <v>3.87890625</v>
      </c>
      <c r="AS977">
        <v>256</v>
      </c>
      <c r="AT977">
        <v>71.796875</v>
      </c>
      <c r="AU977">
        <v>8.0269607843137247E-2</v>
      </c>
      <c r="AV977">
        <v>6.032044156745666E-2</v>
      </c>
      <c r="AW977">
        <v>0.4140625</v>
      </c>
      <c r="AX977">
        <v>84.007843137254909</v>
      </c>
      <c r="AY977">
        <v>69</v>
      </c>
      <c r="AZ977">
        <v>135.25</v>
      </c>
      <c r="BA977">
        <v>0.62731414493878312</v>
      </c>
      <c r="BB977">
        <v>0.45703125</v>
      </c>
      <c r="BC977">
        <v>4.8272287061221286</v>
      </c>
      <c r="BD977" t="s">
        <v>3777</v>
      </c>
      <c r="BE977" t="s">
        <v>62</v>
      </c>
    </row>
    <row r="978" spans="1:57" x14ac:dyDescent="0.3">
      <c r="A978" t="s">
        <v>3778</v>
      </c>
      <c r="B978">
        <v>2880</v>
      </c>
      <c r="C978" t="s">
        <v>3779</v>
      </c>
      <c r="D978" t="s">
        <v>3780</v>
      </c>
      <c r="E978" t="s">
        <v>85</v>
      </c>
      <c r="F978">
        <v>8</v>
      </c>
      <c r="G978">
        <v>151.875</v>
      </c>
      <c r="H978">
        <v>164</v>
      </c>
      <c r="I978">
        <v>5796.609375</v>
      </c>
      <c r="J978">
        <v>76.13546726066636</v>
      </c>
      <c r="K978">
        <v>-0.61077058618290225</v>
      </c>
      <c r="L978">
        <v>-0.75965534943103652</v>
      </c>
      <c r="M978">
        <v>3</v>
      </c>
      <c r="N978">
        <v>1</v>
      </c>
      <c r="O978">
        <v>1</v>
      </c>
      <c r="P978">
        <v>0</v>
      </c>
      <c r="Q978">
        <v>0</v>
      </c>
      <c r="R978">
        <v>2.0794415416798362</v>
      </c>
      <c r="S978">
        <v>1</v>
      </c>
      <c r="T978">
        <v>1</v>
      </c>
      <c r="U978">
        <v>0</v>
      </c>
      <c r="V978">
        <v>0</v>
      </c>
      <c r="W978">
        <v>1.945910149055313</v>
      </c>
      <c r="X978">
        <v>1</v>
      </c>
      <c r="Y978">
        <v>1</v>
      </c>
      <c r="Z978">
        <v>0</v>
      </c>
      <c r="AA978">
        <v>0</v>
      </c>
      <c r="AB978">
        <v>1.791759469228055</v>
      </c>
      <c r="AC978">
        <v>1</v>
      </c>
      <c r="AD978">
        <v>1</v>
      </c>
      <c r="AE978">
        <v>0</v>
      </c>
      <c r="AF978">
        <v>0</v>
      </c>
      <c r="AG978">
        <v>1.6094379124341009</v>
      </c>
      <c r="AH978">
        <v>-0.28609430890364251</v>
      </c>
      <c r="AI978">
        <v>0.1369678664521016</v>
      </c>
      <c r="AJ978">
        <v>6.9907179035157946E-2</v>
      </c>
      <c r="AK978">
        <v>0</v>
      </c>
      <c r="AL978">
        <v>343.62952588629139</v>
      </c>
      <c r="AM978">
        <v>335.88651199350431</v>
      </c>
      <c r="AN978">
        <v>1215</v>
      </c>
      <c r="AO978">
        <v>67</v>
      </c>
      <c r="AP978">
        <v>247.75089491249091</v>
      </c>
      <c r="AQ978">
        <v>3.5</v>
      </c>
      <c r="AR978">
        <v>4.625</v>
      </c>
      <c r="AS978">
        <v>8</v>
      </c>
      <c r="AT978">
        <v>0</v>
      </c>
      <c r="AU978">
        <v>0.30662393162393159</v>
      </c>
      <c r="AV978">
        <v>-0.48483378974633728</v>
      </c>
      <c r="AW978">
        <v>0.25</v>
      </c>
      <c r="AX978">
        <v>98.714285714285708</v>
      </c>
      <c r="AY978">
        <v>61.5</v>
      </c>
      <c r="AZ978">
        <v>120.75</v>
      </c>
      <c r="BA978">
        <v>0.50130348813607484</v>
      </c>
      <c r="BB978">
        <v>0.5</v>
      </c>
      <c r="BC978">
        <v>1.945910149055313</v>
      </c>
      <c r="BD978" t="s">
        <v>3779</v>
      </c>
      <c r="BE978" t="s">
        <v>68</v>
      </c>
    </row>
    <row r="979" spans="1:57" x14ac:dyDescent="0.3">
      <c r="A979" t="s">
        <v>3781</v>
      </c>
      <c r="B979">
        <v>3848</v>
      </c>
      <c r="C979" t="s">
        <v>3782</v>
      </c>
      <c r="D979" t="s">
        <v>3783</v>
      </c>
      <c r="E979" t="s">
        <v>98</v>
      </c>
      <c r="F979">
        <v>16</v>
      </c>
      <c r="G979">
        <v>145.5625</v>
      </c>
      <c r="H979">
        <v>146.5</v>
      </c>
      <c r="I979">
        <v>5876.99609375</v>
      </c>
      <c r="J979">
        <v>76.661568557850416</v>
      </c>
      <c r="K979">
        <v>-0.31118214280460821</v>
      </c>
      <c r="L979">
        <v>-1.2095569236206429</v>
      </c>
      <c r="M979">
        <v>3.875</v>
      </c>
      <c r="N979">
        <v>2</v>
      </c>
      <c r="O979">
        <v>1</v>
      </c>
      <c r="P979">
        <v>1</v>
      </c>
      <c r="Q979">
        <v>0.24944382578492941</v>
      </c>
      <c r="R979">
        <v>2.6859453246697882</v>
      </c>
      <c r="S979">
        <v>1</v>
      </c>
      <c r="T979">
        <v>1</v>
      </c>
      <c r="U979">
        <v>0</v>
      </c>
      <c r="V979">
        <v>0</v>
      </c>
      <c r="W979">
        <v>2.7080502011022101</v>
      </c>
      <c r="X979">
        <v>1</v>
      </c>
      <c r="Y979">
        <v>1</v>
      </c>
      <c r="Z979">
        <v>0</v>
      </c>
      <c r="AA979">
        <v>0</v>
      </c>
      <c r="AB979">
        <v>2.639057329615258</v>
      </c>
      <c r="AC979">
        <v>1</v>
      </c>
      <c r="AD979">
        <v>1</v>
      </c>
      <c r="AE979">
        <v>0</v>
      </c>
      <c r="AF979">
        <v>0</v>
      </c>
      <c r="AG979">
        <v>2.5649493574615372</v>
      </c>
      <c r="AH979">
        <v>-0.2902292256420857</v>
      </c>
      <c r="AI979">
        <v>0.1569219999056172</v>
      </c>
      <c r="AJ979">
        <v>-0.34139153020483071</v>
      </c>
      <c r="AK979">
        <v>-9.6819248912104999E-2</v>
      </c>
      <c r="AL979">
        <v>433.5990293851728</v>
      </c>
      <c r="AM979">
        <v>495.01402173699688</v>
      </c>
      <c r="AN979">
        <v>2329</v>
      </c>
      <c r="AO979">
        <v>160.2832112345076</v>
      </c>
      <c r="AP979">
        <v>301.46976567385411</v>
      </c>
      <c r="AQ979">
        <v>2.3125</v>
      </c>
      <c r="AR979">
        <v>3.9375</v>
      </c>
      <c r="AS979">
        <v>16</v>
      </c>
      <c r="AT979">
        <v>0.875</v>
      </c>
      <c r="AU979">
        <v>0.24544534412955471</v>
      </c>
      <c r="AV979">
        <v>-0.31207330266439892</v>
      </c>
      <c r="AW979">
        <v>0.3125</v>
      </c>
      <c r="AX979">
        <v>109.1333333333333</v>
      </c>
      <c r="AY979">
        <v>75.5</v>
      </c>
      <c r="AZ979">
        <v>143.25</v>
      </c>
      <c r="BA979">
        <v>0.52665740529223126</v>
      </c>
      <c r="BB979">
        <v>0.5</v>
      </c>
      <c r="BC979">
        <v>2.523210952952891</v>
      </c>
      <c r="BD979" t="s">
        <v>3782</v>
      </c>
      <c r="BE979" t="s">
        <v>62</v>
      </c>
    </row>
    <row r="980" spans="1:57" x14ac:dyDescent="0.3">
      <c r="A980" t="s">
        <v>3784</v>
      </c>
      <c r="B980">
        <v>3772</v>
      </c>
      <c r="C980" t="s">
        <v>3785</v>
      </c>
      <c r="D980" t="s">
        <v>3786</v>
      </c>
      <c r="E980" t="s">
        <v>72</v>
      </c>
      <c r="F980">
        <v>3784</v>
      </c>
      <c r="G980">
        <v>126.4101479915433</v>
      </c>
      <c r="H980">
        <v>126</v>
      </c>
      <c r="I980">
        <v>5428.3206792592828</v>
      </c>
      <c r="J980">
        <v>73.677138104430213</v>
      </c>
      <c r="K980">
        <v>2.0719219309904349E-2</v>
      </c>
      <c r="L980">
        <v>-1.1931659179374181</v>
      </c>
      <c r="M980">
        <v>7.9531497979099699</v>
      </c>
      <c r="N980">
        <v>27</v>
      </c>
      <c r="O980">
        <v>5</v>
      </c>
      <c r="P980">
        <v>22</v>
      </c>
      <c r="Q980">
        <v>3.741526885844868</v>
      </c>
      <c r="R980">
        <v>5.5127033589921997</v>
      </c>
      <c r="S980">
        <v>3</v>
      </c>
      <c r="T980">
        <v>1</v>
      </c>
      <c r="U980">
        <v>2</v>
      </c>
      <c r="V980">
        <v>0.17436830264751291</v>
      </c>
      <c r="W980">
        <v>8.1973196322006139</v>
      </c>
      <c r="X980">
        <v>2</v>
      </c>
      <c r="Y980">
        <v>1</v>
      </c>
      <c r="Z980">
        <v>1</v>
      </c>
      <c r="AA980">
        <v>1.6260699443469341E-2</v>
      </c>
      <c r="AB980">
        <v>8.2376416986205356</v>
      </c>
      <c r="AC980">
        <v>1</v>
      </c>
      <c r="AD980">
        <v>1</v>
      </c>
      <c r="AE980">
        <v>0</v>
      </c>
      <c r="AF980">
        <v>0</v>
      </c>
      <c r="AG980">
        <v>8.2377438038909307</v>
      </c>
      <c r="AH980">
        <v>-3.3421551104199393E-2</v>
      </c>
      <c r="AI980">
        <v>3.5259858528887057E-2</v>
      </c>
      <c r="AJ980">
        <v>-5.6745155988915689E-3</v>
      </c>
      <c r="AK980">
        <v>-9.8141099829005402E-3</v>
      </c>
      <c r="AL980">
        <v>4143.3649429210827</v>
      </c>
      <c r="AM980">
        <v>7989.9822872001769</v>
      </c>
      <c r="AN980">
        <v>478336</v>
      </c>
      <c r="AO980">
        <v>103.8934169373273</v>
      </c>
      <c r="AP980">
        <v>3787.9336108760249</v>
      </c>
      <c r="AQ980">
        <v>1.0060782241014801</v>
      </c>
      <c r="AR980">
        <v>4.0081923890063429</v>
      </c>
      <c r="AS980">
        <v>3770</v>
      </c>
      <c r="AT980">
        <v>242.4524312896406</v>
      </c>
      <c r="AU980">
        <v>1.347054678108028E-2</v>
      </c>
      <c r="AV980">
        <v>-3.3432299741203188E-2</v>
      </c>
      <c r="AW980">
        <v>0.3784355179704017</v>
      </c>
      <c r="AX980">
        <v>86.959027227068461</v>
      </c>
      <c r="AY980">
        <v>63</v>
      </c>
      <c r="AZ980">
        <v>126.25</v>
      </c>
      <c r="BA980">
        <v>0.58284195750929035</v>
      </c>
      <c r="BB980">
        <v>0.4973572938689218</v>
      </c>
      <c r="BC980">
        <v>5.3330002295037691</v>
      </c>
      <c r="BD980" t="s">
        <v>3787</v>
      </c>
      <c r="BE980" t="s">
        <v>68</v>
      </c>
    </row>
    <row r="981" spans="1:57" x14ac:dyDescent="0.3">
      <c r="A981" t="s">
        <v>3788</v>
      </c>
      <c r="B981">
        <v>1927</v>
      </c>
      <c r="C981" t="s">
        <v>3789</v>
      </c>
      <c r="D981" t="s">
        <v>3790</v>
      </c>
      <c r="E981" t="s">
        <v>93</v>
      </c>
      <c r="F981">
        <v>2041</v>
      </c>
      <c r="G981">
        <v>126.2454679078883</v>
      </c>
      <c r="H981">
        <v>125</v>
      </c>
      <c r="I981">
        <v>5352.7712006752317</v>
      </c>
      <c r="J981">
        <v>73.162635276999367</v>
      </c>
      <c r="K981">
        <v>1.3414329753646131E-2</v>
      </c>
      <c r="L981">
        <v>-1.20549849834818</v>
      </c>
      <c r="M981">
        <v>7.9061482163020242</v>
      </c>
      <c r="N981">
        <v>16</v>
      </c>
      <c r="O981">
        <v>1</v>
      </c>
      <c r="P981">
        <v>15</v>
      </c>
      <c r="Q981">
        <v>2.8040209644965102</v>
      </c>
      <c r="R981">
        <v>5.4801243452187984</v>
      </c>
      <c r="S981">
        <v>2</v>
      </c>
      <c r="T981">
        <v>1</v>
      </c>
      <c r="U981">
        <v>1</v>
      </c>
      <c r="V981">
        <v>0.13465164687845541</v>
      </c>
      <c r="W981">
        <v>7.5955615126414777</v>
      </c>
      <c r="X981">
        <v>1</v>
      </c>
      <c r="Y981">
        <v>1</v>
      </c>
      <c r="Z981">
        <v>0</v>
      </c>
      <c r="AA981">
        <v>0</v>
      </c>
      <c r="AB981">
        <v>7.6202147705744547</v>
      </c>
      <c r="AC981">
        <v>1</v>
      </c>
      <c r="AD981">
        <v>1</v>
      </c>
      <c r="AE981">
        <v>0</v>
      </c>
      <c r="AF981">
        <v>0</v>
      </c>
      <c r="AG981">
        <v>7.6197242137826686</v>
      </c>
      <c r="AH981">
        <v>3.5113997223498623E-2</v>
      </c>
      <c r="AI981">
        <v>-4.7529435386778609E-3</v>
      </c>
      <c r="AJ981">
        <v>-1.24883073398439E-2</v>
      </c>
      <c r="AK981">
        <v>-3.3732872158851119E-3</v>
      </c>
      <c r="AL981">
        <v>3041.4720884768999</v>
      </c>
      <c r="AM981">
        <v>5848.396749111329</v>
      </c>
      <c r="AN981">
        <v>257667</v>
      </c>
      <c r="AO981">
        <v>107.4452916880761</v>
      </c>
      <c r="AP981">
        <v>2730.624733185492</v>
      </c>
      <c r="AQ981">
        <v>1.0112689857912791</v>
      </c>
      <c r="AR981">
        <v>4.0029397354238121</v>
      </c>
      <c r="AS981">
        <v>2036</v>
      </c>
      <c r="AT981">
        <v>252.4639882410583</v>
      </c>
      <c r="AU981">
        <v>1.8691337387478298E-2</v>
      </c>
      <c r="AV981">
        <v>3.5134425316933678E-2</v>
      </c>
      <c r="AW981">
        <v>0.38657520823125918</v>
      </c>
      <c r="AX981">
        <v>82.538235294117641</v>
      </c>
      <c r="AY981">
        <v>65</v>
      </c>
      <c r="AZ981">
        <v>130</v>
      </c>
      <c r="BA981">
        <v>0.57952682571053227</v>
      </c>
      <c r="BB981">
        <v>0.49338559529642328</v>
      </c>
      <c r="BC981">
        <v>5.260479898328283</v>
      </c>
      <c r="BD981" t="s">
        <v>3791</v>
      </c>
      <c r="BE981" t="s">
        <v>68</v>
      </c>
    </row>
    <row r="982" spans="1:57" x14ac:dyDescent="0.3">
      <c r="A982" t="s">
        <v>3792</v>
      </c>
      <c r="B982">
        <v>3184</v>
      </c>
      <c r="C982" t="s">
        <v>3793</v>
      </c>
      <c r="D982" t="s">
        <v>3794</v>
      </c>
      <c r="E982" t="s">
        <v>93</v>
      </c>
      <c r="F982">
        <v>3184</v>
      </c>
      <c r="G982">
        <v>127.8878768844221</v>
      </c>
      <c r="H982">
        <v>128</v>
      </c>
      <c r="I982">
        <v>5297.863370618008</v>
      </c>
      <c r="J982">
        <v>72.786422982710235</v>
      </c>
      <c r="K982">
        <v>1.6329035955645809E-3</v>
      </c>
      <c r="L982">
        <v>-1.175413791705</v>
      </c>
      <c r="M982">
        <v>7.9411746480773733</v>
      </c>
      <c r="N982">
        <v>23</v>
      </c>
      <c r="O982">
        <v>5</v>
      </c>
      <c r="P982">
        <v>18</v>
      </c>
      <c r="Q982">
        <v>3.5393987836919418</v>
      </c>
      <c r="R982">
        <v>5.5044028176489501</v>
      </c>
      <c r="S982">
        <v>3</v>
      </c>
      <c r="T982">
        <v>1</v>
      </c>
      <c r="U982">
        <v>2</v>
      </c>
      <c r="V982">
        <v>0.15759427980442919</v>
      </c>
      <c r="W982">
        <v>8.032585844696003</v>
      </c>
      <c r="X982">
        <v>1</v>
      </c>
      <c r="Y982">
        <v>1</v>
      </c>
      <c r="Z982">
        <v>0</v>
      </c>
      <c r="AA982">
        <v>0</v>
      </c>
      <c r="AB982">
        <v>8.065265208897733</v>
      </c>
      <c r="AC982">
        <v>1</v>
      </c>
      <c r="AD982">
        <v>1</v>
      </c>
      <c r="AE982">
        <v>0</v>
      </c>
      <c r="AF982">
        <v>0</v>
      </c>
      <c r="AG982">
        <v>8.0649508917491417</v>
      </c>
      <c r="AH982">
        <v>2.731348089920576E-2</v>
      </c>
      <c r="AI982">
        <v>-1.6471576031001581E-2</v>
      </c>
      <c r="AJ982">
        <v>-4.1268448370522176E-3</v>
      </c>
      <c r="AK982">
        <v>3.6933619014347913E-2</v>
      </c>
      <c r="AL982">
        <v>3781.684889082409</v>
      </c>
      <c r="AM982">
        <v>7392.0606328469594</v>
      </c>
      <c r="AN982">
        <v>407195</v>
      </c>
      <c r="AO982">
        <v>24.9454202392836</v>
      </c>
      <c r="AP982">
        <v>3477.107859495251</v>
      </c>
      <c r="AQ982">
        <v>1.0072236180904519</v>
      </c>
      <c r="AR982">
        <v>4.0276381909547743</v>
      </c>
      <c r="AS982">
        <v>3172</v>
      </c>
      <c r="AT982">
        <v>257.8492462311558</v>
      </c>
      <c r="AU982">
        <v>1.2407626367129779E-2</v>
      </c>
      <c r="AV982">
        <v>2.7320362533879039E-2</v>
      </c>
      <c r="AW982">
        <v>0.37845477386934667</v>
      </c>
      <c r="AX982">
        <v>82.89098334904179</v>
      </c>
      <c r="AY982">
        <v>62</v>
      </c>
      <c r="AZ982">
        <v>124</v>
      </c>
      <c r="BA982">
        <v>0.56914247664374407</v>
      </c>
      <c r="BB982">
        <v>0.50251256281407031</v>
      </c>
      <c r="BC982">
        <v>5.2876161594306144</v>
      </c>
      <c r="BD982" t="s">
        <v>3795</v>
      </c>
      <c r="BE982" t="s">
        <v>62</v>
      </c>
    </row>
    <row r="983" spans="1:57" x14ac:dyDescent="0.3">
      <c r="A983" t="s">
        <v>3796</v>
      </c>
      <c r="B983">
        <v>2327</v>
      </c>
      <c r="C983" t="s">
        <v>3797</v>
      </c>
      <c r="D983" t="s">
        <v>3798</v>
      </c>
      <c r="E983" t="s">
        <v>66</v>
      </c>
      <c r="F983">
        <v>70</v>
      </c>
      <c r="G983">
        <v>142.42857142857139</v>
      </c>
      <c r="H983">
        <v>159.5</v>
      </c>
      <c r="I983">
        <v>6149.8448979591831</v>
      </c>
      <c r="J983">
        <v>78.420946806061849</v>
      </c>
      <c r="K983">
        <v>-0.25597084693009658</v>
      </c>
      <c r="L983">
        <v>-1.2905682798971929</v>
      </c>
      <c r="M983">
        <v>5.9470703383426358</v>
      </c>
      <c r="N983">
        <v>3</v>
      </c>
      <c r="O983">
        <v>1</v>
      </c>
      <c r="P983">
        <v>2</v>
      </c>
      <c r="Q983">
        <v>0.34089725358236611</v>
      </c>
      <c r="R983">
        <v>4.1221950376138752</v>
      </c>
      <c r="S983">
        <v>2</v>
      </c>
      <c r="T983">
        <v>1</v>
      </c>
      <c r="U983">
        <v>1</v>
      </c>
      <c r="V983">
        <v>0.1203728348804772</v>
      </c>
      <c r="W983">
        <v>4.2140152819723324</v>
      </c>
      <c r="X983">
        <v>1</v>
      </c>
      <c r="Y983">
        <v>1</v>
      </c>
      <c r="Z983">
        <v>0</v>
      </c>
      <c r="AA983">
        <v>0</v>
      </c>
      <c r="AB983">
        <v>4.2195077051761087</v>
      </c>
      <c r="AC983">
        <v>1</v>
      </c>
      <c r="AD983">
        <v>1</v>
      </c>
      <c r="AE983">
        <v>0</v>
      </c>
      <c r="AF983">
        <v>0</v>
      </c>
      <c r="AG983">
        <v>4.2046926193909648</v>
      </c>
      <c r="AH983">
        <v>3.86469724425485E-2</v>
      </c>
      <c r="AI983">
        <v>0.2288298721226846</v>
      </c>
      <c r="AJ983">
        <v>-1.368685114152051E-3</v>
      </c>
      <c r="AK983">
        <v>2.1474385473610178E-3</v>
      </c>
      <c r="AL983">
        <v>704.79900372389659</v>
      </c>
      <c r="AM983">
        <v>1163.512081737789</v>
      </c>
      <c r="AN983">
        <v>9970</v>
      </c>
      <c r="AO983">
        <v>2</v>
      </c>
      <c r="AP983">
        <v>530.94951766928784</v>
      </c>
      <c r="AQ983">
        <v>1.328571428571429</v>
      </c>
      <c r="AR983">
        <v>4.1714285714285717</v>
      </c>
      <c r="AS983">
        <v>70</v>
      </c>
      <c r="AT983">
        <v>6.8000000000000007</v>
      </c>
      <c r="AU983">
        <v>0.14121964991530209</v>
      </c>
      <c r="AV983">
        <v>3.9518872137246933E-2</v>
      </c>
      <c r="AW983">
        <v>0.32857142857142863</v>
      </c>
      <c r="AX983">
        <v>87.869565217391298</v>
      </c>
      <c r="AY983">
        <v>66.5</v>
      </c>
      <c r="AZ983">
        <v>143</v>
      </c>
      <c r="BA983">
        <v>0.55059842291116645</v>
      </c>
      <c r="BB983">
        <v>0.5714285714285714</v>
      </c>
      <c r="BC983">
        <v>4.0104443590538894</v>
      </c>
      <c r="BD983" t="s">
        <v>3799</v>
      </c>
      <c r="BE983" t="s">
        <v>68</v>
      </c>
    </row>
    <row r="984" spans="1:57" x14ac:dyDescent="0.3">
      <c r="A984" t="s">
        <v>3800</v>
      </c>
      <c r="B984">
        <v>3053</v>
      </c>
      <c r="C984" t="s">
        <v>3801</v>
      </c>
      <c r="D984" t="s">
        <v>3802</v>
      </c>
      <c r="E984" t="s">
        <v>98</v>
      </c>
      <c r="F984">
        <v>16</v>
      </c>
      <c r="G984">
        <v>100.5</v>
      </c>
      <c r="H984">
        <v>102.5</v>
      </c>
      <c r="I984">
        <v>5786.75</v>
      </c>
      <c r="J984">
        <v>76.070690807958357</v>
      </c>
      <c r="K984">
        <v>0.41801654859602339</v>
      </c>
      <c r="L984">
        <v>-1.026874590334846</v>
      </c>
      <c r="M984">
        <v>3.875</v>
      </c>
      <c r="N984">
        <v>2</v>
      </c>
      <c r="O984">
        <v>1</v>
      </c>
      <c r="P984">
        <v>1</v>
      </c>
      <c r="Q984">
        <v>0.24944382578492941</v>
      </c>
      <c r="R984">
        <v>2.6859453246697882</v>
      </c>
      <c r="S984">
        <v>1</v>
      </c>
      <c r="T984">
        <v>1</v>
      </c>
      <c r="U984">
        <v>0</v>
      </c>
      <c r="V984">
        <v>0</v>
      </c>
      <c r="W984">
        <v>2.7080502011022101</v>
      </c>
      <c r="X984">
        <v>1</v>
      </c>
      <c r="Y984">
        <v>1</v>
      </c>
      <c r="Z984">
        <v>0</v>
      </c>
      <c r="AA984">
        <v>0</v>
      </c>
      <c r="AB984">
        <v>2.639057329615258</v>
      </c>
      <c r="AC984">
        <v>1</v>
      </c>
      <c r="AD984">
        <v>1</v>
      </c>
      <c r="AE984">
        <v>0</v>
      </c>
      <c r="AF984">
        <v>0</v>
      </c>
      <c r="AG984">
        <v>2.5649493574615372</v>
      </c>
      <c r="AH984">
        <v>-0.26508564824815312</v>
      </c>
      <c r="AI984">
        <v>-0.33387696029723068</v>
      </c>
      <c r="AJ984">
        <v>0.11661608415777421</v>
      </c>
      <c r="AK984">
        <v>-0.1676729165766622</v>
      </c>
      <c r="AL984">
        <v>360.78310557752258</v>
      </c>
      <c r="AM984">
        <v>352.17545446813602</v>
      </c>
      <c r="AN984">
        <v>1608</v>
      </c>
      <c r="AO984">
        <v>20.835795269220259</v>
      </c>
      <c r="AP984">
        <v>317.19045122438689</v>
      </c>
      <c r="AQ984">
        <v>2.25</v>
      </c>
      <c r="AR984">
        <v>3.8125</v>
      </c>
      <c r="AS984">
        <v>16</v>
      </c>
      <c r="AT984">
        <v>0.875</v>
      </c>
      <c r="AU984">
        <v>0.29096638655462181</v>
      </c>
      <c r="AV984">
        <v>-0.27519415465507668</v>
      </c>
      <c r="AW984">
        <v>0.3125</v>
      </c>
      <c r="AX984">
        <v>110.06666666666671</v>
      </c>
      <c r="AY984">
        <v>75.5</v>
      </c>
      <c r="AZ984">
        <v>116.5</v>
      </c>
      <c r="BA984">
        <v>0.7569222965966006</v>
      </c>
      <c r="BB984">
        <v>0.5</v>
      </c>
      <c r="BC984">
        <v>2.615630577027551</v>
      </c>
      <c r="BD984" t="s">
        <v>3801</v>
      </c>
      <c r="BE984" t="s">
        <v>62</v>
      </c>
    </row>
    <row r="985" spans="1:57" x14ac:dyDescent="0.3">
      <c r="A985" t="s">
        <v>3803</v>
      </c>
      <c r="B985">
        <v>3341</v>
      </c>
      <c r="C985" t="s">
        <v>3804</v>
      </c>
      <c r="D985" t="s">
        <v>3805</v>
      </c>
      <c r="E985" t="s">
        <v>115</v>
      </c>
      <c r="F985">
        <v>3399</v>
      </c>
      <c r="G985">
        <v>126.1632833186231</v>
      </c>
      <c r="H985">
        <v>125</v>
      </c>
      <c r="I985">
        <v>5410.9715733327939</v>
      </c>
      <c r="J985">
        <v>73.559306503887015</v>
      </c>
      <c r="K985">
        <v>2.397984334615778E-2</v>
      </c>
      <c r="L985">
        <v>-1.186766462642258</v>
      </c>
      <c r="M985">
        <v>7.938905320680691</v>
      </c>
      <c r="N985">
        <v>27</v>
      </c>
      <c r="O985">
        <v>3</v>
      </c>
      <c r="P985">
        <v>24</v>
      </c>
      <c r="Q985">
        <v>3.8564620047831331</v>
      </c>
      <c r="R985">
        <v>5.5028298397621764</v>
      </c>
      <c r="S985">
        <v>3</v>
      </c>
      <c r="T985">
        <v>1</v>
      </c>
      <c r="U985">
        <v>2</v>
      </c>
      <c r="V985">
        <v>0.16363783863159509</v>
      </c>
      <c r="W985">
        <v>8.0944786629489336</v>
      </c>
      <c r="X985">
        <v>2</v>
      </c>
      <c r="Y985">
        <v>1</v>
      </c>
      <c r="Z985">
        <v>1</v>
      </c>
      <c r="AA985">
        <v>1.715742889512039E-2</v>
      </c>
      <c r="AB985">
        <v>8.1302398744422693</v>
      </c>
      <c r="AC985">
        <v>1</v>
      </c>
      <c r="AD985">
        <v>1</v>
      </c>
      <c r="AE985">
        <v>0</v>
      </c>
      <c r="AF985">
        <v>0</v>
      </c>
      <c r="AG985">
        <v>8.1303535474312341</v>
      </c>
      <c r="AH985">
        <v>2.305513909900711E-2</v>
      </c>
      <c r="AI985">
        <v>-1.038720800120616E-2</v>
      </c>
      <c r="AJ985">
        <v>1.538626703956574E-2</v>
      </c>
      <c r="AK985">
        <v>-3.4764786054776852E-3</v>
      </c>
      <c r="AL985">
        <v>3917.8519296943718</v>
      </c>
      <c r="AM985">
        <v>7559.418182439048</v>
      </c>
      <c r="AN985">
        <v>428829</v>
      </c>
      <c r="AO985">
        <v>94.605839995281954</v>
      </c>
      <c r="AP985">
        <v>3524.2887129459568</v>
      </c>
      <c r="AQ985">
        <v>1.006766696087084</v>
      </c>
      <c r="AR985">
        <v>3.9835245660488381</v>
      </c>
      <c r="AS985">
        <v>3389</v>
      </c>
      <c r="AT985">
        <v>286.75228008237718</v>
      </c>
      <c r="AU985">
        <v>1.6080854230482999E-2</v>
      </c>
      <c r="AV985">
        <v>2.3060399760018752E-2</v>
      </c>
      <c r="AW985">
        <v>0.37687555163283321</v>
      </c>
      <c r="AX985">
        <v>83.805179517363158</v>
      </c>
      <c r="AY985">
        <v>63</v>
      </c>
      <c r="AZ985">
        <v>127</v>
      </c>
      <c r="BA985">
        <v>0.58304844776522102</v>
      </c>
      <c r="BB985">
        <v>0.49543983524566049</v>
      </c>
      <c r="BC985">
        <v>5.3020494160839862</v>
      </c>
      <c r="BD985" t="s">
        <v>3806</v>
      </c>
      <c r="BE985" t="s">
        <v>68</v>
      </c>
    </row>
    <row r="986" spans="1:57" x14ac:dyDescent="0.3">
      <c r="A986" t="s">
        <v>3807</v>
      </c>
      <c r="B986">
        <v>1668</v>
      </c>
      <c r="C986" t="s">
        <v>3808</v>
      </c>
      <c r="D986" t="s">
        <v>3809</v>
      </c>
      <c r="E986" t="s">
        <v>66</v>
      </c>
      <c r="F986">
        <v>71</v>
      </c>
      <c r="G986">
        <v>117.7464788732394</v>
      </c>
      <c r="H986">
        <v>102</v>
      </c>
      <c r="I986">
        <v>5473.7948819678631</v>
      </c>
      <c r="J986">
        <v>73.985099053578779</v>
      </c>
      <c r="K986">
        <v>0.15692725441607841</v>
      </c>
      <c r="L986">
        <v>-1.116931919793841</v>
      </c>
      <c r="M986">
        <v>5.885593774403783</v>
      </c>
      <c r="N986">
        <v>3</v>
      </c>
      <c r="O986">
        <v>1</v>
      </c>
      <c r="P986">
        <v>2</v>
      </c>
      <c r="Q986">
        <v>0.39540808619778262</v>
      </c>
      <c r="R986">
        <v>4.079582730649153</v>
      </c>
      <c r="S986">
        <v>1</v>
      </c>
      <c r="T986">
        <v>1</v>
      </c>
      <c r="U986">
        <v>0</v>
      </c>
      <c r="V986">
        <v>0</v>
      </c>
      <c r="W986">
        <v>4.2484952420493576</v>
      </c>
      <c r="X986">
        <v>1</v>
      </c>
      <c r="Y986">
        <v>1</v>
      </c>
      <c r="Z986">
        <v>0</v>
      </c>
      <c r="AA986">
        <v>0</v>
      </c>
      <c r="AB986">
        <v>4.2341065045972579</v>
      </c>
      <c r="AC986">
        <v>1</v>
      </c>
      <c r="AD986">
        <v>1</v>
      </c>
      <c r="AE986">
        <v>0</v>
      </c>
      <c r="AF986">
        <v>0</v>
      </c>
      <c r="AG986">
        <v>4.2195077051761087</v>
      </c>
      <c r="AH986">
        <v>6.54861077720462E-3</v>
      </c>
      <c r="AI986">
        <v>-5.33470730957607E-2</v>
      </c>
      <c r="AJ986">
        <v>-6.221215279383506E-2</v>
      </c>
      <c r="AK986">
        <v>7.6711699889042608E-4</v>
      </c>
      <c r="AL986">
        <v>645.99729545365778</v>
      </c>
      <c r="AM986">
        <v>977.59270366884368</v>
      </c>
      <c r="AN986">
        <v>8360</v>
      </c>
      <c r="AO986">
        <v>29.77224604131781</v>
      </c>
      <c r="AP986">
        <v>477.29400528686858</v>
      </c>
      <c r="AQ986">
        <v>1.323943661971831</v>
      </c>
      <c r="AR986">
        <v>3.76056338028169</v>
      </c>
      <c r="AS986">
        <v>71</v>
      </c>
      <c r="AT986">
        <v>8.4647887323943607</v>
      </c>
      <c r="AU986">
        <v>0.11278739631464681</v>
      </c>
      <c r="AV986">
        <v>6.6463971802294764E-3</v>
      </c>
      <c r="AW986">
        <v>0.43661971830985907</v>
      </c>
      <c r="AX986">
        <v>83.857142857142861</v>
      </c>
      <c r="AY986">
        <v>68</v>
      </c>
      <c r="AZ986">
        <v>126</v>
      </c>
      <c r="BA986">
        <v>0.62834234842154224</v>
      </c>
      <c r="BB986">
        <v>0.43661971830985907</v>
      </c>
      <c r="BC986">
        <v>4.1296700110962261</v>
      </c>
      <c r="BD986" t="s">
        <v>3810</v>
      </c>
      <c r="BE986" t="s">
        <v>68</v>
      </c>
    </row>
    <row r="987" spans="1:57" x14ac:dyDescent="0.3">
      <c r="A987" t="s">
        <v>3811</v>
      </c>
      <c r="B987">
        <v>3320</v>
      </c>
      <c r="C987" t="s">
        <v>3812</v>
      </c>
      <c r="D987" t="s">
        <v>3813</v>
      </c>
      <c r="E987" t="s">
        <v>10622</v>
      </c>
      <c r="F987">
        <v>64</v>
      </c>
      <c r="G987">
        <v>130.03125</v>
      </c>
      <c r="H987">
        <v>126.5</v>
      </c>
      <c r="I987">
        <v>5185.4990234375</v>
      </c>
      <c r="J987">
        <v>72.0104091325518</v>
      </c>
      <c r="K987">
        <v>-2.46013574107047E-2</v>
      </c>
      <c r="L987">
        <v>-0.97500306885455768</v>
      </c>
      <c r="M987">
        <v>5.800704882778696</v>
      </c>
      <c r="N987">
        <v>3</v>
      </c>
      <c r="O987">
        <v>1</v>
      </c>
      <c r="P987">
        <v>2</v>
      </c>
      <c r="Q987">
        <v>0.35669242871684831</v>
      </c>
      <c r="R987">
        <v>4.0207422347583606</v>
      </c>
      <c r="S987">
        <v>1</v>
      </c>
      <c r="T987">
        <v>1</v>
      </c>
      <c r="U987">
        <v>0</v>
      </c>
      <c r="V987">
        <v>0</v>
      </c>
      <c r="W987">
        <v>4.1431347263915326</v>
      </c>
      <c r="X987">
        <v>1</v>
      </c>
      <c r="Y987">
        <v>1</v>
      </c>
      <c r="Z987">
        <v>0</v>
      </c>
      <c r="AA987">
        <v>0</v>
      </c>
      <c r="AB987">
        <v>4.1271343850450908</v>
      </c>
      <c r="AC987">
        <v>1</v>
      </c>
      <c r="AD987">
        <v>1</v>
      </c>
      <c r="AE987">
        <v>0</v>
      </c>
      <c r="AF987">
        <v>0</v>
      </c>
      <c r="AG987">
        <v>4.1108738641733096</v>
      </c>
      <c r="AH987">
        <v>0.1806423419679391</v>
      </c>
      <c r="AI987">
        <v>-6.2405384013901437E-2</v>
      </c>
      <c r="AJ987">
        <v>1.328259373297418E-2</v>
      </c>
      <c r="AK987">
        <v>-0.18844112803489149</v>
      </c>
      <c r="AL987">
        <v>631.86729834388939</v>
      </c>
      <c r="AM987">
        <v>1007.340914131653</v>
      </c>
      <c r="AN987">
        <v>8322</v>
      </c>
      <c r="AO987">
        <v>78</v>
      </c>
      <c r="AP987">
        <v>483.68312824342178</v>
      </c>
      <c r="AQ987">
        <v>1.359375</v>
      </c>
      <c r="AR987">
        <v>4.171875</v>
      </c>
      <c r="AS987">
        <v>64</v>
      </c>
      <c r="AT987">
        <v>6.6875</v>
      </c>
      <c r="AU987">
        <v>7.5490196078431382E-2</v>
      </c>
      <c r="AV987">
        <v>0.18502946610013049</v>
      </c>
      <c r="AW987">
        <v>0.390625</v>
      </c>
      <c r="AX987">
        <v>73.777777777777771</v>
      </c>
      <c r="AY987">
        <v>53</v>
      </c>
      <c r="AZ987">
        <v>98.75</v>
      </c>
      <c r="BA987">
        <v>0.55379310075502464</v>
      </c>
      <c r="BB987">
        <v>0.5</v>
      </c>
      <c r="BC987">
        <v>3.89277780391402</v>
      </c>
      <c r="BD987" t="s">
        <v>3814</v>
      </c>
      <c r="BE987" t="s">
        <v>62</v>
      </c>
    </row>
    <row r="988" spans="1:57" x14ac:dyDescent="0.3">
      <c r="A988" t="s">
        <v>3815</v>
      </c>
      <c r="B988">
        <v>672</v>
      </c>
      <c r="C988" t="s">
        <v>3816</v>
      </c>
      <c r="D988" t="s">
        <v>3817</v>
      </c>
      <c r="E988" t="s">
        <v>66</v>
      </c>
      <c r="F988">
        <v>72</v>
      </c>
      <c r="G988">
        <v>114.375</v>
      </c>
      <c r="H988">
        <v>114.5</v>
      </c>
      <c r="I988">
        <v>6593.7621527777774</v>
      </c>
      <c r="J988">
        <v>81.201983675140454</v>
      </c>
      <c r="K988">
        <v>0.17485452223560979</v>
      </c>
      <c r="L988">
        <v>-1.3886988346092961</v>
      </c>
      <c r="M988">
        <v>5.9199250014423157</v>
      </c>
      <c r="N988">
        <v>2</v>
      </c>
      <c r="O988">
        <v>1</v>
      </c>
      <c r="P988">
        <v>1</v>
      </c>
      <c r="Q988">
        <v>0.3499271061118826</v>
      </c>
      <c r="R988">
        <v>4.1033793238760694</v>
      </c>
      <c r="S988">
        <v>2</v>
      </c>
      <c r="T988">
        <v>1</v>
      </c>
      <c r="U988">
        <v>1</v>
      </c>
      <c r="V988">
        <v>0.16776575221435111</v>
      </c>
      <c r="W988">
        <v>4.2236293316576567</v>
      </c>
      <c r="X988">
        <v>2</v>
      </c>
      <c r="Y988">
        <v>1</v>
      </c>
      <c r="Z988">
        <v>1</v>
      </c>
      <c r="AA988">
        <v>0.11951030798891769</v>
      </c>
      <c r="AB988">
        <v>4.2286910368905044</v>
      </c>
      <c r="AC988">
        <v>1</v>
      </c>
      <c r="AD988">
        <v>1</v>
      </c>
      <c r="AE988">
        <v>0</v>
      </c>
      <c r="AF988">
        <v>0</v>
      </c>
      <c r="AG988">
        <v>4.2341065045972579</v>
      </c>
      <c r="AH988">
        <v>9.2783892973341026E-2</v>
      </c>
      <c r="AI988">
        <v>-9.3552552694084037E-2</v>
      </c>
      <c r="AJ988">
        <v>-2.0014608977813889E-2</v>
      </c>
      <c r="AK988">
        <v>-5.5654518277612447E-2</v>
      </c>
      <c r="AL988">
        <v>710.99629698786725</v>
      </c>
      <c r="AM988">
        <v>954.52253282441711</v>
      </c>
      <c r="AN988">
        <v>8235</v>
      </c>
      <c r="AO988">
        <v>125.60862057708231</v>
      </c>
      <c r="AP988">
        <v>499.48690140570397</v>
      </c>
      <c r="AQ988">
        <v>1.319444444444444</v>
      </c>
      <c r="AR988">
        <v>3.6944444444444451</v>
      </c>
      <c r="AS988">
        <v>72</v>
      </c>
      <c r="AT988">
        <v>6.7500000000000027</v>
      </c>
      <c r="AU988">
        <v>0.12567750677506781</v>
      </c>
      <c r="AV988">
        <v>9.3439396181668299E-2</v>
      </c>
      <c r="AW988">
        <v>0.3888888888888889</v>
      </c>
      <c r="AX988">
        <v>91.295774647887328</v>
      </c>
      <c r="AY988">
        <v>77</v>
      </c>
      <c r="AZ988">
        <v>148.25</v>
      </c>
      <c r="BA988">
        <v>0.70996269879904217</v>
      </c>
      <c r="BB988">
        <v>0.5</v>
      </c>
      <c r="BC988">
        <v>4.0331624930997956</v>
      </c>
      <c r="BD988" t="s">
        <v>3818</v>
      </c>
      <c r="BE988" t="s">
        <v>68</v>
      </c>
    </row>
    <row r="989" spans="1:57" x14ac:dyDescent="0.3">
      <c r="A989" t="s">
        <v>3819</v>
      </c>
      <c r="B989">
        <v>604</v>
      </c>
      <c r="C989" t="s">
        <v>3820</v>
      </c>
      <c r="D989" t="s">
        <v>3821</v>
      </c>
      <c r="E989" t="s">
        <v>106</v>
      </c>
      <c r="F989">
        <v>608</v>
      </c>
      <c r="G989">
        <v>124.5476973684211</v>
      </c>
      <c r="H989">
        <v>114</v>
      </c>
      <c r="I989">
        <v>5519.8431196978872</v>
      </c>
      <c r="J989">
        <v>74.295646707582321</v>
      </c>
      <c r="K989">
        <v>0.10584712010897041</v>
      </c>
      <c r="L989">
        <v>-1.2124325926931809</v>
      </c>
      <c r="M989">
        <v>7.6633730452600934</v>
      </c>
      <c r="N989">
        <v>9</v>
      </c>
      <c r="O989">
        <v>1</v>
      </c>
      <c r="P989">
        <v>8</v>
      </c>
      <c r="Q989">
        <v>1.491767054611437</v>
      </c>
      <c r="R989">
        <v>5.3118454199011138</v>
      </c>
      <c r="S989">
        <v>2</v>
      </c>
      <c r="T989">
        <v>1</v>
      </c>
      <c r="U989">
        <v>1</v>
      </c>
      <c r="V989">
        <v>5.7400844146067227E-2</v>
      </c>
      <c r="W989">
        <v>6.4039610995895808</v>
      </c>
      <c r="X989">
        <v>1</v>
      </c>
      <c r="Y989">
        <v>1</v>
      </c>
      <c r="Z989">
        <v>0</v>
      </c>
      <c r="AA989">
        <v>0</v>
      </c>
      <c r="AB989">
        <v>6.4068799860693133</v>
      </c>
      <c r="AC989">
        <v>1</v>
      </c>
      <c r="AD989">
        <v>1</v>
      </c>
      <c r="AE989">
        <v>0</v>
      </c>
      <c r="AF989">
        <v>0</v>
      </c>
      <c r="AG989">
        <v>6.4052284580308427</v>
      </c>
      <c r="AH989">
        <v>-5.5192447951391582E-2</v>
      </c>
      <c r="AI989">
        <v>-5.5815289019477089E-3</v>
      </c>
      <c r="AJ989">
        <v>-1.279259583114672E-3</v>
      </c>
      <c r="AK989">
        <v>5.9129083007005867E-2</v>
      </c>
      <c r="AL989">
        <v>1739.387732928835</v>
      </c>
      <c r="AM989">
        <v>3124.41503557653</v>
      </c>
      <c r="AN989">
        <v>75725</v>
      </c>
      <c r="AO989">
        <v>59.078660314693757</v>
      </c>
      <c r="AP989">
        <v>1530.6838230122</v>
      </c>
      <c r="AQ989">
        <v>1.037828947368421</v>
      </c>
      <c r="AR989">
        <v>3.9720394736842111</v>
      </c>
      <c r="AS989">
        <v>607</v>
      </c>
      <c r="AT989">
        <v>202.13157894736841</v>
      </c>
      <c r="AU989">
        <v>5.7875386996904032E-2</v>
      </c>
      <c r="AV989">
        <v>-5.5221488530536593E-2</v>
      </c>
      <c r="AW989">
        <v>0.41447368421052633</v>
      </c>
      <c r="AX989">
        <v>89.144975288303129</v>
      </c>
      <c r="AY989">
        <v>65.5</v>
      </c>
      <c r="AZ989">
        <v>130.5</v>
      </c>
      <c r="BA989">
        <v>0.59652364738474806</v>
      </c>
      <c r="BB989">
        <v>0.46052631578947367</v>
      </c>
      <c r="BC989">
        <v>5.1962591360475834</v>
      </c>
      <c r="BD989" t="s">
        <v>3822</v>
      </c>
      <c r="BE989" t="s">
        <v>62</v>
      </c>
    </row>
    <row r="990" spans="1:57" x14ac:dyDescent="0.3">
      <c r="A990" t="s">
        <v>3823</v>
      </c>
      <c r="B990">
        <v>2545</v>
      </c>
      <c r="C990" t="s">
        <v>3824</v>
      </c>
      <c r="D990" t="s">
        <v>3825</v>
      </c>
      <c r="E990" t="s">
        <v>85</v>
      </c>
      <c r="F990">
        <v>8</v>
      </c>
      <c r="G990">
        <v>93.75</v>
      </c>
      <c r="H990">
        <v>82</v>
      </c>
      <c r="I990">
        <v>3132.4375</v>
      </c>
      <c r="J990">
        <v>55.968182925658752</v>
      </c>
      <c r="K990">
        <v>-4.7450698330531019E-2</v>
      </c>
      <c r="L990">
        <v>-1.141983802845403</v>
      </c>
      <c r="M990">
        <v>3</v>
      </c>
      <c r="N990">
        <v>1</v>
      </c>
      <c r="O990">
        <v>1</v>
      </c>
      <c r="P990">
        <v>0</v>
      </c>
      <c r="Q990">
        <v>0</v>
      </c>
      <c r="R990">
        <v>2.0794415416798362</v>
      </c>
      <c r="S990">
        <v>1</v>
      </c>
      <c r="T990">
        <v>1</v>
      </c>
      <c r="U990">
        <v>0</v>
      </c>
      <c r="V990">
        <v>0</v>
      </c>
      <c r="W990">
        <v>1.945910149055313</v>
      </c>
      <c r="X990">
        <v>1</v>
      </c>
      <c r="Y990">
        <v>1</v>
      </c>
      <c r="Z990">
        <v>0</v>
      </c>
      <c r="AA990">
        <v>0</v>
      </c>
      <c r="AB990">
        <v>1.791759469228055</v>
      </c>
      <c r="AC990">
        <v>1</v>
      </c>
      <c r="AD990">
        <v>1</v>
      </c>
      <c r="AE990">
        <v>0</v>
      </c>
      <c r="AF990">
        <v>0</v>
      </c>
      <c r="AG990">
        <v>1.6094379124341009</v>
      </c>
      <c r="AH990">
        <v>-0.37315439254574112</v>
      </c>
      <c r="AI990">
        <v>-0.20125601069454699</v>
      </c>
      <c r="AJ990">
        <v>-6.9985933478321591E-2</v>
      </c>
      <c r="AK990">
        <v>0</v>
      </c>
      <c r="AL990">
        <v>234.4016513844079</v>
      </c>
      <c r="AM990">
        <v>201.06681931204491</v>
      </c>
      <c r="AN990">
        <v>750</v>
      </c>
      <c r="AO990">
        <v>101.54275978604601</v>
      </c>
      <c r="AP990">
        <v>149.46571513226701</v>
      </c>
      <c r="AQ990">
        <v>3.5</v>
      </c>
      <c r="AR990">
        <v>3.25</v>
      </c>
      <c r="AS990">
        <v>8</v>
      </c>
      <c r="AT990">
        <v>0</v>
      </c>
      <c r="AU990">
        <v>0.21408045977011489</v>
      </c>
      <c r="AV990">
        <v>-0.397439538186806</v>
      </c>
      <c r="AW990">
        <v>0.5</v>
      </c>
      <c r="AX990">
        <v>71.714285714285708</v>
      </c>
      <c r="AY990">
        <v>49.5</v>
      </c>
      <c r="AZ990">
        <v>88.5</v>
      </c>
      <c r="BA990">
        <v>0.5969939512070267</v>
      </c>
      <c r="BB990">
        <v>0.375</v>
      </c>
      <c r="BC990">
        <v>1.945910149055313</v>
      </c>
      <c r="BD990" t="s">
        <v>3824</v>
      </c>
      <c r="BE990" t="s">
        <v>68</v>
      </c>
    </row>
    <row r="991" spans="1:57" x14ac:dyDescent="0.3">
      <c r="A991" t="s">
        <v>3826</v>
      </c>
      <c r="B991">
        <v>3046</v>
      </c>
      <c r="C991" t="s">
        <v>3827</v>
      </c>
      <c r="D991" t="s">
        <v>3828</v>
      </c>
      <c r="E991" t="s">
        <v>93</v>
      </c>
      <c r="F991">
        <v>3236</v>
      </c>
      <c r="G991">
        <v>128.0509888751545</v>
      </c>
      <c r="H991">
        <v>129</v>
      </c>
      <c r="I991">
        <v>5407.3092048317676</v>
      </c>
      <c r="J991">
        <v>73.534408305444103</v>
      </c>
      <c r="K991">
        <v>-1.5991569000982739E-3</v>
      </c>
      <c r="L991">
        <v>-1.1916361782518179</v>
      </c>
      <c r="M991">
        <v>7.9404279714293367</v>
      </c>
      <c r="N991">
        <v>21</v>
      </c>
      <c r="O991">
        <v>2</v>
      </c>
      <c r="P991">
        <v>19</v>
      </c>
      <c r="Q991">
        <v>3.563562067563157</v>
      </c>
      <c r="R991">
        <v>5.503885260835558</v>
      </c>
      <c r="S991">
        <v>3</v>
      </c>
      <c r="T991">
        <v>1</v>
      </c>
      <c r="U991">
        <v>2</v>
      </c>
      <c r="V991">
        <v>0.16017565698607189</v>
      </c>
      <c r="W991">
        <v>8.0469115357156884</v>
      </c>
      <c r="X991">
        <v>1</v>
      </c>
      <c r="Y991">
        <v>1</v>
      </c>
      <c r="Z991">
        <v>0</v>
      </c>
      <c r="AA991">
        <v>0</v>
      </c>
      <c r="AB991">
        <v>8.0814750401370539</v>
      </c>
      <c r="AC991">
        <v>1</v>
      </c>
      <c r="AD991">
        <v>1</v>
      </c>
      <c r="AE991">
        <v>0</v>
      </c>
      <c r="AF991">
        <v>0</v>
      </c>
      <c r="AG991">
        <v>8.0811657777254347</v>
      </c>
      <c r="AH991">
        <v>-2.045939495005444E-2</v>
      </c>
      <c r="AI991">
        <v>-5.0520143697155651E-3</v>
      </c>
      <c r="AJ991">
        <v>-1.2296942102987421E-2</v>
      </c>
      <c r="AK991">
        <v>-2.4545425537808849E-2</v>
      </c>
      <c r="AL991">
        <v>3820.0391702144161</v>
      </c>
      <c r="AM991">
        <v>7481.0577953941474</v>
      </c>
      <c r="AN991">
        <v>414372.99999999988</v>
      </c>
      <c r="AO991">
        <v>158.25243365049241</v>
      </c>
      <c r="AP991">
        <v>3460.101766474791</v>
      </c>
      <c r="AQ991">
        <v>1.0071075401730529</v>
      </c>
      <c r="AR991">
        <v>4.0602595797280596</v>
      </c>
      <c r="AS991">
        <v>3223</v>
      </c>
      <c r="AT991">
        <v>257.18170580964158</v>
      </c>
      <c r="AU991">
        <v>1.118180275818609E-2</v>
      </c>
      <c r="AV991">
        <v>-2.0462573326099749E-2</v>
      </c>
      <c r="AW991">
        <v>0.36928306551297901</v>
      </c>
      <c r="AX991">
        <v>85.687480680061825</v>
      </c>
      <c r="AY991">
        <v>63</v>
      </c>
      <c r="AZ991">
        <v>127</v>
      </c>
      <c r="BA991">
        <v>0.57425880855272216</v>
      </c>
      <c r="BB991">
        <v>0.50061804697156986</v>
      </c>
      <c r="BC991">
        <v>5.3217891600220817</v>
      </c>
      <c r="BD991" t="s">
        <v>3829</v>
      </c>
      <c r="BE991" t="s">
        <v>68</v>
      </c>
    </row>
    <row r="992" spans="1:57" x14ac:dyDescent="0.3">
      <c r="A992" t="s">
        <v>3830</v>
      </c>
      <c r="B992">
        <v>2875</v>
      </c>
      <c r="C992" t="s">
        <v>3831</v>
      </c>
      <c r="D992" t="s">
        <v>3832</v>
      </c>
      <c r="E992" t="s">
        <v>72</v>
      </c>
      <c r="F992">
        <v>2896</v>
      </c>
      <c r="G992">
        <v>127.52935082872931</v>
      </c>
      <c r="H992">
        <v>127</v>
      </c>
      <c r="I992">
        <v>5392.2215142194609</v>
      </c>
      <c r="J992">
        <v>73.431747318305455</v>
      </c>
      <c r="K992">
        <v>8.8560398713483958E-3</v>
      </c>
      <c r="L992">
        <v>-1.2086211805762299</v>
      </c>
      <c r="M992">
        <v>7.9388627892082537</v>
      </c>
      <c r="N992">
        <v>23</v>
      </c>
      <c r="O992">
        <v>5</v>
      </c>
      <c r="P992">
        <v>18</v>
      </c>
      <c r="Q992">
        <v>3.3125</v>
      </c>
      <c r="R992">
        <v>5.5028003591919603</v>
      </c>
      <c r="S992">
        <v>3</v>
      </c>
      <c r="T992">
        <v>1</v>
      </c>
      <c r="U992">
        <v>2</v>
      </c>
      <c r="V992">
        <v>0.16213780517661999</v>
      </c>
      <c r="W992">
        <v>7.9366780930434739</v>
      </c>
      <c r="X992">
        <v>1</v>
      </c>
      <c r="Y992">
        <v>1</v>
      </c>
      <c r="Z992">
        <v>0</v>
      </c>
      <c r="AA992">
        <v>0</v>
      </c>
      <c r="AB992">
        <v>7.9703949071914311</v>
      </c>
      <c r="AC992">
        <v>1</v>
      </c>
      <c r="AD992">
        <v>1</v>
      </c>
      <c r="AE992">
        <v>0</v>
      </c>
      <c r="AF992">
        <v>0</v>
      </c>
      <c r="AG992">
        <v>7.9700493049761354</v>
      </c>
      <c r="AH992">
        <v>-3.5166983644107242E-3</v>
      </c>
      <c r="AI992">
        <v>-2.2060629960164301E-2</v>
      </c>
      <c r="AJ992">
        <v>-2.962406928998354E-2</v>
      </c>
      <c r="AK992">
        <v>4.5324499048388124E-3</v>
      </c>
      <c r="AL992">
        <v>3605.180438898431</v>
      </c>
      <c r="AM992">
        <v>7051.1222513146167</v>
      </c>
      <c r="AN992">
        <v>369325</v>
      </c>
      <c r="AO992">
        <v>46.655860120011873</v>
      </c>
      <c r="AP992">
        <v>3209.9042475612509</v>
      </c>
      <c r="AQ992">
        <v>1.0079419889502761</v>
      </c>
      <c r="AR992">
        <v>3.9906767955801099</v>
      </c>
      <c r="AS992">
        <v>2889</v>
      </c>
      <c r="AT992">
        <v>248.30939226519331</v>
      </c>
      <c r="AU992">
        <v>1.366184595385116E-2</v>
      </c>
      <c r="AV992">
        <v>-3.5192593868156592E-3</v>
      </c>
      <c r="AW992">
        <v>0.38190607734806631</v>
      </c>
      <c r="AX992">
        <v>84.440414507772019</v>
      </c>
      <c r="AY992">
        <v>64</v>
      </c>
      <c r="AZ992">
        <v>128</v>
      </c>
      <c r="BA992">
        <v>0.57580272181361292</v>
      </c>
      <c r="BB992">
        <v>0.49896408839779011</v>
      </c>
      <c r="BC992">
        <v>5.3008879963669013</v>
      </c>
      <c r="BD992" t="s">
        <v>3833</v>
      </c>
      <c r="BE992" t="s">
        <v>62</v>
      </c>
    </row>
    <row r="993" spans="1:57" x14ac:dyDescent="0.3">
      <c r="A993" t="s">
        <v>3834</v>
      </c>
      <c r="B993">
        <v>3862</v>
      </c>
      <c r="C993" t="s">
        <v>3835</v>
      </c>
      <c r="D993" t="s">
        <v>3836</v>
      </c>
      <c r="E993" t="s">
        <v>72</v>
      </c>
      <c r="F993">
        <v>3864</v>
      </c>
      <c r="G993">
        <v>125.17779503105589</v>
      </c>
      <c r="H993">
        <v>126</v>
      </c>
      <c r="I993">
        <v>5609.7792067323144</v>
      </c>
      <c r="J993">
        <v>74.898459308134733</v>
      </c>
      <c r="K993">
        <v>2.8578792016951151E-2</v>
      </c>
      <c r="L993">
        <v>-1.2456572570807849</v>
      </c>
      <c r="M993">
        <v>7.956634381379887</v>
      </c>
      <c r="N993">
        <v>28</v>
      </c>
      <c r="O993">
        <v>8</v>
      </c>
      <c r="P993">
        <v>20</v>
      </c>
      <c r="Q993">
        <v>3.7111266399167788</v>
      </c>
      <c r="R993">
        <v>5.5151186881997933</v>
      </c>
      <c r="S993">
        <v>3</v>
      </c>
      <c r="T993">
        <v>1</v>
      </c>
      <c r="U993">
        <v>2</v>
      </c>
      <c r="V993">
        <v>0.16256626823941919</v>
      </c>
      <c r="W993">
        <v>8.2243419971216767</v>
      </c>
      <c r="X993">
        <v>1</v>
      </c>
      <c r="Y993">
        <v>1</v>
      </c>
      <c r="Z993">
        <v>0</v>
      </c>
      <c r="AA993">
        <v>0</v>
      </c>
      <c r="AB993">
        <v>8.2589404629884591</v>
      </c>
      <c r="AC993">
        <v>1</v>
      </c>
      <c r="AD993">
        <v>1</v>
      </c>
      <c r="AE993">
        <v>0</v>
      </c>
      <c r="AF993">
        <v>0</v>
      </c>
      <c r="AG993">
        <v>8.2586814962642343</v>
      </c>
      <c r="AH993">
        <v>-2.0607894756144669E-2</v>
      </c>
      <c r="AI993">
        <v>1.496170567725575E-2</v>
      </c>
      <c r="AJ993">
        <v>1.702114938071907E-2</v>
      </c>
      <c r="AK993">
        <v>2.0969657245460072E-2</v>
      </c>
      <c r="AL993">
        <v>4205.7330149422969</v>
      </c>
      <c r="AM993">
        <v>8033.3597458986214</v>
      </c>
      <c r="AN993">
        <v>483687</v>
      </c>
      <c r="AO993">
        <v>37.42851444523837</v>
      </c>
      <c r="AP993">
        <v>3832.3848429879322</v>
      </c>
      <c r="AQ993">
        <v>1.0059523809523809</v>
      </c>
      <c r="AR993">
        <v>3.9632505175983441</v>
      </c>
      <c r="AS993">
        <v>3841</v>
      </c>
      <c r="AT993">
        <v>233.5900621118013</v>
      </c>
      <c r="AU993">
        <v>2.8005115089514091E-2</v>
      </c>
      <c r="AV993">
        <v>-2.0611823390251371E-2</v>
      </c>
      <c r="AW993">
        <v>0.36387163561076602</v>
      </c>
      <c r="AX993">
        <v>87.590473725084138</v>
      </c>
      <c r="AY993">
        <v>67</v>
      </c>
      <c r="AZ993">
        <v>133</v>
      </c>
      <c r="BA993">
        <v>0.5983366242355751</v>
      </c>
      <c r="BB993">
        <v>0.50103519668737062</v>
      </c>
      <c r="BC993">
        <v>5.3357436528285183</v>
      </c>
      <c r="BD993" t="s">
        <v>3837</v>
      </c>
      <c r="BE993" t="s">
        <v>68</v>
      </c>
    </row>
    <row r="994" spans="1:57" x14ac:dyDescent="0.3">
      <c r="A994" t="s">
        <v>3838</v>
      </c>
      <c r="B994">
        <v>2128</v>
      </c>
      <c r="C994" t="s">
        <v>3839</v>
      </c>
      <c r="D994" t="s">
        <v>3840</v>
      </c>
      <c r="E994" t="s">
        <v>106</v>
      </c>
      <c r="F994">
        <v>2146</v>
      </c>
      <c r="G994">
        <v>126.1449207828518</v>
      </c>
      <c r="H994">
        <v>129</v>
      </c>
      <c r="I994">
        <v>5280.7259690757382</v>
      </c>
      <c r="J994">
        <v>72.668603736935381</v>
      </c>
      <c r="K994">
        <v>-1.018338818017492E-2</v>
      </c>
      <c r="L994">
        <v>-1.1593627790504559</v>
      </c>
      <c r="M994">
        <v>7.910083706390858</v>
      </c>
      <c r="N994">
        <v>17</v>
      </c>
      <c r="O994">
        <v>1</v>
      </c>
      <c r="P994">
        <v>16</v>
      </c>
      <c r="Q994">
        <v>2.873970179010866</v>
      </c>
      <c r="R994">
        <v>5.4828522190779854</v>
      </c>
      <c r="S994">
        <v>3</v>
      </c>
      <c r="T994">
        <v>1</v>
      </c>
      <c r="U994">
        <v>2</v>
      </c>
      <c r="V994">
        <v>0.13665635753236011</v>
      </c>
      <c r="W994">
        <v>7.6471404755169674</v>
      </c>
      <c r="X994">
        <v>2</v>
      </c>
      <c r="Y994">
        <v>1</v>
      </c>
      <c r="Z994">
        <v>1</v>
      </c>
      <c r="AA994">
        <v>2.159670828820557E-2</v>
      </c>
      <c r="AB994">
        <v>7.6697819296715126</v>
      </c>
      <c r="AC994">
        <v>1</v>
      </c>
      <c r="AD994">
        <v>1</v>
      </c>
      <c r="AE994">
        <v>0</v>
      </c>
      <c r="AF994">
        <v>0</v>
      </c>
      <c r="AG994">
        <v>7.6699619954735772</v>
      </c>
      <c r="AH994">
        <v>-4.5478290344179674E-3</v>
      </c>
      <c r="AI994">
        <v>-3.6026781351485961E-3</v>
      </c>
      <c r="AJ994">
        <v>-1.6756965872358959E-3</v>
      </c>
      <c r="AK994">
        <v>-1.318260109988278E-2</v>
      </c>
      <c r="AL994">
        <v>3118.9838387838831</v>
      </c>
      <c r="AM994">
        <v>5979.3553844377702</v>
      </c>
      <c r="AN994">
        <v>270707</v>
      </c>
      <c r="AO994">
        <v>113.9466540324309</v>
      </c>
      <c r="AP994">
        <v>2811.971542023949</v>
      </c>
      <c r="AQ994">
        <v>1.01071761416589</v>
      </c>
      <c r="AR994">
        <v>3.9627213420316871</v>
      </c>
      <c r="AS994">
        <v>2134</v>
      </c>
      <c r="AT994">
        <v>252.2404473438956</v>
      </c>
      <c r="AU994">
        <v>2.2993987902710011E-2</v>
      </c>
      <c r="AV994">
        <v>-4.5486259438643076E-3</v>
      </c>
      <c r="AW994">
        <v>0.36439888164026102</v>
      </c>
      <c r="AX994">
        <v>83.1958041958042</v>
      </c>
      <c r="AY994">
        <v>62</v>
      </c>
      <c r="AZ994">
        <v>124</v>
      </c>
      <c r="BA994">
        <v>0.57607237204602513</v>
      </c>
      <c r="BB994">
        <v>0.50931966449207833</v>
      </c>
      <c r="BC994">
        <v>5.2745719166904594</v>
      </c>
      <c r="BD994" t="s">
        <v>3841</v>
      </c>
      <c r="BE994" t="s">
        <v>68</v>
      </c>
    </row>
    <row r="995" spans="1:57" x14ac:dyDescent="0.3">
      <c r="A995" t="s">
        <v>3842</v>
      </c>
      <c r="B995">
        <v>1362</v>
      </c>
      <c r="C995" t="s">
        <v>3843</v>
      </c>
      <c r="D995" t="s">
        <v>3844</v>
      </c>
      <c r="E995" t="s">
        <v>10622</v>
      </c>
      <c r="F995">
        <v>64</v>
      </c>
      <c r="G995">
        <v>124.1875</v>
      </c>
      <c r="H995">
        <v>125.5</v>
      </c>
      <c r="I995">
        <v>4521.55859375</v>
      </c>
      <c r="J995">
        <v>67.242535598756234</v>
      </c>
      <c r="K995">
        <v>0.14406860794326351</v>
      </c>
      <c r="L995">
        <v>-0.89106121771611813</v>
      </c>
      <c r="M995">
        <v>5.800704882778696</v>
      </c>
      <c r="N995">
        <v>3</v>
      </c>
      <c r="O995">
        <v>1</v>
      </c>
      <c r="P995">
        <v>2</v>
      </c>
      <c r="Q995">
        <v>0.35669242871684831</v>
      </c>
      <c r="R995">
        <v>4.0207422347583606</v>
      </c>
      <c r="S995">
        <v>1</v>
      </c>
      <c r="T995">
        <v>1</v>
      </c>
      <c r="U995">
        <v>0</v>
      </c>
      <c r="V995">
        <v>0</v>
      </c>
      <c r="W995">
        <v>4.1431347263915326</v>
      </c>
      <c r="X995">
        <v>1</v>
      </c>
      <c r="Y995">
        <v>1</v>
      </c>
      <c r="Z995">
        <v>0</v>
      </c>
      <c r="AA995">
        <v>0</v>
      </c>
      <c r="AB995">
        <v>4.1271343850450908</v>
      </c>
      <c r="AC995">
        <v>1</v>
      </c>
      <c r="AD995">
        <v>1</v>
      </c>
      <c r="AE995">
        <v>0</v>
      </c>
      <c r="AF995">
        <v>0</v>
      </c>
      <c r="AG995">
        <v>4.1108738641733096</v>
      </c>
      <c r="AH995">
        <v>1.7944724341457899E-2</v>
      </c>
      <c r="AI995">
        <v>-4.0006713712690677E-2</v>
      </c>
      <c r="AJ995">
        <v>-2.815219717775691E-2</v>
      </c>
      <c r="AK995">
        <v>-5.7993567492196682E-2</v>
      </c>
      <c r="AL995">
        <v>604.30331866516076</v>
      </c>
      <c r="AM995">
        <v>954.58865436913356</v>
      </c>
      <c r="AN995">
        <v>7948</v>
      </c>
      <c r="AO995">
        <v>82.698156456528238</v>
      </c>
      <c r="AP995">
        <v>495.89549629641539</v>
      </c>
      <c r="AQ995">
        <v>1.359375</v>
      </c>
      <c r="AR995">
        <v>3.765625</v>
      </c>
      <c r="AS995">
        <v>64</v>
      </c>
      <c r="AT995">
        <v>6.6875</v>
      </c>
      <c r="AU995">
        <v>9.5526960784313775E-2</v>
      </c>
      <c r="AV995">
        <v>1.8298813989675582E-2</v>
      </c>
      <c r="AW995">
        <v>0.40625</v>
      </c>
      <c r="AX995">
        <v>76.952380952380949</v>
      </c>
      <c r="AY995">
        <v>54</v>
      </c>
      <c r="AZ995">
        <v>105</v>
      </c>
      <c r="BA995">
        <v>0.54145977331660777</v>
      </c>
      <c r="BB995">
        <v>0.5</v>
      </c>
      <c r="BC995">
        <v>3.9587918211102049</v>
      </c>
      <c r="BD995" t="s">
        <v>3845</v>
      </c>
      <c r="BE995" t="s">
        <v>62</v>
      </c>
    </row>
    <row r="996" spans="1:57" x14ac:dyDescent="0.3">
      <c r="A996" t="s">
        <v>3846</v>
      </c>
      <c r="B996">
        <v>2158</v>
      </c>
      <c r="C996" t="s">
        <v>3847</v>
      </c>
      <c r="D996" t="s">
        <v>3848</v>
      </c>
      <c r="E996" t="s">
        <v>93</v>
      </c>
      <c r="F996">
        <v>2158</v>
      </c>
      <c r="G996">
        <v>126.5940685820204</v>
      </c>
      <c r="H996">
        <v>127</v>
      </c>
      <c r="I996">
        <v>5459.9000945680491</v>
      </c>
      <c r="J996">
        <v>73.891136779508599</v>
      </c>
      <c r="K996">
        <v>-3.4488103614747139E-3</v>
      </c>
      <c r="L996">
        <v>-1.178962993380422</v>
      </c>
      <c r="M996">
        <v>7.9112009567471953</v>
      </c>
      <c r="N996">
        <v>17</v>
      </c>
      <c r="O996">
        <v>2</v>
      </c>
      <c r="P996">
        <v>15</v>
      </c>
      <c r="Q996">
        <v>2.9106045166500629</v>
      </c>
      <c r="R996">
        <v>5.4836266380124563</v>
      </c>
      <c r="S996">
        <v>3</v>
      </c>
      <c r="T996">
        <v>1</v>
      </c>
      <c r="U996">
        <v>2</v>
      </c>
      <c r="V996">
        <v>0.1199247752021062</v>
      </c>
      <c r="W996">
        <v>7.657592893205921</v>
      </c>
      <c r="X996">
        <v>1</v>
      </c>
      <c r="Y996">
        <v>1</v>
      </c>
      <c r="Z996">
        <v>0</v>
      </c>
      <c r="AA996">
        <v>0</v>
      </c>
      <c r="AB996">
        <v>7.6760099320288857</v>
      </c>
      <c r="AC996">
        <v>1</v>
      </c>
      <c r="AD996">
        <v>1</v>
      </c>
      <c r="AE996">
        <v>0</v>
      </c>
      <c r="AF996">
        <v>0</v>
      </c>
      <c r="AG996">
        <v>7.6755460025378461</v>
      </c>
      <c r="AH996">
        <v>7.045934849208681E-3</v>
      </c>
      <c r="AI996">
        <v>7.7432866319064673E-4</v>
      </c>
      <c r="AJ996">
        <v>-1.4151793386944509E-4</v>
      </c>
      <c r="AK996">
        <v>9.8776679180598379E-3</v>
      </c>
      <c r="AL996">
        <v>3131.075654658147</v>
      </c>
      <c r="AM996">
        <v>6046.7398856579794</v>
      </c>
      <c r="AN996">
        <v>273190</v>
      </c>
      <c r="AO996">
        <v>196.27824840446129</v>
      </c>
      <c r="AP996">
        <v>2750.1540730911861</v>
      </c>
      <c r="AQ996">
        <v>1.0106580166821131</v>
      </c>
      <c r="AR996">
        <v>3.9810009267840591</v>
      </c>
      <c r="AS996">
        <v>2154</v>
      </c>
      <c r="AT996">
        <v>257.27340129749768</v>
      </c>
      <c r="AU996">
        <v>1.432335677551836E-2</v>
      </c>
      <c r="AV996">
        <v>7.0462929317185539E-3</v>
      </c>
      <c r="AW996">
        <v>0.36468952734012983</v>
      </c>
      <c r="AX996">
        <v>84.759388038942973</v>
      </c>
      <c r="AY996">
        <v>63</v>
      </c>
      <c r="AZ996">
        <v>126</v>
      </c>
      <c r="BA996">
        <v>0.58368561503048999</v>
      </c>
      <c r="BB996">
        <v>0.50231696014828542</v>
      </c>
      <c r="BC996">
        <v>5.2874124506809412</v>
      </c>
      <c r="BD996" t="s">
        <v>3849</v>
      </c>
      <c r="BE996" t="s">
        <v>68</v>
      </c>
    </row>
    <row r="997" spans="1:57" x14ac:dyDescent="0.3">
      <c r="A997" t="s">
        <v>3850</v>
      </c>
      <c r="B997">
        <v>1472</v>
      </c>
      <c r="C997" t="s">
        <v>3851</v>
      </c>
      <c r="D997" t="s">
        <v>3852</v>
      </c>
      <c r="E997" t="s">
        <v>10622</v>
      </c>
      <c r="F997">
        <v>64</v>
      </c>
      <c r="G997">
        <v>119.484375</v>
      </c>
      <c r="H997">
        <v>122</v>
      </c>
      <c r="I997">
        <v>5815.718505859375</v>
      </c>
      <c r="J997">
        <v>76.260858281685856</v>
      </c>
      <c r="K997">
        <v>0.14841139091961431</v>
      </c>
      <c r="L997">
        <v>-1.25424674683812</v>
      </c>
      <c r="M997">
        <v>5.90625</v>
      </c>
      <c r="N997">
        <v>2</v>
      </c>
      <c r="O997">
        <v>1</v>
      </c>
      <c r="P997">
        <v>1</v>
      </c>
      <c r="Q997">
        <v>0.2162443599716872</v>
      </c>
      <c r="R997">
        <v>4.0939005351821782</v>
      </c>
      <c r="S997">
        <v>1</v>
      </c>
      <c r="T997">
        <v>1</v>
      </c>
      <c r="U997">
        <v>0</v>
      </c>
      <c r="V997">
        <v>0</v>
      </c>
      <c r="W997">
        <v>4.1431347263915326</v>
      </c>
      <c r="X997">
        <v>1</v>
      </c>
      <c r="Y997">
        <v>1</v>
      </c>
      <c r="Z997">
        <v>0</v>
      </c>
      <c r="AA997">
        <v>0</v>
      </c>
      <c r="AB997">
        <v>4.1271343850450908</v>
      </c>
      <c r="AC997">
        <v>1</v>
      </c>
      <c r="AD997">
        <v>1</v>
      </c>
      <c r="AE997">
        <v>0</v>
      </c>
      <c r="AF997">
        <v>0</v>
      </c>
      <c r="AG997">
        <v>4.1108738641733096</v>
      </c>
      <c r="AH997">
        <v>4.2501792810835631E-2</v>
      </c>
      <c r="AI997">
        <v>7.3904766557983281E-2</v>
      </c>
      <c r="AJ997">
        <v>-7.6783973244527778E-2</v>
      </c>
      <c r="AK997">
        <v>5.4370341042676178E-2</v>
      </c>
      <c r="AL997">
        <v>664.33204620687286</v>
      </c>
      <c r="AM997">
        <v>919.0026835557062</v>
      </c>
      <c r="AN997">
        <v>7647</v>
      </c>
      <c r="AO997">
        <v>79.923233400003681</v>
      </c>
      <c r="AP997">
        <v>541.88741740849468</v>
      </c>
      <c r="AQ997">
        <v>1.359375</v>
      </c>
      <c r="AR997">
        <v>3.859375</v>
      </c>
      <c r="AS997">
        <v>64</v>
      </c>
      <c r="AT997">
        <v>2.71875</v>
      </c>
      <c r="AU997">
        <v>0.1061507936507937</v>
      </c>
      <c r="AV997">
        <v>4.4186632429680232E-2</v>
      </c>
      <c r="AW997">
        <v>0.390625</v>
      </c>
      <c r="AX997">
        <v>82.460317460317455</v>
      </c>
      <c r="AY997">
        <v>72</v>
      </c>
      <c r="AZ997">
        <v>129.5</v>
      </c>
      <c r="BA997">
        <v>0.63824963123158029</v>
      </c>
      <c r="BB997">
        <v>0.515625</v>
      </c>
      <c r="BC997">
        <v>3.9670973472017059</v>
      </c>
      <c r="BD997" t="s">
        <v>3853</v>
      </c>
      <c r="BE997" t="s">
        <v>62</v>
      </c>
    </row>
    <row r="998" spans="1:57" x14ac:dyDescent="0.3">
      <c r="A998" t="s">
        <v>3854</v>
      </c>
      <c r="B998">
        <v>154</v>
      </c>
      <c r="C998" t="s">
        <v>3855</v>
      </c>
      <c r="D998" t="s">
        <v>3856</v>
      </c>
      <c r="E998" t="s">
        <v>60</v>
      </c>
      <c r="F998">
        <v>512</v>
      </c>
      <c r="G998">
        <v>126.916015625</v>
      </c>
      <c r="H998">
        <v>131</v>
      </c>
      <c r="I998">
        <v>5250.1042747497559</v>
      </c>
      <c r="J998">
        <v>72.457603291509415</v>
      </c>
      <c r="K998">
        <v>-4.5733714336704499E-2</v>
      </c>
      <c r="L998">
        <v>-1.160182274080283</v>
      </c>
      <c r="M998">
        <v>7.503479665589234</v>
      </c>
      <c r="N998">
        <v>7</v>
      </c>
      <c r="O998">
        <v>1</v>
      </c>
      <c r="P998">
        <v>6</v>
      </c>
      <c r="Q998">
        <v>1.3587375760070499</v>
      </c>
      <c r="R998">
        <v>5.2010157745920571</v>
      </c>
      <c r="S998">
        <v>2</v>
      </c>
      <c r="T998">
        <v>1</v>
      </c>
      <c r="U998">
        <v>1</v>
      </c>
      <c r="V998">
        <v>0.1083513981806293</v>
      </c>
      <c r="W998">
        <v>6.2200921613060149</v>
      </c>
      <c r="X998">
        <v>1</v>
      </c>
      <c r="Y998">
        <v>1</v>
      </c>
      <c r="Z998">
        <v>0</v>
      </c>
      <c r="AA998">
        <v>0</v>
      </c>
      <c r="AB998">
        <v>6.2344107257183694</v>
      </c>
      <c r="AC998">
        <v>1</v>
      </c>
      <c r="AD998">
        <v>1</v>
      </c>
      <c r="AE998">
        <v>0</v>
      </c>
      <c r="AF998">
        <v>0</v>
      </c>
      <c r="AG998">
        <v>6.2324480165505216</v>
      </c>
      <c r="AH998">
        <v>-7.0825021007234132E-3</v>
      </c>
      <c r="AI998">
        <v>2.1656995343436129E-2</v>
      </c>
      <c r="AJ998">
        <v>6.1302429374660253E-2</v>
      </c>
      <c r="AK998">
        <v>7.1817889073487004E-2</v>
      </c>
      <c r="AL998">
        <v>1585.4053861366931</v>
      </c>
      <c r="AM998">
        <v>2902.0118472550662</v>
      </c>
      <c r="AN998">
        <v>64981</v>
      </c>
      <c r="AO998">
        <v>81.74623978656075</v>
      </c>
      <c r="AP998">
        <v>1358.924737498832</v>
      </c>
      <c r="AQ998">
        <v>1.044921875</v>
      </c>
      <c r="AR998">
        <v>4.015625</v>
      </c>
      <c r="AS998">
        <v>509</v>
      </c>
      <c r="AT998">
        <v>159.015625</v>
      </c>
      <c r="AU998">
        <v>3.7997855392156832E-2</v>
      </c>
      <c r="AV998">
        <v>-7.0931286763663984E-3</v>
      </c>
      <c r="AW998">
        <v>0.365234375</v>
      </c>
      <c r="AX998">
        <v>84.902152641878672</v>
      </c>
      <c r="AY998">
        <v>61</v>
      </c>
      <c r="AZ998">
        <v>125</v>
      </c>
      <c r="BA998">
        <v>0.57090984880584816</v>
      </c>
      <c r="BB998">
        <v>0.513671875</v>
      </c>
      <c r="BC998">
        <v>5.0758395428799137</v>
      </c>
      <c r="BD998" t="s">
        <v>3857</v>
      </c>
      <c r="BE998" t="s">
        <v>62</v>
      </c>
    </row>
    <row r="999" spans="1:57" x14ac:dyDescent="0.3">
      <c r="A999" t="s">
        <v>3858</v>
      </c>
      <c r="B999">
        <v>2589</v>
      </c>
      <c r="C999" t="s">
        <v>3859</v>
      </c>
      <c r="D999" t="s">
        <v>3860</v>
      </c>
      <c r="E999" t="s">
        <v>98</v>
      </c>
      <c r="F999">
        <v>16</v>
      </c>
      <c r="G999">
        <v>103.75</v>
      </c>
      <c r="H999">
        <v>79.5</v>
      </c>
      <c r="I999">
        <v>5369.8125</v>
      </c>
      <c r="J999">
        <v>73.279004496513181</v>
      </c>
      <c r="K999">
        <v>0.66749501056009408</v>
      </c>
      <c r="L999">
        <v>-0.87911584905787787</v>
      </c>
      <c r="M999">
        <v>4</v>
      </c>
      <c r="N999">
        <v>1</v>
      </c>
      <c r="O999">
        <v>1</v>
      </c>
      <c r="P999">
        <v>0</v>
      </c>
      <c r="Q999">
        <v>0</v>
      </c>
      <c r="R999">
        <v>2.7725887222397811</v>
      </c>
      <c r="S999">
        <v>1</v>
      </c>
      <c r="T999">
        <v>1</v>
      </c>
      <c r="U999">
        <v>0</v>
      </c>
      <c r="V999">
        <v>0</v>
      </c>
      <c r="W999">
        <v>2.7080502011022101</v>
      </c>
      <c r="X999">
        <v>1</v>
      </c>
      <c r="Y999">
        <v>1</v>
      </c>
      <c r="Z999">
        <v>0</v>
      </c>
      <c r="AA999">
        <v>0</v>
      </c>
      <c r="AB999">
        <v>2.639057329615258</v>
      </c>
      <c r="AC999">
        <v>1</v>
      </c>
      <c r="AD999">
        <v>1</v>
      </c>
      <c r="AE999">
        <v>0</v>
      </c>
      <c r="AF999">
        <v>0</v>
      </c>
      <c r="AG999">
        <v>2.5649493574615372</v>
      </c>
      <c r="AH999">
        <v>-0.18078567105462251</v>
      </c>
      <c r="AI999">
        <v>7.4518139599846364E-2</v>
      </c>
      <c r="AJ999">
        <v>-0.1103514147374792</v>
      </c>
      <c r="AK999">
        <v>0.23526921331052059</v>
      </c>
      <c r="AL999">
        <v>361.67039078212542</v>
      </c>
      <c r="AM999">
        <v>356.84244202659619</v>
      </c>
      <c r="AN999">
        <v>1660</v>
      </c>
      <c r="AO999">
        <v>124.5552086425935</v>
      </c>
      <c r="AP999">
        <v>320.29678966267983</v>
      </c>
      <c r="AQ999">
        <v>2.25</v>
      </c>
      <c r="AR999">
        <v>3.625</v>
      </c>
      <c r="AS999">
        <v>16</v>
      </c>
      <c r="AT999">
        <v>0</v>
      </c>
      <c r="AU999">
        <v>0.27735943775100402</v>
      </c>
      <c r="AV999">
        <v>-0.20137417108380271</v>
      </c>
      <c r="AW999">
        <v>0.5625</v>
      </c>
      <c r="AX999">
        <v>88.8</v>
      </c>
      <c r="AY999">
        <v>44</v>
      </c>
      <c r="AZ999">
        <v>111.25</v>
      </c>
      <c r="BA999">
        <v>0.70630365779771742</v>
      </c>
      <c r="BB999">
        <v>0.4375</v>
      </c>
      <c r="BC999">
        <v>2.615630577027551</v>
      </c>
      <c r="BD999" t="s">
        <v>3859</v>
      </c>
      <c r="BE999" t="s">
        <v>62</v>
      </c>
    </row>
    <row r="1000" spans="1:57" x14ac:dyDescent="0.3">
      <c r="A1000" t="s">
        <v>3861</v>
      </c>
      <c r="B1000">
        <v>2042</v>
      </c>
      <c r="C1000" t="s">
        <v>3862</v>
      </c>
      <c r="D1000" t="s">
        <v>3863</v>
      </c>
      <c r="E1000" t="s">
        <v>128</v>
      </c>
      <c r="F1000">
        <v>32</v>
      </c>
      <c r="G1000">
        <v>118.0625</v>
      </c>
      <c r="H1000">
        <v>108</v>
      </c>
      <c r="I1000">
        <v>3092.30859375</v>
      </c>
      <c r="J1000">
        <v>55.608529865030597</v>
      </c>
      <c r="K1000">
        <v>0.33758428710404831</v>
      </c>
      <c r="L1000">
        <v>-0.86148835445699223</v>
      </c>
      <c r="M1000">
        <v>4.875</v>
      </c>
      <c r="N1000">
        <v>2</v>
      </c>
      <c r="O1000">
        <v>1</v>
      </c>
      <c r="P1000">
        <v>1</v>
      </c>
      <c r="Q1000">
        <v>0.24944382578492941</v>
      </c>
      <c r="R1000">
        <v>3.3790925052297318</v>
      </c>
      <c r="S1000">
        <v>1</v>
      </c>
      <c r="T1000">
        <v>1</v>
      </c>
      <c r="U1000">
        <v>0</v>
      </c>
      <c r="V1000">
        <v>0</v>
      </c>
      <c r="W1000">
        <v>3.4339872044851458</v>
      </c>
      <c r="X1000">
        <v>1</v>
      </c>
      <c r="Y1000">
        <v>1</v>
      </c>
      <c r="Z1000">
        <v>0</v>
      </c>
      <c r="AA1000">
        <v>0</v>
      </c>
      <c r="AB1000">
        <v>3.401197381662155</v>
      </c>
      <c r="AC1000">
        <v>1</v>
      </c>
      <c r="AD1000">
        <v>1</v>
      </c>
      <c r="AE1000">
        <v>0</v>
      </c>
      <c r="AF1000">
        <v>0</v>
      </c>
      <c r="AG1000">
        <v>3.3672958299864728</v>
      </c>
      <c r="AH1000">
        <v>9.884020301125146E-2</v>
      </c>
      <c r="AI1000">
        <v>6.9391468373522516E-2</v>
      </c>
      <c r="AJ1000">
        <v>2.4951453075991208E-2</v>
      </c>
      <c r="AK1000">
        <v>-0.30098279690916602</v>
      </c>
      <c r="AL1000">
        <v>397.42313035143547</v>
      </c>
      <c r="AM1000">
        <v>622.13250635348254</v>
      </c>
      <c r="AN1000">
        <v>3778</v>
      </c>
      <c r="AO1000">
        <v>22</v>
      </c>
      <c r="AP1000">
        <v>297.61990939748108</v>
      </c>
      <c r="AQ1000">
        <v>1.65625</v>
      </c>
      <c r="AR1000">
        <v>3.78125</v>
      </c>
      <c r="AS1000">
        <v>32</v>
      </c>
      <c r="AT1000">
        <v>1.75</v>
      </c>
      <c r="AU1000">
        <v>0.25405844155844159</v>
      </c>
      <c r="AV1000">
        <v>0.1098782100396437</v>
      </c>
      <c r="AW1000">
        <v>0.625</v>
      </c>
      <c r="AX1000">
        <v>54.451612903225808</v>
      </c>
      <c r="AY1000">
        <v>47</v>
      </c>
      <c r="AZ1000">
        <v>85.25</v>
      </c>
      <c r="BA1000">
        <v>0.47100925243011621</v>
      </c>
      <c r="BB1000">
        <v>0.40625</v>
      </c>
      <c r="BC1000">
        <v>3.2551105127277409</v>
      </c>
      <c r="BD1000" t="s">
        <v>3864</v>
      </c>
      <c r="BE1000" t="s">
        <v>62</v>
      </c>
    </row>
    <row r="1001" spans="1:57" x14ac:dyDescent="0.3">
      <c r="A1001" t="s">
        <v>3865</v>
      </c>
      <c r="B1001">
        <v>846</v>
      </c>
      <c r="C1001" t="s">
        <v>3866</v>
      </c>
      <c r="D1001" t="s">
        <v>3867</v>
      </c>
      <c r="E1001" t="s">
        <v>115</v>
      </c>
      <c r="F1001">
        <v>896</v>
      </c>
      <c r="G1001">
        <v>126.0837053571429</v>
      </c>
      <c r="H1001">
        <v>127.5</v>
      </c>
      <c r="I1001">
        <v>5462.2195559131851</v>
      </c>
      <c r="J1001">
        <v>73.906830238572567</v>
      </c>
      <c r="K1001">
        <v>5.4223935840588898E-2</v>
      </c>
      <c r="L1001">
        <v>-1.206124210750559</v>
      </c>
      <c r="M1001">
        <v>7.777046880690353</v>
      </c>
      <c r="N1001">
        <v>11</v>
      </c>
      <c r="O1001">
        <v>1</v>
      </c>
      <c r="P1001">
        <v>10</v>
      </c>
      <c r="Q1001">
        <v>1.7812937043687529</v>
      </c>
      <c r="R1001">
        <v>5.390638118433035</v>
      </c>
      <c r="S1001">
        <v>2</v>
      </c>
      <c r="T1001">
        <v>1</v>
      </c>
      <c r="U1001">
        <v>1</v>
      </c>
      <c r="V1001">
        <v>8.1875547289439118E-2</v>
      </c>
      <c r="W1001">
        <v>6.7875301247924877</v>
      </c>
      <c r="X1001">
        <v>1</v>
      </c>
      <c r="Y1001">
        <v>1</v>
      </c>
      <c r="Z1001">
        <v>0</v>
      </c>
      <c r="AA1001">
        <v>0</v>
      </c>
      <c r="AB1001">
        <v>6.7957057751735164</v>
      </c>
      <c r="AC1001">
        <v>1</v>
      </c>
      <c r="AD1001">
        <v>1</v>
      </c>
      <c r="AE1001">
        <v>0</v>
      </c>
      <c r="AF1001">
        <v>0</v>
      </c>
      <c r="AG1001">
        <v>6.7945865808764978</v>
      </c>
      <c r="AH1001">
        <v>-2.536276507554841E-2</v>
      </c>
      <c r="AI1001">
        <v>5.2095284196187031E-2</v>
      </c>
      <c r="AJ1001">
        <v>1.3533478997320729E-2</v>
      </c>
      <c r="AK1001">
        <v>-1.119121799407804E-2</v>
      </c>
      <c r="AL1001">
        <v>2085.6572569953241</v>
      </c>
      <c r="AM1001">
        <v>3845.5148948278361</v>
      </c>
      <c r="AN1001">
        <v>112971</v>
      </c>
      <c r="AO1001">
        <v>76.272072439891502</v>
      </c>
      <c r="AP1001">
        <v>1868.9077535330489</v>
      </c>
      <c r="AQ1001">
        <v>1.025669642857143</v>
      </c>
      <c r="AR1001">
        <v>3.953125</v>
      </c>
      <c r="AS1001">
        <v>895</v>
      </c>
      <c r="AT1001">
        <v>216.05133928571431</v>
      </c>
      <c r="AU1001">
        <v>2.7897408963585502E-2</v>
      </c>
      <c r="AV1001">
        <v>-2.536955768273751E-2</v>
      </c>
      <c r="AW1001">
        <v>0.37723214285714279</v>
      </c>
      <c r="AX1001">
        <v>86.837988826815646</v>
      </c>
      <c r="AY1001">
        <v>64</v>
      </c>
      <c r="AZ1001">
        <v>127.5</v>
      </c>
      <c r="BA1001">
        <v>0.58617273365519484</v>
      </c>
      <c r="BB1001">
        <v>0.5033482142857143</v>
      </c>
      <c r="BC1001">
        <v>5.1905169628808716</v>
      </c>
      <c r="BD1001" t="s">
        <v>3868</v>
      </c>
      <c r="BE1001" t="s">
        <v>62</v>
      </c>
    </row>
    <row r="1002" spans="1:57" x14ac:dyDescent="0.3">
      <c r="A1002" t="s">
        <v>3869</v>
      </c>
      <c r="B1002">
        <v>675</v>
      </c>
      <c r="C1002" t="s">
        <v>3870</v>
      </c>
      <c r="D1002" t="s">
        <v>3871</v>
      </c>
      <c r="E1002" t="s">
        <v>10622</v>
      </c>
      <c r="F1002">
        <v>64</v>
      </c>
      <c r="G1002">
        <v>129.6875</v>
      </c>
      <c r="H1002">
        <v>142</v>
      </c>
      <c r="I1002">
        <v>4730.49609375</v>
      </c>
      <c r="J1002">
        <v>68.778602004911377</v>
      </c>
      <c r="K1002">
        <v>-0.2363674590142178</v>
      </c>
      <c r="L1002">
        <v>-1.2389858239599909</v>
      </c>
      <c r="M1002">
        <v>5.84375</v>
      </c>
      <c r="N1002">
        <v>2</v>
      </c>
      <c r="O1002">
        <v>1</v>
      </c>
      <c r="P1002">
        <v>1</v>
      </c>
      <c r="Q1002">
        <v>0.27850299534160988</v>
      </c>
      <c r="R1002">
        <v>4.0505788363971806</v>
      </c>
      <c r="S1002">
        <v>1</v>
      </c>
      <c r="T1002">
        <v>1</v>
      </c>
      <c r="U1002">
        <v>0</v>
      </c>
      <c r="V1002">
        <v>0</v>
      </c>
      <c r="W1002">
        <v>4.1431347263915326</v>
      </c>
      <c r="X1002">
        <v>1</v>
      </c>
      <c r="Y1002">
        <v>1</v>
      </c>
      <c r="Z1002">
        <v>0</v>
      </c>
      <c r="AA1002">
        <v>0</v>
      </c>
      <c r="AB1002">
        <v>4.1271343850450908</v>
      </c>
      <c r="AC1002">
        <v>1</v>
      </c>
      <c r="AD1002">
        <v>1</v>
      </c>
      <c r="AE1002">
        <v>0</v>
      </c>
      <c r="AF1002">
        <v>0</v>
      </c>
      <c r="AG1002">
        <v>4.1108738641733096</v>
      </c>
      <c r="AH1002">
        <v>0.1114271918948445</v>
      </c>
      <c r="AI1002">
        <v>-0.16711920843562431</v>
      </c>
      <c r="AJ1002">
        <v>0.2191389454189778</v>
      </c>
      <c r="AK1002">
        <v>0.12681437328603379</v>
      </c>
      <c r="AL1002">
        <v>581.91976475080162</v>
      </c>
      <c r="AM1002">
        <v>1020.062442888852</v>
      </c>
      <c r="AN1002">
        <v>8300</v>
      </c>
      <c r="AO1002">
        <v>62</v>
      </c>
      <c r="AP1002">
        <v>401.6629120552376</v>
      </c>
      <c r="AQ1002">
        <v>1.359375</v>
      </c>
      <c r="AR1002">
        <v>4.015625</v>
      </c>
      <c r="AS1002">
        <v>64</v>
      </c>
      <c r="AT1002">
        <v>4.2187499999999991</v>
      </c>
      <c r="AU1002">
        <v>0.1109310165975104</v>
      </c>
      <c r="AV1002">
        <v>0.111908376265465</v>
      </c>
      <c r="AW1002">
        <v>0.375</v>
      </c>
      <c r="AX1002">
        <v>71.206349206349202</v>
      </c>
      <c r="AY1002">
        <v>60</v>
      </c>
      <c r="AZ1002">
        <v>124</v>
      </c>
      <c r="BA1002">
        <v>0.53034102750775036</v>
      </c>
      <c r="BB1002">
        <v>0.515625</v>
      </c>
      <c r="BC1002">
        <v>3.9807964935089331</v>
      </c>
      <c r="BD1002" t="s">
        <v>3872</v>
      </c>
      <c r="BE1002" t="s">
        <v>62</v>
      </c>
    </row>
    <row r="1003" spans="1:57" x14ac:dyDescent="0.3">
      <c r="A1003" t="s">
        <v>3873</v>
      </c>
      <c r="B1003">
        <v>3448</v>
      </c>
      <c r="C1003" t="s">
        <v>3874</v>
      </c>
      <c r="D1003" t="s">
        <v>3875</v>
      </c>
      <c r="E1003" t="s">
        <v>93</v>
      </c>
      <c r="F1003">
        <v>3632</v>
      </c>
      <c r="G1003">
        <v>127.2816629955947</v>
      </c>
      <c r="H1003">
        <v>127</v>
      </c>
      <c r="I1003">
        <v>5547.6538708027274</v>
      </c>
      <c r="J1003">
        <v>74.482574276153528</v>
      </c>
      <c r="K1003">
        <v>1.255136835434132E-2</v>
      </c>
      <c r="L1003">
        <v>-1.2296310634216221</v>
      </c>
      <c r="M1003">
        <v>7.9516702681051532</v>
      </c>
      <c r="N1003">
        <v>26</v>
      </c>
      <c r="O1003">
        <v>5</v>
      </c>
      <c r="P1003">
        <v>21</v>
      </c>
      <c r="Q1003">
        <v>3.6619880188225631</v>
      </c>
      <c r="R1003">
        <v>5.5116778270794189</v>
      </c>
      <c r="S1003">
        <v>3</v>
      </c>
      <c r="T1003">
        <v>1</v>
      </c>
      <c r="U1003">
        <v>2</v>
      </c>
      <c r="V1003">
        <v>0.17402188872586491</v>
      </c>
      <c r="W1003">
        <v>8.1558855032940656</v>
      </c>
      <c r="X1003">
        <v>1</v>
      </c>
      <c r="Y1003">
        <v>1</v>
      </c>
      <c r="Z1003">
        <v>0</v>
      </c>
      <c r="AA1003">
        <v>0</v>
      </c>
      <c r="AB1003">
        <v>8.1969879272588972</v>
      </c>
      <c r="AC1003">
        <v>1</v>
      </c>
      <c r="AD1003">
        <v>1</v>
      </c>
      <c r="AE1003">
        <v>0</v>
      </c>
      <c r="AF1003">
        <v>0</v>
      </c>
      <c r="AG1003">
        <v>8.1967124072130719</v>
      </c>
      <c r="AH1003">
        <v>-1.9869897595847671E-2</v>
      </c>
      <c r="AI1003">
        <v>-1.4240508549784731E-2</v>
      </c>
      <c r="AJ1003">
        <v>-2.252696417261036E-2</v>
      </c>
      <c r="AK1003">
        <v>-2.2524116352989438E-3</v>
      </c>
      <c r="AL1003">
        <v>4101.4100427820094</v>
      </c>
      <c r="AM1003">
        <v>7884.6796168878582</v>
      </c>
      <c r="AN1003">
        <v>462286.99999999988</v>
      </c>
      <c r="AO1003">
        <v>99.900567601503212</v>
      </c>
      <c r="AP1003">
        <v>3688.8635817850181</v>
      </c>
      <c r="AQ1003">
        <v>1.0063325991189429</v>
      </c>
      <c r="AR1003">
        <v>4.0236784140969162</v>
      </c>
      <c r="AS1003">
        <v>3622</v>
      </c>
      <c r="AT1003">
        <v>241.97356828193841</v>
      </c>
      <c r="AU1003">
        <v>1.2600414615185299E-2</v>
      </c>
      <c r="AV1003">
        <v>-1.9872915885921941E-2</v>
      </c>
      <c r="AW1003">
        <v>0.37472466960352419</v>
      </c>
      <c r="AX1003">
        <v>86.995318094188931</v>
      </c>
      <c r="AY1003">
        <v>66</v>
      </c>
      <c r="AZ1003">
        <v>131</v>
      </c>
      <c r="BA1003">
        <v>0.58517914146620953</v>
      </c>
      <c r="BB1003">
        <v>0.4961453744493392</v>
      </c>
      <c r="BC1003">
        <v>5.3281659517512363</v>
      </c>
      <c r="BD1003" t="s">
        <v>3876</v>
      </c>
      <c r="BE1003" t="s">
        <v>62</v>
      </c>
    </row>
    <row r="1004" spans="1:57" x14ac:dyDescent="0.3">
      <c r="A1004" t="s">
        <v>3877</v>
      </c>
      <c r="B1004">
        <v>3231</v>
      </c>
      <c r="C1004" t="s">
        <v>3878</v>
      </c>
      <c r="D1004" t="s">
        <v>3879</v>
      </c>
      <c r="E1004" t="s">
        <v>93</v>
      </c>
      <c r="F1004">
        <v>3231</v>
      </c>
      <c r="G1004">
        <v>124.1405137728258</v>
      </c>
      <c r="H1004">
        <v>122</v>
      </c>
      <c r="I1004">
        <v>5431.9443536821846</v>
      </c>
      <c r="J1004">
        <v>73.70172558144202</v>
      </c>
      <c r="K1004">
        <v>8.1857811460951654E-2</v>
      </c>
      <c r="L1004">
        <v>-1.187590413765073</v>
      </c>
      <c r="M1004">
        <v>7.9462705312676762</v>
      </c>
      <c r="N1004">
        <v>22</v>
      </c>
      <c r="O1004">
        <v>4</v>
      </c>
      <c r="P1004">
        <v>18</v>
      </c>
      <c r="Q1004">
        <v>3.4302458080596701</v>
      </c>
      <c r="R1004">
        <v>5.5079350147147634</v>
      </c>
      <c r="S1004">
        <v>2</v>
      </c>
      <c r="T1004">
        <v>1</v>
      </c>
      <c r="U1004">
        <v>1</v>
      </c>
      <c r="V1004">
        <v>0.1439921065900602</v>
      </c>
      <c r="W1004">
        <v>8.0514814650727295</v>
      </c>
      <c r="X1004">
        <v>2</v>
      </c>
      <c r="Y1004">
        <v>1</v>
      </c>
      <c r="Z1004">
        <v>1</v>
      </c>
      <c r="AA1004">
        <v>1.7598107108703569E-2</v>
      </c>
      <c r="AB1004">
        <v>8.0794984445392846</v>
      </c>
      <c r="AC1004">
        <v>1</v>
      </c>
      <c r="AD1004">
        <v>1</v>
      </c>
      <c r="AE1004">
        <v>0</v>
      </c>
      <c r="AF1004">
        <v>0</v>
      </c>
      <c r="AG1004">
        <v>8.0796180293898381</v>
      </c>
      <c r="AH1004">
        <v>3.7843537889146279E-4</v>
      </c>
      <c r="AI1004">
        <v>-1.217911083631781E-2</v>
      </c>
      <c r="AJ1004">
        <v>1.9052130317991071E-2</v>
      </c>
      <c r="AK1004">
        <v>-2.9645498812696049E-2</v>
      </c>
      <c r="AL1004">
        <v>3824.8886205656108</v>
      </c>
      <c r="AM1004">
        <v>7260.3960663498019</v>
      </c>
      <c r="AN1004">
        <v>401098</v>
      </c>
      <c r="AO1004">
        <v>150.13142242126321</v>
      </c>
      <c r="AP1004">
        <v>3431.1240199756421</v>
      </c>
      <c r="AQ1004">
        <v>1.007118539151965</v>
      </c>
      <c r="AR1004">
        <v>4.0055710306406684</v>
      </c>
      <c r="AS1004">
        <v>3221</v>
      </c>
      <c r="AT1004">
        <v>238.6675951717734</v>
      </c>
      <c r="AU1004">
        <v>2.6624428787299429E-2</v>
      </c>
      <c r="AV1004">
        <v>3.7846948312249718E-4</v>
      </c>
      <c r="AW1004">
        <v>0.38997214484679671</v>
      </c>
      <c r="AX1004">
        <v>84.839318885448918</v>
      </c>
      <c r="AY1004">
        <v>63</v>
      </c>
      <c r="AZ1004">
        <v>128</v>
      </c>
      <c r="BA1004">
        <v>0.59369599288363228</v>
      </c>
      <c r="BB1004">
        <v>0.48932219127205201</v>
      </c>
      <c r="BC1004">
        <v>5.3051943489836813</v>
      </c>
      <c r="BD1004" t="s">
        <v>3880</v>
      </c>
      <c r="BE1004" t="s">
        <v>68</v>
      </c>
    </row>
    <row r="1005" spans="1:57" x14ac:dyDescent="0.3">
      <c r="A1005" t="s">
        <v>3881</v>
      </c>
      <c r="B1005">
        <v>2583</v>
      </c>
      <c r="C1005" t="s">
        <v>3882</v>
      </c>
      <c r="D1005" t="s">
        <v>3883</v>
      </c>
      <c r="E1005" t="s">
        <v>128</v>
      </c>
      <c r="F1005">
        <v>32</v>
      </c>
      <c r="G1005">
        <v>131.5</v>
      </c>
      <c r="H1005">
        <v>133.5</v>
      </c>
      <c r="I1005">
        <v>5018.0625</v>
      </c>
      <c r="J1005">
        <v>70.838284140710243</v>
      </c>
      <c r="K1005">
        <v>-9.5783938110824085E-2</v>
      </c>
      <c r="L1005">
        <v>-0.9215860605889068</v>
      </c>
      <c r="M1005">
        <v>5</v>
      </c>
      <c r="N1005">
        <v>1</v>
      </c>
      <c r="O1005">
        <v>1</v>
      </c>
      <c r="P1005">
        <v>0</v>
      </c>
      <c r="Q1005">
        <v>0</v>
      </c>
      <c r="R1005">
        <v>3.465735902799727</v>
      </c>
      <c r="S1005">
        <v>1</v>
      </c>
      <c r="T1005">
        <v>1</v>
      </c>
      <c r="U1005">
        <v>0</v>
      </c>
      <c r="V1005">
        <v>0</v>
      </c>
      <c r="W1005">
        <v>3.4339872044851458</v>
      </c>
      <c r="X1005">
        <v>1</v>
      </c>
      <c r="Y1005">
        <v>1</v>
      </c>
      <c r="Z1005">
        <v>0</v>
      </c>
      <c r="AA1005">
        <v>0</v>
      </c>
      <c r="AB1005">
        <v>3.401197381662155</v>
      </c>
      <c r="AC1005">
        <v>1</v>
      </c>
      <c r="AD1005">
        <v>1</v>
      </c>
      <c r="AE1005">
        <v>0</v>
      </c>
      <c r="AF1005">
        <v>0</v>
      </c>
      <c r="AG1005">
        <v>3.3672958299864728</v>
      </c>
      <c r="AH1005">
        <v>-1.18556091120826E-2</v>
      </c>
      <c r="AI1005">
        <v>0.19927387313330591</v>
      </c>
      <c r="AJ1005">
        <v>0.17346242947352691</v>
      </c>
      <c r="AK1005">
        <v>-0.25560475283040018</v>
      </c>
      <c r="AL1005">
        <v>493.85295733630483</v>
      </c>
      <c r="AM1005">
        <v>685.59409020949556</v>
      </c>
      <c r="AN1005">
        <v>4208</v>
      </c>
      <c r="AO1005">
        <v>68</v>
      </c>
      <c r="AP1005">
        <v>412.71011708979051</v>
      </c>
      <c r="AQ1005">
        <v>1.65625</v>
      </c>
      <c r="AR1005">
        <v>3.71875</v>
      </c>
      <c r="AS1005">
        <v>32</v>
      </c>
      <c r="AT1005">
        <v>0</v>
      </c>
      <c r="AU1005">
        <v>8.1845238095238082E-2</v>
      </c>
      <c r="AV1005">
        <v>-1.365261392545713E-2</v>
      </c>
      <c r="AW1005">
        <v>0.3125</v>
      </c>
      <c r="AX1005">
        <v>88.096774193548384</v>
      </c>
      <c r="AY1005">
        <v>61</v>
      </c>
      <c r="AZ1005">
        <v>113.25</v>
      </c>
      <c r="BA1005">
        <v>0.53869417597498281</v>
      </c>
      <c r="BB1005">
        <v>0.53125</v>
      </c>
      <c r="BC1005">
        <v>3.2551105127277409</v>
      </c>
      <c r="BD1005" t="s">
        <v>3884</v>
      </c>
      <c r="BE1005" t="s">
        <v>62</v>
      </c>
    </row>
    <row r="1006" spans="1:57" x14ac:dyDescent="0.3">
      <c r="A1006" t="s">
        <v>3885</v>
      </c>
      <c r="B1006">
        <v>1215</v>
      </c>
      <c r="C1006" t="s">
        <v>3886</v>
      </c>
      <c r="D1006" t="s">
        <v>3887</v>
      </c>
      <c r="E1006" t="s">
        <v>106</v>
      </c>
      <c r="F1006">
        <v>1239</v>
      </c>
      <c r="G1006">
        <v>128.00484261501211</v>
      </c>
      <c r="H1006">
        <v>126</v>
      </c>
      <c r="I1006">
        <v>5539.7965867185712</v>
      </c>
      <c r="J1006">
        <v>74.429809799021868</v>
      </c>
      <c r="K1006">
        <v>2.198847917491122E-3</v>
      </c>
      <c r="L1006">
        <v>-1.250676132230204</v>
      </c>
      <c r="M1006">
        <v>7.8358503313958794</v>
      </c>
      <c r="N1006">
        <v>11</v>
      </c>
      <c r="O1006">
        <v>1</v>
      </c>
      <c r="P1006">
        <v>10</v>
      </c>
      <c r="Q1006">
        <v>2.2052340524566669</v>
      </c>
      <c r="R1006">
        <v>5.4313975644967627</v>
      </c>
      <c r="S1006">
        <v>2</v>
      </c>
      <c r="T1006">
        <v>1</v>
      </c>
      <c r="U1006">
        <v>1</v>
      </c>
      <c r="V1006">
        <v>8.5260777200519042E-2</v>
      </c>
      <c r="W1006">
        <v>7.1111743843834123</v>
      </c>
      <c r="X1006">
        <v>1</v>
      </c>
      <c r="Y1006">
        <v>1</v>
      </c>
      <c r="Z1006">
        <v>0</v>
      </c>
      <c r="AA1006">
        <v>0</v>
      </c>
      <c r="AB1006">
        <v>7.1204443723924893</v>
      </c>
      <c r="AC1006">
        <v>1</v>
      </c>
      <c r="AD1006">
        <v>1</v>
      </c>
      <c r="AE1006">
        <v>0</v>
      </c>
      <c r="AF1006">
        <v>0</v>
      </c>
      <c r="AG1006">
        <v>7.1196356380176358</v>
      </c>
      <c r="AH1006">
        <v>7.4084109875200222E-3</v>
      </c>
      <c r="AI1006">
        <v>2.6041818458789761E-2</v>
      </c>
      <c r="AJ1006">
        <v>4.1981301680186871E-2</v>
      </c>
      <c r="AK1006">
        <v>2.44067495646909E-3</v>
      </c>
      <c r="AL1006">
        <v>2459.0626223296308</v>
      </c>
      <c r="AM1006">
        <v>4595.4467703871096</v>
      </c>
      <c r="AN1006">
        <v>158598</v>
      </c>
      <c r="AO1006">
        <v>89.389882869619782</v>
      </c>
      <c r="AP1006">
        <v>2225.5802347655872</v>
      </c>
      <c r="AQ1006">
        <v>1.0185633575464079</v>
      </c>
      <c r="AR1006">
        <v>4.0201775625504439</v>
      </c>
      <c r="AS1006">
        <v>1233</v>
      </c>
      <c r="AT1006">
        <v>253.22437449556091</v>
      </c>
      <c r="AU1006">
        <v>2.182974884869204E-2</v>
      </c>
      <c r="AV1006">
        <v>7.4199976450317869E-3</v>
      </c>
      <c r="AW1006">
        <v>0.37449556093623892</v>
      </c>
      <c r="AX1006">
        <v>85.889337641357031</v>
      </c>
      <c r="AY1006">
        <v>65</v>
      </c>
      <c r="AZ1006">
        <v>132.5</v>
      </c>
      <c r="BA1006">
        <v>0.58146089068580997</v>
      </c>
      <c r="BB1006">
        <v>0.48829701372074252</v>
      </c>
      <c r="BC1006">
        <v>5.255630861599883</v>
      </c>
      <c r="BD1006" t="s">
        <v>3888</v>
      </c>
      <c r="BE1006" t="s">
        <v>68</v>
      </c>
    </row>
    <row r="1007" spans="1:57" x14ac:dyDescent="0.3">
      <c r="A1007" t="s">
        <v>3889</v>
      </c>
      <c r="B1007">
        <v>2542</v>
      </c>
      <c r="C1007" t="s">
        <v>3890</v>
      </c>
      <c r="D1007" t="s">
        <v>3891</v>
      </c>
      <c r="E1007" t="s">
        <v>72</v>
      </c>
      <c r="F1007">
        <v>2544</v>
      </c>
      <c r="G1007">
        <v>127.93121069182391</v>
      </c>
      <c r="H1007">
        <v>127</v>
      </c>
      <c r="I1007">
        <v>5516.3840258927157</v>
      </c>
      <c r="J1007">
        <v>74.272363809782675</v>
      </c>
      <c r="K1007">
        <v>7.2013123716013839E-3</v>
      </c>
      <c r="L1007">
        <v>-1.208965995303859</v>
      </c>
      <c r="M1007">
        <v>7.9247892704542231</v>
      </c>
      <c r="N1007">
        <v>22</v>
      </c>
      <c r="O1007">
        <v>3</v>
      </c>
      <c r="P1007">
        <v>19</v>
      </c>
      <c r="Q1007">
        <v>3.225266461860167</v>
      </c>
      <c r="R1007">
        <v>5.4930453393470433</v>
      </c>
      <c r="S1007">
        <v>3</v>
      </c>
      <c r="T1007">
        <v>1</v>
      </c>
      <c r="U1007">
        <v>2</v>
      </c>
      <c r="V1007">
        <v>0.15995165189363419</v>
      </c>
      <c r="W1007">
        <v>7.8074346249125472</v>
      </c>
      <c r="X1007">
        <v>2</v>
      </c>
      <c r="Y1007">
        <v>1</v>
      </c>
      <c r="Z1007">
        <v>1</v>
      </c>
      <c r="AA1007">
        <v>6.8706522016255378E-2</v>
      </c>
      <c r="AB1007">
        <v>7.8341621825387628</v>
      </c>
      <c r="AC1007">
        <v>2</v>
      </c>
      <c r="AD1007">
        <v>1</v>
      </c>
      <c r="AE1007">
        <v>1</v>
      </c>
      <c r="AF1007">
        <v>6.2732743018256182E-2</v>
      </c>
      <c r="AG1007">
        <v>7.8348572794196532</v>
      </c>
      <c r="AH1007">
        <v>3.7166058814534567E-2</v>
      </c>
      <c r="AI1007">
        <v>-5.452731979676515E-3</v>
      </c>
      <c r="AJ1007">
        <v>-8.227326172379321E-3</v>
      </c>
      <c r="AK1007">
        <v>-3.7057577361929439E-2</v>
      </c>
      <c r="AL1007">
        <v>3447.455121431442</v>
      </c>
      <c r="AM1007">
        <v>6617.0115751535559</v>
      </c>
      <c r="AN1007">
        <v>325457</v>
      </c>
      <c r="AO1007">
        <v>104.4706012371627</v>
      </c>
      <c r="AP1007">
        <v>3138.3759640105632</v>
      </c>
      <c r="AQ1007">
        <v>1.009040880503145</v>
      </c>
      <c r="AR1007">
        <v>3.9917452830188682</v>
      </c>
      <c r="AS1007">
        <v>2529</v>
      </c>
      <c r="AT1007">
        <v>267.97484276729563</v>
      </c>
      <c r="AU1007">
        <v>1.871531631520534E-2</v>
      </c>
      <c r="AV1007">
        <v>3.7192879654965781E-2</v>
      </c>
      <c r="AW1007">
        <v>0.37460691823899372</v>
      </c>
      <c r="AX1007">
        <v>83.60047188360204</v>
      </c>
      <c r="AY1007">
        <v>65</v>
      </c>
      <c r="AZ1007">
        <v>128.25</v>
      </c>
      <c r="BA1007">
        <v>0.58056484737488245</v>
      </c>
      <c r="BB1007">
        <v>0.49764150943396218</v>
      </c>
      <c r="BC1007">
        <v>5.2880509173196373</v>
      </c>
      <c r="BD1007" t="s">
        <v>3892</v>
      </c>
      <c r="BE1007" t="s">
        <v>62</v>
      </c>
    </row>
    <row r="1008" spans="1:57" x14ac:dyDescent="0.3">
      <c r="A1008" t="s">
        <v>3893</v>
      </c>
      <c r="B1008">
        <v>1374</v>
      </c>
      <c r="C1008" t="s">
        <v>3894</v>
      </c>
      <c r="D1008" t="s">
        <v>3895</v>
      </c>
      <c r="E1008" t="s">
        <v>10622</v>
      </c>
      <c r="F1008">
        <v>64</v>
      </c>
      <c r="G1008">
        <v>131.234375</v>
      </c>
      <c r="H1008">
        <v>133.5</v>
      </c>
      <c r="I1008">
        <v>5601.460693359375</v>
      </c>
      <c r="J1008">
        <v>74.84290676717049</v>
      </c>
      <c r="K1008">
        <v>-4.3087425794748002E-2</v>
      </c>
      <c r="L1008">
        <v>-1.3743502518434809</v>
      </c>
      <c r="M1008">
        <v>5.75</v>
      </c>
      <c r="N1008">
        <v>2</v>
      </c>
      <c r="O1008">
        <v>1</v>
      </c>
      <c r="P1008">
        <v>1</v>
      </c>
      <c r="Q1008">
        <v>0.34992710611188271</v>
      </c>
      <c r="R1008">
        <v>3.985596288219686</v>
      </c>
      <c r="S1008">
        <v>1</v>
      </c>
      <c r="T1008">
        <v>1</v>
      </c>
      <c r="U1008">
        <v>0</v>
      </c>
      <c r="V1008">
        <v>0</v>
      </c>
      <c r="W1008">
        <v>4.1431347263915326</v>
      </c>
      <c r="X1008">
        <v>1</v>
      </c>
      <c r="Y1008">
        <v>1</v>
      </c>
      <c r="Z1008">
        <v>0</v>
      </c>
      <c r="AA1008">
        <v>0</v>
      </c>
      <c r="AB1008">
        <v>4.1271343850450908</v>
      </c>
      <c r="AC1008">
        <v>1</v>
      </c>
      <c r="AD1008">
        <v>1</v>
      </c>
      <c r="AE1008">
        <v>0</v>
      </c>
      <c r="AF1008">
        <v>0</v>
      </c>
      <c r="AG1008">
        <v>4.1108738641733096</v>
      </c>
      <c r="AH1008">
        <v>0.18188360049844871</v>
      </c>
      <c r="AI1008">
        <v>-4.2902323985316501E-2</v>
      </c>
      <c r="AJ1008">
        <v>8.8393884332495065E-2</v>
      </c>
      <c r="AK1008">
        <v>-0.15644797746934291</v>
      </c>
      <c r="AL1008">
        <v>687.47465651215487</v>
      </c>
      <c r="AM1008">
        <v>994.03701976007642</v>
      </c>
      <c r="AN1008">
        <v>8399</v>
      </c>
      <c r="AO1008">
        <v>138.46659807495249</v>
      </c>
      <c r="AP1008">
        <v>564.59685462650509</v>
      </c>
      <c r="AQ1008">
        <v>1.359375</v>
      </c>
      <c r="AR1008">
        <v>3.984375</v>
      </c>
      <c r="AS1008">
        <v>64</v>
      </c>
      <c r="AT1008">
        <v>5.9999999999999982</v>
      </c>
      <c r="AU1008">
        <v>8.9081175298804771E-2</v>
      </c>
      <c r="AV1008">
        <v>0.1822359034194829</v>
      </c>
      <c r="AW1008">
        <v>0.359375</v>
      </c>
      <c r="AX1008">
        <v>77.206349206349202</v>
      </c>
      <c r="AY1008">
        <v>73</v>
      </c>
      <c r="AZ1008">
        <v>142.25</v>
      </c>
      <c r="BA1008">
        <v>0.57029956341218135</v>
      </c>
      <c r="BB1008">
        <v>0.5</v>
      </c>
      <c r="BC1008">
        <v>3.8844722778225189</v>
      </c>
      <c r="BD1008" t="s">
        <v>3896</v>
      </c>
      <c r="BE1008" t="s">
        <v>62</v>
      </c>
    </row>
    <row r="1009" spans="1:57" x14ac:dyDescent="0.3">
      <c r="A1009" t="s">
        <v>3897</v>
      </c>
      <c r="B1009">
        <v>3317</v>
      </c>
      <c r="C1009" t="s">
        <v>3898</v>
      </c>
      <c r="D1009" t="s">
        <v>3899</v>
      </c>
      <c r="E1009" t="s">
        <v>72</v>
      </c>
      <c r="F1009">
        <v>3360</v>
      </c>
      <c r="G1009">
        <v>127.677380952381</v>
      </c>
      <c r="H1009">
        <v>128</v>
      </c>
      <c r="I1009">
        <v>5472.1524645691607</v>
      </c>
      <c r="J1009">
        <v>73.973998570911121</v>
      </c>
      <c r="K1009">
        <v>-3.5135019414490792E-2</v>
      </c>
      <c r="L1009">
        <v>-1.1885123668511841</v>
      </c>
      <c r="M1009">
        <v>7.9408132866591936</v>
      </c>
      <c r="N1009">
        <v>24</v>
      </c>
      <c r="O1009">
        <v>4</v>
      </c>
      <c r="P1009">
        <v>20</v>
      </c>
      <c r="Q1009">
        <v>3.731202889149825</v>
      </c>
      <c r="R1009">
        <v>5.5041523410007764</v>
      </c>
      <c r="S1009">
        <v>3</v>
      </c>
      <c r="T1009">
        <v>1</v>
      </c>
      <c r="U1009">
        <v>2</v>
      </c>
      <c r="V1009">
        <v>0.1628661280174987</v>
      </c>
      <c r="W1009">
        <v>8.0846762983338643</v>
      </c>
      <c r="X1009">
        <v>1</v>
      </c>
      <c r="Y1009">
        <v>1</v>
      </c>
      <c r="Z1009">
        <v>0</v>
      </c>
      <c r="AA1009">
        <v>0</v>
      </c>
      <c r="AB1009">
        <v>8.119100837637486</v>
      </c>
      <c r="AC1009">
        <v>1</v>
      </c>
      <c r="AD1009">
        <v>1</v>
      </c>
      <c r="AE1009">
        <v>0</v>
      </c>
      <c r="AF1009">
        <v>0</v>
      </c>
      <c r="AG1009">
        <v>8.1188029969800333</v>
      </c>
      <c r="AH1009">
        <v>1.3444473395840711E-3</v>
      </c>
      <c r="AI1009">
        <v>1.648934773473922E-3</v>
      </c>
      <c r="AJ1009">
        <v>-2.3928059036101779E-2</v>
      </c>
      <c r="AK1009">
        <v>6.9217112864255826E-3</v>
      </c>
      <c r="AL1009">
        <v>3926.0925875585058</v>
      </c>
      <c r="AM1009">
        <v>7599.033819764074</v>
      </c>
      <c r="AN1009">
        <v>428996</v>
      </c>
      <c r="AO1009">
        <v>150.4345828842329</v>
      </c>
      <c r="AP1009">
        <v>3538.6212724343218</v>
      </c>
      <c r="AQ1009">
        <v>1.006845238095238</v>
      </c>
      <c r="AR1009">
        <v>3.9785714285714291</v>
      </c>
      <c r="AS1009">
        <v>3345</v>
      </c>
      <c r="AT1009">
        <v>271.54285714285709</v>
      </c>
      <c r="AU1009">
        <v>1.6736694677871141E-2</v>
      </c>
      <c r="AV1009">
        <v>1.344929149508815E-3</v>
      </c>
      <c r="AW1009">
        <v>0.36160714285714279</v>
      </c>
      <c r="AX1009">
        <v>85.627567728490618</v>
      </c>
      <c r="AY1009">
        <v>64</v>
      </c>
      <c r="AZ1009">
        <v>128</v>
      </c>
      <c r="BA1009">
        <v>0.57938217418871352</v>
      </c>
      <c r="BB1009">
        <v>0.50297619047619047</v>
      </c>
      <c r="BC1009">
        <v>5.3239896572827314</v>
      </c>
      <c r="BD1009" t="s">
        <v>3900</v>
      </c>
      <c r="BE1009" t="s">
        <v>62</v>
      </c>
    </row>
    <row r="1010" spans="1:57" x14ac:dyDescent="0.3">
      <c r="A1010" t="s">
        <v>3901</v>
      </c>
      <c r="B1010">
        <v>1779</v>
      </c>
      <c r="C1010" t="s">
        <v>3902</v>
      </c>
      <c r="D1010" t="s">
        <v>3903</v>
      </c>
      <c r="E1010" t="s">
        <v>10622</v>
      </c>
      <c r="F1010">
        <v>64</v>
      </c>
      <c r="G1010">
        <v>134.3125</v>
      </c>
      <c r="H1010">
        <v>140</v>
      </c>
      <c r="I1010">
        <v>4113.33984375</v>
      </c>
      <c r="J1010">
        <v>64.135324461251457</v>
      </c>
      <c r="K1010">
        <v>-0.25953064827895128</v>
      </c>
      <c r="L1010">
        <v>-1.013519092480154</v>
      </c>
      <c r="M1010">
        <v>5.75</v>
      </c>
      <c r="N1010">
        <v>2</v>
      </c>
      <c r="O1010">
        <v>1</v>
      </c>
      <c r="P1010">
        <v>1</v>
      </c>
      <c r="Q1010">
        <v>0.3499271061118826</v>
      </c>
      <c r="R1010">
        <v>3.985596288219686</v>
      </c>
      <c r="S1010">
        <v>1</v>
      </c>
      <c r="T1010">
        <v>1</v>
      </c>
      <c r="U1010">
        <v>0</v>
      </c>
      <c r="V1010">
        <v>0</v>
      </c>
      <c r="W1010">
        <v>4.1431347263915326</v>
      </c>
      <c r="X1010">
        <v>1</v>
      </c>
      <c r="Y1010">
        <v>1</v>
      </c>
      <c r="Z1010">
        <v>0</v>
      </c>
      <c r="AA1010">
        <v>0</v>
      </c>
      <c r="AB1010">
        <v>4.1271343850450908</v>
      </c>
      <c r="AC1010">
        <v>1</v>
      </c>
      <c r="AD1010">
        <v>1</v>
      </c>
      <c r="AE1010">
        <v>0</v>
      </c>
      <c r="AF1010">
        <v>0</v>
      </c>
      <c r="AG1010">
        <v>4.1108738641733096</v>
      </c>
      <c r="AH1010">
        <v>-1.162983492637807E-2</v>
      </c>
      <c r="AI1010">
        <v>-0.15213841327046621</v>
      </c>
      <c r="AJ1010">
        <v>3.8697261553729052E-2</v>
      </c>
      <c r="AK1010">
        <v>-0.1367441643756262</v>
      </c>
      <c r="AL1010">
        <v>596.97098047604993</v>
      </c>
      <c r="AM1010">
        <v>1030.257078825214</v>
      </c>
      <c r="AN1010">
        <v>8596</v>
      </c>
      <c r="AO1010">
        <v>58.437753487264459</v>
      </c>
      <c r="AP1010">
        <v>424.7205500589231</v>
      </c>
      <c r="AQ1010">
        <v>1.359375</v>
      </c>
      <c r="AR1010">
        <v>3.828125</v>
      </c>
      <c r="AS1010">
        <v>64</v>
      </c>
      <c r="AT1010">
        <v>5.9999999999999991</v>
      </c>
      <c r="AU1010">
        <v>0.1247509960159362</v>
      </c>
      <c r="AV1010">
        <v>-1.1644254021930251E-2</v>
      </c>
      <c r="AW1010">
        <v>0.328125</v>
      </c>
      <c r="AX1010">
        <v>74.698412698412696</v>
      </c>
      <c r="AY1010">
        <v>53.5</v>
      </c>
      <c r="AZ1010">
        <v>110.5</v>
      </c>
      <c r="BA1010">
        <v>0.477508232377861</v>
      </c>
      <c r="BB1010">
        <v>0.546875</v>
      </c>
      <c r="BC1010">
        <v>3.9807964935089331</v>
      </c>
      <c r="BD1010" t="s">
        <v>3904</v>
      </c>
      <c r="BE1010" t="s">
        <v>62</v>
      </c>
    </row>
    <row r="1011" spans="1:57" x14ac:dyDescent="0.3">
      <c r="A1011" t="s">
        <v>3905</v>
      </c>
      <c r="B1011">
        <v>604</v>
      </c>
      <c r="C1011" t="s">
        <v>3906</v>
      </c>
      <c r="D1011" t="s">
        <v>3907</v>
      </c>
      <c r="E1011" t="s">
        <v>66</v>
      </c>
      <c r="F1011">
        <v>70</v>
      </c>
      <c r="G1011">
        <v>112.71428571428569</v>
      </c>
      <c r="H1011">
        <v>116.5</v>
      </c>
      <c r="I1011">
        <v>6401.74693877551</v>
      </c>
      <c r="J1011">
        <v>80.010917622381442</v>
      </c>
      <c r="K1011">
        <v>0.1074586903419084</v>
      </c>
      <c r="L1011">
        <v>-1.379738077351695</v>
      </c>
      <c r="M1011">
        <v>5.9184989097712073</v>
      </c>
      <c r="N1011">
        <v>3</v>
      </c>
      <c r="O1011">
        <v>1</v>
      </c>
      <c r="P1011">
        <v>2</v>
      </c>
      <c r="Q1011">
        <v>0.36126370402352498</v>
      </c>
      <c r="R1011">
        <v>4.1023908324550202</v>
      </c>
      <c r="S1011">
        <v>2</v>
      </c>
      <c r="T1011">
        <v>1</v>
      </c>
      <c r="U1011">
        <v>1</v>
      </c>
      <c r="V1011">
        <v>0.1203728348804772</v>
      </c>
      <c r="W1011">
        <v>4.2140152819723324</v>
      </c>
      <c r="X1011">
        <v>1</v>
      </c>
      <c r="Y1011">
        <v>1</v>
      </c>
      <c r="Z1011">
        <v>0</v>
      </c>
      <c r="AA1011">
        <v>0</v>
      </c>
      <c r="AB1011">
        <v>4.2195077051761087</v>
      </c>
      <c r="AC1011">
        <v>1</v>
      </c>
      <c r="AD1011">
        <v>1</v>
      </c>
      <c r="AE1011">
        <v>0</v>
      </c>
      <c r="AF1011">
        <v>0</v>
      </c>
      <c r="AG1011">
        <v>4.2046926193909648</v>
      </c>
      <c r="AH1011">
        <v>8.5568297866216544E-2</v>
      </c>
      <c r="AI1011">
        <v>8.7254198835667665E-2</v>
      </c>
      <c r="AJ1011">
        <v>-0.24121536249762729</v>
      </c>
      <c r="AK1011">
        <v>6.2257332091203967E-2</v>
      </c>
      <c r="AL1011">
        <v>666.20051014627722</v>
      </c>
      <c r="AM1011">
        <v>945.31205444595889</v>
      </c>
      <c r="AN1011">
        <v>7890</v>
      </c>
      <c r="AO1011">
        <v>28.752601620983729</v>
      </c>
      <c r="AP1011">
        <v>513.23921307283581</v>
      </c>
      <c r="AQ1011">
        <v>1.328571428571429</v>
      </c>
      <c r="AR1011">
        <v>3.7428571428571429</v>
      </c>
      <c r="AS1011">
        <v>70</v>
      </c>
      <c r="AT1011">
        <v>7.3999999999999986</v>
      </c>
      <c r="AU1011">
        <v>0.17539682539682541</v>
      </c>
      <c r="AV1011">
        <v>8.6860352183759995E-2</v>
      </c>
      <c r="AW1011">
        <v>0.31428571428571428</v>
      </c>
      <c r="AX1011">
        <v>86.594202898550719</v>
      </c>
      <c r="AY1011">
        <v>82</v>
      </c>
      <c r="AZ1011">
        <v>149</v>
      </c>
      <c r="BA1011">
        <v>0.70985604988171114</v>
      </c>
      <c r="BB1011">
        <v>0.52857142857142858</v>
      </c>
      <c r="BC1011">
        <v>4.0055197492917038</v>
      </c>
      <c r="BD1011" t="s">
        <v>3908</v>
      </c>
      <c r="BE1011" t="s">
        <v>68</v>
      </c>
    </row>
    <row r="1012" spans="1:57" x14ac:dyDescent="0.3">
      <c r="A1012" t="s">
        <v>3909</v>
      </c>
      <c r="B1012">
        <v>153</v>
      </c>
      <c r="C1012" t="s">
        <v>3910</v>
      </c>
      <c r="D1012" t="s">
        <v>3911</v>
      </c>
      <c r="E1012" t="s">
        <v>60</v>
      </c>
      <c r="F1012">
        <v>512</v>
      </c>
      <c r="G1012">
        <v>126.41015625</v>
      </c>
      <c r="H1012">
        <v>135.5</v>
      </c>
      <c r="I1012">
        <v>5926.0934906005859</v>
      </c>
      <c r="J1012">
        <v>76.981124248744152</v>
      </c>
      <c r="K1012">
        <v>-4.3125860437642063E-2</v>
      </c>
      <c r="L1012">
        <v>-1.3389224586730919</v>
      </c>
      <c r="M1012">
        <v>7.5949243022870094</v>
      </c>
      <c r="N1012">
        <v>6</v>
      </c>
      <c r="O1012">
        <v>1</v>
      </c>
      <c r="P1012">
        <v>5</v>
      </c>
      <c r="Q1012">
        <v>1.2874014405521701</v>
      </c>
      <c r="R1012">
        <v>5.2644003666964476</v>
      </c>
      <c r="S1012">
        <v>2</v>
      </c>
      <c r="T1012">
        <v>1</v>
      </c>
      <c r="U1012">
        <v>1</v>
      </c>
      <c r="V1012">
        <v>4.4237310481092057E-2</v>
      </c>
      <c r="W1012">
        <v>6.2336566853874222</v>
      </c>
      <c r="X1012">
        <v>1</v>
      </c>
      <c r="Y1012">
        <v>1</v>
      </c>
      <c r="Z1012">
        <v>0</v>
      </c>
      <c r="AA1012">
        <v>0</v>
      </c>
      <c r="AB1012">
        <v>6.2344107257183694</v>
      </c>
      <c r="AC1012">
        <v>1</v>
      </c>
      <c r="AD1012">
        <v>1</v>
      </c>
      <c r="AE1012">
        <v>0</v>
      </c>
      <c r="AF1012">
        <v>0</v>
      </c>
      <c r="AG1012">
        <v>6.2324480165505216</v>
      </c>
      <c r="AH1012">
        <v>4.8005517236676162E-2</v>
      </c>
      <c r="AI1012">
        <v>-3.10484385871772E-2</v>
      </c>
      <c r="AJ1012">
        <v>3.9986744204324229E-2</v>
      </c>
      <c r="AK1012">
        <v>-0.14066946304591951</v>
      </c>
      <c r="AL1012">
        <v>1652.6505670501319</v>
      </c>
      <c r="AM1012">
        <v>2912.8034783055441</v>
      </c>
      <c r="AN1012">
        <v>64722</v>
      </c>
      <c r="AO1012">
        <v>59.960291634491583</v>
      </c>
      <c r="AP1012">
        <v>1432.543032941581</v>
      </c>
      <c r="AQ1012">
        <v>1.044921875</v>
      </c>
      <c r="AR1012">
        <v>3.970703125</v>
      </c>
      <c r="AS1012">
        <v>510</v>
      </c>
      <c r="AT1012">
        <v>163.87890625000011</v>
      </c>
      <c r="AU1012">
        <v>5.5675551470588218E-2</v>
      </c>
      <c r="AV1012">
        <v>4.8086533871665983E-2</v>
      </c>
      <c r="AW1012">
        <v>0.326171875</v>
      </c>
      <c r="AX1012">
        <v>86.2641878669276</v>
      </c>
      <c r="AY1012">
        <v>72.5</v>
      </c>
      <c r="AZ1012">
        <v>138.25</v>
      </c>
      <c r="BA1012">
        <v>0.60897895020792014</v>
      </c>
      <c r="BB1012">
        <v>0.5234375</v>
      </c>
      <c r="BC1012">
        <v>5.109340768996173</v>
      </c>
      <c r="BD1012" t="s">
        <v>3912</v>
      </c>
      <c r="BE1012" t="s">
        <v>62</v>
      </c>
    </row>
    <row r="1013" spans="1:57" x14ac:dyDescent="0.3">
      <c r="A1013" t="s">
        <v>3913</v>
      </c>
      <c r="B1013">
        <v>1588</v>
      </c>
      <c r="C1013" t="s">
        <v>3914</v>
      </c>
      <c r="D1013" t="s">
        <v>3915</v>
      </c>
      <c r="E1013" t="s">
        <v>93</v>
      </c>
      <c r="F1013">
        <v>1588</v>
      </c>
      <c r="G1013">
        <v>127.6712846347607</v>
      </c>
      <c r="H1013">
        <v>126</v>
      </c>
      <c r="I1013">
        <v>5677.6236842439212</v>
      </c>
      <c r="J1013">
        <v>75.350007858287057</v>
      </c>
      <c r="K1013">
        <v>8.2479974198223539E-3</v>
      </c>
      <c r="L1013">
        <v>-1.229031687067871</v>
      </c>
      <c r="M1013">
        <v>7.8691378802710634</v>
      </c>
      <c r="N1013">
        <v>13</v>
      </c>
      <c r="O1013">
        <v>1</v>
      </c>
      <c r="P1013">
        <v>12</v>
      </c>
      <c r="Q1013">
        <v>2.4924089600635062</v>
      </c>
      <c r="R1013">
        <v>5.4544707351473427</v>
      </c>
      <c r="S1013">
        <v>2</v>
      </c>
      <c r="T1013">
        <v>1</v>
      </c>
      <c r="U1013">
        <v>1</v>
      </c>
      <c r="V1013">
        <v>0.1203728348804772</v>
      </c>
      <c r="W1013">
        <v>7.3495094979014821</v>
      </c>
      <c r="X1013">
        <v>1</v>
      </c>
      <c r="Y1013">
        <v>1</v>
      </c>
      <c r="Z1013">
        <v>0</v>
      </c>
      <c r="AA1013">
        <v>0</v>
      </c>
      <c r="AB1013">
        <v>7.3689704021947957</v>
      </c>
      <c r="AC1013">
        <v>1</v>
      </c>
      <c r="AD1013">
        <v>1</v>
      </c>
      <c r="AE1013">
        <v>0</v>
      </c>
      <c r="AF1013">
        <v>0</v>
      </c>
      <c r="AG1013">
        <v>7.3683396863113826</v>
      </c>
      <c r="AH1013">
        <v>-3.408670834868701E-2</v>
      </c>
      <c r="AI1013">
        <v>-1.2569431953503549E-2</v>
      </c>
      <c r="AJ1013">
        <v>1.478606928810226E-2</v>
      </c>
      <c r="AK1013">
        <v>-2.1214657331581541E-2</v>
      </c>
      <c r="AL1013">
        <v>2767.83473580792</v>
      </c>
      <c r="AM1013">
        <v>5219.1463741933012</v>
      </c>
      <c r="AN1013">
        <v>202742</v>
      </c>
      <c r="AO1013">
        <v>156.11759803791401</v>
      </c>
      <c r="AP1013">
        <v>2456.4488678920488</v>
      </c>
      <c r="AQ1013">
        <v>1.0144836272040301</v>
      </c>
      <c r="AR1013">
        <v>4.0195214105793449</v>
      </c>
      <c r="AS1013">
        <v>1582</v>
      </c>
      <c r="AT1013">
        <v>252.38035264483631</v>
      </c>
      <c r="AU1013">
        <v>1.88003160962118E-2</v>
      </c>
      <c r="AV1013">
        <v>-3.411451686012703E-2</v>
      </c>
      <c r="AW1013">
        <v>0.36901763224181361</v>
      </c>
      <c r="AX1013">
        <v>89.189035916824196</v>
      </c>
      <c r="AY1013">
        <v>66</v>
      </c>
      <c r="AZ1013">
        <v>132</v>
      </c>
      <c r="BA1013">
        <v>0.59018759052865144</v>
      </c>
      <c r="BB1013">
        <v>0.49307304785894213</v>
      </c>
      <c r="BC1013">
        <v>5.2914192074325292</v>
      </c>
      <c r="BD1013" t="s">
        <v>3916</v>
      </c>
      <c r="BE1013" t="s">
        <v>68</v>
      </c>
    </row>
    <row r="1014" spans="1:57" x14ac:dyDescent="0.3">
      <c r="A1014" t="s">
        <v>3917</v>
      </c>
      <c r="B1014">
        <v>2304</v>
      </c>
      <c r="C1014" t="s">
        <v>3918</v>
      </c>
      <c r="D1014" t="s">
        <v>3919</v>
      </c>
      <c r="E1014" t="s">
        <v>72</v>
      </c>
      <c r="F1014">
        <v>2312</v>
      </c>
      <c r="G1014">
        <v>127.647491349481</v>
      </c>
      <c r="H1014">
        <v>126.5</v>
      </c>
      <c r="I1014">
        <v>5302.8502186201677</v>
      </c>
      <c r="J1014">
        <v>72.820671643566754</v>
      </c>
      <c r="K1014">
        <v>1.9576303840411289E-2</v>
      </c>
      <c r="L1014">
        <v>-1.2012939355039871</v>
      </c>
      <c r="M1014">
        <v>7.9275932741004622</v>
      </c>
      <c r="N1014">
        <v>20</v>
      </c>
      <c r="O1014">
        <v>3</v>
      </c>
      <c r="P1014">
        <v>17</v>
      </c>
      <c r="Q1014">
        <v>2.8761886129911578</v>
      </c>
      <c r="R1014">
        <v>5.4949889265687224</v>
      </c>
      <c r="S1014">
        <v>3</v>
      </c>
      <c r="T1014">
        <v>1</v>
      </c>
      <c r="U1014">
        <v>2</v>
      </c>
      <c r="V1014">
        <v>0.14117582941565859</v>
      </c>
      <c r="W1014">
        <v>7.7197883322758676</v>
      </c>
      <c r="X1014">
        <v>1</v>
      </c>
      <c r="Y1014">
        <v>1</v>
      </c>
      <c r="Z1014">
        <v>0</v>
      </c>
      <c r="AA1014">
        <v>0</v>
      </c>
      <c r="AB1014">
        <v>7.74500280351584</v>
      </c>
      <c r="AC1014">
        <v>1</v>
      </c>
      <c r="AD1014">
        <v>1</v>
      </c>
      <c r="AE1014">
        <v>0</v>
      </c>
      <c r="AF1014">
        <v>0</v>
      </c>
      <c r="AG1014">
        <v>7.7445698093544966</v>
      </c>
      <c r="AH1014">
        <v>4.0516306039388161E-3</v>
      </c>
      <c r="AI1014">
        <v>4.7544121926619571E-3</v>
      </c>
      <c r="AJ1014">
        <v>-1.217384316214115E-3</v>
      </c>
      <c r="AK1014">
        <v>-2.9039090518207019E-2</v>
      </c>
      <c r="AL1014">
        <v>3213.439559036693</v>
      </c>
      <c r="AM1014">
        <v>6293.2862004216904</v>
      </c>
      <c r="AN1014">
        <v>295121</v>
      </c>
      <c r="AO1014">
        <v>129.324547271835</v>
      </c>
      <c r="AP1014">
        <v>2885.1439541988648</v>
      </c>
      <c r="AQ1014">
        <v>1.009948096885813</v>
      </c>
      <c r="AR1014">
        <v>4.0341695501730106</v>
      </c>
      <c r="AS1014">
        <v>2308</v>
      </c>
      <c r="AT1014">
        <v>234.49134948096889</v>
      </c>
      <c r="AU1014">
        <v>1.580161476355248E-2</v>
      </c>
      <c r="AV1014">
        <v>4.0531820315886126E-3</v>
      </c>
      <c r="AW1014">
        <v>0.38840830449826991</v>
      </c>
      <c r="AX1014">
        <v>83.849848550411082</v>
      </c>
      <c r="AY1014">
        <v>63</v>
      </c>
      <c r="AZ1014">
        <v>126.25</v>
      </c>
      <c r="BA1014">
        <v>0.57048259134363988</v>
      </c>
      <c r="BB1014">
        <v>0.49394463667820071</v>
      </c>
      <c r="BC1014">
        <v>5.2832913561535531</v>
      </c>
      <c r="BD1014" t="s">
        <v>3920</v>
      </c>
      <c r="BE1014" t="s">
        <v>68</v>
      </c>
    </row>
    <row r="1015" spans="1:57" x14ac:dyDescent="0.3">
      <c r="A1015" t="s">
        <v>3921</v>
      </c>
      <c r="B1015">
        <v>3625</v>
      </c>
      <c r="C1015" t="s">
        <v>3922</v>
      </c>
      <c r="D1015" t="s">
        <v>3923</v>
      </c>
      <c r="E1015" t="s">
        <v>115</v>
      </c>
      <c r="F1015">
        <v>3703</v>
      </c>
      <c r="G1015">
        <v>127.5687280583311</v>
      </c>
      <c r="H1015">
        <v>128</v>
      </c>
      <c r="I1015">
        <v>5452.0524598188376</v>
      </c>
      <c r="J1015">
        <v>73.838015004595277</v>
      </c>
      <c r="K1015">
        <v>-4.469916775337068E-3</v>
      </c>
      <c r="L1015">
        <v>-1.2211001311518159</v>
      </c>
      <c r="M1015">
        <v>7.9492699909184221</v>
      </c>
      <c r="N1015">
        <v>27</v>
      </c>
      <c r="O1015">
        <v>5</v>
      </c>
      <c r="P1015">
        <v>22</v>
      </c>
      <c r="Q1015">
        <v>3.809775457699041</v>
      </c>
      <c r="R1015">
        <v>5.5100140817148846</v>
      </c>
      <c r="S1015">
        <v>2</v>
      </c>
      <c r="T1015">
        <v>1</v>
      </c>
      <c r="U1015">
        <v>1</v>
      </c>
      <c r="V1015">
        <v>0.16346899173099791</v>
      </c>
      <c r="W1015">
        <v>8.179555791417922</v>
      </c>
      <c r="X1015">
        <v>2</v>
      </c>
      <c r="Y1015">
        <v>1</v>
      </c>
      <c r="Z1015">
        <v>1</v>
      </c>
      <c r="AA1015">
        <v>1.6437676972470242E-2</v>
      </c>
      <c r="AB1015">
        <v>8.2159837594704221</v>
      </c>
      <c r="AC1015">
        <v>1</v>
      </c>
      <c r="AD1015">
        <v>1</v>
      </c>
      <c r="AE1015">
        <v>0</v>
      </c>
      <c r="AF1015">
        <v>0</v>
      </c>
      <c r="AG1015">
        <v>8.2160880986323157</v>
      </c>
      <c r="AH1015">
        <v>3.813835687224132E-3</v>
      </c>
      <c r="AI1015">
        <v>8.8780001544681662E-3</v>
      </c>
      <c r="AJ1015">
        <v>2.3922707629548162E-2</v>
      </c>
      <c r="AK1015">
        <v>6.5231954747526572E-3</v>
      </c>
      <c r="AL1015">
        <v>4140.5001004441237</v>
      </c>
      <c r="AM1015">
        <v>7956.5707385922369</v>
      </c>
      <c r="AN1015">
        <v>472387</v>
      </c>
      <c r="AO1015">
        <v>122.8122252449687</v>
      </c>
      <c r="AP1015">
        <v>3825.7962299828182</v>
      </c>
      <c r="AQ1015">
        <v>1.0062111801242239</v>
      </c>
      <c r="AR1015">
        <v>3.9908182554685392</v>
      </c>
      <c r="AS1015">
        <v>3682</v>
      </c>
      <c r="AT1015">
        <v>256.87685660275451</v>
      </c>
      <c r="AU1015">
        <v>1.102974270993845E-2</v>
      </c>
      <c r="AV1015">
        <v>3.8144089575123902E-3</v>
      </c>
      <c r="AW1015">
        <v>0.36564947339994602</v>
      </c>
      <c r="AX1015">
        <v>84.675580767152894</v>
      </c>
      <c r="AY1015">
        <v>64</v>
      </c>
      <c r="AZ1015">
        <v>128.5</v>
      </c>
      <c r="BA1015">
        <v>0.57880968265853272</v>
      </c>
      <c r="BB1015">
        <v>0.50256548744261409</v>
      </c>
      <c r="BC1015">
        <v>5.3153857765464032</v>
      </c>
      <c r="BD1015" t="s">
        <v>3924</v>
      </c>
      <c r="BE1015" t="s">
        <v>68</v>
      </c>
    </row>
    <row r="1016" spans="1:57" x14ac:dyDescent="0.3">
      <c r="A1016" t="s">
        <v>3925</v>
      </c>
      <c r="B1016">
        <v>3534</v>
      </c>
      <c r="C1016" t="s">
        <v>3926</v>
      </c>
      <c r="D1016" t="s">
        <v>3927</v>
      </c>
      <c r="E1016" t="s">
        <v>98</v>
      </c>
      <c r="F1016">
        <v>16</v>
      </c>
      <c r="G1016">
        <v>120.8125</v>
      </c>
      <c r="H1016">
        <v>130.5</v>
      </c>
      <c r="I1016">
        <v>3072.02734375</v>
      </c>
      <c r="J1016">
        <v>55.425872512302412</v>
      </c>
      <c r="K1016">
        <v>-2.0483172066570351E-2</v>
      </c>
      <c r="L1016">
        <v>-1.126879467360101</v>
      </c>
      <c r="M1016">
        <v>4</v>
      </c>
      <c r="N1016">
        <v>1</v>
      </c>
      <c r="O1016">
        <v>1</v>
      </c>
      <c r="P1016">
        <v>0</v>
      </c>
      <c r="Q1016">
        <v>0</v>
      </c>
      <c r="R1016">
        <v>2.7725887222397811</v>
      </c>
      <c r="S1016">
        <v>1</v>
      </c>
      <c r="T1016">
        <v>1</v>
      </c>
      <c r="U1016">
        <v>0</v>
      </c>
      <c r="V1016">
        <v>0</v>
      </c>
      <c r="W1016">
        <v>2.7080502011022101</v>
      </c>
      <c r="X1016">
        <v>1</v>
      </c>
      <c r="Y1016">
        <v>1</v>
      </c>
      <c r="Z1016">
        <v>0</v>
      </c>
      <c r="AA1016">
        <v>0</v>
      </c>
      <c r="AB1016">
        <v>2.639057329615258</v>
      </c>
      <c r="AC1016">
        <v>1</v>
      </c>
      <c r="AD1016">
        <v>1</v>
      </c>
      <c r="AE1016">
        <v>0</v>
      </c>
      <c r="AF1016">
        <v>0</v>
      </c>
      <c r="AG1016">
        <v>2.5649493574615372</v>
      </c>
      <c r="AH1016">
        <v>8.4893345192697714E-2</v>
      </c>
      <c r="AI1016">
        <v>-0.22643984466690989</v>
      </c>
      <c r="AJ1016">
        <v>-0.30301372706592627</v>
      </c>
      <c r="AK1016">
        <v>4.8276312593856611E-2</v>
      </c>
      <c r="AL1016">
        <v>323.40850438062012</v>
      </c>
      <c r="AM1016">
        <v>422.00703701987072</v>
      </c>
      <c r="AN1016">
        <v>1933</v>
      </c>
      <c r="AO1016">
        <v>120.3574966041745</v>
      </c>
      <c r="AP1016">
        <v>219.01302997129449</v>
      </c>
      <c r="AQ1016">
        <v>2.25</v>
      </c>
      <c r="AR1016">
        <v>3.9375</v>
      </c>
      <c r="AS1016">
        <v>16</v>
      </c>
      <c r="AT1016">
        <v>0</v>
      </c>
      <c r="AU1016">
        <v>0.24318181818181819</v>
      </c>
      <c r="AV1016">
        <v>8.5153449563954833E-2</v>
      </c>
      <c r="AW1016">
        <v>0.5</v>
      </c>
      <c r="AX1016">
        <v>65.666666666666671</v>
      </c>
      <c r="AY1016">
        <v>40</v>
      </c>
      <c r="AZ1016">
        <v>108</v>
      </c>
      <c r="BA1016">
        <v>0.45877597526996311</v>
      </c>
      <c r="BB1016">
        <v>0.5625</v>
      </c>
      <c r="BC1016">
        <v>2.7080502011022101</v>
      </c>
      <c r="BD1016" t="s">
        <v>3926</v>
      </c>
      <c r="BE1016" t="s">
        <v>62</v>
      </c>
    </row>
    <row r="1017" spans="1:57" x14ac:dyDescent="0.3">
      <c r="A1017" t="s">
        <v>3928</v>
      </c>
      <c r="B1017">
        <v>3062</v>
      </c>
      <c r="C1017" t="s">
        <v>3929</v>
      </c>
      <c r="D1017" t="s">
        <v>3930</v>
      </c>
      <c r="E1017" t="s">
        <v>115</v>
      </c>
      <c r="F1017">
        <v>3117</v>
      </c>
      <c r="G1017">
        <v>128.31793391081169</v>
      </c>
      <c r="H1017">
        <v>129</v>
      </c>
      <c r="I1017">
        <v>5539.0721615317243</v>
      </c>
      <c r="J1017">
        <v>74.424943140937131</v>
      </c>
      <c r="K1017">
        <v>-1.9650846781712861E-2</v>
      </c>
      <c r="L1017">
        <v>-1.217479481067006</v>
      </c>
      <c r="M1017">
        <v>7.9455406410363718</v>
      </c>
      <c r="N1017">
        <v>24</v>
      </c>
      <c r="O1017">
        <v>3</v>
      </c>
      <c r="P1017">
        <v>21</v>
      </c>
      <c r="Q1017">
        <v>3.317266525642526</v>
      </c>
      <c r="R1017">
        <v>5.5074290933588133</v>
      </c>
      <c r="S1017">
        <v>3</v>
      </c>
      <c r="T1017">
        <v>1</v>
      </c>
      <c r="U1017">
        <v>2</v>
      </c>
      <c r="V1017">
        <v>0.1709872919036512</v>
      </c>
      <c r="W1017">
        <v>8.0059855208781592</v>
      </c>
      <c r="X1017">
        <v>2</v>
      </c>
      <c r="Y1017">
        <v>1</v>
      </c>
      <c r="Z1017">
        <v>1</v>
      </c>
      <c r="AA1017">
        <v>2.5338790610876991E-2</v>
      </c>
      <c r="AB1017">
        <v>8.0430943545852003</v>
      </c>
      <c r="AC1017">
        <v>1</v>
      </c>
      <c r="AD1017">
        <v>1</v>
      </c>
      <c r="AE1017">
        <v>0</v>
      </c>
      <c r="AF1017">
        <v>0</v>
      </c>
      <c r="AG1017">
        <v>8.0436633523939456</v>
      </c>
      <c r="AH1017">
        <v>7.1765845819048001E-3</v>
      </c>
      <c r="AI1017">
        <v>2.4568964231196491E-2</v>
      </c>
      <c r="AJ1017">
        <v>-4.4853735472909538E-3</v>
      </c>
      <c r="AK1017">
        <v>2.143498426682496E-3</v>
      </c>
      <c r="AL1017">
        <v>3836.547289994935</v>
      </c>
      <c r="AM1017">
        <v>7339.5593799377693</v>
      </c>
      <c r="AN1017">
        <v>399967</v>
      </c>
      <c r="AO1017">
        <v>72.467253485528474</v>
      </c>
      <c r="AP1017">
        <v>3514.3796238873501</v>
      </c>
      <c r="AQ1017">
        <v>1.0073788899582929</v>
      </c>
      <c r="AR1017">
        <v>3.9926211100417071</v>
      </c>
      <c r="AS1017">
        <v>3104</v>
      </c>
      <c r="AT1017">
        <v>231.36830285530959</v>
      </c>
      <c r="AU1017">
        <v>1.6829908094132762E-2</v>
      </c>
      <c r="AV1017">
        <v>7.1792859088689754E-3</v>
      </c>
      <c r="AW1017">
        <v>0.36605710619185111</v>
      </c>
      <c r="AX1017">
        <v>85.430680359435172</v>
      </c>
      <c r="AY1017">
        <v>65</v>
      </c>
      <c r="AZ1017">
        <v>131</v>
      </c>
      <c r="BA1017">
        <v>0.58000421977388383</v>
      </c>
      <c r="BB1017">
        <v>0.50016041065126726</v>
      </c>
      <c r="BC1017">
        <v>5.3187534525134392</v>
      </c>
      <c r="BD1017" t="s">
        <v>3931</v>
      </c>
      <c r="BE1017" t="s">
        <v>68</v>
      </c>
    </row>
    <row r="1018" spans="1:57" x14ac:dyDescent="0.3">
      <c r="A1018" t="s">
        <v>3932</v>
      </c>
      <c r="B1018">
        <v>2835</v>
      </c>
      <c r="C1018" t="s">
        <v>3933</v>
      </c>
      <c r="D1018" t="s">
        <v>3934</v>
      </c>
      <c r="E1018" t="s">
        <v>115</v>
      </c>
      <c r="F1018">
        <v>2921</v>
      </c>
      <c r="G1018">
        <v>129.57137966449849</v>
      </c>
      <c r="H1018">
        <v>128</v>
      </c>
      <c r="I1018">
        <v>5618.7721216501031</v>
      </c>
      <c r="J1018">
        <v>74.958469312347248</v>
      </c>
      <c r="K1018">
        <v>-2.6010640873353169E-2</v>
      </c>
      <c r="L1018">
        <v>-1.234104441796678</v>
      </c>
      <c r="M1018">
        <v>7.93707999251333</v>
      </c>
      <c r="N1018">
        <v>22</v>
      </c>
      <c r="O1018">
        <v>3</v>
      </c>
      <c r="P1018">
        <v>19</v>
      </c>
      <c r="Q1018">
        <v>3.3412277834032711</v>
      </c>
      <c r="R1018">
        <v>5.5015646186893834</v>
      </c>
      <c r="S1018">
        <v>3</v>
      </c>
      <c r="T1018">
        <v>1</v>
      </c>
      <c r="U1018">
        <v>2</v>
      </c>
      <c r="V1018">
        <v>0.1421667275075304</v>
      </c>
      <c r="W1018">
        <v>7.9520984751501373</v>
      </c>
      <c r="X1018">
        <v>1</v>
      </c>
      <c r="Y1018">
        <v>1</v>
      </c>
      <c r="Z1018">
        <v>0</v>
      </c>
      <c r="AA1018">
        <v>0</v>
      </c>
      <c r="AB1018">
        <v>7.9789963708541141</v>
      </c>
      <c r="AC1018">
        <v>1</v>
      </c>
      <c r="AD1018">
        <v>1</v>
      </c>
      <c r="AE1018">
        <v>0</v>
      </c>
      <c r="AF1018">
        <v>0</v>
      </c>
      <c r="AG1018">
        <v>7.9786537290827324</v>
      </c>
      <c r="AH1018">
        <v>-2.7031942497293029E-2</v>
      </c>
      <c r="AI1018">
        <v>-2.6168819181472059E-2</v>
      </c>
      <c r="AJ1018">
        <v>-5.4212023459836627E-3</v>
      </c>
      <c r="AK1018">
        <v>3.6060367130214569E-3</v>
      </c>
      <c r="AL1018">
        <v>3703.3526265692658</v>
      </c>
      <c r="AM1018">
        <v>7192.8804607947231</v>
      </c>
      <c r="AN1018">
        <v>378478</v>
      </c>
      <c r="AO1018">
        <v>100.1069868734821</v>
      </c>
      <c r="AP1018">
        <v>3308.9165471065721</v>
      </c>
      <c r="AQ1018">
        <v>1.007874015748031</v>
      </c>
      <c r="AR1018">
        <v>4.0328654570352622</v>
      </c>
      <c r="AS1018">
        <v>2909</v>
      </c>
      <c r="AT1018">
        <v>250.47278329339269</v>
      </c>
      <c r="AU1018">
        <v>2.4893435635123581E-2</v>
      </c>
      <c r="AV1018">
        <v>-2.7035007325010171E-2</v>
      </c>
      <c r="AW1018">
        <v>0.36220472440944879</v>
      </c>
      <c r="AX1018">
        <v>88.055479452054797</v>
      </c>
      <c r="AY1018">
        <v>66</v>
      </c>
      <c r="AZ1018">
        <v>132</v>
      </c>
      <c r="BA1018">
        <v>0.5785110068785142</v>
      </c>
      <c r="BB1018">
        <v>0.49606299212598431</v>
      </c>
      <c r="BC1018">
        <v>5.3336478170321966</v>
      </c>
      <c r="BD1018" t="s">
        <v>3935</v>
      </c>
      <c r="BE1018" t="s">
        <v>68</v>
      </c>
    </row>
    <row r="1019" spans="1:57" x14ac:dyDescent="0.3">
      <c r="A1019" t="s">
        <v>3936</v>
      </c>
      <c r="B1019">
        <v>2701</v>
      </c>
      <c r="C1019" t="s">
        <v>3937</v>
      </c>
      <c r="D1019" t="s">
        <v>3938</v>
      </c>
      <c r="E1019" t="s">
        <v>93</v>
      </c>
      <c r="F1019">
        <v>2706</v>
      </c>
      <c r="G1019">
        <v>124.9526977087953</v>
      </c>
      <c r="H1019">
        <v>123</v>
      </c>
      <c r="I1019">
        <v>5580.2697506676741</v>
      </c>
      <c r="J1019">
        <v>74.701203140696961</v>
      </c>
      <c r="K1019">
        <v>3.7138724170745131E-2</v>
      </c>
      <c r="L1019">
        <v>-1.2018317425670899</v>
      </c>
      <c r="M1019">
        <v>7.9266088632556144</v>
      </c>
      <c r="N1019">
        <v>20</v>
      </c>
      <c r="O1019">
        <v>3</v>
      </c>
      <c r="P1019">
        <v>17</v>
      </c>
      <c r="Q1019">
        <v>3.355693840674943</v>
      </c>
      <c r="R1019">
        <v>5.4943065849671022</v>
      </c>
      <c r="S1019">
        <v>2</v>
      </c>
      <c r="T1019">
        <v>1</v>
      </c>
      <c r="U1019">
        <v>1</v>
      </c>
      <c r="V1019">
        <v>0.14126127668904831</v>
      </c>
      <c r="W1019">
        <v>7.8751825533876136</v>
      </c>
      <c r="X1019">
        <v>1</v>
      </c>
      <c r="Y1019">
        <v>1</v>
      </c>
      <c r="Z1019">
        <v>0</v>
      </c>
      <c r="AA1019">
        <v>0</v>
      </c>
      <c r="AB1019">
        <v>7.9024874371628542</v>
      </c>
      <c r="AC1019">
        <v>1</v>
      </c>
      <c r="AD1019">
        <v>1</v>
      </c>
      <c r="AE1019">
        <v>0</v>
      </c>
      <c r="AF1019">
        <v>0</v>
      </c>
      <c r="AG1019">
        <v>7.9021175462764468</v>
      </c>
      <c r="AH1019">
        <v>-3.9402648894760906E-3</v>
      </c>
      <c r="AI1019">
        <v>7.3685611009781903E-3</v>
      </c>
      <c r="AJ1019">
        <v>-3.1018524747001671E-2</v>
      </c>
      <c r="AK1019">
        <v>-1.45283780659367E-2</v>
      </c>
      <c r="AL1019">
        <v>3558.3989991315002</v>
      </c>
      <c r="AM1019">
        <v>6684.8532192547</v>
      </c>
      <c r="AN1019">
        <v>338122</v>
      </c>
      <c r="AO1019">
        <v>81.072468015912875</v>
      </c>
      <c r="AP1019">
        <v>3147.7008322690658</v>
      </c>
      <c r="AQ1019">
        <v>1.00849963045085</v>
      </c>
      <c r="AR1019">
        <v>3.9660014781966</v>
      </c>
      <c r="AS1019">
        <v>2698</v>
      </c>
      <c r="AT1019">
        <v>272.71988174427202</v>
      </c>
      <c r="AU1019">
        <v>2.185557149689149E-2</v>
      </c>
      <c r="AV1019">
        <v>-3.9404982704711556E-3</v>
      </c>
      <c r="AW1019">
        <v>0.37176644493717659</v>
      </c>
      <c r="AX1019">
        <v>86.245471349353053</v>
      </c>
      <c r="AY1019">
        <v>64</v>
      </c>
      <c r="AZ1019">
        <v>128</v>
      </c>
      <c r="BA1019">
        <v>0.59783585717204435</v>
      </c>
      <c r="BB1019">
        <v>0.491869918699187</v>
      </c>
      <c r="BC1019">
        <v>5.3116272898166939</v>
      </c>
      <c r="BD1019" t="s">
        <v>3939</v>
      </c>
      <c r="BE1019" t="s">
        <v>68</v>
      </c>
    </row>
    <row r="1020" spans="1:57" x14ac:dyDescent="0.3">
      <c r="A1020" t="s">
        <v>3940</v>
      </c>
      <c r="B1020">
        <v>3547</v>
      </c>
      <c r="C1020" t="s">
        <v>3941</v>
      </c>
      <c r="D1020" t="s">
        <v>3942</v>
      </c>
      <c r="E1020" t="s">
        <v>98</v>
      </c>
      <c r="F1020">
        <v>16</v>
      </c>
      <c r="G1020">
        <v>141.0625</v>
      </c>
      <c r="H1020">
        <v>144</v>
      </c>
      <c r="I1020">
        <v>6301.68359375</v>
      </c>
      <c r="J1020">
        <v>79.383144267218341</v>
      </c>
      <c r="K1020">
        <v>-0.25968023701017079</v>
      </c>
      <c r="L1020">
        <v>-1.018835368650405</v>
      </c>
      <c r="M1020">
        <v>4</v>
      </c>
      <c r="N1020">
        <v>1</v>
      </c>
      <c r="O1020">
        <v>1</v>
      </c>
      <c r="P1020">
        <v>0</v>
      </c>
      <c r="Q1020">
        <v>0</v>
      </c>
      <c r="R1020">
        <v>2.7725887222397811</v>
      </c>
      <c r="S1020">
        <v>1</v>
      </c>
      <c r="T1020">
        <v>1</v>
      </c>
      <c r="U1020">
        <v>0</v>
      </c>
      <c r="V1020">
        <v>0</v>
      </c>
      <c r="W1020">
        <v>2.7080502011022101</v>
      </c>
      <c r="X1020">
        <v>1</v>
      </c>
      <c r="Y1020">
        <v>1</v>
      </c>
      <c r="Z1020">
        <v>0</v>
      </c>
      <c r="AA1020">
        <v>0</v>
      </c>
      <c r="AB1020">
        <v>2.639057329615258</v>
      </c>
      <c r="AC1020">
        <v>1</v>
      </c>
      <c r="AD1020">
        <v>1</v>
      </c>
      <c r="AE1020">
        <v>0</v>
      </c>
      <c r="AF1020">
        <v>0</v>
      </c>
      <c r="AG1020">
        <v>2.5649493574615372</v>
      </c>
      <c r="AH1020">
        <v>-0.28190201062340109</v>
      </c>
      <c r="AI1020">
        <v>0.24014222079788949</v>
      </c>
      <c r="AJ1020">
        <v>1.166459577084745E-2</v>
      </c>
      <c r="AK1020">
        <v>7.4197294125887742E-2</v>
      </c>
      <c r="AL1020">
        <v>430.6633805546582</v>
      </c>
      <c r="AM1020">
        <v>483.46049750650121</v>
      </c>
      <c r="AN1020">
        <v>2257</v>
      </c>
      <c r="AO1020">
        <v>110.1135777277262</v>
      </c>
      <c r="AP1020">
        <v>337.61013101260232</v>
      </c>
      <c r="AQ1020">
        <v>2.3125</v>
      </c>
      <c r="AR1020">
        <v>4</v>
      </c>
      <c r="AS1020">
        <v>16</v>
      </c>
      <c r="AT1020">
        <v>0</v>
      </c>
      <c r="AU1020">
        <v>0.13927165354330709</v>
      </c>
      <c r="AV1020">
        <v>-0.28569408497072191</v>
      </c>
      <c r="AW1020">
        <v>0.3125</v>
      </c>
      <c r="AX1020">
        <v>107.8666666666667</v>
      </c>
      <c r="AY1020">
        <v>62</v>
      </c>
      <c r="AZ1020">
        <v>121.75</v>
      </c>
      <c r="BA1020">
        <v>0.56275157655094965</v>
      </c>
      <c r="BB1020">
        <v>0.5625</v>
      </c>
      <c r="BC1020">
        <v>2.615630577027551</v>
      </c>
      <c r="BD1020" t="s">
        <v>3941</v>
      </c>
      <c r="BE1020" t="s">
        <v>62</v>
      </c>
    </row>
    <row r="1021" spans="1:57" x14ac:dyDescent="0.3">
      <c r="A1021" t="s">
        <v>3943</v>
      </c>
      <c r="B1021">
        <v>1726</v>
      </c>
      <c r="C1021" t="s">
        <v>3944</v>
      </c>
      <c r="D1021" t="s">
        <v>3945</v>
      </c>
      <c r="E1021" t="s">
        <v>85</v>
      </c>
      <c r="F1021">
        <v>8</v>
      </c>
      <c r="G1021">
        <v>144</v>
      </c>
      <c r="H1021">
        <v>154</v>
      </c>
      <c r="I1021">
        <v>5553.5</v>
      </c>
      <c r="J1021">
        <v>74.521808888405275</v>
      </c>
      <c r="K1021">
        <v>-0.35525325830926607</v>
      </c>
      <c r="L1021">
        <v>-1.0491779833752319</v>
      </c>
      <c r="M1021">
        <v>3</v>
      </c>
      <c r="N1021">
        <v>1</v>
      </c>
      <c r="O1021">
        <v>1</v>
      </c>
      <c r="P1021">
        <v>0</v>
      </c>
      <c r="Q1021">
        <v>0</v>
      </c>
      <c r="R1021">
        <v>2.0794415416798362</v>
      </c>
      <c r="S1021">
        <v>1</v>
      </c>
      <c r="T1021">
        <v>1</v>
      </c>
      <c r="U1021">
        <v>0</v>
      </c>
      <c r="V1021">
        <v>0</v>
      </c>
      <c r="W1021">
        <v>1.945910149055313</v>
      </c>
      <c r="X1021">
        <v>1</v>
      </c>
      <c r="Y1021">
        <v>1</v>
      </c>
      <c r="Z1021">
        <v>0</v>
      </c>
      <c r="AA1021">
        <v>0</v>
      </c>
      <c r="AB1021">
        <v>1.791759469228055</v>
      </c>
      <c r="AC1021">
        <v>1</v>
      </c>
      <c r="AD1021">
        <v>1</v>
      </c>
      <c r="AE1021">
        <v>0</v>
      </c>
      <c r="AF1021">
        <v>0</v>
      </c>
      <c r="AG1021">
        <v>1.6094379124341009</v>
      </c>
      <c r="AH1021">
        <v>0.45291257765373188</v>
      </c>
      <c r="AI1021">
        <v>0.1023228594579995</v>
      </c>
      <c r="AJ1021">
        <v>-0.38165121094805082</v>
      </c>
      <c r="AK1021">
        <v>0</v>
      </c>
      <c r="AL1021">
        <v>305.98166232077591</v>
      </c>
      <c r="AM1021">
        <v>341.60096944156157</v>
      </c>
      <c r="AN1021">
        <v>1152</v>
      </c>
      <c r="AO1021">
        <v>61.74467994413309</v>
      </c>
      <c r="AP1021">
        <v>167.8868666691948</v>
      </c>
      <c r="AQ1021">
        <v>3.5</v>
      </c>
      <c r="AR1021">
        <v>4</v>
      </c>
      <c r="AS1021">
        <v>8</v>
      </c>
      <c r="AT1021">
        <v>0</v>
      </c>
      <c r="AU1021">
        <v>0.14199999999999999</v>
      </c>
      <c r="AV1021">
        <v>0.5799688798613768</v>
      </c>
      <c r="AW1021">
        <v>0.25</v>
      </c>
      <c r="AX1021">
        <v>54.285714285714278</v>
      </c>
      <c r="AY1021">
        <v>50.5</v>
      </c>
      <c r="AZ1021">
        <v>103</v>
      </c>
      <c r="BA1021">
        <v>0.51751256172503668</v>
      </c>
      <c r="BB1021">
        <v>0.5</v>
      </c>
      <c r="BC1021">
        <v>1.945910149055313</v>
      </c>
      <c r="BD1021" t="s">
        <v>3944</v>
      </c>
      <c r="BE1021" t="s">
        <v>68</v>
      </c>
    </row>
    <row r="1022" spans="1:57" x14ac:dyDescent="0.3">
      <c r="A1022" t="s">
        <v>3946</v>
      </c>
      <c r="B1022">
        <v>1842</v>
      </c>
      <c r="C1022" t="s">
        <v>3947</v>
      </c>
      <c r="D1022" t="s">
        <v>3948</v>
      </c>
      <c r="E1022" t="s">
        <v>128</v>
      </c>
      <c r="F1022">
        <v>32</v>
      </c>
      <c r="G1022">
        <v>130.46875</v>
      </c>
      <c r="H1022">
        <v>147</v>
      </c>
      <c r="I1022">
        <v>5727.6240234375</v>
      </c>
      <c r="J1022">
        <v>75.68106780059</v>
      </c>
      <c r="K1022">
        <v>-0.15302011572002669</v>
      </c>
      <c r="L1022">
        <v>-1.3029162829765859</v>
      </c>
      <c r="M1022">
        <v>4.8125</v>
      </c>
      <c r="N1022">
        <v>2</v>
      </c>
      <c r="O1022">
        <v>1</v>
      </c>
      <c r="P1022">
        <v>1</v>
      </c>
      <c r="Q1022">
        <v>0.30454347814923599</v>
      </c>
      <c r="R1022">
        <v>3.335770806444736</v>
      </c>
      <c r="S1022">
        <v>1</v>
      </c>
      <c r="T1022">
        <v>1</v>
      </c>
      <c r="U1022">
        <v>0</v>
      </c>
      <c r="V1022">
        <v>0</v>
      </c>
      <c r="W1022">
        <v>3.4339872044851458</v>
      </c>
      <c r="X1022">
        <v>1</v>
      </c>
      <c r="Y1022">
        <v>1</v>
      </c>
      <c r="Z1022">
        <v>0</v>
      </c>
      <c r="AA1022">
        <v>0</v>
      </c>
      <c r="AB1022">
        <v>3.401197381662155</v>
      </c>
      <c r="AC1022">
        <v>1</v>
      </c>
      <c r="AD1022">
        <v>1</v>
      </c>
      <c r="AE1022">
        <v>0</v>
      </c>
      <c r="AF1022">
        <v>0</v>
      </c>
      <c r="AG1022">
        <v>3.3672958299864728</v>
      </c>
      <c r="AH1022">
        <v>0.1134368456512239</v>
      </c>
      <c r="AI1022">
        <v>2.8756255022304021E-2</v>
      </c>
      <c r="AJ1022">
        <v>-4.6160637727965498E-2</v>
      </c>
      <c r="AK1022">
        <v>-0.19983272413520889</v>
      </c>
      <c r="AL1022">
        <v>508.87584507943222</v>
      </c>
      <c r="AM1022">
        <v>684.86230316370438</v>
      </c>
      <c r="AN1022">
        <v>4175</v>
      </c>
      <c r="AO1022">
        <v>52.74795782001128</v>
      </c>
      <c r="AP1022">
        <v>437.29973641962158</v>
      </c>
      <c r="AQ1022">
        <v>1.71875</v>
      </c>
      <c r="AR1022">
        <v>3.96875</v>
      </c>
      <c r="AS1022">
        <v>32</v>
      </c>
      <c r="AT1022">
        <v>2.4375</v>
      </c>
      <c r="AU1022">
        <v>0.12386133603238871</v>
      </c>
      <c r="AV1022">
        <v>0.1154599453556691</v>
      </c>
      <c r="AW1022">
        <v>0.25</v>
      </c>
      <c r="AX1022">
        <v>78.677419354838705</v>
      </c>
      <c r="AY1022">
        <v>68</v>
      </c>
      <c r="AZ1022">
        <v>132.25</v>
      </c>
      <c r="BA1022">
        <v>0.58007045978895333</v>
      </c>
      <c r="BB1022">
        <v>0.5625</v>
      </c>
      <c r="BC1022">
        <v>3.3445488586064429</v>
      </c>
      <c r="BD1022" t="s">
        <v>3949</v>
      </c>
      <c r="BE1022" t="s">
        <v>62</v>
      </c>
    </row>
    <row r="1023" spans="1:57" x14ac:dyDescent="0.3">
      <c r="A1023" t="s">
        <v>3950</v>
      </c>
      <c r="B1023">
        <v>2668</v>
      </c>
      <c r="C1023" t="s">
        <v>3951</v>
      </c>
      <c r="D1023" t="s">
        <v>3952</v>
      </c>
      <c r="E1023" t="s">
        <v>106</v>
      </c>
      <c r="F1023">
        <v>2730</v>
      </c>
      <c r="G1023">
        <v>125.9003663003663</v>
      </c>
      <c r="H1023">
        <v>123</v>
      </c>
      <c r="I1023">
        <v>5430.8054577412822</v>
      </c>
      <c r="J1023">
        <v>73.693998790547951</v>
      </c>
      <c r="K1023">
        <v>5.1995871483905658E-2</v>
      </c>
      <c r="L1023">
        <v>-1.201469562181356</v>
      </c>
      <c r="M1023">
        <v>7.9255462802006829</v>
      </c>
      <c r="N1023">
        <v>20</v>
      </c>
      <c r="O1023">
        <v>4</v>
      </c>
      <c r="P1023">
        <v>16</v>
      </c>
      <c r="Q1023">
        <v>3.4078891554881521</v>
      </c>
      <c r="R1023">
        <v>5.4935700585184613</v>
      </c>
      <c r="S1023">
        <v>2</v>
      </c>
      <c r="T1023">
        <v>1</v>
      </c>
      <c r="U1023">
        <v>1</v>
      </c>
      <c r="V1023">
        <v>0.14063927017297589</v>
      </c>
      <c r="W1023">
        <v>7.884259265486472</v>
      </c>
      <c r="X1023">
        <v>1</v>
      </c>
      <c r="Y1023">
        <v>1</v>
      </c>
      <c r="Z1023">
        <v>0</v>
      </c>
      <c r="AA1023">
        <v>0</v>
      </c>
      <c r="AB1023">
        <v>7.9113240189633522</v>
      </c>
      <c r="AC1023">
        <v>1</v>
      </c>
      <c r="AD1023">
        <v>1</v>
      </c>
      <c r="AE1023">
        <v>0</v>
      </c>
      <c r="AF1023">
        <v>0</v>
      </c>
      <c r="AG1023">
        <v>7.9109573828455906</v>
      </c>
      <c r="AH1023">
        <v>1.5000601355726089E-4</v>
      </c>
      <c r="AI1023">
        <v>3.2811685658038263E-2</v>
      </c>
      <c r="AJ1023">
        <v>-3.0451119477301222E-2</v>
      </c>
      <c r="AK1023">
        <v>-2.0908716785870331E-2</v>
      </c>
      <c r="AL1023">
        <v>3523.9967282133989</v>
      </c>
      <c r="AM1023">
        <v>6758.7357589671501</v>
      </c>
      <c r="AN1023">
        <v>343708</v>
      </c>
      <c r="AO1023">
        <v>146.30172331948029</v>
      </c>
      <c r="AP1023">
        <v>3176.527312090102</v>
      </c>
      <c r="AQ1023">
        <v>1.008424908424908</v>
      </c>
      <c r="AR1023">
        <v>3.9706959706959708</v>
      </c>
      <c r="AS1023">
        <v>2719</v>
      </c>
      <c r="AT1023">
        <v>278.79706959706959</v>
      </c>
      <c r="AU1023">
        <v>2.2365869424692989E-2</v>
      </c>
      <c r="AV1023">
        <v>1.5007254052727621E-4</v>
      </c>
      <c r="AW1023">
        <v>0.39047619047619048</v>
      </c>
      <c r="AX1023">
        <v>85.155368266764384</v>
      </c>
      <c r="AY1023">
        <v>64</v>
      </c>
      <c r="AZ1023">
        <v>128</v>
      </c>
      <c r="BA1023">
        <v>0.58533585688490197</v>
      </c>
      <c r="BB1023">
        <v>0.4937728937728938</v>
      </c>
      <c r="BC1023">
        <v>5.2986870866207196</v>
      </c>
      <c r="BD1023" t="s">
        <v>3953</v>
      </c>
      <c r="BE1023" t="s">
        <v>68</v>
      </c>
    </row>
    <row r="1024" spans="1:57" x14ac:dyDescent="0.3">
      <c r="A1024" t="s">
        <v>3954</v>
      </c>
      <c r="B1024">
        <v>3109</v>
      </c>
      <c r="C1024" t="s">
        <v>3955</v>
      </c>
      <c r="D1024" t="s">
        <v>3956</v>
      </c>
      <c r="E1024" t="s">
        <v>98</v>
      </c>
      <c r="F1024">
        <v>16</v>
      </c>
      <c r="G1024">
        <v>135.125</v>
      </c>
      <c r="H1024">
        <v>154.5</v>
      </c>
      <c r="I1024">
        <v>4330.109375</v>
      </c>
      <c r="J1024">
        <v>65.803566582670882</v>
      </c>
      <c r="K1024">
        <v>-0.44587646824032701</v>
      </c>
      <c r="L1024">
        <v>-1.193336279590764</v>
      </c>
      <c r="M1024">
        <v>3.875</v>
      </c>
      <c r="N1024">
        <v>2</v>
      </c>
      <c r="O1024">
        <v>1</v>
      </c>
      <c r="P1024">
        <v>1</v>
      </c>
      <c r="Q1024">
        <v>0.24944382578492949</v>
      </c>
      <c r="R1024">
        <v>2.6859453246697882</v>
      </c>
      <c r="S1024">
        <v>1</v>
      </c>
      <c r="T1024">
        <v>1</v>
      </c>
      <c r="U1024">
        <v>0</v>
      </c>
      <c r="V1024">
        <v>0</v>
      </c>
      <c r="W1024">
        <v>2.7080502011022101</v>
      </c>
      <c r="X1024">
        <v>1</v>
      </c>
      <c r="Y1024">
        <v>1</v>
      </c>
      <c r="Z1024">
        <v>0</v>
      </c>
      <c r="AA1024">
        <v>0</v>
      </c>
      <c r="AB1024">
        <v>2.639057329615258</v>
      </c>
      <c r="AC1024">
        <v>1</v>
      </c>
      <c r="AD1024">
        <v>1</v>
      </c>
      <c r="AE1024">
        <v>0</v>
      </c>
      <c r="AF1024">
        <v>0</v>
      </c>
      <c r="AG1024">
        <v>2.5649493574615372</v>
      </c>
      <c r="AH1024">
        <v>-0.1612981142219993</v>
      </c>
      <c r="AI1024">
        <v>-0.1362051514287673</v>
      </c>
      <c r="AJ1024">
        <v>-0.13688060889050871</v>
      </c>
      <c r="AK1024">
        <v>-0.23033167103890989</v>
      </c>
      <c r="AL1024">
        <v>368.22215885071449</v>
      </c>
      <c r="AM1024">
        <v>475.2204138411135</v>
      </c>
      <c r="AN1024">
        <v>2162</v>
      </c>
      <c r="AO1024">
        <v>55.57279091320342</v>
      </c>
      <c r="AP1024">
        <v>301.01494979485648</v>
      </c>
      <c r="AQ1024">
        <v>2.3125</v>
      </c>
      <c r="AR1024">
        <v>3.9375</v>
      </c>
      <c r="AS1024">
        <v>16</v>
      </c>
      <c r="AT1024">
        <v>0.87499999999999989</v>
      </c>
      <c r="AU1024">
        <v>0.19927130044843039</v>
      </c>
      <c r="AV1024">
        <v>-0.16761513423128119</v>
      </c>
      <c r="AW1024">
        <v>0.3125</v>
      </c>
      <c r="AX1024">
        <v>84</v>
      </c>
      <c r="AY1024">
        <v>50.5</v>
      </c>
      <c r="AZ1024">
        <v>116.25</v>
      </c>
      <c r="BA1024">
        <v>0.48698291643049679</v>
      </c>
      <c r="BB1024">
        <v>0.625</v>
      </c>
      <c r="BC1024">
        <v>2.7080502011022101</v>
      </c>
      <c r="BD1024" t="s">
        <v>3955</v>
      </c>
      <c r="BE1024" t="s">
        <v>62</v>
      </c>
    </row>
    <row r="1025" spans="1:57" x14ac:dyDescent="0.3">
      <c r="A1025" t="s">
        <v>2622</v>
      </c>
      <c r="B1025">
        <v>1988</v>
      </c>
      <c r="C1025" t="s">
        <v>3957</v>
      </c>
      <c r="D1025" t="s">
        <v>3958</v>
      </c>
      <c r="E1025" t="s">
        <v>98</v>
      </c>
      <c r="F1025">
        <v>16</v>
      </c>
      <c r="G1025">
        <v>129</v>
      </c>
      <c r="H1025">
        <v>121</v>
      </c>
      <c r="I1025">
        <v>5003.25</v>
      </c>
      <c r="J1025">
        <v>70.733655355848811</v>
      </c>
      <c r="K1025">
        <v>-7.5054430667287481E-2</v>
      </c>
      <c r="L1025">
        <v>-1.170713665108835</v>
      </c>
      <c r="M1025">
        <v>4</v>
      </c>
      <c r="N1025">
        <v>1</v>
      </c>
      <c r="O1025">
        <v>1</v>
      </c>
      <c r="P1025">
        <v>0</v>
      </c>
      <c r="Q1025">
        <v>0</v>
      </c>
      <c r="R1025">
        <v>2.7725887222397811</v>
      </c>
      <c r="S1025">
        <v>1</v>
      </c>
      <c r="T1025">
        <v>1</v>
      </c>
      <c r="U1025">
        <v>0</v>
      </c>
      <c r="V1025">
        <v>0</v>
      </c>
      <c r="W1025">
        <v>2.7080502011022101</v>
      </c>
      <c r="X1025">
        <v>1</v>
      </c>
      <c r="Y1025">
        <v>1</v>
      </c>
      <c r="Z1025">
        <v>0</v>
      </c>
      <c r="AA1025">
        <v>0</v>
      </c>
      <c r="AB1025">
        <v>2.639057329615258</v>
      </c>
      <c r="AC1025">
        <v>1</v>
      </c>
      <c r="AD1025">
        <v>1</v>
      </c>
      <c r="AE1025">
        <v>0</v>
      </c>
      <c r="AF1025">
        <v>0</v>
      </c>
      <c r="AG1025">
        <v>2.5649493574615372</v>
      </c>
      <c r="AH1025">
        <v>-0.31854294708439512</v>
      </c>
      <c r="AI1025">
        <v>-0.42554839354419632</v>
      </c>
      <c r="AJ1025">
        <v>-0.31373357317743472</v>
      </c>
      <c r="AK1025">
        <v>2.7082396442312501E-2</v>
      </c>
      <c r="AL1025">
        <v>369.18519374858579</v>
      </c>
      <c r="AM1025">
        <v>458.26879963272557</v>
      </c>
      <c r="AN1025">
        <v>2064</v>
      </c>
      <c r="AO1025">
        <v>81.19848109876736</v>
      </c>
      <c r="AP1025">
        <v>267.67045375794351</v>
      </c>
      <c r="AQ1025">
        <v>2.3125</v>
      </c>
      <c r="AR1025">
        <v>3.875</v>
      </c>
      <c r="AS1025">
        <v>16</v>
      </c>
      <c r="AT1025">
        <v>0</v>
      </c>
      <c r="AU1025">
        <v>0.15899122807017541</v>
      </c>
      <c r="AV1025">
        <v>-0.31908408934094667</v>
      </c>
      <c r="AW1025">
        <v>0.4375</v>
      </c>
      <c r="AX1025">
        <v>105.3333333333333</v>
      </c>
      <c r="AY1025">
        <v>58</v>
      </c>
      <c r="AZ1025">
        <v>129</v>
      </c>
      <c r="BA1025">
        <v>0.5483229097352621</v>
      </c>
      <c r="BB1025">
        <v>0.4375</v>
      </c>
      <c r="BC1025">
        <v>2.7080502011022101</v>
      </c>
      <c r="BD1025" t="s">
        <v>3957</v>
      </c>
      <c r="BE1025" t="s">
        <v>62</v>
      </c>
    </row>
    <row r="1026" spans="1:57" x14ac:dyDescent="0.3">
      <c r="A1026" t="s">
        <v>3959</v>
      </c>
      <c r="B1026">
        <v>561</v>
      </c>
      <c r="C1026" t="s">
        <v>3960</v>
      </c>
      <c r="D1026" t="s">
        <v>3961</v>
      </c>
      <c r="E1026" t="s">
        <v>72</v>
      </c>
      <c r="F1026">
        <v>584</v>
      </c>
      <c r="G1026">
        <v>122.166095890411</v>
      </c>
      <c r="H1026">
        <v>120</v>
      </c>
      <c r="I1026">
        <v>5534.5186450319006</v>
      </c>
      <c r="J1026">
        <v>74.394345517867819</v>
      </c>
      <c r="K1026">
        <v>6.1502283895111663E-2</v>
      </c>
      <c r="L1026">
        <v>-1.178421365753096</v>
      </c>
      <c r="M1026">
        <v>7.625850390586562</v>
      </c>
      <c r="N1026">
        <v>10</v>
      </c>
      <c r="O1026">
        <v>1</v>
      </c>
      <c r="P1026">
        <v>9</v>
      </c>
      <c r="Q1026">
        <v>1.4457776032611549</v>
      </c>
      <c r="R1026">
        <v>5.2858366976070279</v>
      </c>
      <c r="S1026">
        <v>2</v>
      </c>
      <c r="T1026">
        <v>1</v>
      </c>
      <c r="U1026">
        <v>1</v>
      </c>
      <c r="V1026">
        <v>5.8570394241561297E-2</v>
      </c>
      <c r="W1026">
        <v>6.3634314595541994</v>
      </c>
      <c r="X1026">
        <v>1</v>
      </c>
      <c r="Y1026">
        <v>1</v>
      </c>
      <c r="Z1026">
        <v>0</v>
      </c>
      <c r="AA1026">
        <v>0</v>
      </c>
      <c r="AB1026">
        <v>6.3664704477314391</v>
      </c>
      <c r="AC1026">
        <v>1</v>
      </c>
      <c r="AD1026">
        <v>1</v>
      </c>
      <c r="AE1026">
        <v>0</v>
      </c>
      <c r="AF1026">
        <v>0</v>
      </c>
      <c r="AG1026">
        <v>6.3647507568519099</v>
      </c>
      <c r="AH1026">
        <v>-3.304341165617497E-2</v>
      </c>
      <c r="AI1026">
        <v>2.424026139466964E-2</v>
      </c>
      <c r="AJ1026">
        <v>3.7671225932439122E-2</v>
      </c>
      <c r="AK1026">
        <v>-9.246902169445409E-2</v>
      </c>
      <c r="AL1026">
        <v>1716.330584162303</v>
      </c>
      <c r="AM1026">
        <v>3000.3846963129722</v>
      </c>
      <c r="AN1026">
        <v>71345</v>
      </c>
      <c r="AO1026">
        <v>117.03046559291261</v>
      </c>
      <c r="AP1026">
        <v>1475.1061283443451</v>
      </c>
      <c r="AQ1026">
        <v>1.0393835616438361</v>
      </c>
      <c r="AR1026">
        <v>3.9332191780821919</v>
      </c>
      <c r="AS1026">
        <v>584</v>
      </c>
      <c r="AT1026">
        <v>187.69863013698631</v>
      </c>
      <c r="AU1026">
        <v>3.9685737308622127E-2</v>
      </c>
      <c r="AV1026">
        <v>-3.3117886812441023E-2</v>
      </c>
      <c r="AW1026">
        <v>0.37328767123287671</v>
      </c>
      <c r="AX1026">
        <v>87.680960548885082</v>
      </c>
      <c r="AY1026">
        <v>63</v>
      </c>
      <c r="AZ1026">
        <v>125</v>
      </c>
      <c r="BA1026">
        <v>0.60896065291800139</v>
      </c>
      <c r="BB1026">
        <v>0.48287671232876711</v>
      </c>
      <c r="BC1026">
        <v>5.130293793538292</v>
      </c>
      <c r="BD1026" t="s">
        <v>3962</v>
      </c>
      <c r="BE1026" t="s">
        <v>68</v>
      </c>
    </row>
    <row r="1027" spans="1:57" x14ac:dyDescent="0.3">
      <c r="A1027" t="s">
        <v>3963</v>
      </c>
      <c r="B1027">
        <v>1965</v>
      </c>
      <c r="C1027" t="s">
        <v>3964</v>
      </c>
      <c r="D1027" t="s">
        <v>3965</v>
      </c>
      <c r="E1027" t="s">
        <v>93</v>
      </c>
      <c r="F1027">
        <v>1965</v>
      </c>
      <c r="G1027">
        <v>129.4753180661578</v>
      </c>
      <c r="H1027">
        <v>130</v>
      </c>
      <c r="I1027">
        <v>5516.4692381303857</v>
      </c>
      <c r="J1027">
        <v>74.272937454569458</v>
      </c>
      <c r="K1027">
        <v>-5.3733561867648078E-2</v>
      </c>
      <c r="L1027">
        <v>-1.240588902636204</v>
      </c>
      <c r="M1027">
        <v>7.9066987166048301</v>
      </c>
      <c r="N1027">
        <v>15</v>
      </c>
      <c r="O1027">
        <v>1</v>
      </c>
      <c r="P1027">
        <v>14</v>
      </c>
      <c r="Q1027">
        <v>2.6940978920871519</v>
      </c>
      <c r="R1027">
        <v>5.4805059229515827</v>
      </c>
      <c r="S1027">
        <v>2</v>
      </c>
      <c r="T1027">
        <v>1</v>
      </c>
      <c r="U1027">
        <v>1</v>
      </c>
      <c r="V1027">
        <v>0.13723031159962021</v>
      </c>
      <c r="W1027">
        <v>7.5566219454513543</v>
      </c>
      <c r="X1027">
        <v>1</v>
      </c>
      <c r="Y1027">
        <v>1</v>
      </c>
      <c r="Z1027">
        <v>0</v>
      </c>
      <c r="AA1027">
        <v>0</v>
      </c>
      <c r="AB1027">
        <v>7.5822291942764632</v>
      </c>
      <c r="AC1027">
        <v>1</v>
      </c>
      <c r="AD1027">
        <v>1</v>
      </c>
      <c r="AE1027">
        <v>0</v>
      </c>
      <c r="AF1027">
        <v>0</v>
      </c>
      <c r="AG1027">
        <v>7.5817196401253089</v>
      </c>
      <c r="AH1027">
        <v>-5.2972360800948824E-3</v>
      </c>
      <c r="AI1027">
        <v>1.511882385026516E-2</v>
      </c>
      <c r="AJ1027">
        <v>-1.3736545959468669E-3</v>
      </c>
      <c r="AK1027">
        <v>3.31285341873876E-3</v>
      </c>
      <c r="AL1027">
        <v>3044.3273090712928</v>
      </c>
      <c r="AM1027">
        <v>5874.7692920865193</v>
      </c>
      <c r="AN1027">
        <v>254419</v>
      </c>
      <c r="AO1027">
        <v>106.8313123694999</v>
      </c>
      <c r="AP1027">
        <v>2743.602485826766</v>
      </c>
      <c r="AQ1027">
        <v>1.0117048346055979</v>
      </c>
      <c r="AR1027">
        <v>3.997964376590331</v>
      </c>
      <c r="AS1027">
        <v>1960</v>
      </c>
      <c r="AT1027">
        <v>242.0717557251908</v>
      </c>
      <c r="AU1027">
        <v>2.852866337374638E-2</v>
      </c>
      <c r="AV1027">
        <v>-5.2985695858984976E-3</v>
      </c>
      <c r="AW1027">
        <v>0.35674300254452929</v>
      </c>
      <c r="AX1027">
        <v>86.176171079429736</v>
      </c>
      <c r="AY1027">
        <v>66</v>
      </c>
      <c r="AZ1027">
        <v>132</v>
      </c>
      <c r="BA1027">
        <v>0.57364553000455543</v>
      </c>
      <c r="BB1027">
        <v>0.50636132315521631</v>
      </c>
      <c r="BC1027">
        <v>5.2859946556019191</v>
      </c>
      <c r="BD1027" t="s">
        <v>3966</v>
      </c>
      <c r="BE1027" t="s">
        <v>68</v>
      </c>
    </row>
    <row r="1028" spans="1:57" x14ac:dyDescent="0.3">
      <c r="A1028" t="s">
        <v>3967</v>
      </c>
      <c r="B1028">
        <v>620</v>
      </c>
      <c r="C1028" t="s">
        <v>3968</v>
      </c>
      <c r="D1028" t="s">
        <v>3969</v>
      </c>
      <c r="E1028" t="s">
        <v>10622</v>
      </c>
      <c r="F1028">
        <v>64</v>
      </c>
      <c r="G1028">
        <v>139.28125</v>
      </c>
      <c r="H1028">
        <v>134</v>
      </c>
      <c r="I1028">
        <v>5469.1396484375</v>
      </c>
      <c r="J1028">
        <v>73.953631746098182</v>
      </c>
      <c r="K1028">
        <v>8.6871041036118684E-3</v>
      </c>
      <c r="L1028">
        <v>-1.2892626329360981</v>
      </c>
      <c r="M1028">
        <v>5.644454882778696</v>
      </c>
      <c r="N1028">
        <v>4</v>
      </c>
      <c r="O1028">
        <v>1</v>
      </c>
      <c r="P1028">
        <v>3</v>
      </c>
      <c r="Q1028">
        <v>0.5468452985271629</v>
      </c>
      <c r="R1028">
        <v>3.9124379877958702</v>
      </c>
      <c r="S1028">
        <v>1</v>
      </c>
      <c r="T1028">
        <v>1</v>
      </c>
      <c r="U1028">
        <v>0</v>
      </c>
      <c r="V1028">
        <v>0</v>
      </c>
      <c r="W1028">
        <v>4.1431347263915326</v>
      </c>
      <c r="X1028">
        <v>1</v>
      </c>
      <c r="Y1028">
        <v>1</v>
      </c>
      <c r="Z1028">
        <v>0</v>
      </c>
      <c r="AA1028">
        <v>0</v>
      </c>
      <c r="AB1028">
        <v>4.1271343850450908</v>
      </c>
      <c r="AC1028">
        <v>1</v>
      </c>
      <c r="AD1028">
        <v>1</v>
      </c>
      <c r="AE1028">
        <v>0</v>
      </c>
      <c r="AF1028">
        <v>0</v>
      </c>
      <c r="AG1028">
        <v>4.1108738641733096</v>
      </c>
      <c r="AH1028">
        <v>-9.5094591697841534E-3</v>
      </c>
      <c r="AI1028">
        <v>5.8763932489452983E-2</v>
      </c>
      <c r="AJ1028">
        <v>-0.13603188417914511</v>
      </c>
      <c r="AK1028">
        <v>-0.1287743348732831</v>
      </c>
      <c r="AL1028">
        <v>659.06030804796285</v>
      </c>
      <c r="AM1028">
        <v>1075.740447485231</v>
      </c>
      <c r="AN1028">
        <v>8914</v>
      </c>
      <c r="AO1028">
        <v>98.410699090011533</v>
      </c>
      <c r="AP1028">
        <v>468.12281140464859</v>
      </c>
      <c r="AQ1028">
        <v>1.359375</v>
      </c>
      <c r="AR1028">
        <v>4.15625</v>
      </c>
      <c r="AS1028">
        <v>64</v>
      </c>
      <c r="AT1028">
        <v>13.625</v>
      </c>
      <c r="AU1028">
        <v>8.3749999999999991E-2</v>
      </c>
      <c r="AV1028">
        <v>-9.5622266336154779E-3</v>
      </c>
      <c r="AW1028">
        <v>0.421875</v>
      </c>
      <c r="AX1028">
        <v>88.333333333333329</v>
      </c>
      <c r="AY1028">
        <v>68.5</v>
      </c>
      <c r="AZ1028">
        <v>125.75</v>
      </c>
      <c r="BA1028">
        <v>0.53096616914407491</v>
      </c>
      <c r="BB1028">
        <v>0.46875</v>
      </c>
      <c r="BC1028">
        <v>3.89277780391402</v>
      </c>
      <c r="BD1028" t="s">
        <v>3970</v>
      </c>
      <c r="BE1028" t="s">
        <v>62</v>
      </c>
    </row>
    <row r="1029" spans="1:57" x14ac:dyDescent="0.3">
      <c r="A1029" t="s">
        <v>1856</v>
      </c>
      <c r="B1029">
        <v>3206</v>
      </c>
      <c r="C1029" t="s">
        <v>1857</v>
      </c>
      <c r="D1029" t="s">
        <v>1858</v>
      </c>
      <c r="E1029" t="s">
        <v>93</v>
      </c>
      <c r="F1029">
        <v>3208</v>
      </c>
      <c r="G1029">
        <v>127.60785536159599</v>
      </c>
      <c r="H1029">
        <v>127</v>
      </c>
      <c r="I1029">
        <v>5622.3244021336923</v>
      </c>
      <c r="J1029">
        <v>74.982160559253643</v>
      </c>
      <c r="K1029">
        <v>-4.8968217804242599E-3</v>
      </c>
      <c r="L1029">
        <v>-1.2351641961181461</v>
      </c>
      <c r="M1029">
        <v>7.9396928819194796</v>
      </c>
      <c r="N1029">
        <v>23</v>
      </c>
      <c r="O1029">
        <v>4</v>
      </c>
      <c r="P1029">
        <v>19</v>
      </c>
      <c r="Q1029">
        <v>3.5923910474083969</v>
      </c>
      <c r="R1029">
        <v>5.5033757356143518</v>
      </c>
      <c r="S1029">
        <v>2</v>
      </c>
      <c r="T1029">
        <v>1</v>
      </c>
      <c r="U1029">
        <v>1</v>
      </c>
      <c r="V1029">
        <v>0.16558421347376609</v>
      </c>
      <c r="W1029">
        <v>8.0350513170057365</v>
      </c>
      <c r="X1029">
        <v>1</v>
      </c>
      <c r="Y1029">
        <v>1</v>
      </c>
      <c r="Z1029">
        <v>0</v>
      </c>
      <c r="AA1029">
        <v>0</v>
      </c>
      <c r="AB1029">
        <v>8.0727793331694961</v>
      </c>
      <c r="AC1029">
        <v>1</v>
      </c>
      <c r="AD1029">
        <v>1</v>
      </c>
      <c r="AE1029">
        <v>0</v>
      </c>
      <c r="AF1029">
        <v>0</v>
      </c>
      <c r="AG1029">
        <v>8.0724673693547686</v>
      </c>
      <c r="AH1029">
        <v>-1.2292687752189479E-2</v>
      </c>
      <c r="AI1029">
        <v>1.473820543605696E-2</v>
      </c>
      <c r="AJ1029">
        <v>-1.87103210369277E-3</v>
      </c>
      <c r="AK1029">
        <v>-1.731128123555023E-2</v>
      </c>
      <c r="AL1029">
        <v>3874.9013244475568</v>
      </c>
      <c r="AM1029">
        <v>7433.6985226598053</v>
      </c>
      <c r="AN1029">
        <v>409366.00000000012</v>
      </c>
      <c r="AO1029">
        <v>79.10849575491153</v>
      </c>
      <c r="AP1029">
        <v>3549.4507319638401</v>
      </c>
      <c r="AQ1029">
        <v>1.00716957605985</v>
      </c>
      <c r="AR1029">
        <v>3.9931421446384041</v>
      </c>
      <c r="AS1029">
        <v>3198</v>
      </c>
      <c r="AT1029">
        <v>263.64089775561098</v>
      </c>
      <c r="AU1029">
        <v>1.3768275389956491E-2</v>
      </c>
      <c r="AV1029">
        <v>-1.2297267857267039E-2</v>
      </c>
      <c r="AW1029">
        <v>0.36253117206982538</v>
      </c>
      <c r="AX1029">
        <v>87.306828811973801</v>
      </c>
      <c r="AY1029">
        <v>65</v>
      </c>
      <c r="AZ1029">
        <v>130</v>
      </c>
      <c r="BA1029">
        <v>0.58759831318205635</v>
      </c>
      <c r="BB1029">
        <v>0.49968827930174559</v>
      </c>
      <c r="BC1029">
        <v>5.3312979746852438</v>
      </c>
      <c r="BD1029" t="s">
        <v>1859</v>
      </c>
      <c r="BE1029" t="s">
        <v>68</v>
      </c>
    </row>
    <row r="1030" spans="1:57" x14ac:dyDescent="0.3">
      <c r="A1030" t="s">
        <v>3971</v>
      </c>
      <c r="B1030">
        <v>147</v>
      </c>
      <c r="C1030" t="s">
        <v>3972</v>
      </c>
      <c r="D1030" t="s">
        <v>3973</v>
      </c>
      <c r="E1030" t="s">
        <v>60</v>
      </c>
      <c r="F1030">
        <v>256</v>
      </c>
      <c r="G1030">
        <v>121.52734375</v>
      </c>
      <c r="H1030">
        <v>113</v>
      </c>
      <c r="I1030">
        <v>5939.4523773193359</v>
      </c>
      <c r="J1030">
        <v>77.067842692781639</v>
      </c>
      <c r="K1030">
        <v>0.13493488601394471</v>
      </c>
      <c r="L1030">
        <v>-1.184181574652089</v>
      </c>
      <c r="M1030">
        <v>7.1619429942135717</v>
      </c>
      <c r="N1030">
        <v>5</v>
      </c>
      <c r="O1030">
        <v>1</v>
      </c>
      <c r="P1030">
        <v>4</v>
      </c>
      <c r="Q1030">
        <v>0.80777472107017567</v>
      </c>
      <c r="R1030">
        <v>4.9642805937701899</v>
      </c>
      <c r="S1030">
        <v>1</v>
      </c>
      <c r="T1030">
        <v>1</v>
      </c>
      <c r="U1030">
        <v>0</v>
      </c>
      <c r="V1030">
        <v>0</v>
      </c>
      <c r="W1030">
        <v>5.541263545158424</v>
      </c>
      <c r="X1030">
        <v>1</v>
      </c>
      <c r="Y1030">
        <v>1</v>
      </c>
      <c r="Z1030">
        <v>0</v>
      </c>
      <c r="AA1030">
        <v>0</v>
      </c>
      <c r="AB1030">
        <v>5.5373342670185366</v>
      </c>
      <c r="AC1030">
        <v>1</v>
      </c>
      <c r="AD1030">
        <v>1</v>
      </c>
      <c r="AE1030">
        <v>0</v>
      </c>
      <c r="AF1030">
        <v>0</v>
      </c>
      <c r="AG1030">
        <v>5.5333894887275203</v>
      </c>
      <c r="AH1030">
        <v>2.3291893471248489E-2</v>
      </c>
      <c r="AI1030">
        <v>2.9918180910828991E-2</v>
      </c>
      <c r="AJ1030">
        <v>2.486205005859813E-2</v>
      </c>
      <c r="AK1030">
        <v>-2.0925106717035739E-2</v>
      </c>
      <c r="AL1030">
        <v>1196.523362997355</v>
      </c>
      <c r="AM1030">
        <v>1967.147386903559</v>
      </c>
      <c r="AN1030">
        <v>31111</v>
      </c>
      <c r="AO1030">
        <v>48.278554607326797</v>
      </c>
      <c r="AP1030">
        <v>1040.2588945817929</v>
      </c>
      <c r="AQ1030">
        <v>1.08984375</v>
      </c>
      <c r="AR1030">
        <v>3.94140625</v>
      </c>
      <c r="AS1030">
        <v>256</v>
      </c>
      <c r="AT1030">
        <v>65.25</v>
      </c>
      <c r="AU1030">
        <v>6.867340686274509E-2</v>
      </c>
      <c r="AV1030">
        <v>2.334082024085583E-2</v>
      </c>
      <c r="AW1030">
        <v>0.38671875</v>
      </c>
      <c r="AX1030">
        <v>87.113725490196074</v>
      </c>
      <c r="AY1030">
        <v>63.5</v>
      </c>
      <c r="AZ1030">
        <v>128.5</v>
      </c>
      <c r="BA1030">
        <v>0.63416051330243639</v>
      </c>
      <c r="BB1030">
        <v>0.47265625</v>
      </c>
      <c r="BC1030">
        <v>4.8312698558953704</v>
      </c>
      <c r="BD1030" t="s">
        <v>3974</v>
      </c>
      <c r="BE1030" t="s">
        <v>62</v>
      </c>
    </row>
    <row r="1031" spans="1:57" x14ac:dyDescent="0.3">
      <c r="A1031" t="s">
        <v>3975</v>
      </c>
      <c r="B1031">
        <v>2285</v>
      </c>
      <c r="C1031" t="s">
        <v>3976</v>
      </c>
      <c r="D1031" t="s">
        <v>3977</v>
      </c>
      <c r="E1031" t="s">
        <v>85</v>
      </c>
      <c r="F1031">
        <v>8</v>
      </c>
      <c r="G1031">
        <v>132.875</v>
      </c>
      <c r="H1031">
        <v>141.5</v>
      </c>
      <c r="I1031">
        <v>8613.359375</v>
      </c>
      <c r="J1031">
        <v>92.808185926673517</v>
      </c>
      <c r="K1031">
        <v>7.4273943882762579E-3</v>
      </c>
      <c r="L1031">
        <v>-1.5541873055827511</v>
      </c>
      <c r="M1031">
        <v>3</v>
      </c>
      <c r="N1031">
        <v>1</v>
      </c>
      <c r="O1031">
        <v>1</v>
      </c>
      <c r="P1031">
        <v>0</v>
      </c>
      <c r="Q1031">
        <v>0</v>
      </c>
      <c r="R1031">
        <v>2.0794415416798362</v>
      </c>
      <c r="S1031">
        <v>1</v>
      </c>
      <c r="T1031">
        <v>1</v>
      </c>
      <c r="U1031">
        <v>0</v>
      </c>
      <c r="V1031">
        <v>0</v>
      </c>
      <c r="W1031">
        <v>1.945910149055313</v>
      </c>
      <c r="X1031">
        <v>1</v>
      </c>
      <c r="Y1031">
        <v>1</v>
      </c>
      <c r="Z1031">
        <v>0</v>
      </c>
      <c r="AA1031">
        <v>0</v>
      </c>
      <c r="AB1031">
        <v>1.791759469228055</v>
      </c>
      <c r="AC1031">
        <v>1</v>
      </c>
      <c r="AD1031">
        <v>1</v>
      </c>
      <c r="AE1031">
        <v>0</v>
      </c>
      <c r="AF1031">
        <v>0</v>
      </c>
      <c r="AG1031">
        <v>1.6094379124341009</v>
      </c>
      <c r="AH1031">
        <v>8.1103799512022567E-2</v>
      </c>
      <c r="AI1031">
        <v>-0.37443515251562343</v>
      </c>
      <c r="AJ1031">
        <v>0.17920086892635889</v>
      </c>
      <c r="AK1031">
        <v>0</v>
      </c>
      <c r="AL1031">
        <v>377.26875776928472</v>
      </c>
      <c r="AM1031">
        <v>260.42519926309132</v>
      </c>
      <c r="AN1031">
        <v>1063</v>
      </c>
      <c r="AO1031">
        <v>231</v>
      </c>
      <c r="AP1031">
        <v>280.96638888511848</v>
      </c>
      <c r="AQ1031">
        <v>3.5</v>
      </c>
      <c r="AR1031">
        <v>4.375</v>
      </c>
      <c r="AS1031">
        <v>8</v>
      </c>
      <c r="AT1031">
        <v>0</v>
      </c>
      <c r="AU1031">
        <v>0.29656862745098039</v>
      </c>
      <c r="AV1031">
        <v>0.14169838882379551</v>
      </c>
      <c r="AW1031">
        <v>0.25</v>
      </c>
      <c r="AX1031">
        <v>100.5714285714286</v>
      </c>
      <c r="AY1031">
        <v>107.5</v>
      </c>
      <c r="AZ1031">
        <v>175.75</v>
      </c>
      <c r="BA1031">
        <v>0.69846235880845542</v>
      </c>
      <c r="BB1031">
        <v>0.5</v>
      </c>
      <c r="BC1031">
        <v>1.945910149055313</v>
      </c>
      <c r="BD1031" t="s">
        <v>3976</v>
      </c>
      <c r="BE1031" t="s">
        <v>68</v>
      </c>
    </row>
    <row r="1032" spans="1:57" x14ac:dyDescent="0.3">
      <c r="A1032" t="s">
        <v>3978</v>
      </c>
      <c r="B1032">
        <v>2230</v>
      </c>
      <c r="C1032" t="s">
        <v>3979</v>
      </c>
      <c r="D1032" t="s">
        <v>3980</v>
      </c>
      <c r="E1032" t="s">
        <v>93</v>
      </c>
      <c r="F1032">
        <v>2282</v>
      </c>
      <c r="G1032">
        <v>128.14110429447851</v>
      </c>
      <c r="H1032">
        <v>131</v>
      </c>
      <c r="I1032">
        <v>5492.9757074571326</v>
      </c>
      <c r="J1032">
        <v>74.114611969955916</v>
      </c>
      <c r="K1032">
        <v>-2.4388630704650999E-2</v>
      </c>
      <c r="L1032">
        <v>-1.2114162237205759</v>
      </c>
      <c r="M1032">
        <v>7.9194137686660264</v>
      </c>
      <c r="N1032">
        <v>17</v>
      </c>
      <c r="O1032">
        <v>1</v>
      </c>
      <c r="P1032">
        <v>16</v>
      </c>
      <c r="Q1032">
        <v>2.9342464528552732</v>
      </c>
      <c r="R1032">
        <v>5.4893193254384656</v>
      </c>
      <c r="S1032">
        <v>2</v>
      </c>
      <c r="T1032">
        <v>1</v>
      </c>
      <c r="U1032">
        <v>1</v>
      </c>
      <c r="V1032">
        <v>0.1340468227953599</v>
      </c>
      <c r="W1032">
        <v>7.7074511737066089</v>
      </c>
      <c r="X1032">
        <v>1</v>
      </c>
      <c r="Y1032">
        <v>1</v>
      </c>
      <c r="Z1032">
        <v>0</v>
      </c>
      <c r="AA1032">
        <v>0</v>
      </c>
      <c r="AB1032">
        <v>7.7319307219484852</v>
      </c>
      <c r="AC1032">
        <v>1</v>
      </c>
      <c r="AD1032">
        <v>1</v>
      </c>
      <c r="AE1032">
        <v>0</v>
      </c>
      <c r="AF1032">
        <v>0</v>
      </c>
      <c r="AG1032">
        <v>7.7314920292456843</v>
      </c>
      <c r="AH1032">
        <v>-3.2760413874214543E-2</v>
      </c>
      <c r="AI1032">
        <v>-3.6244440954570872E-4</v>
      </c>
      <c r="AJ1032">
        <v>-5.1216876431151919E-3</v>
      </c>
      <c r="AK1032">
        <v>-3.308958391531976E-3</v>
      </c>
      <c r="AL1032">
        <v>3254.4543553410022</v>
      </c>
      <c r="AM1032">
        <v>6278.0779581813094</v>
      </c>
      <c r="AN1032">
        <v>292418</v>
      </c>
      <c r="AO1032">
        <v>151.90564515133639</v>
      </c>
      <c r="AP1032">
        <v>2926.5844339223422</v>
      </c>
      <c r="AQ1032">
        <v>1.010078878177038</v>
      </c>
      <c r="AR1032">
        <v>4.0118317265556529</v>
      </c>
      <c r="AS1032">
        <v>2271</v>
      </c>
      <c r="AT1032">
        <v>247.26205083260299</v>
      </c>
      <c r="AU1032">
        <v>1.6332422539568011E-2</v>
      </c>
      <c r="AV1032">
        <v>-3.2789596601711907E-2</v>
      </c>
      <c r="AW1032">
        <v>0.35758106923751087</v>
      </c>
      <c r="AX1032">
        <v>87.38272687417799</v>
      </c>
      <c r="AY1032">
        <v>64.5</v>
      </c>
      <c r="AZ1032">
        <v>128</v>
      </c>
      <c r="BA1032">
        <v>0.57838280993454361</v>
      </c>
      <c r="BB1032">
        <v>0.50744960560911478</v>
      </c>
      <c r="BC1032">
        <v>5.3180753949683712</v>
      </c>
      <c r="BD1032" t="s">
        <v>3981</v>
      </c>
      <c r="BE1032" t="s">
        <v>68</v>
      </c>
    </row>
    <row r="1033" spans="1:57" x14ac:dyDescent="0.3">
      <c r="A1033" t="s">
        <v>3982</v>
      </c>
      <c r="B1033">
        <v>2064</v>
      </c>
      <c r="C1033" t="s">
        <v>3983</v>
      </c>
      <c r="D1033" t="s">
        <v>3984</v>
      </c>
      <c r="E1033" t="s">
        <v>10622</v>
      </c>
      <c r="F1033">
        <v>64</v>
      </c>
      <c r="G1033">
        <v>120.828125</v>
      </c>
      <c r="H1033">
        <v>112.5</v>
      </c>
      <c r="I1033">
        <v>6268.829833984375</v>
      </c>
      <c r="J1033">
        <v>79.175942267739231</v>
      </c>
      <c r="K1033">
        <v>0.2243214518293806</v>
      </c>
      <c r="L1033">
        <v>-1.251213750453257</v>
      </c>
      <c r="M1033">
        <v>5.90625</v>
      </c>
      <c r="N1033">
        <v>2</v>
      </c>
      <c r="O1033">
        <v>1</v>
      </c>
      <c r="P1033">
        <v>1</v>
      </c>
      <c r="Q1033">
        <v>0.2162443599716872</v>
      </c>
      <c r="R1033">
        <v>4.0939005351821782</v>
      </c>
      <c r="S1033">
        <v>1</v>
      </c>
      <c r="T1033">
        <v>1</v>
      </c>
      <c r="U1033">
        <v>0</v>
      </c>
      <c r="V1033">
        <v>0</v>
      </c>
      <c r="W1033">
        <v>4.1431347263915326</v>
      </c>
      <c r="X1033">
        <v>1</v>
      </c>
      <c r="Y1033">
        <v>1</v>
      </c>
      <c r="Z1033">
        <v>0</v>
      </c>
      <c r="AA1033">
        <v>0</v>
      </c>
      <c r="AB1033">
        <v>4.1271343850450908</v>
      </c>
      <c r="AC1033">
        <v>1</v>
      </c>
      <c r="AD1033">
        <v>1</v>
      </c>
      <c r="AE1033">
        <v>0</v>
      </c>
      <c r="AF1033">
        <v>0</v>
      </c>
      <c r="AG1033">
        <v>4.1108738641733096</v>
      </c>
      <c r="AH1033">
        <v>-0.1030301750902661</v>
      </c>
      <c r="AI1033">
        <v>-7.0864617418062381E-2</v>
      </c>
      <c r="AJ1033">
        <v>-8.190836354569575E-2</v>
      </c>
      <c r="AK1033">
        <v>9.8848835142264946E-2</v>
      </c>
      <c r="AL1033">
        <v>674.2930004446273</v>
      </c>
      <c r="AM1033">
        <v>938.56163865320116</v>
      </c>
      <c r="AN1033">
        <v>7733</v>
      </c>
      <c r="AO1033">
        <v>139.6609038220835</v>
      </c>
      <c r="AP1033">
        <v>577.1640244610071</v>
      </c>
      <c r="AQ1033">
        <v>1.359375</v>
      </c>
      <c r="AR1033">
        <v>3.859375</v>
      </c>
      <c r="AS1033">
        <v>64</v>
      </c>
      <c r="AT1033">
        <v>2.71875</v>
      </c>
      <c r="AU1033">
        <v>0.1121323529411765</v>
      </c>
      <c r="AV1033">
        <v>-0.1044494379197191</v>
      </c>
      <c r="AW1033">
        <v>0.421875</v>
      </c>
      <c r="AX1033">
        <v>98.222222222222229</v>
      </c>
      <c r="AY1033">
        <v>68</v>
      </c>
      <c r="AZ1033">
        <v>139.5</v>
      </c>
      <c r="BA1033">
        <v>0.65527742210465678</v>
      </c>
      <c r="BB1033">
        <v>0.4375</v>
      </c>
      <c r="BC1033">
        <v>4.0331113643978904</v>
      </c>
      <c r="BD1033" t="s">
        <v>3985</v>
      </c>
      <c r="BE1033" t="s">
        <v>62</v>
      </c>
    </row>
    <row r="1034" spans="1:57" x14ac:dyDescent="0.3">
      <c r="A1034" t="s">
        <v>3986</v>
      </c>
      <c r="B1034">
        <v>2109</v>
      </c>
      <c r="C1034" t="s">
        <v>3987</v>
      </c>
      <c r="D1034" t="s">
        <v>3988</v>
      </c>
      <c r="E1034" t="s">
        <v>128</v>
      </c>
      <c r="F1034">
        <v>32</v>
      </c>
      <c r="G1034">
        <v>121.90625</v>
      </c>
      <c r="H1034">
        <v>133</v>
      </c>
      <c r="I1034">
        <v>5978.8349609375</v>
      </c>
      <c r="J1034">
        <v>77.322926489738478</v>
      </c>
      <c r="K1034">
        <v>1.7336414211206679E-2</v>
      </c>
      <c r="L1034">
        <v>-1.39521426319665</v>
      </c>
      <c r="M1034">
        <v>4.9375</v>
      </c>
      <c r="N1034">
        <v>2</v>
      </c>
      <c r="O1034">
        <v>1</v>
      </c>
      <c r="P1034">
        <v>1</v>
      </c>
      <c r="Q1034">
        <v>0.1766846959694085</v>
      </c>
      <c r="R1034">
        <v>3.422414204014729</v>
      </c>
      <c r="S1034">
        <v>1</v>
      </c>
      <c r="T1034">
        <v>1</v>
      </c>
      <c r="U1034">
        <v>0</v>
      </c>
      <c r="V1034">
        <v>0</v>
      </c>
      <c r="W1034">
        <v>3.4339872044851458</v>
      </c>
      <c r="X1034">
        <v>1</v>
      </c>
      <c r="Y1034">
        <v>1</v>
      </c>
      <c r="Z1034">
        <v>0</v>
      </c>
      <c r="AA1034">
        <v>0</v>
      </c>
      <c r="AB1034">
        <v>3.401197381662155</v>
      </c>
      <c r="AC1034">
        <v>1</v>
      </c>
      <c r="AD1034">
        <v>1</v>
      </c>
      <c r="AE1034">
        <v>0</v>
      </c>
      <c r="AF1034">
        <v>0</v>
      </c>
      <c r="AG1034">
        <v>3.3672958299864728</v>
      </c>
      <c r="AH1034">
        <v>-0.36300924162495729</v>
      </c>
      <c r="AI1034">
        <v>0.1421323032075876</v>
      </c>
      <c r="AJ1034">
        <v>-2.417388131179533E-2</v>
      </c>
      <c r="AK1034">
        <v>0.1038806302734238</v>
      </c>
      <c r="AL1034">
        <v>518.52779291596607</v>
      </c>
      <c r="AM1034">
        <v>630.878695133777</v>
      </c>
      <c r="AN1034">
        <v>3901</v>
      </c>
      <c r="AO1034">
        <v>119.9233749477054</v>
      </c>
      <c r="AP1034">
        <v>439.86545431139319</v>
      </c>
      <c r="AQ1034">
        <v>1.65625</v>
      </c>
      <c r="AR1034">
        <v>3.75</v>
      </c>
      <c r="AS1034">
        <v>32</v>
      </c>
      <c r="AT1034">
        <v>0.93749999999999978</v>
      </c>
      <c r="AU1034">
        <v>0.11693548387096769</v>
      </c>
      <c r="AV1034">
        <v>-0.37645660466300118</v>
      </c>
      <c r="AW1034">
        <v>0.3125</v>
      </c>
      <c r="AX1034">
        <v>109.3548387096774</v>
      </c>
      <c r="AY1034">
        <v>74</v>
      </c>
      <c r="AZ1034">
        <v>153.75</v>
      </c>
      <c r="BA1034">
        <v>0.63428188866229973</v>
      </c>
      <c r="BB1034">
        <v>0.53125</v>
      </c>
      <c r="BC1034">
        <v>3.3892680315457948</v>
      </c>
      <c r="BD1034" t="s">
        <v>3989</v>
      </c>
      <c r="BE1034" t="s">
        <v>62</v>
      </c>
    </row>
    <row r="1035" spans="1:57" x14ac:dyDescent="0.3">
      <c r="A1035" t="s">
        <v>3990</v>
      </c>
      <c r="B1035">
        <v>3801</v>
      </c>
      <c r="C1035" t="s">
        <v>3991</v>
      </c>
      <c r="D1035" t="s">
        <v>3992</v>
      </c>
      <c r="E1035" t="s">
        <v>85</v>
      </c>
      <c r="F1035">
        <v>8</v>
      </c>
      <c r="G1035">
        <v>110</v>
      </c>
      <c r="H1035">
        <v>111</v>
      </c>
      <c r="I1035">
        <v>1533.25</v>
      </c>
      <c r="J1035">
        <v>39.156736329781111</v>
      </c>
      <c r="K1035">
        <v>0.1256848561322218</v>
      </c>
      <c r="L1035">
        <v>-1.427286299942556</v>
      </c>
      <c r="M1035">
        <v>3</v>
      </c>
      <c r="N1035">
        <v>1</v>
      </c>
      <c r="O1035">
        <v>1</v>
      </c>
      <c r="P1035">
        <v>0</v>
      </c>
      <c r="Q1035">
        <v>0</v>
      </c>
      <c r="R1035">
        <v>2.0794415416798362</v>
      </c>
      <c r="S1035">
        <v>1</v>
      </c>
      <c r="T1035">
        <v>1</v>
      </c>
      <c r="U1035">
        <v>0</v>
      </c>
      <c r="V1035">
        <v>0</v>
      </c>
      <c r="W1035">
        <v>1.945910149055313</v>
      </c>
      <c r="X1035">
        <v>1</v>
      </c>
      <c r="Y1035">
        <v>1</v>
      </c>
      <c r="Z1035">
        <v>0</v>
      </c>
      <c r="AA1035">
        <v>0</v>
      </c>
      <c r="AB1035">
        <v>1.791759469228055</v>
      </c>
      <c r="AC1035">
        <v>1</v>
      </c>
      <c r="AD1035">
        <v>1</v>
      </c>
      <c r="AE1035">
        <v>0</v>
      </c>
      <c r="AF1035">
        <v>0</v>
      </c>
      <c r="AG1035">
        <v>1.6094379124341009</v>
      </c>
      <c r="AH1035">
        <v>-0.49584216533507258</v>
      </c>
      <c r="AI1035">
        <v>-7.8102070764715467E-2</v>
      </c>
      <c r="AJ1035">
        <v>0.22166965595956301</v>
      </c>
      <c r="AK1035">
        <v>0</v>
      </c>
      <c r="AL1035">
        <v>189.08826922101619</v>
      </c>
      <c r="AM1035">
        <v>270.76119818578229</v>
      </c>
      <c r="AN1035">
        <v>880</v>
      </c>
      <c r="AO1035">
        <v>15.8113883008419</v>
      </c>
      <c r="AP1035">
        <v>62.087837137764069</v>
      </c>
      <c r="AQ1035">
        <v>3.5</v>
      </c>
      <c r="AR1035">
        <v>3.75</v>
      </c>
      <c r="AS1035">
        <v>8</v>
      </c>
      <c r="AT1035">
        <v>0</v>
      </c>
      <c r="AU1035">
        <v>0.34011627906976749</v>
      </c>
      <c r="AV1035">
        <v>-0.57614368913470804</v>
      </c>
      <c r="AW1035">
        <v>0.5</v>
      </c>
      <c r="AX1035">
        <v>61.428571428571431</v>
      </c>
      <c r="AY1035">
        <v>37.5</v>
      </c>
      <c r="AZ1035">
        <v>65.25</v>
      </c>
      <c r="BA1035">
        <v>0.35597033027073738</v>
      </c>
      <c r="BB1035">
        <v>0.5</v>
      </c>
      <c r="BC1035">
        <v>1.945910149055313</v>
      </c>
      <c r="BD1035" t="s">
        <v>3991</v>
      </c>
      <c r="BE1035" t="s">
        <v>68</v>
      </c>
    </row>
    <row r="1036" spans="1:57" x14ac:dyDescent="0.3">
      <c r="A1036" t="s">
        <v>3993</v>
      </c>
      <c r="B1036">
        <v>1004</v>
      </c>
      <c r="C1036" t="s">
        <v>3994</v>
      </c>
      <c r="D1036" t="s">
        <v>3995</v>
      </c>
      <c r="E1036" t="s">
        <v>128</v>
      </c>
      <c r="F1036">
        <v>32</v>
      </c>
      <c r="G1036">
        <v>139.9375</v>
      </c>
      <c r="H1036">
        <v>159</v>
      </c>
      <c r="I1036">
        <v>5677.43359375</v>
      </c>
      <c r="J1036">
        <v>75.348746464357319</v>
      </c>
      <c r="K1036">
        <v>-0.26990615612435859</v>
      </c>
      <c r="L1036">
        <v>-1.3620356074819031</v>
      </c>
      <c r="M1036">
        <v>4.8125</v>
      </c>
      <c r="N1036">
        <v>2</v>
      </c>
      <c r="O1036">
        <v>1</v>
      </c>
      <c r="P1036">
        <v>1</v>
      </c>
      <c r="Q1036">
        <v>0.30454347814923599</v>
      </c>
      <c r="R1036">
        <v>3.335770806444736</v>
      </c>
      <c r="S1036">
        <v>1</v>
      </c>
      <c r="T1036">
        <v>1</v>
      </c>
      <c r="U1036">
        <v>0</v>
      </c>
      <c r="V1036">
        <v>0</v>
      </c>
      <c r="W1036">
        <v>3.4339872044851458</v>
      </c>
      <c r="X1036">
        <v>1</v>
      </c>
      <c r="Y1036">
        <v>1</v>
      </c>
      <c r="Z1036">
        <v>0</v>
      </c>
      <c r="AA1036">
        <v>0</v>
      </c>
      <c r="AB1036">
        <v>3.401197381662155</v>
      </c>
      <c r="AC1036">
        <v>1</v>
      </c>
      <c r="AD1036">
        <v>1</v>
      </c>
      <c r="AE1036">
        <v>0</v>
      </c>
      <c r="AF1036">
        <v>0</v>
      </c>
      <c r="AG1036">
        <v>3.3672958299864728</v>
      </c>
      <c r="AH1036">
        <v>-0.1234589181883044</v>
      </c>
      <c r="AI1036">
        <v>-9.1972923574210677E-2</v>
      </c>
      <c r="AJ1036">
        <v>-0.1223732913611523</v>
      </c>
      <c r="AK1036">
        <v>-2.1244202479250709E-2</v>
      </c>
      <c r="AL1036">
        <v>529.57190171654088</v>
      </c>
      <c r="AM1036">
        <v>726.5477278970227</v>
      </c>
      <c r="AN1036">
        <v>4478</v>
      </c>
      <c r="AO1036">
        <v>78.041515857924523</v>
      </c>
      <c r="AP1036">
        <v>446.11872385573389</v>
      </c>
      <c r="AQ1036">
        <v>1.71875</v>
      </c>
      <c r="AR1036">
        <v>4.25</v>
      </c>
      <c r="AS1036">
        <v>32</v>
      </c>
      <c r="AT1036">
        <v>2.4375</v>
      </c>
      <c r="AU1036">
        <v>0.1664126016260162</v>
      </c>
      <c r="AV1036">
        <v>-0.1266779561054982</v>
      </c>
      <c r="AW1036">
        <v>0.34375</v>
      </c>
      <c r="AX1036">
        <v>95.935483870967744</v>
      </c>
      <c r="AY1036">
        <v>63</v>
      </c>
      <c r="AZ1036">
        <v>122.75</v>
      </c>
      <c r="BA1036">
        <v>0.53844570943712244</v>
      </c>
      <c r="BB1036">
        <v>0.5625</v>
      </c>
      <c r="BC1036">
        <v>3.3445488586064429</v>
      </c>
      <c r="BD1036" t="s">
        <v>3996</v>
      </c>
      <c r="BE1036" t="s">
        <v>62</v>
      </c>
    </row>
    <row r="1037" spans="1:57" x14ac:dyDescent="0.3">
      <c r="A1037" t="s">
        <v>3997</v>
      </c>
      <c r="B1037">
        <v>160</v>
      </c>
      <c r="C1037" t="s">
        <v>3998</v>
      </c>
      <c r="D1037" t="s">
        <v>3999</v>
      </c>
      <c r="E1037" t="s">
        <v>60</v>
      </c>
      <c r="F1037">
        <v>512</v>
      </c>
      <c r="G1037">
        <v>122.90625</v>
      </c>
      <c r="H1037">
        <v>122</v>
      </c>
      <c r="I1037">
        <v>5550.4013671875</v>
      </c>
      <c r="J1037">
        <v>74.501015880238171</v>
      </c>
      <c r="K1037">
        <v>-4.0921992940567741E-3</v>
      </c>
      <c r="L1037">
        <v>-1.181761015178028</v>
      </c>
      <c r="M1037">
        <v>7.6077070869746537</v>
      </c>
      <c r="N1037">
        <v>7</v>
      </c>
      <c r="O1037">
        <v>1</v>
      </c>
      <c r="P1037">
        <v>6</v>
      </c>
      <c r="Q1037">
        <v>1.1763661631344271</v>
      </c>
      <c r="R1037">
        <v>5.273260717862394</v>
      </c>
      <c r="S1037">
        <v>2</v>
      </c>
      <c r="T1037">
        <v>1</v>
      </c>
      <c r="U1037">
        <v>1</v>
      </c>
      <c r="V1037">
        <v>7.6620080535545518E-2</v>
      </c>
      <c r="W1037">
        <v>6.2282308757548588</v>
      </c>
      <c r="X1037">
        <v>1</v>
      </c>
      <c r="Y1037">
        <v>1</v>
      </c>
      <c r="Z1037">
        <v>0</v>
      </c>
      <c r="AA1037">
        <v>0</v>
      </c>
      <c r="AB1037">
        <v>6.2344107257183694</v>
      </c>
      <c r="AC1037">
        <v>1</v>
      </c>
      <c r="AD1037">
        <v>1</v>
      </c>
      <c r="AE1037">
        <v>0</v>
      </c>
      <c r="AF1037">
        <v>0</v>
      </c>
      <c r="AG1037">
        <v>6.2324480165505216</v>
      </c>
      <c r="AH1037">
        <v>-5.998533340533861E-3</v>
      </c>
      <c r="AI1037">
        <v>-3.5138032873159343E-2</v>
      </c>
      <c r="AJ1037">
        <v>2.1461065792394131E-2</v>
      </c>
      <c r="AK1037">
        <v>-5.1340719092360473E-2</v>
      </c>
      <c r="AL1037">
        <v>1623.48485622015</v>
      </c>
      <c r="AM1037">
        <v>2817.8621189873429</v>
      </c>
      <c r="AN1037">
        <v>62928</v>
      </c>
      <c r="AO1037">
        <v>74.847042939284222</v>
      </c>
      <c r="AP1037">
        <v>1415.645395332067</v>
      </c>
      <c r="AQ1037">
        <v>1.044921875</v>
      </c>
      <c r="AR1037">
        <v>3.943359375</v>
      </c>
      <c r="AS1037">
        <v>510</v>
      </c>
      <c r="AT1037">
        <v>132.0078125</v>
      </c>
      <c r="AU1037">
        <v>4.0693933823529413E-2</v>
      </c>
      <c r="AV1037">
        <v>-6.0129334897929092E-3</v>
      </c>
      <c r="AW1037">
        <v>0.35546875</v>
      </c>
      <c r="AX1037">
        <v>86.659491193737765</v>
      </c>
      <c r="AY1037">
        <v>63</v>
      </c>
      <c r="AZ1037">
        <v>123.75</v>
      </c>
      <c r="BA1037">
        <v>0.60616132930781119</v>
      </c>
      <c r="BB1037">
        <v>0.49609375</v>
      </c>
      <c r="BC1037">
        <v>5.0977377533347248</v>
      </c>
      <c r="BD1037" t="s">
        <v>4000</v>
      </c>
      <c r="BE1037" t="s">
        <v>62</v>
      </c>
    </row>
    <row r="1038" spans="1:57" x14ac:dyDescent="0.3">
      <c r="A1038" t="s">
        <v>4001</v>
      </c>
      <c r="B1038">
        <v>3653</v>
      </c>
      <c r="C1038" t="s">
        <v>4002</v>
      </c>
      <c r="D1038" t="s">
        <v>4003</v>
      </c>
      <c r="E1038" t="s">
        <v>72</v>
      </c>
      <c r="F1038">
        <v>3672</v>
      </c>
      <c r="G1038">
        <v>126.2224945533769</v>
      </c>
      <c r="H1038">
        <v>126</v>
      </c>
      <c r="I1038">
        <v>5479.6386770016043</v>
      </c>
      <c r="J1038">
        <v>74.024581572620889</v>
      </c>
      <c r="K1038">
        <v>1.6572242879506319E-2</v>
      </c>
      <c r="L1038">
        <v>-1.1996624223119261</v>
      </c>
      <c r="M1038">
        <v>7.9469731483591692</v>
      </c>
      <c r="N1038">
        <v>29</v>
      </c>
      <c r="O1038">
        <v>5</v>
      </c>
      <c r="P1038">
        <v>24</v>
      </c>
      <c r="Q1038">
        <v>3.8627578797408471</v>
      </c>
      <c r="R1038">
        <v>5.5084220317707473</v>
      </c>
      <c r="S1038">
        <v>3</v>
      </c>
      <c r="T1038">
        <v>1</v>
      </c>
      <c r="U1038">
        <v>2</v>
      </c>
      <c r="V1038">
        <v>0.16085879758833829</v>
      </c>
      <c r="W1038">
        <v>8.1729568872484215</v>
      </c>
      <c r="X1038">
        <v>2</v>
      </c>
      <c r="Y1038">
        <v>1</v>
      </c>
      <c r="Z1038">
        <v>1</v>
      </c>
      <c r="AA1038">
        <v>1.6506954406897489E-2</v>
      </c>
      <c r="AB1038">
        <v>8.2075692041654769</v>
      </c>
      <c r="AC1038">
        <v>1</v>
      </c>
      <c r="AD1038">
        <v>1</v>
      </c>
      <c r="AE1038">
        <v>0</v>
      </c>
      <c r="AF1038">
        <v>0</v>
      </c>
      <c r="AG1038">
        <v>8.2076744243552824</v>
      </c>
      <c r="AH1038">
        <v>-1.37287713605808E-2</v>
      </c>
      <c r="AI1038">
        <v>-1.700043409137039E-3</v>
      </c>
      <c r="AJ1038">
        <v>-3.9444028786398489E-3</v>
      </c>
      <c r="AK1038">
        <v>4.1806422919322413E-2</v>
      </c>
      <c r="AL1038">
        <v>4100.9154855060933</v>
      </c>
      <c r="AM1038">
        <v>7861.7086680146267</v>
      </c>
      <c r="AN1038">
        <v>463489</v>
      </c>
      <c r="AO1038">
        <v>127.81919840937999</v>
      </c>
      <c r="AP1038">
        <v>3758.4759937331892</v>
      </c>
      <c r="AQ1038">
        <v>1.0062636165577341</v>
      </c>
      <c r="AR1038">
        <v>3.975490196078431</v>
      </c>
      <c r="AS1038">
        <v>3655</v>
      </c>
      <c r="AT1038">
        <v>266.30065359477118</v>
      </c>
      <c r="AU1038">
        <v>1.377995642701527E-2</v>
      </c>
      <c r="AV1038">
        <v>-1.3735430038331451E-2</v>
      </c>
      <c r="AW1038">
        <v>0.37091503267973858</v>
      </c>
      <c r="AX1038">
        <v>86.6284391174067</v>
      </c>
      <c r="AY1038">
        <v>64</v>
      </c>
      <c r="AZ1038">
        <v>128</v>
      </c>
      <c r="BA1038">
        <v>0.58646108868746383</v>
      </c>
      <c r="BB1038">
        <v>0.49972766884531589</v>
      </c>
      <c r="BC1038">
        <v>5.3246579413717292</v>
      </c>
      <c r="BD1038" t="s">
        <v>4004</v>
      </c>
      <c r="BE1038" t="s">
        <v>68</v>
      </c>
    </row>
    <row r="1039" spans="1:57" x14ac:dyDescent="0.3">
      <c r="A1039" t="s">
        <v>4005</v>
      </c>
      <c r="B1039">
        <v>139</v>
      </c>
      <c r="C1039" t="s">
        <v>4006</v>
      </c>
      <c r="D1039" t="s">
        <v>4007</v>
      </c>
      <c r="E1039" t="s">
        <v>60</v>
      </c>
      <c r="F1039">
        <v>512</v>
      </c>
      <c r="G1039">
        <v>129.82421875</v>
      </c>
      <c r="H1039">
        <v>131</v>
      </c>
      <c r="I1039">
        <v>5464.1839447021484</v>
      </c>
      <c r="J1039">
        <v>73.920118673485291</v>
      </c>
      <c r="K1039">
        <v>-3.3033594123967953E-2</v>
      </c>
      <c r="L1039">
        <v>-1.2431856684044511</v>
      </c>
      <c r="M1039">
        <v>7.6406141076388252</v>
      </c>
      <c r="N1039">
        <v>6</v>
      </c>
      <c r="O1039">
        <v>1</v>
      </c>
      <c r="P1039">
        <v>5</v>
      </c>
      <c r="Q1039">
        <v>1.1292387909178381</v>
      </c>
      <c r="R1039">
        <v>5.2960701264563923</v>
      </c>
      <c r="S1039">
        <v>1</v>
      </c>
      <c r="T1039">
        <v>1</v>
      </c>
      <c r="U1039">
        <v>0</v>
      </c>
      <c r="V1039">
        <v>0</v>
      </c>
      <c r="W1039">
        <v>6.2363695902037044</v>
      </c>
      <c r="X1039">
        <v>1</v>
      </c>
      <c r="Y1039">
        <v>1</v>
      </c>
      <c r="Z1039">
        <v>0</v>
      </c>
      <c r="AA1039">
        <v>0</v>
      </c>
      <c r="AB1039">
        <v>6.2344107257183694</v>
      </c>
      <c r="AC1039">
        <v>1</v>
      </c>
      <c r="AD1039">
        <v>1</v>
      </c>
      <c r="AE1039">
        <v>0</v>
      </c>
      <c r="AF1039">
        <v>0</v>
      </c>
      <c r="AG1039">
        <v>6.2324480165505216</v>
      </c>
      <c r="AH1039">
        <v>-3.6070678797634509E-2</v>
      </c>
      <c r="AI1039">
        <v>2.824489151625548E-2</v>
      </c>
      <c r="AJ1039">
        <v>-3.619469925611251E-2</v>
      </c>
      <c r="AK1039">
        <v>1.3368645077959051E-2</v>
      </c>
      <c r="AL1039">
        <v>1631.765420379814</v>
      </c>
      <c r="AM1039">
        <v>2960.4762476420392</v>
      </c>
      <c r="AN1039">
        <v>66470</v>
      </c>
      <c r="AO1039">
        <v>173.08300850365879</v>
      </c>
      <c r="AP1039">
        <v>1445.50904807914</v>
      </c>
      <c r="AQ1039">
        <v>1.044921875</v>
      </c>
      <c r="AR1039">
        <v>4.0703125</v>
      </c>
      <c r="AS1039">
        <v>510</v>
      </c>
      <c r="AT1039">
        <v>126.0859375</v>
      </c>
      <c r="AU1039">
        <v>3.4053308823529423E-2</v>
      </c>
      <c r="AV1039">
        <v>-3.6125424794903958E-2</v>
      </c>
      <c r="AW1039">
        <v>0.375</v>
      </c>
      <c r="AX1039">
        <v>87.528375733855185</v>
      </c>
      <c r="AY1039">
        <v>63</v>
      </c>
      <c r="AZ1039">
        <v>127.25</v>
      </c>
      <c r="BA1039">
        <v>0.56938620070444512</v>
      </c>
      <c r="BB1039">
        <v>0.505859375</v>
      </c>
      <c r="BC1039">
        <v>5.1314263767803174</v>
      </c>
      <c r="BD1039" t="s">
        <v>4008</v>
      </c>
      <c r="BE1039" t="s">
        <v>62</v>
      </c>
    </row>
    <row r="1040" spans="1:57" x14ac:dyDescent="0.3">
      <c r="A1040" t="s">
        <v>4009</v>
      </c>
      <c r="B1040">
        <v>2938</v>
      </c>
      <c r="C1040" t="s">
        <v>4010</v>
      </c>
      <c r="D1040" t="s">
        <v>4011</v>
      </c>
      <c r="E1040" t="s">
        <v>115</v>
      </c>
      <c r="F1040">
        <v>3008</v>
      </c>
      <c r="G1040">
        <v>128.74634308510639</v>
      </c>
      <c r="H1040">
        <v>131</v>
      </c>
      <c r="I1040">
        <v>5487.4599267865478</v>
      </c>
      <c r="J1040">
        <v>74.077391468561771</v>
      </c>
      <c r="K1040">
        <v>-2.646199347115193E-2</v>
      </c>
      <c r="L1040">
        <v>-1.197588826015576</v>
      </c>
      <c r="M1040">
        <v>7.94164197738505</v>
      </c>
      <c r="N1040">
        <v>23</v>
      </c>
      <c r="O1040">
        <v>2</v>
      </c>
      <c r="P1040">
        <v>21</v>
      </c>
      <c r="Q1040">
        <v>3.3000946956110209</v>
      </c>
      <c r="R1040">
        <v>5.5047267456409514</v>
      </c>
      <c r="S1040">
        <v>3</v>
      </c>
      <c r="T1040">
        <v>1</v>
      </c>
      <c r="U1040">
        <v>2</v>
      </c>
      <c r="V1040">
        <v>0.15793455135368639</v>
      </c>
      <c r="W1040">
        <v>7.9748695376591279</v>
      </c>
      <c r="X1040">
        <v>2</v>
      </c>
      <c r="Y1040">
        <v>1</v>
      </c>
      <c r="Z1040">
        <v>1</v>
      </c>
      <c r="AA1040">
        <v>1.8239187495567018E-2</v>
      </c>
      <c r="AB1040">
        <v>8.0079043945440844</v>
      </c>
      <c r="AC1040">
        <v>1</v>
      </c>
      <c r="AD1040">
        <v>1</v>
      </c>
      <c r="AE1040">
        <v>0</v>
      </c>
      <c r="AF1040">
        <v>0</v>
      </c>
      <c r="AG1040">
        <v>8.0080328469693107</v>
      </c>
      <c r="AH1040">
        <v>1.192819363319212E-2</v>
      </c>
      <c r="AI1040">
        <v>8.5993953749814115E-3</v>
      </c>
      <c r="AJ1040">
        <v>-1.739357904342172E-2</v>
      </c>
      <c r="AK1040">
        <v>2.1156219413168691E-2</v>
      </c>
      <c r="AL1040">
        <v>3703.543524585994</v>
      </c>
      <c r="AM1040">
        <v>7255.9983711062896</v>
      </c>
      <c r="AN1040">
        <v>387269</v>
      </c>
      <c r="AO1040">
        <v>133.42339979892029</v>
      </c>
      <c r="AP1040">
        <v>3338.7574955808618</v>
      </c>
      <c r="AQ1040">
        <v>1.007646276595745</v>
      </c>
      <c r="AR1040">
        <v>3.9880319148936172</v>
      </c>
      <c r="AS1040">
        <v>2998</v>
      </c>
      <c r="AT1040">
        <v>237.2765957446808</v>
      </c>
      <c r="AU1040">
        <v>1.5787964121818931E-2</v>
      </c>
      <c r="AV1040">
        <v>1.193465809154374E-2</v>
      </c>
      <c r="AW1040">
        <v>0.36269946808510639</v>
      </c>
      <c r="AX1040">
        <v>85.050881277020281</v>
      </c>
      <c r="AY1040">
        <v>65</v>
      </c>
      <c r="AZ1040">
        <v>129</v>
      </c>
      <c r="BA1040">
        <v>0.57537472283460278</v>
      </c>
      <c r="BB1040">
        <v>0.50897606382978722</v>
      </c>
      <c r="BC1040">
        <v>5.3141489584731536</v>
      </c>
      <c r="BD1040" t="s">
        <v>4012</v>
      </c>
      <c r="BE1040" t="s">
        <v>62</v>
      </c>
    </row>
    <row r="1041" spans="1:57" x14ac:dyDescent="0.3">
      <c r="A1041" t="s">
        <v>4013</v>
      </c>
      <c r="B1041">
        <v>3101</v>
      </c>
      <c r="C1041" t="s">
        <v>4014</v>
      </c>
      <c r="D1041" t="s">
        <v>4015</v>
      </c>
      <c r="E1041" t="s">
        <v>115</v>
      </c>
      <c r="F1041">
        <v>3181</v>
      </c>
      <c r="G1041">
        <v>127.7120402389186</v>
      </c>
      <c r="H1041">
        <v>126</v>
      </c>
      <c r="I1041">
        <v>5448.081807248931</v>
      </c>
      <c r="J1041">
        <v>73.811122517198797</v>
      </c>
      <c r="K1041">
        <v>2.1350325849694009E-2</v>
      </c>
      <c r="L1041">
        <v>-1.203241406310757</v>
      </c>
      <c r="M1041">
        <v>7.9451429201488191</v>
      </c>
      <c r="N1041">
        <v>23</v>
      </c>
      <c r="O1041">
        <v>2</v>
      </c>
      <c r="P1041">
        <v>21</v>
      </c>
      <c r="Q1041">
        <v>3.4030029499176808</v>
      </c>
      <c r="R1041">
        <v>5.5071534142469751</v>
      </c>
      <c r="S1041">
        <v>3</v>
      </c>
      <c r="T1041">
        <v>1</v>
      </c>
      <c r="U1041">
        <v>2</v>
      </c>
      <c r="V1041">
        <v>0.16170230275807129</v>
      </c>
      <c r="W1041">
        <v>8.0312826802839545</v>
      </c>
      <c r="X1041">
        <v>1</v>
      </c>
      <c r="Y1041">
        <v>1</v>
      </c>
      <c r="Z1041">
        <v>0</v>
      </c>
      <c r="AA1041">
        <v>0</v>
      </c>
      <c r="AB1041">
        <v>8.064321960910803</v>
      </c>
      <c r="AC1041">
        <v>1</v>
      </c>
      <c r="AD1041">
        <v>1</v>
      </c>
      <c r="AE1041">
        <v>0</v>
      </c>
      <c r="AF1041">
        <v>0</v>
      </c>
      <c r="AG1041">
        <v>8.0640073470966627</v>
      </c>
      <c r="AH1041">
        <v>9.5342020294097562E-3</v>
      </c>
      <c r="AI1041">
        <v>2.1166357176368191E-2</v>
      </c>
      <c r="AJ1041">
        <v>-3.1676614306040143E-2</v>
      </c>
      <c r="AK1041">
        <v>-1.067648587531283E-2</v>
      </c>
      <c r="AL1041">
        <v>3822.7461644512969</v>
      </c>
      <c r="AM1041">
        <v>7389.1969632817936</v>
      </c>
      <c r="AN1041">
        <v>406252</v>
      </c>
      <c r="AO1041">
        <v>43.879512811978231</v>
      </c>
      <c r="AP1041">
        <v>3465.976348525197</v>
      </c>
      <c r="AQ1041">
        <v>1.0072304306821751</v>
      </c>
      <c r="AR1041">
        <v>3.98805407104684</v>
      </c>
      <c r="AS1041">
        <v>3167</v>
      </c>
      <c r="AT1041">
        <v>238.58377868594781</v>
      </c>
      <c r="AU1041">
        <v>1.225289864452539E-2</v>
      </c>
      <c r="AV1041">
        <v>9.5358652952392091E-3</v>
      </c>
      <c r="AW1041">
        <v>0.38038352719270668</v>
      </c>
      <c r="AX1041">
        <v>84.244339622641505</v>
      </c>
      <c r="AY1041">
        <v>64</v>
      </c>
      <c r="AZ1041">
        <v>127</v>
      </c>
      <c r="BA1041">
        <v>0.5779495995766406</v>
      </c>
      <c r="BB1041">
        <v>0.49512731845331659</v>
      </c>
      <c r="BC1041">
        <v>5.3074583892489251</v>
      </c>
      <c r="BD1041" t="s">
        <v>4016</v>
      </c>
      <c r="BE1041" t="s">
        <v>68</v>
      </c>
    </row>
    <row r="1042" spans="1:57" x14ac:dyDescent="0.3">
      <c r="A1042" t="s">
        <v>4017</v>
      </c>
      <c r="B1042">
        <v>708</v>
      </c>
      <c r="C1042" t="s">
        <v>4018</v>
      </c>
      <c r="D1042" t="s">
        <v>4019</v>
      </c>
      <c r="E1042" t="s">
        <v>93</v>
      </c>
      <c r="F1042">
        <v>712</v>
      </c>
      <c r="G1042">
        <v>128.0884831460674</v>
      </c>
      <c r="H1042">
        <v>126</v>
      </c>
      <c r="I1042">
        <v>5632.6593055643216</v>
      </c>
      <c r="J1042">
        <v>75.051044666708819</v>
      </c>
      <c r="K1042">
        <v>1.9773963337584341E-2</v>
      </c>
      <c r="L1042">
        <v>-1.2123127459475389</v>
      </c>
      <c r="M1042">
        <v>7.7107384381328874</v>
      </c>
      <c r="N1042">
        <v>7</v>
      </c>
      <c r="O1042">
        <v>1</v>
      </c>
      <c r="P1042">
        <v>6</v>
      </c>
      <c r="Q1042">
        <v>1.491177685109466</v>
      </c>
      <c r="R1042">
        <v>5.344676608427017</v>
      </c>
      <c r="S1042">
        <v>2</v>
      </c>
      <c r="T1042">
        <v>1</v>
      </c>
      <c r="U1042">
        <v>1</v>
      </c>
      <c r="V1042">
        <v>6.4956397104897853E-2</v>
      </c>
      <c r="W1042">
        <v>6.5608230865073756</v>
      </c>
      <c r="X1042">
        <v>1</v>
      </c>
      <c r="Y1042">
        <v>1</v>
      </c>
      <c r="Z1042">
        <v>0</v>
      </c>
      <c r="AA1042">
        <v>0</v>
      </c>
      <c r="AB1042">
        <v>6.5652649700353596</v>
      </c>
      <c r="AC1042">
        <v>1</v>
      </c>
      <c r="AD1042">
        <v>1</v>
      </c>
      <c r="AE1042">
        <v>0</v>
      </c>
      <c r="AF1042">
        <v>0</v>
      </c>
      <c r="AG1042">
        <v>6.5638555265321283</v>
      </c>
      <c r="AH1042">
        <v>3.1444766184500678E-2</v>
      </c>
      <c r="AI1042">
        <v>-1.8837677790011071E-2</v>
      </c>
      <c r="AJ1042">
        <v>-1.5716847929586941E-2</v>
      </c>
      <c r="AK1042">
        <v>-7.806395691060164E-2</v>
      </c>
      <c r="AL1042">
        <v>1919.5263904647991</v>
      </c>
      <c r="AM1042">
        <v>3465.1714872873431</v>
      </c>
      <c r="AN1042">
        <v>91199</v>
      </c>
      <c r="AO1042">
        <v>82.091398106497238</v>
      </c>
      <c r="AP1042">
        <v>1693.1799463702041</v>
      </c>
      <c r="AQ1042">
        <v>1.032303370786517</v>
      </c>
      <c r="AR1042">
        <v>4.106741573033708</v>
      </c>
      <c r="AS1042">
        <v>711</v>
      </c>
      <c r="AT1042">
        <v>175.41853932584269</v>
      </c>
      <c r="AU1042">
        <v>2.1761401189689281E-2</v>
      </c>
      <c r="AV1042">
        <v>3.1488958530342948E-2</v>
      </c>
      <c r="AW1042">
        <v>0.3651685393258427</v>
      </c>
      <c r="AX1042">
        <v>83.94514767932489</v>
      </c>
      <c r="AY1042">
        <v>66</v>
      </c>
      <c r="AZ1042">
        <v>130.25</v>
      </c>
      <c r="BA1042">
        <v>0.58593124708271671</v>
      </c>
      <c r="BB1042">
        <v>0.49157303370786509</v>
      </c>
      <c r="BC1042">
        <v>5.1740339640177879</v>
      </c>
      <c r="BD1042" t="s">
        <v>4020</v>
      </c>
      <c r="BE1042" t="s">
        <v>68</v>
      </c>
    </row>
    <row r="1043" spans="1:57" x14ac:dyDescent="0.3">
      <c r="A1043" t="s">
        <v>4021</v>
      </c>
      <c r="B1043">
        <v>3457</v>
      </c>
      <c r="C1043" t="s">
        <v>4022</v>
      </c>
      <c r="D1043" t="s">
        <v>4023</v>
      </c>
      <c r="E1043" t="s">
        <v>85</v>
      </c>
      <c r="F1043">
        <v>8</v>
      </c>
      <c r="G1043">
        <v>116.75</v>
      </c>
      <c r="H1043">
        <v>92.5</v>
      </c>
      <c r="I1043">
        <v>6850.9375</v>
      </c>
      <c r="J1043">
        <v>82.770390237089018</v>
      </c>
      <c r="K1043">
        <v>0.16966036400344489</v>
      </c>
      <c r="L1043">
        <v>-1.607221431308693</v>
      </c>
      <c r="M1043">
        <v>3</v>
      </c>
      <c r="N1043">
        <v>1</v>
      </c>
      <c r="O1043">
        <v>1</v>
      </c>
      <c r="P1043">
        <v>0</v>
      </c>
      <c r="Q1043">
        <v>0</v>
      </c>
      <c r="R1043">
        <v>2.0794415416798362</v>
      </c>
      <c r="S1043">
        <v>1</v>
      </c>
      <c r="T1043">
        <v>1</v>
      </c>
      <c r="U1043">
        <v>0</v>
      </c>
      <c r="V1043">
        <v>0</v>
      </c>
      <c r="W1043">
        <v>1.945910149055313</v>
      </c>
      <c r="X1043">
        <v>1</v>
      </c>
      <c r="Y1043">
        <v>1</v>
      </c>
      <c r="Z1043">
        <v>0</v>
      </c>
      <c r="AA1043">
        <v>0</v>
      </c>
      <c r="AB1043">
        <v>1.791759469228055</v>
      </c>
      <c r="AC1043">
        <v>1</v>
      </c>
      <c r="AD1043">
        <v>1</v>
      </c>
      <c r="AE1043">
        <v>0</v>
      </c>
      <c r="AF1043">
        <v>0</v>
      </c>
      <c r="AG1043">
        <v>1.6094379124341009</v>
      </c>
      <c r="AH1043">
        <v>0.28057177393604887</v>
      </c>
      <c r="AI1043">
        <v>-9.1513478994663139E-2</v>
      </c>
      <c r="AJ1043">
        <v>-5.9030470282351873E-2</v>
      </c>
      <c r="AK1043">
        <v>0</v>
      </c>
      <c r="AL1043">
        <v>301.03831831544159</v>
      </c>
      <c r="AM1043">
        <v>270.60659804559617</v>
      </c>
      <c r="AN1043">
        <v>934</v>
      </c>
      <c r="AO1043">
        <v>90.166910927116376</v>
      </c>
      <c r="AP1043">
        <v>160.47592163134939</v>
      </c>
      <c r="AQ1043">
        <v>3.5</v>
      </c>
      <c r="AR1043">
        <v>3.75</v>
      </c>
      <c r="AS1043">
        <v>8</v>
      </c>
      <c r="AT1043">
        <v>0</v>
      </c>
      <c r="AU1043">
        <v>0.2428414096916299</v>
      </c>
      <c r="AV1043">
        <v>0.32209450629506359</v>
      </c>
      <c r="AW1043">
        <v>0.375</v>
      </c>
      <c r="AX1043">
        <v>73.428571428571431</v>
      </c>
      <c r="AY1043">
        <v>75.5</v>
      </c>
      <c r="AZ1043">
        <v>153.5</v>
      </c>
      <c r="BA1043">
        <v>0.70895409196650128</v>
      </c>
      <c r="BB1043">
        <v>0.375</v>
      </c>
      <c r="BC1043">
        <v>1.945910149055313</v>
      </c>
      <c r="BD1043" t="s">
        <v>4022</v>
      </c>
      <c r="BE1043" t="s">
        <v>68</v>
      </c>
    </row>
    <row r="1044" spans="1:57" x14ac:dyDescent="0.3">
      <c r="A1044" t="s">
        <v>4024</v>
      </c>
      <c r="B1044">
        <v>608</v>
      </c>
      <c r="C1044" t="s">
        <v>4025</v>
      </c>
      <c r="D1044" t="s">
        <v>4026</v>
      </c>
      <c r="E1044" t="s">
        <v>106</v>
      </c>
      <c r="F1044">
        <v>616</v>
      </c>
      <c r="G1044">
        <v>129.2987012987013</v>
      </c>
      <c r="H1044">
        <v>129</v>
      </c>
      <c r="I1044">
        <v>5630.4724658458426</v>
      </c>
      <c r="J1044">
        <v>75.036474236506095</v>
      </c>
      <c r="K1044">
        <v>5.9624474160630252E-3</v>
      </c>
      <c r="L1044">
        <v>-1.1949708724281041</v>
      </c>
      <c r="M1044">
        <v>7.6798749211538144</v>
      </c>
      <c r="N1044">
        <v>7</v>
      </c>
      <c r="O1044">
        <v>1</v>
      </c>
      <c r="P1044">
        <v>6</v>
      </c>
      <c r="Q1044">
        <v>1.405400590127331</v>
      </c>
      <c r="R1044">
        <v>5.323283648650813</v>
      </c>
      <c r="S1044">
        <v>2</v>
      </c>
      <c r="T1044">
        <v>1</v>
      </c>
      <c r="U1044">
        <v>1</v>
      </c>
      <c r="V1044">
        <v>8.0646055612143497E-2</v>
      </c>
      <c r="W1044">
        <v>6.4126057191163071</v>
      </c>
      <c r="X1044">
        <v>1</v>
      </c>
      <c r="Y1044">
        <v>1</v>
      </c>
      <c r="Z1044">
        <v>0</v>
      </c>
      <c r="AA1044">
        <v>0</v>
      </c>
      <c r="AB1044">
        <v>6.4199949281471431</v>
      </c>
      <c r="AC1044">
        <v>1</v>
      </c>
      <c r="AD1044">
        <v>1</v>
      </c>
      <c r="AE1044">
        <v>0</v>
      </c>
      <c r="AF1044">
        <v>0</v>
      </c>
      <c r="AG1044">
        <v>6.4183649359362107</v>
      </c>
      <c r="AH1044">
        <v>-1.197374054570351E-2</v>
      </c>
      <c r="AI1044">
        <v>-5.8614812665939701E-2</v>
      </c>
      <c r="AJ1044">
        <v>-3.9756607739653962E-2</v>
      </c>
      <c r="AK1044">
        <v>-3.034969038756068E-3</v>
      </c>
      <c r="AL1044">
        <v>1787.6236657239569</v>
      </c>
      <c r="AM1044">
        <v>3251.3313626487911</v>
      </c>
      <c r="AN1044">
        <v>79648</v>
      </c>
      <c r="AO1044">
        <v>43.01162633521303</v>
      </c>
      <c r="AP1044">
        <v>1556.5175110735811</v>
      </c>
      <c r="AQ1044">
        <v>1.037337662337662</v>
      </c>
      <c r="AR1044">
        <v>4.0487012987012987</v>
      </c>
      <c r="AS1044">
        <v>614</v>
      </c>
      <c r="AT1044">
        <v>178.58441558441561</v>
      </c>
      <c r="AU1044">
        <v>3.3218742042271487E-2</v>
      </c>
      <c r="AV1044">
        <v>-1.1985752308770531E-2</v>
      </c>
      <c r="AW1044">
        <v>0.36363636363636359</v>
      </c>
      <c r="AX1044">
        <v>87.391869918699186</v>
      </c>
      <c r="AY1044">
        <v>65</v>
      </c>
      <c r="AZ1044">
        <v>130</v>
      </c>
      <c r="BA1044">
        <v>0.58033432264071605</v>
      </c>
      <c r="BB1044">
        <v>0.49512987012987009</v>
      </c>
      <c r="BC1044">
        <v>5.1453245066004438</v>
      </c>
      <c r="BD1044" t="s">
        <v>4027</v>
      </c>
      <c r="BE1044" t="s">
        <v>68</v>
      </c>
    </row>
    <row r="1045" spans="1:57" x14ac:dyDescent="0.3">
      <c r="A1045" t="s">
        <v>4028</v>
      </c>
      <c r="B1045">
        <v>2715</v>
      </c>
      <c r="C1045" t="s">
        <v>4029</v>
      </c>
      <c r="D1045" t="s">
        <v>4030</v>
      </c>
      <c r="E1045" t="s">
        <v>128</v>
      </c>
      <c r="F1045">
        <v>32</v>
      </c>
      <c r="G1045">
        <v>122.53125</v>
      </c>
      <c r="H1045">
        <v>112.5</v>
      </c>
      <c r="I1045">
        <v>6774.6240234375</v>
      </c>
      <c r="J1045">
        <v>82.30810423911791</v>
      </c>
      <c r="K1045">
        <v>0.10504442371071079</v>
      </c>
      <c r="L1045">
        <v>-1.246136786783115</v>
      </c>
      <c r="M1045">
        <v>4.875</v>
      </c>
      <c r="N1045">
        <v>2</v>
      </c>
      <c r="O1045">
        <v>1</v>
      </c>
      <c r="P1045">
        <v>1</v>
      </c>
      <c r="Q1045">
        <v>0.24944382578492941</v>
      </c>
      <c r="R1045">
        <v>3.3790925052297318</v>
      </c>
      <c r="S1045">
        <v>1</v>
      </c>
      <c r="T1045">
        <v>1</v>
      </c>
      <c r="U1045">
        <v>0</v>
      </c>
      <c r="V1045">
        <v>0</v>
      </c>
      <c r="W1045">
        <v>3.4339872044851458</v>
      </c>
      <c r="X1045">
        <v>1</v>
      </c>
      <c r="Y1045">
        <v>1</v>
      </c>
      <c r="Z1045">
        <v>0</v>
      </c>
      <c r="AA1045">
        <v>0</v>
      </c>
      <c r="AB1045">
        <v>3.401197381662155</v>
      </c>
      <c r="AC1045">
        <v>1</v>
      </c>
      <c r="AD1045">
        <v>1</v>
      </c>
      <c r="AE1045">
        <v>0</v>
      </c>
      <c r="AF1045">
        <v>0</v>
      </c>
      <c r="AG1045">
        <v>3.3672958299864728</v>
      </c>
      <c r="AH1045">
        <v>-0.14070776691366779</v>
      </c>
      <c r="AI1045">
        <v>-9.4396535569389151E-2</v>
      </c>
      <c r="AJ1045">
        <v>0.15957957822411439</v>
      </c>
      <c r="AK1045">
        <v>0.173993409098608</v>
      </c>
      <c r="AL1045">
        <v>524.02253195248954</v>
      </c>
      <c r="AM1045">
        <v>650.10259652311959</v>
      </c>
      <c r="AN1045">
        <v>3921</v>
      </c>
      <c r="AO1045">
        <v>99.74403995815112</v>
      </c>
      <c r="AP1045">
        <v>366.90370505160672</v>
      </c>
      <c r="AQ1045">
        <v>1.65625</v>
      </c>
      <c r="AR1045">
        <v>3.59375</v>
      </c>
      <c r="AS1045">
        <v>32</v>
      </c>
      <c r="AT1045">
        <v>1.75</v>
      </c>
      <c r="AU1045">
        <v>0.1200396825396825</v>
      </c>
      <c r="AV1045">
        <v>-0.1423097033512786</v>
      </c>
      <c r="AW1045">
        <v>0.34375</v>
      </c>
      <c r="AX1045">
        <v>105.741935483871</v>
      </c>
      <c r="AY1045">
        <v>65</v>
      </c>
      <c r="AZ1045">
        <v>135.25</v>
      </c>
      <c r="BA1045">
        <v>0.67173153166329336</v>
      </c>
      <c r="BB1045">
        <v>0.46875</v>
      </c>
      <c r="BC1045">
        <v>3.3445488586064429</v>
      </c>
      <c r="BD1045" t="s">
        <v>4031</v>
      </c>
      <c r="BE1045" t="s">
        <v>62</v>
      </c>
    </row>
    <row r="1046" spans="1:57" x14ac:dyDescent="0.3">
      <c r="A1046" t="s">
        <v>4032</v>
      </c>
      <c r="B1046">
        <v>1002</v>
      </c>
      <c r="C1046" t="s">
        <v>4033</v>
      </c>
      <c r="D1046" t="s">
        <v>4034</v>
      </c>
      <c r="E1046" t="s">
        <v>93</v>
      </c>
      <c r="F1046">
        <v>1002</v>
      </c>
      <c r="G1046">
        <v>127.3802395209581</v>
      </c>
      <c r="H1046">
        <v>128</v>
      </c>
      <c r="I1046">
        <v>5711.9322642140869</v>
      </c>
      <c r="J1046">
        <v>75.577326389692345</v>
      </c>
      <c r="K1046">
        <v>-2.0186005022627011E-2</v>
      </c>
      <c r="L1046">
        <v>-1.2692714260737541</v>
      </c>
      <c r="M1046">
        <v>7.7954309319382773</v>
      </c>
      <c r="N1046">
        <v>10</v>
      </c>
      <c r="O1046">
        <v>1</v>
      </c>
      <c r="P1046">
        <v>9</v>
      </c>
      <c r="Q1046">
        <v>1.9031314521186291</v>
      </c>
      <c r="R1046">
        <v>5.4033809717228243</v>
      </c>
      <c r="S1046">
        <v>2</v>
      </c>
      <c r="T1046">
        <v>1</v>
      </c>
      <c r="U1046">
        <v>1</v>
      </c>
      <c r="V1046">
        <v>9.9944948653193783E-2</v>
      </c>
      <c r="W1046">
        <v>6.8949056847985366</v>
      </c>
      <c r="X1046">
        <v>1</v>
      </c>
      <c r="Y1046">
        <v>1</v>
      </c>
      <c r="Z1046">
        <v>0</v>
      </c>
      <c r="AA1046">
        <v>0</v>
      </c>
      <c r="AB1046">
        <v>6.9077552789821342</v>
      </c>
      <c r="AC1046">
        <v>1</v>
      </c>
      <c r="AD1046">
        <v>1</v>
      </c>
      <c r="AE1046">
        <v>0</v>
      </c>
      <c r="AF1046">
        <v>0</v>
      </c>
      <c r="AG1046">
        <v>6.906754778648553</v>
      </c>
      <c r="AH1046">
        <v>1.5412658042369579E-2</v>
      </c>
      <c r="AI1046">
        <v>-4.0699361811332227E-2</v>
      </c>
      <c r="AJ1046">
        <v>-2.3041649734072769E-2</v>
      </c>
      <c r="AK1046">
        <v>6.6889436918700102E-3</v>
      </c>
      <c r="AL1046">
        <v>2222.7790352963661</v>
      </c>
      <c r="AM1046">
        <v>4128.0487352073442</v>
      </c>
      <c r="AN1046">
        <v>127635</v>
      </c>
      <c r="AO1046">
        <v>32.184174691574867</v>
      </c>
      <c r="AP1046">
        <v>1954.098574552813</v>
      </c>
      <c r="AQ1046">
        <v>1.0229540918163671</v>
      </c>
      <c r="AR1046">
        <v>4.0319361277445109</v>
      </c>
      <c r="AS1046">
        <v>996</v>
      </c>
      <c r="AT1046">
        <v>224.11377245508979</v>
      </c>
      <c r="AU1046">
        <v>3.2006575085123827E-2</v>
      </c>
      <c r="AV1046">
        <v>1.543018221391312E-2</v>
      </c>
      <c r="AW1046">
        <v>0.3602794411177645</v>
      </c>
      <c r="AX1046">
        <v>86.410589410589409</v>
      </c>
      <c r="AY1046">
        <v>65</v>
      </c>
      <c r="AZ1046">
        <v>131</v>
      </c>
      <c r="BA1046">
        <v>0.59332064905763882</v>
      </c>
      <c r="BB1046">
        <v>0.5</v>
      </c>
      <c r="BC1046">
        <v>5.2325469064202661</v>
      </c>
      <c r="BD1046" t="s">
        <v>4035</v>
      </c>
      <c r="BE1046" t="s">
        <v>68</v>
      </c>
    </row>
    <row r="1047" spans="1:57" x14ac:dyDescent="0.3">
      <c r="A1047" t="s">
        <v>4036</v>
      </c>
      <c r="B1047">
        <v>1799</v>
      </c>
      <c r="C1047" t="s">
        <v>4037</v>
      </c>
      <c r="D1047" t="s">
        <v>4038</v>
      </c>
      <c r="E1047" t="s">
        <v>115</v>
      </c>
      <c r="F1047">
        <v>1851</v>
      </c>
      <c r="G1047">
        <v>126.1291193949217</v>
      </c>
      <c r="H1047">
        <v>125</v>
      </c>
      <c r="I1047">
        <v>5397.6046139733198</v>
      </c>
      <c r="J1047">
        <v>73.468391938120703</v>
      </c>
      <c r="K1047">
        <v>7.9469561983354572E-3</v>
      </c>
      <c r="L1047">
        <v>-1.189674469966097</v>
      </c>
      <c r="M1047">
        <v>7.9196684948777394</v>
      </c>
      <c r="N1047">
        <v>15</v>
      </c>
      <c r="O1047">
        <v>2</v>
      </c>
      <c r="P1047">
        <v>13</v>
      </c>
      <c r="Q1047">
        <v>2.4120484873388088</v>
      </c>
      <c r="R1047">
        <v>5.4894958881939306</v>
      </c>
      <c r="S1047">
        <v>2</v>
      </c>
      <c r="T1047">
        <v>1</v>
      </c>
      <c r="U1047">
        <v>1</v>
      </c>
      <c r="V1047">
        <v>0.1138891209774892</v>
      </c>
      <c r="W1047">
        <v>7.5049565587929798</v>
      </c>
      <c r="X1047">
        <v>1</v>
      </c>
      <c r="Y1047">
        <v>1</v>
      </c>
      <c r="Z1047">
        <v>0</v>
      </c>
      <c r="AA1047">
        <v>0</v>
      </c>
      <c r="AB1047">
        <v>7.5224002313871248</v>
      </c>
      <c r="AC1047">
        <v>1</v>
      </c>
      <c r="AD1047">
        <v>1</v>
      </c>
      <c r="AE1047">
        <v>0</v>
      </c>
      <c r="AF1047">
        <v>0</v>
      </c>
      <c r="AG1047">
        <v>7.5218592522016268</v>
      </c>
      <c r="AH1047">
        <v>8.2224563681973541E-3</v>
      </c>
      <c r="AI1047">
        <v>-6.2295679241434587E-2</v>
      </c>
      <c r="AJ1047">
        <v>1.1248988597697949E-3</v>
      </c>
      <c r="AK1047">
        <v>-1.1201809540935029E-2</v>
      </c>
      <c r="AL1047">
        <v>2934.5534863384792</v>
      </c>
      <c r="AM1047">
        <v>5552.1254340854621</v>
      </c>
      <c r="AN1047">
        <v>233465</v>
      </c>
      <c r="AO1047">
        <v>24.182071829783752</v>
      </c>
      <c r="AP1047">
        <v>2672.208100718361</v>
      </c>
      <c r="AQ1047">
        <v>1.012425715829282</v>
      </c>
      <c r="AR1047">
        <v>3.9713668287412212</v>
      </c>
      <c r="AS1047">
        <v>1848</v>
      </c>
      <c r="AT1047">
        <v>205.98973527822801</v>
      </c>
      <c r="AU1047">
        <v>1.509517907649283E-2</v>
      </c>
      <c r="AV1047">
        <v>8.233573839084473E-3</v>
      </c>
      <c r="AW1047">
        <v>0.37439222042139392</v>
      </c>
      <c r="AX1047">
        <v>85.023783783783784</v>
      </c>
      <c r="AY1047">
        <v>63</v>
      </c>
      <c r="AZ1047">
        <v>126</v>
      </c>
      <c r="BA1047">
        <v>0.5824855694749167</v>
      </c>
      <c r="BB1047">
        <v>0.49432739059967579</v>
      </c>
      <c r="BC1047">
        <v>5.2556940674111896</v>
      </c>
      <c r="BD1047" t="s">
        <v>4039</v>
      </c>
      <c r="BE1047" t="s">
        <v>68</v>
      </c>
    </row>
    <row r="1048" spans="1:57" x14ac:dyDescent="0.3">
      <c r="A1048" t="s">
        <v>4040</v>
      </c>
      <c r="B1048">
        <v>1616</v>
      </c>
      <c r="C1048" t="s">
        <v>4041</v>
      </c>
      <c r="D1048" t="s">
        <v>4042</v>
      </c>
      <c r="E1048" t="s">
        <v>85</v>
      </c>
      <c r="F1048">
        <v>8</v>
      </c>
      <c r="G1048">
        <v>147.625</v>
      </c>
      <c r="H1048">
        <v>163.5</v>
      </c>
      <c r="I1048">
        <v>5557.734375</v>
      </c>
      <c r="J1048">
        <v>74.550213782389648</v>
      </c>
      <c r="K1048">
        <v>-0.31446439123211578</v>
      </c>
      <c r="L1048">
        <v>-1.325379826313154</v>
      </c>
      <c r="M1048">
        <v>3</v>
      </c>
      <c r="N1048">
        <v>1</v>
      </c>
      <c r="O1048">
        <v>1</v>
      </c>
      <c r="P1048">
        <v>0</v>
      </c>
      <c r="Q1048">
        <v>0</v>
      </c>
      <c r="R1048">
        <v>2.0794415416798362</v>
      </c>
      <c r="S1048">
        <v>1</v>
      </c>
      <c r="T1048">
        <v>1</v>
      </c>
      <c r="U1048">
        <v>0</v>
      </c>
      <c r="V1048">
        <v>0</v>
      </c>
      <c r="W1048">
        <v>1.945910149055313</v>
      </c>
      <c r="X1048">
        <v>1</v>
      </c>
      <c r="Y1048">
        <v>1</v>
      </c>
      <c r="Z1048">
        <v>0</v>
      </c>
      <c r="AA1048">
        <v>0</v>
      </c>
      <c r="AB1048">
        <v>1.791759469228055</v>
      </c>
      <c r="AC1048">
        <v>1</v>
      </c>
      <c r="AD1048">
        <v>1</v>
      </c>
      <c r="AE1048">
        <v>0</v>
      </c>
      <c r="AF1048">
        <v>0</v>
      </c>
      <c r="AG1048">
        <v>1.6094379124341009</v>
      </c>
      <c r="AH1048">
        <v>0.22007021465019189</v>
      </c>
      <c r="AI1048">
        <v>-0.15153221158576871</v>
      </c>
      <c r="AJ1048">
        <v>-0.1936339420008715</v>
      </c>
      <c r="AK1048">
        <v>0</v>
      </c>
      <c r="AL1048">
        <v>319.43414132774387</v>
      </c>
      <c r="AM1048">
        <v>341.71454366796701</v>
      </c>
      <c r="AN1048">
        <v>1181</v>
      </c>
      <c r="AO1048">
        <v>94.641428560646744</v>
      </c>
      <c r="AP1048">
        <v>160.94989012489299</v>
      </c>
      <c r="AQ1048">
        <v>3.5</v>
      </c>
      <c r="AR1048">
        <v>4</v>
      </c>
      <c r="AS1048">
        <v>8</v>
      </c>
      <c r="AT1048">
        <v>0</v>
      </c>
      <c r="AU1048">
        <v>0.15573770491803271</v>
      </c>
      <c r="AV1048">
        <v>0.24267122759446319</v>
      </c>
      <c r="AW1048">
        <v>0.25</v>
      </c>
      <c r="AX1048">
        <v>78.857142857142861</v>
      </c>
      <c r="AY1048">
        <v>67</v>
      </c>
      <c r="AZ1048">
        <v>133.75</v>
      </c>
      <c r="BA1048">
        <v>0.50499721444463774</v>
      </c>
      <c r="BB1048">
        <v>0.5</v>
      </c>
      <c r="BC1048">
        <v>1.945910149055313</v>
      </c>
      <c r="BD1048" t="s">
        <v>4041</v>
      </c>
      <c r="BE1048" t="s">
        <v>68</v>
      </c>
    </row>
    <row r="1049" spans="1:57" x14ac:dyDescent="0.3">
      <c r="A1049" t="s">
        <v>4043</v>
      </c>
      <c r="B1049">
        <v>2561</v>
      </c>
      <c r="C1049" t="s">
        <v>4044</v>
      </c>
      <c r="D1049" t="s">
        <v>4045</v>
      </c>
      <c r="E1049" t="s">
        <v>106</v>
      </c>
      <c r="F1049">
        <v>2581</v>
      </c>
      <c r="G1049">
        <v>126.72878729174739</v>
      </c>
      <c r="H1049">
        <v>125</v>
      </c>
      <c r="I1049">
        <v>5524.1930070144217</v>
      </c>
      <c r="J1049">
        <v>74.324915116092953</v>
      </c>
      <c r="K1049">
        <v>2.6347468994734471E-2</v>
      </c>
      <c r="L1049">
        <v>-1.232685620311134</v>
      </c>
      <c r="M1049">
        <v>7.9308284193571277</v>
      </c>
      <c r="N1049">
        <v>20</v>
      </c>
      <c r="O1049">
        <v>2</v>
      </c>
      <c r="P1049">
        <v>18</v>
      </c>
      <c r="Q1049">
        <v>3.074134369871206</v>
      </c>
      <c r="R1049">
        <v>5.4972313583820807</v>
      </c>
      <c r="S1049">
        <v>2</v>
      </c>
      <c r="T1049">
        <v>1</v>
      </c>
      <c r="U1049">
        <v>1</v>
      </c>
      <c r="V1049">
        <v>0.1335049883787458</v>
      </c>
      <c r="W1049">
        <v>7.8308278017096482</v>
      </c>
      <c r="X1049">
        <v>1</v>
      </c>
      <c r="Y1049">
        <v>1</v>
      </c>
      <c r="Z1049">
        <v>0</v>
      </c>
      <c r="AA1049">
        <v>0</v>
      </c>
      <c r="AB1049">
        <v>7.8551570058813436</v>
      </c>
      <c r="AC1049">
        <v>1</v>
      </c>
      <c r="AD1049">
        <v>1</v>
      </c>
      <c r="AE1049">
        <v>0</v>
      </c>
      <c r="AF1049">
        <v>0</v>
      </c>
      <c r="AG1049">
        <v>7.8547691834991333</v>
      </c>
      <c r="AH1049">
        <v>1.4394439880135911E-2</v>
      </c>
      <c r="AI1049">
        <v>6.7177188184426298E-3</v>
      </c>
      <c r="AJ1049">
        <v>-6.467871947620718E-3</v>
      </c>
      <c r="AK1049">
        <v>-7.8760548142521467E-2</v>
      </c>
      <c r="AL1049">
        <v>3475.3078815306781</v>
      </c>
      <c r="AM1049">
        <v>6605.4156666004574</v>
      </c>
      <c r="AN1049">
        <v>327087</v>
      </c>
      <c r="AO1049">
        <v>94.10788470784442</v>
      </c>
      <c r="AP1049">
        <v>3131.0984825050732</v>
      </c>
      <c r="AQ1049">
        <v>1.0089112746997291</v>
      </c>
      <c r="AR1049">
        <v>4.0092987214258038</v>
      </c>
      <c r="AS1049">
        <v>2577</v>
      </c>
      <c r="AT1049">
        <v>239.95931809376211</v>
      </c>
      <c r="AU1049">
        <v>1.7751137649945681E-2</v>
      </c>
      <c r="AV1049">
        <v>1.440199796860564E-2</v>
      </c>
      <c r="AW1049">
        <v>0.38240991863618751</v>
      </c>
      <c r="AX1049">
        <v>84.280232558139531</v>
      </c>
      <c r="AY1049">
        <v>65</v>
      </c>
      <c r="AZ1049">
        <v>131</v>
      </c>
      <c r="BA1049">
        <v>0.58648801668863615</v>
      </c>
      <c r="BB1049">
        <v>0.49709414955443632</v>
      </c>
      <c r="BC1049">
        <v>5.291793510372317</v>
      </c>
      <c r="BD1049" t="s">
        <v>4046</v>
      </c>
      <c r="BE1049" t="s">
        <v>68</v>
      </c>
    </row>
    <row r="1050" spans="1:57" x14ac:dyDescent="0.3">
      <c r="A1050" t="s">
        <v>4047</v>
      </c>
      <c r="B1050">
        <v>1238</v>
      </c>
      <c r="C1050" t="s">
        <v>4048</v>
      </c>
      <c r="D1050" t="s">
        <v>4049</v>
      </c>
      <c r="E1050" t="s">
        <v>106</v>
      </c>
      <c r="F1050">
        <v>1248</v>
      </c>
      <c r="G1050">
        <v>128.02884615384619</v>
      </c>
      <c r="H1050">
        <v>126</v>
      </c>
      <c r="I1050">
        <v>5311.8004499506897</v>
      </c>
      <c r="J1050">
        <v>72.882099653829201</v>
      </c>
      <c r="K1050">
        <v>4.3579316032224041E-3</v>
      </c>
      <c r="L1050">
        <v>-1.175078155445644</v>
      </c>
      <c r="M1050">
        <v>7.8716037369164864</v>
      </c>
      <c r="N1050">
        <v>11</v>
      </c>
      <c r="O1050">
        <v>1</v>
      </c>
      <c r="P1050">
        <v>10</v>
      </c>
      <c r="Q1050">
        <v>1.9542951769216641</v>
      </c>
      <c r="R1050">
        <v>5.4561799367288</v>
      </c>
      <c r="S1050">
        <v>2</v>
      </c>
      <c r="T1050">
        <v>1</v>
      </c>
      <c r="U1050">
        <v>1</v>
      </c>
      <c r="V1050">
        <v>8.9547317743236793E-2</v>
      </c>
      <c r="W1050">
        <v>7.1173789099052183</v>
      </c>
      <c r="X1050">
        <v>1</v>
      </c>
      <c r="Y1050">
        <v>1</v>
      </c>
      <c r="Z1050">
        <v>0</v>
      </c>
      <c r="AA1050">
        <v>0</v>
      </c>
      <c r="AB1050">
        <v>7.1276936993474003</v>
      </c>
      <c r="AC1050">
        <v>1</v>
      </c>
      <c r="AD1050">
        <v>1</v>
      </c>
      <c r="AE1050">
        <v>0</v>
      </c>
      <c r="AF1050">
        <v>0</v>
      </c>
      <c r="AG1050">
        <v>7.1268908088988088</v>
      </c>
      <c r="AH1050">
        <v>-2.1524633712120031E-2</v>
      </c>
      <c r="AI1050">
        <v>-3.3727932608391682E-3</v>
      </c>
      <c r="AJ1050">
        <v>-3.552804158944841E-2</v>
      </c>
      <c r="AK1050">
        <v>1.241367684527882E-3</v>
      </c>
      <c r="AL1050">
        <v>2388.797538041641</v>
      </c>
      <c r="AM1050">
        <v>4623.767113755428</v>
      </c>
      <c r="AN1050">
        <v>159780</v>
      </c>
      <c r="AO1050">
        <v>17.520975457915149</v>
      </c>
      <c r="AP1050">
        <v>2132.8593519797282</v>
      </c>
      <c r="AQ1050">
        <v>1.018429487179487</v>
      </c>
      <c r="AR1050">
        <v>4.0016025641025639</v>
      </c>
      <c r="AS1050">
        <v>1247</v>
      </c>
      <c r="AT1050">
        <v>197.4391025641026</v>
      </c>
      <c r="AU1050">
        <v>2.3812217194570159E-2</v>
      </c>
      <c r="AV1050">
        <v>-2.1537742783874509E-2</v>
      </c>
      <c r="AW1050">
        <v>0.38701923076923078</v>
      </c>
      <c r="AX1050">
        <v>84.685645549318366</v>
      </c>
      <c r="AY1050">
        <v>64</v>
      </c>
      <c r="AZ1050">
        <v>126</v>
      </c>
      <c r="BA1050">
        <v>0.56926311408173014</v>
      </c>
      <c r="BB1050">
        <v>0.48798076923076922</v>
      </c>
      <c r="BC1050">
        <v>5.2217260109946864</v>
      </c>
      <c r="BD1050" t="s">
        <v>4050</v>
      </c>
      <c r="BE1050" t="s">
        <v>62</v>
      </c>
    </row>
    <row r="1051" spans="1:57" x14ac:dyDescent="0.3">
      <c r="A1051" t="s">
        <v>4051</v>
      </c>
      <c r="B1051">
        <v>3041</v>
      </c>
      <c r="C1051" t="s">
        <v>4052</v>
      </c>
      <c r="D1051" t="s">
        <v>4053</v>
      </c>
      <c r="E1051" t="s">
        <v>93</v>
      </c>
      <c r="F1051">
        <v>3049</v>
      </c>
      <c r="G1051">
        <v>127.5818301082322</v>
      </c>
      <c r="H1051">
        <v>127</v>
      </c>
      <c r="I1051">
        <v>5412.4046682151511</v>
      </c>
      <c r="J1051">
        <v>73.569046943773515</v>
      </c>
      <c r="K1051">
        <v>5.2118058417152417E-3</v>
      </c>
      <c r="L1051">
        <v>-1.190473704783406</v>
      </c>
      <c r="M1051">
        <v>7.937965470660366</v>
      </c>
      <c r="N1051">
        <v>27</v>
      </c>
      <c r="O1051">
        <v>4</v>
      </c>
      <c r="P1051">
        <v>23</v>
      </c>
      <c r="Q1051">
        <v>3.5138862887956321</v>
      </c>
      <c r="R1051">
        <v>5.5021783853704207</v>
      </c>
      <c r="S1051">
        <v>3</v>
      </c>
      <c r="T1051">
        <v>1</v>
      </c>
      <c r="U1051">
        <v>2</v>
      </c>
      <c r="V1051">
        <v>0.15582125533537031</v>
      </c>
      <c r="W1051">
        <v>7.989322136575435</v>
      </c>
      <c r="X1051">
        <v>2</v>
      </c>
      <c r="Y1051">
        <v>1</v>
      </c>
      <c r="Z1051">
        <v>1</v>
      </c>
      <c r="AA1051">
        <v>2.561997354987466E-2</v>
      </c>
      <c r="AB1051">
        <v>8.0210028384795553</v>
      </c>
      <c r="AC1051">
        <v>1</v>
      </c>
      <c r="AD1051">
        <v>1</v>
      </c>
      <c r="AE1051">
        <v>0</v>
      </c>
      <c r="AF1051">
        <v>0</v>
      </c>
      <c r="AG1051">
        <v>8.0215845334551048</v>
      </c>
      <c r="AH1051">
        <v>1.652087012969583E-2</v>
      </c>
      <c r="AI1051">
        <v>2.0001493609185551E-2</v>
      </c>
      <c r="AJ1051">
        <v>3.2554438199578241E-3</v>
      </c>
      <c r="AK1051">
        <v>-3.6592887117820078E-2</v>
      </c>
      <c r="AL1051">
        <v>3733.5538486411751</v>
      </c>
      <c r="AM1051">
        <v>7224.3993978251692</v>
      </c>
      <c r="AN1051">
        <v>388996.99999999988</v>
      </c>
      <c r="AO1051">
        <v>34.90698795029131</v>
      </c>
      <c r="AP1051">
        <v>3426.4776782194972</v>
      </c>
      <c r="AQ1051">
        <v>1.007543456871105</v>
      </c>
      <c r="AR1051">
        <v>3.9911446375860939</v>
      </c>
      <c r="AS1051">
        <v>3032</v>
      </c>
      <c r="AT1051">
        <v>265.39816333224007</v>
      </c>
      <c r="AU1051">
        <v>1.00309326748082E-2</v>
      </c>
      <c r="AV1051">
        <v>1.653057694203084E-2</v>
      </c>
      <c r="AW1051">
        <v>0.38012463102656607</v>
      </c>
      <c r="AX1051">
        <v>84.08628608923884</v>
      </c>
      <c r="AY1051">
        <v>63</v>
      </c>
      <c r="AZ1051">
        <v>126</v>
      </c>
      <c r="BA1051">
        <v>0.57664204127940688</v>
      </c>
      <c r="BB1051">
        <v>0.49852410626434901</v>
      </c>
      <c r="BC1051">
        <v>5.305657623775387</v>
      </c>
      <c r="BD1051" t="s">
        <v>4054</v>
      </c>
      <c r="BE1051" t="s">
        <v>68</v>
      </c>
    </row>
    <row r="1052" spans="1:57" x14ac:dyDescent="0.3">
      <c r="A1052" t="s">
        <v>4055</v>
      </c>
      <c r="B1052">
        <v>1802</v>
      </c>
      <c r="C1052" t="s">
        <v>4056</v>
      </c>
      <c r="D1052" t="s">
        <v>4057</v>
      </c>
      <c r="E1052" t="s">
        <v>128</v>
      </c>
      <c r="F1052">
        <v>32</v>
      </c>
      <c r="G1052">
        <v>134.90625</v>
      </c>
      <c r="H1052">
        <v>144.5</v>
      </c>
      <c r="I1052">
        <v>6544.0849609375</v>
      </c>
      <c r="J1052">
        <v>80.895518793920218</v>
      </c>
      <c r="K1052">
        <v>-8.3435051648104927E-2</v>
      </c>
      <c r="L1052">
        <v>-1.4528514599420559</v>
      </c>
      <c r="M1052">
        <v>5</v>
      </c>
      <c r="N1052">
        <v>1</v>
      </c>
      <c r="O1052">
        <v>1</v>
      </c>
      <c r="P1052">
        <v>0</v>
      </c>
      <c r="Q1052">
        <v>0</v>
      </c>
      <c r="R1052">
        <v>3.465735902799727</v>
      </c>
      <c r="S1052">
        <v>1</v>
      </c>
      <c r="T1052">
        <v>1</v>
      </c>
      <c r="U1052">
        <v>0</v>
      </c>
      <c r="V1052">
        <v>0</v>
      </c>
      <c r="W1052">
        <v>3.4339872044851458</v>
      </c>
      <c r="X1052">
        <v>1</v>
      </c>
      <c r="Y1052">
        <v>1</v>
      </c>
      <c r="Z1052">
        <v>0</v>
      </c>
      <c r="AA1052">
        <v>0</v>
      </c>
      <c r="AB1052">
        <v>3.401197381662155</v>
      </c>
      <c r="AC1052">
        <v>1</v>
      </c>
      <c r="AD1052">
        <v>1</v>
      </c>
      <c r="AE1052">
        <v>0</v>
      </c>
      <c r="AF1052">
        <v>0</v>
      </c>
      <c r="AG1052">
        <v>3.3672958299864728</v>
      </c>
      <c r="AH1052">
        <v>-0.37092333072880251</v>
      </c>
      <c r="AI1052">
        <v>5.6730984176878482E-2</v>
      </c>
      <c r="AJ1052">
        <v>0.24825072286175659</v>
      </c>
      <c r="AK1052">
        <v>0.100322614739008</v>
      </c>
      <c r="AL1052">
        <v>510.01500156466773</v>
      </c>
      <c r="AM1052">
        <v>729.16781208374243</v>
      </c>
      <c r="AN1052">
        <v>4317</v>
      </c>
      <c r="AO1052">
        <v>11.962436155945131</v>
      </c>
      <c r="AP1052">
        <v>358.98597936770898</v>
      </c>
      <c r="AQ1052">
        <v>1.71875</v>
      </c>
      <c r="AR1052">
        <v>4</v>
      </c>
      <c r="AS1052">
        <v>32</v>
      </c>
      <c r="AT1052">
        <v>0</v>
      </c>
      <c r="AU1052">
        <v>0.1126743027888446</v>
      </c>
      <c r="AV1052">
        <v>-0.37384188983179167</v>
      </c>
      <c r="AW1052">
        <v>0.34375</v>
      </c>
      <c r="AX1052">
        <v>118.6774193548387</v>
      </c>
      <c r="AY1052">
        <v>75.5</v>
      </c>
      <c r="AZ1052">
        <v>157.5</v>
      </c>
      <c r="BA1052">
        <v>0.59964248353149108</v>
      </c>
      <c r="BB1052">
        <v>0.53125</v>
      </c>
      <c r="BC1052">
        <v>3.2998296856670919</v>
      </c>
      <c r="BD1052" t="s">
        <v>4058</v>
      </c>
      <c r="BE1052" t="s">
        <v>62</v>
      </c>
    </row>
    <row r="1053" spans="1:57" x14ac:dyDescent="0.3">
      <c r="A1053" t="s">
        <v>4059</v>
      </c>
      <c r="B1053">
        <v>2932</v>
      </c>
      <c r="C1053" t="s">
        <v>4060</v>
      </c>
      <c r="D1053" t="s">
        <v>4061</v>
      </c>
      <c r="E1053" t="s">
        <v>106</v>
      </c>
      <c r="F1053">
        <v>2992</v>
      </c>
      <c r="G1053">
        <v>126.22493315508019</v>
      </c>
      <c r="H1053">
        <v>125.5</v>
      </c>
      <c r="I1053">
        <v>5475.1094986586331</v>
      </c>
      <c r="J1053">
        <v>73.99398285440941</v>
      </c>
      <c r="K1053">
        <v>2.7062884176406649E-2</v>
      </c>
      <c r="L1053">
        <v>-1.186125861481315</v>
      </c>
      <c r="M1053">
        <v>7.9412962517069241</v>
      </c>
      <c r="N1053">
        <v>21</v>
      </c>
      <c r="O1053">
        <v>3</v>
      </c>
      <c r="P1053">
        <v>18</v>
      </c>
      <c r="Q1053">
        <v>3.3042349719715758</v>
      </c>
      <c r="R1053">
        <v>5.5044871068619177</v>
      </c>
      <c r="S1053">
        <v>3</v>
      </c>
      <c r="T1053">
        <v>1</v>
      </c>
      <c r="U1053">
        <v>2</v>
      </c>
      <c r="V1053">
        <v>0.14968187867315491</v>
      </c>
      <c r="W1053">
        <v>7.9730613596608571</v>
      </c>
      <c r="X1053">
        <v>2</v>
      </c>
      <c r="Y1053">
        <v>1</v>
      </c>
      <c r="Z1053">
        <v>1</v>
      </c>
      <c r="AA1053">
        <v>1.8287922875498758E-2</v>
      </c>
      <c r="AB1053">
        <v>8.0025650227856957</v>
      </c>
      <c r="AC1053">
        <v>1</v>
      </c>
      <c r="AD1053">
        <v>1</v>
      </c>
      <c r="AE1053">
        <v>0</v>
      </c>
      <c r="AF1053">
        <v>0</v>
      </c>
      <c r="AG1053">
        <v>8.0026941622839374</v>
      </c>
      <c r="AH1053">
        <v>6.360649643790343E-4</v>
      </c>
      <c r="AI1053">
        <v>-2.6741522732033261E-2</v>
      </c>
      <c r="AJ1053">
        <v>-2.030091146113706E-2</v>
      </c>
      <c r="AK1053">
        <v>-2.347278849334515E-3</v>
      </c>
      <c r="AL1053">
        <v>3717.1583512621828</v>
      </c>
      <c r="AM1053">
        <v>7087.6653978331851</v>
      </c>
      <c r="AN1053">
        <v>377665</v>
      </c>
      <c r="AO1053">
        <v>68.582548187482757</v>
      </c>
      <c r="AP1053">
        <v>3435.7836961194898</v>
      </c>
      <c r="AQ1053">
        <v>1.007687165775401</v>
      </c>
      <c r="AR1053">
        <v>3.9799465240641712</v>
      </c>
      <c r="AS1053">
        <v>2982</v>
      </c>
      <c r="AT1053">
        <v>239.14438502673801</v>
      </c>
      <c r="AU1053">
        <v>1.408199643493757E-2</v>
      </c>
      <c r="AV1053">
        <v>6.3662460181740171E-4</v>
      </c>
      <c r="AW1053">
        <v>0.3729946524064171</v>
      </c>
      <c r="AX1053">
        <v>85.231695085255765</v>
      </c>
      <c r="AY1053">
        <v>64</v>
      </c>
      <c r="AZ1053">
        <v>128</v>
      </c>
      <c r="BA1053">
        <v>0.58620734434060073</v>
      </c>
      <c r="BB1053">
        <v>0.49364973262032091</v>
      </c>
      <c r="BC1053">
        <v>5.3191296098259144</v>
      </c>
      <c r="BD1053" t="s">
        <v>4062</v>
      </c>
      <c r="BE1053" t="s">
        <v>62</v>
      </c>
    </row>
    <row r="1054" spans="1:57" x14ac:dyDescent="0.3">
      <c r="A1054" t="s">
        <v>4063</v>
      </c>
      <c r="B1054">
        <v>3998</v>
      </c>
      <c r="C1054" t="s">
        <v>4064</v>
      </c>
      <c r="D1054" t="s">
        <v>4065</v>
      </c>
      <c r="E1054" t="s">
        <v>106</v>
      </c>
      <c r="F1054">
        <v>4028</v>
      </c>
      <c r="G1054">
        <v>128.34955312810331</v>
      </c>
      <c r="H1054">
        <v>130</v>
      </c>
      <c r="I1054">
        <v>5462.5004541200669</v>
      </c>
      <c r="J1054">
        <v>73.908730567640433</v>
      </c>
      <c r="K1054">
        <v>-3.2788835476342502E-2</v>
      </c>
      <c r="L1054">
        <v>-1.18924800237956</v>
      </c>
      <c r="M1054">
        <v>7.9537582339875721</v>
      </c>
      <c r="N1054">
        <v>29</v>
      </c>
      <c r="O1054">
        <v>4</v>
      </c>
      <c r="P1054">
        <v>25</v>
      </c>
      <c r="Q1054">
        <v>3.9080933150802579</v>
      </c>
      <c r="R1054">
        <v>5.5131250947439341</v>
      </c>
      <c r="S1054">
        <v>3</v>
      </c>
      <c r="T1054">
        <v>1</v>
      </c>
      <c r="U1054">
        <v>2</v>
      </c>
      <c r="V1054">
        <v>0.18662503597175639</v>
      </c>
      <c r="W1054">
        <v>8.2559333633630185</v>
      </c>
      <c r="X1054">
        <v>1</v>
      </c>
      <c r="Y1054">
        <v>1</v>
      </c>
      <c r="Z1054">
        <v>0</v>
      </c>
      <c r="AA1054">
        <v>0</v>
      </c>
      <c r="AB1054">
        <v>8.3005286061997374</v>
      </c>
      <c r="AC1054">
        <v>1</v>
      </c>
      <c r="AD1054">
        <v>1</v>
      </c>
      <c r="AE1054">
        <v>0</v>
      </c>
      <c r="AF1054">
        <v>0</v>
      </c>
      <c r="AG1054">
        <v>8.3002801898526606</v>
      </c>
      <c r="AH1054">
        <v>1.0172643082834529E-2</v>
      </c>
      <c r="AI1054">
        <v>-2.6767392986543681E-2</v>
      </c>
      <c r="AJ1054">
        <v>9.1362516634248912E-3</v>
      </c>
      <c r="AK1054">
        <v>5.3352305136711601E-4</v>
      </c>
      <c r="AL1054">
        <v>4283.5758310500287</v>
      </c>
      <c r="AM1054">
        <v>8367.1752760202216</v>
      </c>
      <c r="AN1054">
        <v>516992</v>
      </c>
      <c r="AO1054">
        <v>145.55956859938539</v>
      </c>
      <c r="AP1054">
        <v>3918.25807137127</v>
      </c>
      <c r="AQ1054">
        <v>1.0057100297914601</v>
      </c>
      <c r="AR1054">
        <v>3.989076464746772</v>
      </c>
      <c r="AS1054">
        <v>4009</v>
      </c>
      <c r="AT1054">
        <v>248.49652432969219</v>
      </c>
      <c r="AU1054">
        <v>1.4875284771306729E-2</v>
      </c>
      <c r="AV1054">
        <v>1.01765292344116E-2</v>
      </c>
      <c r="AW1054">
        <v>0.35973187686196623</v>
      </c>
      <c r="AX1054">
        <v>85.338465358827918</v>
      </c>
      <c r="AY1054">
        <v>64</v>
      </c>
      <c r="AZ1054">
        <v>127</v>
      </c>
      <c r="BA1054">
        <v>0.57583940704393033</v>
      </c>
      <c r="BB1054">
        <v>0.50595829195630582</v>
      </c>
      <c r="BC1054">
        <v>5.3210344983031401</v>
      </c>
      <c r="BD1054" t="s">
        <v>4066</v>
      </c>
      <c r="BE1054" t="s">
        <v>68</v>
      </c>
    </row>
    <row r="1055" spans="1:57" x14ac:dyDescent="0.3">
      <c r="A1055" t="s">
        <v>4067</v>
      </c>
      <c r="B1055">
        <v>2127</v>
      </c>
      <c r="C1055" t="s">
        <v>4068</v>
      </c>
      <c r="D1055" t="s">
        <v>4069</v>
      </c>
      <c r="E1055" t="s">
        <v>10622</v>
      </c>
      <c r="F1055">
        <v>64</v>
      </c>
      <c r="G1055">
        <v>151</v>
      </c>
      <c r="H1055">
        <v>156.5</v>
      </c>
      <c r="I1055">
        <v>5177</v>
      </c>
      <c r="J1055">
        <v>71.951372467799388</v>
      </c>
      <c r="K1055">
        <v>-0.28541465895482182</v>
      </c>
      <c r="L1055">
        <v>-1.066587910621895</v>
      </c>
      <c r="M1055">
        <v>5.769454882778696</v>
      </c>
      <c r="N1055">
        <v>3</v>
      </c>
      <c r="O1055">
        <v>1</v>
      </c>
      <c r="P1055">
        <v>2</v>
      </c>
      <c r="Q1055">
        <v>0.37790630225505289</v>
      </c>
      <c r="R1055">
        <v>3.9990813853658631</v>
      </c>
      <c r="S1055">
        <v>1</v>
      </c>
      <c r="T1055">
        <v>1</v>
      </c>
      <c r="U1055">
        <v>0</v>
      </c>
      <c r="V1055">
        <v>0</v>
      </c>
      <c r="W1055">
        <v>4.1431347263915326</v>
      </c>
      <c r="X1055">
        <v>1</v>
      </c>
      <c r="Y1055">
        <v>1</v>
      </c>
      <c r="Z1055">
        <v>0</v>
      </c>
      <c r="AA1055">
        <v>0</v>
      </c>
      <c r="AB1055">
        <v>4.1271343850450908</v>
      </c>
      <c r="AC1055">
        <v>1</v>
      </c>
      <c r="AD1055">
        <v>1</v>
      </c>
      <c r="AE1055">
        <v>0</v>
      </c>
      <c r="AF1055">
        <v>0</v>
      </c>
      <c r="AG1055">
        <v>4.1108738641733096</v>
      </c>
      <c r="AH1055">
        <v>-0.1002994011976048</v>
      </c>
      <c r="AI1055">
        <v>-2.891394630094649E-3</v>
      </c>
      <c r="AJ1055">
        <v>0.21979730056016999</v>
      </c>
      <c r="AK1055">
        <v>0.1005559445624879</v>
      </c>
      <c r="AL1055">
        <v>643.66383102020654</v>
      </c>
      <c r="AM1055">
        <v>1173.1533883667521</v>
      </c>
      <c r="AN1055">
        <v>9664</v>
      </c>
      <c r="AO1055">
        <v>68</v>
      </c>
      <c r="AP1055">
        <v>494.53913908938569</v>
      </c>
      <c r="AQ1055">
        <v>1.359375</v>
      </c>
      <c r="AR1055">
        <v>4.265625</v>
      </c>
      <c r="AS1055">
        <v>64</v>
      </c>
      <c r="AT1055">
        <v>7.25</v>
      </c>
      <c r="AU1055">
        <v>0.1150735294117647</v>
      </c>
      <c r="AV1055">
        <v>-0.1003101707350792</v>
      </c>
      <c r="AW1055">
        <v>0.265625</v>
      </c>
      <c r="AX1055">
        <v>88.126984126984127</v>
      </c>
      <c r="AY1055">
        <v>62</v>
      </c>
      <c r="AZ1055">
        <v>124</v>
      </c>
      <c r="BA1055">
        <v>0.47649915541589</v>
      </c>
      <c r="BB1055">
        <v>0.546875</v>
      </c>
      <c r="BC1055">
        <v>4.0331113643978904</v>
      </c>
      <c r="BD1055" t="s">
        <v>4070</v>
      </c>
      <c r="BE1055" t="s">
        <v>62</v>
      </c>
    </row>
    <row r="1056" spans="1:57" x14ac:dyDescent="0.3">
      <c r="A1056" t="s">
        <v>4071</v>
      </c>
      <c r="B1056">
        <v>1545</v>
      </c>
      <c r="C1056" t="s">
        <v>4072</v>
      </c>
      <c r="D1056" t="s">
        <v>4073</v>
      </c>
      <c r="E1056" t="s">
        <v>106</v>
      </c>
      <c r="F1056">
        <v>1573</v>
      </c>
      <c r="G1056">
        <v>124.79847425301971</v>
      </c>
      <c r="H1056">
        <v>120</v>
      </c>
      <c r="I1056">
        <v>5363.9651089244808</v>
      </c>
      <c r="J1056">
        <v>73.239095494991474</v>
      </c>
      <c r="K1056">
        <v>9.6801929101716214E-2</v>
      </c>
      <c r="L1056">
        <v>-1.1798034164094069</v>
      </c>
      <c r="M1056">
        <v>7.8565227033420024</v>
      </c>
      <c r="N1056">
        <v>15</v>
      </c>
      <c r="O1056">
        <v>1</v>
      </c>
      <c r="P1056">
        <v>14</v>
      </c>
      <c r="Q1056">
        <v>2.70680013443428</v>
      </c>
      <c r="R1056">
        <v>5.445726560826718</v>
      </c>
      <c r="S1056">
        <v>2</v>
      </c>
      <c r="T1056">
        <v>1</v>
      </c>
      <c r="U1056">
        <v>1</v>
      </c>
      <c r="V1056">
        <v>0.1039853684673223</v>
      </c>
      <c r="W1056">
        <v>7.3451122400762792</v>
      </c>
      <c r="X1056">
        <v>1</v>
      </c>
      <c r="Y1056">
        <v>1</v>
      </c>
      <c r="Z1056">
        <v>0</v>
      </c>
      <c r="AA1056">
        <v>0</v>
      </c>
      <c r="AB1056">
        <v>7.3594676382556221</v>
      </c>
      <c r="AC1056">
        <v>1</v>
      </c>
      <c r="AD1056">
        <v>1</v>
      </c>
      <c r="AE1056">
        <v>0</v>
      </c>
      <c r="AF1056">
        <v>0</v>
      </c>
      <c r="AG1056">
        <v>7.3588308983423536</v>
      </c>
      <c r="AH1056">
        <v>-1.2846504918979131E-2</v>
      </c>
      <c r="AI1056">
        <v>1.012637356051479E-2</v>
      </c>
      <c r="AJ1056">
        <v>-4.2335651193387377E-2</v>
      </c>
      <c r="AK1056">
        <v>-8.7001632996385261E-3</v>
      </c>
      <c r="AL1056">
        <v>2709.6272660621362</v>
      </c>
      <c r="AM1056">
        <v>5059.0884632523112</v>
      </c>
      <c r="AN1056">
        <v>196308</v>
      </c>
      <c r="AO1056">
        <v>69.116209490219561</v>
      </c>
      <c r="AP1056">
        <v>2420.8508191936089</v>
      </c>
      <c r="AQ1056">
        <v>1.014621741894469</v>
      </c>
      <c r="AR1056">
        <v>4.010807374443738</v>
      </c>
      <c r="AS1056">
        <v>1569</v>
      </c>
      <c r="AT1056">
        <v>305.255562619199</v>
      </c>
      <c r="AU1056">
        <v>3.3835683033544013E-2</v>
      </c>
      <c r="AV1056">
        <v>-1.285026215090552E-2</v>
      </c>
      <c r="AW1056">
        <v>0.40432294977749522</v>
      </c>
      <c r="AX1056">
        <v>84.545165394402034</v>
      </c>
      <c r="AY1056">
        <v>62</v>
      </c>
      <c r="AZ1056">
        <v>125</v>
      </c>
      <c r="BA1056">
        <v>0.58685890138772534</v>
      </c>
      <c r="BB1056">
        <v>0.48823903369357913</v>
      </c>
      <c r="BC1056">
        <v>5.2672007353017536</v>
      </c>
      <c r="BD1056" t="s">
        <v>4074</v>
      </c>
      <c r="BE1056" t="s">
        <v>68</v>
      </c>
    </row>
    <row r="1057" spans="1:57" x14ac:dyDescent="0.3">
      <c r="A1057" t="s">
        <v>4075</v>
      </c>
      <c r="B1057">
        <v>1965</v>
      </c>
      <c r="C1057" t="s">
        <v>4076</v>
      </c>
      <c r="D1057" t="s">
        <v>4077</v>
      </c>
      <c r="E1057" t="s">
        <v>85</v>
      </c>
      <c r="F1057">
        <v>8</v>
      </c>
      <c r="G1057">
        <v>166</v>
      </c>
      <c r="H1057">
        <v>165</v>
      </c>
      <c r="I1057">
        <v>2471.75</v>
      </c>
      <c r="J1057">
        <v>49.716697396347641</v>
      </c>
      <c r="K1057">
        <v>-0.1155144278260605</v>
      </c>
      <c r="L1057">
        <v>-1.5800536862541461</v>
      </c>
      <c r="M1057">
        <v>2.75</v>
      </c>
      <c r="N1057">
        <v>2</v>
      </c>
      <c r="O1057">
        <v>1</v>
      </c>
      <c r="P1057">
        <v>1</v>
      </c>
      <c r="Q1057">
        <v>0.34992710611188271</v>
      </c>
      <c r="R1057">
        <v>1.9061547465398501</v>
      </c>
      <c r="S1057">
        <v>1</v>
      </c>
      <c r="T1057">
        <v>1</v>
      </c>
      <c r="U1057">
        <v>0</v>
      </c>
      <c r="V1057">
        <v>0</v>
      </c>
      <c r="W1057">
        <v>1.945910149055313</v>
      </c>
      <c r="X1057">
        <v>1</v>
      </c>
      <c r="Y1057">
        <v>1</v>
      </c>
      <c r="Z1057">
        <v>0</v>
      </c>
      <c r="AA1057">
        <v>0</v>
      </c>
      <c r="AB1057">
        <v>1.791759469228055</v>
      </c>
      <c r="AC1057">
        <v>1</v>
      </c>
      <c r="AD1057">
        <v>1</v>
      </c>
      <c r="AE1057">
        <v>0</v>
      </c>
      <c r="AF1057">
        <v>0</v>
      </c>
      <c r="AG1057">
        <v>1.6094379124341009</v>
      </c>
      <c r="AH1057">
        <v>-0.3687164964094265</v>
      </c>
      <c r="AI1057">
        <v>-0.20046525740871851</v>
      </c>
      <c r="AJ1057">
        <v>7.0294325882471934E-2</v>
      </c>
      <c r="AK1057">
        <v>0</v>
      </c>
      <c r="AL1057">
        <v>270.05175960487969</v>
      </c>
      <c r="AM1057">
        <v>409.0159497309466</v>
      </c>
      <c r="AN1057">
        <v>1328</v>
      </c>
      <c r="AO1057">
        <v>18</v>
      </c>
      <c r="AP1057">
        <v>120.5532375192341</v>
      </c>
      <c r="AQ1057">
        <v>3.5</v>
      </c>
      <c r="AR1057">
        <v>3.875</v>
      </c>
      <c r="AS1057">
        <v>8</v>
      </c>
      <c r="AT1057">
        <v>0.74999999999999978</v>
      </c>
      <c r="AU1057">
        <v>0.39301310043668131</v>
      </c>
      <c r="AV1057">
        <v>-0.39057129332592611</v>
      </c>
      <c r="AW1057">
        <v>0.25</v>
      </c>
      <c r="AX1057">
        <v>79.714285714285708</v>
      </c>
      <c r="AY1057">
        <v>45.5</v>
      </c>
      <c r="AZ1057">
        <v>81.25</v>
      </c>
      <c r="BA1057">
        <v>0.29949817708643162</v>
      </c>
      <c r="BB1057">
        <v>0.5</v>
      </c>
      <c r="BC1057">
        <v>1.945910149055313</v>
      </c>
      <c r="BD1057" t="s">
        <v>4076</v>
      </c>
      <c r="BE1057" t="s">
        <v>68</v>
      </c>
    </row>
    <row r="1058" spans="1:57" x14ac:dyDescent="0.3">
      <c r="A1058" t="s">
        <v>4078</v>
      </c>
      <c r="B1058">
        <v>2357</v>
      </c>
      <c r="C1058" t="s">
        <v>4079</v>
      </c>
      <c r="D1058" t="s">
        <v>4080</v>
      </c>
      <c r="E1058" t="s">
        <v>10622</v>
      </c>
      <c r="F1058">
        <v>64</v>
      </c>
      <c r="G1058">
        <v>113.671875</v>
      </c>
      <c r="H1058">
        <v>104</v>
      </c>
      <c r="I1058">
        <v>5617.032958984375</v>
      </c>
      <c r="J1058">
        <v>74.946867572863738</v>
      </c>
      <c r="K1058">
        <v>0.24067931339958981</v>
      </c>
      <c r="L1058">
        <v>-1.2249385747418871</v>
      </c>
      <c r="M1058">
        <v>5.78125</v>
      </c>
      <c r="N1058">
        <v>2</v>
      </c>
      <c r="O1058">
        <v>1</v>
      </c>
      <c r="P1058">
        <v>1</v>
      </c>
      <c r="Q1058">
        <v>0.32821556024332821</v>
      </c>
      <c r="R1058">
        <v>4.0072571376121839</v>
      </c>
      <c r="S1058">
        <v>1</v>
      </c>
      <c r="T1058">
        <v>1</v>
      </c>
      <c r="U1058">
        <v>0</v>
      </c>
      <c r="V1058">
        <v>0</v>
      </c>
      <c r="W1058">
        <v>4.1431347263915326</v>
      </c>
      <c r="X1058">
        <v>1</v>
      </c>
      <c r="Y1058">
        <v>1</v>
      </c>
      <c r="Z1058">
        <v>0</v>
      </c>
      <c r="AA1058">
        <v>0</v>
      </c>
      <c r="AB1058">
        <v>4.1271343850450908</v>
      </c>
      <c r="AC1058">
        <v>1</v>
      </c>
      <c r="AD1058">
        <v>1</v>
      </c>
      <c r="AE1058">
        <v>0</v>
      </c>
      <c r="AF1058">
        <v>0</v>
      </c>
      <c r="AG1058">
        <v>4.1108738641733096</v>
      </c>
      <c r="AH1058">
        <v>-8.0913600005815531E-2</v>
      </c>
      <c r="AI1058">
        <v>-1.0878332198986519E-2</v>
      </c>
      <c r="AJ1058">
        <v>3.8721056037181477E-2</v>
      </c>
      <c r="AK1058">
        <v>-0.13378983810924561</v>
      </c>
      <c r="AL1058">
        <v>667.22798221021299</v>
      </c>
      <c r="AM1058">
        <v>860.96447066977601</v>
      </c>
      <c r="AN1058">
        <v>7275</v>
      </c>
      <c r="AO1058">
        <v>132.3861136071686</v>
      </c>
      <c r="AP1058">
        <v>580.29468505143245</v>
      </c>
      <c r="AQ1058">
        <v>1.359375</v>
      </c>
      <c r="AR1058">
        <v>4.015625</v>
      </c>
      <c r="AS1058">
        <v>64</v>
      </c>
      <c r="AT1058">
        <v>5.4687499999999991</v>
      </c>
      <c r="AU1058">
        <v>0.1389093137254902</v>
      </c>
      <c r="AV1058">
        <v>-8.3373948246692239E-2</v>
      </c>
      <c r="AW1058">
        <v>0.421875</v>
      </c>
      <c r="AX1058">
        <v>91.730158730158735</v>
      </c>
      <c r="AY1058">
        <v>67</v>
      </c>
      <c r="AZ1058">
        <v>135.25</v>
      </c>
      <c r="BA1058">
        <v>0.65932639514271885</v>
      </c>
      <c r="BB1058">
        <v>0.46875</v>
      </c>
      <c r="BC1058">
        <v>3.9450926748029782</v>
      </c>
      <c r="BD1058" t="s">
        <v>4081</v>
      </c>
      <c r="BE1058" t="s">
        <v>62</v>
      </c>
    </row>
    <row r="1059" spans="1:57" x14ac:dyDescent="0.3">
      <c r="A1059" t="s">
        <v>4082</v>
      </c>
      <c r="B1059">
        <v>2922</v>
      </c>
      <c r="C1059" t="s">
        <v>4083</v>
      </c>
      <c r="D1059" t="s">
        <v>4084</v>
      </c>
      <c r="E1059" t="s">
        <v>115</v>
      </c>
      <c r="F1059">
        <v>2992</v>
      </c>
      <c r="G1059">
        <v>127.5230614973262</v>
      </c>
      <c r="H1059">
        <v>128</v>
      </c>
      <c r="I1059">
        <v>5506.3243344775019</v>
      </c>
      <c r="J1059">
        <v>74.204611275024561</v>
      </c>
      <c r="K1059">
        <v>6.3997862701835866E-3</v>
      </c>
      <c r="L1059">
        <v>-1.193389088979468</v>
      </c>
      <c r="M1059">
        <v>7.9338751498092703</v>
      </c>
      <c r="N1059">
        <v>21</v>
      </c>
      <c r="O1059">
        <v>2</v>
      </c>
      <c r="P1059">
        <v>19</v>
      </c>
      <c r="Q1059">
        <v>3.463537750624353</v>
      </c>
      <c r="R1059">
        <v>5.4993431910049111</v>
      </c>
      <c r="S1059">
        <v>3</v>
      </c>
      <c r="T1059">
        <v>1</v>
      </c>
      <c r="U1059">
        <v>2</v>
      </c>
      <c r="V1059">
        <v>0.1646701275588896</v>
      </c>
      <c r="W1059">
        <v>7.9680765920584733</v>
      </c>
      <c r="X1059">
        <v>1</v>
      </c>
      <c r="Y1059">
        <v>1</v>
      </c>
      <c r="Z1059">
        <v>0</v>
      </c>
      <c r="AA1059">
        <v>0</v>
      </c>
      <c r="AB1059">
        <v>8.0030286663847328</v>
      </c>
      <c r="AC1059">
        <v>1</v>
      </c>
      <c r="AD1059">
        <v>1</v>
      </c>
      <c r="AE1059">
        <v>0</v>
      </c>
      <c r="AF1059">
        <v>0</v>
      </c>
      <c r="AG1059">
        <v>8.0026941622839374</v>
      </c>
      <c r="AH1059">
        <v>1.3042625499934971E-2</v>
      </c>
      <c r="AI1059">
        <v>-2.270039977417565E-2</v>
      </c>
      <c r="AJ1059">
        <v>-3.066495253955707E-3</v>
      </c>
      <c r="AK1059">
        <v>4.1502314416072911E-2</v>
      </c>
      <c r="AL1059">
        <v>3732.334083515485</v>
      </c>
      <c r="AM1059">
        <v>7155.4805072076488</v>
      </c>
      <c r="AN1059">
        <v>381549</v>
      </c>
      <c r="AO1059">
        <v>104.2709485767424</v>
      </c>
      <c r="AP1059">
        <v>3355.6840386700269</v>
      </c>
      <c r="AQ1059">
        <v>1.007687165775401</v>
      </c>
      <c r="AR1059">
        <v>3.9866310160427809</v>
      </c>
      <c r="AS1059">
        <v>2979</v>
      </c>
      <c r="AT1059">
        <v>262.75935828876999</v>
      </c>
      <c r="AU1059">
        <v>1.198752228163991E-2</v>
      </c>
      <c r="AV1059">
        <v>1.305315998508293E-2</v>
      </c>
      <c r="AW1059">
        <v>0.3729946524064171</v>
      </c>
      <c r="AX1059">
        <v>84.935807422266805</v>
      </c>
      <c r="AY1059">
        <v>64</v>
      </c>
      <c r="AZ1059">
        <v>128</v>
      </c>
      <c r="BA1059">
        <v>0.5818917018125418</v>
      </c>
      <c r="BB1059">
        <v>0.50033422459893051</v>
      </c>
      <c r="BC1059">
        <v>5.3063633639055698</v>
      </c>
      <c r="BD1059" t="s">
        <v>4085</v>
      </c>
      <c r="BE1059" t="s">
        <v>62</v>
      </c>
    </row>
    <row r="1060" spans="1:57" x14ac:dyDescent="0.3">
      <c r="A1060" t="s">
        <v>4086</v>
      </c>
      <c r="B1060">
        <v>2191</v>
      </c>
      <c r="C1060" t="s">
        <v>4087</v>
      </c>
      <c r="D1060" t="s">
        <v>4088</v>
      </c>
      <c r="E1060" t="s">
        <v>115</v>
      </c>
      <c r="F1060">
        <v>2256</v>
      </c>
      <c r="G1060">
        <v>129.77836879432621</v>
      </c>
      <c r="H1060">
        <v>132</v>
      </c>
      <c r="I1060">
        <v>5493.6733973391683</v>
      </c>
      <c r="J1060">
        <v>74.119318651341956</v>
      </c>
      <c r="K1060">
        <v>-4.0671056997970682E-2</v>
      </c>
      <c r="L1060">
        <v>-1.184050048599036</v>
      </c>
      <c r="M1060">
        <v>7.9102681777384607</v>
      </c>
      <c r="N1060">
        <v>18</v>
      </c>
      <c r="O1060">
        <v>3</v>
      </c>
      <c r="P1060">
        <v>15</v>
      </c>
      <c r="Q1060">
        <v>3.0637752446940358</v>
      </c>
      <c r="R1060">
        <v>5.4829800848724801</v>
      </c>
      <c r="S1060">
        <v>2</v>
      </c>
      <c r="T1060">
        <v>1</v>
      </c>
      <c r="U1060">
        <v>1</v>
      </c>
      <c r="V1060">
        <v>0.14279449329230171</v>
      </c>
      <c r="W1060">
        <v>7.6926260764993026</v>
      </c>
      <c r="X1060">
        <v>1</v>
      </c>
      <c r="Y1060">
        <v>1</v>
      </c>
      <c r="Z1060">
        <v>0</v>
      </c>
      <c r="AA1060">
        <v>0</v>
      </c>
      <c r="AB1060">
        <v>7.7204616945997238</v>
      </c>
      <c r="AC1060">
        <v>1</v>
      </c>
      <c r="AD1060">
        <v>1</v>
      </c>
      <c r="AE1060">
        <v>0</v>
      </c>
      <c r="AF1060">
        <v>0</v>
      </c>
      <c r="AG1060">
        <v>7.7200179404322427</v>
      </c>
      <c r="AH1060">
        <v>-1.6394673972820809E-2</v>
      </c>
      <c r="AI1060">
        <v>-2.3338530663549961E-2</v>
      </c>
      <c r="AJ1060">
        <v>-8.3532654527059286E-3</v>
      </c>
      <c r="AK1060">
        <v>2.2031998672072629E-3</v>
      </c>
      <c r="AL1060">
        <v>3258.7120240317931</v>
      </c>
      <c r="AM1060">
        <v>6306.4279861448204</v>
      </c>
      <c r="AN1060">
        <v>292780</v>
      </c>
      <c r="AO1060">
        <v>68.528434872649285</v>
      </c>
      <c r="AP1060">
        <v>2935.0987575796998</v>
      </c>
      <c r="AQ1060">
        <v>1.010195035460993</v>
      </c>
      <c r="AR1060">
        <v>4.0509751773049647</v>
      </c>
      <c r="AS1060">
        <v>2246</v>
      </c>
      <c r="AT1060">
        <v>272.68085106382978</v>
      </c>
      <c r="AU1060">
        <v>2.2919274092615741E-2</v>
      </c>
      <c r="AV1060">
        <v>-1.6413883310155E-2</v>
      </c>
      <c r="AW1060">
        <v>0.35593971631205668</v>
      </c>
      <c r="AX1060">
        <v>86.335254988913519</v>
      </c>
      <c r="AY1060">
        <v>64</v>
      </c>
      <c r="AZ1060">
        <v>127</v>
      </c>
      <c r="BA1060">
        <v>0.57112228593970715</v>
      </c>
      <c r="BB1060">
        <v>0.50842198581560283</v>
      </c>
      <c r="BC1060">
        <v>5.3083343031091097</v>
      </c>
      <c r="BD1060" t="s">
        <v>4089</v>
      </c>
      <c r="BE1060" t="s">
        <v>62</v>
      </c>
    </row>
    <row r="1061" spans="1:57" x14ac:dyDescent="0.3">
      <c r="A1061" t="s">
        <v>4090</v>
      </c>
      <c r="B1061">
        <v>3094</v>
      </c>
      <c r="C1061" t="s">
        <v>4091</v>
      </c>
      <c r="D1061" t="s">
        <v>4092</v>
      </c>
      <c r="E1061" t="s">
        <v>128</v>
      </c>
      <c r="F1061">
        <v>32</v>
      </c>
      <c r="G1061">
        <v>136.4375</v>
      </c>
      <c r="H1061">
        <v>148.5</v>
      </c>
      <c r="I1061">
        <v>4203.05859375</v>
      </c>
      <c r="J1061">
        <v>64.831000252579784</v>
      </c>
      <c r="K1061">
        <v>-0.2236845766539515</v>
      </c>
      <c r="L1061">
        <v>-0.77571816937242266</v>
      </c>
      <c r="M1061">
        <v>4.8125</v>
      </c>
      <c r="N1061">
        <v>2</v>
      </c>
      <c r="O1061">
        <v>1</v>
      </c>
      <c r="P1061">
        <v>1</v>
      </c>
      <c r="Q1061">
        <v>0.3045434781492361</v>
      </c>
      <c r="R1061">
        <v>3.335770806444736</v>
      </c>
      <c r="S1061">
        <v>1</v>
      </c>
      <c r="T1061">
        <v>1</v>
      </c>
      <c r="U1061">
        <v>0</v>
      </c>
      <c r="V1061">
        <v>0</v>
      </c>
      <c r="W1061">
        <v>3.4339872044851458</v>
      </c>
      <c r="X1061">
        <v>1</v>
      </c>
      <c r="Y1061">
        <v>1</v>
      </c>
      <c r="Z1061">
        <v>0</v>
      </c>
      <c r="AA1061">
        <v>0</v>
      </c>
      <c r="AB1061">
        <v>3.401197381662155</v>
      </c>
      <c r="AC1061">
        <v>1</v>
      </c>
      <c r="AD1061">
        <v>1</v>
      </c>
      <c r="AE1061">
        <v>0</v>
      </c>
      <c r="AF1061">
        <v>0</v>
      </c>
      <c r="AG1061">
        <v>3.3672958299864728</v>
      </c>
      <c r="AH1061">
        <v>-0.1562478508024755</v>
      </c>
      <c r="AI1061">
        <v>3.4508386749604783E-2</v>
      </c>
      <c r="AJ1061">
        <v>-6.1586155403942258E-2</v>
      </c>
      <c r="AK1061">
        <v>-0.1783176987926389</v>
      </c>
      <c r="AL1061">
        <v>464.70300969304151</v>
      </c>
      <c r="AM1061">
        <v>717.10188452006525</v>
      </c>
      <c r="AN1061">
        <v>4366</v>
      </c>
      <c r="AO1061">
        <v>100.647901120689</v>
      </c>
      <c r="AP1061">
        <v>328.76538947384029</v>
      </c>
      <c r="AQ1061">
        <v>1.71875</v>
      </c>
      <c r="AR1061">
        <v>3.78125</v>
      </c>
      <c r="AS1061">
        <v>32</v>
      </c>
      <c r="AT1061">
        <v>2.4375</v>
      </c>
      <c r="AU1061">
        <v>0.15927419354838709</v>
      </c>
      <c r="AV1061">
        <v>-0.16057770236932409</v>
      </c>
      <c r="AW1061">
        <v>0.375</v>
      </c>
      <c r="AX1061">
        <v>75.258064516129039</v>
      </c>
      <c r="AY1061">
        <v>57.5</v>
      </c>
      <c r="AZ1061">
        <v>84.5</v>
      </c>
      <c r="BA1061">
        <v>0.47516995146187663</v>
      </c>
      <c r="BB1061">
        <v>0.5625</v>
      </c>
      <c r="BC1061">
        <v>3.3445488586064429</v>
      </c>
      <c r="BD1061" t="s">
        <v>4093</v>
      </c>
      <c r="BE1061" t="s">
        <v>62</v>
      </c>
    </row>
    <row r="1062" spans="1:57" x14ac:dyDescent="0.3">
      <c r="A1062" t="s">
        <v>4094</v>
      </c>
      <c r="B1062">
        <v>1052</v>
      </c>
      <c r="C1062" t="s">
        <v>4095</v>
      </c>
      <c r="D1062" t="s">
        <v>4096</v>
      </c>
      <c r="E1062" t="s">
        <v>85</v>
      </c>
      <c r="F1062">
        <v>8</v>
      </c>
      <c r="G1062">
        <v>121.5</v>
      </c>
      <c r="H1062">
        <v>95</v>
      </c>
      <c r="I1062">
        <v>4514</v>
      </c>
      <c r="J1062">
        <v>67.186308128963304</v>
      </c>
      <c r="K1062">
        <v>0.66169889236822099</v>
      </c>
      <c r="L1062">
        <v>-1.0236860482938031</v>
      </c>
      <c r="M1062">
        <v>3</v>
      </c>
      <c r="N1062">
        <v>1</v>
      </c>
      <c r="O1062">
        <v>1</v>
      </c>
      <c r="P1062">
        <v>0</v>
      </c>
      <c r="Q1062">
        <v>0</v>
      </c>
      <c r="R1062">
        <v>2.0794415416798362</v>
      </c>
      <c r="S1062">
        <v>1</v>
      </c>
      <c r="T1062">
        <v>1</v>
      </c>
      <c r="U1062">
        <v>0</v>
      </c>
      <c r="V1062">
        <v>0</v>
      </c>
      <c r="W1062">
        <v>1.945910149055313</v>
      </c>
      <c r="X1062">
        <v>1</v>
      </c>
      <c r="Y1062">
        <v>1</v>
      </c>
      <c r="Z1062">
        <v>0</v>
      </c>
      <c r="AA1062">
        <v>0</v>
      </c>
      <c r="AB1062">
        <v>1.791759469228055</v>
      </c>
      <c r="AC1062">
        <v>1</v>
      </c>
      <c r="AD1062">
        <v>1</v>
      </c>
      <c r="AE1062">
        <v>0</v>
      </c>
      <c r="AF1062">
        <v>0</v>
      </c>
      <c r="AG1062">
        <v>1.6094379124341009</v>
      </c>
      <c r="AH1062">
        <v>-7.0828256535223746E-2</v>
      </c>
      <c r="AI1062">
        <v>-0.3385716659282233</v>
      </c>
      <c r="AJ1062">
        <v>-0.36561946167478948</v>
      </c>
      <c r="AK1062">
        <v>0</v>
      </c>
      <c r="AL1062">
        <v>281.98962012598719</v>
      </c>
      <c r="AM1062">
        <v>273.29810489866452</v>
      </c>
      <c r="AN1062">
        <v>972</v>
      </c>
      <c r="AO1062">
        <v>68</v>
      </c>
      <c r="AP1062">
        <v>232.58703899071531</v>
      </c>
      <c r="AQ1062">
        <v>3.5</v>
      </c>
      <c r="AR1062">
        <v>4.5</v>
      </c>
      <c r="AS1062">
        <v>8</v>
      </c>
      <c r="AT1062">
        <v>0</v>
      </c>
      <c r="AU1062">
        <v>0.39549180327868849</v>
      </c>
      <c r="AV1062">
        <v>-0.17131522933783039</v>
      </c>
      <c r="AW1062">
        <v>0.625</v>
      </c>
      <c r="AX1062">
        <v>77.857142857142861</v>
      </c>
      <c r="AY1062">
        <v>42</v>
      </c>
      <c r="AZ1062">
        <v>97.75</v>
      </c>
      <c r="BA1062">
        <v>0.55297372945648815</v>
      </c>
      <c r="BB1062">
        <v>0.375</v>
      </c>
      <c r="BC1062">
        <v>1.945910149055313</v>
      </c>
      <c r="BD1062" t="s">
        <v>4095</v>
      </c>
      <c r="BE1062" t="s">
        <v>68</v>
      </c>
    </row>
    <row r="1063" spans="1:57" x14ac:dyDescent="0.3">
      <c r="A1063" t="s">
        <v>4097</v>
      </c>
      <c r="B1063">
        <v>1722</v>
      </c>
      <c r="C1063" t="s">
        <v>4098</v>
      </c>
      <c r="D1063" t="s">
        <v>4099</v>
      </c>
      <c r="E1063" t="s">
        <v>98</v>
      </c>
      <c r="F1063">
        <v>16</v>
      </c>
      <c r="G1063">
        <v>119.5625</v>
      </c>
      <c r="H1063">
        <v>112.5</v>
      </c>
      <c r="I1063">
        <v>6049.49609375</v>
      </c>
      <c r="J1063">
        <v>77.778506631009577</v>
      </c>
      <c r="K1063">
        <v>-1.567734216006151E-2</v>
      </c>
      <c r="L1063">
        <v>-1.459394491605235</v>
      </c>
      <c r="M1063">
        <v>4</v>
      </c>
      <c r="N1063">
        <v>1</v>
      </c>
      <c r="O1063">
        <v>1</v>
      </c>
      <c r="P1063">
        <v>0</v>
      </c>
      <c r="Q1063">
        <v>0</v>
      </c>
      <c r="R1063">
        <v>2.7725887222397811</v>
      </c>
      <c r="S1063">
        <v>1</v>
      </c>
      <c r="T1063">
        <v>1</v>
      </c>
      <c r="U1063">
        <v>0</v>
      </c>
      <c r="V1063">
        <v>0</v>
      </c>
      <c r="W1063">
        <v>2.7080502011022101</v>
      </c>
      <c r="X1063">
        <v>1</v>
      </c>
      <c r="Y1063">
        <v>1</v>
      </c>
      <c r="Z1063">
        <v>0</v>
      </c>
      <c r="AA1063">
        <v>0</v>
      </c>
      <c r="AB1063">
        <v>2.639057329615258</v>
      </c>
      <c r="AC1063">
        <v>1</v>
      </c>
      <c r="AD1063">
        <v>1</v>
      </c>
      <c r="AE1063">
        <v>0</v>
      </c>
      <c r="AF1063">
        <v>0</v>
      </c>
      <c r="AG1063">
        <v>2.5649493574615372</v>
      </c>
      <c r="AH1063">
        <v>-0.23666683401445501</v>
      </c>
      <c r="AI1063">
        <v>-0.23729709215191611</v>
      </c>
      <c r="AJ1063">
        <v>-4.0912054593906649E-2</v>
      </c>
      <c r="AK1063">
        <v>-8.0027730228047142E-2</v>
      </c>
      <c r="AL1063">
        <v>383.60236861201281</v>
      </c>
      <c r="AM1063">
        <v>422.33188702163318</v>
      </c>
      <c r="AN1063">
        <v>1913</v>
      </c>
      <c r="AO1063">
        <v>61.780698405915743</v>
      </c>
      <c r="AP1063">
        <v>252.85185492052031</v>
      </c>
      <c r="AQ1063">
        <v>2.3125</v>
      </c>
      <c r="AR1063">
        <v>3.625</v>
      </c>
      <c r="AS1063">
        <v>16</v>
      </c>
      <c r="AT1063">
        <v>0</v>
      </c>
      <c r="AU1063">
        <v>0.1320606694560669</v>
      </c>
      <c r="AV1063">
        <v>-0.24554058014442609</v>
      </c>
      <c r="AW1063">
        <v>0.4375</v>
      </c>
      <c r="AX1063">
        <v>109.5333333333333</v>
      </c>
      <c r="AY1063">
        <v>72</v>
      </c>
      <c r="AZ1063">
        <v>146</v>
      </c>
      <c r="BA1063">
        <v>0.65052593104869483</v>
      </c>
      <c r="BB1063">
        <v>0.4375</v>
      </c>
      <c r="BC1063">
        <v>2.7080502011022101</v>
      </c>
      <c r="BD1063" t="s">
        <v>4098</v>
      </c>
      <c r="BE1063" t="s">
        <v>62</v>
      </c>
    </row>
    <row r="1064" spans="1:57" x14ac:dyDescent="0.3">
      <c r="A1064" t="s">
        <v>4100</v>
      </c>
      <c r="B1064">
        <v>1548</v>
      </c>
      <c r="C1064" t="s">
        <v>4101</v>
      </c>
      <c r="D1064" t="s">
        <v>4102</v>
      </c>
      <c r="E1064" t="s">
        <v>66</v>
      </c>
      <c r="F1064">
        <v>71</v>
      </c>
      <c r="G1064">
        <v>120.0281690140845</v>
      </c>
      <c r="H1064">
        <v>114</v>
      </c>
      <c r="I1064">
        <v>6484.6470938305893</v>
      </c>
      <c r="J1064">
        <v>80.527306510466303</v>
      </c>
      <c r="K1064">
        <v>8.6724867229425823E-2</v>
      </c>
      <c r="L1064">
        <v>-1.35967410822372</v>
      </c>
      <c r="M1064">
        <v>5.7798222954696028</v>
      </c>
      <c r="N1064">
        <v>3</v>
      </c>
      <c r="O1064">
        <v>1</v>
      </c>
      <c r="P1064">
        <v>2</v>
      </c>
      <c r="Q1064">
        <v>0.51353414940824127</v>
      </c>
      <c r="R1064">
        <v>4.0062675282422688</v>
      </c>
      <c r="S1064">
        <v>1</v>
      </c>
      <c r="T1064">
        <v>1</v>
      </c>
      <c r="U1064">
        <v>0</v>
      </c>
      <c r="V1064">
        <v>0</v>
      </c>
      <c r="W1064">
        <v>4.2484952420493576</v>
      </c>
      <c r="X1064">
        <v>1</v>
      </c>
      <c r="Y1064">
        <v>1</v>
      </c>
      <c r="Z1064">
        <v>0</v>
      </c>
      <c r="AA1064">
        <v>0</v>
      </c>
      <c r="AB1064">
        <v>4.2341065045972579</v>
      </c>
      <c r="AC1064">
        <v>1</v>
      </c>
      <c r="AD1064">
        <v>1</v>
      </c>
      <c r="AE1064">
        <v>0</v>
      </c>
      <c r="AF1064">
        <v>0</v>
      </c>
      <c r="AG1064">
        <v>4.2195077051761087</v>
      </c>
      <c r="AH1064">
        <v>0.1112338753975705</v>
      </c>
      <c r="AI1064">
        <v>8.3463857571508482E-2</v>
      </c>
      <c r="AJ1064">
        <v>-5.3920082173251872E-2</v>
      </c>
      <c r="AK1064">
        <v>4.8481486052867818E-2</v>
      </c>
      <c r="AL1064">
        <v>692.97265295312707</v>
      </c>
      <c r="AM1064">
        <v>1001.53826799534</v>
      </c>
      <c r="AN1064">
        <v>8522</v>
      </c>
      <c r="AO1064">
        <v>62.64774988128304</v>
      </c>
      <c r="AP1064">
        <v>475.72384629038697</v>
      </c>
      <c r="AQ1064">
        <v>1.323943661971831</v>
      </c>
      <c r="AR1064">
        <v>3.845070422535211</v>
      </c>
      <c r="AS1064">
        <v>71</v>
      </c>
      <c r="AT1064">
        <v>12.929577464788739</v>
      </c>
      <c r="AU1064">
        <v>0.12271265387601191</v>
      </c>
      <c r="AV1064">
        <v>0.11222641938805999</v>
      </c>
      <c r="AW1064">
        <v>0.352112676056338</v>
      </c>
      <c r="AX1064">
        <v>87.1</v>
      </c>
      <c r="AY1064">
        <v>66</v>
      </c>
      <c r="AZ1064">
        <v>142.5</v>
      </c>
      <c r="BA1064">
        <v>0.67090339852653214</v>
      </c>
      <c r="BB1064">
        <v>0.47887323943661969</v>
      </c>
      <c r="BC1064">
        <v>3.9835656015018861</v>
      </c>
      <c r="BD1064" t="s">
        <v>4103</v>
      </c>
      <c r="BE1064" t="s">
        <v>68</v>
      </c>
    </row>
    <row r="1065" spans="1:57" x14ac:dyDescent="0.3">
      <c r="A1065" t="s">
        <v>4104</v>
      </c>
      <c r="B1065">
        <v>955</v>
      </c>
      <c r="C1065" t="s">
        <v>4105</v>
      </c>
      <c r="D1065" t="s">
        <v>4106</v>
      </c>
      <c r="E1065" t="s">
        <v>115</v>
      </c>
      <c r="F1065">
        <v>976</v>
      </c>
      <c r="G1065">
        <v>128.8125</v>
      </c>
      <c r="H1065">
        <v>127</v>
      </c>
      <c r="I1065">
        <v>5532.338819159836</v>
      </c>
      <c r="J1065">
        <v>74.379693594151334</v>
      </c>
      <c r="K1065">
        <v>-1.7753287406313378E-2</v>
      </c>
      <c r="L1065">
        <v>-1.220826495160108</v>
      </c>
      <c r="M1065">
        <v>7.7937978139382151</v>
      </c>
      <c r="N1065">
        <v>11</v>
      </c>
      <c r="O1065">
        <v>1</v>
      </c>
      <c r="P1065">
        <v>10</v>
      </c>
      <c r="Q1065">
        <v>1.91592901747429</v>
      </c>
      <c r="R1065">
        <v>5.4022489805855347</v>
      </c>
      <c r="S1065">
        <v>2</v>
      </c>
      <c r="T1065">
        <v>1</v>
      </c>
      <c r="U1065">
        <v>1</v>
      </c>
      <c r="V1065">
        <v>7.1610536028091767E-2</v>
      </c>
      <c r="W1065">
        <v>6.8753282691459479</v>
      </c>
      <c r="X1065">
        <v>1</v>
      </c>
      <c r="Y1065">
        <v>1</v>
      </c>
      <c r="Z1065">
        <v>0</v>
      </c>
      <c r="AA1065">
        <v>0</v>
      </c>
      <c r="AB1065">
        <v>6.8814113036425351</v>
      </c>
      <c r="AC1065">
        <v>1</v>
      </c>
      <c r="AD1065">
        <v>1</v>
      </c>
      <c r="AE1065">
        <v>0</v>
      </c>
      <c r="AF1065">
        <v>0</v>
      </c>
      <c r="AG1065">
        <v>6.8803840821860032</v>
      </c>
      <c r="AH1065">
        <v>5.5823368444548688E-2</v>
      </c>
      <c r="AI1065">
        <v>2.2806718213047882E-2</v>
      </c>
      <c r="AJ1065">
        <v>-1.568707841420908E-2</v>
      </c>
      <c r="AK1065">
        <v>-4.9460443573190764E-3</v>
      </c>
      <c r="AL1065">
        <v>2185.3853929559632</v>
      </c>
      <c r="AM1065">
        <v>4100.9864281968439</v>
      </c>
      <c r="AN1065">
        <v>125721</v>
      </c>
      <c r="AO1065">
        <v>83.477073600433584</v>
      </c>
      <c r="AP1065">
        <v>1858.072404535616</v>
      </c>
      <c r="AQ1065">
        <v>1.0235655737704921</v>
      </c>
      <c r="AR1065">
        <v>4.033811475409836</v>
      </c>
      <c r="AS1065">
        <v>968</v>
      </c>
      <c r="AT1065">
        <v>235.0655737704918</v>
      </c>
      <c r="AU1065">
        <v>2.6121022179363521E-2</v>
      </c>
      <c r="AV1065">
        <v>5.5898288915535298E-2</v>
      </c>
      <c r="AW1065">
        <v>0.37090163934426229</v>
      </c>
      <c r="AX1065">
        <v>83.04</v>
      </c>
      <c r="AY1065">
        <v>66</v>
      </c>
      <c r="AZ1065">
        <v>130</v>
      </c>
      <c r="BA1065">
        <v>0.57742605410306713</v>
      </c>
      <c r="BB1065">
        <v>0.4969262295081967</v>
      </c>
      <c r="BC1065">
        <v>5.209495394188389</v>
      </c>
      <c r="BD1065" t="s">
        <v>4107</v>
      </c>
      <c r="BE1065" t="s">
        <v>62</v>
      </c>
    </row>
    <row r="1066" spans="1:57" x14ac:dyDescent="0.3">
      <c r="A1066" t="s">
        <v>4108</v>
      </c>
      <c r="B1066">
        <v>132</v>
      </c>
      <c r="C1066" t="s">
        <v>4109</v>
      </c>
      <c r="D1066" t="s">
        <v>4110</v>
      </c>
      <c r="E1066" t="s">
        <v>60</v>
      </c>
      <c r="F1066">
        <v>256</v>
      </c>
      <c r="G1066">
        <v>126.8125</v>
      </c>
      <c r="H1066">
        <v>129</v>
      </c>
      <c r="I1066">
        <v>5158.51171875</v>
      </c>
      <c r="J1066">
        <v>71.822779943065413</v>
      </c>
      <c r="K1066">
        <v>9.5372852214013426E-2</v>
      </c>
      <c r="L1066">
        <v>-1.104997248408855</v>
      </c>
      <c r="M1066">
        <v>7.2121568730115158</v>
      </c>
      <c r="N1066">
        <v>5</v>
      </c>
      <c r="O1066">
        <v>1</v>
      </c>
      <c r="P1066">
        <v>4</v>
      </c>
      <c r="Q1066">
        <v>0.76598963998105773</v>
      </c>
      <c r="R1066">
        <v>4.9990862022839622</v>
      </c>
      <c r="S1066">
        <v>1</v>
      </c>
      <c r="T1066">
        <v>1</v>
      </c>
      <c r="U1066">
        <v>0</v>
      </c>
      <c r="V1066">
        <v>0</v>
      </c>
      <c r="W1066">
        <v>5.541263545158424</v>
      </c>
      <c r="X1066">
        <v>1</v>
      </c>
      <c r="Y1066">
        <v>1</v>
      </c>
      <c r="Z1066">
        <v>0</v>
      </c>
      <c r="AA1066">
        <v>0</v>
      </c>
      <c r="AB1066">
        <v>5.5373342670185366</v>
      </c>
      <c r="AC1066">
        <v>1</v>
      </c>
      <c r="AD1066">
        <v>1</v>
      </c>
      <c r="AE1066">
        <v>0</v>
      </c>
      <c r="AF1066">
        <v>0</v>
      </c>
      <c r="AG1066">
        <v>5.5333894887275203</v>
      </c>
      <c r="AH1066">
        <v>-2.180466685919585E-2</v>
      </c>
      <c r="AI1066">
        <v>-6.5422398290825468E-2</v>
      </c>
      <c r="AJ1066">
        <v>-1.7919640385959491E-2</v>
      </c>
      <c r="AK1066">
        <v>-4.1869921498448787E-2</v>
      </c>
      <c r="AL1066">
        <v>1157.226076781441</v>
      </c>
      <c r="AM1066">
        <v>2024.412953726842</v>
      </c>
      <c r="AN1066">
        <v>32464</v>
      </c>
      <c r="AO1066">
        <v>122.15907013478839</v>
      </c>
      <c r="AP1066">
        <v>1064.322537185004</v>
      </c>
      <c r="AQ1066">
        <v>1.08984375</v>
      </c>
      <c r="AR1066">
        <v>4.1015625</v>
      </c>
      <c r="AS1066">
        <v>256</v>
      </c>
      <c r="AT1066">
        <v>62.3984375</v>
      </c>
      <c r="AU1066">
        <v>4.6106053149606252E-2</v>
      </c>
      <c r="AV1066">
        <v>-2.1950806426149449E-2</v>
      </c>
      <c r="AW1066">
        <v>0.3828125</v>
      </c>
      <c r="AX1066">
        <v>82.956862745098036</v>
      </c>
      <c r="AY1066">
        <v>60</v>
      </c>
      <c r="AZ1066">
        <v>124</v>
      </c>
      <c r="BA1066">
        <v>0.5663698763376277</v>
      </c>
      <c r="BB1066">
        <v>0.5078125</v>
      </c>
      <c r="BC1066">
        <v>4.8176255934005532</v>
      </c>
      <c r="BD1066" t="s">
        <v>4111</v>
      </c>
      <c r="BE1066" t="s">
        <v>62</v>
      </c>
    </row>
    <row r="1067" spans="1:57" x14ac:dyDescent="0.3">
      <c r="A1067" t="s">
        <v>4112</v>
      </c>
      <c r="B1067">
        <v>1494</v>
      </c>
      <c r="C1067" t="s">
        <v>4113</v>
      </c>
      <c r="D1067" t="s">
        <v>4114</v>
      </c>
      <c r="E1067" t="s">
        <v>115</v>
      </c>
      <c r="F1067">
        <v>1576</v>
      </c>
      <c r="G1067">
        <v>128.27093908629439</v>
      </c>
      <c r="H1067">
        <v>130</v>
      </c>
      <c r="I1067">
        <v>5400.0452468338526</v>
      </c>
      <c r="J1067">
        <v>73.485000148559934</v>
      </c>
      <c r="K1067">
        <v>-1.4719584710404521E-2</v>
      </c>
      <c r="L1067">
        <v>-1.1705797531703299</v>
      </c>
      <c r="M1067">
        <v>7.8626020316534424</v>
      </c>
      <c r="N1067">
        <v>14</v>
      </c>
      <c r="O1067">
        <v>1</v>
      </c>
      <c r="P1067">
        <v>13</v>
      </c>
      <c r="Q1067">
        <v>2.6224535441664232</v>
      </c>
      <c r="R1067">
        <v>5.4499404301054692</v>
      </c>
      <c r="S1067">
        <v>2</v>
      </c>
      <c r="T1067">
        <v>1</v>
      </c>
      <c r="U1067">
        <v>1</v>
      </c>
      <c r="V1067">
        <v>0.11545951007185851</v>
      </c>
      <c r="W1067">
        <v>7.3435266264448016</v>
      </c>
      <c r="X1067">
        <v>2</v>
      </c>
      <c r="Y1067">
        <v>1</v>
      </c>
      <c r="Z1067">
        <v>1</v>
      </c>
      <c r="AA1067">
        <v>2.5205629499808022E-2</v>
      </c>
      <c r="AB1067">
        <v>7.3604946828775244</v>
      </c>
      <c r="AC1067">
        <v>1</v>
      </c>
      <c r="AD1067">
        <v>1</v>
      </c>
      <c r="AE1067">
        <v>0</v>
      </c>
      <c r="AF1067">
        <v>0</v>
      </c>
      <c r="AG1067">
        <v>7.3607399030582767</v>
      </c>
      <c r="AH1067">
        <v>3.9163667779878097E-3</v>
      </c>
      <c r="AI1067">
        <v>1.366162136795736E-2</v>
      </c>
      <c r="AJ1067">
        <v>-2.8190883280501101E-2</v>
      </c>
      <c r="AK1067">
        <v>3.3042604222369751E-2</v>
      </c>
      <c r="AL1067">
        <v>2694.9346221624951</v>
      </c>
      <c r="AM1067">
        <v>5213.2917031631632</v>
      </c>
      <c r="AN1067">
        <v>202155</v>
      </c>
      <c r="AO1067">
        <v>106.3820400472148</v>
      </c>
      <c r="AP1067">
        <v>2391.315440755372</v>
      </c>
      <c r="AQ1067">
        <v>1.014593908629442</v>
      </c>
      <c r="AR1067">
        <v>3.9606598984771568</v>
      </c>
      <c r="AS1067">
        <v>1570</v>
      </c>
      <c r="AT1067">
        <v>283.752538071066</v>
      </c>
      <c r="AU1067">
        <v>1.853040708669251E-2</v>
      </c>
      <c r="AV1067">
        <v>3.9195859257542386E-3</v>
      </c>
      <c r="AW1067">
        <v>0.36802030456852791</v>
      </c>
      <c r="AX1067">
        <v>85.027936507936502</v>
      </c>
      <c r="AY1067">
        <v>64</v>
      </c>
      <c r="AZ1067">
        <v>126</v>
      </c>
      <c r="BA1067">
        <v>0.57288892302505723</v>
      </c>
      <c r="BB1067">
        <v>0.50507614213197971</v>
      </c>
      <c r="BC1067">
        <v>5.267527536027913</v>
      </c>
      <c r="BD1067" t="s">
        <v>4115</v>
      </c>
      <c r="BE1067" t="s">
        <v>68</v>
      </c>
    </row>
    <row r="1068" spans="1:57" x14ac:dyDescent="0.3">
      <c r="A1068" t="s">
        <v>4116</v>
      </c>
      <c r="B1068">
        <v>518</v>
      </c>
      <c r="C1068" t="s">
        <v>4117</v>
      </c>
      <c r="D1068" t="s">
        <v>4118</v>
      </c>
      <c r="E1068" t="s">
        <v>10622</v>
      </c>
      <c r="F1068">
        <v>64</v>
      </c>
      <c r="G1068">
        <v>129.1875</v>
      </c>
      <c r="H1068">
        <v>136.5</v>
      </c>
      <c r="I1068">
        <v>6090.55859375</v>
      </c>
      <c r="J1068">
        <v>78.042030943268003</v>
      </c>
      <c r="K1068">
        <v>-0.13218431249772189</v>
      </c>
      <c r="L1068">
        <v>-1.3571163731433049</v>
      </c>
      <c r="M1068">
        <v>5.8125</v>
      </c>
      <c r="N1068">
        <v>2</v>
      </c>
      <c r="O1068">
        <v>1</v>
      </c>
      <c r="P1068">
        <v>1</v>
      </c>
      <c r="Q1068">
        <v>0.3045434781492361</v>
      </c>
      <c r="R1068">
        <v>4.0289179870046823</v>
      </c>
      <c r="S1068">
        <v>1</v>
      </c>
      <c r="T1068">
        <v>1</v>
      </c>
      <c r="U1068">
        <v>0</v>
      </c>
      <c r="V1068">
        <v>0</v>
      </c>
      <c r="W1068">
        <v>4.1431347263915326</v>
      </c>
      <c r="X1068">
        <v>1</v>
      </c>
      <c r="Y1068">
        <v>1</v>
      </c>
      <c r="Z1068">
        <v>0</v>
      </c>
      <c r="AA1068">
        <v>0</v>
      </c>
      <c r="AB1068">
        <v>4.1271343850450908</v>
      </c>
      <c r="AC1068">
        <v>1</v>
      </c>
      <c r="AD1068">
        <v>1</v>
      </c>
      <c r="AE1068">
        <v>0</v>
      </c>
      <c r="AF1068">
        <v>0</v>
      </c>
      <c r="AG1068">
        <v>4.1108738641733096</v>
      </c>
      <c r="AH1068">
        <v>0.14551794713962379</v>
      </c>
      <c r="AI1068">
        <v>-5.9545788563625947E-2</v>
      </c>
      <c r="AJ1068">
        <v>9.3515031189411374E-2</v>
      </c>
      <c r="AK1068">
        <v>2.752473170243647E-2</v>
      </c>
      <c r="AL1068">
        <v>655.7041675588107</v>
      </c>
      <c r="AM1068">
        <v>1013.888576050646</v>
      </c>
      <c r="AN1068">
        <v>8268</v>
      </c>
      <c r="AO1068">
        <v>67.483415923479896</v>
      </c>
      <c r="AP1068">
        <v>514.14670276375227</v>
      </c>
      <c r="AQ1068">
        <v>1.359375</v>
      </c>
      <c r="AR1068">
        <v>3.90625</v>
      </c>
      <c r="AS1068">
        <v>63</v>
      </c>
      <c r="AT1068">
        <v>4.8750000000000009</v>
      </c>
      <c r="AU1068">
        <v>7.2219488188976388E-2</v>
      </c>
      <c r="AV1068">
        <v>0.15017921685337851</v>
      </c>
      <c r="AW1068">
        <v>0.34375</v>
      </c>
      <c r="AX1068">
        <v>76.968253968253961</v>
      </c>
      <c r="AY1068">
        <v>70.5</v>
      </c>
      <c r="AZ1068">
        <v>140.75</v>
      </c>
      <c r="BA1068">
        <v>0.6040989332812231</v>
      </c>
      <c r="BB1068">
        <v>0.515625</v>
      </c>
      <c r="BC1068">
        <v>3.9284816226199761</v>
      </c>
      <c r="BD1068" t="s">
        <v>4119</v>
      </c>
      <c r="BE1068" t="s">
        <v>62</v>
      </c>
    </row>
    <row r="1069" spans="1:57" x14ac:dyDescent="0.3">
      <c r="A1069" t="s">
        <v>4120</v>
      </c>
      <c r="B1069">
        <v>1628</v>
      </c>
      <c r="C1069" t="s">
        <v>4121</v>
      </c>
      <c r="D1069" t="s">
        <v>4122</v>
      </c>
      <c r="E1069" t="s">
        <v>106</v>
      </c>
      <c r="F1069">
        <v>1654</v>
      </c>
      <c r="G1069">
        <v>125.2490931076179</v>
      </c>
      <c r="H1069">
        <v>122</v>
      </c>
      <c r="I1069">
        <v>5625.0564532283324</v>
      </c>
      <c r="J1069">
        <v>75.000376353911264</v>
      </c>
      <c r="K1069">
        <v>5.4280992019073077E-2</v>
      </c>
      <c r="L1069">
        <v>-1.24214058636794</v>
      </c>
      <c r="M1069">
        <v>7.8883440237456028</v>
      </c>
      <c r="N1069">
        <v>14</v>
      </c>
      <c r="O1069">
        <v>1</v>
      </c>
      <c r="P1069">
        <v>13</v>
      </c>
      <c r="Q1069">
        <v>2.477720549435257</v>
      </c>
      <c r="R1069">
        <v>5.4677834193461603</v>
      </c>
      <c r="S1069">
        <v>2</v>
      </c>
      <c r="T1069">
        <v>1</v>
      </c>
      <c r="U1069">
        <v>1</v>
      </c>
      <c r="V1069">
        <v>0.1014062179909099</v>
      </c>
      <c r="W1069">
        <v>7.3960899870291072</v>
      </c>
      <c r="X1069">
        <v>2</v>
      </c>
      <c r="Y1069">
        <v>1</v>
      </c>
      <c r="Z1069">
        <v>1</v>
      </c>
      <c r="AA1069">
        <v>2.4603387052198541E-2</v>
      </c>
      <c r="AB1069">
        <v>7.4089027928453781</v>
      </c>
      <c r="AC1069">
        <v>1</v>
      </c>
      <c r="AD1069">
        <v>1</v>
      </c>
      <c r="AE1069">
        <v>0</v>
      </c>
      <c r="AF1069">
        <v>0</v>
      </c>
      <c r="AG1069">
        <v>7.4091364439201266</v>
      </c>
      <c r="AH1069">
        <v>-1.3429956237573199E-3</v>
      </c>
      <c r="AI1069">
        <v>-5.5691169782468283E-2</v>
      </c>
      <c r="AJ1069">
        <v>-4.1697604761359877E-2</v>
      </c>
      <c r="AK1069">
        <v>-1.8654593889659631E-2</v>
      </c>
      <c r="AL1069">
        <v>2818.8633854121999</v>
      </c>
      <c r="AM1069">
        <v>5225.3904365494518</v>
      </c>
      <c r="AN1069">
        <v>207162</v>
      </c>
      <c r="AO1069">
        <v>181.0518448261731</v>
      </c>
      <c r="AP1069">
        <v>2582.8373288177008</v>
      </c>
      <c r="AQ1069">
        <v>1.013905683192261</v>
      </c>
      <c r="AR1069">
        <v>3.986698911729142</v>
      </c>
      <c r="AS1069">
        <v>1649</v>
      </c>
      <c r="AT1069">
        <v>243.24788391777511</v>
      </c>
      <c r="AU1069">
        <v>3.1908386087203922E-2</v>
      </c>
      <c r="AV1069">
        <v>-1.343441338477299E-3</v>
      </c>
      <c r="AW1069">
        <v>0.37908101571946801</v>
      </c>
      <c r="AX1069">
        <v>86.173623714458557</v>
      </c>
      <c r="AY1069">
        <v>66</v>
      </c>
      <c r="AZ1069">
        <v>131.75</v>
      </c>
      <c r="BA1069">
        <v>0.59880973580757679</v>
      </c>
      <c r="BB1069">
        <v>0.49214026602176542</v>
      </c>
      <c r="BC1069">
        <v>5.2840148042359436</v>
      </c>
      <c r="BD1069" t="s">
        <v>4123</v>
      </c>
      <c r="BE1069" t="s">
        <v>68</v>
      </c>
    </row>
    <row r="1070" spans="1:57" x14ac:dyDescent="0.3">
      <c r="A1070" t="s">
        <v>4124</v>
      </c>
      <c r="B1070">
        <v>1161</v>
      </c>
      <c r="C1070" t="s">
        <v>4125</v>
      </c>
      <c r="D1070" t="s">
        <v>4126</v>
      </c>
      <c r="E1070" t="s">
        <v>66</v>
      </c>
      <c r="F1070">
        <v>70</v>
      </c>
      <c r="G1070">
        <v>118.7</v>
      </c>
      <c r="H1070">
        <v>124</v>
      </c>
      <c r="I1070">
        <v>5496.4099999999989</v>
      </c>
      <c r="J1070">
        <v>74.137777144988632</v>
      </c>
      <c r="K1070">
        <v>3.0125167120179881E-2</v>
      </c>
      <c r="L1070">
        <v>-1.160295077215592</v>
      </c>
      <c r="M1070">
        <v>5.8899274811997779</v>
      </c>
      <c r="N1070">
        <v>3</v>
      </c>
      <c r="O1070">
        <v>1</v>
      </c>
      <c r="P1070">
        <v>2</v>
      </c>
      <c r="Q1070">
        <v>0.38031697169521278</v>
      </c>
      <c r="R1070">
        <v>4.0825866272961644</v>
      </c>
      <c r="S1070">
        <v>2</v>
      </c>
      <c r="T1070">
        <v>1</v>
      </c>
      <c r="U1070">
        <v>1</v>
      </c>
      <c r="V1070">
        <v>0.1203728348804772</v>
      </c>
      <c r="W1070">
        <v>4.2140152819723324</v>
      </c>
      <c r="X1070">
        <v>1</v>
      </c>
      <c r="Y1070">
        <v>1</v>
      </c>
      <c r="Z1070">
        <v>0</v>
      </c>
      <c r="AA1070">
        <v>0</v>
      </c>
      <c r="AB1070">
        <v>4.2195077051761087</v>
      </c>
      <c r="AC1070">
        <v>1</v>
      </c>
      <c r="AD1070">
        <v>1</v>
      </c>
      <c r="AE1070">
        <v>0</v>
      </c>
      <c r="AF1070">
        <v>0</v>
      </c>
      <c r="AG1070">
        <v>4.2046926193909648</v>
      </c>
      <c r="AH1070">
        <v>5.5488426601571572E-3</v>
      </c>
      <c r="AI1070">
        <v>-7.5603062466487903E-2</v>
      </c>
      <c r="AJ1070">
        <v>5.6053080881104979E-2</v>
      </c>
      <c r="AK1070">
        <v>-0.1063613730208835</v>
      </c>
      <c r="AL1070">
        <v>646.01570749693337</v>
      </c>
      <c r="AM1070">
        <v>976.57089126557344</v>
      </c>
      <c r="AN1070">
        <v>8309</v>
      </c>
      <c r="AO1070">
        <v>70.794254290001973</v>
      </c>
      <c r="AP1070">
        <v>513.53273823975064</v>
      </c>
      <c r="AQ1070">
        <v>1.328571428571429</v>
      </c>
      <c r="AR1070">
        <v>3.6142857142857139</v>
      </c>
      <c r="AS1070">
        <v>70</v>
      </c>
      <c r="AT1070">
        <v>7.9428571428571431</v>
      </c>
      <c r="AU1070">
        <v>7.5396825396825379E-2</v>
      </c>
      <c r="AV1070">
        <v>5.7397997489284439E-3</v>
      </c>
      <c r="AW1070">
        <v>0.37142857142857139</v>
      </c>
      <c r="AX1070">
        <v>84.85507246376811</v>
      </c>
      <c r="AY1070">
        <v>58.5</v>
      </c>
      <c r="AZ1070">
        <v>122</v>
      </c>
      <c r="BA1070">
        <v>0.62458110484404916</v>
      </c>
      <c r="BB1070">
        <v>0.52857142857142858</v>
      </c>
      <c r="BC1070">
        <v>4.0657934171664811</v>
      </c>
      <c r="BD1070" t="s">
        <v>4127</v>
      </c>
      <c r="BE1070" t="s">
        <v>68</v>
      </c>
    </row>
    <row r="1071" spans="1:57" x14ac:dyDescent="0.3">
      <c r="A1071" t="s">
        <v>4128</v>
      </c>
      <c r="B1071">
        <v>1530</v>
      </c>
      <c r="C1071" t="s">
        <v>4129</v>
      </c>
      <c r="D1071" t="s">
        <v>4130</v>
      </c>
      <c r="E1071" t="s">
        <v>106</v>
      </c>
      <c r="F1071">
        <v>1558</v>
      </c>
      <c r="G1071">
        <v>130.18998716302951</v>
      </c>
      <c r="H1071">
        <v>135</v>
      </c>
      <c r="I1071">
        <v>5609.8753297816074</v>
      </c>
      <c r="J1071">
        <v>74.899100994481955</v>
      </c>
      <c r="K1071">
        <v>-7.2776417719480041E-2</v>
      </c>
      <c r="L1071">
        <v>-1.241741964155737</v>
      </c>
      <c r="M1071">
        <v>7.8778404455414606</v>
      </c>
      <c r="N1071">
        <v>14</v>
      </c>
      <c r="O1071">
        <v>1</v>
      </c>
      <c r="P1071">
        <v>13</v>
      </c>
      <c r="Q1071">
        <v>2.4828390495748511</v>
      </c>
      <c r="R1071">
        <v>5.4605028937281572</v>
      </c>
      <c r="S1071">
        <v>2</v>
      </c>
      <c r="T1071">
        <v>1</v>
      </c>
      <c r="U1071">
        <v>1</v>
      </c>
      <c r="V1071">
        <v>0.1044849385229342</v>
      </c>
      <c r="W1071">
        <v>7.3353800098949886</v>
      </c>
      <c r="X1071">
        <v>1</v>
      </c>
      <c r="Y1071">
        <v>1</v>
      </c>
      <c r="Z1071">
        <v>0</v>
      </c>
      <c r="AA1071">
        <v>0</v>
      </c>
      <c r="AB1071">
        <v>7.3498737047383367</v>
      </c>
      <c r="AC1071">
        <v>1</v>
      </c>
      <c r="AD1071">
        <v>1</v>
      </c>
      <c r="AE1071">
        <v>0</v>
      </c>
      <c r="AF1071">
        <v>0</v>
      </c>
      <c r="AG1071">
        <v>7.3492308246133344</v>
      </c>
      <c r="AH1071">
        <v>-8.392017388552454E-3</v>
      </c>
      <c r="AI1071">
        <v>-1.0634985187177979E-2</v>
      </c>
      <c r="AJ1071">
        <v>-8.820100174460067E-3</v>
      </c>
      <c r="AK1071">
        <v>1.0398977299270881E-2</v>
      </c>
      <c r="AL1071">
        <v>2739.1201767481039</v>
      </c>
      <c r="AM1071">
        <v>5257.8153882892684</v>
      </c>
      <c r="AN1071">
        <v>202836</v>
      </c>
      <c r="AO1071">
        <v>56.312081861948798</v>
      </c>
      <c r="AP1071">
        <v>2423.4111831662308</v>
      </c>
      <c r="AQ1071">
        <v>1.014762516046213</v>
      </c>
      <c r="AR1071">
        <v>3.985237483953787</v>
      </c>
      <c r="AS1071">
        <v>1551</v>
      </c>
      <c r="AT1071">
        <v>259.30423620025681</v>
      </c>
      <c r="AU1071">
        <v>3.5744670140199893E-2</v>
      </c>
      <c r="AV1071">
        <v>-8.3950564742640028E-3</v>
      </c>
      <c r="AW1071">
        <v>0.34467265725288831</v>
      </c>
      <c r="AX1071">
        <v>86.730892742453435</v>
      </c>
      <c r="AY1071">
        <v>66</v>
      </c>
      <c r="AZ1071">
        <v>132</v>
      </c>
      <c r="BA1071">
        <v>0.57530615546255548</v>
      </c>
      <c r="BB1071">
        <v>0.51861360718870342</v>
      </c>
      <c r="BC1071">
        <v>5.2804304885027298</v>
      </c>
      <c r="BD1071" t="s">
        <v>4131</v>
      </c>
      <c r="BE1071" t="s">
        <v>68</v>
      </c>
    </row>
    <row r="1072" spans="1:57" x14ac:dyDescent="0.3">
      <c r="A1072" t="s">
        <v>4132</v>
      </c>
      <c r="B1072">
        <v>3948</v>
      </c>
      <c r="C1072" t="s">
        <v>4133</v>
      </c>
      <c r="D1072" t="s">
        <v>4134</v>
      </c>
      <c r="E1072" t="s">
        <v>85</v>
      </c>
      <c r="F1072">
        <v>8</v>
      </c>
      <c r="G1072">
        <v>149.125</v>
      </c>
      <c r="H1072">
        <v>161.5</v>
      </c>
      <c r="I1072">
        <v>4649.859375</v>
      </c>
      <c r="J1072">
        <v>68.189877364605962</v>
      </c>
      <c r="K1072">
        <v>-0.41753691430394663</v>
      </c>
      <c r="L1072">
        <v>-0.58826909900914037</v>
      </c>
      <c r="M1072">
        <v>3</v>
      </c>
      <c r="N1072">
        <v>1</v>
      </c>
      <c r="O1072">
        <v>1</v>
      </c>
      <c r="P1072">
        <v>0</v>
      </c>
      <c r="Q1072">
        <v>0</v>
      </c>
      <c r="R1072">
        <v>2.0794415416798362</v>
      </c>
      <c r="S1072">
        <v>1</v>
      </c>
      <c r="T1072">
        <v>1</v>
      </c>
      <c r="U1072">
        <v>0</v>
      </c>
      <c r="V1072">
        <v>0</v>
      </c>
      <c r="W1072">
        <v>1.945910149055313</v>
      </c>
      <c r="X1072">
        <v>1</v>
      </c>
      <c r="Y1072">
        <v>1</v>
      </c>
      <c r="Z1072">
        <v>0</v>
      </c>
      <c r="AA1072">
        <v>0</v>
      </c>
      <c r="AB1072">
        <v>1.791759469228055</v>
      </c>
      <c r="AC1072">
        <v>1</v>
      </c>
      <c r="AD1072">
        <v>1</v>
      </c>
      <c r="AE1072">
        <v>0</v>
      </c>
      <c r="AF1072">
        <v>0</v>
      </c>
      <c r="AG1072">
        <v>1.6094379124341009</v>
      </c>
      <c r="AH1072">
        <v>1.2338662795581859E-2</v>
      </c>
      <c r="AI1072">
        <v>-0.38583912147880822</v>
      </c>
      <c r="AJ1072">
        <v>0.13991812588418329</v>
      </c>
      <c r="AK1072">
        <v>0</v>
      </c>
      <c r="AL1072">
        <v>322.03995327625609</v>
      </c>
      <c r="AM1072">
        <v>333.75929723953271</v>
      </c>
      <c r="AN1072">
        <v>1193</v>
      </c>
      <c r="AO1072">
        <v>147.03764526286321</v>
      </c>
      <c r="AP1072">
        <v>170.36744204280049</v>
      </c>
      <c r="AQ1072">
        <v>3.5</v>
      </c>
      <c r="AR1072">
        <v>4.625</v>
      </c>
      <c r="AS1072">
        <v>8</v>
      </c>
      <c r="AT1072">
        <v>0</v>
      </c>
      <c r="AU1072">
        <v>0.19770916334661351</v>
      </c>
      <c r="AV1072">
        <v>2.551920671614331E-2</v>
      </c>
      <c r="AW1072">
        <v>0.25</v>
      </c>
      <c r="AX1072">
        <v>87</v>
      </c>
      <c r="AY1072">
        <v>49.5</v>
      </c>
      <c r="AZ1072">
        <v>84.5</v>
      </c>
      <c r="BA1072">
        <v>0.45726657076014049</v>
      </c>
      <c r="BB1072">
        <v>0.5</v>
      </c>
      <c r="BC1072">
        <v>1.7478680974667571</v>
      </c>
      <c r="BD1072" t="s">
        <v>4133</v>
      </c>
      <c r="BE1072" t="s">
        <v>68</v>
      </c>
    </row>
    <row r="1073" spans="1:57" x14ac:dyDescent="0.3">
      <c r="A1073" t="s">
        <v>4135</v>
      </c>
      <c r="B1073">
        <v>930</v>
      </c>
      <c r="C1073" t="s">
        <v>4136</v>
      </c>
      <c r="D1073" t="s">
        <v>4137</v>
      </c>
      <c r="E1073" t="s">
        <v>85</v>
      </c>
      <c r="F1073">
        <v>8</v>
      </c>
      <c r="G1073">
        <v>119.375</v>
      </c>
      <c r="H1073">
        <v>96</v>
      </c>
      <c r="I1073">
        <v>6110.984375</v>
      </c>
      <c r="J1073">
        <v>78.17278538596409</v>
      </c>
      <c r="K1073">
        <v>0.53230682539863505</v>
      </c>
      <c r="L1073">
        <v>-1.2301829006552381</v>
      </c>
      <c r="M1073">
        <v>3</v>
      </c>
      <c r="N1073">
        <v>1</v>
      </c>
      <c r="O1073">
        <v>1</v>
      </c>
      <c r="P1073">
        <v>0</v>
      </c>
      <c r="Q1073">
        <v>0</v>
      </c>
      <c r="R1073">
        <v>2.0794415416798362</v>
      </c>
      <c r="S1073">
        <v>1</v>
      </c>
      <c r="T1073">
        <v>1</v>
      </c>
      <c r="U1073">
        <v>0</v>
      </c>
      <c r="V1073">
        <v>0</v>
      </c>
      <c r="W1073">
        <v>1.945910149055313</v>
      </c>
      <c r="X1073">
        <v>1</v>
      </c>
      <c r="Y1073">
        <v>1</v>
      </c>
      <c r="Z1073">
        <v>0</v>
      </c>
      <c r="AA1073">
        <v>0</v>
      </c>
      <c r="AB1073">
        <v>1.791759469228055</v>
      </c>
      <c r="AC1073">
        <v>1</v>
      </c>
      <c r="AD1073">
        <v>1</v>
      </c>
      <c r="AE1073">
        <v>0</v>
      </c>
      <c r="AF1073">
        <v>0</v>
      </c>
      <c r="AG1073">
        <v>1.6094379124341009</v>
      </c>
      <c r="AH1073">
        <v>-0.13886143803550469</v>
      </c>
      <c r="AI1073">
        <v>-0.41277425639793103</v>
      </c>
      <c r="AJ1073">
        <v>-0.27163848142305219</v>
      </c>
      <c r="AK1073">
        <v>0</v>
      </c>
      <c r="AL1073">
        <v>307.019941657142</v>
      </c>
      <c r="AM1073">
        <v>261.97281428584358</v>
      </c>
      <c r="AN1073">
        <v>955</v>
      </c>
      <c r="AO1073">
        <v>5</v>
      </c>
      <c r="AP1073">
        <v>266.29812325676318</v>
      </c>
      <c r="AQ1073">
        <v>3.5</v>
      </c>
      <c r="AR1073">
        <v>4.5</v>
      </c>
      <c r="AS1073">
        <v>8</v>
      </c>
      <c r="AT1073">
        <v>0</v>
      </c>
      <c r="AU1073">
        <v>0.3611111111111111</v>
      </c>
      <c r="AV1073">
        <v>-0.1514867189571307</v>
      </c>
      <c r="AW1073">
        <v>0.625</v>
      </c>
      <c r="AX1073">
        <v>99.857142857142861</v>
      </c>
      <c r="AY1073">
        <v>54.5</v>
      </c>
      <c r="AZ1073">
        <v>119.75</v>
      </c>
      <c r="BA1073">
        <v>0.65485055820702898</v>
      </c>
      <c r="BB1073">
        <v>0.5</v>
      </c>
      <c r="BC1073">
        <v>1.945910149055313</v>
      </c>
      <c r="BD1073" t="s">
        <v>4136</v>
      </c>
      <c r="BE1073" t="s">
        <v>68</v>
      </c>
    </row>
    <row r="1074" spans="1:57" x14ac:dyDescent="0.3">
      <c r="A1074" t="s">
        <v>4138</v>
      </c>
      <c r="B1074">
        <v>2122</v>
      </c>
      <c r="C1074" t="s">
        <v>4139</v>
      </c>
      <c r="D1074" t="s">
        <v>4140</v>
      </c>
      <c r="E1074" t="s">
        <v>66</v>
      </c>
      <c r="F1074">
        <v>71</v>
      </c>
      <c r="G1074">
        <v>119.7605633802817</v>
      </c>
      <c r="H1074">
        <v>121</v>
      </c>
      <c r="I1074">
        <v>6171.4778813727426</v>
      </c>
      <c r="J1074">
        <v>78.55875432676325</v>
      </c>
      <c r="K1074">
        <v>-7.8101430097015659E-2</v>
      </c>
      <c r="L1074">
        <v>-1.3956070900289741</v>
      </c>
      <c r="M1074">
        <v>5.7341164856409161</v>
      </c>
      <c r="N1074">
        <v>3</v>
      </c>
      <c r="O1074">
        <v>1</v>
      </c>
      <c r="P1074">
        <v>2</v>
      </c>
      <c r="Q1074">
        <v>0.50543369441712049</v>
      </c>
      <c r="R1074">
        <v>3.974586675024308</v>
      </c>
      <c r="S1074">
        <v>1</v>
      </c>
      <c r="T1074">
        <v>1</v>
      </c>
      <c r="U1074">
        <v>0</v>
      </c>
      <c r="V1074">
        <v>0</v>
      </c>
      <c r="W1074">
        <v>4.2484952420493576</v>
      </c>
      <c r="X1074">
        <v>1</v>
      </c>
      <c r="Y1074">
        <v>1</v>
      </c>
      <c r="Z1074">
        <v>0</v>
      </c>
      <c r="AA1074">
        <v>0</v>
      </c>
      <c r="AB1074">
        <v>4.2341065045972579</v>
      </c>
      <c r="AC1074">
        <v>1</v>
      </c>
      <c r="AD1074">
        <v>1</v>
      </c>
      <c r="AE1074">
        <v>0</v>
      </c>
      <c r="AF1074">
        <v>0</v>
      </c>
      <c r="AG1074">
        <v>4.2195077051761087</v>
      </c>
      <c r="AH1074">
        <v>-1.3412582357375301E-2</v>
      </c>
      <c r="AI1074">
        <v>0.17286185333257889</v>
      </c>
      <c r="AJ1074">
        <v>-0.1201698450908949</v>
      </c>
      <c r="AK1074">
        <v>-4.5505237224490146E-3</v>
      </c>
      <c r="AL1074">
        <v>683.37001290715489</v>
      </c>
      <c r="AM1074">
        <v>994.73837035638417</v>
      </c>
      <c r="AN1074">
        <v>8503</v>
      </c>
      <c r="AO1074">
        <v>91.47001181727417</v>
      </c>
      <c r="AP1074">
        <v>559.39520676515247</v>
      </c>
      <c r="AQ1074">
        <v>1.323943661971831</v>
      </c>
      <c r="AR1074">
        <v>3.619718309859155</v>
      </c>
      <c r="AS1074">
        <v>71</v>
      </c>
      <c r="AT1074">
        <v>11.69014084507042</v>
      </c>
      <c r="AU1074">
        <v>0.12319701340573561</v>
      </c>
      <c r="AV1074">
        <v>-1.381836716873776E-2</v>
      </c>
      <c r="AW1074">
        <v>0.3380281690140845</v>
      </c>
      <c r="AX1074">
        <v>88.7</v>
      </c>
      <c r="AY1074">
        <v>72</v>
      </c>
      <c r="AZ1074">
        <v>140</v>
      </c>
      <c r="BA1074">
        <v>0.65596513668119372</v>
      </c>
      <c r="BB1074">
        <v>0.50704225352112675</v>
      </c>
      <c r="BC1074">
        <v>4.0231740118195969</v>
      </c>
      <c r="BD1074" t="s">
        <v>4141</v>
      </c>
      <c r="BE1074" t="s">
        <v>68</v>
      </c>
    </row>
    <row r="1075" spans="1:57" x14ac:dyDescent="0.3">
      <c r="A1075" t="s">
        <v>4142</v>
      </c>
      <c r="B1075">
        <v>976</v>
      </c>
      <c r="C1075" t="s">
        <v>4143</v>
      </c>
      <c r="D1075" t="s">
        <v>4144</v>
      </c>
      <c r="E1075" t="s">
        <v>98</v>
      </c>
      <c r="F1075">
        <v>16</v>
      </c>
      <c r="G1075">
        <v>144.875</v>
      </c>
      <c r="H1075">
        <v>129</v>
      </c>
      <c r="I1075">
        <v>3743.984375</v>
      </c>
      <c r="J1075">
        <v>61.188106483204727</v>
      </c>
      <c r="K1075">
        <v>0.30979179800894968</v>
      </c>
      <c r="L1075">
        <v>-1.1865152075196701</v>
      </c>
      <c r="M1075">
        <v>4</v>
      </c>
      <c r="N1075">
        <v>1</v>
      </c>
      <c r="O1075">
        <v>1</v>
      </c>
      <c r="P1075">
        <v>0</v>
      </c>
      <c r="Q1075">
        <v>0</v>
      </c>
      <c r="R1075">
        <v>2.7725887222397811</v>
      </c>
      <c r="S1075">
        <v>1</v>
      </c>
      <c r="T1075">
        <v>1</v>
      </c>
      <c r="U1075">
        <v>0</v>
      </c>
      <c r="V1075">
        <v>0</v>
      </c>
      <c r="W1075">
        <v>2.7080502011022101</v>
      </c>
      <c r="X1075">
        <v>1</v>
      </c>
      <c r="Y1075">
        <v>1</v>
      </c>
      <c r="Z1075">
        <v>0</v>
      </c>
      <c r="AA1075">
        <v>0</v>
      </c>
      <c r="AB1075">
        <v>2.639057329615258</v>
      </c>
      <c r="AC1075">
        <v>1</v>
      </c>
      <c r="AD1075">
        <v>1</v>
      </c>
      <c r="AE1075">
        <v>0</v>
      </c>
      <c r="AF1075">
        <v>0</v>
      </c>
      <c r="AG1075">
        <v>2.5649493574615372</v>
      </c>
      <c r="AH1075">
        <v>0.45988330238090269</v>
      </c>
      <c r="AI1075">
        <v>-1.309652984996766E-2</v>
      </c>
      <c r="AJ1075">
        <v>0.25450070947144382</v>
      </c>
      <c r="AK1075">
        <v>3.452987083446362E-2</v>
      </c>
      <c r="AL1075">
        <v>354.64540878108193</v>
      </c>
      <c r="AM1075">
        <v>519.56773767286529</v>
      </c>
      <c r="AN1075">
        <v>2318</v>
      </c>
      <c r="AO1075">
        <v>80.639104830716164</v>
      </c>
      <c r="AP1075">
        <v>234.54210709380089</v>
      </c>
      <c r="AQ1075">
        <v>2.3125</v>
      </c>
      <c r="AR1075">
        <v>4.6875</v>
      </c>
      <c r="AS1075">
        <v>16</v>
      </c>
      <c r="AT1075">
        <v>0</v>
      </c>
      <c r="AU1075">
        <v>0.21837044534412961</v>
      </c>
      <c r="AV1075">
        <v>0.51752571527868418</v>
      </c>
      <c r="AW1075">
        <v>0.4375</v>
      </c>
      <c r="AX1075">
        <v>45.2</v>
      </c>
      <c r="AY1075">
        <v>44.5</v>
      </c>
      <c r="AZ1075">
        <v>103.25</v>
      </c>
      <c r="BA1075">
        <v>0.42235103698501969</v>
      </c>
      <c r="BB1075">
        <v>0.4375</v>
      </c>
      <c r="BC1075">
        <v>2.615630577027551</v>
      </c>
      <c r="BD1075" t="s">
        <v>4143</v>
      </c>
      <c r="BE1075" t="s">
        <v>62</v>
      </c>
    </row>
    <row r="1076" spans="1:57" x14ac:dyDescent="0.3">
      <c r="A1076" t="s">
        <v>4145</v>
      </c>
      <c r="B1076">
        <v>2993</v>
      </c>
      <c r="C1076" t="s">
        <v>4146</v>
      </c>
      <c r="D1076" t="s">
        <v>4147</v>
      </c>
      <c r="E1076" t="s">
        <v>66</v>
      </c>
      <c r="F1076">
        <v>72</v>
      </c>
      <c r="G1076">
        <v>125.3472222222222</v>
      </c>
      <c r="H1076">
        <v>126.5</v>
      </c>
      <c r="I1076">
        <v>5538.9766589506162</v>
      </c>
      <c r="J1076">
        <v>74.42430153485229</v>
      </c>
      <c r="K1076">
        <v>-8.1541285803668179E-2</v>
      </c>
      <c r="L1076">
        <v>-1.104661792730274</v>
      </c>
      <c r="M1076">
        <v>5.7495824666299491</v>
      </c>
      <c r="N1076">
        <v>3</v>
      </c>
      <c r="O1076">
        <v>1</v>
      </c>
      <c r="P1076">
        <v>2</v>
      </c>
      <c r="Q1076">
        <v>0.53531636883655254</v>
      </c>
      <c r="R1076">
        <v>3.9853068761414421</v>
      </c>
      <c r="S1076">
        <v>2</v>
      </c>
      <c r="T1076">
        <v>1</v>
      </c>
      <c r="U1076">
        <v>1</v>
      </c>
      <c r="V1076">
        <v>0.2053564712318961</v>
      </c>
      <c r="W1076">
        <v>4.2041040589658278</v>
      </c>
      <c r="X1076">
        <v>2</v>
      </c>
      <c r="Y1076">
        <v>1</v>
      </c>
      <c r="Z1076">
        <v>1</v>
      </c>
      <c r="AA1076">
        <v>0.11951030798891769</v>
      </c>
      <c r="AB1076">
        <v>4.2286910368905044</v>
      </c>
      <c r="AC1076">
        <v>1</v>
      </c>
      <c r="AD1076">
        <v>1</v>
      </c>
      <c r="AE1076">
        <v>0</v>
      </c>
      <c r="AF1076">
        <v>0</v>
      </c>
      <c r="AG1076">
        <v>4.2341065045972579</v>
      </c>
      <c r="AH1076">
        <v>7.8848958095415103E-2</v>
      </c>
      <c r="AI1076">
        <v>-0.1490777029267065</v>
      </c>
      <c r="AJ1076">
        <v>-0.106806593592503</v>
      </c>
      <c r="AK1076">
        <v>0.1217889007471932</v>
      </c>
      <c r="AL1076">
        <v>665.73547569032576</v>
      </c>
      <c r="AM1076">
        <v>1042.5263912282389</v>
      </c>
      <c r="AN1076">
        <v>9025</v>
      </c>
      <c r="AO1076">
        <v>95.840627037972766</v>
      </c>
      <c r="AP1076">
        <v>438.39219197256739</v>
      </c>
      <c r="AQ1076">
        <v>1.319444444444444</v>
      </c>
      <c r="AR1076">
        <v>3.75</v>
      </c>
      <c r="AS1076">
        <v>71</v>
      </c>
      <c r="AT1076">
        <v>13.388888888888889</v>
      </c>
      <c r="AU1076">
        <v>7.9238601150951743E-2</v>
      </c>
      <c r="AV1076">
        <v>7.9789236213361217E-2</v>
      </c>
      <c r="AW1076">
        <v>0.3888888888888889</v>
      </c>
      <c r="AX1076">
        <v>79.478873239436624</v>
      </c>
      <c r="AY1076">
        <v>59.5</v>
      </c>
      <c r="AZ1076">
        <v>117.25</v>
      </c>
      <c r="BA1076">
        <v>0.59374512027804593</v>
      </c>
      <c r="BB1076">
        <v>0.5</v>
      </c>
      <c r="BC1076">
        <v>3.955061402332479</v>
      </c>
      <c r="BD1076" t="s">
        <v>4148</v>
      </c>
      <c r="BE1076" t="s">
        <v>68</v>
      </c>
    </row>
    <row r="1077" spans="1:57" x14ac:dyDescent="0.3">
      <c r="A1077" t="s">
        <v>4149</v>
      </c>
      <c r="B1077">
        <v>3193</v>
      </c>
      <c r="C1077" t="s">
        <v>4150</v>
      </c>
      <c r="D1077" t="s">
        <v>4151</v>
      </c>
      <c r="E1077" t="s">
        <v>106</v>
      </c>
      <c r="F1077">
        <v>3243</v>
      </c>
      <c r="G1077">
        <v>125.2870798643232</v>
      </c>
      <c r="H1077">
        <v>126</v>
      </c>
      <c r="I1077">
        <v>5443.2333421666099</v>
      </c>
      <c r="J1077">
        <v>73.778271477221594</v>
      </c>
      <c r="K1077">
        <v>1.8926548865278361E-2</v>
      </c>
      <c r="L1077">
        <v>-1.207518628384755</v>
      </c>
      <c r="M1077">
        <v>7.9466551582614171</v>
      </c>
      <c r="N1077">
        <v>22</v>
      </c>
      <c r="O1077">
        <v>4</v>
      </c>
      <c r="P1077">
        <v>18</v>
      </c>
      <c r="Q1077">
        <v>3.4214268221055728</v>
      </c>
      <c r="R1077">
        <v>5.5082016178310527</v>
      </c>
      <c r="S1077">
        <v>2</v>
      </c>
      <c r="T1077">
        <v>1</v>
      </c>
      <c r="U1077">
        <v>1</v>
      </c>
      <c r="V1077">
        <v>0.15001672040043151</v>
      </c>
      <c r="W1077">
        <v>8.0527305609132185</v>
      </c>
      <c r="X1077">
        <v>1</v>
      </c>
      <c r="Y1077">
        <v>1</v>
      </c>
      <c r="Z1077">
        <v>0</v>
      </c>
      <c r="AA1077">
        <v>0</v>
      </c>
      <c r="AB1077">
        <v>8.0836372031415458</v>
      </c>
      <c r="AC1077">
        <v>1</v>
      </c>
      <c r="AD1077">
        <v>1</v>
      </c>
      <c r="AE1077">
        <v>0</v>
      </c>
      <c r="AF1077">
        <v>0</v>
      </c>
      <c r="AG1077">
        <v>8.083328608786374</v>
      </c>
      <c r="AH1077">
        <v>6.0500855502119153E-3</v>
      </c>
      <c r="AI1077">
        <v>4.8073748450310257E-3</v>
      </c>
      <c r="AJ1077">
        <v>-2.6768161070505801E-2</v>
      </c>
      <c r="AK1077">
        <v>1.5927761610343E-2</v>
      </c>
      <c r="AL1077">
        <v>3844.0110359841719</v>
      </c>
      <c r="AM1077">
        <v>7333.5446514787036</v>
      </c>
      <c r="AN1077">
        <v>406306</v>
      </c>
      <c r="AO1077">
        <v>158.17983077004001</v>
      </c>
      <c r="AP1077">
        <v>3537.8795709332289</v>
      </c>
      <c r="AQ1077">
        <v>1.00709219858156</v>
      </c>
      <c r="AR1077">
        <v>3.9460376194881279</v>
      </c>
      <c r="AS1077">
        <v>3232</v>
      </c>
      <c r="AT1077">
        <v>236.563367252544</v>
      </c>
      <c r="AU1077">
        <v>1.9187027262338761E-2</v>
      </c>
      <c r="AV1077">
        <v>6.05147954894959E-3</v>
      </c>
      <c r="AW1077">
        <v>0.36941103916127038</v>
      </c>
      <c r="AX1077">
        <v>85.065083281924743</v>
      </c>
      <c r="AY1077">
        <v>65</v>
      </c>
      <c r="AZ1077">
        <v>128</v>
      </c>
      <c r="BA1077">
        <v>0.58887374146734139</v>
      </c>
      <c r="BB1077">
        <v>0.50169596053037313</v>
      </c>
      <c r="BC1077">
        <v>5.3096692310683284</v>
      </c>
      <c r="BD1077" t="s">
        <v>4152</v>
      </c>
      <c r="BE1077" t="s">
        <v>68</v>
      </c>
    </row>
    <row r="1078" spans="1:57" x14ac:dyDescent="0.3">
      <c r="A1078" t="s">
        <v>4153</v>
      </c>
      <c r="B1078">
        <v>2717</v>
      </c>
      <c r="C1078" t="s">
        <v>4154</v>
      </c>
      <c r="D1078" t="s">
        <v>4155</v>
      </c>
      <c r="E1078" t="s">
        <v>85</v>
      </c>
      <c r="F1078">
        <v>8</v>
      </c>
      <c r="G1078">
        <v>127.5</v>
      </c>
      <c r="H1078">
        <v>126</v>
      </c>
      <c r="I1078">
        <v>2970</v>
      </c>
      <c r="J1078">
        <v>54.497706373754852</v>
      </c>
      <c r="K1078">
        <v>0.64305597591998587</v>
      </c>
      <c r="L1078">
        <v>4.0833184538992651E-2</v>
      </c>
      <c r="M1078">
        <v>3</v>
      </c>
      <c r="N1078">
        <v>1</v>
      </c>
      <c r="O1078">
        <v>1</v>
      </c>
      <c r="P1078">
        <v>0</v>
      </c>
      <c r="Q1078">
        <v>0</v>
      </c>
      <c r="R1078">
        <v>2.0794415416798362</v>
      </c>
      <c r="S1078">
        <v>1</v>
      </c>
      <c r="T1078">
        <v>1</v>
      </c>
      <c r="U1078">
        <v>0</v>
      </c>
      <c r="V1078">
        <v>0</v>
      </c>
      <c r="W1078">
        <v>1.945910149055313</v>
      </c>
      <c r="X1078">
        <v>1</v>
      </c>
      <c r="Y1078">
        <v>1</v>
      </c>
      <c r="Z1078">
        <v>0</v>
      </c>
      <c r="AA1078">
        <v>0</v>
      </c>
      <c r="AB1078">
        <v>1.791759469228055</v>
      </c>
      <c r="AC1078">
        <v>1</v>
      </c>
      <c r="AD1078">
        <v>1</v>
      </c>
      <c r="AE1078">
        <v>0</v>
      </c>
      <c r="AF1078">
        <v>0</v>
      </c>
      <c r="AG1078">
        <v>1.6094379124341009</v>
      </c>
      <c r="AH1078">
        <v>-5.8617424242424242E-2</v>
      </c>
      <c r="AI1078">
        <v>-0.44250841750841752</v>
      </c>
      <c r="AJ1078">
        <v>1.427819865319865E-2</v>
      </c>
      <c r="AK1078">
        <v>0</v>
      </c>
      <c r="AL1078">
        <v>259.16824719513511</v>
      </c>
      <c r="AM1078">
        <v>294.34982528583458</v>
      </c>
      <c r="AN1078">
        <v>1020</v>
      </c>
      <c r="AO1078">
        <v>62.545854046281093</v>
      </c>
      <c r="AP1078">
        <v>186.1182853499927</v>
      </c>
      <c r="AQ1078">
        <v>3.5</v>
      </c>
      <c r="AR1078">
        <v>3.875</v>
      </c>
      <c r="AS1078">
        <v>8</v>
      </c>
      <c r="AT1078">
        <v>0</v>
      </c>
      <c r="AU1078">
        <v>0.43516597510373439</v>
      </c>
      <c r="AV1078">
        <v>-4.4997576421650157E-2</v>
      </c>
      <c r="AW1078">
        <v>0.5</v>
      </c>
      <c r="AX1078">
        <v>60.142857142857153</v>
      </c>
      <c r="AY1078">
        <v>28</v>
      </c>
      <c r="AZ1078">
        <v>58</v>
      </c>
      <c r="BA1078">
        <v>0.42743299116670469</v>
      </c>
      <c r="BB1078">
        <v>0.5</v>
      </c>
      <c r="BC1078">
        <v>1.945910149055313</v>
      </c>
      <c r="BD1078" t="s">
        <v>4154</v>
      </c>
      <c r="BE1078" t="s">
        <v>68</v>
      </c>
    </row>
    <row r="1079" spans="1:57" x14ac:dyDescent="0.3">
      <c r="A1079" t="s">
        <v>4156</v>
      </c>
      <c r="B1079">
        <v>2763</v>
      </c>
      <c r="C1079" t="s">
        <v>4157</v>
      </c>
      <c r="D1079" t="s">
        <v>4158</v>
      </c>
      <c r="E1079" t="s">
        <v>128</v>
      </c>
      <c r="F1079">
        <v>32</v>
      </c>
      <c r="G1079">
        <v>137.59375</v>
      </c>
      <c r="H1079">
        <v>135</v>
      </c>
      <c r="I1079">
        <v>5666.8662109375</v>
      </c>
      <c r="J1079">
        <v>75.278590654564596</v>
      </c>
      <c r="K1079">
        <v>8.2315793746590594E-4</v>
      </c>
      <c r="L1079">
        <v>-1.413665417378694</v>
      </c>
      <c r="M1079">
        <v>4.8125</v>
      </c>
      <c r="N1079">
        <v>2</v>
      </c>
      <c r="O1079">
        <v>1</v>
      </c>
      <c r="P1079">
        <v>1</v>
      </c>
      <c r="Q1079">
        <v>0.3045434781492361</v>
      </c>
      <c r="R1079">
        <v>3.335770806444736</v>
      </c>
      <c r="S1079">
        <v>1</v>
      </c>
      <c r="T1079">
        <v>1</v>
      </c>
      <c r="U1079">
        <v>0</v>
      </c>
      <c r="V1079">
        <v>0</v>
      </c>
      <c r="W1079">
        <v>3.4339872044851458</v>
      </c>
      <c r="X1079">
        <v>1</v>
      </c>
      <c r="Y1079">
        <v>1</v>
      </c>
      <c r="Z1079">
        <v>0</v>
      </c>
      <c r="AA1079">
        <v>0</v>
      </c>
      <c r="AB1079">
        <v>3.401197381662155</v>
      </c>
      <c r="AC1079">
        <v>1</v>
      </c>
      <c r="AD1079">
        <v>1</v>
      </c>
      <c r="AE1079">
        <v>0</v>
      </c>
      <c r="AF1079">
        <v>0</v>
      </c>
      <c r="AG1079">
        <v>3.3672958299864728</v>
      </c>
      <c r="AH1079">
        <v>-0.20986375214096609</v>
      </c>
      <c r="AI1079">
        <v>0.26008030119918218</v>
      </c>
      <c r="AJ1079">
        <v>-0.1024931290476731</v>
      </c>
      <c r="AK1079">
        <v>-3.9810433921415797E-2</v>
      </c>
      <c r="AL1079">
        <v>486.34032369443207</v>
      </c>
      <c r="AM1079">
        <v>742.04992389245285</v>
      </c>
      <c r="AN1079">
        <v>4403</v>
      </c>
      <c r="AO1079">
        <v>39.202853648098348</v>
      </c>
      <c r="AP1079">
        <v>289.03981165356163</v>
      </c>
      <c r="AQ1079">
        <v>1.71875</v>
      </c>
      <c r="AR1079">
        <v>4.125</v>
      </c>
      <c r="AS1079">
        <v>32</v>
      </c>
      <c r="AT1079">
        <v>2.4375</v>
      </c>
      <c r="AU1079">
        <v>0.10366465863453821</v>
      </c>
      <c r="AV1079">
        <v>-0.2237230177952616</v>
      </c>
      <c r="AW1079">
        <v>0.40625</v>
      </c>
      <c r="AX1079">
        <v>98.129032258064512</v>
      </c>
      <c r="AY1079">
        <v>70</v>
      </c>
      <c r="AZ1079">
        <v>140</v>
      </c>
      <c r="BA1079">
        <v>0.54710763137544105</v>
      </c>
      <c r="BB1079">
        <v>0.5</v>
      </c>
      <c r="BC1079">
        <v>3.3892680315457948</v>
      </c>
      <c r="BD1079" t="s">
        <v>4159</v>
      </c>
      <c r="BE1079" t="s">
        <v>62</v>
      </c>
    </row>
    <row r="1080" spans="1:57" x14ac:dyDescent="0.3">
      <c r="A1080" t="s">
        <v>4160</v>
      </c>
      <c r="B1080">
        <v>3521</v>
      </c>
      <c r="C1080" t="s">
        <v>4161</v>
      </c>
      <c r="D1080" t="s">
        <v>4162</v>
      </c>
      <c r="E1080" t="s">
        <v>85</v>
      </c>
      <c r="F1080">
        <v>8</v>
      </c>
      <c r="G1080">
        <v>149.5</v>
      </c>
      <c r="H1080">
        <v>159</v>
      </c>
      <c r="I1080">
        <v>7143.25</v>
      </c>
      <c r="J1080">
        <v>84.517749615095639</v>
      </c>
      <c r="K1080">
        <v>-0.42350620437110081</v>
      </c>
      <c r="L1080">
        <v>-1.094352009218571</v>
      </c>
      <c r="M1080">
        <v>3</v>
      </c>
      <c r="N1080">
        <v>1</v>
      </c>
      <c r="O1080">
        <v>1</v>
      </c>
      <c r="P1080">
        <v>0</v>
      </c>
      <c r="Q1080">
        <v>0</v>
      </c>
      <c r="R1080">
        <v>2.0794415416798362</v>
      </c>
      <c r="S1080">
        <v>1</v>
      </c>
      <c r="T1080">
        <v>1</v>
      </c>
      <c r="U1080">
        <v>0</v>
      </c>
      <c r="V1080">
        <v>0</v>
      </c>
      <c r="W1080">
        <v>1.945910149055313</v>
      </c>
      <c r="X1080">
        <v>1</v>
      </c>
      <c r="Y1080">
        <v>1</v>
      </c>
      <c r="Z1080">
        <v>0</v>
      </c>
      <c r="AA1080">
        <v>0</v>
      </c>
      <c r="AB1080">
        <v>1.791759469228055</v>
      </c>
      <c r="AC1080">
        <v>1</v>
      </c>
      <c r="AD1080">
        <v>1</v>
      </c>
      <c r="AE1080">
        <v>0</v>
      </c>
      <c r="AF1080">
        <v>0</v>
      </c>
      <c r="AG1080">
        <v>1.6094379124341009</v>
      </c>
      <c r="AH1080">
        <v>-0.1121907045112519</v>
      </c>
      <c r="AI1080">
        <v>-0.54672243026633538</v>
      </c>
      <c r="AJ1080">
        <v>3.1371399573023477E-2</v>
      </c>
      <c r="AK1080">
        <v>0</v>
      </c>
      <c r="AL1080">
        <v>333.79346526290442</v>
      </c>
      <c r="AM1080">
        <v>352.88797450151537</v>
      </c>
      <c r="AN1080">
        <v>1196</v>
      </c>
      <c r="AO1080">
        <v>77.65146493387762</v>
      </c>
      <c r="AP1080">
        <v>165.90916068749999</v>
      </c>
      <c r="AQ1080">
        <v>3.5</v>
      </c>
      <c r="AR1080">
        <v>4</v>
      </c>
      <c r="AS1080">
        <v>8</v>
      </c>
      <c r="AT1080">
        <v>0</v>
      </c>
      <c r="AU1080">
        <v>0.2145669291338583</v>
      </c>
      <c r="AV1080">
        <v>-0.15258371886246211</v>
      </c>
      <c r="AW1080">
        <v>0.125</v>
      </c>
      <c r="AX1080">
        <v>102</v>
      </c>
      <c r="AY1080">
        <v>67</v>
      </c>
      <c r="AZ1080">
        <v>110.75</v>
      </c>
      <c r="BA1080">
        <v>0.56533611782672666</v>
      </c>
      <c r="BB1080">
        <v>0.625</v>
      </c>
      <c r="BC1080">
        <v>1.945910149055313</v>
      </c>
      <c r="BD1080" t="s">
        <v>4161</v>
      </c>
      <c r="BE1080" t="s">
        <v>68</v>
      </c>
    </row>
    <row r="1081" spans="1:57" x14ac:dyDescent="0.3">
      <c r="A1081" t="s">
        <v>4163</v>
      </c>
      <c r="B1081">
        <v>1590</v>
      </c>
      <c r="C1081" t="s">
        <v>4164</v>
      </c>
      <c r="D1081" t="s">
        <v>4165</v>
      </c>
      <c r="E1081" t="s">
        <v>106</v>
      </c>
      <c r="F1081">
        <v>1594</v>
      </c>
      <c r="G1081">
        <v>127.2653701380176</v>
      </c>
      <c r="H1081">
        <v>126</v>
      </c>
      <c r="I1081">
        <v>5511.6278221026469</v>
      </c>
      <c r="J1081">
        <v>74.240338240761318</v>
      </c>
      <c r="K1081">
        <v>2.537258113981811E-2</v>
      </c>
      <c r="L1081">
        <v>-1.2161558829706709</v>
      </c>
      <c r="M1081">
        <v>7.8618842469127257</v>
      </c>
      <c r="N1081">
        <v>16</v>
      </c>
      <c r="O1081">
        <v>1</v>
      </c>
      <c r="P1081">
        <v>15</v>
      </c>
      <c r="Q1081">
        <v>2.7277934184233512</v>
      </c>
      <c r="R1081">
        <v>5.4494428996362112</v>
      </c>
      <c r="S1081">
        <v>2</v>
      </c>
      <c r="T1081">
        <v>1</v>
      </c>
      <c r="U1081">
        <v>1</v>
      </c>
      <c r="V1081">
        <v>0.11480558200530561</v>
      </c>
      <c r="W1081">
        <v>7.3550992430026314</v>
      </c>
      <c r="X1081">
        <v>1</v>
      </c>
      <c r="Y1081">
        <v>1</v>
      </c>
      <c r="Z1081">
        <v>0</v>
      </c>
      <c r="AA1081">
        <v>0</v>
      </c>
      <c r="AB1081">
        <v>7.3727463664043276</v>
      </c>
      <c r="AC1081">
        <v>1</v>
      </c>
      <c r="AD1081">
        <v>1</v>
      </c>
      <c r="AE1081">
        <v>0</v>
      </c>
      <c r="AF1081">
        <v>0</v>
      </c>
      <c r="AG1081">
        <v>7.3721180283377858</v>
      </c>
      <c r="AH1081">
        <v>4.8957369598132366E-4</v>
      </c>
      <c r="AI1081">
        <v>6.2949706251113778E-4</v>
      </c>
      <c r="AJ1081">
        <v>-3.1285901420281668E-2</v>
      </c>
      <c r="AK1081">
        <v>1.634258125102544E-3</v>
      </c>
      <c r="AL1081">
        <v>2772.3648923008691</v>
      </c>
      <c r="AM1081">
        <v>5188.1314462856062</v>
      </c>
      <c r="AN1081">
        <v>202860.99999999991</v>
      </c>
      <c r="AO1081">
        <v>116.13532844594479</v>
      </c>
      <c r="AP1081">
        <v>2545.745621386483</v>
      </c>
      <c r="AQ1081">
        <v>1.014429109159348</v>
      </c>
      <c r="AR1081">
        <v>4.0100376411543284</v>
      </c>
      <c r="AS1081">
        <v>1586</v>
      </c>
      <c r="AT1081">
        <v>305.92471769134261</v>
      </c>
      <c r="AU1081">
        <v>1.7378896351514239E-2</v>
      </c>
      <c r="AV1081">
        <v>4.9063857579429685E-4</v>
      </c>
      <c r="AW1081">
        <v>0.37578419071518188</v>
      </c>
      <c r="AX1081">
        <v>85.591337099811682</v>
      </c>
      <c r="AY1081">
        <v>64</v>
      </c>
      <c r="AZ1081">
        <v>129</v>
      </c>
      <c r="BA1081">
        <v>0.5833506645228681</v>
      </c>
      <c r="BB1081">
        <v>0.49372647427854449</v>
      </c>
      <c r="BC1081">
        <v>5.2789803066745904</v>
      </c>
      <c r="BD1081" t="s">
        <v>4166</v>
      </c>
      <c r="BE1081" t="s">
        <v>68</v>
      </c>
    </row>
    <row r="1082" spans="1:57" x14ac:dyDescent="0.3">
      <c r="A1082" t="s">
        <v>4167</v>
      </c>
      <c r="B1082">
        <v>147</v>
      </c>
      <c r="C1082" t="s">
        <v>4168</v>
      </c>
      <c r="D1082" t="s">
        <v>4169</v>
      </c>
      <c r="E1082" t="s">
        <v>60</v>
      </c>
      <c r="F1082">
        <v>256</v>
      </c>
      <c r="G1082">
        <v>130.3671875</v>
      </c>
      <c r="H1082">
        <v>135</v>
      </c>
      <c r="I1082">
        <v>5493.6151733398438</v>
      </c>
      <c r="J1082">
        <v>74.118925878211726</v>
      </c>
      <c r="K1082">
        <v>-0.1487028116086202</v>
      </c>
      <c r="L1082">
        <v>-1.237115885977023</v>
      </c>
      <c r="M1082">
        <v>7.135303075977502</v>
      </c>
      <c r="N1082">
        <v>4</v>
      </c>
      <c r="O1082">
        <v>1</v>
      </c>
      <c r="P1082">
        <v>3</v>
      </c>
      <c r="Q1082">
        <v>0.80037112572992464</v>
      </c>
      <c r="R1082">
        <v>4.9458152095545094</v>
      </c>
      <c r="S1082">
        <v>1</v>
      </c>
      <c r="T1082">
        <v>1</v>
      </c>
      <c r="U1082">
        <v>0</v>
      </c>
      <c r="V1082">
        <v>0</v>
      </c>
      <c r="W1082">
        <v>5.541263545158424</v>
      </c>
      <c r="X1082">
        <v>1</v>
      </c>
      <c r="Y1082">
        <v>1</v>
      </c>
      <c r="Z1082">
        <v>0</v>
      </c>
      <c r="AA1082">
        <v>0</v>
      </c>
      <c r="AB1082">
        <v>5.5373342670185366</v>
      </c>
      <c r="AC1082">
        <v>1</v>
      </c>
      <c r="AD1082">
        <v>1</v>
      </c>
      <c r="AE1082">
        <v>0</v>
      </c>
      <c r="AF1082">
        <v>0</v>
      </c>
      <c r="AG1082">
        <v>5.5333894887275203</v>
      </c>
      <c r="AH1082">
        <v>9.2337237850764392E-2</v>
      </c>
      <c r="AI1082">
        <v>-5.367310092623393E-4</v>
      </c>
      <c r="AJ1082">
        <v>3.8171330346290673E-2</v>
      </c>
      <c r="AK1082">
        <v>7.5250572599504628E-2</v>
      </c>
      <c r="AL1082">
        <v>1184.6442034229251</v>
      </c>
      <c r="AM1082">
        <v>2086.5900678610701</v>
      </c>
      <c r="AN1082">
        <v>33374</v>
      </c>
      <c r="AO1082">
        <v>65.518342232888884</v>
      </c>
      <c r="AP1082">
        <v>1004.225021924179</v>
      </c>
      <c r="AQ1082">
        <v>1.08984375</v>
      </c>
      <c r="AR1082">
        <v>3.90625</v>
      </c>
      <c r="AS1082">
        <v>256</v>
      </c>
      <c r="AT1082">
        <v>61.679687499999993</v>
      </c>
      <c r="AU1082">
        <v>5.3323412698412682E-2</v>
      </c>
      <c r="AV1082">
        <v>9.2739503111017765E-2</v>
      </c>
      <c r="AW1082">
        <v>0.32421875</v>
      </c>
      <c r="AX1082">
        <v>82.2</v>
      </c>
      <c r="AY1082">
        <v>61.5</v>
      </c>
      <c r="AZ1082">
        <v>128</v>
      </c>
      <c r="BA1082">
        <v>0.56853973227129506</v>
      </c>
      <c r="BB1082">
        <v>0.5234375</v>
      </c>
      <c r="BC1082">
        <v>4.81389942574671</v>
      </c>
      <c r="BD1082" t="s">
        <v>4170</v>
      </c>
      <c r="BE1082" t="s">
        <v>62</v>
      </c>
    </row>
    <row r="1083" spans="1:57" x14ac:dyDescent="0.3">
      <c r="A1083" t="s">
        <v>4171</v>
      </c>
      <c r="B1083">
        <v>2305</v>
      </c>
      <c r="C1083" t="s">
        <v>4172</v>
      </c>
      <c r="D1083" t="s">
        <v>4173</v>
      </c>
      <c r="E1083" t="s">
        <v>66</v>
      </c>
      <c r="F1083">
        <v>71</v>
      </c>
      <c r="G1083">
        <v>105.4788732394366</v>
      </c>
      <c r="H1083">
        <v>107</v>
      </c>
      <c r="I1083">
        <v>5173.9396945050576</v>
      </c>
      <c r="J1083">
        <v>71.930102839527891</v>
      </c>
      <c r="K1083">
        <v>0.27496393456491841</v>
      </c>
      <c r="L1083">
        <v>-1.029720508883849</v>
      </c>
      <c r="M1083">
        <v>5.9031305701479599</v>
      </c>
      <c r="N1083">
        <v>3</v>
      </c>
      <c r="O1083">
        <v>1</v>
      </c>
      <c r="P1083">
        <v>2</v>
      </c>
      <c r="Q1083">
        <v>0.41755385517352078</v>
      </c>
      <c r="R1083">
        <v>4.091738311175285</v>
      </c>
      <c r="S1083">
        <v>1</v>
      </c>
      <c r="T1083">
        <v>1</v>
      </c>
      <c r="U1083">
        <v>0</v>
      </c>
      <c r="V1083">
        <v>0</v>
      </c>
      <c r="W1083">
        <v>4.2484952420493576</v>
      </c>
      <c r="X1083">
        <v>1</v>
      </c>
      <c r="Y1083">
        <v>1</v>
      </c>
      <c r="Z1083">
        <v>0</v>
      </c>
      <c r="AA1083">
        <v>0</v>
      </c>
      <c r="AB1083">
        <v>4.2341065045972579</v>
      </c>
      <c r="AC1083">
        <v>1</v>
      </c>
      <c r="AD1083">
        <v>1</v>
      </c>
      <c r="AE1083">
        <v>0</v>
      </c>
      <c r="AF1083">
        <v>0</v>
      </c>
      <c r="AG1083">
        <v>4.2195077051761087</v>
      </c>
      <c r="AH1083">
        <v>3.0301313915084151E-2</v>
      </c>
      <c r="AI1083">
        <v>-3.0529321116665571E-2</v>
      </c>
      <c r="AJ1083">
        <v>5.9340644101633047E-2</v>
      </c>
      <c r="AK1083">
        <v>0.1241797904172595</v>
      </c>
      <c r="AL1083">
        <v>631.2144999068081</v>
      </c>
      <c r="AM1083">
        <v>871.1195412269193</v>
      </c>
      <c r="AN1083">
        <v>7489</v>
      </c>
      <c r="AO1083">
        <v>93.96533018219489</v>
      </c>
      <c r="AP1083">
        <v>472.64885682356049</v>
      </c>
      <c r="AQ1083">
        <v>1.323943661971831</v>
      </c>
      <c r="AR1083">
        <v>3.619718309859155</v>
      </c>
      <c r="AS1083">
        <v>71</v>
      </c>
      <c r="AT1083">
        <v>9.7464788732394361</v>
      </c>
      <c r="AU1083">
        <v>0.1538161776986027</v>
      </c>
      <c r="AV1083">
        <v>3.0607854137204279E-2</v>
      </c>
      <c r="AW1083">
        <v>0.46478873239436619</v>
      </c>
      <c r="AX1083">
        <v>82.728571428571428</v>
      </c>
      <c r="AY1083">
        <v>61</v>
      </c>
      <c r="AZ1083">
        <v>126.5</v>
      </c>
      <c r="BA1083">
        <v>0.68193848332307117</v>
      </c>
      <c r="BB1083">
        <v>0.50704225352112675</v>
      </c>
      <c r="BC1083">
        <v>4.0553074486549594</v>
      </c>
      <c r="BD1083" t="s">
        <v>4174</v>
      </c>
      <c r="BE1083" t="s">
        <v>68</v>
      </c>
    </row>
    <row r="1084" spans="1:57" x14ac:dyDescent="0.3">
      <c r="A1084" t="s">
        <v>4175</v>
      </c>
      <c r="B1084">
        <v>142</v>
      </c>
      <c r="C1084" t="s">
        <v>4176</v>
      </c>
      <c r="D1084" t="s">
        <v>4177</v>
      </c>
      <c r="E1084" t="s">
        <v>60</v>
      </c>
      <c r="F1084">
        <v>256</v>
      </c>
      <c r="G1084">
        <v>133.37109375</v>
      </c>
      <c r="H1084">
        <v>136</v>
      </c>
      <c r="I1084">
        <v>4952.2568206787109</v>
      </c>
      <c r="J1084">
        <v>70.372273095862909</v>
      </c>
      <c r="K1084">
        <v>-4.8712424958103968E-2</v>
      </c>
      <c r="L1084">
        <v>-1.132366507189531</v>
      </c>
      <c r="M1084">
        <v>7.1076455937061889</v>
      </c>
      <c r="N1084">
        <v>5</v>
      </c>
      <c r="O1084">
        <v>1</v>
      </c>
      <c r="P1084">
        <v>4</v>
      </c>
      <c r="Q1084">
        <v>0.84695696952124055</v>
      </c>
      <c r="R1084">
        <v>4.926644503696763</v>
      </c>
      <c r="S1084">
        <v>1</v>
      </c>
      <c r="T1084">
        <v>1</v>
      </c>
      <c r="U1084">
        <v>0</v>
      </c>
      <c r="V1084">
        <v>0</v>
      </c>
      <c r="W1084">
        <v>5.541263545158424</v>
      </c>
      <c r="X1084">
        <v>1</v>
      </c>
      <c r="Y1084">
        <v>1</v>
      </c>
      <c r="Z1084">
        <v>0</v>
      </c>
      <c r="AA1084">
        <v>0</v>
      </c>
      <c r="AB1084">
        <v>5.5373342670185366</v>
      </c>
      <c r="AC1084">
        <v>1</v>
      </c>
      <c r="AD1084">
        <v>1</v>
      </c>
      <c r="AE1084">
        <v>0</v>
      </c>
      <c r="AF1084">
        <v>0</v>
      </c>
      <c r="AG1084">
        <v>5.5333894887275203</v>
      </c>
      <c r="AH1084">
        <v>-2.8181094346508041E-2</v>
      </c>
      <c r="AI1084">
        <v>1.0504680035512E-2</v>
      </c>
      <c r="AJ1084">
        <v>-3.4639664341338722E-2</v>
      </c>
      <c r="AK1084">
        <v>1.596936326214704E-2</v>
      </c>
      <c r="AL1084">
        <v>1107.275780181523</v>
      </c>
      <c r="AM1084">
        <v>2143.690123740696</v>
      </c>
      <c r="AN1084">
        <v>34143</v>
      </c>
      <c r="AO1084">
        <v>81.814607774552385</v>
      </c>
      <c r="AP1084">
        <v>956.33894036032916</v>
      </c>
      <c r="AQ1084">
        <v>1.08984375</v>
      </c>
      <c r="AR1084">
        <v>3.9921875</v>
      </c>
      <c r="AS1084">
        <v>252</v>
      </c>
      <c r="AT1084">
        <v>67.3203125</v>
      </c>
      <c r="AU1084">
        <v>5.543811274509805E-2</v>
      </c>
      <c r="AV1084">
        <v>-2.836758605560975E-2</v>
      </c>
      <c r="AW1084">
        <v>0.37109375</v>
      </c>
      <c r="AX1084">
        <v>81.956862745098036</v>
      </c>
      <c r="AY1084">
        <v>60</v>
      </c>
      <c r="AZ1084">
        <v>119.5</v>
      </c>
      <c r="BA1084">
        <v>0.52764261818061986</v>
      </c>
      <c r="BB1084">
        <v>0.5078125</v>
      </c>
      <c r="BC1084">
        <v>4.815372399096737</v>
      </c>
      <c r="BD1084" t="s">
        <v>4178</v>
      </c>
      <c r="BE1084" t="s">
        <v>62</v>
      </c>
    </row>
    <row r="1085" spans="1:57" x14ac:dyDescent="0.3">
      <c r="A1085" t="s">
        <v>4179</v>
      </c>
      <c r="B1085">
        <v>3846</v>
      </c>
      <c r="C1085" t="s">
        <v>4180</v>
      </c>
      <c r="D1085" t="s">
        <v>4181</v>
      </c>
      <c r="E1085" t="s">
        <v>98</v>
      </c>
      <c r="F1085">
        <v>16</v>
      </c>
      <c r="G1085">
        <v>110.875</v>
      </c>
      <c r="H1085">
        <v>104</v>
      </c>
      <c r="I1085">
        <v>5385.859375</v>
      </c>
      <c r="J1085">
        <v>73.388414446695876</v>
      </c>
      <c r="K1085">
        <v>0.25095450977381162</v>
      </c>
      <c r="L1085">
        <v>-1.0934618416238771</v>
      </c>
      <c r="M1085">
        <v>4</v>
      </c>
      <c r="N1085">
        <v>1</v>
      </c>
      <c r="O1085">
        <v>1</v>
      </c>
      <c r="P1085">
        <v>0</v>
      </c>
      <c r="Q1085">
        <v>0</v>
      </c>
      <c r="R1085">
        <v>2.7725887222397811</v>
      </c>
      <c r="S1085">
        <v>1</v>
      </c>
      <c r="T1085">
        <v>1</v>
      </c>
      <c r="U1085">
        <v>0</v>
      </c>
      <c r="V1085">
        <v>0</v>
      </c>
      <c r="W1085">
        <v>2.7080502011022101</v>
      </c>
      <c r="X1085">
        <v>1</v>
      </c>
      <c r="Y1085">
        <v>1</v>
      </c>
      <c r="Z1085">
        <v>0</v>
      </c>
      <c r="AA1085">
        <v>0</v>
      </c>
      <c r="AB1085">
        <v>2.639057329615258</v>
      </c>
      <c r="AC1085">
        <v>1</v>
      </c>
      <c r="AD1085">
        <v>1</v>
      </c>
      <c r="AE1085">
        <v>0</v>
      </c>
      <c r="AF1085">
        <v>0</v>
      </c>
      <c r="AG1085">
        <v>2.5649493574615372</v>
      </c>
      <c r="AH1085">
        <v>-0.1041806887248147</v>
      </c>
      <c r="AI1085">
        <v>0.32434144678628929</v>
      </c>
      <c r="AJ1085">
        <v>2.0528837087860279E-2</v>
      </c>
      <c r="AK1085">
        <v>0.19065079272980459</v>
      </c>
      <c r="AL1085">
        <v>346.37958888049928</v>
      </c>
      <c r="AM1085">
        <v>403.59283988566528</v>
      </c>
      <c r="AN1085">
        <v>1774</v>
      </c>
      <c r="AO1085">
        <v>87.726848797845221</v>
      </c>
      <c r="AP1085">
        <v>200.4915000951992</v>
      </c>
      <c r="AQ1085">
        <v>2.25</v>
      </c>
      <c r="AR1085">
        <v>3.9375</v>
      </c>
      <c r="AS1085">
        <v>16</v>
      </c>
      <c r="AT1085">
        <v>0</v>
      </c>
      <c r="AU1085">
        <v>0.185</v>
      </c>
      <c r="AV1085">
        <v>-0.1180344864353978</v>
      </c>
      <c r="AW1085">
        <v>0.4375</v>
      </c>
      <c r="AX1085">
        <v>95</v>
      </c>
      <c r="AY1085">
        <v>61</v>
      </c>
      <c r="AZ1085">
        <v>121</v>
      </c>
      <c r="BA1085">
        <v>0.66190227234900456</v>
      </c>
      <c r="BB1085">
        <v>0.5</v>
      </c>
      <c r="BC1085">
        <v>2.7080502011022101</v>
      </c>
      <c r="BD1085" t="s">
        <v>4180</v>
      </c>
      <c r="BE1085" t="s">
        <v>62</v>
      </c>
    </row>
    <row r="1086" spans="1:57" x14ac:dyDescent="0.3">
      <c r="A1086" t="s">
        <v>4182</v>
      </c>
      <c r="B1086">
        <v>1178</v>
      </c>
      <c r="C1086" t="s">
        <v>4183</v>
      </c>
      <c r="D1086" t="s">
        <v>4184</v>
      </c>
      <c r="E1086" t="s">
        <v>106</v>
      </c>
      <c r="F1086">
        <v>1190</v>
      </c>
      <c r="G1086">
        <v>126.5521008403361</v>
      </c>
      <c r="H1086">
        <v>129</v>
      </c>
      <c r="I1086">
        <v>5036.8825796200836</v>
      </c>
      <c r="J1086">
        <v>70.970998158544191</v>
      </c>
      <c r="K1086">
        <v>-4.3513203110877988E-2</v>
      </c>
      <c r="L1086">
        <v>-1.1287532249840211</v>
      </c>
      <c r="M1086">
        <v>7.8392058879919038</v>
      </c>
      <c r="N1086">
        <v>10</v>
      </c>
      <c r="O1086">
        <v>1</v>
      </c>
      <c r="P1086">
        <v>9</v>
      </c>
      <c r="Q1086">
        <v>2.1149947078844149</v>
      </c>
      <c r="R1086">
        <v>5.4337234590904986</v>
      </c>
      <c r="S1086">
        <v>2</v>
      </c>
      <c r="T1086">
        <v>1</v>
      </c>
      <c r="U1086">
        <v>1</v>
      </c>
      <c r="V1086">
        <v>9.1705091913659109E-2</v>
      </c>
      <c r="W1086">
        <v>7.0692085664879221</v>
      </c>
      <c r="X1086">
        <v>1</v>
      </c>
      <c r="Y1086">
        <v>1</v>
      </c>
      <c r="Z1086">
        <v>0</v>
      </c>
      <c r="AA1086">
        <v>0</v>
      </c>
      <c r="AB1086">
        <v>7.0800264999225906</v>
      </c>
      <c r="AC1086">
        <v>1</v>
      </c>
      <c r="AD1086">
        <v>1</v>
      </c>
      <c r="AE1086">
        <v>0</v>
      </c>
      <c r="AF1086">
        <v>0</v>
      </c>
      <c r="AG1086">
        <v>7.0791843946096691</v>
      </c>
      <c r="AH1086">
        <v>-4.0768709363081863E-2</v>
      </c>
      <c r="AI1086">
        <v>-4.8314168128389491E-2</v>
      </c>
      <c r="AJ1086">
        <v>1.392112018087376E-3</v>
      </c>
      <c r="AK1086">
        <v>-4.052477435236794E-2</v>
      </c>
      <c r="AL1086">
        <v>2288.5659862419998</v>
      </c>
      <c r="AM1086">
        <v>4451.373128217424</v>
      </c>
      <c r="AN1086">
        <v>150597</v>
      </c>
      <c r="AO1086">
        <v>94.547690570317457</v>
      </c>
      <c r="AP1086">
        <v>2009.7585110138971</v>
      </c>
      <c r="AQ1086">
        <v>1.0193277310924369</v>
      </c>
      <c r="AR1086">
        <v>3.9411764705882359</v>
      </c>
      <c r="AS1086">
        <v>1184</v>
      </c>
      <c r="AT1086">
        <v>244.42857142857139</v>
      </c>
      <c r="AU1086">
        <v>3.7535014005602219E-2</v>
      </c>
      <c r="AV1086">
        <v>-4.0772145272089923E-2</v>
      </c>
      <c r="AW1086">
        <v>0.36386554621848738</v>
      </c>
      <c r="AX1086">
        <v>84.579478553406219</v>
      </c>
      <c r="AY1086">
        <v>60</v>
      </c>
      <c r="AZ1086">
        <v>120</v>
      </c>
      <c r="BA1086">
        <v>0.56080458315017956</v>
      </c>
      <c r="BB1086">
        <v>0.5159663865546219</v>
      </c>
      <c r="BC1086">
        <v>5.2134822367239302</v>
      </c>
      <c r="BD1086" t="s">
        <v>4185</v>
      </c>
      <c r="BE1086" t="s">
        <v>68</v>
      </c>
    </row>
    <row r="1087" spans="1:57" x14ac:dyDescent="0.3">
      <c r="A1087" t="s">
        <v>4186</v>
      </c>
      <c r="B1087">
        <v>3085</v>
      </c>
      <c r="C1087" t="s">
        <v>4187</v>
      </c>
      <c r="D1087" t="s">
        <v>4188</v>
      </c>
      <c r="E1087" t="s">
        <v>106</v>
      </c>
      <c r="F1087">
        <v>3155</v>
      </c>
      <c r="G1087">
        <v>127.5236133122029</v>
      </c>
      <c r="H1087">
        <v>127</v>
      </c>
      <c r="I1087">
        <v>5509.7683013655278</v>
      </c>
      <c r="J1087">
        <v>74.227813529468378</v>
      </c>
      <c r="K1087">
        <v>-4.0481301633287954E-3</v>
      </c>
      <c r="L1087">
        <v>-1.228289486940277</v>
      </c>
      <c r="M1087">
        <v>7.9400920968914281</v>
      </c>
      <c r="N1087">
        <v>23</v>
      </c>
      <c r="O1087">
        <v>3</v>
      </c>
      <c r="P1087">
        <v>20</v>
      </c>
      <c r="Q1087">
        <v>3.516751121724202</v>
      </c>
      <c r="R1087">
        <v>5.5036524503465971</v>
      </c>
      <c r="S1087">
        <v>3</v>
      </c>
      <c r="T1087">
        <v>1</v>
      </c>
      <c r="U1087">
        <v>2</v>
      </c>
      <c r="V1087">
        <v>0.1532306171476665</v>
      </c>
      <c r="W1087">
        <v>8.0253274962592158</v>
      </c>
      <c r="X1087">
        <v>1</v>
      </c>
      <c r="Y1087">
        <v>1</v>
      </c>
      <c r="Z1087">
        <v>0</v>
      </c>
      <c r="AA1087">
        <v>0</v>
      </c>
      <c r="AB1087">
        <v>8.0561096595450614</v>
      </c>
      <c r="AC1087">
        <v>1</v>
      </c>
      <c r="AD1087">
        <v>1</v>
      </c>
      <c r="AE1087">
        <v>0</v>
      </c>
      <c r="AF1087">
        <v>0</v>
      </c>
      <c r="AG1087">
        <v>8.055792450977771</v>
      </c>
      <c r="AH1087">
        <v>1.0347674343574399E-2</v>
      </c>
      <c r="AI1087">
        <v>-1.4539370578895989E-3</v>
      </c>
      <c r="AJ1087">
        <v>3.9425765655201367E-2</v>
      </c>
      <c r="AK1087">
        <v>3.2986072575905287E-2</v>
      </c>
      <c r="AL1087">
        <v>3803.3203195874562</v>
      </c>
      <c r="AM1087">
        <v>7363.7993961414486</v>
      </c>
      <c r="AN1087">
        <v>402337</v>
      </c>
      <c r="AO1087">
        <v>139.00999459339101</v>
      </c>
      <c r="AP1087">
        <v>3424.264548021375</v>
      </c>
      <c r="AQ1087">
        <v>1.007290015847861</v>
      </c>
      <c r="AR1087">
        <v>3.987004754358161</v>
      </c>
      <c r="AS1087">
        <v>3147</v>
      </c>
      <c r="AT1087">
        <v>256.89984152139459</v>
      </c>
      <c r="AU1087">
        <v>1.333084739442536E-2</v>
      </c>
      <c r="AV1087">
        <v>1.0351219784076901E-2</v>
      </c>
      <c r="AW1087">
        <v>0.3727416798732171</v>
      </c>
      <c r="AX1087">
        <v>85.264743183259355</v>
      </c>
      <c r="AY1087">
        <v>66</v>
      </c>
      <c r="AZ1087">
        <v>131</v>
      </c>
      <c r="BA1087">
        <v>0.58207112864457589</v>
      </c>
      <c r="BB1087">
        <v>0.49857369255150552</v>
      </c>
      <c r="BC1087">
        <v>5.311219815654292</v>
      </c>
      <c r="BD1087" t="s">
        <v>4189</v>
      </c>
      <c r="BE1087" t="s">
        <v>68</v>
      </c>
    </row>
    <row r="1088" spans="1:57" x14ac:dyDescent="0.3">
      <c r="A1088" t="s">
        <v>4190</v>
      </c>
      <c r="B1088">
        <v>1543</v>
      </c>
      <c r="C1088" t="s">
        <v>4191</v>
      </c>
      <c r="D1088" t="s">
        <v>4192</v>
      </c>
      <c r="E1088" t="s">
        <v>85</v>
      </c>
      <c r="F1088">
        <v>8</v>
      </c>
      <c r="G1088">
        <v>146.625</v>
      </c>
      <c r="H1088">
        <v>192.5</v>
      </c>
      <c r="I1088">
        <v>6327.234375</v>
      </c>
      <c r="J1088">
        <v>79.543914757824183</v>
      </c>
      <c r="K1088">
        <v>-0.68772303459091133</v>
      </c>
      <c r="L1088">
        <v>-1.266187620268765</v>
      </c>
      <c r="M1088">
        <v>3</v>
      </c>
      <c r="N1088">
        <v>1</v>
      </c>
      <c r="O1088">
        <v>1</v>
      </c>
      <c r="P1088">
        <v>0</v>
      </c>
      <c r="Q1088">
        <v>0</v>
      </c>
      <c r="R1088">
        <v>2.0794415416798362</v>
      </c>
      <c r="S1088">
        <v>1</v>
      </c>
      <c r="T1088">
        <v>1</v>
      </c>
      <c r="U1088">
        <v>0</v>
      </c>
      <c r="V1088">
        <v>0</v>
      </c>
      <c r="W1088">
        <v>1.945910149055313</v>
      </c>
      <c r="X1088">
        <v>1</v>
      </c>
      <c r="Y1088">
        <v>1</v>
      </c>
      <c r="Z1088">
        <v>0</v>
      </c>
      <c r="AA1088">
        <v>0</v>
      </c>
      <c r="AB1088">
        <v>1.791759469228055</v>
      </c>
      <c r="AC1088">
        <v>1</v>
      </c>
      <c r="AD1088">
        <v>1</v>
      </c>
      <c r="AE1088">
        <v>0</v>
      </c>
      <c r="AF1088">
        <v>0</v>
      </c>
      <c r="AG1088">
        <v>1.6094379124341009</v>
      </c>
      <c r="AH1088">
        <v>-8.4641850828388196E-2</v>
      </c>
      <c r="AI1088">
        <v>-0.116725687318956</v>
      </c>
      <c r="AJ1088">
        <v>-1.7633654613118391E-2</v>
      </c>
      <c r="AK1088">
        <v>0</v>
      </c>
      <c r="AL1088">
        <v>337.09065641832422</v>
      </c>
      <c r="AM1088">
        <v>330.11950768693339</v>
      </c>
      <c r="AN1088">
        <v>1173</v>
      </c>
      <c r="AO1088">
        <v>57.870545184921149</v>
      </c>
      <c r="AP1088">
        <v>275.15471053360022</v>
      </c>
      <c r="AQ1088">
        <v>3.5</v>
      </c>
      <c r="AR1088">
        <v>3.875</v>
      </c>
      <c r="AS1088">
        <v>8</v>
      </c>
      <c r="AT1088">
        <v>0</v>
      </c>
      <c r="AU1088">
        <v>0.35833333333333328</v>
      </c>
      <c r="AV1088">
        <v>-8.4012530365997581E-2</v>
      </c>
      <c r="AW1088">
        <v>0.125</v>
      </c>
      <c r="AX1088">
        <v>89.285714285714292</v>
      </c>
      <c r="AY1088">
        <v>25</v>
      </c>
      <c r="AZ1088">
        <v>122.75</v>
      </c>
      <c r="BA1088">
        <v>0.54249899238072763</v>
      </c>
      <c r="BB1088">
        <v>0.625</v>
      </c>
      <c r="BC1088">
        <v>1.945910149055313</v>
      </c>
      <c r="BD1088" t="s">
        <v>4191</v>
      </c>
      <c r="BE1088" t="s">
        <v>68</v>
      </c>
    </row>
    <row r="1089" spans="1:57" x14ac:dyDescent="0.3">
      <c r="A1089" t="s">
        <v>4193</v>
      </c>
      <c r="B1089">
        <v>158</v>
      </c>
      <c r="C1089" t="s">
        <v>4194</v>
      </c>
      <c r="D1089" t="s">
        <v>4195</v>
      </c>
      <c r="E1089" t="s">
        <v>60</v>
      </c>
      <c r="F1089">
        <v>256</v>
      </c>
      <c r="G1089">
        <v>130.68359375</v>
      </c>
      <c r="H1089">
        <v>128</v>
      </c>
      <c r="I1089">
        <v>5065.1694183349609</v>
      </c>
      <c r="J1089">
        <v>71.170003641526961</v>
      </c>
      <c r="K1089">
        <v>-1.7125788623009858E-2</v>
      </c>
      <c r="L1089">
        <v>-1.0932495661357939</v>
      </c>
      <c r="M1089">
        <v>7.1482329356029206</v>
      </c>
      <c r="N1089">
        <v>5</v>
      </c>
      <c r="O1089">
        <v>1</v>
      </c>
      <c r="P1089">
        <v>4</v>
      </c>
      <c r="Q1089">
        <v>0.84557672626438818</v>
      </c>
      <c r="R1089">
        <v>4.954777505298904</v>
      </c>
      <c r="S1089">
        <v>1</v>
      </c>
      <c r="T1089">
        <v>1</v>
      </c>
      <c r="U1089">
        <v>0</v>
      </c>
      <c r="V1089">
        <v>0</v>
      </c>
      <c r="W1089">
        <v>5.541263545158424</v>
      </c>
      <c r="X1089">
        <v>1</v>
      </c>
      <c r="Y1089">
        <v>1</v>
      </c>
      <c r="Z1089">
        <v>0</v>
      </c>
      <c r="AA1089">
        <v>0</v>
      </c>
      <c r="AB1089">
        <v>5.5373342670185366</v>
      </c>
      <c r="AC1089">
        <v>1</v>
      </c>
      <c r="AD1089">
        <v>1</v>
      </c>
      <c r="AE1089">
        <v>0</v>
      </c>
      <c r="AF1089">
        <v>0</v>
      </c>
      <c r="AG1089">
        <v>5.5333894887275203</v>
      </c>
      <c r="AH1089">
        <v>-4.1029868768609742E-2</v>
      </c>
      <c r="AI1089">
        <v>-2.3444702965680381E-2</v>
      </c>
      <c r="AJ1089">
        <v>3.4857611040040787E-2</v>
      </c>
      <c r="AK1089">
        <v>7.2203647003760738E-2</v>
      </c>
      <c r="AL1089">
        <v>1148.891044451675</v>
      </c>
      <c r="AM1089">
        <v>2085.3662431282278</v>
      </c>
      <c r="AN1089">
        <v>33455</v>
      </c>
      <c r="AO1089">
        <v>132.78490720211809</v>
      </c>
      <c r="AP1089">
        <v>933.7915343732293</v>
      </c>
      <c r="AQ1089">
        <v>1.08984375</v>
      </c>
      <c r="AR1089">
        <v>4.04296875</v>
      </c>
      <c r="AS1089">
        <v>256</v>
      </c>
      <c r="AT1089">
        <v>71.499999999999986</v>
      </c>
      <c r="AU1089">
        <v>5.5729166666666663E-2</v>
      </c>
      <c r="AV1089">
        <v>-4.121085536529414E-2</v>
      </c>
      <c r="AW1089">
        <v>0.39453125</v>
      </c>
      <c r="AX1089">
        <v>87.321568627450986</v>
      </c>
      <c r="AY1089">
        <v>58</v>
      </c>
      <c r="AZ1089">
        <v>121.75</v>
      </c>
      <c r="BA1089">
        <v>0.54459784582964887</v>
      </c>
      <c r="BB1089">
        <v>0.48828125</v>
      </c>
      <c r="BC1089">
        <v>4.8809173042100866</v>
      </c>
      <c r="BD1089" t="s">
        <v>4196</v>
      </c>
      <c r="BE1089" t="s">
        <v>62</v>
      </c>
    </row>
    <row r="1090" spans="1:57" x14ac:dyDescent="0.3">
      <c r="A1090" t="s">
        <v>4197</v>
      </c>
      <c r="B1090">
        <v>1802</v>
      </c>
      <c r="C1090" t="s">
        <v>4198</v>
      </c>
      <c r="D1090" t="s">
        <v>4199</v>
      </c>
      <c r="E1090" t="s">
        <v>85</v>
      </c>
      <c r="F1090">
        <v>8</v>
      </c>
      <c r="G1090">
        <v>164</v>
      </c>
      <c r="H1090">
        <v>173.5</v>
      </c>
      <c r="I1090">
        <v>3565</v>
      </c>
      <c r="J1090">
        <v>59.70762095411272</v>
      </c>
      <c r="K1090">
        <v>-0.55718570406015799</v>
      </c>
      <c r="L1090">
        <v>-1.012144682307536</v>
      </c>
      <c r="M1090">
        <v>3</v>
      </c>
      <c r="N1090">
        <v>1</v>
      </c>
      <c r="O1090">
        <v>1</v>
      </c>
      <c r="P1090">
        <v>0</v>
      </c>
      <c r="Q1090">
        <v>0</v>
      </c>
      <c r="R1090">
        <v>2.0794415416798362</v>
      </c>
      <c r="S1090">
        <v>1</v>
      </c>
      <c r="T1090">
        <v>1</v>
      </c>
      <c r="U1090">
        <v>0</v>
      </c>
      <c r="V1090">
        <v>0</v>
      </c>
      <c r="W1090">
        <v>1.945910149055313</v>
      </c>
      <c r="X1090">
        <v>1</v>
      </c>
      <c r="Y1090">
        <v>1</v>
      </c>
      <c r="Z1090">
        <v>0</v>
      </c>
      <c r="AA1090">
        <v>0</v>
      </c>
      <c r="AB1090">
        <v>1.791759469228055</v>
      </c>
      <c r="AC1090">
        <v>1</v>
      </c>
      <c r="AD1090">
        <v>1</v>
      </c>
      <c r="AE1090">
        <v>0</v>
      </c>
      <c r="AF1090">
        <v>0</v>
      </c>
      <c r="AG1090">
        <v>1.6094379124341009</v>
      </c>
      <c r="AH1090">
        <v>-0.35736325385694251</v>
      </c>
      <c r="AI1090">
        <v>-0.20206872370266479</v>
      </c>
      <c r="AJ1090">
        <v>0.1011921458625526</v>
      </c>
      <c r="AK1090">
        <v>0</v>
      </c>
      <c r="AL1090">
        <v>303.43837712975778</v>
      </c>
      <c r="AM1090">
        <v>389.37533471556583</v>
      </c>
      <c r="AN1090">
        <v>1312</v>
      </c>
      <c r="AO1090">
        <v>30.15568117119059</v>
      </c>
      <c r="AP1090">
        <v>207.9005408677464</v>
      </c>
      <c r="AQ1090">
        <v>3.5</v>
      </c>
      <c r="AR1090">
        <v>4.75</v>
      </c>
      <c r="AS1090">
        <v>8</v>
      </c>
      <c r="AT1090">
        <v>0</v>
      </c>
      <c r="AU1090">
        <v>0.25321888412017168</v>
      </c>
      <c r="AV1090">
        <v>-0.38930146118600228</v>
      </c>
      <c r="AW1090">
        <v>0.25</v>
      </c>
      <c r="AX1090">
        <v>89.285714285714292</v>
      </c>
      <c r="AY1090">
        <v>43</v>
      </c>
      <c r="AZ1090">
        <v>73.25</v>
      </c>
      <c r="BA1090">
        <v>0.36407085947629708</v>
      </c>
      <c r="BB1090">
        <v>0.5</v>
      </c>
      <c r="BC1090">
        <v>1.945910149055313</v>
      </c>
      <c r="BD1090" t="s">
        <v>4198</v>
      </c>
      <c r="BE1090" t="s">
        <v>68</v>
      </c>
    </row>
    <row r="1091" spans="1:57" x14ac:dyDescent="0.3">
      <c r="A1091" t="s">
        <v>4200</v>
      </c>
      <c r="B1091">
        <v>3799</v>
      </c>
      <c r="C1091" t="s">
        <v>4201</v>
      </c>
      <c r="D1091" t="s">
        <v>4202</v>
      </c>
      <c r="E1091" t="s">
        <v>128</v>
      </c>
      <c r="F1091">
        <v>32</v>
      </c>
      <c r="G1091">
        <v>135.9375</v>
      </c>
      <c r="H1091">
        <v>143</v>
      </c>
      <c r="I1091">
        <v>5122.24609375</v>
      </c>
      <c r="J1091">
        <v>71.569868616268963</v>
      </c>
      <c r="K1091">
        <v>-0.20707076751561751</v>
      </c>
      <c r="L1091">
        <v>-1.0539672167373459</v>
      </c>
      <c r="M1091">
        <v>5</v>
      </c>
      <c r="N1091">
        <v>1</v>
      </c>
      <c r="O1091">
        <v>1</v>
      </c>
      <c r="P1091">
        <v>0</v>
      </c>
      <c r="Q1091">
        <v>0</v>
      </c>
      <c r="R1091">
        <v>3.465735902799727</v>
      </c>
      <c r="S1091">
        <v>1</v>
      </c>
      <c r="T1091">
        <v>1</v>
      </c>
      <c r="U1091">
        <v>0</v>
      </c>
      <c r="V1091">
        <v>0</v>
      </c>
      <c r="W1091">
        <v>3.4339872044851458</v>
      </c>
      <c r="X1091">
        <v>1</v>
      </c>
      <c r="Y1091">
        <v>1</v>
      </c>
      <c r="Z1091">
        <v>0</v>
      </c>
      <c r="AA1091">
        <v>0</v>
      </c>
      <c r="AB1091">
        <v>3.401197381662155</v>
      </c>
      <c r="AC1091">
        <v>1</v>
      </c>
      <c r="AD1091">
        <v>1</v>
      </c>
      <c r="AE1091">
        <v>0</v>
      </c>
      <c r="AF1091">
        <v>0</v>
      </c>
      <c r="AG1091">
        <v>3.3672958299864728</v>
      </c>
      <c r="AH1091">
        <v>9.1830952417266895E-2</v>
      </c>
      <c r="AI1091">
        <v>-8.6927093064489688E-2</v>
      </c>
      <c r="AJ1091">
        <v>-0.28070316461970801</v>
      </c>
      <c r="AK1091">
        <v>0.14955726018935481</v>
      </c>
      <c r="AL1091">
        <v>490.47469630769649</v>
      </c>
      <c r="AM1091">
        <v>717.40823265548954</v>
      </c>
      <c r="AN1091">
        <v>4350</v>
      </c>
      <c r="AO1091">
        <v>70.697191175555758</v>
      </c>
      <c r="AP1091">
        <v>333.14886968979368</v>
      </c>
      <c r="AQ1091">
        <v>1.71875</v>
      </c>
      <c r="AR1091">
        <v>4.03125</v>
      </c>
      <c r="AS1091">
        <v>32</v>
      </c>
      <c r="AT1091">
        <v>0</v>
      </c>
      <c r="AU1091">
        <v>0.13894628099173559</v>
      </c>
      <c r="AV1091">
        <v>9.5211445289015914E-2</v>
      </c>
      <c r="AW1091">
        <v>0.3125</v>
      </c>
      <c r="AX1091">
        <v>72.032258064516128</v>
      </c>
      <c r="AY1091">
        <v>63</v>
      </c>
      <c r="AZ1091">
        <v>126</v>
      </c>
      <c r="BA1091">
        <v>0.52649098752197854</v>
      </c>
      <c r="BB1091">
        <v>0.53125</v>
      </c>
      <c r="BC1091">
        <v>3.2998296856670919</v>
      </c>
      <c r="BD1091" t="s">
        <v>4203</v>
      </c>
      <c r="BE1091" t="s">
        <v>62</v>
      </c>
    </row>
    <row r="1092" spans="1:57" x14ac:dyDescent="0.3">
      <c r="A1092" t="s">
        <v>4204</v>
      </c>
      <c r="B1092">
        <v>138</v>
      </c>
      <c r="C1092" t="s">
        <v>4205</v>
      </c>
      <c r="D1092" t="s">
        <v>4206</v>
      </c>
      <c r="E1092" t="s">
        <v>60</v>
      </c>
      <c r="F1092">
        <v>256</v>
      </c>
      <c r="G1092">
        <v>129.4765625</v>
      </c>
      <c r="H1092">
        <v>131.5</v>
      </c>
      <c r="I1092">
        <v>5069.3822631835938</v>
      </c>
      <c r="J1092">
        <v>71.199594543674152</v>
      </c>
      <c r="K1092">
        <v>-2.359877517911687E-2</v>
      </c>
      <c r="L1092">
        <v>-1.1265997406773069</v>
      </c>
      <c r="M1092">
        <v>7.200904589725436</v>
      </c>
      <c r="N1092">
        <v>4</v>
      </c>
      <c r="O1092">
        <v>1</v>
      </c>
      <c r="P1092">
        <v>3</v>
      </c>
      <c r="Q1092">
        <v>0.77455826869270339</v>
      </c>
      <c r="R1092">
        <v>4.9912867138493553</v>
      </c>
      <c r="S1092">
        <v>2</v>
      </c>
      <c r="T1092">
        <v>1</v>
      </c>
      <c r="U1092">
        <v>1</v>
      </c>
      <c r="V1092">
        <v>6.2621943781838038E-2</v>
      </c>
      <c r="W1092">
        <v>5.5358270966834446</v>
      </c>
      <c r="X1092">
        <v>1</v>
      </c>
      <c r="Y1092">
        <v>1</v>
      </c>
      <c r="Z1092">
        <v>0</v>
      </c>
      <c r="AA1092">
        <v>0</v>
      </c>
      <c r="AB1092">
        <v>5.5373342670185366</v>
      </c>
      <c r="AC1092">
        <v>1</v>
      </c>
      <c r="AD1092">
        <v>1</v>
      </c>
      <c r="AE1092">
        <v>0</v>
      </c>
      <c r="AF1092">
        <v>0</v>
      </c>
      <c r="AG1092">
        <v>5.5333894887275203</v>
      </c>
      <c r="AH1092">
        <v>2.3764429387077341E-4</v>
      </c>
      <c r="AI1092">
        <v>-8.5325585246018326E-2</v>
      </c>
      <c r="AJ1092">
        <v>0.1444534613277981</v>
      </c>
      <c r="AK1092">
        <v>-2.9495285887118469E-2</v>
      </c>
      <c r="AL1092">
        <v>1144.181433160029</v>
      </c>
      <c r="AM1092">
        <v>2068.8742948791892</v>
      </c>
      <c r="AN1092">
        <v>33146</v>
      </c>
      <c r="AO1092">
        <v>153.32434901114331</v>
      </c>
      <c r="AP1092">
        <v>968.04633657806119</v>
      </c>
      <c r="AQ1092">
        <v>1.08984375</v>
      </c>
      <c r="AR1092">
        <v>4.00390625</v>
      </c>
      <c r="AS1092">
        <v>256</v>
      </c>
      <c r="AT1092">
        <v>63.031249999999993</v>
      </c>
      <c r="AU1092">
        <v>3.3026960784313719E-2</v>
      </c>
      <c r="AV1092">
        <v>2.3718462136980599E-4</v>
      </c>
      <c r="AW1092">
        <v>0.3828125</v>
      </c>
      <c r="AX1092">
        <v>82.066666666666663</v>
      </c>
      <c r="AY1092">
        <v>61</v>
      </c>
      <c r="AZ1092">
        <v>121.25</v>
      </c>
      <c r="BA1092">
        <v>0.54990334288241671</v>
      </c>
      <c r="BB1092">
        <v>0.51171875</v>
      </c>
      <c r="BC1092">
        <v>4.8302789871141334</v>
      </c>
      <c r="BD1092" t="s">
        <v>4207</v>
      </c>
      <c r="BE1092" t="s">
        <v>62</v>
      </c>
    </row>
    <row r="1093" spans="1:57" x14ac:dyDescent="0.3">
      <c r="A1093" t="s">
        <v>4208</v>
      </c>
      <c r="B1093">
        <v>624</v>
      </c>
      <c r="C1093" t="s">
        <v>4209</v>
      </c>
      <c r="D1093" t="s">
        <v>4210</v>
      </c>
      <c r="E1093" t="s">
        <v>93</v>
      </c>
      <c r="F1093">
        <v>634</v>
      </c>
      <c r="G1093">
        <v>125.7917981072555</v>
      </c>
      <c r="H1093">
        <v>130</v>
      </c>
      <c r="I1093">
        <v>5263.6790494481984</v>
      </c>
      <c r="J1093">
        <v>72.551216733065189</v>
      </c>
      <c r="K1093">
        <v>-2.7693772438429989E-2</v>
      </c>
      <c r="L1093">
        <v>-1.1754176001529171</v>
      </c>
      <c r="M1093">
        <v>7.6692338936705413</v>
      </c>
      <c r="N1093">
        <v>8</v>
      </c>
      <c r="O1093">
        <v>1</v>
      </c>
      <c r="P1093">
        <v>7</v>
      </c>
      <c r="Q1093">
        <v>1.4782809685580429</v>
      </c>
      <c r="R1093">
        <v>5.3159078504525086</v>
      </c>
      <c r="S1093">
        <v>2</v>
      </c>
      <c r="T1093">
        <v>1</v>
      </c>
      <c r="U1093">
        <v>1</v>
      </c>
      <c r="V1093">
        <v>5.6209660383417431E-2</v>
      </c>
      <c r="W1093">
        <v>6.446090345173813</v>
      </c>
      <c r="X1093">
        <v>1</v>
      </c>
      <c r="Y1093">
        <v>1</v>
      </c>
      <c r="Z1093">
        <v>0</v>
      </c>
      <c r="AA1093">
        <v>0</v>
      </c>
      <c r="AB1093">
        <v>6.4488893941468586</v>
      </c>
      <c r="AC1093">
        <v>1</v>
      </c>
      <c r="AD1093">
        <v>1</v>
      </c>
      <c r="AE1093">
        <v>0</v>
      </c>
      <c r="AF1093">
        <v>0</v>
      </c>
      <c r="AG1093">
        <v>6.4473058625412154</v>
      </c>
      <c r="AH1093">
        <v>3.1568205122636382E-2</v>
      </c>
      <c r="AI1093">
        <v>2.0482625607277691E-2</v>
      </c>
      <c r="AJ1093">
        <v>5.850646058300444E-2</v>
      </c>
      <c r="AK1093">
        <v>-6.762079728111775E-2</v>
      </c>
      <c r="AL1093">
        <v>1755.120711755342</v>
      </c>
      <c r="AM1093">
        <v>3207.6270492635858</v>
      </c>
      <c r="AN1093">
        <v>79752</v>
      </c>
      <c r="AO1093">
        <v>86.94185542340756</v>
      </c>
      <c r="AP1093">
        <v>1549.002743764687</v>
      </c>
      <c r="AQ1093">
        <v>1.0362776025236591</v>
      </c>
      <c r="AR1093">
        <v>3.9574132492113558</v>
      </c>
      <c r="AS1093">
        <v>633</v>
      </c>
      <c r="AT1093">
        <v>190.3533123028391</v>
      </c>
      <c r="AU1093">
        <v>3.121041257855384E-2</v>
      </c>
      <c r="AV1093">
        <v>3.1606169753435179E-2</v>
      </c>
      <c r="AW1093">
        <v>0.35804416403785488</v>
      </c>
      <c r="AX1093">
        <v>81.431279620853076</v>
      </c>
      <c r="AY1093">
        <v>61</v>
      </c>
      <c r="AZ1093">
        <v>124.75</v>
      </c>
      <c r="BA1093">
        <v>0.57675633725503228</v>
      </c>
      <c r="BB1093">
        <v>0.51577287066246058</v>
      </c>
      <c r="BC1093">
        <v>5.1455969594402173</v>
      </c>
      <c r="BD1093" t="s">
        <v>4211</v>
      </c>
      <c r="BE1093" t="s">
        <v>68</v>
      </c>
    </row>
    <row r="1094" spans="1:57" x14ac:dyDescent="0.3">
      <c r="A1094" t="s">
        <v>4212</v>
      </c>
      <c r="B1094">
        <v>3030</v>
      </c>
      <c r="C1094" t="s">
        <v>4213</v>
      </c>
      <c r="D1094" t="s">
        <v>4214</v>
      </c>
      <c r="E1094" t="s">
        <v>128</v>
      </c>
      <c r="F1094">
        <v>32</v>
      </c>
      <c r="G1094">
        <v>112.40625</v>
      </c>
      <c r="H1094">
        <v>119</v>
      </c>
      <c r="I1094">
        <v>5163.8662109375</v>
      </c>
      <c r="J1094">
        <v>71.860045998715449</v>
      </c>
      <c r="K1094">
        <v>0.2065710845755814</v>
      </c>
      <c r="L1094">
        <v>-1.2785684272132249</v>
      </c>
      <c r="M1094">
        <v>4.875</v>
      </c>
      <c r="N1094">
        <v>2</v>
      </c>
      <c r="O1094">
        <v>1</v>
      </c>
      <c r="P1094">
        <v>1</v>
      </c>
      <c r="Q1094">
        <v>0.24944382578492941</v>
      </c>
      <c r="R1094">
        <v>3.3790925052297318</v>
      </c>
      <c r="S1094">
        <v>1</v>
      </c>
      <c r="T1094">
        <v>1</v>
      </c>
      <c r="U1094">
        <v>0</v>
      </c>
      <c r="V1094">
        <v>0</v>
      </c>
      <c r="W1094">
        <v>3.4339872044851458</v>
      </c>
      <c r="X1094">
        <v>1</v>
      </c>
      <c r="Y1094">
        <v>1</v>
      </c>
      <c r="Z1094">
        <v>0</v>
      </c>
      <c r="AA1094">
        <v>0</v>
      </c>
      <c r="AB1094">
        <v>3.401197381662155</v>
      </c>
      <c r="AC1094">
        <v>1</v>
      </c>
      <c r="AD1094">
        <v>1</v>
      </c>
      <c r="AE1094">
        <v>0</v>
      </c>
      <c r="AF1094">
        <v>0</v>
      </c>
      <c r="AG1094">
        <v>3.3672958299864728</v>
      </c>
      <c r="AH1094">
        <v>-0.22343252480852621</v>
      </c>
      <c r="AI1094">
        <v>0.28122313981677438</v>
      </c>
      <c r="AJ1094">
        <v>-0.121158426454939</v>
      </c>
      <c r="AK1094">
        <v>-0.30214136590668439</v>
      </c>
      <c r="AL1094">
        <v>460.37790016433672</v>
      </c>
      <c r="AM1094">
        <v>598.01437193455149</v>
      </c>
      <c r="AN1094">
        <v>3597</v>
      </c>
      <c r="AO1094">
        <v>30.407472726108701</v>
      </c>
      <c r="AP1094">
        <v>406.09038552236183</v>
      </c>
      <c r="AQ1094">
        <v>1.65625</v>
      </c>
      <c r="AR1094">
        <v>3.84375</v>
      </c>
      <c r="AS1094">
        <v>32</v>
      </c>
      <c r="AT1094">
        <v>1.75</v>
      </c>
      <c r="AU1094">
        <v>0.20325413223140501</v>
      </c>
      <c r="AV1094">
        <v>-0.22445162922299941</v>
      </c>
      <c r="AW1094">
        <v>0.40625</v>
      </c>
      <c r="AX1094">
        <v>99.354838709677423</v>
      </c>
      <c r="AY1094">
        <v>78.5</v>
      </c>
      <c r="AZ1094">
        <v>122.75</v>
      </c>
      <c r="BA1094">
        <v>0.63928870502054336</v>
      </c>
      <c r="BB1094">
        <v>0.53125</v>
      </c>
      <c r="BC1094">
        <v>3.4339872044851458</v>
      </c>
      <c r="BD1094" t="s">
        <v>4215</v>
      </c>
      <c r="BE1094" t="s">
        <v>62</v>
      </c>
    </row>
    <row r="1095" spans="1:57" x14ac:dyDescent="0.3">
      <c r="A1095" t="s">
        <v>4216</v>
      </c>
      <c r="B1095">
        <v>871</v>
      </c>
      <c r="C1095" t="s">
        <v>4217</v>
      </c>
      <c r="D1095" t="s">
        <v>4218</v>
      </c>
      <c r="E1095" t="s">
        <v>72</v>
      </c>
      <c r="F1095">
        <v>872</v>
      </c>
      <c r="G1095">
        <v>125.64793577981651</v>
      </c>
      <c r="H1095">
        <v>127</v>
      </c>
      <c r="I1095">
        <v>5372.0056379408288</v>
      </c>
      <c r="J1095">
        <v>73.293967268396855</v>
      </c>
      <c r="K1095">
        <v>-1.4593927302881751E-2</v>
      </c>
      <c r="L1095">
        <v>-1.1884216610596809</v>
      </c>
      <c r="M1095">
        <v>7.7240758387920696</v>
      </c>
      <c r="N1095">
        <v>11</v>
      </c>
      <c r="O1095">
        <v>1</v>
      </c>
      <c r="P1095">
        <v>10</v>
      </c>
      <c r="Q1095">
        <v>1.944528521350533</v>
      </c>
      <c r="R1095">
        <v>5.3539213900899298</v>
      </c>
      <c r="S1095">
        <v>2</v>
      </c>
      <c r="T1095">
        <v>1</v>
      </c>
      <c r="U1095">
        <v>1</v>
      </c>
      <c r="V1095">
        <v>0.10164558143742621</v>
      </c>
      <c r="W1095">
        <v>6.7553174656583828</v>
      </c>
      <c r="X1095">
        <v>1</v>
      </c>
      <c r="Y1095">
        <v>1</v>
      </c>
      <c r="Z1095">
        <v>0</v>
      </c>
      <c r="AA1095">
        <v>0</v>
      </c>
      <c r="AB1095">
        <v>6.7684932116486296</v>
      </c>
      <c r="AC1095">
        <v>1</v>
      </c>
      <c r="AD1095">
        <v>1</v>
      </c>
      <c r="AE1095">
        <v>0</v>
      </c>
      <c r="AF1095">
        <v>0</v>
      </c>
      <c r="AG1095">
        <v>6.7673431252653913</v>
      </c>
      <c r="AH1095">
        <v>-7.244623552143949E-3</v>
      </c>
      <c r="AI1095">
        <v>-8.1733403022831261E-2</v>
      </c>
      <c r="AJ1095">
        <v>-4.9520543600756813E-2</v>
      </c>
      <c r="AK1095">
        <v>2.1229776313140498E-2</v>
      </c>
      <c r="AL1095">
        <v>2038.311432930318</v>
      </c>
      <c r="AM1095">
        <v>3781.0437054318149</v>
      </c>
      <c r="AN1095">
        <v>109565</v>
      </c>
      <c r="AO1095">
        <v>134.91199373574389</v>
      </c>
      <c r="AP1095">
        <v>1798.30420433528</v>
      </c>
      <c r="AQ1095">
        <v>1.0263761467889909</v>
      </c>
      <c r="AR1095">
        <v>3.9736238532110089</v>
      </c>
      <c r="AS1095">
        <v>866</v>
      </c>
      <c r="AT1095">
        <v>260.28211009174311</v>
      </c>
      <c r="AU1095">
        <v>2.6866342867422181E-2</v>
      </c>
      <c r="AV1095">
        <v>-7.2504992214408193E-3</v>
      </c>
      <c r="AW1095">
        <v>0.3669724770642202</v>
      </c>
      <c r="AX1095">
        <v>85.318025258323772</v>
      </c>
      <c r="AY1095">
        <v>65</v>
      </c>
      <c r="AZ1095">
        <v>130.25</v>
      </c>
      <c r="BA1095">
        <v>0.58332806514892588</v>
      </c>
      <c r="BB1095">
        <v>0.50917431192660545</v>
      </c>
      <c r="BC1095">
        <v>5.1755116855277592</v>
      </c>
      <c r="BD1095" t="s">
        <v>4219</v>
      </c>
      <c r="BE1095" t="s">
        <v>68</v>
      </c>
    </row>
    <row r="1096" spans="1:57" x14ac:dyDescent="0.3">
      <c r="A1096" t="s">
        <v>4220</v>
      </c>
      <c r="B1096">
        <v>2270</v>
      </c>
      <c r="C1096" t="s">
        <v>4221</v>
      </c>
      <c r="D1096" t="s">
        <v>4222</v>
      </c>
      <c r="E1096" t="s">
        <v>85</v>
      </c>
      <c r="F1096">
        <v>8</v>
      </c>
      <c r="G1096">
        <v>155.25</v>
      </c>
      <c r="H1096">
        <v>160</v>
      </c>
      <c r="I1096">
        <v>6336.1875</v>
      </c>
      <c r="J1096">
        <v>79.600172738506032</v>
      </c>
      <c r="K1096">
        <v>-0.17148986541667061</v>
      </c>
      <c r="L1096">
        <v>-1.4299961644508301</v>
      </c>
      <c r="M1096">
        <v>3</v>
      </c>
      <c r="N1096">
        <v>1</v>
      </c>
      <c r="O1096">
        <v>1</v>
      </c>
      <c r="P1096">
        <v>0</v>
      </c>
      <c r="Q1096">
        <v>0</v>
      </c>
      <c r="R1096">
        <v>2.0794415416798362</v>
      </c>
      <c r="S1096">
        <v>1</v>
      </c>
      <c r="T1096">
        <v>1</v>
      </c>
      <c r="U1096">
        <v>0</v>
      </c>
      <c r="V1096">
        <v>0</v>
      </c>
      <c r="W1096">
        <v>1.945910149055313</v>
      </c>
      <c r="X1096">
        <v>1</v>
      </c>
      <c r="Y1096">
        <v>1</v>
      </c>
      <c r="Z1096">
        <v>0</v>
      </c>
      <c r="AA1096">
        <v>0</v>
      </c>
      <c r="AB1096">
        <v>1.791759469228055</v>
      </c>
      <c r="AC1096">
        <v>1</v>
      </c>
      <c r="AD1096">
        <v>1</v>
      </c>
      <c r="AE1096">
        <v>0</v>
      </c>
      <c r="AF1096">
        <v>0</v>
      </c>
      <c r="AG1096">
        <v>1.6094379124341009</v>
      </c>
      <c r="AH1096">
        <v>-0.39678952248493282</v>
      </c>
      <c r="AI1096">
        <v>-0.10064954280472289</v>
      </c>
      <c r="AJ1096">
        <v>-0.24923430888053741</v>
      </c>
      <c r="AK1096">
        <v>0</v>
      </c>
      <c r="AL1096">
        <v>355.47785828940948</v>
      </c>
      <c r="AM1096">
        <v>342.26523671850538</v>
      </c>
      <c r="AN1096">
        <v>1242</v>
      </c>
      <c r="AO1096">
        <v>154.0112072460773</v>
      </c>
      <c r="AP1096">
        <v>227.9501129557803</v>
      </c>
      <c r="AQ1096">
        <v>3.5</v>
      </c>
      <c r="AR1096">
        <v>5.25</v>
      </c>
      <c r="AS1096">
        <v>8</v>
      </c>
      <c r="AT1096">
        <v>0</v>
      </c>
      <c r="AU1096">
        <v>0.18676470588235289</v>
      </c>
      <c r="AV1096">
        <v>-0.41789035570381661</v>
      </c>
      <c r="AW1096">
        <v>0.25</v>
      </c>
      <c r="AX1096">
        <v>122.5714285714286</v>
      </c>
      <c r="AY1096">
        <v>78</v>
      </c>
      <c r="AZ1096">
        <v>153.75</v>
      </c>
      <c r="BA1096">
        <v>0.51272252971662502</v>
      </c>
      <c r="BB1096">
        <v>0.5</v>
      </c>
      <c r="BC1096">
        <v>1.945910149055313</v>
      </c>
      <c r="BD1096" t="s">
        <v>4221</v>
      </c>
      <c r="BE1096" t="s">
        <v>68</v>
      </c>
    </row>
    <row r="1097" spans="1:57" x14ac:dyDescent="0.3">
      <c r="A1097" t="s">
        <v>4223</v>
      </c>
      <c r="B1097">
        <v>156</v>
      </c>
      <c r="C1097" t="s">
        <v>4224</v>
      </c>
      <c r="D1097" t="s">
        <v>4225</v>
      </c>
      <c r="E1097" t="s">
        <v>60</v>
      </c>
      <c r="F1097">
        <v>256</v>
      </c>
      <c r="G1097">
        <v>125.12109375</v>
      </c>
      <c r="H1097">
        <v>125</v>
      </c>
      <c r="I1097">
        <v>5533.2548675537109</v>
      </c>
      <c r="J1097">
        <v>74.385851259185785</v>
      </c>
      <c r="K1097">
        <v>-1.471152683567095E-2</v>
      </c>
      <c r="L1097">
        <v>-1.1609715045228191</v>
      </c>
      <c r="M1097">
        <v>7.1868044316221669</v>
      </c>
      <c r="N1097">
        <v>5</v>
      </c>
      <c r="O1097">
        <v>1</v>
      </c>
      <c r="P1097">
        <v>4</v>
      </c>
      <c r="Q1097">
        <v>0.79853643080935588</v>
      </c>
      <c r="R1097">
        <v>4.9815132290146247</v>
      </c>
      <c r="S1097">
        <v>2</v>
      </c>
      <c r="T1097">
        <v>1</v>
      </c>
      <c r="U1097">
        <v>1</v>
      </c>
      <c r="V1097">
        <v>8.8558721353391615E-2</v>
      </c>
      <c r="W1097">
        <v>5.5303906482084653</v>
      </c>
      <c r="X1097">
        <v>1</v>
      </c>
      <c r="Y1097">
        <v>1</v>
      </c>
      <c r="Z1097">
        <v>0</v>
      </c>
      <c r="AA1097">
        <v>0</v>
      </c>
      <c r="AB1097">
        <v>5.5373342670185366</v>
      </c>
      <c r="AC1097">
        <v>1</v>
      </c>
      <c r="AD1097">
        <v>1</v>
      </c>
      <c r="AE1097">
        <v>0</v>
      </c>
      <c r="AF1097">
        <v>0</v>
      </c>
      <c r="AG1097">
        <v>5.5333894887275203</v>
      </c>
      <c r="AH1097">
        <v>8.8672238388460573E-3</v>
      </c>
      <c r="AI1097">
        <v>-3.6382032453286188E-2</v>
      </c>
      <c r="AJ1097">
        <v>0.10580673215187091</v>
      </c>
      <c r="AK1097">
        <v>2.2730766250742211E-2</v>
      </c>
      <c r="AL1097">
        <v>1187.4329857169989</v>
      </c>
      <c r="AM1097">
        <v>2003.5643000490941</v>
      </c>
      <c r="AN1097">
        <v>32031</v>
      </c>
      <c r="AO1097">
        <v>98.659924515924402</v>
      </c>
      <c r="AP1097">
        <v>1028.167533930683</v>
      </c>
      <c r="AQ1097">
        <v>1.08984375</v>
      </c>
      <c r="AR1097">
        <v>3.9375</v>
      </c>
      <c r="AS1097">
        <v>255</v>
      </c>
      <c r="AT1097">
        <v>66.1796875</v>
      </c>
      <c r="AU1097">
        <v>4.2691929133858268E-2</v>
      </c>
      <c r="AV1097">
        <v>8.8806180699660797E-3</v>
      </c>
      <c r="AW1097">
        <v>0.3671875</v>
      </c>
      <c r="AX1097">
        <v>84.945098039215679</v>
      </c>
      <c r="AY1097">
        <v>61</v>
      </c>
      <c r="AZ1097">
        <v>121</v>
      </c>
      <c r="BA1097">
        <v>0.59451087766075239</v>
      </c>
      <c r="BB1097">
        <v>0.5</v>
      </c>
      <c r="BC1097">
        <v>4.785525073791713</v>
      </c>
      <c r="BD1097" t="s">
        <v>4226</v>
      </c>
      <c r="BE1097" t="s">
        <v>62</v>
      </c>
    </row>
    <row r="1098" spans="1:57" x14ac:dyDescent="0.3">
      <c r="A1098" t="s">
        <v>4227</v>
      </c>
      <c r="B1098">
        <v>2152</v>
      </c>
      <c r="C1098" t="s">
        <v>4228</v>
      </c>
      <c r="D1098" t="s">
        <v>4229</v>
      </c>
      <c r="E1098" t="s">
        <v>98</v>
      </c>
      <c r="F1098">
        <v>16</v>
      </c>
      <c r="G1098">
        <v>133.8125</v>
      </c>
      <c r="H1098">
        <v>137</v>
      </c>
      <c r="I1098">
        <v>4062.52734375</v>
      </c>
      <c r="J1098">
        <v>63.737958421571683</v>
      </c>
      <c r="K1098">
        <v>0.24326213454376919</v>
      </c>
      <c r="L1098">
        <v>-1.0871845648090459</v>
      </c>
      <c r="M1098">
        <v>3.875</v>
      </c>
      <c r="N1098">
        <v>2</v>
      </c>
      <c r="O1098">
        <v>1</v>
      </c>
      <c r="P1098">
        <v>1</v>
      </c>
      <c r="Q1098">
        <v>0.24944382578492949</v>
      </c>
      <c r="R1098">
        <v>2.6859453246697882</v>
      </c>
      <c r="S1098">
        <v>1</v>
      </c>
      <c r="T1098">
        <v>1</v>
      </c>
      <c r="U1098">
        <v>0</v>
      </c>
      <c r="V1098">
        <v>0</v>
      </c>
      <c r="W1098">
        <v>2.7080502011022101</v>
      </c>
      <c r="X1098">
        <v>1</v>
      </c>
      <c r="Y1098">
        <v>1</v>
      </c>
      <c r="Z1098">
        <v>0</v>
      </c>
      <c r="AA1098">
        <v>0</v>
      </c>
      <c r="AB1098">
        <v>2.639057329615258</v>
      </c>
      <c r="AC1098">
        <v>1</v>
      </c>
      <c r="AD1098">
        <v>1</v>
      </c>
      <c r="AE1098">
        <v>0</v>
      </c>
      <c r="AF1098">
        <v>0</v>
      </c>
      <c r="AG1098">
        <v>2.5649493574615372</v>
      </c>
      <c r="AH1098">
        <v>1.6996460119979961E-2</v>
      </c>
      <c r="AI1098">
        <v>8.0957988744306528E-2</v>
      </c>
      <c r="AJ1098">
        <v>-0.14600845234695539</v>
      </c>
      <c r="AK1098">
        <v>-0.1536880280613496</v>
      </c>
      <c r="AL1098">
        <v>367.27366489520449</v>
      </c>
      <c r="AM1098">
        <v>465.40633329859719</v>
      </c>
      <c r="AN1098">
        <v>2141</v>
      </c>
      <c r="AO1098">
        <v>128.07580286876379</v>
      </c>
      <c r="AP1098">
        <v>243.16498315536691</v>
      </c>
      <c r="AQ1098">
        <v>2.25</v>
      </c>
      <c r="AR1098">
        <v>3.8125</v>
      </c>
      <c r="AS1098">
        <v>16</v>
      </c>
      <c r="AT1098">
        <v>0.87499999999999989</v>
      </c>
      <c r="AU1098">
        <v>0.24620445344129549</v>
      </c>
      <c r="AV1098">
        <v>1.1995429080111201E-2</v>
      </c>
      <c r="AW1098">
        <v>0.375</v>
      </c>
      <c r="AX1098">
        <v>72.533333333333331</v>
      </c>
      <c r="AY1098">
        <v>63</v>
      </c>
      <c r="AZ1098">
        <v>106.5</v>
      </c>
      <c r="BA1098">
        <v>0.47632290273010119</v>
      </c>
      <c r="BB1098">
        <v>0.5625</v>
      </c>
      <c r="BC1098">
        <v>2.7080502011022101</v>
      </c>
      <c r="BD1098" t="s">
        <v>4228</v>
      </c>
      <c r="BE1098" t="s">
        <v>62</v>
      </c>
    </row>
    <row r="1099" spans="1:57" x14ac:dyDescent="0.3">
      <c r="A1099" t="s">
        <v>4230</v>
      </c>
      <c r="B1099">
        <v>1879</v>
      </c>
      <c r="C1099" t="s">
        <v>4231</v>
      </c>
      <c r="D1099" t="s">
        <v>4232</v>
      </c>
      <c r="E1099" t="s">
        <v>98</v>
      </c>
      <c r="F1099">
        <v>16</v>
      </c>
      <c r="G1099">
        <v>152.125</v>
      </c>
      <c r="H1099">
        <v>175</v>
      </c>
      <c r="I1099">
        <v>5678.859375</v>
      </c>
      <c r="J1099">
        <v>75.358207084563787</v>
      </c>
      <c r="K1099">
        <v>-0.77769392620127664</v>
      </c>
      <c r="L1099">
        <v>-0.69011508451409975</v>
      </c>
      <c r="M1099">
        <v>4</v>
      </c>
      <c r="N1099">
        <v>1</v>
      </c>
      <c r="O1099">
        <v>1</v>
      </c>
      <c r="P1099">
        <v>0</v>
      </c>
      <c r="Q1099">
        <v>0</v>
      </c>
      <c r="R1099">
        <v>2.7725887222397811</v>
      </c>
      <c r="S1099">
        <v>1</v>
      </c>
      <c r="T1099">
        <v>1</v>
      </c>
      <c r="U1099">
        <v>0</v>
      </c>
      <c r="V1099">
        <v>0</v>
      </c>
      <c r="W1099">
        <v>2.7080502011022101</v>
      </c>
      <c r="X1099">
        <v>1</v>
      </c>
      <c r="Y1099">
        <v>1</v>
      </c>
      <c r="Z1099">
        <v>0</v>
      </c>
      <c r="AA1099">
        <v>0</v>
      </c>
      <c r="AB1099">
        <v>2.639057329615258</v>
      </c>
      <c r="AC1099">
        <v>1</v>
      </c>
      <c r="AD1099">
        <v>1</v>
      </c>
      <c r="AE1099">
        <v>0</v>
      </c>
      <c r="AF1099">
        <v>0</v>
      </c>
      <c r="AG1099">
        <v>2.5649493574615372</v>
      </c>
      <c r="AH1099">
        <v>0.54530492066243497</v>
      </c>
      <c r="AI1099">
        <v>0.30496984429641738</v>
      </c>
      <c r="AJ1099">
        <v>-0.36047707781327132</v>
      </c>
      <c r="AK1099">
        <v>-4.8235712497282958E-2</v>
      </c>
      <c r="AL1099">
        <v>393.66209137372192</v>
      </c>
      <c r="AM1099">
        <v>553.32102600142298</v>
      </c>
      <c r="AN1099">
        <v>2434</v>
      </c>
      <c r="AO1099">
        <v>78</v>
      </c>
      <c r="AP1099">
        <v>223.51733713517609</v>
      </c>
      <c r="AQ1099">
        <v>2.3125</v>
      </c>
      <c r="AR1099">
        <v>4.4375</v>
      </c>
      <c r="AS1099">
        <v>16</v>
      </c>
      <c r="AT1099">
        <v>0</v>
      </c>
      <c r="AU1099">
        <v>0.27786144578313249</v>
      </c>
      <c r="AV1099">
        <v>0.55251876195304783</v>
      </c>
      <c r="AW1099">
        <v>0.1875</v>
      </c>
      <c r="AX1099">
        <v>57.8</v>
      </c>
      <c r="AY1099">
        <v>43</v>
      </c>
      <c r="AZ1099">
        <v>98.25</v>
      </c>
      <c r="BA1099">
        <v>0.49537030129540699</v>
      </c>
      <c r="BB1099">
        <v>0.6875</v>
      </c>
      <c r="BC1099">
        <v>2.523210952952891</v>
      </c>
      <c r="BD1099" t="s">
        <v>4231</v>
      </c>
      <c r="BE1099" t="s">
        <v>62</v>
      </c>
    </row>
    <row r="1100" spans="1:57" x14ac:dyDescent="0.3">
      <c r="A1100" t="s">
        <v>4233</v>
      </c>
      <c r="B1100">
        <v>1827</v>
      </c>
      <c r="C1100" t="s">
        <v>4234</v>
      </c>
      <c r="D1100" t="s">
        <v>4235</v>
      </c>
      <c r="E1100" t="s">
        <v>66</v>
      </c>
      <c r="F1100">
        <v>71</v>
      </c>
      <c r="G1100">
        <v>126.38028169014081</v>
      </c>
      <c r="H1100">
        <v>137</v>
      </c>
      <c r="I1100">
        <v>5868.4328506248767</v>
      </c>
      <c r="J1100">
        <v>76.605697246516044</v>
      </c>
      <c r="K1100">
        <v>-3.9260197294488153E-2</v>
      </c>
      <c r="L1100">
        <v>-1.2550891341177339</v>
      </c>
      <c r="M1100">
        <v>5.7272119082370727</v>
      </c>
      <c r="N1100">
        <v>2</v>
      </c>
      <c r="O1100">
        <v>1</v>
      </c>
      <c r="P1100">
        <v>1</v>
      </c>
      <c r="Q1100">
        <v>0.4428427417013302</v>
      </c>
      <c r="R1100">
        <v>3.9698007866638738</v>
      </c>
      <c r="S1100">
        <v>1</v>
      </c>
      <c r="T1100">
        <v>1</v>
      </c>
      <c r="U1100">
        <v>0</v>
      </c>
      <c r="V1100">
        <v>0</v>
      </c>
      <c r="W1100">
        <v>4.2484952420493576</v>
      </c>
      <c r="X1100">
        <v>1</v>
      </c>
      <c r="Y1100">
        <v>1</v>
      </c>
      <c r="Z1100">
        <v>0</v>
      </c>
      <c r="AA1100">
        <v>0</v>
      </c>
      <c r="AB1100">
        <v>4.2341065045972579</v>
      </c>
      <c r="AC1100">
        <v>1</v>
      </c>
      <c r="AD1100">
        <v>1</v>
      </c>
      <c r="AE1100">
        <v>0</v>
      </c>
      <c r="AF1100">
        <v>0</v>
      </c>
      <c r="AG1100">
        <v>4.2195077051761087</v>
      </c>
      <c r="AH1100">
        <v>3.0626365698491611E-2</v>
      </c>
      <c r="AI1100">
        <v>6.6112790140637007E-2</v>
      </c>
      <c r="AJ1100">
        <v>-0.15814220027496301</v>
      </c>
      <c r="AK1100">
        <v>4.9784496987390348E-2</v>
      </c>
      <c r="AL1100">
        <v>655.54003474326782</v>
      </c>
      <c r="AM1100">
        <v>1058.742774638295</v>
      </c>
      <c r="AN1100">
        <v>8973</v>
      </c>
      <c r="AO1100">
        <v>26.676825173891402</v>
      </c>
      <c r="AP1100">
        <v>418.06061528264848</v>
      </c>
      <c r="AQ1100">
        <v>1.323943661971831</v>
      </c>
      <c r="AR1100">
        <v>3.915492957746479</v>
      </c>
      <c r="AS1100">
        <v>69</v>
      </c>
      <c r="AT1100">
        <v>8.6619718309859159</v>
      </c>
      <c r="AU1100">
        <v>6.2486027274759673E-2</v>
      </c>
      <c r="AV1100">
        <v>3.0891151424413149E-2</v>
      </c>
      <c r="AW1100">
        <v>0.352112676056338</v>
      </c>
      <c r="AX1100">
        <v>80.685714285714283</v>
      </c>
      <c r="AY1100">
        <v>67</v>
      </c>
      <c r="AZ1100">
        <v>138.5</v>
      </c>
      <c r="BA1100">
        <v>0.60615229070574383</v>
      </c>
      <c r="BB1100">
        <v>0.50704225352112675</v>
      </c>
      <c r="BC1100">
        <v>3.901728065578268</v>
      </c>
      <c r="BD1100" t="s">
        <v>4236</v>
      </c>
      <c r="BE1100" t="s">
        <v>68</v>
      </c>
    </row>
    <row r="1101" spans="1:57" x14ac:dyDescent="0.3">
      <c r="A1101" t="s">
        <v>4237</v>
      </c>
      <c r="B1101">
        <v>501</v>
      </c>
      <c r="C1101" t="s">
        <v>4238</v>
      </c>
      <c r="D1101" t="s">
        <v>4239</v>
      </c>
      <c r="E1101" t="s">
        <v>128</v>
      </c>
      <c r="F1101">
        <v>32</v>
      </c>
      <c r="G1101">
        <v>127.9375</v>
      </c>
      <c r="H1101">
        <v>133</v>
      </c>
      <c r="I1101">
        <v>5715.80859375</v>
      </c>
      <c r="J1101">
        <v>75.602966831666066</v>
      </c>
      <c r="K1101">
        <v>-0.13349152911631951</v>
      </c>
      <c r="L1101">
        <v>-1.1781381713646031</v>
      </c>
      <c r="M1101">
        <v>5</v>
      </c>
      <c r="N1101">
        <v>1</v>
      </c>
      <c r="O1101">
        <v>1</v>
      </c>
      <c r="P1101">
        <v>0</v>
      </c>
      <c r="Q1101">
        <v>0</v>
      </c>
      <c r="R1101">
        <v>3.465735902799727</v>
      </c>
      <c r="S1101">
        <v>1</v>
      </c>
      <c r="T1101">
        <v>1</v>
      </c>
      <c r="U1101">
        <v>0</v>
      </c>
      <c r="V1101">
        <v>0</v>
      </c>
      <c r="W1101">
        <v>3.4339872044851458</v>
      </c>
      <c r="X1101">
        <v>1</v>
      </c>
      <c r="Y1101">
        <v>1</v>
      </c>
      <c r="Z1101">
        <v>0</v>
      </c>
      <c r="AA1101">
        <v>0</v>
      </c>
      <c r="AB1101">
        <v>3.401197381662155</v>
      </c>
      <c r="AC1101">
        <v>1</v>
      </c>
      <c r="AD1101">
        <v>1</v>
      </c>
      <c r="AE1101">
        <v>0</v>
      </c>
      <c r="AF1101">
        <v>0</v>
      </c>
      <c r="AG1101">
        <v>3.3672958299864728</v>
      </c>
      <c r="AH1101">
        <v>0.15636216493182631</v>
      </c>
      <c r="AI1101">
        <v>-0.1397908640851476</v>
      </c>
      <c r="AJ1101">
        <v>9.6690335773796224E-2</v>
      </c>
      <c r="AK1101">
        <v>0.1197065071720632</v>
      </c>
      <c r="AL1101">
        <v>517.63358465182068</v>
      </c>
      <c r="AM1101">
        <v>662.37260815986826</v>
      </c>
      <c r="AN1101">
        <v>4094</v>
      </c>
      <c r="AO1101">
        <v>140</v>
      </c>
      <c r="AP1101">
        <v>377.89788551925608</v>
      </c>
      <c r="AQ1101">
        <v>1.65625</v>
      </c>
      <c r="AR1101">
        <v>3.96875</v>
      </c>
      <c r="AS1101">
        <v>32</v>
      </c>
      <c r="AT1101">
        <v>0</v>
      </c>
      <c r="AU1101">
        <v>0.1127717391304348</v>
      </c>
      <c r="AV1101">
        <v>0.16693916405584289</v>
      </c>
      <c r="AW1101">
        <v>0.28125</v>
      </c>
      <c r="AX1101">
        <v>78.290322580645167</v>
      </c>
      <c r="AY1101">
        <v>63</v>
      </c>
      <c r="AZ1101">
        <v>123.75</v>
      </c>
      <c r="BA1101">
        <v>0.59093672169353051</v>
      </c>
      <c r="BB1101">
        <v>0.53125</v>
      </c>
      <c r="BC1101">
        <v>3.3445488586064429</v>
      </c>
      <c r="BD1101" t="s">
        <v>4240</v>
      </c>
      <c r="BE1101" t="s">
        <v>62</v>
      </c>
    </row>
    <row r="1102" spans="1:57" x14ac:dyDescent="0.3">
      <c r="A1102" t="s">
        <v>4241</v>
      </c>
      <c r="B1102">
        <v>2872</v>
      </c>
      <c r="C1102" t="s">
        <v>4242</v>
      </c>
      <c r="D1102" t="s">
        <v>4243</v>
      </c>
      <c r="E1102" t="s">
        <v>128</v>
      </c>
      <c r="F1102">
        <v>32</v>
      </c>
      <c r="G1102">
        <v>122.34375</v>
      </c>
      <c r="H1102">
        <v>114.5</v>
      </c>
      <c r="I1102">
        <v>4590.6630859375</v>
      </c>
      <c r="J1102">
        <v>67.754432223563796</v>
      </c>
      <c r="K1102">
        <v>0.49738250074081802</v>
      </c>
      <c r="L1102">
        <v>-0.90992022743052914</v>
      </c>
      <c r="M1102">
        <v>4.875</v>
      </c>
      <c r="N1102">
        <v>2</v>
      </c>
      <c r="O1102">
        <v>1</v>
      </c>
      <c r="P1102">
        <v>1</v>
      </c>
      <c r="Q1102">
        <v>0.24944382578492941</v>
      </c>
      <c r="R1102">
        <v>3.3790925052297318</v>
      </c>
      <c r="S1102">
        <v>1</v>
      </c>
      <c r="T1102">
        <v>1</v>
      </c>
      <c r="U1102">
        <v>0</v>
      </c>
      <c r="V1102">
        <v>0</v>
      </c>
      <c r="W1102">
        <v>3.4339872044851458</v>
      </c>
      <c r="X1102">
        <v>1</v>
      </c>
      <c r="Y1102">
        <v>1</v>
      </c>
      <c r="Z1102">
        <v>0</v>
      </c>
      <c r="AA1102">
        <v>0</v>
      </c>
      <c r="AB1102">
        <v>3.401197381662155</v>
      </c>
      <c r="AC1102">
        <v>1</v>
      </c>
      <c r="AD1102">
        <v>1</v>
      </c>
      <c r="AE1102">
        <v>0</v>
      </c>
      <c r="AF1102">
        <v>0</v>
      </c>
      <c r="AG1102">
        <v>3.3672958299864728</v>
      </c>
      <c r="AH1102">
        <v>-8.083318344874181E-2</v>
      </c>
      <c r="AI1102">
        <v>2.7189282062202089E-2</v>
      </c>
      <c r="AJ1102">
        <v>0.27779170776748568</v>
      </c>
      <c r="AK1102">
        <v>3.2495515694113318E-2</v>
      </c>
      <c r="AL1102">
        <v>439.12527915441552</v>
      </c>
      <c r="AM1102">
        <v>658.06229888024791</v>
      </c>
      <c r="AN1102">
        <v>3915</v>
      </c>
      <c r="AO1102">
        <v>20.305773715799109</v>
      </c>
      <c r="AP1102">
        <v>261.08846374702529</v>
      </c>
      <c r="AQ1102">
        <v>1.65625</v>
      </c>
      <c r="AR1102">
        <v>4.125</v>
      </c>
      <c r="AS1102">
        <v>32</v>
      </c>
      <c r="AT1102">
        <v>1.75</v>
      </c>
      <c r="AU1102">
        <v>0.24156746031746029</v>
      </c>
      <c r="AV1102">
        <v>-8.3826806922843236E-2</v>
      </c>
      <c r="AW1102">
        <v>0.5625</v>
      </c>
      <c r="AX1102">
        <v>83.516129032258064</v>
      </c>
      <c r="AY1102">
        <v>47.5</v>
      </c>
      <c r="AZ1102">
        <v>95.25</v>
      </c>
      <c r="BA1102">
        <v>0.55380378828966581</v>
      </c>
      <c r="BB1102">
        <v>0.46875</v>
      </c>
      <c r="BC1102">
        <v>3.1319142220900349</v>
      </c>
      <c r="BD1102" t="s">
        <v>4244</v>
      </c>
      <c r="BE1102" t="s">
        <v>62</v>
      </c>
    </row>
    <row r="1103" spans="1:57" x14ac:dyDescent="0.3">
      <c r="A1103" t="s">
        <v>4245</v>
      </c>
      <c r="B1103">
        <v>2611</v>
      </c>
      <c r="C1103" t="s">
        <v>4246</v>
      </c>
      <c r="D1103" t="s">
        <v>4247</v>
      </c>
      <c r="E1103" t="s">
        <v>128</v>
      </c>
      <c r="F1103">
        <v>32</v>
      </c>
      <c r="G1103">
        <v>109.40625</v>
      </c>
      <c r="H1103">
        <v>121</v>
      </c>
      <c r="I1103">
        <v>5789.4912109375</v>
      </c>
      <c r="J1103">
        <v>76.088706198341285</v>
      </c>
      <c r="K1103">
        <v>0.2039961307756136</v>
      </c>
      <c r="L1103">
        <v>-1.1758846041462589</v>
      </c>
      <c r="M1103">
        <v>5</v>
      </c>
      <c r="N1103">
        <v>1</v>
      </c>
      <c r="O1103">
        <v>1</v>
      </c>
      <c r="P1103">
        <v>0</v>
      </c>
      <c r="Q1103">
        <v>0</v>
      </c>
      <c r="R1103">
        <v>3.465735902799727</v>
      </c>
      <c r="S1103">
        <v>1</v>
      </c>
      <c r="T1103">
        <v>1</v>
      </c>
      <c r="U1103">
        <v>0</v>
      </c>
      <c r="V1103">
        <v>0</v>
      </c>
      <c r="W1103">
        <v>3.4339872044851458</v>
      </c>
      <c r="X1103">
        <v>1</v>
      </c>
      <c r="Y1103">
        <v>1</v>
      </c>
      <c r="Z1103">
        <v>0</v>
      </c>
      <c r="AA1103">
        <v>0</v>
      </c>
      <c r="AB1103">
        <v>3.401197381662155</v>
      </c>
      <c r="AC1103">
        <v>1</v>
      </c>
      <c r="AD1103">
        <v>1</v>
      </c>
      <c r="AE1103">
        <v>0</v>
      </c>
      <c r="AF1103">
        <v>0</v>
      </c>
      <c r="AG1103">
        <v>3.3672958299864728</v>
      </c>
      <c r="AH1103">
        <v>-7.0198796217689013E-2</v>
      </c>
      <c r="AI1103">
        <v>-6.7940576347331902E-2</v>
      </c>
      <c r="AJ1103">
        <v>5.0682244305794502E-2</v>
      </c>
      <c r="AK1103">
        <v>-0.1201261938429323</v>
      </c>
      <c r="AL1103">
        <v>508.9296594577479</v>
      </c>
      <c r="AM1103">
        <v>556.13451765217803</v>
      </c>
      <c r="AN1103">
        <v>3501</v>
      </c>
      <c r="AO1103">
        <v>180.74724596370541</v>
      </c>
      <c r="AP1103">
        <v>446.1693807234293</v>
      </c>
      <c r="AQ1103">
        <v>1.65625</v>
      </c>
      <c r="AR1103">
        <v>3.53125</v>
      </c>
      <c r="AS1103">
        <v>32</v>
      </c>
      <c r="AT1103">
        <v>0</v>
      </c>
      <c r="AU1103">
        <v>0.1701388888888889</v>
      </c>
      <c r="AV1103">
        <v>-7.1319743167490193E-2</v>
      </c>
      <c r="AW1103">
        <v>0.25</v>
      </c>
      <c r="AX1103">
        <v>93.193548387096769</v>
      </c>
      <c r="AY1103">
        <v>64.5</v>
      </c>
      <c r="AZ1103">
        <v>130</v>
      </c>
      <c r="BA1103">
        <v>0.69546946539472188</v>
      </c>
      <c r="BB1103">
        <v>0.53125</v>
      </c>
      <c r="BC1103">
        <v>3.3445488586064429</v>
      </c>
      <c r="BD1103" t="s">
        <v>4248</v>
      </c>
      <c r="BE1103" t="s">
        <v>62</v>
      </c>
    </row>
    <row r="1104" spans="1:57" x14ac:dyDescent="0.3">
      <c r="A1104" t="s">
        <v>4249</v>
      </c>
      <c r="B1104">
        <v>1834</v>
      </c>
      <c r="C1104" t="s">
        <v>4250</v>
      </c>
      <c r="D1104" t="s">
        <v>4251</v>
      </c>
      <c r="E1104" t="s">
        <v>72</v>
      </c>
      <c r="F1104">
        <v>1840</v>
      </c>
      <c r="G1104">
        <v>125.38858695652171</v>
      </c>
      <c r="H1104">
        <v>125.5</v>
      </c>
      <c r="I1104">
        <v>5473.136500177221</v>
      </c>
      <c r="J1104">
        <v>73.980649498211491</v>
      </c>
      <c r="K1104">
        <v>1.50163273370092E-2</v>
      </c>
      <c r="L1104">
        <v>-1.1813127322008261</v>
      </c>
      <c r="M1104">
        <v>7.8994125228893708</v>
      </c>
      <c r="N1104">
        <v>17</v>
      </c>
      <c r="O1104">
        <v>2</v>
      </c>
      <c r="P1104">
        <v>15</v>
      </c>
      <c r="Q1104">
        <v>2.659740353869152</v>
      </c>
      <c r="R1104">
        <v>5.4754555183206861</v>
      </c>
      <c r="S1104">
        <v>3</v>
      </c>
      <c r="T1104">
        <v>1</v>
      </c>
      <c r="U1104">
        <v>2</v>
      </c>
      <c r="V1104">
        <v>0.134008307453091</v>
      </c>
      <c r="W1104">
        <v>7.4933239492707253</v>
      </c>
      <c r="X1104">
        <v>2</v>
      </c>
      <c r="Y1104">
        <v>1</v>
      </c>
      <c r="Z1104">
        <v>1</v>
      </c>
      <c r="AA1104">
        <v>5.7134777764757727E-2</v>
      </c>
      <c r="AB1104">
        <v>7.5119078588640962</v>
      </c>
      <c r="AC1104">
        <v>2</v>
      </c>
      <c r="AD1104">
        <v>1</v>
      </c>
      <c r="AE1104">
        <v>1</v>
      </c>
      <c r="AF1104">
        <v>5.2170957386705213E-2</v>
      </c>
      <c r="AG1104">
        <v>7.512115828924653</v>
      </c>
      <c r="AH1104">
        <v>-4.2813711541585822E-2</v>
      </c>
      <c r="AI1104">
        <v>-3.0892784172273081E-2</v>
      </c>
      <c r="AJ1104">
        <v>1.43475768765881E-2</v>
      </c>
      <c r="AK1104">
        <v>-5.4171158067515841E-3</v>
      </c>
      <c r="AL1104">
        <v>2919.857127130208</v>
      </c>
      <c r="AM1104">
        <v>5520.3290986269039</v>
      </c>
      <c r="AN1104">
        <v>230715</v>
      </c>
      <c r="AO1104">
        <v>102.52053383798091</v>
      </c>
      <c r="AP1104">
        <v>2589.5180886555222</v>
      </c>
      <c r="AQ1104">
        <v>1.0125</v>
      </c>
      <c r="AR1104">
        <v>4.0032608695652172</v>
      </c>
      <c r="AS1104">
        <v>1836</v>
      </c>
      <c r="AT1104">
        <v>251.96521739130429</v>
      </c>
      <c r="AU1104">
        <v>2.231457800511516E-2</v>
      </c>
      <c r="AV1104">
        <v>-4.2818255794542653E-2</v>
      </c>
      <c r="AW1104">
        <v>0.37282608695652181</v>
      </c>
      <c r="AX1104">
        <v>87.470364328439373</v>
      </c>
      <c r="AY1104">
        <v>64.5</v>
      </c>
      <c r="AZ1104">
        <v>127</v>
      </c>
      <c r="BA1104">
        <v>0.59001103125808529</v>
      </c>
      <c r="BB1104">
        <v>0.5</v>
      </c>
      <c r="BC1104">
        <v>5.3108722895010354</v>
      </c>
      <c r="BD1104" t="s">
        <v>4252</v>
      </c>
      <c r="BE1104" t="s">
        <v>62</v>
      </c>
    </row>
    <row r="1105" spans="1:57" x14ac:dyDescent="0.3">
      <c r="A1105" t="s">
        <v>4253</v>
      </c>
      <c r="B1105">
        <v>1970</v>
      </c>
      <c r="C1105" t="s">
        <v>4254</v>
      </c>
      <c r="D1105" t="s">
        <v>4255</v>
      </c>
      <c r="E1105" t="s">
        <v>10622</v>
      </c>
      <c r="F1105">
        <v>64</v>
      </c>
      <c r="G1105">
        <v>152.734375</v>
      </c>
      <c r="H1105">
        <v>163</v>
      </c>
      <c r="I1105">
        <v>4250.007568359375</v>
      </c>
      <c r="J1105">
        <v>65.192082098667285</v>
      </c>
      <c r="K1105">
        <v>-0.40149987787172547</v>
      </c>
      <c r="L1105">
        <v>-0.80944270893793258</v>
      </c>
      <c r="M1105">
        <v>5.738204882778696</v>
      </c>
      <c r="N1105">
        <v>3</v>
      </c>
      <c r="O1105">
        <v>1</v>
      </c>
      <c r="P1105">
        <v>2</v>
      </c>
      <c r="Q1105">
        <v>0.3976974544878587</v>
      </c>
      <c r="R1105">
        <v>3.9774205359733652</v>
      </c>
      <c r="S1105">
        <v>1</v>
      </c>
      <c r="T1105">
        <v>1</v>
      </c>
      <c r="U1105">
        <v>0</v>
      </c>
      <c r="V1105">
        <v>0</v>
      </c>
      <c r="W1105">
        <v>4.1431347263915326</v>
      </c>
      <c r="X1105">
        <v>1</v>
      </c>
      <c r="Y1105">
        <v>1</v>
      </c>
      <c r="Z1105">
        <v>0</v>
      </c>
      <c r="AA1105">
        <v>0</v>
      </c>
      <c r="AB1105">
        <v>4.1271343850450908</v>
      </c>
      <c r="AC1105">
        <v>1</v>
      </c>
      <c r="AD1105">
        <v>1</v>
      </c>
      <c r="AE1105">
        <v>0</v>
      </c>
      <c r="AF1105">
        <v>0</v>
      </c>
      <c r="AG1105">
        <v>4.1108738641733096</v>
      </c>
      <c r="AH1105">
        <v>0.19745136508402361</v>
      </c>
      <c r="AI1105">
        <v>8.2951654253717727E-2</v>
      </c>
      <c r="AJ1105">
        <v>0.19776880118578599</v>
      </c>
      <c r="AK1105">
        <v>-3.115942039912498E-2</v>
      </c>
      <c r="AL1105">
        <v>611.21807775017851</v>
      </c>
      <c r="AM1105">
        <v>1179.5725757372361</v>
      </c>
      <c r="AN1105">
        <v>9775</v>
      </c>
      <c r="AO1105">
        <v>69.764769675267274</v>
      </c>
      <c r="AP1105">
        <v>470.65497666270232</v>
      </c>
      <c r="AQ1105">
        <v>1.359375</v>
      </c>
      <c r="AR1105">
        <v>4.296875</v>
      </c>
      <c r="AS1105">
        <v>63</v>
      </c>
      <c r="AT1105">
        <v>7.75</v>
      </c>
      <c r="AU1105">
        <v>0.2081274703557312</v>
      </c>
      <c r="AV1105">
        <v>0.20199196015817869</v>
      </c>
      <c r="AW1105">
        <v>0.328125</v>
      </c>
      <c r="AX1105">
        <v>64.841269841269835</v>
      </c>
      <c r="AY1105">
        <v>48.5</v>
      </c>
      <c r="AZ1105">
        <v>92.5</v>
      </c>
      <c r="BA1105">
        <v>0.42683306949511057</v>
      </c>
      <c r="BB1105">
        <v>0.578125</v>
      </c>
      <c r="BC1105">
        <v>3.9230880024042492</v>
      </c>
      <c r="BD1105" t="s">
        <v>4256</v>
      </c>
      <c r="BE1105" t="s">
        <v>62</v>
      </c>
    </row>
    <row r="1106" spans="1:57" x14ac:dyDescent="0.3">
      <c r="A1106" t="s">
        <v>4257</v>
      </c>
      <c r="B1106">
        <v>2228</v>
      </c>
      <c r="C1106" t="s">
        <v>4258</v>
      </c>
      <c r="D1106" t="s">
        <v>4259</v>
      </c>
      <c r="E1106" t="s">
        <v>98</v>
      </c>
      <c r="F1106">
        <v>16</v>
      </c>
      <c r="G1106">
        <v>121.4375</v>
      </c>
      <c r="H1106">
        <v>108.5</v>
      </c>
      <c r="I1106">
        <v>7393.12109375</v>
      </c>
      <c r="J1106">
        <v>85.983260543840743</v>
      </c>
      <c r="K1106">
        <v>0.22381499333777771</v>
      </c>
      <c r="L1106">
        <v>-1.497944662071502</v>
      </c>
      <c r="M1106">
        <v>3.875</v>
      </c>
      <c r="N1106">
        <v>2</v>
      </c>
      <c r="O1106">
        <v>1</v>
      </c>
      <c r="P1106">
        <v>1</v>
      </c>
      <c r="Q1106">
        <v>0.24944382578492949</v>
      </c>
      <c r="R1106">
        <v>2.6859453246697882</v>
      </c>
      <c r="S1106">
        <v>1</v>
      </c>
      <c r="T1106">
        <v>1</v>
      </c>
      <c r="U1106">
        <v>0</v>
      </c>
      <c r="V1106">
        <v>0</v>
      </c>
      <c r="W1106">
        <v>2.7080502011022101</v>
      </c>
      <c r="X1106">
        <v>1</v>
      </c>
      <c r="Y1106">
        <v>1</v>
      </c>
      <c r="Z1106">
        <v>0</v>
      </c>
      <c r="AA1106">
        <v>0</v>
      </c>
      <c r="AB1106">
        <v>2.639057329615258</v>
      </c>
      <c r="AC1106">
        <v>1</v>
      </c>
      <c r="AD1106">
        <v>1</v>
      </c>
      <c r="AE1106">
        <v>0</v>
      </c>
      <c r="AF1106">
        <v>0</v>
      </c>
      <c r="AG1106">
        <v>2.5649493574615372</v>
      </c>
      <c r="AH1106">
        <v>-5.4031467437794529E-2</v>
      </c>
      <c r="AI1106">
        <v>-0.34135042393187498</v>
      </c>
      <c r="AJ1106">
        <v>5.6637154523392998E-2</v>
      </c>
      <c r="AK1106">
        <v>-0.17167385063923971</v>
      </c>
      <c r="AL1106">
        <v>433.61032734155708</v>
      </c>
      <c r="AM1106">
        <v>407.70710568096268</v>
      </c>
      <c r="AN1106">
        <v>1943</v>
      </c>
      <c r="AO1106">
        <v>194.1047082444093</v>
      </c>
      <c r="AP1106">
        <v>322.9542583316977</v>
      </c>
      <c r="AQ1106">
        <v>2.3125</v>
      </c>
      <c r="AR1106">
        <v>4</v>
      </c>
      <c r="AS1106">
        <v>16</v>
      </c>
      <c r="AT1106">
        <v>0.87499999999999989</v>
      </c>
      <c r="AU1106">
        <v>0.19766260162601629</v>
      </c>
      <c r="AV1106">
        <v>-5.4306397315556372E-2</v>
      </c>
      <c r="AW1106">
        <v>0.375</v>
      </c>
      <c r="AX1106">
        <v>99.6</v>
      </c>
      <c r="AY1106">
        <v>77.5</v>
      </c>
      <c r="AZ1106">
        <v>169.25</v>
      </c>
      <c r="BA1106">
        <v>0.70804537761268749</v>
      </c>
      <c r="BB1106">
        <v>0.5</v>
      </c>
      <c r="BC1106">
        <v>2.615630577027551</v>
      </c>
      <c r="BD1106" t="s">
        <v>4258</v>
      </c>
      <c r="BE1106" t="s">
        <v>62</v>
      </c>
    </row>
    <row r="1107" spans="1:57" x14ac:dyDescent="0.3">
      <c r="A1107" t="s">
        <v>4260</v>
      </c>
      <c r="B1107">
        <v>3106</v>
      </c>
      <c r="C1107" t="s">
        <v>4261</v>
      </c>
      <c r="D1107" t="s">
        <v>4262</v>
      </c>
      <c r="E1107" t="s">
        <v>10622</v>
      </c>
      <c r="F1107">
        <v>64</v>
      </c>
      <c r="G1107">
        <v>141.84375</v>
      </c>
      <c r="H1107">
        <v>152.5</v>
      </c>
      <c r="I1107">
        <v>4868.8193359375</v>
      </c>
      <c r="J1107">
        <v>69.776925526548524</v>
      </c>
      <c r="K1107">
        <v>-0.30059262317857599</v>
      </c>
      <c r="L1107">
        <v>-0.9836766584468104</v>
      </c>
      <c r="M1107">
        <v>5.675704882778696</v>
      </c>
      <c r="N1107">
        <v>3</v>
      </c>
      <c r="O1107">
        <v>1</v>
      </c>
      <c r="P1107">
        <v>2</v>
      </c>
      <c r="Q1107">
        <v>0.43350740410072691</v>
      </c>
      <c r="R1107">
        <v>3.9340988371883689</v>
      </c>
      <c r="S1107">
        <v>1</v>
      </c>
      <c r="T1107">
        <v>1</v>
      </c>
      <c r="U1107">
        <v>0</v>
      </c>
      <c r="V1107">
        <v>0</v>
      </c>
      <c r="W1107">
        <v>4.1431347263915326</v>
      </c>
      <c r="X1107">
        <v>1</v>
      </c>
      <c r="Y1107">
        <v>1</v>
      </c>
      <c r="Z1107">
        <v>0</v>
      </c>
      <c r="AA1107">
        <v>0</v>
      </c>
      <c r="AB1107">
        <v>4.1271343850450908</v>
      </c>
      <c r="AC1107">
        <v>1</v>
      </c>
      <c r="AD1107">
        <v>1</v>
      </c>
      <c r="AE1107">
        <v>0</v>
      </c>
      <c r="AF1107">
        <v>0</v>
      </c>
      <c r="AG1107">
        <v>4.1108738641733096</v>
      </c>
      <c r="AH1107">
        <v>-1.8681315037634851E-2</v>
      </c>
      <c r="AI1107">
        <v>-1.2637773581529951E-2</v>
      </c>
      <c r="AJ1107">
        <v>2.8694441906615981E-2</v>
      </c>
      <c r="AK1107">
        <v>-0.12600719266273289</v>
      </c>
      <c r="AL1107">
        <v>613.97729908719043</v>
      </c>
      <c r="AM1107">
        <v>1105.574003043487</v>
      </c>
      <c r="AN1107">
        <v>9078</v>
      </c>
      <c r="AO1107">
        <v>16.896251351529969</v>
      </c>
      <c r="AP1107">
        <v>452.34325792636957</v>
      </c>
      <c r="AQ1107">
        <v>1.359375</v>
      </c>
      <c r="AR1107">
        <v>4.21875</v>
      </c>
      <c r="AS1107">
        <v>64</v>
      </c>
      <c r="AT1107">
        <v>8.5625</v>
      </c>
      <c r="AU1107">
        <v>0.1110294117647059</v>
      </c>
      <c r="AV1107">
        <v>-1.874549689759827E-2</v>
      </c>
      <c r="AW1107">
        <v>0.34375</v>
      </c>
      <c r="AX1107">
        <v>86.587301587301582</v>
      </c>
      <c r="AY1107">
        <v>52</v>
      </c>
      <c r="AZ1107">
        <v>102.75</v>
      </c>
      <c r="BA1107">
        <v>0.49192809359981332</v>
      </c>
      <c r="BB1107">
        <v>0.5625</v>
      </c>
      <c r="BC1107">
        <v>3.8761667517310179</v>
      </c>
      <c r="BD1107" t="s">
        <v>4263</v>
      </c>
      <c r="BE1107" t="s">
        <v>62</v>
      </c>
    </row>
    <row r="1108" spans="1:57" x14ac:dyDescent="0.3">
      <c r="A1108" t="s">
        <v>4264</v>
      </c>
      <c r="B1108">
        <v>3364</v>
      </c>
      <c r="C1108" t="s">
        <v>4265</v>
      </c>
      <c r="D1108" t="s">
        <v>4266</v>
      </c>
      <c r="E1108" t="s">
        <v>98</v>
      </c>
      <c r="F1108">
        <v>16</v>
      </c>
      <c r="G1108">
        <v>122.9375</v>
      </c>
      <c r="H1108">
        <v>116.5</v>
      </c>
      <c r="I1108">
        <v>5181.05859375</v>
      </c>
      <c r="J1108">
        <v>71.979570669392018</v>
      </c>
      <c r="K1108">
        <v>1.372209559302001E-2</v>
      </c>
      <c r="L1108">
        <v>-0.93603875771005063</v>
      </c>
      <c r="M1108">
        <v>3.875</v>
      </c>
      <c r="N1108">
        <v>2</v>
      </c>
      <c r="O1108">
        <v>1</v>
      </c>
      <c r="P1108">
        <v>1</v>
      </c>
      <c r="Q1108">
        <v>0.24944382578492949</v>
      </c>
      <c r="R1108">
        <v>2.6859453246697882</v>
      </c>
      <c r="S1108">
        <v>1</v>
      </c>
      <c r="T1108">
        <v>1</v>
      </c>
      <c r="U1108">
        <v>0</v>
      </c>
      <c r="V1108">
        <v>0</v>
      </c>
      <c r="W1108">
        <v>2.7080502011022101</v>
      </c>
      <c r="X1108">
        <v>1</v>
      </c>
      <c r="Y1108">
        <v>1</v>
      </c>
      <c r="Z1108">
        <v>0</v>
      </c>
      <c r="AA1108">
        <v>0</v>
      </c>
      <c r="AB1108">
        <v>2.639057329615258</v>
      </c>
      <c r="AC1108">
        <v>1</v>
      </c>
      <c r="AD1108">
        <v>1</v>
      </c>
      <c r="AE1108">
        <v>0</v>
      </c>
      <c r="AF1108">
        <v>0</v>
      </c>
      <c r="AG1108">
        <v>2.5649493574615372</v>
      </c>
      <c r="AH1108">
        <v>-0.1731231495282923</v>
      </c>
      <c r="AI1108">
        <v>6.9370683175117298E-2</v>
      </c>
      <c r="AJ1108">
        <v>-0.114437515031843</v>
      </c>
      <c r="AK1108">
        <v>-5.2926129659494357E-2</v>
      </c>
      <c r="AL1108">
        <v>393.21943774626789</v>
      </c>
      <c r="AM1108">
        <v>412.42390059077439</v>
      </c>
      <c r="AN1108">
        <v>1967</v>
      </c>
      <c r="AO1108">
        <v>145.79780519610031</v>
      </c>
      <c r="AP1108">
        <v>306.42098927756979</v>
      </c>
      <c r="AQ1108">
        <v>2.25</v>
      </c>
      <c r="AR1108">
        <v>3.8125</v>
      </c>
      <c r="AS1108">
        <v>16</v>
      </c>
      <c r="AT1108">
        <v>0.875</v>
      </c>
      <c r="AU1108">
        <v>0.16594827586206901</v>
      </c>
      <c r="AV1108">
        <v>-0.2134640459964369</v>
      </c>
      <c r="AW1108">
        <v>0.5</v>
      </c>
      <c r="AX1108">
        <v>97.13333333333334</v>
      </c>
      <c r="AY1108">
        <v>48.5</v>
      </c>
      <c r="AZ1108">
        <v>97</v>
      </c>
      <c r="BA1108">
        <v>0.58549727031533927</v>
      </c>
      <c r="BB1108">
        <v>0.375</v>
      </c>
      <c r="BC1108">
        <v>2.615630577027551</v>
      </c>
      <c r="BD1108" t="s">
        <v>4265</v>
      </c>
      <c r="BE1108" t="s">
        <v>62</v>
      </c>
    </row>
    <row r="1109" spans="1:57" x14ac:dyDescent="0.3">
      <c r="A1109" t="s">
        <v>4267</v>
      </c>
      <c r="B1109">
        <v>2065</v>
      </c>
      <c r="C1109" t="s">
        <v>4268</v>
      </c>
      <c r="D1109" t="s">
        <v>4269</v>
      </c>
      <c r="E1109" t="s">
        <v>115</v>
      </c>
      <c r="F1109">
        <v>2096</v>
      </c>
      <c r="G1109">
        <v>126.2900763358779</v>
      </c>
      <c r="H1109">
        <v>125</v>
      </c>
      <c r="I1109">
        <v>5536.3824587727986</v>
      </c>
      <c r="J1109">
        <v>74.406871045440411</v>
      </c>
      <c r="K1109">
        <v>2.109710350166882E-2</v>
      </c>
      <c r="L1109">
        <v>-1.230809764707236</v>
      </c>
      <c r="M1109">
        <v>7.9277483242952993</v>
      </c>
      <c r="N1109">
        <v>18</v>
      </c>
      <c r="O1109">
        <v>2</v>
      </c>
      <c r="P1109">
        <v>16</v>
      </c>
      <c r="Q1109">
        <v>2.5685903235043148</v>
      </c>
      <c r="R1109">
        <v>5.4950963991741064</v>
      </c>
      <c r="S1109">
        <v>3</v>
      </c>
      <c r="T1109">
        <v>1</v>
      </c>
      <c r="U1109">
        <v>2</v>
      </c>
      <c r="V1109">
        <v>0.13993504261493969</v>
      </c>
      <c r="W1109">
        <v>7.6212521601713039</v>
      </c>
      <c r="X1109">
        <v>1</v>
      </c>
      <c r="Y1109">
        <v>1</v>
      </c>
      <c r="Z1109">
        <v>0</v>
      </c>
      <c r="AA1109">
        <v>0</v>
      </c>
      <c r="AB1109">
        <v>7.6468313914304833</v>
      </c>
      <c r="AC1109">
        <v>1</v>
      </c>
      <c r="AD1109">
        <v>1</v>
      </c>
      <c r="AE1109">
        <v>0</v>
      </c>
      <c r="AF1109">
        <v>0</v>
      </c>
      <c r="AG1109">
        <v>7.6463537224460012</v>
      </c>
      <c r="AH1109">
        <v>-5.695909012737385E-4</v>
      </c>
      <c r="AI1109">
        <v>2.341320796607108E-3</v>
      </c>
      <c r="AJ1109">
        <v>-1.2405501412273709E-2</v>
      </c>
      <c r="AK1109">
        <v>2.2964727029804882E-2</v>
      </c>
      <c r="AL1109">
        <v>3157.7977821421182</v>
      </c>
      <c r="AM1109">
        <v>5921.322417087109</v>
      </c>
      <c r="AN1109">
        <v>264704</v>
      </c>
      <c r="AO1109">
        <v>134.1995314966984</v>
      </c>
      <c r="AP1109">
        <v>2829.490631214047</v>
      </c>
      <c r="AQ1109">
        <v>1.010973282442748</v>
      </c>
      <c r="AR1109">
        <v>4.0109732824427482</v>
      </c>
      <c r="AS1109">
        <v>2087</v>
      </c>
      <c r="AT1109">
        <v>206.2900763358779</v>
      </c>
      <c r="AU1109">
        <v>1.8556353839245591E-2</v>
      </c>
      <c r="AV1109">
        <v>-5.696597442998838E-4</v>
      </c>
      <c r="AW1109">
        <v>0.37595419847328237</v>
      </c>
      <c r="AX1109">
        <v>86.132219570405724</v>
      </c>
      <c r="AY1109">
        <v>64</v>
      </c>
      <c r="AZ1109">
        <v>128</v>
      </c>
      <c r="BA1109">
        <v>0.58917432948215032</v>
      </c>
      <c r="BB1109">
        <v>0.49284351145038169</v>
      </c>
      <c r="BC1109">
        <v>5.2965006604069211</v>
      </c>
      <c r="BD1109" t="s">
        <v>4270</v>
      </c>
      <c r="BE1109" t="s">
        <v>62</v>
      </c>
    </row>
    <row r="1110" spans="1:57" x14ac:dyDescent="0.3">
      <c r="A1110" t="s">
        <v>4271</v>
      </c>
      <c r="B1110">
        <v>2808</v>
      </c>
      <c r="C1110" t="s">
        <v>4272</v>
      </c>
      <c r="D1110" t="s">
        <v>4273</v>
      </c>
      <c r="E1110" t="s">
        <v>128</v>
      </c>
      <c r="F1110">
        <v>32</v>
      </c>
      <c r="G1110">
        <v>140.0625</v>
      </c>
      <c r="H1110">
        <v>132.5</v>
      </c>
      <c r="I1110">
        <v>5276.68359375</v>
      </c>
      <c r="J1110">
        <v>72.640784644371792</v>
      </c>
      <c r="K1110">
        <v>-0.17294764419231121</v>
      </c>
      <c r="L1110">
        <v>-1.156678311546476</v>
      </c>
      <c r="M1110">
        <v>4.75</v>
      </c>
      <c r="N1110">
        <v>2</v>
      </c>
      <c r="O1110">
        <v>1</v>
      </c>
      <c r="P1110">
        <v>1</v>
      </c>
      <c r="Q1110">
        <v>0.34992710611188249</v>
      </c>
      <c r="R1110">
        <v>3.2924491076597389</v>
      </c>
      <c r="S1110">
        <v>1</v>
      </c>
      <c r="T1110">
        <v>1</v>
      </c>
      <c r="U1110">
        <v>0</v>
      </c>
      <c r="V1110">
        <v>0</v>
      </c>
      <c r="W1110">
        <v>3.4339872044851458</v>
      </c>
      <c r="X1110">
        <v>1</v>
      </c>
      <c r="Y1110">
        <v>1</v>
      </c>
      <c r="Z1110">
        <v>0</v>
      </c>
      <c r="AA1110">
        <v>0</v>
      </c>
      <c r="AB1110">
        <v>3.401197381662155</v>
      </c>
      <c r="AC1110">
        <v>1</v>
      </c>
      <c r="AD1110">
        <v>1</v>
      </c>
      <c r="AE1110">
        <v>0</v>
      </c>
      <c r="AF1110">
        <v>0</v>
      </c>
      <c r="AG1110">
        <v>3.3672958299864728</v>
      </c>
      <c r="AH1110">
        <v>8.6827270583810998E-2</v>
      </c>
      <c r="AI1110">
        <v>-0.1494036356139295</v>
      </c>
      <c r="AJ1110">
        <v>-8.8470842207500414E-2</v>
      </c>
      <c r="AK1110">
        <v>-5.6501377670485797E-2</v>
      </c>
      <c r="AL1110">
        <v>521.00376176228565</v>
      </c>
      <c r="AM1110">
        <v>724.68550436002738</v>
      </c>
      <c r="AN1110">
        <v>4482</v>
      </c>
      <c r="AO1110">
        <v>174.3846323504454</v>
      </c>
      <c r="AP1110">
        <v>388.20937504909921</v>
      </c>
      <c r="AQ1110">
        <v>1.71875</v>
      </c>
      <c r="AR1110">
        <v>4.34375</v>
      </c>
      <c r="AS1110">
        <v>32</v>
      </c>
      <c r="AT1110">
        <v>3</v>
      </c>
      <c r="AU1110">
        <v>0.1035236625514403</v>
      </c>
      <c r="AV1110">
        <v>8.7244622679560402E-2</v>
      </c>
      <c r="AW1110">
        <v>0.34375</v>
      </c>
      <c r="AX1110">
        <v>80.967741935483872</v>
      </c>
      <c r="AY1110">
        <v>64.5</v>
      </c>
      <c r="AZ1110">
        <v>118.25</v>
      </c>
      <c r="BA1110">
        <v>0.51863121566709003</v>
      </c>
      <c r="BB1110">
        <v>0.46875</v>
      </c>
      <c r="BC1110">
        <v>3.2998296856670919</v>
      </c>
      <c r="BD1110" t="s">
        <v>4274</v>
      </c>
      <c r="BE1110" t="s">
        <v>62</v>
      </c>
    </row>
    <row r="1111" spans="1:57" x14ac:dyDescent="0.3">
      <c r="A1111" t="s">
        <v>4275</v>
      </c>
      <c r="B1111">
        <v>1562</v>
      </c>
      <c r="C1111" t="s">
        <v>4276</v>
      </c>
      <c r="D1111" t="s">
        <v>4277</v>
      </c>
      <c r="E1111" t="s">
        <v>93</v>
      </c>
      <c r="F1111">
        <v>1562</v>
      </c>
      <c r="G1111">
        <v>129.57362355953899</v>
      </c>
      <c r="H1111">
        <v>133</v>
      </c>
      <c r="I1111">
        <v>5765.0602005702012</v>
      </c>
      <c r="J1111">
        <v>75.927993523931619</v>
      </c>
      <c r="K1111">
        <v>-5.4025335448472031E-2</v>
      </c>
      <c r="L1111">
        <v>-1.2520036240296</v>
      </c>
      <c r="M1111">
        <v>7.8732170511844934</v>
      </c>
      <c r="N1111">
        <v>15</v>
      </c>
      <c r="O1111">
        <v>1</v>
      </c>
      <c r="P1111">
        <v>14</v>
      </c>
      <c r="Q1111">
        <v>2.4529549596305409</v>
      </c>
      <c r="R1111">
        <v>5.4572982009650097</v>
      </c>
      <c r="S1111">
        <v>3</v>
      </c>
      <c r="T1111">
        <v>1</v>
      </c>
      <c r="U1111">
        <v>2</v>
      </c>
      <c r="V1111">
        <v>0.1160467739024707</v>
      </c>
      <c r="W1111">
        <v>7.3358731818831204</v>
      </c>
      <c r="X1111">
        <v>1</v>
      </c>
      <c r="Y1111">
        <v>1</v>
      </c>
      <c r="Z1111">
        <v>0</v>
      </c>
      <c r="AA1111">
        <v>0</v>
      </c>
      <c r="AB1111">
        <v>7.3524411002435821</v>
      </c>
      <c r="AC1111">
        <v>1</v>
      </c>
      <c r="AD1111">
        <v>1</v>
      </c>
      <c r="AE1111">
        <v>0</v>
      </c>
      <c r="AF1111">
        <v>0</v>
      </c>
      <c r="AG1111">
        <v>7.3517998690577748</v>
      </c>
      <c r="AH1111">
        <v>1.2588581920125861E-2</v>
      </c>
      <c r="AI1111">
        <v>2.120333660793975E-2</v>
      </c>
      <c r="AJ1111">
        <v>-6.7510465731627474E-3</v>
      </c>
      <c r="AK1111">
        <v>6.63743269414866E-3</v>
      </c>
      <c r="AL1111">
        <v>2783.8003009333602</v>
      </c>
      <c r="AM1111">
        <v>5242.1754915801257</v>
      </c>
      <c r="AN1111">
        <v>202394</v>
      </c>
      <c r="AO1111">
        <v>70.000000000000455</v>
      </c>
      <c r="AP1111">
        <v>2537.5426867057299</v>
      </c>
      <c r="AQ1111">
        <v>1.01472471190781</v>
      </c>
      <c r="AR1111">
        <v>4.0428937259923172</v>
      </c>
      <c r="AS1111">
        <v>1556</v>
      </c>
      <c r="AT1111">
        <v>248.52240717029451</v>
      </c>
      <c r="AU1111">
        <v>3.2861339157942322E-2</v>
      </c>
      <c r="AV1111">
        <v>1.259828865507186E-2</v>
      </c>
      <c r="AW1111">
        <v>0.33738796414852751</v>
      </c>
      <c r="AX1111">
        <v>87.299167200512485</v>
      </c>
      <c r="AY1111">
        <v>67</v>
      </c>
      <c r="AZ1111">
        <v>134.5</v>
      </c>
      <c r="BA1111">
        <v>0.58598340802781301</v>
      </c>
      <c r="BB1111">
        <v>0.5140845070422535</v>
      </c>
      <c r="BC1111">
        <v>5.293167362273099</v>
      </c>
      <c r="BD1111" t="s">
        <v>4278</v>
      </c>
      <c r="BE1111" t="s">
        <v>68</v>
      </c>
    </row>
    <row r="1112" spans="1:57" x14ac:dyDescent="0.3">
      <c r="A1112" t="s">
        <v>4279</v>
      </c>
      <c r="B1112">
        <v>133</v>
      </c>
      <c r="C1112" t="s">
        <v>4280</v>
      </c>
      <c r="D1112" t="s">
        <v>4281</v>
      </c>
      <c r="E1112" t="s">
        <v>60</v>
      </c>
      <c r="F1112">
        <v>512</v>
      </c>
      <c r="G1112">
        <v>122.94921875</v>
      </c>
      <c r="H1112">
        <v>116.5</v>
      </c>
      <c r="I1112">
        <v>5306.2864837646484</v>
      </c>
      <c r="J1112">
        <v>72.84426184514912</v>
      </c>
      <c r="K1112">
        <v>5.1591887033889658E-2</v>
      </c>
      <c r="L1112">
        <v>-1.2127239410967161</v>
      </c>
      <c r="M1112">
        <v>7.6235857259053983</v>
      </c>
      <c r="N1112">
        <v>7</v>
      </c>
      <c r="O1112">
        <v>1</v>
      </c>
      <c r="P1112">
        <v>6</v>
      </c>
      <c r="Q1112">
        <v>1.260474733100776</v>
      </c>
      <c r="R1112">
        <v>5.2842669516683696</v>
      </c>
      <c r="S1112">
        <v>1</v>
      </c>
      <c r="T1112">
        <v>1</v>
      </c>
      <c r="U1112">
        <v>0</v>
      </c>
      <c r="V1112">
        <v>0</v>
      </c>
      <c r="W1112">
        <v>6.2363695902037044</v>
      </c>
      <c r="X1112">
        <v>1</v>
      </c>
      <c r="Y1112">
        <v>1</v>
      </c>
      <c r="Z1112">
        <v>0</v>
      </c>
      <c r="AA1112">
        <v>0</v>
      </c>
      <c r="AB1112">
        <v>6.2344107257183694</v>
      </c>
      <c r="AC1112">
        <v>1</v>
      </c>
      <c r="AD1112">
        <v>1</v>
      </c>
      <c r="AE1112">
        <v>0</v>
      </c>
      <c r="AF1112">
        <v>0</v>
      </c>
      <c r="AG1112">
        <v>6.2324480165505216</v>
      </c>
      <c r="AH1112">
        <v>5.7958543228260891E-2</v>
      </c>
      <c r="AI1112">
        <v>-1.171838232681862E-2</v>
      </c>
      <c r="AJ1112">
        <v>-3.8455063471771307E-2</v>
      </c>
      <c r="AK1112">
        <v>-3.722787749180495E-2</v>
      </c>
      <c r="AL1112">
        <v>1582.5172595387869</v>
      </c>
      <c r="AM1112">
        <v>2819.948780255032</v>
      </c>
      <c r="AN1112">
        <v>62950</v>
      </c>
      <c r="AO1112">
        <v>89.37561188601731</v>
      </c>
      <c r="AP1112">
        <v>1379.479302925726</v>
      </c>
      <c r="AQ1112">
        <v>1.044921875</v>
      </c>
      <c r="AR1112">
        <v>3.96484375</v>
      </c>
      <c r="AS1112">
        <v>510</v>
      </c>
      <c r="AT1112">
        <v>161.3125</v>
      </c>
      <c r="AU1112">
        <v>4.7143075980392142E-2</v>
      </c>
      <c r="AV1112">
        <v>5.8119096657053337E-2</v>
      </c>
      <c r="AW1112">
        <v>0.3984375</v>
      </c>
      <c r="AX1112">
        <v>81.254403131115467</v>
      </c>
      <c r="AY1112">
        <v>64</v>
      </c>
      <c r="AZ1112">
        <v>126.5</v>
      </c>
      <c r="BA1112">
        <v>0.59247437751733678</v>
      </c>
      <c r="BB1112">
        <v>0.48046875</v>
      </c>
      <c r="BC1112">
        <v>5.0338559009461434</v>
      </c>
      <c r="BD1112" t="s">
        <v>4282</v>
      </c>
      <c r="BE1112" t="s">
        <v>62</v>
      </c>
    </row>
    <row r="1113" spans="1:57" x14ac:dyDescent="0.3">
      <c r="A1113" t="s">
        <v>4283</v>
      </c>
      <c r="B1113">
        <v>2789</v>
      </c>
      <c r="C1113" t="s">
        <v>4284</v>
      </c>
      <c r="D1113" t="s">
        <v>4285</v>
      </c>
      <c r="E1113" t="s">
        <v>93</v>
      </c>
      <c r="F1113">
        <v>2789</v>
      </c>
      <c r="G1113">
        <v>126.85191825026889</v>
      </c>
      <c r="H1113">
        <v>128</v>
      </c>
      <c r="I1113">
        <v>5498.9128154311084</v>
      </c>
      <c r="J1113">
        <v>74.154654711832549</v>
      </c>
      <c r="K1113">
        <v>1.6317786669420391E-2</v>
      </c>
      <c r="L1113">
        <v>-1.1910256339262539</v>
      </c>
      <c r="M1113">
        <v>7.9343957540103736</v>
      </c>
      <c r="N1113">
        <v>21</v>
      </c>
      <c r="O1113">
        <v>3</v>
      </c>
      <c r="P1113">
        <v>18</v>
      </c>
      <c r="Q1113">
        <v>3.2823821521531338</v>
      </c>
      <c r="R1113">
        <v>5.4997040463391027</v>
      </c>
      <c r="S1113">
        <v>2</v>
      </c>
      <c r="T1113">
        <v>1</v>
      </c>
      <c r="U1113">
        <v>1</v>
      </c>
      <c r="V1113">
        <v>0.132550737289857</v>
      </c>
      <c r="W1113">
        <v>7.9087152009712058</v>
      </c>
      <c r="X1113">
        <v>1</v>
      </c>
      <c r="Y1113">
        <v>1</v>
      </c>
      <c r="Z1113">
        <v>0</v>
      </c>
      <c r="AA1113">
        <v>0</v>
      </c>
      <c r="AB1113">
        <v>7.9327210274819482</v>
      </c>
      <c r="AC1113">
        <v>1</v>
      </c>
      <c r="AD1113">
        <v>1</v>
      </c>
      <c r="AE1113">
        <v>0</v>
      </c>
      <c r="AF1113">
        <v>0</v>
      </c>
      <c r="AG1113">
        <v>7.9323621543397511</v>
      </c>
      <c r="AH1113">
        <v>-3.8107645306967859E-3</v>
      </c>
      <c r="AI1113">
        <v>6.0162496708066676E-3</v>
      </c>
      <c r="AJ1113">
        <v>-9.5851813118479224E-3</v>
      </c>
      <c r="AK1113">
        <v>2.9663361061520371E-2</v>
      </c>
      <c r="AL1113">
        <v>3612.4686733263738</v>
      </c>
      <c r="AM1113">
        <v>6867.7127258087603</v>
      </c>
      <c r="AN1113">
        <v>353790</v>
      </c>
      <c r="AO1113">
        <v>110.2132702303668</v>
      </c>
      <c r="AP1113">
        <v>3271.8989791535591</v>
      </c>
      <c r="AQ1113">
        <v>1.008246683399068</v>
      </c>
      <c r="AR1113">
        <v>3.9874506991753318</v>
      </c>
      <c r="AS1113">
        <v>2770</v>
      </c>
      <c r="AT1113">
        <v>253.16851918250271</v>
      </c>
      <c r="AU1113">
        <v>1.7448097919698591E-2</v>
      </c>
      <c r="AV1113">
        <v>-3.8114172576422609E-3</v>
      </c>
      <c r="AW1113">
        <v>0.36213696665471501</v>
      </c>
      <c r="AX1113">
        <v>85.885222381635586</v>
      </c>
      <c r="AY1113">
        <v>64</v>
      </c>
      <c r="AZ1113">
        <v>129</v>
      </c>
      <c r="BA1113">
        <v>0.58457653407756294</v>
      </c>
      <c r="BB1113">
        <v>0.50555754750806736</v>
      </c>
      <c r="BC1113">
        <v>5.3187103034591328</v>
      </c>
      <c r="BD1113" t="s">
        <v>4286</v>
      </c>
      <c r="BE1113" t="s">
        <v>68</v>
      </c>
    </row>
    <row r="1114" spans="1:57" x14ac:dyDescent="0.3">
      <c r="A1114" t="s">
        <v>4287</v>
      </c>
      <c r="B1114">
        <v>3183</v>
      </c>
      <c r="C1114" t="s">
        <v>4288</v>
      </c>
      <c r="D1114" t="s">
        <v>4289</v>
      </c>
      <c r="E1114" t="s">
        <v>72</v>
      </c>
      <c r="F1114">
        <v>3192</v>
      </c>
      <c r="G1114">
        <v>128.5839598997494</v>
      </c>
      <c r="H1114">
        <v>129</v>
      </c>
      <c r="I1114">
        <v>5492.5086148956352</v>
      </c>
      <c r="J1114">
        <v>74.111460752677345</v>
      </c>
      <c r="K1114">
        <v>-1.250372972112378E-2</v>
      </c>
      <c r="L1114">
        <v>-1.205982333579007</v>
      </c>
      <c r="M1114">
        <v>7.9402326968742152</v>
      </c>
      <c r="N1114">
        <v>23</v>
      </c>
      <c r="O1114">
        <v>3</v>
      </c>
      <c r="P1114">
        <v>20</v>
      </c>
      <c r="Q1114">
        <v>3.5782273456978668</v>
      </c>
      <c r="R1114">
        <v>5.5037499068282472</v>
      </c>
      <c r="S1114">
        <v>3</v>
      </c>
      <c r="T1114">
        <v>1</v>
      </c>
      <c r="U1114">
        <v>2</v>
      </c>
      <c r="V1114">
        <v>0.17353797013846631</v>
      </c>
      <c r="W1114">
        <v>8.0284982013543669</v>
      </c>
      <c r="X1114">
        <v>1</v>
      </c>
      <c r="Y1114">
        <v>1</v>
      </c>
      <c r="Z1114">
        <v>0</v>
      </c>
      <c r="AA1114">
        <v>0</v>
      </c>
      <c r="AB1114">
        <v>8.0677761957788903</v>
      </c>
      <c r="AC1114">
        <v>1</v>
      </c>
      <c r="AD1114">
        <v>1</v>
      </c>
      <c r="AE1114">
        <v>0</v>
      </c>
      <c r="AF1114">
        <v>0</v>
      </c>
      <c r="AG1114">
        <v>8.0674626670100587</v>
      </c>
      <c r="AH1114">
        <v>3.5716519000890531E-3</v>
      </c>
      <c r="AI1114">
        <v>-1.3894704539324079E-2</v>
      </c>
      <c r="AJ1114">
        <v>-2.9811281789605969E-2</v>
      </c>
      <c r="AK1114">
        <v>2.2780826754616361E-3</v>
      </c>
      <c r="AL1114">
        <v>3808.1814921200512</v>
      </c>
      <c r="AM1114">
        <v>7470.3307639671693</v>
      </c>
      <c r="AN1114">
        <v>410440</v>
      </c>
      <c r="AO1114">
        <v>123.3178396568991</v>
      </c>
      <c r="AP1114">
        <v>3434.4237010113079</v>
      </c>
      <c r="AQ1114">
        <v>1.0072055137844611</v>
      </c>
      <c r="AR1114">
        <v>4.0297619047619051</v>
      </c>
      <c r="AS1114">
        <v>3181</v>
      </c>
      <c r="AT1114">
        <v>262.87719298245611</v>
      </c>
      <c r="AU1114">
        <v>1.49491375497568E-2</v>
      </c>
      <c r="AV1114">
        <v>3.5727586910627288E-3</v>
      </c>
      <c r="AW1114">
        <v>0.36434837092731831</v>
      </c>
      <c r="AX1114">
        <v>85.359135067376997</v>
      </c>
      <c r="AY1114">
        <v>64</v>
      </c>
      <c r="AZ1114">
        <v>128</v>
      </c>
      <c r="BA1114">
        <v>0.57636629646853643</v>
      </c>
      <c r="BB1114">
        <v>0.5021929824561403</v>
      </c>
      <c r="BC1114">
        <v>5.3150015488901783</v>
      </c>
      <c r="BD1114" t="s">
        <v>4290</v>
      </c>
      <c r="BE1114" t="s">
        <v>68</v>
      </c>
    </row>
    <row r="1115" spans="1:57" x14ac:dyDescent="0.3">
      <c r="A1115" t="s">
        <v>4291</v>
      </c>
      <c r="B1115">
        <v>3125</v>
      </c>
      <c r="C1115" t="s">
        <v>4292</v>
      </c>
      <c r="D1115" t="s">
        <v>4293</v>
      </c>
      <c r="E1115" t="s">
        <v>10622</v>
      </c>
      <c r="F1115">
        <v>64</v>
      </c>
      <c r="G1115">
        <v>127.15625</v>
      </c>
      <c r="H1115">
        <v>129</v>
      </c>
      <c r="I1115">
        <v>4633.8505859375</v>
      </c>
      <c r="J1115">
        <v>68.072392244855777</v>
      </c>
      <c r="K1115">
        <v>1.5413832019840701E-2</v>
      </c>
      <c r="L1115">
        <v>-0.98027417670649974</v>
      </c>
      <c r="M1115">
        <v>5.8125</v>
      </c>
      <c r="N1115">
        <v>2</v>
      </c>
      <c r="O1115">
        <v>1</v>
      </c>
      <c r="P1115">
        <v>1</v>
      </c>
      <c r="Q1115">
        <v>0.30454347814923621</v>
      </c>
      <c r="R1115">
        <v>4.0289179870046823</v>
      </c>
      <c r="S1115">
        <v>1</v>
      </c>
      <c r="T1115">
        <v>1</v>
      </c>
      <c r="U1115">
        <v>0</v>
      </c>
      <c r="V1115">
        <v>0</v>
      </c>
      <c r="W1115">
        <v>4.1431347263915326</v>
      </c>
      <c r="X1115">
        <v>1</v>
      </c>
      <c r="Y1115">
        <v>1</v>
      </c>
      <c r="Z1115">
        <v>0</v>
      </c>
      <c r="AA1115">
        <v>0</v>
      </c>
      <c r="AB1115">
        <v>4.1271343850450908</v>
      </c>
      <c r="AC1115">
        <v>1</v>
      </c>
      <c r="AD1115">
        <v>1</v>
      </c>
      <c r="AE1115">
        <v>0</v>
      </c>
      <c r="AF1115">
        <v>0</v>
      </c>
      <c r="AG1115">
        <v>4.1108738641733096</v>
      </c>
      <c r="AH1115">
        <v>7.4377433845451577E-2</v>
      </c>
      <c r="AI1115">
        <v>-0.30386546632784428</v>
      </c>
      <c r="AJ1115">
        <v>-2.2879981388023721E-2</v>
      </c>
      <c r="AK1115">
        <v>-7.4380446845489723E-2</v>
      </c>
      <c r="AL1115">
        <v>599.15094840233428</v>
      </c>
      <c r="AM1115">
        <v>986.09438748457728</v>
      </c>
      <c r="AN1115">
        <v>8138</v>
      </c>
      <c r="AO1115">
        <v>70.321116978849886</v>
      </c>
      <c r="AP1115">
        <v>444.03458740716059</v>
      </c>
      <c r="AQ1115">
        <v>1.359375</v>
      </c>
      <c r="AR1115">
        <v>3.859375</v>
      </c>
      <c r="AS1115">
        <v>63</v>
      </c>
      <c r="AT1115">
        <v>4.8750000000000018</v>
      </c>
      <c r="AU1115">
        <v>7.2420634920634913E-2</v>
      </c>
      <c r="AV1115">
        <v>7.6706387818124583E-2</v>
      </c>
      <c r="AW1115">
        <v>0.40625</v>
      </c>
      <c r="AX1115">
        <v>76.666666666666671</v>
      </c>
      <c r="AY1115">
        <v>53.5</v>
      </c>
      <c r="AZ1115">
        <v>107.5</v>
      </c>
      <c r="BA1115">
        <v>0.53534444626084665</v>
      </c>
      <c r="BB1115">
        <v>0.53125</v>
      </c>
      <c r="BC1115">
        <v>3.9367871487114772</v>
      </c>
      <c r="BD1115" t="s">
        <v>4294</v>
      </c>
      <c r="BE1115" t="s">
        <v>62</v>
      </c>
    </row>
    <row r="1116" spans="1:57" x14ac:dyDescent="0.3">
      <c r="A1116" t="s">
        <v>4295</v>
      </c>
      <c r="B1116">
        <v>3148</v>
      </c>
      <c r="C1116" t="s">
        <v>4296</v>
      </c>
      <c r="D1116" t="s">
        <v>4297</v>
      </c>
      <c r="E1116" t="s">
        <v>66</v>
      </c>
      <c r="F1116">
        <v>72</v>
      </c>
      <c r="G1116">
        <v>112.3194444444444</v>
      </c>
      <c r="H1116">
        <v>94</v>
      </c>
      <c r="I1116">
        <v>6569.884066358024</v>
      </c>
      <c r="J1116">
        <v>81.054821364049801</v>
      </c>
      <c r="K1116">
        <v>0.27037063502110892</v>
      </c>
      <c r="L1116">
        <v>-1.3318774887389211</v>
      </c>
      <c r="M1116">
        <v>5.8051380221855053</v>
      </c>
      <c r="N1116">
        <v>3</v>
      </c>
      <c r="O1116">
        <v>1</v>
      </c>
      <c r="P1116">
        <v>2</v>
      </c>
      <c r="Q1116">
        <v>0.50990195135927852</v>
      </c>
      <c r="R1116">
        <v>4.0238150528392156</v>
      </c>
      <c r="S1116">
        <v>2</v>
      </c>
      <c r="T1116">
        <v>1</v>
      </c>
      <c r="U1116">
        <v>1</v>
      </c>
      <c r="V1116">
        <v>0.16776575221435111</v>
      </c>
      <c r="W1116">
        <v>4.2236293316576567</v>
      </c>
      <c r="X1116">
        <v>2</v>
      </c>
      <c r="Y1116">
        <v>1</v>
      </c>
      <c r="Z1116">
        <v>1</v>
      </c>
      <c r="AA1116">
        <v>0.11951030798891769</v>
      </c>
      <c r="AB1116">
        <v>4.2286910368905044</v>
      </c>
      <c r="AC1116">
        <v>1</v>
      </c>
      <c r="AD1116">
        <v>1</v>
      </c>
      <c r="AE1116">
        <v>0</v>
      </c>
      <c r="AF1116">
        <v>0</v>
      </c>
      <c r="AG1116">
        <v>4.2341065045972579</v>
      </c>
      <c r="AH1116">
        <v>9.3115264361354769E-2</v>
      </c>
      <c r="AI1116">
        <v>0.20126411277432879</v>
      </c>
      <c r="AJ1116">
        <v>-5.7375175536940999E-2</v>
      </c>
      <c r="AK1116">
        <v>-0.18906059440708151</v>
      </c>
      <c r="AL1116">
        <v>720.76074505938834</v>
      </c>
      <c r="AM1116">
        <v>928.3657406332029</v>
      </c>
      <c r="AN1116">
        <v>8087</v>
      </c>
      <c r="AO1116">
        <v>153.00000000000011</v>
      </c>
      <c r="AP1116">
        <v>540.64325909688841</v>
      </c>
      <c r="AQ1116">
        <v>1.319444444444444</v>
      </c>
      <c r="AR1116">
        <v>3.583333333333333</v>
      </c>
      <c r="AS1116">
        <v>72</v>
      </c>
      <c r="AT1116">
        <v>13</v>
      </c>
      <c r="AU1116">
        <v>0.15534979423868309</v>
      </c>
      <c r="AV1116">
        <v>9.4156303090292409E-2</v>
      </c>
      <c r="AW1116">
        <v>0.44444444444444442</v>
      </c>
      <c r="AX1116">
        <v>85.464788732394368</v>
      </c>
      <c r="AY1116">
        <v>66</v>
      </c>
      <c r="AZ1116">
        <v>140.75</v>
      </c>
      <c r="BA1116">
        <v>0.72164549749123108</v>
      </c>
      <c r="BB1116">
        <v>0.45833333333333331</v>
      </c>
      <c r="BC1116">
        <v>4.0014816398818356</v>
      </c>
      <c r="BD1116" t="s">
        <v>4298</v>
      </c>
      <c r="BE1116" t="s">
        <v>68</v>
      </c>
    </row>
    <row r="1117" spans="1:57" x14ac:dyDescent="0.3">
      <c r="A1117" t="s">
        <v>4299</v>
      </c>
      <c r="B1117">
        <v>2269</v>
      </c>
      <c r="C1117" t="s">
        <v>4300</v>
      </c>
      <c r="D1117" t="s">
        <v>4301</v>
      </c>
      <c r="E1117" t="s">
        <v>85</v>
      </c>
      <c r="F1117">
        <v>8</v>
      </c>
      <c r="G1117">
        <v>156</v>
      </c>
      <c r="H1117">
        <v>149.5</v>
      </c>
      <c r="I1117">
        <v>4035.25</v>
      </c>
      <c r="J1117">
        <v>63.523617655168223</v>
      </c>
      <c r="K1117">
        <v>-0.51001199275523723</v>
      </c>
      <c r="L1117">
        <v>-0.41114126451188499</v>
      </c>
      <c r="M1117">
        <v>3</v>
      </c>
      <c r="N1117">
        <v>1</v>
      </c>
      <c r="O1117">
        <v>1</v>
      </c>
      <c r="P1117">
        <v>0</v>
      </c>
      <c r="Q1117">
        <v>0</v>
      </c>
      <c r="R1117">
        <v>2.0794415416798362</v>
      </c>
      <c r="S1117">
        <v>1</v>
      </c>
      <c r="T1117">
        <v>1</v>
      </c>
      <c r="U1117">
        <v>0</v>
      </c>
      <c r="V1117">
        <v>0</v>
      </c>
      <c r="W1117">
        <v>1.945910149055313</v>
      </c>
      <c r="X1117">
        <v>1</v>
      </c>
      <c r="Y1117">
        <v>1</v>
      </c>
      <c r="Z1117">
        <v>0</v>
      </c>
      <c r="AA1117">
        <v>0</v>
      </c>
      <c r="AB1117">
        <v>1.791759469228055</v>
      </c>
      <c r="AC1117">
        <v>1</v>
      </c>
      <c r="AD1117">
        <v>1</v>
      </c>
      <c r="AE1117">
        <v>0</v>
      </c>
      <c r="AF1117">
        <v>0</v>
      </c>
      <c r="AG1117">
        <v>1.6094379124341009</v>
      </c>
      <c r="AH1117">
        <v>-0.56207793816987794</v>
      </c>
      <c r="AI1117">
        <v>2.6764141007372531E-2</v>
      </c>
      <c r="AJ1117">
        <v>0.18453007868161819</v>
      </c>
      <c r="AK1117">
        <v>0</v>
      </c>
      <c r="AL1117">
        <v>308.07905293158728</v>
      </c>
      <c r="AM1117">
        <v>363.39688653698761</v>
      </c>
      <c r="AN1117">
        <v>1248</v>
      </c>
      <c r="AO1117">
        <v>68.130431359467622</v>
      </c>
      <c r="AP1117">
        <v>172.51347196710239</v>
      </c>
      <c r="AQ1117">
        <v>3.5</v>
      </c>
      <c r="AR1117">
        <v>4.875</v>
      </c>
      <c r="AS1117">
        <v>8</v>
      </c>
      <c r="AT1117">
        <v>0</v>
      </c>
      <c r="AU1117">
        <v>0.21377551020408159</v>
      </c>
      <c r="AV1117">
        <v>-0.58779076580534773</v>
      </c>
      <c r="AW1117">
        <v>0.125</v>
      </c>
      <c r="AX1117">
        <v>92.285714285714292</v>
      </c>
      <c r="AY1117">
        <v>47</v>
      </c>
      <c r="AZ1117">
        <v>76.5</v>
      </c>
      <c r="BA1117">
        <v>0.40720267727671938</v>
      </c>
      <c r="BB1117">
        <v>0.5</v>
      </c>
      <c r="BC1117">
        <v>1.945910149055313</v>
      </c>
      <c r="BD1117" t="s">
        <v>4300</v>
      </c>
      <c r="BE1117" t="s">
        <v>68</v>
      </c>
    </row>
    <row r="1118" spans="1:57" x14ac:dyDescent="0.3">
      <c r="A1118" t="s">
        <v>4302</v>
      </c>
      <c r="B1118">
        <v>1712</v>
      </c>
      <c r="C1118" t="s">
        <v>4303</v>
      </c>
      <c r="D1118" t="s">
        <v>4304</v>
      </c>
      <c r="E1118" t="s">
        <v>85</v>
      </c>
      <c r="F1118">
        <v>8</v>
      </c>
      <c r="G1118">
        <v>101.875</v>
      </c>
      <c r="H1118">
        <v>135.5</v>
      </c>
      <c r="I1118">
        <v>3814.609375</v>
      </c>
      <c r="J1118">
        <v>61.76252403359176</v>
      </c>
      <c r="K1118">
        <v>-0.46675377636667142</v>
      </c>
      <c r="L1118">
        <v>-1.6180974982026251</v>
      </c>
      <c r="M1118">
        <v>3</v>
      </c>
      <c r="N1118">
        <v>1</v>
      </c>
      <c r="O1118">
        <v>1</v>
      </c>
      <c r="P1118">
        <v>0</v>
      </c>
      <c r="Q1118">
        <v>0</v>
      </c>
      <c r="R1118">
        <v>2.0794415416798362</v>
      </c>
      <c r="S1118">
        <v>1</v>
      </c>
      <c r="T1118">
        <v>1</v>
      </c>
      <c r="U1118">
        <v>0</v>
      </c>
      <c r="V1118">
        <v>0</v>
      </c>
      <c r="W1118">
        <v>1.945910149055313</v>
      </c>
      <c r="X1118">
        <v>1</v>
      </c>
      <c r="Y1118">
        <v>1</v>
      </c>
      <c r="Z1118">
        <v>0</v>
      </c>
      <c r="AA1118">
        <v>0</v>
      </c>
      <c r="AB1118">
        <v>1.791759469228055</v>
      </c>
      <c r="AC1118">
        <v>1</v>
      </c>
      <c r="AD1118">
        <v>1</v>
      </c>
      <c r="AE1118">
        <v>0</v>
      </c>
      <c r="AF1118">
        <v>0</v>
      </c>
      <c r="AG1118">
        <v>1.6094379124341009</v>
      </c>
      <c r="AH1118">
        <v>-0.15042548180310081</v>
      </c>
      <c r="AI1118">
        <v>-0.47124029737645162</v>
      </c>
      <c r="AJ1118">
        <v>0.18004536424519221</v>
      </c>
      <c r="AK1118">
        <v>0</v>
      </c>
      <c r="AL1118">
        <v>240.83571883908289</v>
      </c>
      <c r="AM1118">
        <v>235.6759566253254</v>
      </c>
      <c r="AN1118">
        <v>815</v>
      </c>
      <c r="AO1118">
        <v>59</v>
      </c>
      <c r="AP1118">
        <v>124.7171090204692</v>
      </c>
      <c r="AQ1118">
        <v>3.5</v>
      </c>
      <c r="AR1118">
        <v>3.625</v>
      </c>
      <c r="AS1118">
        <v>8</v>
      </c>
      <c r="AT1118">
        <v>0</v>
      </c>
      <c r="AU1118">
        <v>0.36875000000000002</v>
      </c>
      <c r="AV1118">
        <v>-0.1836936742964283</v>
      </c>
      <c r="AW1118">
        <v>0.25</v>
      </c>
      <c r="AX1118">
        <v>81.571428571428569</v>
      </c>
      <c r="AY1118">
        <v>23.5</v>
      </c>
      <c r="AZ1118">
        <v>117.75</v>
      </c>
      <c r="BA1118">
        <v>0.60625790462421358</v>
      </c>
      <c r="BB1118">
        <v>0.625</v>
      </c>
      <c r="BC1118">
        <v>1.945910149055313</v>
      </c>
      <c r="BD1118" t="s">
        <v>4303</v>
      </c>
      <c r="BE1118" t="s">
        <v>68</v>
      </c>
    </row>
    <row r="1119" spans="1:57" x14ac:dyDescent="0.3">
      <c r="A1119" t="s">
        <v>4305</v>
      </c>
      <c r="B1119">
        <v>1807</v>
      </c>
      <c r="C1119" t="s">
        <v>4306</v>
      </c>
      <c r="D1119" t="s">
        <v>4307</v>
      </c>
      <c r="E1119" t="s">
        <v>66</v>
      </c>
      <c r="F1119">
        <v>71</v>
      </c>
      <c r="G1119">
        <v>126.0985915492958</v>
      </c>
      <c r="H1119">
        <v>134</v>
      </c>
      <c r="I1119">
        <v>5176.5677444951398</v>
      </c>
      <c r="J1119">
        <v>71.948368602040858</v>
      </c>
      <c r="K1119">
        <v>-0.16400387146694689</v>
      </c>
      <c r="L1119">
        <v>-1.146571934039083</v>
      </c>
      <c r="M1119">
        <v>5.8855937744037838</v>
      </c>
      <c r="N1119">
        <v>3</v>
      </c>
      <c r="O1119">
        <v>1</v>
      </c>
      <c r="P1119">
        <v>2</v>
      </c>
      <c r="Q1119">
        <v>0.39540808619778262</v>
      </c>
      <c r="R1119">
        <v>4.079582730649153</v>
      </c>
      <c r="S1119">
        <v>1</v>
      </c>
      <c r="T1119">
        <v>1</v>
      </c>
      <c r="U1119">
        <v>0</v>
      </c>
      <c r="V1119">
        <v>0</v>
      </c>
      <c r="W1119">
        <v>4.2484952420493576</v>
      </c>
      <c r="X1119">
        <v>1</v>
      </c>
      <c r="Y1119">
        <v>1</v>
      </c>
      <c r="Z1119">
        <v>0</v>
      </c>
      <c r="AA1119">
        <v>0</v>
      </c>
      <c r="AB1119">
        <v>4.2341065045972579</v>
      </c>
      <c r="AC1119">
        <v>1</v>
      </c>
      <c r="AD1119">
        <v>1</v>
      </c>
      <c r="AE1119">
        <v>0</v>
      </c>
      <c r="AF1119">
        <v>0</v>
      </c>
      <c r="AG1119">
        <v>4.2195077051761087</v>
      </c>
      <c r="AH1119">
        <v>0.19071068919047321</v>
      </c>
      <c r="AI1119">
        <v>-2.3289885559326162E-2</v>
      </c>
      <c r="AJ1119">
        <v>-6.0010836170109362E-2</v>
      </c>
      <c r="AK1119">
        <v>-9.3263867669161629E-2</v>
      </c>
      <c r="AL1119">
        <v>667.77205084707145</v>
      </c>
      <c r="AM1119">
        <v>1024.9768232050401</v>
      </c>
      <c r="AN1119">
        <v>8953</v>
      </c>
      <c r="AO1119">
        <v>135.3460617776561</v>
      </c>
      <c r="AP1119">
        <v>525.88992655724462</v>
      </c>
      <c r="AQ1119">
        <v>1.323943661971831</v>
      </c>
      <c r="AR1119">
        <v>3.816901408450704</v>
      </c>
      <c r="AS1119">
        <v>71</v>
      </c>
      <c r="AT1119">
        <v>8.4647887323943625</v>
      </c>
      <c r="AU1119">
        <v>7.8171842298772498E-2</v>
      </c>
      <c r="AV1119">
        <v>0.19235768345138249</v>
      </c>
      <c r="AW1119">
        <v>0.352112676056338</v>
      </c>
      <c r="AX1119">
        <v>75.01428571428572</v>
      </c>
      <c r="AY1119">
        <v>62</v>
      </c>
      <c r="AZ1119">
        <v>124</v>
      </c>
      <c r="BA1119">
        <v>0.57057234119791145</v>
      </c>
      <c r="BB1119">
        <v>0.52112676056338025</v>
      </c>
      <c r="BC1119">
        <v>3.9439571911841762</v>
      </c>
      <c r="BD1119" t="s">
        <v>4308</v>
      </c>
      <c r="BE1119" t="s">
        <v>68</v>
      </c>
    </row>
    <row r="1120" spans="1:57" x14ac:dyDescent="0.3">
      <c r="A1120" t="s">
        <v>4309</v>
      </c>
      <c r="B1120">
        <v>843</v>
      </c>
      <c r="C1120" t="s">
        <v>4310</v>
      </c>
      <c r="D1120" t="s">
        <v>4311</v>
      </c>
      <c r="E1120" t="s">
        <v>128</v>
      </c>
      <c r="F1120">
        <v>32</v>
      </c>
      <c r="G1120">
        <v>134.59375</v>
      </c>
      <c r="H1120">
        <v>150</v>
      </c>
      <c r="I1120">
        <v>5641.0537109375</v>
      </c>
      <c r="J1120">
        <v>75.10694848639173</v>
      </c>
      <c r="K1120">
        <v>-0.23268138744855749</v>
      </c>
      <c r="L1120">
        <v>-1.05740274496563</v>
      </c>
      <c r="M1120">
        <v>4.875</v>
      </c>
      <c r="N1120">
        <v>2</v>
      </c>
      <c r="O1120">
        <v>1</v>
      </c>
      <c r="P1120">
        <v>1</v>
      </c>
      <c r="Q1120">
        <v>0.24944382578492941</v>
      </c>
      <c r="R1120">
        <v>3.3790925052297318</v>
      </c>
      <c r="S1120">
        <v>1</v>
      </c>
      <c r="T1120">
        <v>1</v>
      </c>
      <c r="U1120">
        <v>0</v>
      </c>
      <c r="V1120">
        <v>0</v>
      </c>
      <c r="W1120">
        <v>3.4339872044851458</v>
      </c>
      <c r="X1120">
        <v>1</v>
      </c>
      <c r="Y1120">
        <v>1</v>
      </c>
      <c r="Z1120">
        <v>0</v>
      </c>
      <c r="AA1120">
        <v>0</v>
      </c>
      <c r="AB1120">
        <v>3.401197381662155</v>
      </c>
      <c r="AC1120">
        <v>1</v>
      </c>
      <c r="AD1120">
        <v>1</v>
      </c>
      <c r="AE1120">
        <v>0</v>
      </c>
      <c r="AF1120">
        <v>0</v>
      </c>
      <c r="AG1120">
        <v>3.3672958299864728</v>
      </c>
      <c r="AH1120">
        <v>9.0196350857336155E-2</v>
      </c>
      <c r="AI1120">
        <v>5.8707005734848057E-2</v>
      </c>
      <c r="AJ1120">
        <v>6.8043234551598317E-2</v>
      </c>
      <c r="AK1120">
        <v>-0.16526753117275189</v>
      </c>
      <c r="AL1120">
        <v>500.10326877625118</v>
      </c>
      <c r="AM1120">
        <v>714.2168582155623</v>
      </c>
      <c r="AN1120">
        <v>4307</v>
      </c>
      <c r="AO1120">
        <v>100.01278332105809</v>
      </c>
      <c r="AP1120">
        <v>389.92480384716578</v>
      </c>
      <c r="AQ1120">
        <v>1.71875</v>
      </c>
      <c r="AR1120">
        <v>3.90625</v>
      </c>
      <c r="AS1120">
        <v>32</v>
      </c>
      <c r="AT1120">
        <v>1.75</v>
      </c>
      <c r="AU1120">
        <v>0.1125498007968128</v>
      </c>
      <c r="AV1120">
        <v>9.7450500178082086E-2</v>
      </c>
      <c r="AW1120">
        <v>0.3125</v>
      </c>
      <c r="AX1120">
        <v>84.774193548387103</v>
      </c>
      <c r="AY1120">
        <v>54</v>
      </c>
      <c r="AZ1120">
        <v>111.25</v>
      </c>
      <c r="BA1120">
        <v>0.55802701452624459</v>
      </c>
      <c r="BB1120">
        <v>0.53125</v>
      </c>
      <c r="BC1120">
        <v>3.3276698862269418</v>
      </c>
      <c r="BD1120" t="s">
        <v>4312</v>
      </c>
      <c r="BE1120" t="s">
        <v>62</v>
      </c>
    </row>
    <row r="1121" spans="1:57" x14ac:dyDescent="0.3">
      <c r="A1121" t="s">
        <v>4313</v>
      </c>
      <c r="B1121">
        <v>154</v>
      </c>
      <c r="C1121" t="s">
        <v>4314</v>
      </c>
      <c r="D1121" t="s">
        <v>4315</v>
      </c>
      <c r="E1121" t="s">
        <v>60</v>
      </c>
      <c r="F1121">
        <v>256</v>
      </c>
      <c r="G1121">
        <v>130.3359375</v>
      </c>
      <c r="H1121">
        <v>129.5</v>
      </c>
      <c r="I1121">
        <v>5472.2699584960938</v>
      </c>
      <c r="J1121">
        <v>73.974792723576414</v>
      </c>
      <c r="K1121">
        <v>-4.4676562616359272E-2</v>
      </c>
      <c r="L1121">
        <v>-1.0724330918256639</v>
      </c>
      <c r="M1121">
        <v>7.232154589725436</v>
      </c>
      <c r="N1121">
        <v>6</v>
      </c>
      <c r="O1121">
        <v>1</v>
      </c>
      <c r="P1121">
        <v>5</v>
      </c>
      <c r="Q1121">
        <v>0.78643545547208304</v>
      </c>
      <c r="R1121">
        <v>5.0129475632418536</v>
      </c>
      <c r="S1121">
        <v>1</v>
      </c>
      <c r="T1121">
        <v>1</v>
      </c>
      <c r="U1121">
        <v>0</v>
      </c>
      <c r="V1121">
        <v>0</v>
      </c>
      <c r="W1121">
        <v>5.541263545158424</v>
      </c>
      <c r="X1121">
        <v>1</v>
      </c>
      <c r="Y1121">
        <v>1</v>
      </c>
      <c r="Z1121">
        <v>0</v>
      </c>
      <c r="AA1121">
        <v>0</v>
      </c>
      <c r="AB1121">
        <v>5.5373342670185366</v>
      </c>
      <c r="AC1121">
        <v>1</v>
      </c>
      <c r="AD1121">
        <v>1</v>
      </c>
      <c r="AE1121">
        <v>0</v>
      </c>
      <c r="AF1121">
        <v>0</v>
      </c>
      <c r="AG1121">
        <v>5.5333894887275203</v>
      </c>
      <c r="AH1121">
        <v>6.1453551223115653E-2</v>
      </c>
      <c r="AI1121">
        <v>-9.7456852890200549E-3</v>
      </c>
      <c r="AJ1121">
        <v>4.1482438989381056E-3</v>
      </c>
      <c r="AK1121">
        <v>6.2929543122277845E-2</v>
      </c>
      <c r="AL1121">
        <v>1163.0404748923941</v>
      </c>
      <c r="AM1121">
        <v>2096.9088806531572</v>
      </c>
      <c r="AN1121">
        <v>33366</v>
      </c>
      <c r="AO1121">
        <v>106.62006181481971</v>
      </c>
      <c r="AP1121">
        <v>969.6439189579437</v>
      </c>
      <c r="AQ1121">
        <v>1.08984375</v>
      </c>
      <c r="AR1121">
        <v>4.0859375</v>
      </c>
      <c r="AS1121">
        <v>255</v>
      </c>
      <c r="AT1121">
        <v>68.1875</v>
      </c>
      <c r="AU1121">
        <v>4.4332107843137243E-2</v>
      </c>
      <c r="AV1121">
        <v>6.1489405874174327E-2</v>
      </c>
      <c r="AW1121">
        <v>0.33984375</v>
      </c>
      <c r="AX1121">
        <v>81.549019607843135</v>
      </c>
      <c r="AY1121">
        <v>60</v>
      </c>
      <c r="AZ1121">
        <v>117.25</v>
      </c>
      <c r="BA1121">
        <v>0.56757018933152192</v>
      </c>
      <c r="BB1121">
        <v>0.49609375</v>
      </c>
      <c r="BC1121">
        <v>4.7405946619120787</v>
      </c>
      <c r="BD1121" t="s">
        <v>4316</v>
      </c>
      <c r="BE1121" t="s">
        <v>62</v>
      </c>
    </row>
    <row r="1122" spans="1:57" x14ac:dyDescent="0.3">
      <c r="A1122" t="s">
        <v>4317</v>
      </c>
      <c r="B1122">
        <v>148</v>
      </c>
      <c r="C1122" t="s">
        <v>4318</v>
      </c>
      <c r="D1122" t="s">
        <v>4319</v>
      </c>
      <c r="E1122" t="s">
        <v>60</v>
      </c>
      <c r="F1122">
        <v>512</v>
      </c>
      <c r="G1122">
        <v>128.701171875</v>
      </c>
      <c r="H1122">
        <v>128.5</v>
      </c>
      <c r="I1122">
        <v>5746.369686126709</v>
      </c>
      <c r="J1122">
        <v>75.804813080217471</v>
      </c>
      <c r="K1122">
        <v>-3.946045839790753E-2</v>
      </c>
      <c r="L1122">
        <v>-1.2338833307632211</v>
      </c>
      <c r="M1122">
        <v>7.5978595853498971</v>
      </c>
      <c r="N1122">
        <v>7</v>
      </c>
      <c r="O1122">
        <v>1</v>
      </c>
      <c r="P1122">
        <v>6</v>
      </c>
      <c r="Q1122">
        <v>1.2323916014520711</v>
      </c>
      <c r="R1122">
        <v>5.2664349498756353</v>
      </c>
      <c r="S1122">
        <v>2</v>
      </c>
      <c r="T1122">
        <v>1</v>
      </c>
      <c r="U1122">
        <v>1</v>
      </c>
      <c r="V1122">
        <v>8.8472037443809867E-2</v>
      </c>
      <c r="W1122">
        <v>6.2255179709385784</v>
      </c>
      <c r="X1122">
        <v>1</v>
      </c>
      <c r="Y1122">
        <v>1</v>
      </c>
      <c r="Z1122">
        <v>0</v>
      </c>
      <c r="AA1122">
        <v>0</v>
      </c>
      <c r="AB1122">
        <v>6.2344107257183694</v>
      </c>
      <c r="AC1122">
        <v>1</v>
      </c>
      <c r="AD1122">
        <v>1</v>
      </c>
      <c r="AE1122">
        <v>0</v>
      </c>
      <c r="AF1122">
        <v>0</v>
      </c>
      <c r="AG1122">
        <v>6.2324480165505216</v>
      </c>
      <c r="AH1122">
        <v>5.9552847581940321E-2</v>
      </c>
      <c r="AI1122">
        <v>2.2375663886537191E-2</v>
      </c>
      <c r="AJ1122">
        <v>8.1661004031136578E-3</v>
      </c>
      <c r="AK1122">
        <v>9.0091728500878737E-2</v>
      </c>
      <c r="AL1122">
        <v>1642.2574391213229</v>
      </c>
      <c r="AM1122">
        <v>2953.9626781072702</v>
      </c>
      <c r="AN1122">
        <v>65895</v>
      </c>
      <c r="AO1122">
        <v>119.1670973775601</v>
      </c>
      <c r="AP1122">
        <v>1445.31103084232</v>
      </c>
      <c r="AQ1122">
        <v>1.044921875</v>
      </c>
      <c r="AR1122">
        <v>4.009765625</v>
      </c>
      <c r="AS1122">
        <v>512</v>
      </c>
      <c r="AT1122">
        <v>146.1953125</v>
      </c>
      <c r="AU1122">
        <v>3.1839767156862757E-2</v>
      </c>
      <c r="AV1122">
        <v>5.9554750543017593E-2</v>
      </c>
      <c r="AW1122">
        <v>0.361328125</v>
      </c>
      <c r="AX1122">
        <v>84.980430528375734</v>
      </c>
      <c r="AY1122">
        <v>67</v>
      </c>
      <c r="AZ1122">
        <v>134.25</v>
      </c>
      <c r="BA1122">
        <v>0.58899862352335297</v>
      </c>
      <c r="BB1122">
        <v>0.5</v>
      </c>
      <c r="BC1122">
        <v>5.0710142727243159</v>
      </c>
      <c r="BD1122" t="s">
        <v>4320</v>
      </c>
      <c r="BE1122" t="s">
        <v>62</v>
      </c>
    </row>
    <row r="1123" spans="1:57" x14ac:dyDescent="0.3">
      <c r="A1123" t="s">
        <v>4321</v>
      </c>
      <c r="B1123">
        <v>3790</v>
      </c>
      <c r="C1123" t="s">
        <v>4322</v>
      </c>
      <c r="D1123" t="s">
        <v>4323</v>
      </c>
      <c r="E1123" t="s">
        <v>72</v>
      </c>
      <c r="F1123">
        <v>3800</v>
      </c>
      <c r="G1123">
        <v>128.04026315789471</v>
      </c>
      <c r="H1123">
        <v>127</v>
      </c>
      <c r="I1123">
        <v>5293.4549578254846</v>
      </c>
      <c r="J1123">
        <v>72.756133472206201</v>
      </c>
      <c r="K1123">
        <v>5.2832799566853344E-3</v>
      </c>
      <c r="L1123">
        <v>-1.160445253683714</v>
      </c>
      <c r="M1123">
        <v>7.9531053392515094</v>
      </c>
      <c r="N1123">
        <v>26</v>
      </c>
      <c r="O1123">
        <v>4</v>
      </c>
      <c r="P1123">
        <v>22</v>
      </c>
      <c r="Q1123">
        <v>3.7592334241837131</v>
      </c>
      <c r="R1123">
        <v>5.5126725425984411</v>
      </c>
      <c r="S1123">
        <v>3</v>
      </c>
      <c r="T1123">
        <v>1</v>
      </c>
      <c r="U1123">
        <v>2</v>
      </c>
      <c r="V1123">
        <v>0.15476698385238261</v>
      </c>
      <c r="W1123">
        <v>8.2098784002833227</v>
      </c>
      <c r="X1123">
        <v>2</v>
      </c>
      <c r="Y1123">
        <v>1</v>
      </c>
      <c r="Z1123">
        <v>1</v>
      </c>
      <c r="AA1123">
        <v>1.622641222096325E-2</v>
      </c>
      <c r="AB1123">
        <v>8.2418648849580336</v>
      </c>
      <c r="AC1123">
        <v>1</v>
      </c>
      <c r="AD1123">
        <v>1</v>
      </c>
      <c r="AE1123">
        <v>0</v>
      </c>
      <c r="AF1123">
        <v>0</v>
      </c>
      <c r="AG1123">
        <v>8.241966560231802</v>
      </c>
      <c r="AH1123">
        <v>2.152444457818873E-3</v>
      </c>
      <c r="AI1123">
        <v>9.4679061878123871E-3</v>
      </c>
      <c r="AJ1123">
        <v>8.6933024979528352E-3</v>
      </c>
      <c r="AK1123">
        <v>8.9879339584990822E-3</v>
      </c>
      <c r="AL1123">
        <v>4106.1578667511003</v>
      </c>
      <c r="AM1123">
        <v>8096.4788997018977</v>
      </c>
      <c r="AN1123">
        <v>486553</v>
      </c>
      <c r="AO1123">
        <v>73.893290687593804</v>
      </c>
      <c r="AP1123">
        <v>3757.9277435590889</v>
      </c>
      <c r="AQ1123">
        <v>1.0060526315789471</v>
      </c>
      <c r="AR1123">
        <v>4.0157894736842108</v>
      </c>
      <c r="AS1123">
        <v>3788</v>
      </c>
      <c r="AT1123">
        <v>243.72210526315791</v>
      </c>
      <c r="AU1123">
        <v>1.6006191950464401E-2</v>
      </c>
      <c r="AV1123">
        <v>2.1531765521094468E-3</v>
      </c>
      <c r="AW1123">
        <v>0.37710526315789472</v>
      </c>
      <c r="AX1123">
        <v>83.704659120821262</v>
      </c>
      <c r="AY1123">
        <v>61</v>
      </c>
      <c r="AZ1123">
        <v>123</v>
      </c>
      <c r="BA1123">
        <v>0.56822855309572351</v>
      </c>
      <c r="BB1123">
        <v>0.49473684210526309</v>
      </c>
      <c r="BC1123">
        <v>5.302069819335987</v>
      </c>
      <c r="BD1123" t="s">
        <v>4324</v>
      </c>
      <c r="BE1123" t="s">
        <v>68</v>
      </c>
    </row>
    <row r="1124" spans="1:57" x14ac:dyDescent="0.3">
      <c r="A1124" t="s">
        <v>4325</v>
      </c>
      <c r="B1124">
        <v>767</v>
      </c>
      <c r="C1124" t="s">
        <v>4326</v>
      </c>
      <c r="D1124" t="s">
        <v>4327</v>
      </c>
      <c r="E1124" t="s">
        <v>115</v>
      </c>
      <c r="F1124">
        <v>803</v>
      </c>
      <c r="G1124">
        <v>125.7770859277709</v>
      </c>
      <c r="H1124">
        <v>124</v>
      </c>
      <c r="I1124">
        <v>5412.7585284944826</v>
      </c>
      <c r="J1124">
        <v>73.571451858003201</v>
      </c>
      <c r="K1124">
        <v>7.3371146345000235E-2</v>
      </c>
      <c r="L1124">
        <v>-1.2049569425379349</v>
      </c>
      <c r="M1124">
        <v>7.7532747601420686</v>
      </c>
      <c r="N1124">
        <v>8</v>
      </c>
      <c r="O1124">
        <v>1</v>
      </c>
      <c r="P1124">
        <v>7</v>
      </c>
      <c r="Q1124">
        <v>1.698666625887072</v>
      </c>
      <c r="R1124">
        <v>5.3741605400990693</v>
      </c>
      <c r="S1124">
        <v>2</v>
      </c>
      <c r="T1124">
        <v>1</v>
      </c>
      <c r="U1124">
        <v>1</v>
      </c>
      <c r="V1124">
        <v>6.1160409125760283E-2</v>
      </c>
      <c r="W1124">
        <v>6.6819229681117029</v>
      </c>
      <c r="X1124">
        <v>1</v>
      </c>
      <c r="Y1124">
        <v>1</v>
      </c>
      <c r="Z1124">
        <v>0</v>
      </c>
      <c r="AA1124">
        <v>0</v>
      </c>
      <c r="AB1124">
        <v>6.6858609470683596</v>
      </c>
      <c r="AC1124">
        <v>1</v>
      </c>
      <c r="AD1124">
        <v>1</v>
      </c>
      <c r="AE1124">
        <v>0</v>
      </c>
      <c r="AF1124">
        <v>0</v>
      </c>
      <c r="AG1124">
        <v>6.6846117276679253</v>
      </c>
      <c r="AH1124">
        <v>-5.9130552711688072E-2</v>
      </c>
      <c r="AI1124">
        <v>2.807488337292342E-2</v>
      </c>
      <c r="AJ1124">
        <v>1.7747882322988282E-2</v>
      </c>
      <c r="AK1124">
        <v>-3.26015267110168E-2</v>
      </c>
      <c r="AL1124">
        <v>1956.1191368412719</v>
      </c>
      <c r="AM1124">
        <v>3636.3997198442521</v>
      </c>
      <c r="AN1124">
        <v>100999</v>
      </c>
      <c r="AO1124">
        <v>38.023979970676628</v>
      </c>
      <c r="AP1124">
        <v>1652.241413343161</v>
      </c>
      <c r="AQ1124">
        <v>1.028642590286426</v>
      </c>
      <c r="AR1124">
        <v>3.9850560398505599</v>
      </c>
      <c r="AS1124">
        <v>801</v>
      </c>
      <c r="AT1124">
        <v>217.45579078455799</v>
      </c>
      <c r="AU1124">
        <v>3.0195590066661782E-2</v>
      </c>
      <c r="AV1124">
        <v>-5.9237623080549237E-2</v>
      </c>
      <c r="AW1124">
        <v>0.39601494396014941</v>
      </c>
      <c r="AX1124">
        <v>88.172069825436409</v>
      </c>
      <c r="AY1124">
        <v>64</v>
      </c>
      <c r="AZ1124">
        <v>127.5</v>
      </c>
      <c r="BA1124">
        <v>0.5849352552201168</v>
      </c>
      <c r="BB1124">
        <v>0.48941469489414702</v>
      </c>
      <c r="BC1124">
        <v>5.2060253956453826</v>
      </c>
      <c r="BD1124" t="s">
        <v>4328</v>
      </c>
      <c r="BE1124" t="s">
        <v>68</v>
      </c>
    </row>
    <row r="1125" spans="1:57" x14ac:dyDescent="0.3">
      <c r="A1125" t="s">
        <v>4329</v>
      </c>
      <c r="B1125">
        <v>1470</v>
      </c>
      <c r="C1125" t="s">
        <v>4330</v>
      </c>
      <c r="D1125" t="s">
        <v>4331</v>
      </c>
      <c r="E1125" t="s">
        <v>106</v>
      </c>
      <c r="F1125">
        <v>1484</v>
      </c>
      <c r="G1125">
        <v>123.82479784366581</v>
      </c>
      <c r="H1125">
        <v>124.5</v>
      </c>
      <c r="I1125">
        <v>5577.0879025871654</v>
      </c>
      <c r="J1125">
        <v>74.679902936380188</v>
      </c>
      <c r="K1125">
        <v>5.6621150530235101E-2</v>
      </c>
      <c r="L1125">
        <v>-1.232235416544351</v>
      </c>
      <c r="M1125">
        <v>7.8667849465068418</v>
      </c>
      <c r="N1125">
        <v>14</v>
      </c>
      <c r="O1125">
        <v>1</v>
      </c>
      <c r="P1125">
        <v>13</v>
      </c>
      <c r="Q1125">
        <v>2.4299616399653701</v>
      </c>
      <c r="R1125">
        <v>5.4528398057426477</v>
      </c>
      <c r="S1125">
        <v>2</v>
      </c>
      <c r="T1125">
        <v>1</v>
      </c>
      <c r="U1125">
        <v>1</v>
      </c>
      <c r="V1125">
        <v>0.11611914709819229</v>
      </c>
      <c r="W1125">
        <v>7.2831265314687492</v>
      </c>
      <c r="X1125">
        <v>1</v>
      </c>
      <c r="Y1125">
        <v>1</v>
      </c>
      <c r="Z1125">
        <v>0</v>
      </c>
      <c r="AA1125">
        <v>0</v>
      </c>
      <c r="AB1125">
        <v>7.3011478058560328</v>
      </c>
      <c r="AC1125">
        <v>1</v>
      </c>
      <c r="AD1125">
        <v>1</v>
      </c>
      <c r="AE1125">
        <v>0</v>
      </c>
      <c r="AF1125">
        <v>0</v>
      </c>
      <c r="AG1125">
        <v>7.300472814267799</v>
      </c>
      <c r="AH1125">
        <v>-4.8568367343432568E-2</v>
      </c>
      <c r="AI1125">
        <v>-2.9593675529977342E-4</v>
      </c>
      <c r="AJ1125">
        <v>3.707000685133102E-3</v>
      </c>
      <c r="AK1125">
        <v>-2.385360056056364E-2</v>
      </c>
      <c r="AL1125">
        <v>2653.6753097890569</v>
      </c>
      <c r="AM1125">
        <v>4897.7500293722578</v>
      </c>
      <c r="AN1125">
        <v>183756</v>
      </c>
      <c r="AO1125">
        <v>53.312147342670393</v>
      </c>
      <c r="AP1125">
        <v>2371.4985789029029</v>
      </c>
      <c r="AQ1125">
        <v>1.0154986522911049</v>
      </c>
      <c r="AR1125">
        <v>3.9703504043126689</v>
      </c>
      <c r="AS1125">
        <v>1481</v>
      </c>
      <c r="AT1125">
        <v>258.72911051212941</v>
      </c>
      <c r="AU1125">
        <v>3.5904550499445048E-2</v>
      </c>
      <c r="AV1125">
        <v>-4.8573201551520638E-2</v>
      </c>
      <c r="AW1125">
        <v>0.36455525606469003</v>
      </c>
      <c r="AX1125">
        <v>89.739042481456508</v>
      </c>
      <c r="AY1125">
        <v>66.5</v>
      </c>
      <c r="AZ1125">
        <v>133</v>
      </c>
      <c r="BA1125">
        <v>0.603109427488562</v>
      </c>
      <c r="BB1125">
        <v>0.50134770889487867</v>
      </c>
      <c r="BC1125">
        <v>5.3015397114550469</v>
      </c>
      <c r="BD1125" t="s">
        <v>4332</v>
      </c>
      <c r="BE1125" t="s">
        <v>68</v>
      </c>
    </row>
    <row r="1126" spans="1:57" x14ac:dyDescent="0.3">
      <c r="A1126" t="s">
        <v>4333</v>
      </c>
      <c r="B1126">
        <v>515</v>
      </c>
      <c r="C1126" t="s">
        <v>4334</v>
      </c>
      <c r="D1126" t="s">
        <v>4335</v>
      </c>
      <c r="E1126" t="s">
        <v>10622</v>
      </c>
      <c r="F1126">
        <v>64</v>
      </c>
      <c r="G1126">
        <v>120.53125</v>
      </c>
      <c r="H1126">
        <v>110.5</v>
      </c>
      <c r="I1126">
        <v>5219.6552734375</v>
      </c>
      <c r="J1126">
        <v>72.247181768131966</v>
      </c>
      <c r="K1126">
        <v>0.17744524126991071</v>
      </c>
      <c r="L1126">
        <v>-1.2717706260782859</v>
      </c>
      <c r="M1126">
        <v>5.6875</v>
      </c>
      <c r="N1126">
        <v>2</v>
      </c>
      <c r="O1126">
        <v>1</v>
      </c>
      <c r="P1126">
        <v>1</v>
      </c>
      <c r="Q1126">
        <v>0.38844772154450058</v>
      </c>
      <c r="R1126">
        <v>3.9422745894346898</v>
      </c>
      <c r="S1126">
        <v>1</v>
      </c>
      <c r="T1126">
        <v>1</v>
      </c>
      <c r="U1126">
        <v>0</v>
      </c>
      <c r="V1126">
        <v>0</v>
      </c>
      <c r="W1126">
        <v>4.1431347263915326</v>
      </c>
      <c r="X1126">
        <v>1</v>
      </c>
      <c r="Y1126">
        <v>1</v>
      </c>
      <c r="Z1126">
        <v>0</v>
      </c>
      <c r="AA1126">
        <v>0</v>
      </c>
      <c r="AB1126">
        <v>4.1271343850450908</v>
      </c>
      <c r="AC1126">
        <v>1</v>
      </c>
      <c r="AD1126">
        <v>1</v>
      </c>
      <c r="AE1126">
        <v>0</v>
      </c>
      <c r="AF1126">
        <v>0</v>
      </c>
      <c r="AG1126">
        <v>4.1108738641733096</v>
      </c>
      <c r="AH1126">
        <v>-2.6394844237348801E-2</v>
      </c>
      <c r="AI1126">
        <v>0.11051983848423</v>
      </c>
      <c r="AJ1126">
        <v>-8.8958198704117003E-2</v>
      </c>
      <c r="AK1126">
        <v>8.0604158625552785E-2</v>
      </c>
      <c r="AL1126">
        <v>632.20120687770202</v>
      </c>
      <c r="AM1126">
        <v>929.60079282581137</v>
      </c>
      <c r="AN1126">
        <v>7714</v>
      </c>
      <c r="AO1126">
        <v>131.9095678097531</v>
      </c>
      <c r="AP1126">
        <v>483.6409151293492</v>
      </c>
      <c r="AQ1126">
        <v>1.359375</v>
      </c>
      <c r="AR1126">
        <v>4.09375</v>
      </c>
      <c r="AS1126">
        <v>64</v>
      </c>
      <c r="AT1126">
        <v>6.8749999999999982</v>
      </c>
      <c r="AU1126">
        <v>0.10012254901960781</v>
      </c>
      <c r="AV1126">
        <v>-2.6760541162539959E-2</v>
      </c>
      <c r="AW1126">
        <v>0.453125</v>
      </c>
      <c r="AX1126">
        <v>83.206349206349202</v>
      </c>
      <c r="AY1126">
        <v>64</v>
      </c>
      <c r="AZ1126">
        <v>133.25</v>
      </c>
      <c r="BA1126">
        <v>0.59940622675141897</v>
      </c>
      <c r="BB1126">
        <v>0.453125</v>
      </c>
      <c r="BC1126">
        <v>3.9670973472017059</v>
      </c>
      <c r="BD1126" t="s">
        <v>4336</v>
      </c>
      <c r="BE1126" t="s">
        <v>62</v>
      </c>
    </row>
    <row r="1127" spans="1:57" x14ac:dyDescent="0.3">
      <c r="A1127" t="s">
        <v>4337</v>
      </c>
      <c r="B1127">
        <v>348</v>
      </c>
      <c r="C1127" t="s">
        <v>4338</v>
      </c>
      <c r="D1127" t="s">
        <v>4339</v>
      </c>
      <c r="E1127" t="s">
        <v>93</v>
      </c>
      <c r="F1127">
        <v>349</v>
      </c>
      <c r="G1127">
        <v>124.3638968481375</v>
      </c>
      <c r="H1127">
        <v>124</v>
      </c>
      <c r="I1127">
        <v>5247.8417911182996</v>
      </c>
      <c r="J1127">
        <v>72.441989143854272</v>
      </c>
      <c r="K1127">
        <v>3.3022811313162939E-2</v>
      </c>
      <c r="L1127">
        <v>-1.192008365662085</v>
      </c>
      <c r="M1127">
        <v>7.4056060156417063</v>
      </c>
      <c r="N1127">
        <v>5</v>
      </c>
      <c r="O1127">
        <v>1</v>
      </c>
      <c r="P1127">
        <v>4</v>
      </c>
      <c r="Q1127">
        <v>0.96548394735354626</v>
      </c>
      <c r="R1127">
        <v>5.1331749300798162</v>
      </c>
      <c r="S1127">
        <v>2</v>
      </c>
      <c r="T1127">
        <v>1</v>
      </c>
      <c r="U1127">
        <v>1</v>
      </c>
      <c r="V1127">
        <v>7.580853785320231E-2</v>
      </c>
      <c r="W1127">
        <v>5.8442352708025211</v>
      </c>
      <c r="X1127">
        <v>1</v>
      </c>
      <c r="Y1127">
        <v>1</v>
      </c>
      <c r="Z1127">
        <v>0</v>
      </c>
      <c r="AA1127">
        <v>0</v>
      </c>
      <c r="AB1127">
        <v>5.8493247799468584</v>
      </c>
      <c r="AC1127">
        <v>1</v>
      </c>
      <c r="AD1127">
        <v>1</v>
      </c>
      <c r="AE1127">
        <v>0</v>
      </c>
      <c r="AF1127">
        <v>0</v>
      </c>
      <c r="AG1127">
        <v>5.8464387750577256</v>
      </c>
      <c r="AH1127">
        <v>-1.4838348424266909E-2</v>
      </c>
      <c r="AI1127">
        <v>7.3260068771033665E-2</v>
      </c>
      <c r="AJ1127">
        <v>4.3732988514298937E-2</v>
      </c>
      <c r="AK1127">
        <v>3.1820180513796523E-2</v>
      </c>
      <c r="AL1127">
        <v>1314.1274758770021</v>
      </c>
      <c r="AM1127">
        <v>2345.705006420274</v>
      </c>
      <c r="AN1127">
        <v>43403</v>
      </c>
      <c r="AO1127">
        <v>78.526682454980659</v>
      </c>
      <c r="AP1127">
        <v>1126.6208798819339</v>
      </c>
      <c r="AQ1127">
        <v>1.0659025787965619</v>
      </c>
      <c r="AR1127">
        <v>4.025787965616046</v>
      </c>
      <c r="AS1127">
        <v>346</v>
      </c>
      <c r="AT1127">
        <v>99.489971346704863</v>
      </c>
      <c r="AU1127">
        <v>3.5766054272711963E-2</v>
      </c>
      <c r="AV1127">
        <v>-1.489949882332422E-2</v>
      </c>
      <c r="AW1127">
        <v>0.36962750716332382</v>
      </c>
      <c r="AX1127">
        <v>85.517241379310349</v>
      </c>
      <c r="AY1127">
        <v>62</v>
      </c>
      <c r="AZ1127">
        <v>124</v>
      </c>
      <c r="BA1127">
        <v>0.58250015462537474</v>
      </c>
      <c r="BB1127">
        <v>0.49856733524355301</v>
      </c>
      <c r="BC1127">
        <v>4.9357467025746056</v>
      </c>
      <c r="BD1127" t="s">
        <v>4340</v>
      </c>
      <c r="BE1127" t="s">
        <v>68</v>
      </c>
    </row>
    <row r="1128" spans="1:57" x14ac:dyDescent="0.3">
      <c r="A1128" t="s">
        <v>4341</v>
      </c>
      <c r="B1128">
        <v>615</v>
      </c>
      <c r="C1128" t="s">
        <v>4342</v>
      </c>
      <c r="D1128" t="s">
        <v>4343</v>
      </c>
      <c r="E1128" t="s">
        <v>128</v>
      </c>
      <c r="F1128">
        <v>32</v>
      </c>
      <c r="G1128">
        <v>111.90625</v>
      </c>
      <c r="H1128">
        <v>112.5</v>
      </c>
      <c r="I1128">
        <v>5010.4599609375</v>
      </c>
      <c r="J1128">
        <v>70.784602569609021</v>
      </c>
      <c r="K1128">
        <v>0.1449265951053382</v>
      </c>
      <c r="L1128">
        <v>-1.1311946936701609</v>
      </c>
      <c r="M1128">
        <v>4.875</v>
      </c>
      <c r="N1128">
        <v>2</v>
      </c>
      <c r="O1128">
        <v>1</v>
      </c>
      <c r="P1128">
        <v>1</v>
      </c>
      <c r="Q1128">
        <v>0.24944382578492941</v>
      </c>
      <c r="R1128">
        <v>3.3790925052297318</v>
      </c>
      <c r="S1128">
        <v>1</v>
      </c>
      <c r="T1128">
        <v>1</v>
      </c>
      <c r="U1128">
        <v>0</v>
      </c>
      <c r="V1128">
        <v>0</v>
      </c>
      <c r="W1128">
        <v>3.4339872044851458</v>
      </c>
      <c r="X1128">
        <v>1</v>
      </c>
      <c r="Y1128">
        <v>1</v>
      </c>
      <c r="Z1128">
        <v>0</v>
      </c>
      <c r="AA1128">
        <v>0</v>
      </c>
      <c r="AB1128">
        <v>3.401197381662155</v>
      </c>
      <c r="AC1128">
        <v>1</v>
      </c>
      <c r="AD1128">
        <v>1</v>
      </c>
      <c r="AE1128">
        <v>0</v>
      </c>
      <c r="AF1128">
        <v>0</v>
      </c>
      <c r="AG1128">
        <v>3.3672958299864728</v>
      </c>
      <c r="AH1128">
        <v>-2.8980833504362261E-2</v>
      </c>
      <c r="AI1128">
        <v>-0.28662899985986351</v>
      </c>
      <c r="AJ1128">
        <v>-0.44172501749757492</v>
      </c>
      <c r="AK1128">
        <v>0.26301075767081789</v>
      </c>
      <c r="AL1128">
        <v>471.34668870417892</v>
      </c>
      <c r="AM1128">
        <v>582.15401660351529</v>
      </c>
      <c r="AN1128">
        <v>3581</v>
      </c>
      <c r="AO1128">
        <v>123.14702842106161</v>
      </c>
      <c r="AP1128">
        <v>338.83191079719398</v>
      </c>
      <c r="AQ1128">
        <v>1.65625</v>
      </c>
      <c r="AR1128">
        <v>3.8125</v>
      </c>
      <c r="AS1128">
        <v>32</v>
      </c>
      <c r="AT1128">
        <v>1.75</v>
      </c>
      <c r="AU1128">
        <v>0.19740853658536581</v>
      </c>
      <c r="AV1128">
        <v>-3.1805061443379898E-2</v>
      </c>
      <c r="AW1128">
        <v>0.25</v>
      </c>
      <c r="AX1128">
        <v>82.806451612903231</v>
      </c>
      <c r="AY1128">
        <v>54.5</v>
      </c>
      <c r="AZ1128">
        <v>129.75</v>
      </c>
      <c r="BA1128">
        <v>0.6325348456373886</v>
      </c>
      <c r="BB1128">
        <v>0.5</v>
      </c>
      <c r="BC1128">
        <v>3.4339872044851458</v>
      </c>
      <c r="BD1128" t="s">
        <v>4344</v>
      </c>
      <c r="BE1128" t="s">
        <v>62</v>
      </c>
    </row>
    <row r="1129" spans="1:57" x14ac:dyDescent="0.3">
      <c r="A1129" t="s">
        <v>4345</v>
      </c>
      <c r="B1129">
        <v>2703</v>
      </c>
      <c r="C1129" t="s">
        <v>4346</v>
      </c>
      <c r="D1129" t="s">
        <v>4347</v>
      </c>
      <c r="E1129" t="s">
        <v>106</v>
      </c>
      <c r="F1129">
        <v>2737</v>
      </c>
      <c r="G1129">
        <v>125.9437340153453</v>
      </c>
      <c r="H1129">
        <v>125</v>
      </c>
      <c r="I1129">
        <v>5749.654853868602</v>
      </c>
      <c r="J1129">
        <v>75.826478580167503</v>
      </c>
      <c r="K1129">
        <v>2.735836306187478E-2</v>
      </c>
      <c r="L1129">
        <v>-1.2685456141950571</v>
      </c>
      <c r="M1129">
        <v>7.9367514406659376</v>
      </c>
      <c r="N1129">
        <v>22</v>
      </c>
      <c r="O1129">
        <v>3</v>
      </c>
      <c r="P1129">
        <v>19</v>
      </c>
      <c r="Q1129">
        <v>3.1700632718387398</v>
      </c>
      <c r="R1129">
        <v>5.5013368839026651</v>
      </c>
      <c r="S1129">
        <v>2</v>
      </c>
      <c r="T1129">
        <v>1</v>
      </c>
      <c r="U1129">
        <v>1</v>
      </c>
      <c r="V1129">
        <v>0.13915382110402991</v>
      </c>
      <c r="W1129">
        <v>7.887397892361097</v>
      </c>
      <c r="X1129">
        <v>1</v>
      </c>
      <c r="Y1129">
        <v>1</v>
      </c>
      <c r="Z1129">
        <v>0</v>
      </c>
      <c r="AA1129">
        <v>0</v>
      </c>
      <c r="AB1129">
        <v>7.9138867148560834</v>
      </c>
      <c r="AC1129">
        <v>1</v>
      </c>
      <c r="AD1129">
        <v>1</v>
      </c>
      <c r="AE1129">
        <v>0</v>
      </c>
      <c r="AF1129">
        <v>0</v>
      </c>
      <c r="AG1129">
        <v>7.9135210172838963</v>
      </c>
      <c r="AH1129">
        <v>-3.1397520826064333E-2</v>
      </c>
      <c r="AI1129">
        <v>8.9378415731557748E-3</v>
      </c>
      <c r="AJ1129">
        <v>-6.3714786463595066E-3</v>
      </c>
      <c r="AK1129">
        <v>3.4982693675343082E-2</v>
      </c>
      <c r="AL1129">
        <v>3653.529232947566</v>
      </c>
      <c r="AM1129">
        <v>6767.7427657969956</v>
      </c>
      <c r="AN1129">
        <v>344708</v>
      </c>
      <c r="AO1129">
        <v>64.442482614802188</v>
      </c>
      <c r="AP1129">
        <v>3306.7528053142569</v>
      </c>
      <c r="AQ1129">
        <v>1.008403361344538</v>
      </c>
      <c r="AR1129">
        <v>4.0058458165875042</v>
      </c>
      <c r="AS1129">
        <v>2727</v>
      </c>
      <c r="AT1129">
        <v>240.6251370113263</v>
      </c>
      <c r="AU1129">
        <v>2.7426622823042261E-2</v>
      </c>
      <c r="AV1129">
        <v>-3.1401443380598353E-2</v>
      </c>
      <c r="AW1129">
        <v>0.36719035440263059</v>
      </c>
      <c r="AX1129">
        <v>89.411915204678365</v>
      </c>
      <c r="AY1129">
        <v>69</v>
      </c>
      <c r="AZ1129">
        <v>138</v>
      </c>
      <c r="BA1129">
        <v>0.60206630502894753</v>
      </c>
      <c r="BB1129">
        <v>0.49689440993788819</v>
      </c>
      <c r="BC1129">
        <v>5.3400984917809309</v>
      </c>
      <c r="BD1129" t="s">
        <v>4348</v>
      </c>
      <c r="BE1129" t="s">
        <v>68</v>
      </c>
    </row>
    <row r="1130" spans="1:57" x14ac:dyDescent="0.3">
      <c r="A1130" t="s">
        <v>4349</v>
      </c>
      <c r="B1130">
        <v>1866</v>
      </c>
      <c r="C1130" t="s">
        <v>4350</v>
      </c>
      <c r="D1130" t="s">
        <v>4351</v>
      </c>
      <c r="E1130" t="s">
        <v>128</v>
      </c>
      <c r="F1130">
        <v>32</v>
      </c>
      <c r="G1130">
        <v>127.09375</v>
      </c>
      <c r="H1130">
        <v>106</v>
      </c>
      <c r="I1130">
        <v>5700.4599609375</v>
      </c>
      <c r="J1130">
        <v>75.501390456980985</v>
      </c>
      <c r="K1130">
        <v>0.11507608385696461</v>
      </c>
      <c r="L1130">
        <v>-1.1601985216472921</v>
      </c>
      <c r="M1130">
        <v>4.875</v>
      </c>
      <c r="N1130">
        <v>2</v>
      </c>
      <c r="O1130">
        <v>1</v>
      </c>
      <c r="P1130">
        <v>1</v>
      </c>
      <c r="Q1130">
        <v>0.24944382578492941</v>
      </c>
      <c r="R1130">
        <v>3.3790925052297318</v>
      </c>
      <c r="S1130">
        <v>1</v>
      </c>
      <c r="T1130">
        <v>1</v>
      </c>
      <c r="U1130">
        <v>0</v>
      </c>
      <c r="V1130">
        <v>0</v>
      </c>
      <c r="W1130">
        <v>3.4339872044851458</v>
      </c>
      <c r="X1130">
        <v>1</v>
      </c>
      <c r="Y1130">
        <v>1</v>
      </c>
      <c r="Z1130">
        <v>0</v>
      </c>
      <c r="AA1130">
        <v>0</v>
      </c>
      <c r="AB1130">
        <v>3.401197381662155</v>
      </c>
      <c r="AC1130">
        <v>1</v>
      </c>
      <c r="AD1130">
        <v>1</v>
      </c>
      <c r="AE1130">
        <v>0</v>
      </c>
      <c r="AF1130">
        <v>0</v>
      </c>
      <c r="AG1130">
        <v>3.3672958299864728</v>
      </c>
      <c r="AH1130">
        <v>-0.13934684225728081</v>
      </c>
      <c r="AI1130">
        <v>-0.19102377849169591</v>
      </c>
      <c r="AJ1130">
        <v>-0.17682430818271069</v>
      </c>
      <c r="AK1130">
        <v>7.7666633517614658E-2</v>
      </c>
      <c r="AL1130">
        <v>519.03312221198144</v>
      </c>
      <c r="AM1130">
        <v>655.6749332152956</v>
      </c>
      <c r="AN1130">
        <v>4067</v>
      </c>
      <c r="AO1130">
        <v>178.05412725030061</v>
      </c>
      <c r="AP1130">
        <v>390.20477070084098</v>
      </c>
      <c r="AQ1130">
        <v>1.65625</v>
      </c>
      <c r="AR1130">
        <v>3.96875</v>
      </c>
      <c r="AS1130">
        <v>32</v>
      </c>
      <c r="AT1130">
        <v>1.75</v>
      </c>
      <c r="AU1130">
        <v>0.13385826771653539</v>
      </c>
      <c r="AV1130">
        <v>-0.14777052439332539</v>
      </c>
      <c r="AW1130">
        <v>0.34375</v>
      </c>
      <c r="AX1130">
        <v>96.645161290322577</v>
      </c>
      <c r="AY1130">
        <v>69.5</v>
      </c>
      <c r="AZ1130">
        <v>116.25</v>
      </c>
      <c r="BA1130">
        <v>0.5940606084640746</v>
      </c>
      <c r="BB1130">
        <v>0.46875</v>
      </c>
      <c r="BC1130">
        <v>3.3445488586064429</v>
      </c>
      <c r="BD1130" t="s">
        <v>4352</v>
      </c>
      <c r="BE1130" t="s">
        <v>62</v>
      </c>
    </row>
    <row r="1131" spans="1:57" x14ac:dyDescent="0.3">
      <c r="A1131" t="s">
        <v>4353</v>
      </c>
      <c r="B1131">
        <v>1958</v>
      </c>
      <c r="C1131" t="s">
        <v>4354</v>
      </c>
      <c r="D1131" t="s">
        <v>4355</v>
      </c>
      <c r="E1131" t="s">
        <v>85</v>
      </c>
      <c r="F1131">
        <v>8</v>
      </c>
      <c r="G1131">
        <v>103.5</v>
      </c>
      <c r="H1131">
        <v>90.5</v>
      </c>
      <c r="I1131">
        <v>7244.5</v>
      </c>
      <c r="J1131">
        <v>85.114628589919846</v>
      </c>
      <c r="K1131">
        <v>0.4140147958245084</v>
      </c>
      <c r="L1131">
        <v>-1.240701135731086</v>
      </c>
      <c r="M1131">
        <v>3</v>
      </c>
      <c r="N1131">
        <v>1</v>
      </c>
      <c r="O1131">
        <v>1</v>
      </c>
      <c r="P1131">
        <v>0</v>
      </c>
      <c r="Q1131">
        <v>0</v>
      </c>
      <c r="R1131">
        <v>2.0794415416798362</v>
      </c>
      <c r="S1131">
        <v>1</v>
      </c>
      <c r="T1131">
        <v>1</v>
      </c>
      <c r="U1131">
        <v>0</v>
      </c>
      <c r="V1131">
        <v>0</v>
      </c>
      <c r="W1131">
        <v>1.945910149055313</v>
      </c>
      <c r="X1131">
        <v>1</v>
      </c>
      <c r="Y1131">
        <v>1</v>
      </c>
      <c r="Z1131">
        <v>0</v>
      </c>
      <c r="AA1131">
        <v>0</v>
      </c>
      <c r="AB1131">
        <v>1.791759469228055</v>
      </c>
      <c r="AC1131">
        <v>1</v>
      </c>
      <c r="AD1131">
        <v>1</v>
      </c>
      <c r="AE1131">
        <v>0</v>
      </c>
      <c r="AF1131">
        <v>0</v>
      </c>
      <c r="AG1131">
        <v>1.6094379124341009</v>
      </c>
      <c r="AH1131">
        <v>-0.4026373455725033</v>
      </c>
      <c r="AI1131">
        <v>-0.2679791566015598</v>
      </c>
      <c r="AJ1131">
        <v>-1.6206259921319618E-2</v>
      </c>
      <c r="AK1131">
        <v>0</v>
      </c>
      <c r="AL1131">
        <v>289.8343156892571</v>
      </c>
      <c r="AM1131">
        <v>244.23363701370059</v>
      </c>
      <c r="AN1131">
        <v>828</v>
      </c>
      <c r="AO1131">
        <v>34</v>
      </c>
      <c r="AP1131">
        <v>181.96025055621101</v>
      </c>
      <c r="AQ1131">
        <v>3.5</v>
      </c>
      <c r="AR1131">
        <v>3.25</v>
      </c>
      <c r="AS1131">
        <v>8</v>
      </c>
      <c r="AT1131">
        <v>0</v>
      </c>
      <c r="AU1131">
        <v>0.29919678714859438</v>
      </c>
      <c r="AV1131">
        <v>-0.44567461318945839</v>
      </c>
      <c r="AW1131">
        <v>0.25</v>
      </c>
      <c r="AX1131">
        <v>128.85714285714289</v>
      </c>
      <c r="AY1131">
        <v>64.5</v>
      </c>
      <c r="AZ1131">
        <v>124.75</v>
      </c>
      <c r="BA1131">
        <v>0.82236356125526422</v>
      </c>
      <c r="BB1131">
        <v>0.5</v>
      </c>
      <c r="BC1131">
        <v>1.945910149055313</v>
      </c>
      <c r="BD1131" t="s">
        <v>4354</v>
      </c>
      <c r="BE1131" t="s">
        <v>68</v>
      </c>
    </row>
    <row r="1132" spans="1:57" x14ac:dyDescent="0.3">
      <c r="A1132" t="s">
        <v>4356</v>
      </c>
      <c r="B1132">
        <v>1817</v>
      </c>
      <c r="C1132" t="s">
        <v>4357</v>
      </c>
      <c r="D1132" t="s">
        <v>4358</v>
      </c>
      <c r="E1132" t="s">
        <v>128</v>
      </c>
      <c r="F1132">
        <v>32</v>
      </c>
      <c r="G1132">
        <v>144.78125</v>
      </c>
      <c r="H1132">
        <v>147</v>
      </c>
      <c r="I1132">
        <v>3958.9208984375</v>
      </c>
      <c r="J1132">
        <v>62.919956281274537</v>
      </c>
      <c r="K1132">
        <v>-0.1795472836810395</v>
      </c>
      <c r="L1132">
        <v>-0.88431398248173698</v>
      </c>
      <c r="M1132">
        <v>4.8125</v>
      </c>
      <c r="N1132">
        <v>2</v>
      </c>
      <c r="O1132">
        <v>1</v>
      </c>
      <c r="P1132">
        <v>1</v>
      </c>
      <c r="Q1132">
        <v>0.3045434781492361</v>
      </c>
      <c r="R1132">
        <v>3.335770806444736</v>
      </c>
      <c r="S1132">
        <v>1</v>
      </c>
      <c r="T1132">
        <v>1</v>
      </c>
      <c r="U1132">
        <v>0</v>
      </c>
      <c r="V1132">
        <v>0</v>
      </c>
      <c r="W1132">
        <v>3.4339872044851458</v>
      </c>
      <c r="X1132">
        <v>1</v>
      </c>
      <c r="Y1132">
        <v>1</v>
      </c>
      <c r="Z1132">
        <v>0</v>
      </c>
      <c r="AA1132">
        <v>0</v>
      </c>
      <c r="AB1132">
        <v>3.401197381662155</v>
      </c>
      <c r="AC1132">
        <v>1</v>
      </c>
      <c r="AD1132">
        <v>1</v>
      </c>
      <c r="AE1132">
        <v>0</v>
      </c>
      <c r="AF1132">
        <v>0</v>
      </c>
      <c r="AG1132">
        <v>3.3672958299864728</v>
      </c>
      <c r="AH1132">
        <v>7.2092292735329994E-2</v>
      </c>
      <c r="AI1132">
        <v>0.32232360348648897</v>
      </c>
      <c r="AJ1132">
        <v>6.0393751688174582E-2</v>
      </c>
      <c r="AK1132">
        <v>-6.7221431152694855E-2</v>
      </c>
      <c r="AL1132">
        <v>442.23736296051578</v>
      </c>
      <c r="AM1132">
        <v>775.81126235813895</v>
      </c>
      <c r="AN1132">
        <v>4633</v>
      </c>
      <c r="AO1132">
        <v>38.236808213236877</v>
      </c>
      <c r="AP1132">
        <v>240.73810062853039</v>
      </c>
      <c r="AQ1132">
        <v>1.71875</v>
      </c>
      <c r="AR1132">
        <v>3.75</v>
      </c>
      <c r="AS1132">
        <v>32</v>
      </c>
      <c r="AT1132">
        <v>2.4375</v>
      </c>
      <c r="AU1132">
        <v>0.1189516129032258</v>
      </c>
      <c r="AV1132">
        <v>7.2134670377224278E-2</v>
      </c>
      <c r="AW1132">
        <v>0.3125</v>
      </c>
      <c r="AX1132">
        <v>74.967741935483872</v>
      </c>
      <c r="AY1132">
        <v>51.5</v>
      </c>
      <c r="AZ1132">
        <v>113</v>
      </c>
      <c r="BA1132">
        <v>0.43458635894685632</v>
      </c>
      <c r="BB1132">
        <v>0.5</v>
      </c>
      <c r="BC1132">
        <v>3.2998296856670919</v>
      </c>
      <c r="BD1132" t="s">
        <v>4359</v>
      </c>
      <c r="BE1132" t="s">
        <v>62</v>
      </c>
    </row>
    <row r="1133" spans="1:57" x14ac:dyDescent="0.3">
      <c r="A1133" t="s">
        <v>4360</v>
      </c>
      <c r="B1133">
        <v>618</v>
      </c>
      <c r="C1133" t="s">
        <v>4361</v>
      </c>
      <c r="D1133" t="s">
        <v>4362</v>
      </c>
      <c r="E1133" t="s">
        <v>128</v>
      </c>
      <c r="F1133">
        <v>32</v>
      </c>
      <c r="G1133">
        <v>130.09375</v>
      </c>
      <c r="H1133">
        <v>129</v>
      </c>
      <c r="I1133">
        <v>4599.2099609375</v>
      </c>
      <c r="J1133">
        <v>67.817475335915447</v>
      </c>
      <c r="K1133">
        <v>-0.2729008157807512</v>
      </c>
      <c r="L1133">
        <v>-1.16871933229703</v>
      </c>
      <c r="M1133">
        <v>4.9375</v>
      </c>
      <c r="N1133">
        <v>2</v>
      </c>
      <c r="O1133">
        <v>1</v>
      </c>
      <c r="P1133">
        <v>1</v>
      </c>
      <c r="Q1133">
        <v>0.1766846959694085</v>
      </c>
      <c r="R1133">
        <v>3.422414204014729</v>
      </c>
      <c r="S1133">
        <v>1</v>
      </c>
      <c r="T1133">
        <v>1</v>
      </c>
      <c r="U1133">
        <v>0</v>
      </c>
      <c r="V1133">
        <v>0</v>
      </c>
      <c r="W1133">
        <v>3.4339872044851458</v>
      </c>
      <c r="X1133">
        <v>1</v>
      </c>
      <c r="Y1133">
        <v>1</v>
      </c>
      <c r="Z1133">
        <v>0</v>
      </c>
      <c r="AA1133">
        <v>0</v>
      </c>
      <c r="AB1133">
        <v>3.401197381662155</v>
      </c>
      <c r="AC1133">
        <v>1</v>
      </c>
      <c r="AD1133">
        <v>1</v>
      </c>
      <c r="AE1133">
        <v>0</v>
      </c>
      <c r="AF1133">
        <v>0</v>
      </c>
      <c r="AG1133">
        <v>3.3672958299864728</v>
      </c>
      <c r="AH1133">
        <v>-0.1844215944123386</v>
      </c>
      <c r="AI1133">
        <v>-0.3474217957567865</v>
      </c>
      <c r="AJ1133">
        <v>-0.22069886880835299</v>
      </c>
      <c r="AK1133">
        <v>0.12663927451449611</v>
      </c>
      <c r="AL1133">
        <v>462.1811810718101</v>
      </c>
      <c r="AM1133">
        <v>689.30657610606522</v>
      </c>
      <c r="AN1133">
        <v>4163</v>
      </c>
      <c r="AO1133">
        <v>145.78402364725719</v>
      </c>
      <c r="AP1133">
        <v>282.85879292707631</v>
      </c>
      <c r="AQ1133">
        <v>1.65625</v>
      </c>
      <c r="AR1133">
        <v>4.03125</v>
      </c>
      <c r="AS1133">
        <v>32</v>
      </c>
      <c r="AT1133">
        <v>0.93749999999999978</v>
      </c>
      <c r="AU1133">
        <v>0.12715517241379309</v>
      </c>
      <c r="AV1133">
        <v>-0.191403081680806</v>
      </c>
      <c r="AW1133">
        <v>0.375</v>
      </c>
      <c r="AX1133">
        <v>86.548387096774192</v>
      </c>
      <c r="AY1133">
        <v>66</v>
      </c>
      <c r="AZ1133">
        <v>129</v>
      </c>
      <c r="BA1133">
        <v>0.52129695189750047</v>
      </c>
      <c r="BB1133">
        <v>0.46875</v>
      </c>
      <c r="BC1133">
        <v>3.3892680315457948</v>
      </c>
      <c r="BD1133" t="s">
        <v>4363</v>
      </c>
      <c r="BE1133" t="s">
        <v>62</v>
      </c>
    </row>
    <row r="1134" spans="1:57" x14ac:dyDescent="0.3">
      <c r="A1134" t="s">
        <v>4364</v>
      </c>
      <c r="B1134">
        <v>3951</v>
      </c>
      <c r="C1134" t="s">
        <v>4365</v>
      </c>
      <c r="D1134" t="s">
        <v>4366</v>
      </c>
      <c r="E1134" t="s">
        <v>72</v>
      </c>
      <c r="F1134">
        <v>3976</v>
      </c>
      <c r="G1134">
        <v>128.0367203219316</v>
      </c>
      <c r="H1134">
        <v>129</v>
      </c>
      <c r="I1134">
        <v>5473.4458347165482</v>
      </c>
      <c r="J1134">
        <v>73.982740113600471</v>
      </c>
      <c r="K1134">
        <v>-2.2334650735186489E-2</v>
      </c>
      <c r="L1134">
        <v>-1.2321887020803139</v>
      </c>
      <c r="M1134">
        <v>7.9551143986860779</v>
      </c>
      <c r="N1134">
        <v>27</v>
      </c>
      <c r="O1134">
        <v>5</v>
      </c>
      <c r="P1134">
        <v>22</v>
      </c>
      <c r="Q1134">
        <v>3.8200488789412108</v>
      </c>
      <c r="R1134">
        <v>5.5140651164810706</v>
      </c>
      <c r="S1134">
        <v>3</v>
      </c>
      <c r="T1134">
        <v>1</v>
      </c>
      <c r="U1134">
        <v>2</v>
      </c>
      <c r="V1134">
        <v>0.1753313366486389</v>
      </c>
      <c r="W1134">
        <v>8.2480614839024611</v>
      </c>
      <c r="X1134">
        <v>1</v>
      </c>
      <c r="Y1134">
        <v>1</v>
      </c>
      <c r="Z1134">
        <v>0</v>
      </c>
      <c r="AA1134">
        <v>0</v>
      </c>
      <c r="AB1134">
        <v>8.2875284231117661</v>
      </c>
      <c r="AC1134">
        <v>1</v>
      </c>
      <c r="AD1134">
        <v>1</v>
      </c>
      <c r="AE1134">
        <v>0</v>
      </c>
      <c r="AF1134">
        <v>0</v>
      </c>
      <c r="AG1134">
        <v>8.2872767558145988</v>
      </c>
      <c r="AH1134">
        <v>-3.9410531762786461E-3</v>
      </c>
      <c r="AI1134">
        <v>2.7827365264805298E-3</v>
      </c>
      <c r="AJ1134">
        <v>1.7021236183037681E-2</v>
      </c>
      <c r="AK1134">
        <v>-9.1768788640403751E-3</v>
      </c>
      <c r="AL1134">
        <v>4275.3045921302692</v>
      </c>
      <c r="AM1134">
        <v>8286.3958778536417</v>
      </c>
      <c r="AN1134">
        <v>509074</v>
      </c>
      <c r="AO1134">
        <v>51.376766709640748</v>
      </c>
      <c r="AP1134">
        <v>3836.8220964574639</v>
      </c>
      <c r="AQ1134">
        <v>1.0057847082494971</v>
      </c>
      <c r="AR1134">
        <v>4.0198692152917506</v>
      </c>
      <c r="AS1134">
        <v>3954</v>
      </c>
      <c r="AT1134">
        <v>240.53118712273641</v>
      </c>
      <c r="AU1134">
        <v>1.8491340198050991E-2</v>
      </c>
      <c r="AV1134">
        <v>-3.9426170992450278E-3</v>
      </c>
      <c r="AW1134">
        <v>0.36670020120724339</v>
      </c>
      <c r="AX1134">
        <v>85.546415094339622</v>
      </c>
      <c r="AY1134">
        <v>65</v>
      </c>
      <c r="AZ1134">
        <v>130</v>
      </c>
      <c r="BA1134">
        <v>0.57782439231167859</v>
      </c>
      <c r="BB1134">
        <v>0.50050301810865194</v>
      </c>
      <c r="BC1134">
        <v>5.319991445482553</v>
      </c>
      <c r="BD1134" t="s">
        <v>4367</v>
      </c>
      <c r="BE1134" t="s">
        <v>68</v>
      </c>
    </row>
    <row r="1135" spans="1:57" x14ac:dyDescent="0.3">
      <c r="A1135" t="s">
        <v>4368</v>
      </c>
      <c r="B1135">
        <v>3091</v>
      </c>
      <c r="C1135" t="s">
        <v>4369</v>
      </c>
      <c r="D1135" t="s">
        <v>4370</v>
      </c>
      <c r="E1135" t="s">
        <v>72</v>
      </c>
      <c r="F1135">
        <v>3096</v>
      </c>
      <c r="G1135">
        <v>127.452519379845</v>
      </c>
      <c r="H1135">
        <v>130</v>
      </c>
      <c r="I1135">
        <v>5540.2070479162921</v>
      </c>
      <c r="J1135">
        <v>74.432567118945272</v>
      </c>
      <c r="K1135">
        <v>-1.260618769967679E-2</v>
      </c>
      <c r="L1135">
        <v>-1.2322046461156499</v>
      </c>
      <c r="M1135">
        <v>7.9352149305114557</v>
      </c>
      <c r="N1135">
        <v>27</v>
      </c>
      <c r="O1135">
        <v>4</v>
      </c>
      <c r="P1135">
        <v>23</v>
      </c>
      <c r="Q1135">
        <v>3.5999945746486901</v>
      </c>
      <c r="R1135">
        <v>5.5002718562212021</v>
      </c>
      <c r="S1135">
        <v>2</v>
      </c>
      <c r="T1135">
        <v>1</v>
      </c>
      <c r="U1135">
        <v>1</v>
      </c>
      <c r="V1135">
        <v>0.1492730078526818</v>
      </c>
      <c r="W1135">
        <v>8.0066371072778999</v>
      </c>
      <c r="X1135">
        <v>1</v>
      </c>
      <c r="Y1135">
        <v>1</v>
      </c>
      <c r="Z1135">
        <v>0</v>
      </c>
      <c r="AA1135">
        <v>0</v>
      </c>
      <c r="AB1135">
        <v>8.0372200311330104</v>
      </c>
      <c r="AC1135">
        <v>1</v>
      </c>
      <c r="AD1135">
        <v>1</v>
      </c>
      <c r="AE1135">
        <v>0</v>
      </c>
      <c r="AF1135">
        <v>0</v>
      </c>
      <c r="AG1135">
        <v>8.0368967726850702</v>
      </c>
      <c r="AH1135">
        <v>1.120438955233025E-2</v>
      </c>
      <c r="AI1135">
        <v>8.6198936006545903E-3</v>
      </c>
      <c r="AJ1135">
        <v>7.3452877255557889E-3</v>
      </c>
      <c r="AK1135">
        <v>-3.9445441839727159E-3</v>
      </c>
      <c r="AL1135">
        <v>3801.8672942050712</v>
      </c>
      <c r="AM1135">
        <v>7279.4339118679973</v>
      </c>
      <c r="AN1135">
        <v>394593</v>
      </c>
      <c r="AO1135">
        <v>66.616539302654289</v>
      </c>
      <c r="AP1135">
        <v>3453.0869915933599</v>
      </c>
      <c r="AQ1135">
        <v>1.007428940568476</v>
      </c>
      <c r="AR1135">
        <v>3.9760981912144699</v>
      </c>
      <c r="AS1135">
        <v>3084</v>
      </c>
      <c r="AT1135">
        <v>274.33591731266142</v>
      </c>
      <c r="AU1135">
        <v>1.6746466028271789E-2</v>
      </c>
      <c r="AV1135">
        <v>1.121006698961328E-2</v>
      </c>
      <c r="AW1135">
        <v>0.35626614987080102</v>
      </c>
      <c r="AX1135">
        <v>85.391922455573507</v>
      </c>
      <c r="AY1135">
        <v>65</v>
      </c>
      <c r="AZ1135">
        <v>131</v>
      </c>
      <c r="BA1135">
        <v>0.58400232087303772</v>
      </c>
      <c r="BB1135">
        <v>0.50904392764857886</v>
      </c>
      <c r="BC1135">
        <v>5.3120184642485544</v>
      </c>
      <c r="BD1135" t="s">
        <v>4371</v>
      </c>
      <c r="BE1135" t="s">
        <v>68</v>
      </c>
    </row>
    <row r="1136" spans="1:57" x14ac:dyDescent="0.3">
      <c r="A1136" t="s">
        <v>4372</v>
      </c>
      <c r="B1136">
        <v>145</v>
      </c>
      <c r="C1136" t="s">
        <v>4373</v>
      </c>
      <c r="D1136" t="s">
        <v>4374</v>
      </c>
      <c r="E1136" t="s">
        <v>60</v>
      </c>
      <c r="F1136">
        <v>512</v>
      </c>
      <c r="G1136">
        <v>129.173828125</v>
      </c>
      <c r="H1136">
        <v>124</v>
      </c>
      <c r="I1136">
        <v>5653.467830657959</v>
      </c>
      <c r="J1136">
        <v>75.189546019762346</v>
      </c>
      <c r="K1136">
        <v>5.8696156840924392E-2</v>
      </c>
      <c r="L1136">
        <v>-1.1851175474939171</v>
      </c>
      <c r="M1136">
        <v>7.6068817950474186</v>
      </c>
      <c r="N1136">
        <v>8</v>
      </c>
      <c r="O1136">
        <v>1</v>
      </c>
      <c r="P1136">
        <v>7</v>
      </c>
      <c r="Q1136">
        <v>1.324938949330172</v>
      </c>
      <c r="R1136">
        <v>5.2726886690898933</v>
      </c>
      <c r="S1136">
        <v>2</v>
      </c>
      <c r="T1136">
        <v>1</v>
      </c>
      <c r="U1136">
        <v>1</v>
      </c>
      <c r="V1136">
        <v>4.4237310481092071E-2</v>
      </c>
      <c r="W1136">
        <v>6.2336566853874231</v>
      </c>
      <c r="X1136">
        <v>1</v>
      </c>
      <c r="Y1136">
        <v>1</v>
      </c>
      <c r="Z1136">
        <v>0</v>
      </c>
      <c r="AA1136">
        <v>0</v>
      </c>
      <c r="AB1136">
        <v>6.2344107257183694</v>
      </c>
      <c r="AC1136">
        <v>1</v>
      </c>
      <c r="AD1136">
        <v>1</v>
      </c>
      <c r="AE1136">
        <v>0</v>
      </c>
      <c r="AF1136">
        <v>0</v>
      </c>
      <c r="AG1136">
        <v>6.2324480165505216</v>
      </c>
      <c r="AH1136">
        <v>-9.2528054658234885E-3</v>
      </c>
      <c r="AI1136">
        <v>-1.501518861812759E-2</v>
      </c>
      <c r="AJ1136">
        <v>-5.7850608639681356E-3</v>
      </c>
      <c r="AK1136">
        <v>8.8891004078957669E-2</v>
      </c>
      <c r="AL1136">
        <v>1637.048717293954</v>
      </c>
      <c r="AM1136">
        <v>2959.3608257875921</v>
      </c>
      <c r="AN1136">
        <v>66137</v>
      </c>
      <c r="AO1136">
        <v>133.23536069905879</v>
      </c>
      <c r="AP1136">
        <v>1409.3050492469749</v>
      </c>
      <c r="AQ1136">
        <v>1.044921875</v>
      </c>
      <c r="AR1136">
        <v>4.029296875</v>
      </c>
      <c r="AS1136">
        <v>510</v>
      </c>
      <c r="AT1136">
        <v>178.234375</v>
      </c>
      <c r="AU1136">
        <v>4.6507352941176472E-2</v>
      </c>
      <c r="AV1136">
        <v>-9.2756365507161674E-3</v>
      </c>
      <c r="AW1136">
        <v>0.392578125</v>
      </c>
      <c r="AX1136">
        <v>86.612524461839527</v>
      </c>
      <c r="AY1136">
        <v>63</v>
      </c>
      <c r="AZ1136">
        <v>127.5</v>
      </c>
      <c r="BA1136">
        <v>0.58208034174695433</v>
      </c>
      <c r="BB1136">
        <v>0.478515625</v>
      </c>
      <c r="BC1136">
        <v>5.1036819009215106</v>
      </c>
      <c r="BD1136" t="s">
        <v>4375</v>
      </c>
      <c r="BE1136" t="s">
        <v>62</v>
      </c>
    </row>
    <row r="1137" spans="1:57" x14ac:dyDescent="0.3">
      <c r="A1137" t="s">
        <v>4376</v>
      </c>
      <c r="B1137">
        <v>3074</v>
      </c>
      <c r="C1137" t="s">
        <v>4377</v>
      </c>
      <c r="D1137" t="s">
        <v>4378</v>
      </c>
      <c r="E1137" t="s">
        <v>10622</v>
      </c>
      <c r="F1137">
        <v>64</v>
      </c>
      <c r="G1137">
        <v>131.53125</v>
      </c>
      <c r="H1137">
        <v>133.5</v>
      </c>
      <c r="I1137">
        <v>4711.3115234375</v>
      </c>
      <c r="J1137">
        <v>68.638994190164965</v>
      </c>
      <c r="K1137">
        <v>-9.3619119859835787E-2</v>
      </c>
      <c r="L1137">
        <v>-0.9726276402223144</v>
      </c>
      <c r="M1137">
        <v>5.800704882778696</v>
      </c>
      <c r="N1137">
        <v>3</v>
      </c>
      <c r="O1137">
        <v>1</v>
      </c>
      <c r="P1137">
        <v>2</v>
      </c>
      <c r="Q1137">
        <v>0.35669242871684831</v>
      </c>
      <c r="R1137">
        <v>4.0207422347583606</v>
      </c>
      <c r="S1137">
        <v>1</v>
      </c>
      <c r="T1137">
        <v>1</v>
      </c>
      <c r="U1137">
        <v>0</v>
      </c>
      <c r="V1137">
        <v>0</v>
      </c>
      <c r="W1137">
        <v>4.1431347263915326</v>
      </c>
      <c r="X1137">
        <v>1</v>
      </c>
      <c r="Y1137">
        <v>1</v>
      </c>
      <c r="Z1137">
        <v>0</v>
      </c>
      <c r="AA1137">
        <v>0</v>
      </c>
      <c r="AB1137">
        <v>4.1271343850450908</v>
      </c>
      <c r="AC1137">
        <v>1</v>
      </c>
      <c r="AD1137">
        <v>1</v>
      </c>
      <c r="AE1137">
        <v>0</v>
      </c>
      <c r="AF1137">
        <v>0</v>
      </c>
      <c r="AG1137">
        <v>4.1108738641733096</v>
      </c>
      <c r="AH1137">
        <v>-7.8820652428507443E-2</v>
      </c>
      <c r="AI1137">
        <v>-3.2390366032298848E-2</v>
      </c>
      <c r="AJ1137">
        <v>-5.8401577595518429E-2</v>
      </c>
      <c r="AK1137">
        <v>-0.12887195238230459</v>
      </c>
      <c r="AL1137">
        <v>615.01655453804005</v>
      </c>
      <c r="AM1137">
        <v>1015.139713361741</v>
      </c>
      <c r="AN1137">
        <v>8418</v>
      </c>
      <c r="AO1137">
        <v>92.942112159256084</v>
      </c>
      <c r="AP1137">
        <v>472.99722715942528</v>
      </c>
      <c r="AQ1137">
        <v>1.359375</v>
      </c>
      <c r="AR1137">
        <v>4.078125</v>
      </c>
      <c r="AS1137">
        <v>64</v>
      </c>
      <c r="AT1137">
        <v>6.6875000000000018</v>
      </c>
      <c r="AU1137">
        <v>8.2904411764705893E-2</v>
      </c>
      <c r="AV1137">
        <v>-7.9433397000850045E-2</v>
      </c>
      <c r="AW1137">
        <v>0.375</v>
      </c>
      <c r="AX1137">
        <v>86.206349206349202</v>
      </c>
      <c r="AY1137">
        <v>59.5</v>
      </c>
      <c r="AZ1137">
        <v>117</v>
      </c>
      <c r="BA1137">
        <v>0.52184552484801117</v>
      </c>
      <c r="BB1137">
        <v>0.515625</v>
      </c>
      <c r="BC1137">
        <v>3.9891020196004341</v>
      </c>
      <c r="BD1137" t="s">
        <v>4379</v>
      </c>
      <c r="BE1137" t="s">
        <v>62</v>
      </c>
    </row>
    <row r="1138" spans="1:57" x14ac:dyDescent="0.3">
      <c r="A1138" t="s">
        <v>4380</v>
      </c>
      <c r="B1138">
        <v>3314</v>
      </c>
      <c r="C1138" t="s">
        <v>4381</v>
      </c>
      <c r="D1138" t="s">
        <v>4382</v>
      </c>
      <c r="E1138" t="s">
        <v>106</v>
      </c>
      <c r="F1138">
        <v>3356</v>
      </c>
      <c r="G1138">
        <v>128.62157330154949</v>
      </c>
      <c r="H1138">
        <v>127.5</v>
      </c>
      <c r="I1138">
        <v>5692.2960065831257</v>
      </c>
      <c r="J1138">
        <v>75.447306158557609</v>
      </c>
      <c r="K1138">
        <v>1.6031659413929731E-4</v>
      </c>
      <c r="L1138">
        <v>-1.2230223461706979</v>
      </c>
      <c r="M1138">
        <v>7.9404841627398843</v>
      </c>
      <c r="N1138">
        <v>24</v>
      </c>
      <c r="O1138">
        <v>3</v>
      </c>
      <c r="P1138">
        <v>21</v>
      </c>
      <c r="Q1138">
        <v>3.7546520623587751</v>
      </c>
      <c r="R1138">
        <v>5.5039242096840466</v>
      </c>
      <c r="S1138">
        <v>3</v>
      </c>
      <c r="T1138">
        <v>1</v>
      </c>
      <c r="U1138">
        <v>2</v>
      </c>
      <c r="V1138">
        <v>0.17104233413766129</v>
      </c>
      <c r="W1138">
        <v>8.0803949823190919</v>
      </c>
      <c r="X1138">
        <v>2</v>
      </c>
      <c r="Y1138">
        <v>1</v>
      </c>
      <c r="Z1138">
        <v>1</v>
      </c>
      <c r="AA1138">
        <v>2.4419310178617089E-2</v>
      </c>
      <c r="AB1138">
        <v>8.117082291005028</v>
      </c>
      <c r="AC1138">
        <v>1</v>
      </c>
      <c r="AD1138">
        <v>1</v>
      </c>
      <c r="AE1138">
        <v>0</v>
      </c>
      <c r="AF1138">
        <v>0</v>
      </c>
      <c r="AG1138">
        <v>8.1176107464662284</v>
      </c>
      <c r="AH1138">
        <v>-1.186400703817346E-2</v>
      </c>
      <c r="AI1138">
        <v>-1.304865011338182E-3</v>
      </c>
      <c r="AJ1138">
        <v>-1.465403400151905E-2</v>
      </c>
      <c r="AK1138">
        <v>-1.6464732945194609E-2</v>
      </c>
      <c r="AL1138">
        <v>3991.5241457398702</v>
      </c>
      <c r="AM1138">
        <v>7661.0114863492781</v>
      </c>
      <c r="AN1138">
        <v>431654</v>
      </c>
      <c r="AO1138">
        <v>68.359283999246514</v>
      </c>
      <c r="AP1138">
        <v>3683.1020040028329</v>
      </c>
      <c r="AQ1138">
        <v>1.0068533969010729</v>
      </c>
      <c r="AR1138">
        <v>4.0202622169249107</v>
      </c>
      <c r="AS1138">
        <v>3342</v>
      </c>
      <c r="AT1138">
        <v>275.29439809296792</v>
      </c>
      <c r="AU1138">
        <v>2.4576409824955011E-2</v>
      </c>
      <c r="AV1138">
        <v>-1.186866932463158E-2</v>
      </c>
      <c r="AW1138">
        <v>0.36948748510131108</v>
      </c>
      <c r="AX1138">
        <v>87.255439642324887</v>
      </c>
      <c r="AY1138">
        <v>65.5</v>
      </c>
      <c r="AZ1138">
        <v>132</v>
      </c>
      <c r="BA1138">
        <v>0.58658360508212448</v>
      </c>
      <c r="BB1138">
        <v>0.49463647199046479</v>
      </c>
      <c r="BC1138">
        <v>5.340712782227282</v>
      </c>
      <c r="BD1138" t="s">
        <v>4383</v>
      </c>
      <c r="BE1138" t="s">
        <v>68</v>
      </c>
    </row>
    <row r="1139" spans="1:57" x14ac:dyDescent="0.3">
      <c r="A1139" t="s">
        <v>4384</v>
      </c>
      <c r="B1139">
        <v>3568</v>
      </c>
      <c r="C1139" t="s">
        <v>4385</v>
      </c>
      <c r="D1139" t="s">
        <v>4386</v>
      </c>
      <c r="E1139" t="s">
        <v>66</v>
      </c>
      <c r="F1139">
        <v>70</v>
      </c>
      <c r="G1139">
        <v>117.12857142857141</v>
      </c>
      <c r="H1139">
        <v>101.5</v>
      </c>
      <c r="I1139">
        <v>5644.9120408163262</v>
      </c>
      <c r="J1139">
        <v>75.13262966791676</v>
      </c>
      <c r="K1139">
        <v>0.21506514655753881</v>
      </c>
      <c r="L1139">
        <v>-1.266227867189295</v>
      </c>
      <c r="M1139">
        <v>5.7934290883117283</v>
      </c>
      <c r="N1139">
        <v>3</v>
      </c>
      <c r="O1139">
        <v>1</v>
      </c>
      <c r="P1139">
        <v>2</v>
      </c>
      <c r="Q1139">
        <v>0.46848389698594078</v>
      </c>
      <c r="R1139">
        <v>4.0156990383372468</v>
      </c>
      <c r="S1139">
        <v>2</v>
      </c>
      <c r="T1139">
        <v>1</v>
      </c>
      <c r="U1139">
        <v>1</v>
      </c>
      <c r="V1139">
        <v>0.1203728348804772</v>
      </c>
      <c r="W1139">
        <v>4.2140152819723324</v>
      </c>
      <c r="X1139">
        <v>1</v>
      </c>
      <c r="Y1139">
        <v>1</v>
      </c>
      <c r="Z1139">
        <v>0</v>
      </c>
      <c r="AA1139">
        <v>0</v>
      </c>
      <c r="AB1139">
        <v>4.2195077051761087</v>
      </c>
      <c r="AC1139">
        <v>1</v>
      </c>
      <c r="AD1139">
        <v>1</v>
      </c>
      <c r="AE1139">
        <v>0</v>
      </c>
      <c r="AF1139">
        <v>0</v>
      </c>
      <c r="AG1139">
        <v>4.2046926193909648</v>
      </c>
      <c r="AH1139">
        <v>-2.0665716963426839E-2</v>
      </c>
      <c r="AI1139">
        <v>-6.045000517842939E-2</v>
      </c>
      <c r="AJ1139">
        <v>0.10916943895858371</v>
      </c>
      <c r="AK1139">
        <v>-3.3642019165916463E-2</v>
      </c>
      <c r="AL1139">
        <v>680.16645284612764</v>
      </c>
      <c r="AM1139">
        <v>944.90983507566284</v>
      </c>
      <c r="AN1139">
        <v>8199</v>
      </c>
      <c r="AO1139">
        <v>119.3370698520343</v>
      </c>
      <c r="AP1139">
        <v>557.35719736128738</v>
      </c>
      <c r="AQ1139">
        <v>1.328571428571429</v>
      </c>
      <c r="AR1139">
        <v>3.9857142857142862</v>
      </c>
      <c r="AS1139">
        <v>70</v>
      </c>
      <c r="AT1139">
        <v>10.914285714285709</v>
      </c>
      <c r="AU1139">
        <v>0.1299212598425197</v>
      </c>
      <c r="AV1139">
        <v>-2.0930037309583899E-2</v>
      </c>
      <c r="AW1139">
        <v>0.4</v>
      </c>
      <c r="AX1139">
        <v>87.405797101449281</v>
      </c>
      <c r="AY1139">
        <v>67</v>
      </c>
      <c r="AZ1139">
        <v>128.5</v>
      </c>
      <c r="BA1139">
        <v>0.64145433305941857</v>
      </c>
      <c r="BB1139">
        <v>0.45714285714285707</v>
      </c>
      <c r="BC1139">
        <v>4.0256109719166293</v>
      </c>
      <c r="BD1139" t="s">
        <v>4387</v>
      </c>
      <c r="BE1139" t="s">
        <v>68</v>
      </c>
    </row>
    <row r="1140" spans="1:57" x14ac:dyDescent="0.3">
      <c r="A1140" t="s">
        <v>4388</v>
      </c>
      <c r="B1140">
        <v>1530</v>
      </c>
      <c r="C1140" t="s">
        <v>4389</v>
      </c>
      <c r="D1140" t="s">
        <v>4390</v>
      </c>
      <c r="E1140" t="s">
        <v>85</v>
      </c>
      <c r="F1140">
        <v>8</v>
      </c>
      <c r="G1140">
        <v>102.125</v>
      </c>
      <c r="H1140">
        <v>98</v>
      </c>
      <c r="I1140">
        <v>3993.609375</v>
      </c>
      <c r="J1140">
        <v>63.195010681223877</v>
      </c>
      <c r="K1140">
        <v>0.10094264368995499</v>
      </c>
      <c r="L1140">
        <v>-0.78354461089710536</v>
      </c>
      <c r="M1140">
        <v>3</v>
      </c>
      <c r="N1140">
        <v>1</v>
      </c>
      <c r="O1140">
        <v>1</v>
      </c>
      <c r="P1140">
        <v>0</v>
      </c>
      <c r="Q1140">
        <v>0</v>
      </c>
      <c r="R1140">
        <v>2.0794415416798362</v>
      </c>
      <c r="S1140">
        <v>1</v>
      </c>
      <c r="T1140">
        <v>1</v>
      </c>
      <c r="U1140">
        <v>0</v>
      </c>
      <c r="V1140">
        <v>0</v>
      </c>
      <c r="W1140">
        <v>1.945910149055313</v>
      </c>
      <c r="X1140">
        <v>1</v>
      </c>
      <c r="Y1140">
        <v>1</v>
      </c>
      <c r="Z1140">
        <v>0</v>
      </c>
      <c r="AA1140">
        <v>0</v>
      </c>
      <c r="AB1140">
        <v>1.791759469228055</v>
      </c>
      <c r="AC1140">
        <v>1</v>
      </c>
      <c r="AD1140">
        <v>1</v>
      </c>
      <c r="AE1140">
        <v>0</v>
      </c>
      <c r="AF1140">
        <v>0</v>
      </c>
      <c r="AG1140">
        <v>1.6094379124341009</v>
      </c>
      <c r="AH1140">
        <v>-0.47249365196740112</v>
      </c>
      <c r="AI1140">
        <v>-0.16357872538547921</v>
      </c>
      <c r="AJ1140">
        <v>-6.7982147258706299E-2</v>
      </c>
      <c r="AK1140">
        <v>0</v>
      </c>
      <c r="AL1140">
        <v>252.7502554538502</v>
      </c>
      <c r="AM1140">
        <v>226.941200243617</v>
      </c>
      <c r="AN1140">
        <v>817</v>
      </c>
      <c r="AO1140">
        <v>87.044482303541443</v>
      </c>
      <c r="AP1140">
        <v>154.00324671902209</v>
      </c>
      <c r="AQ1140">
        <v>3.5</v>
      </c>
      <c r="AR1140">
        <v>3.875</v>
      </c>
      <c r="AS1140">
        <v>8</v>
      </c>
      <c r="AT1140">
        <v>0</v>
      </c>
      <c r="AU1140">
        <v>0.17488262910798119</v>
      </c>
      <c r="AV1140">
        <v>-0.62527105664724791</v>
      </c>
      <c r="AW1140">
        <v>0.375</v>
      </c>
      <c r="AX1140">
        <v>84</v>
      </c>
      <c r="AY1140">
        <v>47</v>
      </c>
      <c r="AZ1140">
        <v>66.75</v>
      </c>
      <c r="BA1140">
        <v>0.6188005941857907</v>
      </c>
      <c r="BB1140">
        <v>0.5</v>
      </c>
      <c r="BC1140">
        <v>1.945910149055313</v>
      </c>
      <c r="BD1140" t="s">
        <v>4389</v>
      </c>
      <c r="BE1140" t="s">
        <v>68</v>
      </c>
    </row>
    <row r="1141" spans="1:57" x14ac:dyDescent="0.3">
      <c r="A1141" t="s">
        <v>4391</v>
      </c>
      <c r="B1141">
        <v>3874</v>
      </c>
      <c r="C1141" t="s">
        <v>4392</v>
      </c>
      <c r="D1141" t="s">
        <v>4393</v>
      </c>
      <c r="E1141" t="s">
        <v>106</v>
      </c>
      <c r="F1141">
        <v>3914</v>
      </c>
      <c r="G1141">
        <v>127.5608073582013</v>
      </c>
      <c r="H1141">
        <v>127</v>
      </c>
      <c r="I1141">
        <v>5355.5523832010094</v>
      </c>
      <c r="J1141">
        <v>73.181639659145432</v>
      </c>
      <c r="K1141">
        <v>-5.6821201237276121E-3</v>
      </c>
      <c r="L1141">
        <v>-1.169068424812675</v>
      </c>
      <c r="M1141">
        <v>7.9462510358524154</v>
      </c>
      <c r="N1141">
        <v>27</v>
      </c>
      <c r="O1141">
        <v>6</v>
      </c>
      <c r="P1141">
        <v>21</v>
      </c>
      <c r="Q1141">
        <v>4.17142875656456</v>
      </c>
      <c r="R1141">
        <v>5.507921501522647</v>
      </c>
      <c r="S1141">
        <v>3</v>
      </c>
      <c r="T1141">
        <v>1</v>
      </c>
      <c r="U1141">
        <v>2</v>
      </c>
      <c r="V1141">
        <v>0.17140267826479111</v>
      </c>
      <c r="W1141">
        <v>8.231892356442378</v>
      </c>
      <c r="X1141">
        <v>1</v>
      </c>
      <c r="Y1141">
        <v>1</v>
      </c>
      <c r="Z1141">
        <v>0</v>
      </c>
      <c r="AA1141">
        <v>0</v>
      </c>
      <c r="AB1141">
        <v>8.2718040311547067</v>
      </c>
      <c r="AC1141">
        <v>1</v>
      </c>
      <c r="AD1141">
        <v>1</v>
      </c>
      <c r="AE1141">
        <v>0</v>
      </c>
      <c r="AF1141">
        <v>0</v>
      </c>
      <c r="AG1141">
        <v>8.271548374755513</v>
      </c>
      <c r="AH1141">
        <v>9.9878075588438701E-3</v>
      </c>
      <c r="AI1141">
        <v>-5.8591766509003334E-3</v>
      </c>
      <c r="AJ1141">
        <v>3.0009226403130342E-2</v>
      </c>
      <c r="AK1141">
        <v>2.8620523937928331E-2</v>
      </c>
      <c r="AL1141">
        <v>4169.9439982786243</v>
      </c>
      <c r="AM1141">
        <v>8201.2722215044214</v>
      </c>
      <c r="AN1141">
        <v>499273</v>
      </c>
      <c r="AO1141">
        <v>46.575906041254498</v>
      </c>
      <c r="AP1141">
        <v>3819.750767917174</v>
      </c>
      <c r="AQ1141">
        <v>1.0058763413387839</v>
      </c>
      <c r="AR1141">
        <v>4.0278487480838017</v>
      </c>
      <c r="AS1141">
        <v>3899</v>
      </c>
      <c r="AT1141">
        <v>291.35922330097083</v>
      </c>
      <c r="AU1141">
        <v>1.6307473423707749E-2</v>
      </c>
      <c r="AV1141">
        <v>9.992074726760598E-3</v>
      </c>
      <c r="AW1141">
        <v>0.3748083801737353</v>
      </c>
      <c r="AX1141">
        <v>83.724763608484537</v>
      </c>
      <c r="AY1141">
        <v>63</v>
      </c>
      <c r="AZ1141">
        <v>125</v>
      </c>
      <c r="BA1141">
        <v>0.57370003510282996</v>
      </c>
      <c r="BB1141">
        <v>0.49693408277976497</v>
      </c>
      <c r="BC1141">
        <v>5.3044258771765929</v>
      </c>
      <c r="BD1141" t="s">
        <v>4394</v>
      </c>
      <c r="BE1141" t="s">
        <v>68</v>
      </c>
    </row>
    <row r="1142" spans="1:57" x14ac:dyDescent="0.3">
      <c r="A1142" t="s">
        <v>4395</v>
      </c>
      <c r="B1142">
        <v>2749</v>
      </c>
      <c r="C1142" t="s">
        <v>4396</v>
      </c>
      <c r="D1142" t="s">
        <v>4397</v>
      </c>
      <c r="E1142" t="s">
        <v>72</v>
      </c>
      <c r="F1142">
        <v>2760</v>
      </c>
      <c r="G1142">
        <v>125.7130434782609</v>
      </c>
      <c r="H1142">
        <v>125</v>
      </c>
      <c r="I1142">
        <v>5325.7038878386893</v>
      </c>
      <c r="J1142">
        <v>72.977420397261852</v>
      </c>
      <c r="K1142">
        <v>3.1316817298096072E-2</v>
      </c>
      <c r="L1142">
        <v>-1.190090507667656</v>
      </c>
      <c r="M1142">
        <v>7.9362746509972579</v>
      </c>
      <c r="N1142">
        <v>21</v>
      </c>
      <c r="O1142">
        <v>3</v>
      </c>
      <c r="P1142">
        <v>18</v>
      </c>
      <c r="Q1142">
        <v>3.19530294925223</v>
      </c>
      <c r="R1142">
        <v>5.5010063984881201</v>
      </c>
      <c r="S1142">
        <v>3</v>
      </c>
      <c r="T1142">
        <v>1</v>
      </c>
      <c r="U1142">
        <v>2</v>
      </c>
      <c r="V1142">
        <v>0.15700321197273451</v>
      </c>
      <c r="W1142">
        <v>7.8892713901006939</v>
      </c>
      <c r="X1142">
        <v>2</v>
      </c>
      <c r="Y1142">
        <v>1</v>
      </c>
      <c r="Z1142">
        <v>1</v>
      </c>
      <c r="AA1142">
        <v>5.0379109092171317E-2</v>
      </c>
      <c r="AB1142">
        <v>7.918742544746344</v>
      </c>
      <c r="AC1142">
        <v>2</v>
      </c>
      <c r="AD1142">
        <v>1</v>
      </c>
      <c r="AE1142">
        <v>1</v>
      </c>
      <c r="AF1142">
        <v>4.2585907095735037E-2</v>
      </c>
      <c r="AG1142">
        <v>7.9193842754396098</v>
      </c>
      <c r="AH1142">
        <v>-1.2829727660999409E-3</v>
      </c>
      <c r="AI1142">
        <v>-6.7618285021062924E-3</v>
      </c>
      <c r="AJ1142">
        <v>5.6689304435083229E-3</v>
      </c>
      <c r="AK1142">
        <v>4.1613257553315991E-2</v>
      </c>
      <c r="AL1142">
        <v>3525.1407810005612</v>
      </c>
      <c r="AM1142">
        <v>6774.2695897142121</v>
      </c>
      <c r="AN1142">
        <v>346968</v>
      </c>
      <c r="AO1142">
        <v>139.42961735957499</v>
      </c>
      <c r="AP1142">
        <v>3199.8885133465369</v>
      </c>
      <c r="AQ1142">
        <v>1.0083333333333331</v>
      </c>
      <c r="AR1142">
        <v>3.9829710144927541</v>
      </c>
      <c r="AS1142">
        <v>2748</v>
      </c>
      <c r="AT1142">
        <v>242.43478260869571</v>
      </c>
      <c r="AU1142">
        <v>1.7902813299232819E-2</v>
      </c>
      <c r="AV1142">
        <v>-1.2834134890186131E-3</v>
      </c>
      <c r="AW1142">
        <v>0.38297101449275361</v>
      </c>
      <c r="AX1142">
        <v>84.496556723450524</v>
      </c>
      <c r="AY1142">
        <v>63</v>
      </c>
      <c r="AZ1142">
        <v>127</v>
      </c>
      <c r="BA1142">
        <v>0.58050794394999738</v>
      </c>
      <c r="BB1142">
        <v>0.49782608695652181</v>
      </c>
      <c r="BC1142">
        <v>5.2985032292261174</v>
      </c>
      <c r="BD1142" t="s">
        <v>4398</v>
      </c>
      <c r="BE1142" t="s">
        <v>68</v>
      </c>
    </row>
    <row r="1143" spans="1:57" x14ac:dyDescent="0.3">
      <c r="A1143" t="s">
        <v>4399</v>
      </c>
      <c r="B1143">
        <v>2684</v>
      </c>
      <c r="C1143" t="s">
        <v>4400</v>
      </c>
      <c r="D1143" t="s">
        <v>4401</v>
      </c>
      <c r="E1143" t="s">
        <v>66</v>
      </c>
      <c r="F1143">
        <v>72</v>
      </c>
      <c r="G1143">
        <v>117.4166666666667</v>
      </c>
      <c r="H1143">
        <v>122</v>
      </c>
      <c r="I1143">
        <v>4913.9097222222226</v>
      </c>
      <c r="J1143">
        <v>70.099284748292703</v>
      </c>
      <c r="K1143">
        <v>-8.3141961480449361E-2</v>
      </c>
      <c r="L1143">
        <v>-1.1272538734561339</v>
      </c>
      <c r="M1143">
        <v>5.7322892374933314</v>
      </c>
      <c r="N1143">
        <v>3</v>
      </c>
      <c r="O1143">
        <v>1</v>
      </c>
      <c r="P1143">
        <v>2</v>
      </c>
      <c r="Q1143">
        <v>0.51388836897813372</v>
      </c>
      <c r="R1143">
        <v>3.9733201231226181</v>
      </c>
      <c r="S1143">
        <v>2</v>
      </c>
      <c r="T1143">
        <v>1</v>
      </c>
      <c r="U1143">
        <v>1</v>
      </c>
      <c r="V1143">
        <v>0.16776575221435111</v>
      </c>
      <c r="W1143">
        <v>4.2236293316576567</v>
      </c>
      <c r="X1143">
        <v>2</v>
      </c>
      <c r="Y1143">
        <v>1</v>
      </c>
      <c r="Z1143">
        <v>1</v>
      </c>
      <c r="AA1143">
        <v>0.11951030798891769</v>
      </c>
      <c r="AB1143">
        <v>4.2286910368905044</v>
      </c>
      <c r="AC1143">
        <v>1</v>
      </c>
      <c r="AD1143">
        <v>1</v>
      </c>
      <c r="AE1143">
        <v>0</v>
      </c>
      <c r="AF1143">
        <v>0</v>
      </c>
      <c r="AG1143">
        <v>4.2341065045972579</v>
      </c>
      <c r="AH1143">
        <v>-1.0344567818709389E-2</v>
      </c>
      <c r="AI1143">
        <v>5.747922524667394E-2</v>
      </c>
      <c r="AJ1143">
        <v>-0.1108593417181354</v>
      </c>
      <c r="AK1143">
        <v>0.1211562525565575</v>
      </c>
      <c r="AL1143">
        <v>644.63466302384893</v>
      </c>
      <c r="AM1143">
        <v>964.82545117141706</v>
      </c>
      <c r="AN1143">
        <v>8454</v>
      </c>
      <c r="AO1143">
        <v>109.6355052291657</v>
      </c>
      <c r="AP1143">
        <v>551.75376136551233</v>
      </c>
      <c r="AQ1143">
        <v>1.319444444444444</v>
      </c>
      <c r="AR1143">
        <v>3.5972222222222219</v>
      </c>
      <c r="AS1143">
        <v>70</v>
      </c>
      <c r="AT1143">
        <v>11.91666666666667</v>
      </c>
      <c r="AU1143">
        <v>7.7855245683930985E-2</v>
      </c>
      <c r="AV1143">
        <v>-1.029001305447776E-2</v>
      </c>
      <c r="AW1143">
        <v>0.3888888888888889</v>
      </c>
      <c r="AX1143">
        <v>78.042253521126767</v>
      </c>
      <c r="AY1143">
        <v>57</v>
      </c>
      <c r="AZ1143">
        <v>130</v>
      </c>
      <c r="BA1143">
        <v>0.59701307095778022</v>
      </c>
      <c r="BB1143">
        <v>0.52777777777777779</v>
      </c>
      <c r="BC1143">
        <v>4.0479018774311921</v>
      </c>
      <c r="BD1143" t="s">
        <v>4402</v>
      </c>
      <c r="BE1143" t="s">
        <v>68</v>
      </c>
    </row>
    <row r="1144" spans="1:57" x14ac:dyDescent="0.3">
      <c r="A1144" t="s">
        <v>4403</v>
      </c>
      <c r="B1144">
        <v>1134</v>
      </c>
      <c r="C1144" t="s">
        <v>4404</v>
      </c>
      <c r="D1144" t="s">
        <v>4405</v>
      </c>
      <c r="E1144" t="s">
        <v>98</v>
      </c>
      <c r="F1144">
        <v>16</v>
      </c>
      <c r="G1144">
        <v>158.1875</v>
      </c>
      <c r="H1144">
        <v>164.5</v>
      </c>
      <c r="I1144">
        <v>5138.90234375</v>
      </c>
      <c r="J1144">
        <v>71.686137737710496</v>
      </c>
      <c r="K1144">
        <v>-0.21248639654009979</v>
      </c>
      <c r="L1144">
        <v>-1.366802433864889</v>
      </c>
      <c r="M1144">
        <v>4</v>
      </c>
      <c r="N1144">
        <v>1</v>
      </c>
      <c r="O1144">
        <v>1</v>
      </c>
      <c r="P1144">
        <v>0</v>
      </c>
      <c r="Q1144">
        <v>0</v>
      </c>
      <c r="R1144">
        <v>2.7725887222397811</v>
      </c>
      <c r="S1144">
        <v>1</v>
      </c>
      <c r="T1144">
        <v>1</v>
      </c>
      <c r="U1144">
        <v>0</v>
      </c>
      <c r="V1144">
        <v>0</v>
      </c>
      <c r="W1144">
        <v>2.7080502011022101</v>
      </c>
      <c r="X1144">
        <v>1</v>
      </c>
      <c r="Y1144">
        <v>1</v>
      </c>
      <c r="Z1144">
        <v>0</v>
      </c>
      <c r="AA1144">
        <v>0</v>
      </c>
      <c r="AB1144">
        <v>2.639057329615258</v>
      </c>
      <c r="AC1144">
        <v>1</v>
      </c>
      <c r="AD1144">
        <v>1</v>
      </c>
      <c r="AE1144">
        <v>0</v>
      </c>
      <c r="AF1144">
        <v>0</v>
      </c>
      <c r="AG1144">
        <v>2.5649493574615372</v>
      </c>
      <c r="AH1144">
        <v>-0.28025087624348283</v>
      </c>
      <c r="AI1144">
        <v>-0.25825533100377862</v>
      </c>
      <c r="AJ1144">
        <v>-0.40587599073853781</v>
      </c>
      <c r="AK1144">
        <v>-5.790437753076829E-2</v>
      </c>
      <c r="AL1144">
        <v>417.28675238262417</v>
      </c>
      <c r="AM1144">
        <v>555.39784504980082</v>
      </c>
      <c r="AN1144">
        <v>2531</v>
      </c>
      <c r="AO1144">
        <v>161.69918004741041</v>
      </c>
      <c r="AP1144">
        <v>234.7404961966437</v>
      </c>
      <c r="AQ1144">
        <v>2.3125</v>
      </c>
      <c r="AR1144">
        <v>4.5625</v>
      </c>
      <c r="AS1144">
        <v>16</v>
      </c>
      <c r="AT1144">
        <v>0</v>
      </c>
      <c r="AU1144">
        <v>0.14901960784313731</v>
      </c>
      <c r="AV1144">
        <v>-0.28378375361363001</v>
      </c>
      <c r="AW1144">
        <v>0.375</v>
      </c>
      <c r="AX1144">
        <v>97.13333333333334</v>
      </c>
      <c r="AY1144">
        <v>67.5</v>
      </c>
      <c r="AZ1144">
        <v>124</v>
      </c>
      <c r="BA1144">
        <v>0.45317194934941452</v>
      </c>
      <c r="BB1144">
        <v>0.5</v>
      </c>
      <c r="BC1144">
        <v>2.615630577027551</v>
      </c>
      <c r="BD1144" t="s">
        <v>4404</v>
      </c>
      <c r="BE1144" t="s">
        <v>62</v>
      </c>
    </row>
    <row r="1145" spans="1:57" x14ac:dyDescent="0.3">
      <c r="A1145" t="s">
        <v>4406</v>
      </c>
      <c r="B1145">
        <v>2996</v>
      </c>
      <c r="C1145" t="s">
        <v>4407</v>
      </c>
      <c r="D1145" t="s">
        <v>4408</v>
      </c>
      <c r="E1145" t="s">
        <v>106</v>
      </c>
      <c r="F1145">
        <v>3012</v>
      </c>
      <c r="G1145">
        <v>126.8847941567065</v>
      </c>
      <c r="H1145">
        <v>126</v>
      </c>
      <c r="I1145">
        <v>5481.2407116774166</v>
      </c>
      <c r="J1145">
        <v>74.035401745904082</v>
      </c>
      <c r="K1145">
        <v>1.6741000345088429E-2</v>
      </c>
      <c r="L1145">
        <v>-1.19731699748244</v>
      </c>
      <c r="M1145">
        <v>7.9324851200142019</v>
      </c>
      <c r="N1145">
        <v>22</v>
      </c>
      <c r="O1145">
        <v>3</v>
      </c>
      <c r="P1145">
        <v>19</v>
      </c>
      <c r="Q1145">
        <v>3.566301425759606</v>
      </c>
      <c r="R1145">
        <v>5.4983796957715647</v>
      </c>
      <c r="S1145">
        <v>2</v>
      </c>
      <c r="T1145">
        <v>1</v>
      </c>
      <c r="U1145">
        <v>1</v>
      </c>
      <c r="V1145">
        <v>0.14230385736019971</v>
      </c>
      <c r="W1145">
        <v>7.981942521497901</v>
      </c>
      <c r="X1145">
        <v>1</v>
      </c>
      <c r="Y1145">
        <v>1</v>
      </c>
      <c r="Z1145">
        <v>0</v>
      </c>
      <c r="AA1145">
        <v>0</v>
      </c>
      <c r="AB1145">
        <v>8.009695357742924</v>
      </c>
      <c r="AC1145">
        <v>1</v>
      </c>
      <c r="AD1145">
        <v>1</v>
      </c>
      <c r="AE1145">
        <v>0</v>
      </c>
      <c r="AF1145">
        <v>0</v>
      </c>
      <c r="AG1145">
        <v>8.009363076630045</v>
      </c>
      <c r="AH1145">
        <v>-9.7643281224341905E-3</v>
      </c>
      <c r="AI1145">
        <v>-1.8956756434294449E-2</v>
      </c>
      <c r="AJ1145">
        <v>3.4073824464510211E-3</v>
      </c>
      <c r="AK1145">
        <v>-1.345710102613604E-3</v>
      </c>
      <c r="AL1145">
        <v>3696.8190453622492</v>
      </c>
      <c r="AM1145">
        <v>7164.8779435414599</v>
      </c>
      <c r="AN1145">
        <v>382176.99999999988</v>
      </c>
      <c r="AO1145">
        <v>164.40732546941871</v>
      </c>
      <c r="AP1145">
        <v>3286.474414766471</v>
      </c>
      <c r="AQ1145">
        <v>1.0076361221779551</v>
      </c>
      <c r="AR1145">
        <v>4.012284196547145</v>
      </c>
      <c r="AS1145">
        <v>3003</v>
      </c>
      <c r="AT1145">
        <v>276.73306772908359</v>
      </c>
      <c r="AU1145">
        <v>1.137020545269901E-2</v>
      </c>
      <c r="AV1145">
        <v>-9.7706625847261853E-3</v>
      </c>
      <c r="AW1145">
        <v>0.37682602921646752</v>
      </c>
      <c r="AX1145">
        <v>86.158419129857194</v>
      </c>
      <c r="AY1145">
        <v>64</v>
      </c>
      <c r="AZ1145">
        <v>128</v>
      </c>
      <c r="BA1145">
        <v>0.58348521773592632</v>
      </c>
      <c r="BB1145">
        <v>0.49833997343957498</v>
      </c>
      <c r="BC1145">
        <v>5.3193197230134333</v>
      </c>
      <c r="BD1145" t="s">
        <v>4409</v>
      </c>
      <c r="BE1145" t="s">
        <v>68</v>
      </c>
    </row>
    <row r="1146" spans="1:57" x14ac:dyDescent="0.3">
      <c r="A1146" t="s">
        <v>4410</v>
      </c>
      <c r="B1146">
        <v>154</v>
      </c>
      <c r="C1146" t="s">
        <v>4411</v>
      </c>
      <c r="D1146" t="s">
        <v>4412</v>
      </c>
      <c r="E1146" t="s">
        <v>60</v>
      </c>
      <c r="F1146">
        <v>512</v>
      </c>
      <c r="G1146">
        <v>128.548828125</v>
      </c>
      <c r="H1146">
        <v>128</v>
      </c>
      <c r="I1146">
        <v>5343.767147064209</v>
      </c>
      <c r="J1146">
        <v>73.101074869417673</v>
      </c>
      <c r="K1146">
        <v>2.9338172475460978E-3</v>
      </c>
      <c r="L1146">
        <v>-1.162724875114149</v>
      </c>
      <c r="M1146">
        <v>7.6473000021750783</v>
      </c>
      <c r="N1146">
        <v>6</v>
      </c>
      <c r="O1146">
        <v>1</v>
      </c>
      <c r="P1146">
        <v>5</v>
      </c>
      <c r="Q1146">
        <v>1.1739975455664291</v>
      </c>
      <c r="R1146">
        <v>5.3007044354037181</v>
      </c>
      <c r="S1146">
        <v>2</v>
      </c>
      <c r="T1146">
        <v>1</v>
      </c>
      <c r="U1146">
        <v>1</v>
      </c>
      <c r="V1146">
        <v>8.8472037443809853E-2</v>
      </c>
      <c r="W1146">
        <v>6.2255179709385784</v>
      </c>
      <c r="X1146">
        <v>1</v>
      </c>
      <c r="Y1146">
        <v>1</v>
      </c>
      <c r="Z1146">
        <v>0</v>
      </c>
      <c r="AA1146">
        <v>0</v>
      </c>
      <c r="AB1146">
        <v>6.2344107257183694</v>
      </c>
      <c r="AC1146">
        <v>1</v>
      </c>
      <c r="AD1146">
        <v>1</v>
      </c>
      <c r="AE1146">
        <v>0</v>
      </c>
      <c r="AF1146">
        <v>0</v>
      </c>
      <c r="AG1146">
        <v>6.2324480165505216</v>
      </c>
      <c r="AH1146">
        <v>1.8429936592490669E-2</v>
      </c>
      <c r="AI1146">
        <v>-1.548453264804916E-2</v>
      </c>
      <c r="AJ1146">
        <v>3.0722228504251221E-2</v>
      </c>
      <c r="AK1146">
        <v>-2.268644222253165E-2</v>
      </c>
      <c r="AL1146">
        <v>1631.559447489278</v>
      </c>
      <c r="AM1146">
        <v>2921.4244418277331</v>
      </c>
      <c r="AN1146">
        <v>65817</v>
      </c>
      <c r="AO1146">
        <v>59.358777318398921</v>
      </c>
      <c r="AP1146">
        <v>1429.6343765034301</v>
      </c>
      <c r="AQ1146">
        <v>1.044921875</v>
      </c>
      <c r="AR1146">
        <v>4.001953125</v>
      </c>
      <c r="AS1146">
        <v>510</v>
      </c>
      <c r="AT1146">
        <v>139.9375</v>
      </c>
      <c r="AU1146">
        <v>2.6478247549019621E-2</v>
      </c>
      <c r="AV1146">
        <v>1.84629181046915E-2</v>
      </c>
      <c r="AW1146">
        <v>0.37890625</v>
      </c>
      <c r="AX1146">
        <v>83.129158512720153</v>
      </c>
      <c r="AY1146">
        <v>61.5</v>
      </c>
      <c r="AZ1146">
        <v>121.5</v>
      </c>
      <c r="BA1146">
        <v>0.56866387609799673</v>
      </c>
      <c r="BB1146">
        <v>0.494140625</v>
      </c>
      <c r="BC1146">
        <v>5.0607205734548204</v>
      </c>
      <c r="BD1146" t="s">
        <v>4413</v>
      </c>
      <c r="BE1146" t="s">
        <v>62</v>
      </c>
    </row>
    <row r="1147" spans="1:57" x14ac:dyDescent="0.3">
      <c r="A1147" t="s">
        <v>4414</v>
      </c>
      <c r="B1147">
        <v>3324</v>
      </c>
      <c r="C1147" t="s">
        <v>4415</v>
      </c>
      <c r="D1147" t="s">
        <v>4416</v>
      </c>
      <c r="E1147" t="s">
        <v>115</v>
      </c>
      <c r="F1147">
        <v>3424</v>
      </c>
      <c r="G1147">
        <v>127.7935163551402</v>
      </c>
      <c r="H1147">
        <v>128</v>
      </c>
      <c r="I1147">
        <v>5593.3817219810417</v>
      </c>
      <c r="J1147">
        <v>74.788914432428029</v>
      </c>
      <c r="K1147">
        <v>-3.0483258308860299E-3</v>
      </c>
      <c r="L1147">
        <v>-1.221577191060967</v>
      </c>
      <c r="M1147">
        <v>7.9445498830864958</v>
      </c>
      <c r="N1147">
        <v>23</v>
      </c>
      <c r="O1147">
        <v>4</v>
      </c>
      <c r="P1147">
        <v>19</v>
      </c>
      <c r="Q1147">
        <v>3.6806079660838642</v>
      </c>
      <c r="R1147">
        <v>5.5067423522792458</v>
      </c>
      <c r="S1147">
        <v>3</v>
      </c>
      <c r="T1147">
        <v>1</v>
      </c>
      <c r="U1147">
        <v>2</v>
      </c>
      <c r="V1147">
        <v>0.17599650351027721</v>
      </c>
      <c r="W1147">
        <v>8.0966575286494482</v>
      </c>
      <c r="X1147">
        <v>1</v>
      </c>
      <c r="Y1147">
        <v>1</v>
      </c>
      <c r="Z1147">
        <v>0</v>
      </c>
      <c r="AA1147">
        <v>0</v>
      </c>
      <c r="AB1147">
        <v>8.1379804544521388</v>
      </c>
      <c r="AC1147">
        <v>1</v>
      </c>
      <c r="AD1147">
        <v>1</v>
      </c>
      <c r="AE1147">
        <v>0</v>
      </c>
      <c r="AF1147">
        <v>0</v>
      </c>
      <c r="AG1147">
        <v>8.1376881849776037</v>
      </c>
      <c r="AH1147">
        <v>3.3183442829715238E-3</v>
      </c>
      <c r="AI1147">
        <v>-1.114155416226489E-2</v>
      </c>
      <c r="AJ1147">
        <v>9.3889525265655315E-3</v>
      </c>
      <c r="AK1147">
        <v>1.5345976705897961E-2</v>
      </c>
      <c r="AL1147">
        <v>4002.7682339544458</v>
      </c>
      <c r="AM1147">
        <v>7684.2407214535642</v>
      </c>
      <c r="AN1147">
        <v>437565</v>
      </c>
      <c r="AO1147">
        <v>38.477975999813147</v>
      </c>
      <c r="AP1147">
        <v>3608.9387842078991</v>
      </c>
      <c r="AQ1147">
        <v>1.0067172897196259</v>
      </c>
      <c r="AR1147">
        <v>3.99036214953271</v>
      </c>
      <c r="AS1147">
        <v>3414</v>
      </c>
      <c r="AT1147">
        <v>259.28971962616822</v>
      </c>
      <c r="AU1147">
        <v>1.2501145317940219E-2</v>
      </c>
      <c r="AV1147">
        <v>3.3199548927101042E-3</v>
      </c>
      <c r="AW1147">
        <v>0.36565420560747658</v>
      </c>
      <c r="AX1147">
        <v>86.388840198656155</v>
      </c>
      <c r="AY1147">
        <v>64</v>
      </c>
      <c r="AZ1147">
        <v>129</v>
      </c>
      <c r="BA1147">
        <v>0.58523246378625704</v>
      </c>
      <c r="BB1147">
        <v>0.50379672897196259</v>
      </c>
      <c r="BC1147">
        <v>5.3286893003450011</v>
      </c>
      <c r="BD1147" t="s">
        <v>4417</v>
      </c>
      <c r="BE1147" t="s">
        <v>62</v>
      </c>
    </row>
    <row r="1148" spans="1:57" x14ac:dyDescent="0.3">
      <c r="A1148" t="s">
        <v>4418</v>
      </c>
      <c r="B1148">
        <v>2816</v>
      </c>
      <c r="C1148" t="s">
        <v>4419</v>
      </c>
      <c r="D1148" t="s">
        <v>4420</v>
      </c>
      <c r="E1148" t="s">
        <v>10622</v>
      </c>
      <c r="F1148">
        <v>64</v>
      </c>
      <c r="G1148">
        <v>107.765625</v>
      </c>
      <c r="H1148">
        <v>86</v>
      </c>
      <c r="I1148">
        <v>5095.523193359375</v>
      </c>
      <c r="J1148">
        <v>71.382933488050028</v>
      </c>
      <c r="K1148">
        <v>0.30858240291870831</v>
      </c>
      <c r="L1148">
        <v>-1.1957082735393469</v>
      </c>
      <c r="M1148">
        <v>5.8125</v>
      </c>
      <c r="N1148">
        <v>2</v>
      </c>
      <c r="O1148">
        <v>1</v>
      </c>
      <c r="P1148">
        <v>1</v>
      </c>
      <c r="Q1148">
        <v>0.30454347814923621</v>
      </c>
      <c r="R1148">
        <v>4.0289179870046823</v>
      </c>
      <c r="S1148">
        <v>1</v>
      </c>
      <c r="T1148">
        <v>1</v>
      </c>
      <c r="U1148">
        <v>0</v>
      </c>
      <c r="V1148">
        <v>0</v>
      </c>
      <c r="W1148">
        <v>4.1431347263915326</v>
      </c>
      <c r="X1148">
        <v>1</v>
      </c>
      <c r="Y1148">
        <v>1</v>
      </c>
      <c r="Z1148">
        <v>0</v>
      </c>
      <c r="AA1148">
        <v>0</v>
      </c>
      <c r="AB1148">
        <v>4.1271343850450908</v>
      </c>
      <c r="AC1148">
        <v>1</v>
      </c>
      <c r="AD1148">
        <v>1</v>
      </c>
      <c r="AE1148">
        <v>0</v>
      </c>
      <c r="AF1148">
        <v>0</v>
      </c>
      <c r="AG1148">
        <v>4.1108738641733096</v>
      </c>
      <c r="AH1148">
        <v>4.0159979028341508E-2</v>
      </c>
      <c r="AI1148">
        <v>4.0778843558724742E-2</v>
      </c>
      <c r="AJ1148">
        <v>-0.1161208393629557</v>
      </c>
      <c r="AK1148">
        <v>-2.7184342533559179E-3</v>
      </c>
      <c r="AL1148">
        <v>597.31739871455591</v>
      </c>
      <c r="AM1148">
        <v>844.1474546504752</v>
      </c>
      <c r="AN1148">
        <v>6897</v>
      </c>
      <c r="AO1148">
        <v>90.056297789665734</v>
      </c>
      <c r="AP1148">
        <v>398.34896272693862</v>
      </c>
      <c r="AQ1148">
        <v>1.359375</v>
      </c>
      <c r="AR1148">
        <v>3.828125</v>
      </c>
      <c r="AS1148">
        <v>64</v>
      </c>
      <c r="AT1148">
        <v>4.8750000000000009</v>
      </c>
      <c r="AU1148">
        <v>0.17704232283464569</v>
      </c>
      <c r="AV1148">
        <v>4.1213622518578193E-2</v>
      </c>
      <c r="AW1148">
        <v>0.390625</v>
      </c>
      <c r="AX1148">
        <v>81.61904761904762</v>
      </c>
      <c r="AY1148">
        <v>57</v>
      </c>
      <c r="AZ1148">
        <v>125</v>
      </c>
      <c r="BA1148">
        <v>0.66239056738222446</v>
      </c>
      <c r="BB1148">
        <v>0.46875</v>
      </c>
      <c r="BC1148">
        <v>3.901083330005521</v>
      </c>
      <c r="BD1148" t="s">
        <v>4421</v>
      </c>
      <c r="BE1148" t="s">
        <v>62</v>
      </c>
    </row>
    <row r="1149" spans="1:57" x14ac:dyDescent="0.3">
      <c r="A1149" t="s">
        <v>4422</v>
      </c>
      <c r="B1149">
        <v>1904</v>
      </c>
      <c r="C1149" t="s">
        <v>4423</v>
      </c>
      <c r="D1149" t="s">
        <v>4424</v>
      </c>
      <c r="E1149" t="s">
        <v>106</v>
      </c>
      <c r="F1149">
        <v>1954</v>
      </c>
      <c r="G1149">
        <v>127.0368474923234</v>
      </c>
      <c r="H1149">
        <v>128</v>
      </c>
      <c r="I1149">
        <v>5515.7683454352882</v>
      </c>
      <c r="J1149">
        <v>74.268218946163557</v>
      </c>
      <c r="K1149">
        <v>1.38328762666317E-2</v>
      </c>
      <c r="L1149">
        <v>-1.1991238308878169</v>
      </c>
      <c r="M1149">
        <v>7.9177550814220599</v>
      </c>
      <c r="N1149">
        <v>16</v>
      </c>
      <c r="O1149">
        <v>2</v>
      </c>
      <c r="P1149">
        <v>14</v>
      </c>
      <c r="Q1149">
        <v>2.5182803338476338</v>
      </c>
      <c r="R1149">
        <v>5.4881696110518883</v>
      </c>
      <c r="S1149">
        <v>2</v>
      </c>
      <c r="T1149">
        <v>1</v>
      </c>
      <c r="U1149">
        <v>1</v>
      </c>
      <c r="V1149">
        <v>0.1218424262144607</v>
      </c>
      <c r="W1149">
        <v>7.5565369147617378</v>
      </c>
      <c r="X1149">
        <v>2</v>
      </c>
      <c r="Y1149">
        <v>1</v>
      </c>
      <c r="Z1149">
        <v>1</v>
      </c>
      <c r="AA1149">
        <v>2.2633933537488059E-2</v>
      </c>
      <c r="AB1149">
        <v>7.5758995751896769</v>
      </c>
      <c r="AC1149">
        <v>1</v>
      </c>
      <c r="AD1149">
        <v>1</v>
      </c>
      <c r="AE1149">
        <v>0</v>
      </c>
      <c r="AF1149">
        <v>0</v>
      </c>
      <c r="AG1149">
        <v>7.5760973406231109</v>
      </c>
      <c r="AH1149">
        <v>7.9857981076242261E-3</v>
      </c>
      <c r="AI1149">
        <v>-2.313312576454233E-2</v>
      </c>
      <c r="AJ1149">
        <v>1.409051717494901E-2</v>
      </c>
      <c r="AK1149">
        <v>-3.017715029045066E-2</v>
      </c>
      <c r="AL1149">
        <v>3050.2439985820251</v>
      </c>
      <c r="AM1149">
        <v>5745.2745407956218</v>
      </c>
      <c r="AN1149">
        <v>248230</v>
      </c>
      <c r="AO1149">
        <v>113.1019349792839</v>
      </c>
      <c r="AP1149">
        <v>2729.0910717514798</v>
      </c>
      <c r="AQ1149">
        <v>1.011770726714432</v>
      </c>
      <c r="AR1149">
        <v>3.97799385875128</v>
      </c>
      <c r="AS1149">
        <v>1948</v>
      </c>
      <c r="AT1149">
        <v>212.6980552712385</v>
      </c>
      <c r="AU1149">
        <v>1.346458747265533E-2</v>
      </c>
      <c r="AV1149">
        <v>7.9905193762998174E-3</v>
      </c>
      <c r="AW1149">
        <v>0.36540429887410442</v>
      </c>
      <c r="AX1149">
        <v>86.0384024577573</v>
      </c>
      <c r="AY1149">
        <v>65</v>
      </c>
      <c r="AZ1149">
        <v>129</v>
      </c>
      <c r="BA1149">
        <v>0.58461950538131402</v>
      </c>
      <c r="BB1149">
        <v>0.50460593654042984</v>
      </c>
      <c r="BC1149">
        <v>5.2818721550708432</v>
      </c>
      <c r="BD1149" t="s">
        <v>4425</v>
      </c>
      <c r="BE1149" t="s">
        <v>68</v>
      </c>
    </row>
    <row r="1150" spans="1:57" x14ac:dyDescent="0.3">
      <c r="A1150" t="s">
        <v>4426</v>
      </c>
      <c r="B1150">
        <v>2139</v>
      </c>
      <c r="C1150" t="s">
        <v>4427</v>
      </c>
      <c r="D1150" t="s">
        <v>4428</v>
      </c>
      <c r="E1150" t="s">
        <v>93</v>
      </c>
      <c r="F1150">
        <v>2139</v>
      </c>
      <c r="G1150">
        <v>128.56147732585319</v>
      </c>
      <c r="H1150">
        <v>131</v>
      </c>
      <c r="I1150">
        <v>5585.3392546665027</v>
      </c>
      <c r="J1150">
        <v>74.735127314178726</v>
      </c>
      <c r="K1150">
        <v>-2.9902064327673731E-2</v>
      </c>
      <c r="L1150">
        <v>-1.2273780516035699</v>
      </c>
      <c r="M1150">
        <v>7.9261197449424898</v>
      </c>
      <c r="N1150">
        <v>18</v>
      </c>
      <c r="O1150">
        <v>2</v>
      </c>
      <c r="P1150">
        <v>16</v>
      </c>
      <c r="Q1150">
        <v>2.6741327038450131</v>
      </c>
      <c r="R1150">
        <v>5.4939675539873862</v>
      </c>
      <c r="S1150">
        <v>2</v>
      </c>
      <c r="T1150">
        <v>1</v>
      </c>
      <c r="U1150">
        <v>1</v>
      </c>
      <c r="V1150">
        <v>0.12792929798724861</v>
      </c>
      <c r="W1150">
        <v>7.6449318433907898</v>
      </c>
      <c r="X1150">
        <v>2</v>
      </c>
      <c r="Y1150">
        <v>1</v>
      </c>
      <c r="Z1150">
        <v>1</v>
      </c>
      <c r="AA1150">
        <v>2.163205065945303E-2</v>
      </c>
      <c r="AB1150">
        <v>7.6665095448085623</v>
      </c>
      <c r="AC1150">
        <v>1</v>
      </c>
      <c r="AD1150">
        <v>1</v>
      </c>
      <c r="AE1150">
        <v>0</v>
      </c>
      <c r="AF1150">
        <v>0</v>
      </c>
      <c r="AG1150">
        <v>7.6666902000800849</v>
      </c>
      <c r="AH1150">
        <v>-1.8467173055691601E-2</v>
      </c>
      <c r="AI1150">
        <v>1.701070673455372E-2</v>
      </c>
      <c r="AJ1150">
        <v>3.8717571309960109E-3</v>
      </c>
      <c r="AK1150">
        <v>4.6376671448536452E-2</v>
      </c>
      <c r="AL1150">
        <v>3204.151188159407</v>
      </c>
      <c r="AM1150">
        <v>6085.553562611758</v>
      </c>
      <c r="AN1150">
        <v>274993</v>
      </c>
      <c r="AO1150">
        <v>226.28683321289981</v>
      </c>
      <c r="AP1150">
        <v>2873.360254027466</v>
      </c>
      <c r="AQ1150">
        <v>1.010752688172043</v>
      </c>
      <c r="AR1150">
        <v>4.0247779336138381</v>
      </c>
      <c r="AS1150">
        <v>2132</v>
      </c>
      <c r="AT1150">
        <v>219.09630668536701</v>
      </c>
      <c r="AU1150">
        <v>2.3771415999780051E-2</v>
      </c>
      <c r="AV1150">
        <v>-1.8472908249100129E-2</v>
      </c>
      <c r="AW1150">
        <v>0.35437120149602619</v>
      </c>
      <c r="AX1150">
        <v>87.411599625818525</v>
      </c>
      <c r="AY1150">
        <v>65</v>
      </c>
      <c r="AZ1150">
        <v>129</v>
      </c>
      <c r="BA1150">
        <v>0.58131820564533754</v>
      </c>
      <c r="BB1150">
        <v>0.5053763440860215</v>
      </c>
      <c r="BC1150">
        <v>5.3036530728049618</v>
      </c>
      <c r="BD1150" t="s">
        <v>4429</v>
      </c>
      <c r="BE1150" t="s">
        <v>68</v>
      </c>
    </row>
    <row r="1151" spans="1:57" x14ac:dyDescent="0.3">
      <c r="A1151" t="s">
        <v>4430</v>
      </c>
      <c r="B1151">
        <v>2685</v>
      </c>
      <c r="C1151" t="s">
        <v>4431</v>
      </c>
      <c r="D1151" t="s">
        <v>4432</v>
      </c>
      <c r="E1151" t="s">
        <v>106</v>
      </c>
      <c r="F1151">
        <v>2731</v>
      </c>
      <c r="G1151">
        <v>124.9970706700842</v>
      </c>
      <c r="H1151">
        <v>123</v>
      </c>
      <c r="I1151">
        <v>5521.829357951432</v>
      </c>
      <c r="J1151">
        <v>74.309012629367047</v>
      </c>
      <c r="K1151">
        <v>2.127565229978292E-2</v>
      </c>
      <c r="L1151">
        <v>-1.2135335437707699</v>
      </c>
      <c r="M1151">
        <v>7.9372621925501337</v>
      </c>
      <c r="N1151">
        <v>21</v>
      </c>
      <c r="O1151">
        <v>3</v>
      </c>
      <c r="P1151">
        <v>18</v>
      </c>
      <c r="Q1151">
        <v>3.1242357463903772</v>
      </c>
      <c r="R1151">
        <v>5.5016909101311784</v>
      </c>
      <c r="S1151">
        <v>2</v>
      </c>
      <c r="T1151">
        <v>1</v>
      </c>
      <c r="U1151">
        <v>1</v>
      </c>
      <c r="V1151">
        <v>0.1419084328680546</v>
      </c>
      <c r="W1151">
        <v>7.8841278809036979</v>
      </c>
      <c r="X1151">
        <v>2</v>
      </c>
      <c r="Y1151">
        <v>1</v>
      </c>
      <c r="Z1151">
        <v>1</v>
      </c>
      <c r="AA1151">
        <v>1.91424800427374E-2</v>
      </c>
      <c r="AB1151">
        <v>7.9111825345005284</v>
      </c>
      <c r="AC1151">
        <v>1</v>
      </c>
      <c r="AD1151">
        <v>1</v>
      </c>
      <c r="AE1151">
        <v>0</v>
      </c>
      <c r="AF1151">
        <v>0</v>
      </c>
      <c r="AG1151">
        <v>7.9113240189633522</v>
      </c>
      <c r="AH1151">
        <v>-4.1480073181700809E-4</v>
      </c>
      <c r="AI1151">
        <v>1.549572493536676E-2</v>
      </c>
      <c r="AJ1151">
        <v>-7.992264027017755E-3</v>
      </c>
      <c r="AK1151">
        <v>4.0175151126144544E-3</v>
      </c>
      <c r="AL1151">
        <v>3570.44069897691</v>
      </c>
      <c r="AM1151">
        <v>6708.3488441709169</v>
      </c>
      <c r="AN1151">
        <v>341367</v>
      </c>
      <c r="AO1151">
        <v>79.219410981846721</v>
      </c>
      <c r="AP1151">
        <v>3299.3126728461571</v>
      </c>
      <c r="AQ1151">
        <v>1.008421823507873</v>
      </c>
      <c r="AR1151">
        <v>3.9710728670816549</v>
      </c>
      <c r="AS1151">
        <v>2724</v>
      </c>
      <c r="AT1151">
        <v>234.2317832295862</v>
      </c>
      <c r="AU1151">
        <v>2.3311147967059409E-2</v>
      </c>
      <c r="AV1151">
        <v>-4.1489157352197809E-4</v>
      </c>
      <c r="AW1151">
        <v>0.37275723178322961</v>
      </c>
      <c r="AX1151">
        <v>85.937362637362639</v>
      </c>
      <c r="AY1151">
        <v>64</v>
      </c>
      <c r="AZ1151">
        <v>128</v>
      </c>
      <c r="BA1151">
        <v>0.59448603260069488</v>
      </c>
      <c r="BB1151">
        <v>0.49469058952764561</v>
      </c>
      <c r="BC1151">
        <v>5.3152428341763116</v>
      </c>
      <c r="BD1151" t="s">
        <v>4433</v>
      </c>
      <c r="BE1151" t="s">
        <v>68</v>
      </c>
    </row>
    <row r="1152" spans="1:57" x14ac:dyDescent="0.3">
      <c r="A1152" t="s">
        <v>4434</v>
      </c>
      <c r="B1152">
        <v>3651</v>
      </c>
      <c r="C1152" t="s">
        <v>4435</v>
      </c>
      <c r="D1152" t="s">
        <v>4436</v>
      </c>
      <c r="E1152" t="s">
        <v>115</v>
      </c>
      <c r="F1152">
        <v>3725</v>
      </c>
      <c r="G1152">
        <v>124.7374496644295</v>
      </c>
      <c r="H1152">
        <v>124</v>
      </c>
      <c r="I1152">
        <v>5359.4655639655866</v>
      </c>
      <c r="J1152">
        <v>73.20837085993368</v>
      </c>
      <c r="K1152">
        <v>5.0170182874984433E-2</v>
      </c>
      <c r="L1152">
        <v>-1.160871040030544</v>
      </c>
      <c r="M1152">
        <v>7.9540035589390587</v>
      </c>
      <c r="N1152">
        <v>26</v>
      </c>
      <c r="O1152">
        <v>5</v>
      </c>
      <c r="P1152">
        <v>21</v>
      </c>
      <c r="Q1152">
        <v>3.667498638670291</v>
      </c>
      <c r="R1152">
        <v>5.5132951410423736</v>
      </c>
      <c r="S1152">
        <v>3</v>
      </c>
      <c r="T1152">
        <v>1</v>
      </c>
      <c r="U1152">
        <v>2</v>
      </c>
      <c r="V1152">
        <v>0.1529659146833838</v>
      </c>
      <c r="W1152">
        <v>8.1925831101736666</v>
      </c>
      <c r="X1152">
        <v>1</v>
      </c>
      <c r="Y1152">
        <v>1</v>
      </c>
      <c r="Z1152">
        <v>0</v>
      </c>
      <c r="AA1152">
        <v>0</v>
      </c>
      <c r="AB1152">
        <v>8.2222850738727207</v>
      </c>
      <c r="AC1152">
        <v>1</v>
      </c>
      <c r="AD1152">
        <v>1</v>
      </c>
      <c r="AE1152">
        <v>0</v>
      </c>
      <c r="AF1152">
        <v>0</v>
      </c>
      <c r="AG1152">
        <v>8.222016437202198</v>
      </c>
      <c r="AH1152">
        <v>2.0893695258082531E-2</v>
      </c>
      <c r="AI1152">
        <v>4.808959458392127E-3</v>
      </c>
      <c r="AJ1152">
        <v>-3.7432576924416828E-3</v>
      </c>
      <c r="AK1152">
        <v>9.2581190450623015E-3</v>
      </c>
      <c r="AL1152">
        <v>4077.664920568885</v>
      </c>
      <c r="AM1152">
        <v>7829.1468114707059</v>
      </c>
      <c r="AN1152">
        <v>464646.99999999988</v>
      </c>
      <c r="AO1152">
        <v>54.804448173026302</v>
      </c>
      <c r="AP1152">
        <v>3767.859508077488</v>
      </c>
      <c r="AQ1152">
        <v>1.0061744966442949</v>
      </c>
      <c r="AR1152">
        <v>3.9651006711409398</v>
      </c>
      <c r="AS1152">
        <v>3710</v>
      </c>
      <c r="AT1152">
        <v>236.64295302013431</v>
      </c>
      <c r="AU1152">
        <v>2.5319120936965311E-2</v>
      </c>
      <c r="AV1152">
        <v>2.090260383340754E-2</v>
      </c>
      <c r="AW1152">
        <v>0.38523489932885913</v>
      </c>
      <c r="AX1152">
        <v>83.894199785177236</v>
      </c>
      <c r="AY1152">
        <v>63</v>
      </c>
      <c r="AZ1152">
        <v>126</v>
      </c>
      <c r="BA1152">
        <v>0.58689969256931163</v>
      </c>
      <c r="BB1152">
        <v>0.49718120805369131</v>
      </c>
      <c r="BC1152">
        <v>5.3025309968594554</v>
      </c>
      <c r="BD1152" t="s">
        <v>4437</v>
      </c>
      <c r="BE1152" t="s">
        <v>68</v>
      </c>
    </row>
    <row r="1153" spans="1:57" x14ac:dyDescent="0.3">
      <c r="A1153" t="s">
        <v>4438</v>
      </c>
      <c r="B1153">
        <v>135</v>
      </c>
      <c r="C1153" t="s">
        <v>4439</v>
      </c>
      <c r="D1153" t="s">
        <v>4440</v>
      </c>
      <c r="E1153" t="s">
        <v>60</v>
      </c>
      <c r="F1153">
        <v>256</v>
      </c>
      <c r="G1153">
        <v>127.5625</v>
      </c>
      <c r="H1153">
        <v>128.5</v>
      </c>
      <c r="I1153">
        <v>5222.88671875</v>
      </c>
      <c r="J1153">
        <v>72.269542123566822</v>
      </c>
      <c r="K1153">
        <v>3.3208515537510299E-3</v>
      </c>
      <c r="L1153">
        <v>-1.1136993532451329</v>
      </c>
      <c r="M1153">
        <v>7.2053782109274929</v>
      </c>
      <c r="N1153">
        <v>5</v>
      </c>
      <c r="O1153">
        <v>1</v>
      </c>
      <c r="P1153">
        <v>4</v>
      </c>
      <c r="Q1153">
        <v>0.81108591227502802</v>
      </c>
      <c r="R1153">
        <v>4.9943875917724547</v>
      </c>
      <c r="S1153">
        <v>2</v>
      </c>
      <c r="T1153">
        <v>1</v>
      </c>
      <c r="U1153">
        <v>1</v>
      </c>
      <c r="V1153">
        <v>6.2621943781838052E-2</v>
      </c>
      <c r="W1153">
        <v>5.5358270966834446</v>
      </c>
      <c r="X1153">
        <v>1</v>
      </c>
      <c r="Y1153">
        <v>1</v>
      </c>
      <c r="Z1153">
        <v>0</v>
      </c>
      <c r="AA1153">
        <v>0</v>
      </c>
      <c r="AB1153">
        <v>5.5373342670185366</v>
      </c>
      <c r="AC1153">
        <v>1</v>
      </c>
      <c r="AD1153">
        <v>1</v>
      </c>
      <c r="AE1153">
        <v>0</v>
      </c>
      <c r="AF1153">
        <v>0</v>
      </c>
      <c r="AG1153">
        <v>5.5333894887275203</v>
      </c>
      <c r="AH1153">
        <v>-5.3504139612575059E-2</v>
      </c>
      <c r="AI1153">
        <v>-3.7469977250442953E-2</v>
      </c>
      <c r="AJ1153">
        <v>-4.9347453651072987E-2</v>
      </c>
      <c r="AK1153">
        <v>1.0092878053623661E-2</v>
      </c>
      <c r="AL1153">
        <v>1159.409255729591</v>
      </c>
      <c r="AM1153">
        <v>2039.2425499995229</v>
      </c>
      <c r="AN1153">
        <v>32656</v>
      </c>
      <c r="AO1153">
        <v>96.932285330710087</v>
      </c>
      <c r="AP1153">
        <v>1000.820643655641</v>
      </c>
      <c r="AQ1153">
        <v>1.08984375</v>
      </c>
      <c r="AR1153">
        <v>3.953125</v>
      </c>
      <c r="AS1153">
        <v>255</v>
      </c>
      <c r="AT1153">
        <v>70.8125</v>
      </c>
      <c r="AU1153">
        <v>3.5968137254901972E-2</v>
      </c>
      <c r="AV1153">
        <v>-5.384060410228287E-2</v>
      </c>
      <c r="AW1153">
        <v>0.375</v>
      </c>
      <c r="AX1153">
        <v>84.980392156862749</v>
      </c>
      <c r="AY1153">
        <v>58.5</v>
      </c>
      <c r="AZ1153">
        <v>114.5</v>
      </c>
      <c r="BA1153">
        <v>0.56654222144883348</v>
      </c>
      <c r="BB1153">
        <v>0.50390625</v>
      </c>
      <c r="BC1153">
        <v>4.9092308472511901</v>
      </c>
      <c r="BD1153" t="s">
        <v>4441</v>
      </c>
      <c r="BE1153" t="s">
        <v>62</v>
      </c>
    </row>
    <row r="1154" spans="1:57" x14ac:dyDescent="0.3">
      <c r="A1154" t="s">
        <v>4442</v>
      </c>
      <c r="B1154">
        <v>2078</v>
      </c>
      <c r="C1154" t="s">
        <v>4443</v>
      </c>
      <c r="D1154" t="s">
        <v>4444</v>
      </c>
      <c r="E1154" t="s">
        <v>106</v>
      </c>
      <c r="F1154">
        <v>2100</v>
      </c>
      <c r="G1154">
        <v>128.7009523809524</v>
      </c>
      <c r="H1154">
        <v>130</v>
      </c>
      <c r="I1154">
        <v>5395.5819990929704</v>
      </c>
      <c r="J1154">
        <v>73.454625443827368</v>
      </c>
      <c r="K1154">
        <v>-1.7149978400131761E-2</v>
      </c>
      <c r="L1154">
        <v>-1.1832180291923109</v>
      </c>
      <c r="M1154">
        <v>7.8971083026678608</v>
      </c>
      <c r="N1154">
        <v>17</v>
      </c>
      <c r="O1154">
        <v>1</v>
      </c>
      <c r="P1154">
        <v>16</v>
      </c>
      <c r="Q1154">
        <v>3.0178100891830488</v>
      </c>
      <c r="R1154">
        <v>5.4738583545707558</v>
      </c>
      <c r="S1154">
        <v>3</v>
      </c>
      <c r="T1154">
        <v>1</v>
      </c>
      <c r="U1154">
        <v>2</v>
      </c>
      <c r="V1154">
        <v>0.1380873178285813</v>
      </c>
      <c r="W1154">
        <v>7.6238697577118559</v>
      </c>
      <c r="X1154">
        <v>2</v>
      </c>
      <c r="Y1154">
        <v>1</v>
      </c>
      <c r="Z1154">
        <v>1</v>
      </c>
      <c r="AA1154">
        <v>2.1832185297586262E-2</v>
      </c>
      <c r="AB1154">
        <v>7.6480790194800168</v>
      </c>
      <c r="AC1154">
        <v>1</v>
      </c>
      <c r="AD1154">
        <v>1</v>
      </c>
      <c r="AE1154">
        <v>0</v>
      </c>
      <c r="AF1154">
        <v>0</v>
      </c>
      <c r="AG1154">
        <v>7.6482630309019193</v>
      </c>
      <c r="AH1154">
        <v>-3.3209916838053762E-3</v>
      </c>
      <c r="AI1154">
        <v>3.4247214748974353E-2</v>
      </c>
      <c r="AJ1154">
        <v>4.6990811704613836E-3</v>
      </c>
      <c r="AK1154">
        <v>1.466675871642982E-2</v>
      </c>
      <c r="AL1154">
        <v>3109.513643525007</v>
      </c>
      <c r="AM1154">
        <v>6037.0448814574693</v>
      </c>
      <c r="AN1154">
        <v>270272</v>
      </c>
      <c r="AO1154">
        <v>103.0165448115438</v>
      </c>
      <c r="AP1154">
        <v>2873.474667924299</v>
      </c>
      <c r="AQ1154">
        <v>1.010952380952381</v>
      </c>
      <c r="AR1154">
        <v>3.9938095238095239</v>
      </c>
      <c r="AS1154">
        <v>2094</v>
      </c>
      <c r="AT1154">
        <v>284.21333333333342</v>
      </c>
      <c r="AU1154">
        <v>1.8291316526610649E-2</v>
      </c>
      <c r="AV1154">
        <v>-3.3232992853755401E-3</v>
      </c>
      <c r="AW1154">
        <v>0.36142857142857138</v>
      </c>
      <c r="AX1154">
        <v>84.702715578847076</v>
      </c>
      <c r="AY1154">
        <v>63</v>
      </c>
      <c r="AZ1154">
        <v>127</v>
      </c>
      <c r="BA1154">
        <v>0.57073878697030211</v>
      </c>
      <c r="BB1154">
        <v>0.51047619047619053</v>
      </c>
      <c r="BC1154">
        <v>5.2898520242656364</v>
      </c>
      <c r="BD1154" t="s">
        <v>4445</v>
      </c>
      <c r="BE1154" t="s">
        <v>68</v>
      </c>
    </row>
    <row r="1155" spans="1:57" x14ac:dyDescent="0.3">
      <c r="A1155" t="s">
        <v>4446</v>
      </c>
      <c r="B1155">
        <v>555</v>
      </c>
      <c r="C1155" t="s">
        <v>4447</v>
      </c>
      <c r="D1155" t="s">
        <v>4448</v>
      </c>
      <c r="E1155" t="s">
        <v>128</v>
      </c>
      <c r="F1155">
        <v>32</v>
      </c>
      <c r="G1155">
        <v>130.71875</v>
      </c>
      <c r="H1155">
        <v>147.5</v>
      </c>
      <c r="I1155">
        <v>5879.2646484375</v>
      </c>
      <c r="J1155">
        <v>76.676363036058902</v>
      </c>
      <c r="K1155">
        <v>-0.12494798284668179</v>
      </c>
      <c r="L1155">
        <v>-1.383750512011281</v>
      </c>
      <c r="M1155">
        <v>4.875</v>
      </c>
      <c r="N1155">
        <v>2</v>
      </c>
      <c r="O1155">
        <v>1</v>
      </c>
      <c r="P1155">
        <v>1</v>
      </c>
      <c r="Q1155">
        <v>0.24944382578492941</v>
      </c>
      <c r="R1155">
        <v>3.3790925052297318</v>
      </c>
      <c r="S1155">
        <v>1</v>
      </c>
      <c r="T1155">
        <v>1</v>
      </c>
      <c r="U1155">
        <v>0</v>
      </c>
      <c r="V1155">
        <v>0</v>
      </c>
      <c r="W1155">
        <v>3.4339872044851458</v>
      </c>
      <c r="X1155">
        <v>1</v>
      </c>
      <c r="Y1155">
        <v>1</v>
      </c>
      <c r="Z1155">
        <v>0</v>
      </c>
      <c r="AA1155">
        <v>0</v>
      </c>
      <c r="AB1155">
        <v>3.401197381662155</v>
      </c>
      <c r="AC1155">
        <v>1</v>
      </c>
      <c r="AD1155">
        <v>1</v>
      </c>
      <c r="AE1155">
        <v>0</v>
      </c>
      <c r="AF1155">
        <v>0</v>
      </c>
      <c r="AG1155">
        <v>3.3672958299864728</v>
      </c>
      <c r="AH1155">
        <v>-0.1576909731998066</v>
      </c>
      <c r="AI1155">
        <v>-8.0177514510328021E-2</v>
      </c>
      <c r="AJ1155">
        <v>-0.28598167790269258</v>
      </c>
      <c r="AK1155">
        <v>3.497904488214755E-2</v>
      </c>
      <c r="AL1155">
        <v>501.67137973650563</v>
      </c>
      <c r="AM1155">
        <v>695.16820033231591</v>
      </c>
      <c r="AN1155">
        <v>4183</v>
      </c>
      <c r="AO1155">
        <v>57.255266976073649</v>
      </c>
      <c r="AP1155">
        <v>364.02292177632751</v>
      </c>
      <c r="AQ1155">
        <v>1.71875</v>
      </c>
      <c r="AR1155">
        <v>4</v>
      </c>
      <c r="AS1155">
        <v>32</v>
      </c>
      <c r="AT1155">
        <v>1.75</v>
      </c>
      <c r="AU1155">
        <v>0.13216403162055329</v>
      </c>
      <c r="AV1155">
        <v>-0.167128378829176</v>
      </c>
      <c r="AW1155">
        <v>0.28125</v>
      </c>
      <c r="AX1155">
        <v>95.612903225806448</v>
      </c>
      <c r="AY1155">
        <v>69</v>
      </c>
      <c r="AZ1155">
        <v>136.75</v>
      </c>
      <c r="BA1155">
        <v>0.58657509374943462</v>
      </c>
      <c r="BB1155">
        <v>0.53125</v>
      </c>
      <c r="BC1155">
        <v>3.3892680315457948</v>
      </c>
      <c r="BD1155" t="s">
        <v>4449</v>
      </c>
      <c r="BE1155" t="s">
        <v>62</v>
      </c>
    </row>
    <row r="1156" spans="1:57" x14ac:dyDescent="0.3">
      <c r="A1156" t="s">
        <v>4450</v>
      </c>
      <c r="B1156">
        <v>1421</v>
      </c>
      <c r="C1156" t="s">
        <v>4451</v>
      </c>
      <c r="D1156" t="s">
        <v>4452</v>
      </c>
      <c r="E1156" t="s">
        <v>10622</v>
      </c>
      <c r="F1156">
        <v>64</v>
      </c>
      <c r="G1156">
        <v>131.9375</v>
      </c>
      <c r="H1156">
        <v>144</v>
      </c>
      <c r="I1156">
        <v>5678.49609375</v>
      </c>
      <c r="J1156">
        <v>75.355796683135139</v>
      </c>
      <c r="K1156">
        <v>-8.1177135491772079E-2</v>
      </c>
      <c r="L1156">
        <v>-1.43599778744208</v>
      </c>
      <c r="M1156">
        <v>5.78125</v>
      </c>
      <c r="N1156">
        <v>2</v>
      </c>
      <c r="O1156">
        <v>1</v>
      </c>
      <c r="P1156">
        <v>1</v>
      </c>
      <c r="Q1156">
        <v>0.32821556024332821</v>
      </c>
      <c r="R1156">
        <v>4.0072571376121839</v>
      </c>
      <c r="S1156">
        <v>1</v>
      </c>
      <c r="T1156">
        <v>1</v>
      </c>
      <c r="U1156">
        <v>0</v>
      </c>
      <c r="V1156">
        <v>0</v>
      </c>
      <c r="W1156">
        <v>4.1431347263915326</v>
      </c>
      <c r="X1156">
        <v>1</v>
      </c>
      <c r="Y1156">
        <v>1</v>
      </c>
      <c r="Z1156">
        <v>0</v>
      </c>
      <c r="AA1156">
        <v>0</v>
      </c>
      <c r="AB1156">
        <v>4.1271343850450908</v>
      </c>
      <c r="AC1156">
        <v>1</v>
      </c>
      <c r="AD1156">
        <v>1</v>
      </c>
      <c r="AE1156">
        <v>0</v>
      </c>
      <c r="AF1156">
        <v>0</v>
      </c>
      <c r="AG1156">
        <v>4.1108738641733096</v>
      </c>
      <c r="AH1156">
        <v>5.5585411227939828E-2</v>
      </c>
      <c r="AI1156">
        <v>3.388240827683936E-3</v>
      </c>
      <c r="AJ1156">
        <v>7.8635283708068052E-3</v>
      </c>
      <c r="AK1156">
        <v>-0.13499575650325549</v>
      </c>
      <c r="AL1156">
        <v>681.331458509821</v>
      </c>
      <c r="AM1156">
        <v>1006.623784561481</v>
      </c>
      <c r="AN1156">
        <v>8444</v>
      </c>
      <c r="AO1156">
        <v>172.5990002681055</v>
      </c>
      <c r="AP1156">
        <v>500.72916631038379</v>
      </c>
      <c r="AQ1156">
        <v>1.359375</v>
      </c>
      <c r="AR1156">
        <v>3.96875</v>
      </c>
      <c r="AS1156">
        <v>64</v>
      </c>
      <c r="AT1156">
        <v>5.4687499999999991</v>
      </c>
      <c r="AU1156">
        <v>9.8770080321285147E-2</v>
      </c>
      <c r="AV1156">
        <v>5.6892301812022518E-2</v>
      </c>
      <c r="AW1156">
        <v>0.3125</v>
      </c>
      <c r="AX1156">
        <v>82.142857142857139</v>
      </c>
      <c r="AY1156">
        <v>76</v>
      </c>
      <c r="AZ1156">
        <v>137.75</v>
      </c>
      <c r="BA1156">
        <v>0.57114767737099115</v>
      </c>
      <c r="BB1156">
        <v>0.546875</v>
      </c>
      <c r="BC1156">
        <v>3.8790786576067919</v>
      </c>
      <c r="BD1156" t="s">
        <v>4453</v>
      </c>
      <c r="BE1156" t="s">
        <v>62</v>
      </c>
    </row>
    <row r="1157" spans="1:57" x14ac:dyDescent="0.3">
      <c r="A1157" t="s">
        <v>4454</v>
      </c>
      <c r="B1157">
        <v>2255</v>
      </c>
      <c r="C1157" t="s">
        <v>4455</v>
      </c>
      <c r="D1157" t="s">
        <v>4456</v>
      </c>
      <c r="E1157" t="s">
        <v>93</v>
      </c>
      <c r="F1157">
        <v>2269</v>
      </c>
      <c r="G1157">
        <v>127.89422653151171</v>
      </c>
      <c r="H1157">
        <v>128</v>
      </c>
      <c r="I1157">
        <v>5492.3748851333467</v>
      </c>
      <c r="J1157">
        <v>74.110558526658977</v>
      </c>
      <c r="K1157">
        <v>-1.491257275445327E-2</v>
      </c>
      <c r="L1157">
        <v>-1.1921311450119101</v>
      </c>
      <c r="M1157">
        <v>7.9270757330148651</v>
      </c>
      <c r="N1157">
        <v>16</v>
      </c>
      <c r="O1157">
        <v>1</v>
      </c>
      <c r="P1157">
        <v>15</v>
      </c>
      <c r="Q1157">
        <v>2.768555893132453</v>
      </c>
      <c r="R1157">
        <v>5.4946301944244293</v>
      </c>
      <c r="S1157">
        <v>2</v>
      </c>
      <c r="T1157">
        <v>1</v>
      </c>
      <c r="U1157">
        <v>1</v>
      </c>
      <c r="V1157">
        <v>0.13766755064536579</v>
      </c>
      <c r="W1157">
        <v>7.7003703061491642</v>
      </c>
      <c r="X1157">
        <v>2</v>
      </c>
      <c r="Y1157">
        <v>1</v>
      </c>
      <c r="Z1157">
        <v>1</v>
      </c>
      <c r="AA1157">
        <v>2.1002654959030531E-2</v>
      </c>
      <c r="AB1157">
        <v>7.7256011399821114</v>
      </c>
      <c r="AC1157">
        <v>1</v>
      </c>
      <c r="AD1157">
        <v>1</v>
      </c>
      <c r="AE1157">
        <v>0</v>
      </c>
      <c r="AF1157">
        <v>0</v>
      </c>
      <c r="AG1157">
        <v>7.7257714415879528</v>
      </c>
      <c r="AH1157">
        <v>6.6059414752962214E-3</v>
      </c>
      <c r="AI1157">
        <v>2.1980315891203819E-2</v>
      </c>
      <c r="AJ1157">
        <v>1.4136360677882719E-2</v>
      </c>
      <c r="AK1157">
        <v>-5.8436097956537643E-4</v>
      </c>
      <c r="AL1157">
        <v>3264.0577818343631</v>
      </c>
      <c r="AM1157">
        <v>6238.7504195028132</v>
      </c>
      <c r="AN1157">
        <v>290192</v>
      </c>
      <c r="AO1157">
        <v>145.0781732465785</v>
      </c>
      <c r="AP1157">
        <v>2935.4646629569302</v>
      </c>
      <c r="AQ1157">
        <v>1.0101366240634639</v>
      </c>
      <c r="AR1157">
        <v>4.005288673424416</v>
      </c>
      <c r="AS1157">
        <v>2263</v>
      </c>
      <c r="AT1157">
        <v>221.38695460555309</v>
      </c>
      <c r="AU1157">
        <v>1.8297773053690399E-2</v>
      </c>
      <c r="AV1157">
        <v>6.6097987101723966E-3</v>
      </c>
      <c r="AW1157">
        <v>0.36844424856765101</v>
      </c>
      <c r="AX1157">
        <v>85.402557319223988</v>
      </c>
      <c r="AY1157">
        <v>64</v>
      </c>
      <c r="AZ1157">
        <v>128</v>
      </c>
      <c r="BA1157">
        <v>0.5794675845543269</v>
      </c>
      <c r="BB1157">
        <v>0.50154252974878799</v>
      </c>
      <c r="BC1157">
        <v>5.3052414104656869</v>
      </c>
      <c r="BD1157" t="s">
        <v>4457</v>
      </c>
      <c r="BE1157" t="s">
        <v>68</v>
      </c>
    </row>
    <row r="1158" spans="1:57" x14ac:dyDescent="0.3">
      <c r="A1158" t="s">
        <v>4458</v>
      </c>
      <c r="B1158">
        <v>2529</v>
      </c>
      <c r="C1158" t="s">
        <v>4459</v>
      </c>
      <c r="D1158" t="s">
        <v>4460</v>
      </c>
      <c r="E1158" t="s">
        <v>85</v>
      </c>
      <c r="F1158">
        <v>8</v>
      </c>
      <c r="G1158">
        <v>93.875</v>
      </c>
      <c r="H1158">
        <v>93.5</v>
      </c>
      <c r="I1158">
        <v>6162.609375</v>
      </c>
      <c r="J1158">
        <v>78.50228897936671</v>
      </c>
      <c r="K1158">
        <v>0.30029387980633071</v>
      </c>
      <c r="L1158">
        <v>-1.278151723346006</v>
      </c>
      <c r="M1158">
        <v>3</v>
      </c>
      <c r="N1158">
        <v>1</v>
      </c>
      <c r="O1158">
        <v>1</v>
      </c>
      <c r="P1158">
        <v>0</v>
      </c>
      <c r="Q1158">
        <v>0</v>
      </c>
      <c r="R1158">
        <v>2.0794415416798362</v>
      </c>
      <c r="S1158">
        <v>1</v>
      </c>
      <c r="T1158">
        <v>1</v>
      </c>
      <c r="U1158">
        <v>0</v>
      </c>
      <c r="V1158">
        <v>0</v>
      </c>
      <c r="W1158">
        <v>1.945910149055313</v>
      </c>
      <c r="X1158">
        <v>1</v>
      </c>
      <c r="Y1158">
        <v>1</v>
      </c>
      <c r="Z1158">
        <v>0</v>
      </c>
      <c r="AA1158">
        <v>0</v>
      </c>
      <c r="AB1158">
        <v>1.791759469228055</v>
      </c>
      <c r="AC1158">
        <v>1</v>
      </c>
      <c r="AD1158">
        <v>1</v>
      </c>
      <c r="AE1158">
        <v>0</v>
      </c>
      <c r="AF1158">
        <v>0</v>
      </c>
      <c r="AG1158">
        <v>1.6094379124341009</v>
      </c>
      <c r="AH1158">
        <v>-0.45936843159477392</v>
      </c>
      <c r="AI1158">
        <v>0.1712666103796332</v>
      </c>
      <c r="AJ1158">
        <v>0.17982534539194281</v>
      </c>
      <c r="AK1158">
        <v>0</v>
      </c>
      <c r="AL1158">
        <v>296.98729702535383</v>
      </c>
      <c r="AM1158">
        <v>177.7626096949927</v>
      </c>
      <c r="AN1158">
        <v>751</v>
      </c>
      <c r="AO1158">
        <v>166.82989201581049</v>
      </c>
      <c r="AP1158">
        <v>244.55964804280219</v>
      </c>
      <c r="AQ1158">
        <v>3.5</v>
      </c>
      <c r="AR1158">
        <v>3.375</v>
      </c>
      <c r="AS1158">
        <v>8</v>
      </c>
      <c r="AT1158">
        <v>0</v>
      </c>
      <c r="AU1158">
        <v>0.29807692307692307</v>
      </c>
      <c r="AV1158">
        <v>-0.53828247685241237</v>
      </c>
      <c r="AW1158">
        <v>0.375</v>
      </c>
      <c r="AX1158">
        <v>123.28571428571431</v>
      </c>
      <c r="AY1158">
        <v>80.5</v>
      </c>
      <c r="AZ1158">
        <v>126.25</v>
      </c>
      <c r="BA1158">
        <v>0.83624275876822063</v>
      </c>
      <c r="BB1158">
        <v>0.5</v>
      </c>
      <c r="BC1158">
        <v>1.945910149055313</v>
      </c>
      <c r="BD1158" t="s">
        <v>4459</v>
      </c>
      <c r="BE1158" t="s">
        <v>68</v>
      </c>
    </row>
    <row r="1159" spans="1:57" x14ac:dyDescent="0.3">
      <c r="A1159" t="s">
        <v>4461</v>
      </c>
      <c r="B1159">
        <v>2866</v>
      </c>
      <c r="C1159" t="s">
        <v>4462</v>
      </c>
      <c r="D1159" t="s">
        <v>4463</v>
      </c>
      <c r="E1159" t="s">
        <v>98</v>
      </c>
      <c r="F1159">
        <v>16</v>
      </c>
      <c r="G1159">
        <v>106.3125</v>
      </c>
      <c r="H1159">
        <v>104</v>
      </c>
      <c r="I1159">
        <v>4290.08984375</v>
      </c>
      <c r="J1159">
        <v>65.498777421796206</v>
      </c>
      <c r="K1159">
        <v>0.240209947040743</v>
      </c>
      <c r="L1159">
        <v>-0.96594876767281601</v>
      </c>
      <c r="M1159">
        <v>4</v>
      </c>
      <c r="N1159">
        <v>1</v>
      </c>
      <c r="O1159">
        <v>1</v>
      </c>
      <c r="P1159">
        <v>0</v>
      </c>
      <c r="Q1159">
        <v>0</v>
      </c>
      <c r="R1159">
        <v>2.7725887222397811</v>
      </c>
      <c r="S1159">
        <v>1</v>
      </c>
      <c r="T1159">
        <v>1</v>
      </c>
      <c r="U1159">
        <v>0</v>
      </c>
      <c r="V1159">
        <v>0</v>
      </c>
      <c r="W1159">
        <v>2.7080502011022101</v>
      </c>
      <c r="X1159">
        <v>1</v>
      </c>
      <c r="Y1159">
        <v>1</v>
      </c>
      <c r="Z1159">
        <v>0</v>
      </c>
      <c r="AA1159">
        <v>0</v>
      </c>
      <c r="AB1159">
        <v>2.639057329615258</v>
      </c>
      <c r="AC1159">
        <v>1</v>
      </c>
      <c r="AD1159">
        <v>1</v>
      </c>
      <c r="AE1159">
        <v>0</v>
      </c>
      <c r="AF1159">
        <v>0</v>
      </c>
      <c r="AG1159">
        <v>2.5649493574615372</v>
      </c>
      <c r="AH1159">
        <v>-0.43054037375382759</v>
      </c>
      <c r="AI1159">
        <v>0.41251127917447822</v>
      </c>
      <c r="AJ1159">
        <v>-3.8520657164996003E-2</v>
      </c>
      <c r="AK1159">
        <v>-0.2657939173039609</v>
      </c>
      <c r="AL1159">
        <v>329.76399607024342</v>
      </c>
      <c r="AM1159">
        <v>375.14624734333211</v>
      </c>
      <c r="AN1159">
        <v>1701</v>
      </c>
      <c r="AO1159">
        <v>31.468822614320299</v>
      </c>
      <c r="AP1159">
        <v>263.04395798394103</v>
      </c>
      <c r="AQ1159">
        <v>2.25</v>
      </c>
      <c r="AR1159">
        <v>4</v>
      </c>
      <c r="AS1159">
        <v>16</v>
      </c>
      <c r="AT1159">
        <v>0</v>
      </c>
      <c r="AU1159">
        <v>0.2166666666666667</v>
      </c>
      <c r="AV1159">
        <v>-0.50226879433600147</v>
      </c>
      <c r="AW1159">
        <v>0.4375</v>
      </c>
      <c r="AX1159">
        <v>102.5333333333333</v>
      </c>
      <c r="AY1159">
        <v>50.5</v>
      </c>
      <c r="AZ1159">
        <v>81.25</v>
      </c>
      <c r="BA1159">
        <v>0.61609667180995842</v>
      </c>
      <c r="BB1159">
        <v>0.5</v>
      </c>
      <c r="BC1159">
        <v>2.7080502011022101</v>
      </c>
      <c r="BD1159" t="s">
        <v>4462</v>
      </c>
      <c r="BE1159" t="s">
        <v>62</v>
      </c>
    </row>
    <row r="1160" spans="1:57" x14ac:dyDescent="0.3">
      <c r="A1160" t="s">
        <v>4464</v>
      </c>
      <c r="B1160">
        <v>160</v>
      </c>
      <c r="C1160" t="s">
        <v>4465</v>
      </c>
      <c r="D1160" t="s">
        <v>4466</v>
      </c>
      <c r="E1160" t="s">
        <v>60</v>
      </c>
      <c r="F1160">
        <v>256</v>
      </c>
      <c r="G1160">
        <v>125.98828125</v>
      </c>
      <c r="H1160">
        <v>120</v>
      </c>
      <c r="I1160">
        <v>5466.5428314208984</v>
      </c>
      <c r="J1160">
        <v>73.936072599380736</v>
      </c>
      <c r="K1160">
        <v>1.54690403640163E-2</v>
      </c>
      <c r="L1160">
        <v>-1.214429634499498</v>
      </c>
      <c r="M1160">
        <v>7.170688427641414</v>
      </c>
      <c r="N1160">
        <v>6</v>
      </c>
      <c r="O1160">
        <v>1</v>
      </c>
      <c r="P1160">
        <v>5</v>
      </c>
      <c r="Q1160">
        <v>0.83686949778184316</v>
      </c>
      <c r="R1160">
        <v>4.9703424662934728</v>
      </c>
      <c r="S1160">
        <v>1</v>
      </c>
      <c r="T1160">
        <v>1</v>
      </c>
      <c r="U1160">
        <v>0</v>
      </c>
      <c r="V1160">
        <v>0</v>
      </c>
      <c r="W1160">
        <v>5.541263545158424</v>
      </c>
      <c r="X1160">
        <v>1</v>
      </c>
      <c r="Y1160">
        <v>1</v>
      </c>
      <c r="Z1160">
        <v>0</v>
      </c>
      <c r="AA1160">
        <v>0</v>
      </c>
      <c r="AB1160">
        <v>5.5373342670185366</v>
      </c>
      <c r="AC1160">
        <v>1</v>
      </c>
      <c r="AD1160">
        <v>1</v>
      </c>
      <c r="AE1160">
        <v>0</v>
      </c>
      <c r="AF1160">
        <v>0</v>
      </c>
      <c r="AG1160">
        <v>5.5333894887275203</v>
      </c>
      <c r="AH1160">
        <v>0.1153696402565212</v>
      </c>
      <c r="AI1160">
        <v>-3.1031380380728769E-2</v>
      </c>
      <c r="AJ1160">
        <v>-7.2168343343966546E-2</v>
      </c>
      <c r="AK1160">
        <v>-6.2016782972105562E-2</v>
      </c>
      <c r="AL1160">
        <v>1169.770522009454</v>
      </c>
      <c r="AM1160">
        <v>2023.504861827055</v>
      </c>
      <c r="AN1160">
        <v>32253</v>
      </c>
      <c r="AO1160">
        <v>75.333305217211844</v>
      </c>
      <c r="AP1160">
        <v>975.3317057277884</v>
      </c>
      <c r="AQ1160">
        <v>1.08984375</v>
      </c>
      <c r="AR1160">
        <v>3.984375</v>
      </c>
      <c r="AS1160">
        <v>255</v>
      </c>
      <c r="AT1160">
        <v>71.796875</v>
      </c>
      <c r="AU1160">
        <v>4.5052083333333333E-2</v>
      </c>
      <c r="AV1160">
        <v>0.115457205225308</v>
      </c>
      <c r="AW1160">
        <v>0.390625</v>
      </c>
      <c r="AX1160">
        <v>78.901960784313729</v>
      </c>
      <c r="AY1160">
        <v>61.5</v>
      </c>
      <c r="AZ1160">
        <v>127.75</v>
      </c>
      <c r="BA1160">
        <v>0.58684880741144907</v>
      </c>
      <c r="BB1160">
        <v>0.48046875</v>
      </c>
      <c r="BC1160">
        <v>4.8489117427853712</v>
      </c>
      <c r="BD1160" t="s">
        <v>4467</v>
      </c>
      <c r="BE1160" t="s">
        <v>62</v>
      </c>
    </row>
    <row r="1161" spans="1:57" x14ac:dyDescent="0.3">
      <c r="A1161" t="s">
        <v>4468</v>
      </c>
      <c r="B1161">
        <v>653</v>
      </c>
      <c r="C1161" t="s">
        <v>4469</v>
      </c>
      <c r="D1161" t="s">
        <v>4470</v>
      </c>
      <c r="E1161" t="s">
        <v>128</v>
      </c>
      <c r="F1161">
        <v>32</v>
      </c>
      <c r="G1161">
        <v>138.1875</v>
      </c>
      <c r="H1161">
        <v>141.5</v>
      </c>
      <c r="I1161">
        <v>5320.08984375</v>
      </c>
      <c r="J1161">
        <v>72.938946001090528</v>
      </c>
      <c r="K1161">
        <v>-0.18033931369539</v>
      </c>
      <c r="L1161">
        <v>-1.1794668880256649</v>
      </c>
      <c r="M1161">
        <v>4.8125</v>
      </c>
      <c r="N1161">
        <v>2</v>
      </c>
      <c r="O1161">
        <v>1</v>
      </c>
      <c r="P1161">
        <v>1</v>
      </c>
      <c r="Q1161">
        <v>0.3045434781492361</v>
      </c>
      <c r="R1161">
        <v>3.335770806444736</v>
      </c>
      <c r="S1161">
        <v>1</v>
      </c>
      <c r="T1161">
        <v>1</v>
      </c>
      <c r="U1161">
        <v>0</v>
      </c>
      <c r="V1161">
        <v>0</v>
      </c>
      <c r="W1161">
        <v>3.4339872044851458</v>
      </c>
      <c r="X1161">
        <v>1</v>
      </c>
      <c r="Y1161">
        <v>1</v>
      </c>
      <c r="Z1161">
        <v>0</v>
      </c>
      <c r="AA1161">
        <v>0</v>
      </c>
      <c r="AB1161">
        <v>3.401197381662155</v>
      </c>
      <c r="AC1161">
        <v>1</v>
      </c>
      <c r="AD1161">
        <v>1</v>
      </c>
      <c r="AE1161">
        <v>0</v>
      </c>
      <c r="AF1161">
        <v>0</v>
      </c>
      <c r="AG1161">
        <v>3.3672958299864728</v>
      </c>
      <c r="AH1161">
        <v>9.5701669416414642E-2</v>
      </c>
      <c r="AI1161">
        <v>-7.0836756751200304E-3</v>
      </c>
      <c r="AJ1161">
        <v>-0.11746923788293639</v>
      </c>
      <c r="AK1161">
        <v>0.10208811051563831</v>
      </c>
      <c r="AL1161">
        <v>505.99053373652879</v>
      </c>
      <c r="AM1161">
        <v>724.76311976329396</v>
      </c>
      <c r="AN1161">
        <v>4422</v>
      </c>
      <c r="AO1161">
        <v>156.74481025299471</v>
      </c>
      <c r="AP1161">
        <v>391.13377914520771</v>
      </c>
      <c r="AQ1161">
        <v>1.71875</v>
      </c>
      <c r="AR1161">
        <v>3.96875</v>
      </c>
      <c r="AS1161">
        <v>32</v>
      </c>
      <c r="AT1161">
        <v>2.4375</v>
      </c>
      <c r="AU1161">
        <v>9.7848360655737654E-2</v>
      </c>
      <c r="AV1161">
        <v>9.915060360819708E-2</v>
      </c>
      <c r="AW1161">
        <v>0.3125</v>
      </c>
      <c r="AX1161">
        <v>81.967741935483872</v>
      </c>
      <c r="AY1161">
        <v>61</v>
      </c>
      <c r="AZ1161">
        <v>117.5</v>
      </c>
      <c r="BA1161">
        <v>0.5278259321652865</v>
      </c>
      <c r="BB1161">
        <v>0.5</v>
      </c>
      <c r="BC1161">
        <v>3.3445488586064429</v>
      </c>
      <c r="BD1161" t="s">
        <v>4471</v>
      </c>
      <c r="BE1161" t="s">
        <v>62</v>
      </c>
    </row>
    <row r="1162" spans="1:57" x14ac:dyDescent="0.3">
      <c r="A1162" t="s">
        <v>4472</v>
      </c>
      <c r="B1162">
        <v>2187</v>
      </c>
      <c r="C1162" t="s">
        <v>4473</v>
      </c>
      <c r="D1162" t="s">
        <v>4474</v>
      </c>
      <c r="E1162" t="s">
        <v>66</v>
      </c>
      <c r="F1162">
        <v>70</v>
      </c>
      <c r="G1162">
        <v>116.94285714285709</v>
      </c>
      <c r="H1162">
        <v>97</v>
      </c>
      <c r="I1162">
        <v>5593.5110204081629</v>
      </c>
      <c r="J1162">
        <v>74.789778849841255</v>
      </c>
      <c r="K1162">
        <v>0.23278603397077671</v>
      </c>
      <c r="L1162">
        <v>-1.308578008422508</v>
      </c>
      <c r="M1162">
        <v>5.8505719454545861</v>
      </c>
      <c r="N1162">
        <v>3</v>
      </c>
      <c r="O1162">
        <v>1</v>
      </c>
      <c r="P1162">
        <v>2</v>
      </c>
      <c r="Q1162">
        <v>0.43743160865987968</v>
      </c>
      <c r="R1162">
        <v>4.0553074486549594</v>
      </c>
      <c r="S1162">
        <v>2</v>
      </c>
      <c r="T1162">
        <v>1</v>
      </c>
      <c r="U1162">
        <v>1</v>
      </c>
      <c r="V1162">
        <v>0.1203728348804772</v>
      </c>
      <c r="W1162">
        <v>4.2140152819723324</v>
      </c>
      <c r="X1162">
        <v>1</v>
      </c>
      <c r="Y1162">
        <v>1</v>
      </c>
      <c r="Z1162">
        <v>0</v>
      </c>
      <c r="AA1162">
        <v>0</v>
      </c>
      <c r="AB1162">
        <v>4.2195077051761087</v>
      </c>
      <c r="AC1162">
        <v>1</v>
      </c>
      <c r="AD1162">
        <v>1</v>
      </c>
      <c r="AE1162">
        <v>0</v>
      </c>
      <c r="AF1162">
        <v>0</v>
      </c>
      <c r="AG1162">
        <v>4.2046926193909648</v>
      </c>
      <c r="AH1162">
        <v>0.16547000932379849</v>
      </c>
      <c r="AI1162">
        <v>-0.14129741799728501</v>
      </c>
      <c r="AJ1162">
        <v>0.1368931308721599</v>
      </c>
      <c r="AK1162">
        <v>-1.5626207602449441E-2</v>
      </c>
      <c r="AL1162">
        <v>659.44275361871814</v>
      </c>
      <c r="AM1162">
        <v>956.02053048026266</v>
      </c>
      <c r="AN1162">
        <v>8186</v>
      </c>
      <c r="AO1162">
        <v>5.830661479663088</v>
      </c>
      <c r="AP1162">
        <v>479.60265101707381</v>
      </c>
      <c r="AQ1162">
        <v>1.328571428571429</v>
      </c>
      <c r="AR1162">
        <v>3.6142857142857139</v>
      </c>
      <c r="AS1162">
        <v>70</v>
      </c>
      <c r="AT1162">
        <v>10.171428571428571</v>
      </c>
      <c r="AU1162">
        <v>0.13181559476380189</v>
      </c>
      <c r="AV1162">
        <v>0.1671008789261075</v>
      </c>
      <c r="AW1162">
        <v>0.42857142857142849</v>
      </c>
      <c r="AX1162">
        <v>76.521739130434781</v>
      </c>
      <c r="AY1162">
        <v>62.5</v>
      </c>
      <c r="AZ1162">
        <v>130</v>
      </c>
      <c r="BA1162">
        <v>0.63954123130819551</v>
      </c>
      <c r="BB1162">
        <v>0.47142857142857142</v>
      </c>
      <c r="BC1162">
        <v>3.965337304041852</v>
      </c>
      <c r="BD1162" t="s">
        <v>4475</v>
      </c>
      <c r="BE1162" t="s">
        <v>68</v>
      </c>
    </row>
    <row r="1163" spans="1:57" x14ac:dyDescent="0.3">
      <c r="A1163" t="s">
        <v>4476</v>
      </c>
      <c r="B1163">
        <v>152</v>
      </c>
      <c r="C1163" t="s">
        <v>4477</v>
      </c>
      <c r="D1163" t="s">
        <v>4478</v>
      </c>
      <c r="E1163" t="s">
        <v>60</v>
      </c>
      <c r="F1163">
        <v>512</v>
      </c>
      <c r="G1163">
        <v>129.787109375</v>
      </c>
      <c r="H1163">
        <v>135</v>
      </c>
      <c r="I1163">
        <v>5674.2456932067871</v>
      </c>
      <c r="J1163">
        <v>75.327589190195027</v>
      </c>
      <c r="K1163">
        <v>-5.6401757186265777E-2</v>
      </c>
      <c r="L1163">
        <v>-1.2505218203019379</v>
      </c>
      <c r="M1163">
        <v>7.6214363235500704</v>
      </c>
      <c r="N1163">
        <v>7</v>
      </c>
      <c r="O1163">
        <v>1</v>
      </c>
      <c r="P1163">
        <v>6</v>
      </c>
      <c r="Q1163">
        <v>1.216398245377732</v>
      </c>
      <c r="R1163">
        <v>5.2827770994858856</v>
      </c>
      <c r="S1163">
        <v>2</v>
      </c>
      <c r="T1163">
        <v>1</v>
      </c>
      <c r="U1163">
        <v>1</v>
      </c>
      <c r="V1163">
        <v>6.2560641760670568E-2</v>
      </c>
      <c r="W1163">
        <v>6.2309437805711401</v>
      </c>
      <c r="X1163">
        <v>1</v>
      </c>
      <c r="Y1163">
        <v>1</v>
      </c>
      <c r="Z1163">
        <v>0</v>
      </c>
      <c r="AA1163">
        <v>0</v>
      </c>
      <c r="AB1163">
        <v>6.2344107257183694</v>
      </c>
      <c r="AC1163">
        <v>1</v>
      </c>
      <c r="AD1163">
        <v>1</v>
      </c>
      <c r="AE1163">
        <v>0</v>
      </c>
      <c r="AF1163">
        <v>0</v>
      </c>
      <c r="AG1163">
        <v>6.2324480165505216</v>
      </c>
      <c r="AH1163">
        <v>3.1512063918532937E-2</v>
      </c>
      <c r="AI1163">
        <v>6.1242955344245273E-3</v>
      </c>
      <c r="AJ1163">
        <v>-3.30498986690059E-2</v>
      </c>
      <c r="AK1163">
        <v>-7.6068309209236684E-2</v>
      </c>
      <c r="AL1163">
        <v>1640.611250432627</v>
      </c>
      <c r="AM1163">
        <v>2972.8928209664559</v>
      </c>
      <c r="AN1163">
        <v>66451</v>
      </c>
      <c r="AO1163">
        <v>24.72332820512289</v>
      </c>
      <c r="AP1163">
        <v>1454.401825123768</v>
      </c>
      <c r="AQ1163">
        <v>1.044921875</v>
      </c>
      <c r="AR1163">
        <v>4.017578125</v>
      </c>
      <c r="AS1163">
        <v>512</v>
      </c>
      <c r="AT1163">
        <v>146.30078125000011</v>
      </c>
      <c r="AU1163">
        <v>3.5817544291338543E-2</v>
      </c>
      <c r="AV1163">
        <v>3.1595893010205732E-2</v>
      </c>
      <c r="AW1163">
        <v>0.337890625</v>
      </c>
      <c r="AX1163">
        <v>87.594911937377688</v>
      </c>
      <c r="AY1163">
        <v>67</v>
      </c>
      <c r="AZ1163">
        <v>135.25</v>
      </c>
      <c r="BA1163">
        <v>0.5803934578167349</v>
      </c>
      <c r="BB1163">
        <v>0.521484375</v>
      </c>
      <c r="BC1163">
        <v>5.0762286660091753</v>
      </c>
      <c r="BD1163" t="s">
        <v>4479</v>
      </c>
      <c r="BE1163" t="s">
        <v>62</v>
      </c>
    </row>
    <row r="1164" spans="1:57" x14ac:dyDescent="0.3">
      <c r="A1164" t="s">
        <v>4480</v>
      </c>
      <c r="B1164">
        <v>2610</v>
      </c>
      <c r="C1164" t="s">
        <v>4481</v>
      </c>
      <c r="D1164" t="s">
        <v>4482</v>
      </c>
      <c r="E1164" t="s">
        <v>98</v>
      </c>
      <c r="F1164">
        <v>16</v>
      </c>
      <c r="G1164">
        <v>112.6875</v>
      </c>
      <c r="H1164">
        <v>116.5</v>
      </c>
      <c r="I1164">
        <v>6608.46484375</v>
      </c>
      <c r="J1164">
        <v>81.292464864524803</v>
      </c>
      <c r="K1164">
        <v>-2.957707015656021E-2</v>
      </c>
      <c r="L1164">
        <v>-1.662614030778417</v>
      </c>
      <c r="M1164">
        <v>4</v>
      </c>
      <c r="N1164">
        <v>1</v>
      </c>
      <c r="O1164">
        <v>1</v>
      </c>
      <c r="P1164">
        <v>0</v>
      </c>
      <c r="Q1164">
        <v>0</v>
      </c>
      <c r="R1164">
        <v>2.7725887222397811</v>
      </c>
      <c r="S1164">
        <v>1</v>
      </c>
      <c r="T1164">
        <v>1</v>
      </c>
      <c r="U1164">
        <v>0</v>
      </c>
      <c r="V1164">
        <v>0</v>
      </c>
      <c r="W1164">
        <v>2.7080502011022101</v>
      </c>
      <c r="X1164">
        <v>1</v>
      </c>
      <c r="Y1164">
        <v>1</v>
      </c>
      <c r="Z1164">
        <v>0</v>
      </c>
      <c r="AA1164">
        <v>0</v>
      </c>
      <c r="AB1164">
        <v>2.639057329615258</v>
      </c>
      <c r="AC1164">
        <v>1</v>
      </c>
      <c r="AD1164">
        <v>1</v>
      </c>
      <c r="AE1164">
        <v>0</v>
      </c>
      <c r="AF1164">
        <v>0</v>
      </c>
      <c r="AG1164">
        <v>2.5649493574615372</v>
      </c>
      <c r="AH1164">
        <v>9.2330940076263454E-2</v>
      </c>
      <c r="AI1164">
        <v>-0.26080490102951531</v>
      </c>
      <c r="AJ1164">
        <v>0.19455231571487089</v>
      </c>
      <c r="AK1164">
        <v>2.390363152845516E-2</v>
      </c>
      <c r="AL1164">
        <v>405.15431489293661</v>
      </c>
      <c r="AM1164">
        <v>380.47467868918051</v>
      </c>
      <c r="AN1164">
        <v>1803</v>
      </c>
      <c r="AO1164">
        <v>133.06981810364701</v>
      </c>
      <c r="AP1164">
        <v>297.81618701878608</v>
      </c>
      <c r="AQ1164">
        <v>2.3125</v>
      </c>
      <c r="AR1164">
        <v>3.625</v>
      </c>
      <c r="AS1164">
        <v>16</v>
      </c>
      <c r="AT1164">
        <v>0</v>
      </c>
      <c r="AU1164">
        <v>0.21915584415584419</v>
      </c>
      <c r="AV1164">
        <v>0.1115577559955671</v>
      </c>
      <c r="AW1164">
        <v>0.1875</v>
      </c>
      <c r="AX1164">
        <v>83.4</v>
      </c>
      <c r="AY1164">
        <v>84</v>
      </c>
      <c r="AZ1164">
        <v>156</v>
      </c>
      <c r="BA1164">
        <v>0.72139735875340927</v>
      </c>
      <c r="BB1164">
        <v>0.5</v>
      </c>
      <c r="BC1164">
        <v>2.7080502011022101</v>
      </c>
      <c r="BD1164" t="s">
        <v>4481</v>
      </c>
      <c r="BE1164" t="s">
        <v>62</v>
      </c>
    </row>
    <row r="1165" spans="1:57" x14ac:dyDescent="0.3">
      <c r="A1165" t="s">
        <v>4483</v>
      </c>
      <c r="B1165">
        <v>3204</v>
      </c>
      <c r="C1165" t="s">
        <v>4484</v>
      </c>
      <c r="D1165" t="s">
        <v>4485</v>
      </c>
      <c r="E1165" t="s">
        <v>98</v>
      </c>
      <c r="F1165">
        <v>16</v>
      </c>
      <c r="G1165">
        <v>133.4375</v>
      </c>
      <c r="H1165">
        <v>139</v>
      </c>
      <c r="I1165">
        <v>5499.24609375</v>
      </c>
      <c r="J1165">
        <v>74.156901861863133</v>
      </c>
      <c r="K1165">
        <v>1.0846876202500199E-3</v>
      </c>
      <c r="L1165">
        <v>-1.1771069117669759</v>
      </c>
      <c r="M1165">
        <v>4</v>
      </c>
      <c r="N1165">
        <v>1</v>
      </c>
      <c r="O1165">
        <v>1</v>
      </c>
      <c r="P1165">
        <v>0</v>
      </c>
      <c r="Q1165">
        <v>0</v>
      </c>
      <c r="R1165">
        <v>2.7725887222397811</v>
      </c>
      <c r="S1165">
        <v>1</v>
      </c>
      <c r="T1165">
        <v>1</v>
      </c>
      <c r="U1165">
        <v>0</v>
      </c>
      <c r="V1165">
        <v>0</v>
      </c>
      <c r="W1165">
        <v>2.7080502011022101</v>
      </c>
      <c r="X1165">
        <v>1</v>
      </c>
      <c r="Y1165">
        <v>1</v>
      </c>
      <c r="Z1165">
        <v>0</v>
      </c>
      <c r="AA1165">
        <v>0</v>
      </c>
      <c r="AB1165">
        <v>2.639057329615258</v>
      </c>
      <c r="AC1165">
        <v>1</v>
      </c>
      <c r="AD1165">
        <v>1</v>
      </c>
      <c r="AE1165">
        <v>0</v>
      </c>
      <c r="AF1165">
        <v>0</v>
      </c>
      <c r="AG1165">
        <v>2.5649493574615372</v>
      </c>
      <c r="AH1165">
        <v>-0.32387327417749728</v>
      </c>
      <c r="AI1165">
        <v>5.7088702499703443E-2</v>
      </c>
      <c r="AJ1165">
        <v>6.0196949937029717E-2</v>
      </c>
      <c r="AK1165">
        <v>0.1873483900847204</v>
      </c>
      <c r="AL1165">
        <v>396.64492073934008</v>
      </c>
      <c r="AM1165">
        <v>464.27341820492228</v>
      </c>
      <c r="AN1165">
        <v>2135</v>
      </c>
      <c r="AO1165">
        <v>53.224014296666851</v>
      </c>
      <c r="AP1165">
        <v>291.41957726055148</v>
      </c>
      <c r="AQ1165">
        <v>2.3125</v>
      </c>
      <c r="AR1165">
        <v>4.1875</v>
      </c>
      <c r="AS1165">
        <v>16</v>
      </c>
      <c r="AT1165">
        <v>0</v>
      </c>
      <c r="AU1165">
        <v>0.1200787401574803</v>
      </c>
      <c r="AV1165">
        <v>-0.3372290117646648</v>
      </c>
      <c r="AW1165">
        <v>0.375</v>
      </c>
      <c r="AX1165">
        <v>107.1333333333333</v>
      </c>
      <c r="AY1165">
        <v>64.5</v>
      </c>
      <c r="AZ1165">
        <v>111.25</v>
      </c>
      <c r="BA1165">
        <v>0.55574259006548488</v>
      </c>
      <c r="BB1165">
        <v>0.5</v>
      </c>
      <c r="BC1165">
        <v>2.7080502011022101</v>
      </c>
      <c r="BD1165" t="s">
        <v>4484</v>
      </c>
      <c r="BE1165" t="s">
        <v>62</v>
      </c>
    </row>
    <row r="1166" spans="1:57" x14ac:dyDescent="0.3">
      <c r="A1166" t="s">
        <v>4486</v>
      </c>
      <c r="B1166">
        <v>2911</v>
      </c>
      <c r="C1166" t="s">
        <v>4487</v>
      </c>
      <c r="D1166" t="s">
        <v>4488</v>
      </c>
      <c r="E1166" t="s">
        <v>128</v>
      </c>
      <c r="F1166">
        <v>32</v>
      </c>
      <c r="G1166">
        <v>115.8125</v>
      </c>
      <c r="H1166">
        <v>96</v>
      </c>
      <c r="I1166">
        <v>6419.40234375</v>
      </c>
      <c r="J1166">
        <v>80.121172880518913</v>
      </c>
      <c r="K1166">
        <v>0.24991354610997579</v>
      </c>
      <c r="L1166">
        <v>-1.3642950096290269</v>
      </c>
      <c r="M1166">
        <v>4.9375</v>
      </c>
      <c r="N1166">
        <v>2</v>
      </c>
      <c r="O1166">
        <v>1</v>
      </c>
      <c r="P1166">
        <v>1</v>
      </c>
      <c r="Q1166">
        <v>0.17668469596940839</v>
      </c>
      <c r="R1166">
        <v>3.422414204014729</v>
      </c>
      <c r="S1166">
        <v>1</v>
      </c>
      <c r="T1166">
        <v>1</v>
      </c>
      <c r="U1166">
        <v>0</v>
      </c>
      <c r="V1166">
        <v>0</v>
      </c>
      <c r="W1166">
        <v>3.4339872044851458</v>
      </c>
      <c r="X1166">
        <v>1</v>
      </c>
      <c r="Y1166">
        <v>1</v>
      </c>
      <c r="Z1166">
        <v>0</v>
      </c>
      <c r="AA1166">
        <v>0</v>
      </c>
      <c r="AB1166">
        <v>3.401197381662155</v>
      </c>
      <c r="AC1166">
        <v>1</v>
      </c>
      <c r="AD1166">
        <v>1</v>
      </c>
      <c r="AE1166">
        <v>0</v>
      </c>
      <c r="AF1166">
        <v>0</v>
      </c>
      <c r="AG1166">
        <v>3.3672958299864728</v>
      </c>
      <c r="AH1166">
        <v>0.4595021798234965</v>
      </c>
      <c r="AI1166">
        <v>0.15828262189760409</v>
      </c>
      <c r="AJ1166">
        <v>-0.28657104971074632</v>
      </c>
      <c r="AK1166">
        <v>6.0802113891784373E-2</v>
      </c>
      <c r="AL1166">
        <v>488.8598201110824</v>
      </c>
      <c r="AM1166">
        <v>628.99767589472071</v>
      </c>
      <c r="AN1166">
        <v>3706</v>
      </c>
      <c r="AO1166">
        <v>126.74231924179109</v>
      </c>
      <c r="AP1166">
        <v>300.65270335360441</v>
      </c>
      <c r="AQ1166">
        <v>1.65625</v>
      </c>
      <c r="AR1166">
        <v>3.96875</v>
      </c>
      <c r="AS1166">
        <v>32</v>
      </c>
      <c r="AT1166">
        <v>0.93749999999999978</v>
      </c>
      <c r="AU1166">
        <v>0.1503826530612245</v>
      </c>
      <c r="AV1166">
        <v>0.46287074720646681</v>
      </c>
      <c r="AW1166">
        <v>0.4375</v>
      </c>
      <c r="AX1166">
        <v>62.838709677419352</v>
      </c>
      <c r="AY1166">
        <v>68</v>
      </c>
      <c r="AZ1166">
        <v>148</v>
      </c>
      <c r="BA1166">
        <v>0.69181800652363878</v>
      </c>
      <c r="BB1166">
        <v>0.4375</v>
      </c>
      <c r="BC1166">
        <v>3.4339872044851458</v>
      </c>
      <c r="BD1166" t="s">
        <v>4489</v>
      </c>
      <c r="BE1166" t="s">
        <v>62</v>
      </c>
    </row>
    <row r="1167" spans="1:57" x14ac:dyDescent="0.3">
      <c r="A1167" t="s">
        <v>4490</v>
      </c>
      <c r="B1167">
        <v>1196</v>
      </c>
      <c r="C1167" t="s">
        <v>4491</v>
      </c>
      <c r="D1167" t="s">
        <v>4492</v>
      </c>
      <c r="E1167" t="s">
        <v>66</v>
      </c>
      <c r="F1167">
        <v>72</v>
      </c>
      <c r="G1167">
        <v>132.81944444444451</v>
      </c>
      <c r="H1167">
        <v>149.5</v>
      </c>
      <c r="I1167">
        <v>6944.4812885802476</v>
      </c>
      <c r="J1167">
        <v>83.33355439785494</v>
      </c>
      <c r="K1167">
        <v>-0.13311239198840169</v>
      </c>
      <c r="L1167">
        <v>-1.451809864490909</v>
      </c>
      <c r="M1167">
        <v>5.7705515639122673</v>
      </c>
      <c r="N1167">
        <v>3</v>
      </c>
      <c r="O1167">
        <v>1</v>
      </c>
      <c r="P1167">
        <v>2</v>
      </c>
      <c r="Q1167">
        <v>0.46647411236098901</v>
      </c>
      <c r="R1167">
        <v>3.999841546801568</v>
      </c>
      <c r="S1167">
        <v>2</v>
      </c>
      <c r="T1167">
        <v>1</v>
      </c>
      <c r="U1167">
        <v>1</v>
      </c>
      <c r="V1167">
        <v>0.16776575221435111</v>
      </c>
      <c r="W1167">
        <v>4.2236293316576567</v>
      </c>
      <c r="X1167">
        <v>2</v>
      </c>
      <c r="Y1167">
        <v>1</v>
      </c>
      <c r="Z1167">
        <v>1</v>
      </c>
      <c r="AA1167">
        <v>0.11951030798891769</v>
      </c>
      <c r="AB1167">
        <v>4.2286910368905044</v>
      </c>
      <c r="AC1167">
        <v>1</v>
      </c>
      <c r="AD1167">
        <v>1</v>
      </c>
      <c r="AE1167">
        <v>0</v>
      </c>
      <c r="AF1167">
        <v>0</v>
      </c>
      <c r="AG1167">
        <v>4.2341065045972579</v>
      </c>
      <c r="AH1167">
        <v>-3.0859595917761159E-2</v>
      </c>
      <c r="AI1167">
        <v>0.13958574012997749</v>
      </c>
      <c r="AJ1167">
        <v>-4.3896843105946597E-2</v>
      </c>
      <c r="AK1167">
        <v>3.2784507387135203E-2</v>
      </c>
      <c r="AL1167">
        <v>758.05767182574812</v>
      </c>
      <c r="AM1167">
        <v>1093.3908570068279</v>
      </c>
      <c r="AN1167">
        <v>9563</v>
      </c>
      <c r="AO1167">
        <v>148.87885873953911</v>
      </c>
      <c r="AP1167">
        <v>586.68566441970415</v>
      </c>
      <c r="AQ1167">
        <v>1.319444444444444</v>
      </c>
      <c r="AR1167">
        <v>3.6944444444444451</v>
      </c>
      <c r="AS1167">
        <v>72</v>
      </c>
      <c r="AT1167">
        <v>10.16666666666667</v>
      </c>
      <c r="AU1167">
        <v>0.12009803921568631</v>
      </c>
      <c r="AV1167">
        <v>-3.1264657769711601E-2</v>
      </c>
      <c r="AW1167">
        <v>0.2638888888888889</v>
      </c>
      <c r="AX1167">
        <v>98.957746478873233</v>
      </c>
      <c r="AY1167">
        <v>77.5</v>
      </c>
      <c r="AZ1167">
        <v>150.25</v>
      </c>
      <c r="BA1167">
        <v>0.62741983861189532</v>
      </c>
      <c r="BB1167">
        <v>0.55555555555555558</v>
      </c>
      <c r="BC1167">
        <v>3.9476917101667799</v>
      </c>
      <c r="BD1167" t="s">
        <v>4493</v>
      </c>
      <c r="BE1167" t="s">
        <v>68</v>
      </c>
    </row>
    <row r="1168" spans="1:57" x14ac:dyDescent="0.3">
      <c r="A1168" t="s">
        <v>4494</v>
      </c>
      <c r="B1168">
        <v>1215</v>
      </c>
      <c r="C1168" t="s">
        <v>4495</v>
      </c>
      <c r="D1168" t="s">
        <v>4496</v>
      </c>
      <c r="E1168" t="s">
        <v>93</v>
      </c>
      <c r="F1168">
        <v>1215</v>
      </c>
      <c r="G1168">
        <v>125.1909465020576</v>
      </c>
      <c r="H1168">
        <v>127</v>
      </c>
      <c r="I1168">
        <v>5467.1273254415828</v>
      </c>
      <c r="J1168">
        <v>73.940025192324512</v>
      </c>
      <c r="K1168">
        <v>2.275630957438864E-2</v>
      </c>
      <c r="L1168">
        <v>-1.194930996188849</v>
      </c>
      <c r="M1168">
        <v>7.8564322460171043</v>
      </c>
      <c r="N1168">
        <v>13</v>
      </c>
      <c r="O1168">
        <v>1</v>
      </c>
      <c r="P1168">
        <v>12</v>
      </c>
      <c r="Q1168">
        <v>2.0673771893165931</v>
      </c>
      <c r="R1168">
        <v>5.4456638605869969</v>
      </c>
      <c r="S1168">
        <v>2</v>
      </c>
      <c r="T1168">
        <v>1</v>
      </c>
      <c r="U1168">
        <v>1</v>
      </c>
      <c r="V1168">
        <v>8.1175709787863468E-2</v>
      </c>
      <c r="W1168">
        <v>7.0925405886796078</v>
      </c>
      <c r="X1168">
        <v>1</v>
      </c>
      <c r="Y1168">
        <v>1</v>
      </c>
      <c r="Z1168">
        <v>0</v>
      </c>
      <c r="AA1168">
        <v>0</v>
      </c>
      <c r="AB1168">
        <v>7.1008519089440503</v>
      </c>
      <c r="AC1168">
        <v>1</v>
      </c>
      <c r="AD1168">
        <v>1</v>
      </c>
      <c r="AE1168">
        <v>0</v>
      </c>
      <c r="AF1168">
        <v>0</v>
      </c>
      <c r="AG1168">
        <v>7.1000271666292596</v>
      </c>
      <c r="AH1168">
        <v>9.0127649706100207E-3</v>
      </c>
      <c r="AI1168">
        <v>4.8849504150470138E-2</v>
      </c>
      <c r="AJ1168">
        <v>-7.4156195961668876E-3</v>
      </c>
      <c r="AK1168">
        <v>4.5048791541556901E-2</v>
      </c>
      <c r="AL1168">
        <v>2420.7906490972241</v>
      </c>
      <c r="AM1168">
        <v>4452.4994815545388</v>
      </c>
      <c r="AN1168">
        <v>152107</v>
      </c>
      <c r="AO1168">
        <v>115.6315262145597</v>
      </c>
      <c r="AP1168">
        <v>2194.1090829175391</v>
      </c>
      <c r="AQ1168">
        <v>1.018930041152263</v>
      </c>
      <c r="AR1168">
        <v>3.9283950617283949</v>
      </c>
      <c r="AS1168">
        <v>1206</v>
      </c>
      <c r="AT1168">
        <v>228.7407407407407</v>
      </c>
      <c r="AU1168">
        <v>2.6046961994674489E-2</v>
      </c>
      <c r="AV1168">
        <v>9.0213706219824021E-3</v>
      </c>
      <c r="AW1168">
        <v>0.36625514403292181</v>
      </c>
      <c r="AX1168">
        <v>84.803953871499175</v>
      </c>
      <c r="AY1168">
        <v>64</v>
      </c>
      <c r="AZ1168">
        <v>127</v>
      </c>
      <c r="BA1168">
        <v>0.59061799002461612</v>
      </c>
      <c r="BB1168">
        <v>0.50699588477366253</v>
      </c>
      <c r="BC1168">
        <v>5.2324589807938491</v>
      </c>
      <c r="BD1168" t="s">
        <v>4497</v>
      </c>
      <c r="BE1168" t="s">
        <v>68</v>
      </c>
    </row>
    <row r="1169" spans="1:57" x14ac:dyDescent="0.3">
      <c r="A1169" t="s">
        <v>4498</v>
      </c>
      <c r="B1169">
        <v>2287</v>
      </c>
      <c r="C1169" t="s">
        <v>4499</v>
      </c>
      <c r="D1169" t="s">
        <v>4500</v>
      </c>
      <c r="E1169" t="s">
        <v>115</v>
      </c>
      <c r="F1169">
        <v>2336</v>
      </c>
      <c r="G1169">
        <v>126.6887842465753</v>
      </c>
      <c r="H1169">
        <v>127</v>
      </c>
      <c r="I1169">
        <v>5487.0893605082447</v>
      </c>
      <c r="J1169">
        <v>74.074890215971593</v>
      </c>
      <c r="K1169">
        <v>1.4448804587443491E-3</v>
      </c>
      <c r="L1169">
        <v>-1.2091623406088789</v>
      </c>
      <c r="M1169">
        <v>7.9170181643126316</v>
      </c>
      <c r="N1169">
        <v>21</v>
      </c>
      <c r="O1169">
        <v>2</v>
      </c>
      <c r="P1169">
        <v>19</v>
      </c>
      <c r="Q1169">
        <v>3.0986388140601351</v>
      </c>
      <c r="R1169">
        <v>5.4876588190351772</v>
      </c>
      <c r="S1169">
        <v>2</v>
      </c>
      <c r="T1169">
        <v>1</v>
      </c>
      <c r="U1169">
        <v>1</v>
      </c>
      <c r="V1169">
        <v>0.14032910648962399</v>
      </c>
      <c r="W1169">
        <v>7.7284568743378941</v>
      </c>
      <c r="X1169">
        <v>1</v>
      </c>
      <c r="Y1169">
        <v>1</v>
      </c>
      <c r="Z1169">
        <v>0</v>
      </c>
      <c r="AA1169">
        <v>0</v>
      </c>
      <c r="AB1169">
        <v>7.7553388128465013</v>
      </c>
      <c r="AC1169">
        <v>1</v>
      </c>
      <c r="AD1169">
        <v>1</v>
      </c>
      <c r="AE1169">
        <v>0</v>
      </c>
      <c r="AF1169">
        <v>0</v>
      </c>
      <c r="AG1169">
        <v>7.75491027202143</v>
      </c>
      <c r="AH1169">
        <v>-2.7479738974191981E-2</v>
      </c>
      <c r="AI1169">
        <v>5.2780644840111593E-2</v>
      </c>
      <c r="AJ1169">
        <v>-2.1435943809625141E-3</v>
      </c>
      <c r="AK1169">
        <v>-6.8841256700199914E-3</v>
      </c>
      <c r="AL1169">
        <v>3311.2144080082162</v>
      </c>
      <c r="AM1169">
        <v>6272.6877926610387</v>
      </c>
      <c r="AN1169">
        <v>295945</v>
      </c>
      <c r="AO1169">
        <v>147.92463984581329</v>
      </c>
      <c r="AP1169">
        <v>2997.2566200319779</v>
      </c>
      <c r="AQ1169">
        <v>1.0098458904109591</v>
      </c>
      <c r="AR1169">
        <v>4.0038527397260273</v>
      </c>
      <c r="AS1169">
        <v>2333</v>
      </c>
      <c r="AT1169">
        <v>269.36986301369859</v>
      </c>
      <c r="AU1169">
        <v>1.447757185065807E-2</v>
      </c>
      <c r="AV1169">
        <v>-2.749348340414039E-2</v>
      </c>
      <c r="AW1169">
        <v>0.36601027397260272</v>
      </c>
      <c r="AX1169">
        <v>86.691648822269812</v>
      </c>
      <c r="AY1169">
        <v>65</v>
      </c>
      <c r="AZ1169">
        <v>130</v>
      </c>
      <c r="BA1169">
        <v>0.58469966900778736</v>
      </c>
      <c r="BB1169">
        <v>0.50085616438356162</v>
      </c>
      <c r="BC1169">
        <v>5.3112864361529653</v>
      </c>
      <c r="BD1169" t="s">
        <v>4501</v>
      </c>
      <c r="BE1169" t="s">
        <v>62</v>
      </c>
    </row>
    <row r="1170" spans="1:57" x14ac:dyDescent="0.3">
      <c r="A1170" t="s">
        <v>4502</v>
      </c>
      <c r="B1170">
        <v>1212</v>
      </c>
      <c r="C1170" t="s">
        <v>4503</v>
      </c>
      <c r="D1170" t="s">
        <v>4504</v>
      </c>
      <c r="E1170" t="s">
        <v>128</v>
      </c>
      <c r="F1170">
        <v>32</v>
      </c>
      <c r="G1170">
        <v>145.15625</v>
      </c>
      <c r="H1170">
        <v>146.5</v>
      </c>
      <c r="I1170">
        <v>5275.8818359375</v>
      </c>
      <c r="J1170">
        <v>72.635265786926809</v>
      </c>
      <c r="K1170">
        <v>-0.19655454918560381</v>
      </c>
      <c r="L1170">
        <v>-1.0730647020670041</v>
      </c>
      <c r="M1170">
        <v>4.8125</v>
      </c>
      <c r="N1170">
        <v>2</v>
      </c>
      <c r="O1170">
        <v>1</v>
      </c>
      <c r="P1170">
        <v>1</v>
      </c>
      <c r="Q1170">
        <v>0.30454347814923599</v>
      </c>
      <c r="R1170">
        <v>3.335770806444736</v>
      </c>
      <c r="S1170">
        <v>1</v>
      </c>
      <c r="T1170">
        <v>1</v>
      </c>
      <c r="U1170">
        <v>0</v>
      </c>
      <c r="V1170">
        <v>0</v>
      </c>
      <c r="W1170">
        <v>3.4339872044851458</v>
      </c>
      <c r="X1170">
        <v>1</v>
      </c>
      <c r="Y1170">
        <v>1</v>
      </c>
      <c r="Z1170">
        <v>0</v>
      </c>
      <c r="AA1170">
        <v>0</v>
      </c>
      <c r="AB1170">
        <v>3.401197381662155</v>
      </c>
      <c r="AC1170">
        <v>1</v>
      </c>
      <c r="AD1170">
        <v>1</v>
      </c>
      <c r="AE1170">
        <v>0</v>
      </c>
      <c r="AF1170">
        <v>0</v>
      </c>
      <c r="AG1170">
        <v>3.3672958299864728</v>
      </c>
      <c r="AH1170">
        <v>8.8066997602777822E-2</v>
      </c>
      <c r="AI1170">
        <v>-0.13631913994309669</v>
      </c>
      <c r="AJ1170">
        <v>1.0587517258204209E-2</v>
      </c>
      <c r="AK1170">
        <v>-0.13897961972441289</v>
      </c>
      <c r="AL1170">
        <v>502.48657466213331</v>
      </c>
      <c r="AM1170">
        <v>768.49609126157327</v>
      </c>
      <c r="AN1170">
        <v>4645</v>
      </c>
      <c r="AO1170">
        <v>57.264304569659259</v>
      </c>
      <c r="AP1170">
        <v>383.11881190206429</v>
      </c>
      <c r="AQ1170">
        <v>1.71875</v>
      </c>
      <c r="AR1170">
        <v>4.1875</v>
      </c>
      <c r="AS1170">
        <v>32</v>
      </c>
      <c r="AT1170">
        <v>2.4375</v>
      </c>
      <c r="AU1170">
        <v>0.1110294117647059</v>
      </c>
      <c r="AV1170">
        <v>9.0583965830190113E-2</v>
      </c>
      <c r="AW1170">
        <v>0.21875</v>
      </c>
      <c r="AX1170">
        <v>76.967741935483872</v>
      </c>
      <c r="AY1170">
        <v>70.5</v>
      </c>
      <c r="AZ1170">
        <v>120.5</v>
      </c>
      <c r="BA1170">
        <v>0.50039365020057225</v>
      </c>
      <c r="BB1170">
        <v>0.53125</v>
      </c>
      <c r="BC1170">
        <v>3.3445488586064429</v>
      </c>
      <c r="BD1170" t="s">
        <v>4505</v>
      </c>
      <c r="BE1170" t="s">
        <v>62</v>
      </c>
    </row>
    <row r="1171" spans="1:57" x14ac:dyDescent="0.3">
      <c r="A1171" t="s">
        <v>4506</v>
      </c>
      <c r="B1171">
        <v>1775</v>
      </c>
      <c r="C1171" t="s">
        <v>4507</v>
      </c>
      <c r="D1171" t="s">
        <v>4508</v>
      </c>
      <c r="E1171" t="s">
        <v>115</v>
      </c>
      <c r="F1171">
        <v>1847</v>
      </c>
      <c r="G1171">
        <v>126.7899296155929</v>
      </c>
      <c r="H1171">
        <v>127</v>
      </c>
      <c r="I1171">
        <v>5466.8405482895778</v>
      </c>
      <c r="J1171">
        <v>73.93808591172467</v>
      </c>
      <c r="K1171">
        <v>3.4263520226041053E-2</v>
      </c>
      <c r="L1171">
        <v>-1.2062189859819701</v>
      </c>
      <c r="M1171">
        <v>7.8923891087119946</v>
      </c>
      <c r="N1171">
        <v>15</v>
      </c>
      <c r="O1171">
        <v>1</v>
      </c>
      <c r="P1171">
        <v>14</v>
      </c>
      <c r="Q1171">
        <v>2.746577126731732</v>
      </c>
      <c r="R1171">
        <v>5.4705872585857431</v>
      </c>
      <c r="S1171">
        <v>3</v>
      </c>
      <c r="T1171">
        <v>1</v>
      </c>
      <c r="U1171">
        <v>2</v>
      </c>
      <c r="V1171">
        <v>0.1232648258057501</v>
      </c>
      <c r="W1171">
        <v>7.5021861870268234</v>
      </c>
      <c r="X1171">
        <v>1</v>
      </c>
      <c r="Y1171">
        <v>1</v>
      </c>
      <c r="Z1171">
        <v>0</v>
      </c>
      <c r="AA1171">
        <v>0</v>
      </c>
      <c r="AB1171">
        <v>7.5202345564746249</v>
      </c>
      <c r="AC1171">
        <v>1</v>
      </c>
      <c r="AD1171">
        <v>1</v>
      </c>
      <c r="AE1171">
        <v>0</v>
      </c>
      <c r="AF1171">
        <v>0</v>
      </c>
      <c r="AG1171">
        <v>7.5196924041165376</v>
      </c>
      <c r="AH1171">
        <v>1.025285141063953E-2</v>
      </c>
      <c r="AI1171">
        <v>-1.1009328308148681E-2</v>
      </c>
      <c r="AJ1171">
        <v>2.9085702191037718E-2</v>
      </c>
      <c r="AK1171">
        <v>-7.1020470844975453E-2</v>
      </c>
      <c r="AL1171">
        <v>2917.723036591562</v>
      </c>
      <c r="AM1171">
        <v>5592.4895423901253</v>
      </c>
      <c r="AN1171">
        <v>234181</v>
      </c>
      <c r="AO1171">
        <v>72.432281338470276</v>
      </c>
      <c r="AP1171">
        <v>2621.1681375254429</v>
      </c>
      <c r="AQ1171">
        <v>1.012452625879805</v>
      </c>
      <c r="AR1171">
        <v>3.9778018408229561</v>
      </c>
      <c r="AS1171">
        <v>1836</v>
      </c>
      <c r="AT1171">
        <v>267.66811044937742</v>
      </c>
      <c r="AU1171">
        <v>1.56077157446628E-2</v>
      </c>
      <c r="AV1171">
        <v>1.0259793732887851E-2</v>
      </c>
      <c r="AW1171">
        <v>0.37736870600974548</v>
      </c>
      <c r="AX1171">
        <v>85.453954496208013</v>
      </c>
      <c r="AY1171">
        <v>64</v>
      </c>
      <c r="AZ1171">
        <v>129</v>
      </c>
      <c r="BA1171">
        <v>0.58315424683879336</v>
      </c>
      <c r="BB1171">
        <v>0.50081212777476991</v>
      </c>
      <c r="BC1171">
        <v>5.275494439305163</v>
      </c>
      <c r="BD1171" t="s">
        <v>4509</v>
      </c>
      <c r="BE1171" t="s">
        <v>68</v>
      </c>
    </row>
    <row r="1172" spans="1:57" x14ac:dyDescent="0.3">
      <c r="A1172" t="s">
        <v>4510</v>
      </c>
      <c r="B1172">
        <v>1630</v>
      </c>
      <c r="C1172" t="s">
        <v>4511</v>
      </c>
      <c r="D1172" t="s">
        <v>4512</v>
      </c>
      <c r="E1172" t="s">
        <v>115</v>
      </c>
      <c r="F1172">
        <v>1683</v>
      </c>
      <c r="G1172">
        <v>128.16518122400481</v>
      </c>
      <c r="H1172">
        <v>130</v>
      </c>
      <c r="I1172">
        <v>5409.8954721448163</v>
      </c>
      <c r="J1172">
        <v>73.551991625956774</v>
      </c>
      <c r="K1172">
        <v>-3.7438559842001472E-2</v>
      </c>
      <c r="L1172">
        <v>-1.178833851688774</v>
      </c>
      <c r="M1172">
        <v>7.8878613445571277</v>
      </c>
      <c r="N1172">
        <v>16</v>
      </c>
      <c r="O1172">
        <v>1</v>
      </c>
      <c r="P1172">
        <v>15</v>
      </c>
      <c r="Q1172">
        <v>2.584954850117974</v>
      </c>
      <c r="R1172">
        <v>5.467448851627549</v>
      </c>
      <c r="S1172">
        <v>3</v>
      </c>
      <c r="T1172">
        <v>1</v>
      </c>
      <c r="U1172">
        <v>2</v>
      </c>
      <c r="V1172">
        <v>0.14844984279619541</v>
      </c>
      <c r="W1172">
        <v>7.3999182637169074</v>
      </c>
      <c r="X1172">
        <v>1</v>
      </c>
      <c r="Y1172">
        <v>1</v>
      </c>
      <c r="Z1172">
        <v>0</v>
      </c>
      <c r="AA1172">
        <v>0</v>
      </c>
      <c r="AB1172">
        <v>7.4271441334086159</v>
      </c>
      <c r="AC1172">
        <v>1</v>
      </c>
      <c r="AD1172">
        <v>1</v>
      </c>
      <c r="AE1172">
        <v>0</v>
      </c>
      <c r="AF1172">
        <v>0</v>
      </c>
      <c r="AG1172">
        <v>7.4265490723973064</v>
      </c>
      <c r="AH1172">
        <v>-4.6416448169219228E-2</v>
      </c>
      <c r="AI1172">
        <v>7.3122919197005261E-4</v>
      </c>
      <c r="AJ1172">
        <v>1.7719273397542731E-3</v>
      </c>
      <c r="AK1172">
        <v>4.8160004626068261E-3</v>
      </c>
      <c r="AL1172">
        <v>2806.815118792706</v>
      </c>
      <c r="AM1172">
        <v>5373.2791560570049</v>
      </c>
      <c r="AN1172">
        <v>215702</v>
      </c>
      <c r="AO1172">
        <v>112.89100947744311</v>
      </c>
      <c r="AP1172">
        <v>2535.7871986602099</v>
      </c>
      <c r="AQ1172">
        <v>1.0136660724896021</v>
      </c>
      <c r="AR1172">
        <v>3.9940582293523468</v>
      </c>
      <c r="AS1172">
        <v>1678</v>
      </c>
      <c r="AT1172">
        <v>260.19667260843732</v>
      </c>
      <c r="AU1172">
        <v>1.746880570409981E-2</v>
      </c>
      <c r="AV1172">
        <v>-4.6443418323641288E-2</v>
      </c>
      <c r="AW1172">
        <v>0.35353535353535348</v>
      </c>
      <c r="AX1172">
        <v>86.373959571938173</v>
      </c>
      <c r="AY1172">
        <v>63</v>
      </c>
      <c r="AZ1172">
        <v>126.5</v>
      </c>
      <c r="BA1172">
        <v>0.5738843492711484</v>
      </c>
      <c r="BB1172">
        <v>0.50505050505050508</v>
      </c>
      <c r="BC1172">
        <v>5.2969631480338064</v>
      </c>
      <c r="BD1172" t="s">
        <v>4513</v>
      </c>
      <c r="BE1172" t="s">
        <v>68</v>
      </c>
    </row>
    <row r="1173" spans="1:57" x14ac:dyDescent="0.3">
      <c r="A1173" t="s">
        <v>4514</v>
      </c>
      <c r="B1173">
        <v>1834</v>
      </c>
      <c r="C1173" t="s">
        <v>4515</v>
      </c>
      <c r="D1173" t="s">
        <v>4516</v>
      </c>
      <c r="E1173" t="s">
        <v>93</v>
      </c>
      <c r="F1173">
        <v>1836</v>
      </c>
      <c r="G1173">
        <v>125.03431372549019</v>
      </c>
      <c r="H1173">
        <v>124</v>
      </c>
      <c r="I1173">
        <v>5479.8305219146487</v>
      </c>
      <c r="J1173">
        <v>74.025877380242164</v>
      </c>
      <c r="K1173">
        <v>4.3158970787673168E-2</v>
      </c>
      <c r="L1173">
        <v>-1.1721756573967761</v>
      </c>
      <c r="M1173">
        <v>7.9011983921261706</v>
      </c>
      <c r="N1173">
        <v>14</v>
      </c>
      <c r="O1173">
        <v>2</v>
      </c>
      <c r="P1173">
        <v>12</v>
      </c>
      <c r="Q1173">
        <v>2.6148893828181339</v>
      </c>
      <c r="R1173">
        <v>5.4766933885470301</v>
      </c>
      <c r="S1173">
        <v>2</v>
      </c>
      <c r="T1173">
        <v>1</v>
      </c>
      <c r="U1173">
        <v>1</v>
      </c>
      <c r="V1173">
        <v>0.1043928116886855</v>
      </c>
      <c r="W1173">
        <v>7.499690285163112</v>
      </c>
      <c r="X1173">
        <v>1</v>
      </c>
      <c r="Y1173">
        <v>1</v>
      </c>
      <c r="Z1173">
        <v>0</v>
      </c>
      <c r="AA1173">
        <v>0</v>
      </c>
      <c r="AB1173">
        <v>7.5142546528164083</v>
      </c>
      <c r="AC1173">
        <v>1</v>
      </c>
      <c r="AD1173">
        <v>1</v>
      </c>
      <c r="AE1173">
        <v>0</v>
      </c>
      <c r="AF1173">
        <v>0</v>
      </c>
      <c r="AG1173">
        <v>7.5137092478397074</v>
      </c>
      <c r="AH1173">
        <v>3.4809003334872038E-2</v>
      </c>
      <c r="AI1173">
        <v>-5.1192212909496639E-3</v>
      </c>
      <c r="AJ1173">
        <v>4.0528182804429351E-3</v>
      </c>
      <c r="AK1173">
        <v>-1.6170272220036839E-2</v>
      </c>
      <c r="AL1173">
        <v>2936.4299176579211</v>
      </c>
      <c r="AM1173">
        <v>5490.1366411669114</v>
      </c>
      <c r="AN1173">
        <v>229563</v>
      </c>
      <c r="AO1173">
        <v>45.471610828989157</v>
      </c>
      <c r="AP1173">
        <v>2643.8258863136148</v>
      </c>
      <c r="AQ1173">
        <v>1.012527233115468</v>
      </c>
      <c r="AR1173">
        <v>3.9896514161220038</v>
      </c>
      <c r="AS1173">
        <v>1820</v>
      </c>
      <c r="AT1173">
        <v>244.06971677559909</v>
      </c>
      <c r="AU1173">
        <v>2.647058823529402E-2</v>
      </c>
      <c r="AV1173">
        <v>3.4840323427110069E-2</v>
      </c>
      <c r="AW1173">
        <v>0.37091503267973858</v>
      </c>
      <c r="AX1173">
        <v>83.588010899182564</v>
      </c>
      <c r="AY1173">
        <v>62</v>
      </c>
      <c r="AZ1173">
        <v>125</v>
      </c>
      <c r="BA1173">
        <v>0.59204449702314665</v>
      </c>
      <c r="BB1173">
        <v>0.49128540305010893</v>
      </c>
      <c r="BC1173">
        <v>5.2613660831177373</v>
      </c>
      <c r="BD1173" t="s">
        <v>4517</v>
      </c>
      <c r="BE1173" t="s">
        <v>68</v>
      </c>
    </row>
    <row r="1174" spans="1:57" x14ac:dyDescent="0.3">
      <c r="A1174" t="s">
        <v>4518</v>
      </c>
      <c r="B1174">
        <v>3016</v>
      </c>
      <c r="C1174" t="s">
        <v>4519</v>
      </c>
      <c r="D1174" t="s">
        <v>4520</v>
      </c>
      <c r="E1174" t="s">
        <v>85</v>
      </c>
      <c r="F1174">
        <v>8</v>
      </c>
      <c r="G1174">
        <v>144.75</v>
      </c>
      <c r="H1174">
        <v>132.5</v>
      </c>
      <c r="I1174">
        <v>3390.6875</v>
      </c>
      <c r="J1174">
        <v>58.229610165275879</v>
      </c>
      <c r="K1174">
        <v>0.16490094826422219</v>
      </c>
      <c r="L1174">
        <v>-0.24787363756714331</v>
      </c>
      <c r="M1174">
        <v>3</v>
      </c>
      <c r="N1174">
        <v>1</v>
      </c>
      <c r="O1174">
        <v>1</v>
      </c>
      <c r="P1174">
        <v>0</v>
      </c>
      <c r="Q1174">
        <v>0</v>
      </c>
      <c r="R1174">
        <v>2.0794415416798362</v>
      </c>
      <c r="S1174">
        <v>1</v>
      </c>
      <c r="T1174">
        <v>1</v>
      </c>
      <c r="U1174">
        <v>0</v>
      </c>
      <c r="V1174">
        <v>0</v>
      </c>
      <c r="W1174">
        <v>1.945910149055313</v>
      </c>
      <c r="X1174">
        <v>1</v>
      </c>
      <c r="Y1174">
        <v>1</v>
      </c>
      <c r="Z1174">
        <v>0</v>
      </c>
      <c r="AA1174">
        <v>0</v>
      </c>
      <c r="AB1174">
        <v>1.791759469228055</v>
      </c>
      <c r="AC1174">
        <v>1</v>
      </c>
      <c r="AD1174">
        <v>1</v>
      </c>
      <c r="AE1174">
        <v>0</v>
      </c>
      <c r="AF1174">
        <v>0</v>
      </c>
      <c r="AG1174">
        <v>1.6094379124341009</v>
      </c>
      <c r="AH1174">
        <v>-0.16664439365172989</v>
      </c>
      <c r="AI1174">
        <v>-0.45457687415900172</v>
      </c>
      <c r="AJ1174">
        <v>-0.16673655785146821</v>
      </c>
      <c r="AK1174">
        <v>0</v>
      </c>
      <c r="AL1174">
        <v>292.43879988161319</v>
      </c>
      <c r="AM1174">
        <v>330.49288694887491</v>
      </c>
      <c r="AN1174">
        <v>1158</v>
      </c>
      <c r="AO1174">
        <v>86</v>
      </c>
      <c r="AP1174">
        <v>185.76027388541669</v>
      </c>
      <c r="AQ1174">
        <v>3.5</v>
      </c>
      <c r="AR1174">
        <v>4.625</v>
      </c>
      <c r="AS1174">
        <v>8</v>
      </c>
      <c r="AT1174">
        <v>0</v>
      </c>
      <c r="AU1174">
        <v>0.26587301587301593</v>
      </c>
      <c r="AV1174">
        <v>-0.17406950131033461</v>
      </c>
      <c r="AW1174">
        <v>0.5</v>
      </c>
      <c r="AX1174">
        <v>82.142857142857139</v>
      </c>
      <c r="AY1174">
        <v>23</v>
      </c>
      <c r="AZ1174">
        <v>53.75</v>
      </c>
      <c r="BA1174">
        <v>0.40227709958739821</v>
      </c>
      <c r="BB1174">
        <v>0.375</v>
      </c>
      <c r="BC1174">
        <v>1.945910149055313</v>
      </c>
      <c r="BD1174" t="s">
        <v>4519</v>
      </c>
      <c r="BE1174" t="s">
        <v>68</v>
      </c>
    </row>
    <row r="1175" spans="1:57" x14ac:dyDescent="0.3">
      <c r="A1175" t="s">
        <v>4521</v>
      </c>
      <c r="B1175">
        <v>2127</v>
      </c>
      <c r="C1175" t="s">
        <v>4522</v>
      </c>
      <c r="D1175" t="s">
        <v>4523</v>
      </c>
      <c r="E1175" t="s">
        <v>115</v>
      </c>
      <c r="F1175">
        <v>2160</v>
      </c>
      <c r="G1175">
        <v>129.07824074074071</v>
      </c>
      <c r="H1175">
        <v>126</v>
      </c>
      <c r="I1175">
        <v>5377.8563783864874</v>
      </c>
      <c r="J1175">
        <v>73.333869244616352</v>
      </c>
      <c r="K1175">
        <v>9.2765678253979977E-3</v>
      </c>
      <c r="L1175">
        <v>-1.1964788480489721</v>
      </c>
      <c r="M1175">
        <v>7.9030779195961296</v>
      </c>
      <c r="N1175">
        <v>18</v>
      </c>
      <c r="O1175">
        <v>2</v>
      </c>
      <c r="P1175">
        <v>16</v>
      </c>
      <c r="Q1175">
        <v>3.0304444806001638</v>
      </c>
      <c r="R1175">
        <v>5.4779961777136172</v>
      </c>
      <c r="S1175">
        <v>3</v>
      </c>
      <c r="T1175">
        <v>1</v>
      </c>
      <c r="U1175">
        <v>2</v>
      </c>
      <c r="V1175">
        <v>0.13615448187044871</v>
      </c>
      <c r="W1175">
        <v>7.6527582656855717</v>
      </c>
      <c r="X1175">
        <v>1</v>
      </c>
      <c r="Y1175">
        <v>1</v>
      </c>
      <c r="Z1175">
        <v>0</v>
      </c>
      <c r="AA1175">
        <v>0</v>
      </c>
      <c r="AB1175">
        <v>7.67693714581808</v>
      </c>
      <c r="AC1175">
        <v>1</v>
      </c>
      <c r="AD1175">
        <v>1</v>
      </c>
      <c r="AE1175">
        <v>0</v>
      </c>
      <c r="AF1175">
        <v>0</v>
      </c>
      <c r="AG1175">
        <v>7.676473646389157</v>
      </c>
      <c r="AH1175">
        <v>-1.1993337495773391E-2</v>
      </c>
      <c r="AI1175">
        <v>2.334573258717991E-3</v>
      </c>
      <c r="AJ1175">
        <v>-7.5730342781455814E-3</v>
      </c>
      <c r="AK1175">
        <v>3.2862438721673923E-2</v>
      </c>
      <c r="AL1175">
        <v>3120.192699620779</v>
      </c>
      <c r="AM1175">
        <v>6153.7584058226712</v>
      </c>
      <c r="AN1175">
        <v>278809</v>
      </c>
      <c r="AO1175">
        <v>48.94496392802381</v>
      </c>
      <c r="AP1175">
        <v>2847.9109885538628</v>
      </c>
      <c r="AQ1175">
        <v>1.010648148148148</v>
      </c>
      <c r="AR1175">
        <v>4.0990740740740739</v>
      </c>
      <c r="AS1175">
        <v>2155</v>
      </c>
      <c r="AT1175">
        <v>278.63703703703698</v>
      </c>
      <c r="AU1175">
        <v>1.6285403050108949E-2</v>
      </c>
      <c r="AV1175">
        <v>-1.199681866941541E-2</v>
      </c>
      <c r="AW1175">
        <v>0.39120370370370372</v>
      </c>
      <c r="AX1175">
        <v>84.767948124131536</v>
      </c>
      <c r="AY1175">
        <v>63</v>
      </c>
      <c r="AZ1175">
        <v>126</v>
      </c>
      <c r="BA1175">
        <v>0.56813502278754024</v>
      </c>
      <c r="BB1175">
        <v>0.4861111111111111</v>
      </c>
      <c r="BC1175">
        <v>5.2911755023884108</v>
      </c>
      <c r="BD1175" t="s">
        <v>4524</v>
      </c>
      <c r="BE1175" t="s">
        <v>62</v>
      </c>
    </row>
    <row r="1176" spans="1:57" x14ac:dyDescent="0.3">
      <c r="A1176" t="s">
        <v>4525</v>
      </c>
      <c r="B1176">
        <v>1898</v>
      </c>
      <c r="C1176" t="s">
        <v>4526</v>
      </c>
      <c r="D1176" t="s">
        <v>4527</v>
      </c>
      <c r="E1176" t="s">
        <v>98</v>
      </c>
      <c r="F1176">
        <v>16</v>
      </c>
      <c r="G1176">
        <v>131.25</v>
      </c>
      <c r="H1176">
        <v>136.5</v>
      </c>
      <c r="I1176">
        <v>5520.0625</v>
      </c>
      <c r="J1176">
        <v>74.297123093697238</v>
      </c>
      <c r="K1176">
        <v>1.2161390750803131E-2</v>
      </c>
      <c r="L1176">
        <v>-1.046596399980251</v>
      </c>
      <c r="M1176">
        <v>3.75</v>
      </c>
      <c r="N1176">
        <v>2</v>
      </c>
      <c r="O1176">
        <v>1</v>
      </c>
      <c r="P1176">
        <v>1</v>
      </c>
      <c r="Q1176">
        <v>0.3499271061118826</v>
      </c>
      <c r="R1176">
        <v>2.5993019270997948</v>
      </c>
      <c r="S1176">
        <v>1</v>
      </c>
      <c r="T1176">
        <v>1</v>
      </c>
      <c r="U1176">
        <v>0</v>
      </c>
      <c r="V1176">
        <v>0</v>
      </c>
      <c r="W1176">
        <v>2.7080502011022101</v>
      </c>
      <c r="X1176">
        <v>1</v>
      </c>
      <c r="Y1176">
        <v>1</v>
      </c>
      <c r="Z1176">
        <v>0</v>
      </c>
      <c r="AA1176">
        <v>0</v>
      </c>
      <c r="AB1176">
        <v>2.639057329615258</v>
      </c>
      <c r="AC1176">
        <v>1</v>
      </c>
      <c r="AD1176">
        <v>1</v>
      </c>
      <c r="AE1176">
        <v>0</v>
      </c>
      <c r="AF1176">
        <v>0</v>
      </c>
      <c r="AG1176">
        <v>2.5649493574615372</v>
      </c>
      <c r="AH1176">
        <v>0.28015067198061622</v>
      </c>
      <c r="AI1176">
        <v>0.30927667259202229</v>
      </c>
      <c r="AJ1176">
        <v>-0.2474928103169122</v>
      </c>
      <c r="AK1176">
        <v>-3.2023810871706623E-2</v>
      </c>
      <c r="AL1176">
        <v>396.36137352759232</v>
      </c>
      <c r="AM1176">
        <v>454.80068334966307</v>
      </c>
      <c r="AN1176">
        <v>2100</v>
      </c>
      <c r="AO1176">
        <v>131.68638379923669</v>
      </c>
      <c r="AP1176">
        <v>268.54656970061973</v>
      </c>
      <c r="AQ1176">
        <v>2.25</v>
      </c>
      <c r="AR1176">
        <v>3.9375</v>
      </c>
      <c r="AS1176">
        <v>16</v>
      </c>
      <c r="AT1176">
        <v>1.5</v>
      </c>
      <c r="AU1176">
        <v>0.1638779527559055</v>
      </c>
      <c r="AV1176">
        <v>0.29422771639567608</v>
      </c>
      <c r="AW1176">
        <v>0.25</v>
      </c>
      <c r="AX1176">
        <v>70.2</v>
      </c>
      <c r="AY1176">
        <v>51.5</v>
      </c>
      <c r="AZ1176">
        <v>105.5</v>
      </c>
      <c r="BA1176">
        <v>0.56607331880912182</v>
      </c>
      <c r="BB1176">
        <v>0.5625</v>
      </c>
      <c r="BC1176">
        <v>2.7080502011022101</v>
      </c>
      <c r="BD1176" t="s">
        <v>4526</v>
      </c>
      <c r="BE1176" t="s">
        <v>62</v>
      </c>
    </row>
    <row r="1177" spans="1:57" x14ac:dyDescent="0.3">
      <c r="A1177" t="s">
        <v>4528</v>
      </c>
      <c r="B1177">
        <v>689</v>
      </c>
      <c r="C1177" t="s">
        <v>4529</v>
      </c>
      <c r="D1177" t="s">
        <v>4530</v>
      </c>
      <c r="E1177" t="s">
        <v>66</v>
      </c>
      <c r="F1177">
        <v>71</v>
      </c>
      <c r="G1177">
        <v>113.9577464788732</v>
      </c>
      <c r="H1177">
        <v>117</v>
      </c>
      <c r="I1177">
        <v>5254.2658202737584</v>
      </c>
      <c r="J1177">
        <v>72.486314710252429</v>
      </c>
      <c r="K1177">
        <v>-4.4862830335104728E-3</v>
      </c>
      <c r="L1177">
        <v>-1.108814155341862</v>
      </c>
      <c r="M1177">
        <v>5.8010867321502637</v>
      </c>
      <c r="N1177">
        <v>4</v>
      </c>
      <c r="O1177">
        <v>1</v>
      </c>
      <c r="P1177">
        <v>3</v>
      </c>
      <c r="Q1177">
        <v>0.53202965665041224</v>
      </c>
      <c r="R1177">
        <v>4.0210069125736636</v>
      </c>
      <c r="S1177">
        <v>1</v>
      </c>
      <c r="T1177">
        <v>1</v>
      </c>
      <c r="U1177">
        <v>0</v>
      </c>
      <c r="V1177">
        <v>0</v>
      </c>
      <c r="W1177">
        <v>4.2484952420493576</v>
      </c>
      <c r="X1177">
        <v>1</v>
      </c>
      <c r="Y1177">
        <v>1</v>
      </c>
      <c r="Z1177">
        <v>0</v>
      </c>
      <c r="AA1177">
        <v>0</v>
      </c>
      <c r="AB1177">
        <v>4.2341065045972579</v>
      </c>
      <c r="AC1177">
        <v>1</v>
      </c>
      <c r="AD1177">
        <v>1</v>
      </c>
      <c r="AE1177">
        <v>0</v>
      </c>
      <c r="AF1177">
        <v>0</v>
      </c>
      <c r="AG1177">
        <v>4.2195077051761087</v>
      </c>
      <c r="AH1177">
        <v>0.21889405071076029</v>
      </c>
      <c r="AI1177">
        <v>-0.15898268445884781</v>
      </c>
      <c r="AJ1177">
        <v>2.989394857413744E-3</v>
      </c>
      <c r="AK1177">
        <v>5.0027486659723029E-2</v>
      </c>
      <c r="AL1177">
        <v>639.51630627803229</v>
      </c>
      <c r="AM1177">
        <v>941.3309163118472</v>
      </c>
      <c r="AN1177">
        <v>8091</v>
      </c>
      <c r="AO1177">
        <v>52.514403116551243</v>
      </c>
      <c r="AP1177">
        <v>496.42989833147982</v>
      </c>
      <c r="AQ1177">
        <v>1.323943661971831</v>
      </c>
      <c r="AR1177">
        <v>3.774647887323944</v>
      </c>
      <c r="AS1177">
        <v>71</v>
      </c>
      <c r="AT1177">
        <v>14.35211267605634</v>
      </c>
      <c r="AU1177">
        <v>0.1134554361743584</v>
      </c>
      <c r="AV1177">
        <v>0.22324032240654609</v>
      </c>
      <c r="AW1177">
        <v>0.36619718309859162</v>
      </c>
      <c r="AX1177">
        <v>71.571428571428569</v>
      </c>
      <c r="AY1177">
        <v>64</v>
      </c>
      <c r="AZ1177">
        <v>131</v>
      </c>
      <c r="BA1177">
        <v>0.63608062593349679</v>
      </c>
      <c r="BB1177">
        <v>0.52112676056338025</v>
      </c>
      <c r="BC1177">
        <v>3.9439571911841762</v>
      </c>
      <c r="BD1177" t="s">
        <v>4531</v>
      </c>
      <c r="BE1177" t="s">
        <v>68</v>
      </c>
    </row>
    <row r="1178" spans="1:57" x14ac:dyDescent="0.3">
      <c r="A1178" t="s">
        <v>4532</v>
      </c>
      <c r="B1178">
        <v>2131</v>
      </c>
      <c r="C1178" t="s">
        <v>4533</v>
      </c>
      <c r="D1178" t="s">
        <v>4534</v>
      </c>
      <c r="E1178" t="s">
        <v>93</v>
      </c>
      <c r="F1178">
        <v>2139</v>
      </c>
      <c r="G1178">
        <v>125.28892005610101</v>
      </c>
      <c r="H1178">
        <v>124</v>
      </c>
      <c r="I1178">
        <v>5633.7454172067928</v>
      </c>
      <c r="J1178">
        <v>75.058280137549062</v>
      </c>
      <c r="K1178">
        <v>4.0932994464870587E-2</v>
      </c>
      <c r="L1178">
        <v>-1.2199283483730159</v>
      </c>
      <c r="M1178">
        <v>7.9243521627771836</v>
      </c>
      <c r="N1178">
        <v>17</v>
      </c>
      <c r="O1178">
        <v>1</v>
      </c>
      <c r="P1178">
        <v>16</v>
      </c>
      <c r="Q1178">
        <v>2.7002982645947529</v>
      </c>
      <c r="R1178">
        <v>5.4927423593930946</v>
      </c>
      <c r="S1178">
        <v>2</v>
      </c>
      <c r="T1178">
        <v>1</v>
      </c>
      <c r="U1178">
        <v>1</v>
      </c>
      <c r="V1178">
        <v>0.12792929798724861</v>
      </c>
      <c r="W1178">
        <v>7.6449318433907907</v>
      </c>
      <c r="X1178">
        <v>1</v>
      </c>
      <c r="Y1178">
        <v>1</v>
      </c>
      <c r="Z1178">
        <v>0</v>
      </c>
      <c r="AA1178">
        <v>0</v>
      </c>
      <c r="AB1178">
        <v>7.6671582553191477</v>
      </c>
      <c r="AC1178">
        <v>1</v>
      </c>
      <c r="AD1178">
        <v>1</v>
      </c>
      <c r="AE1178">
        <v>0</v>
      </c>
      <c r="AF1178">
        <v>0</v>
      </c>
      <c r="AG1178">
        <v>7.6666902000800849</v>
      </c>
      <c r="AH1178">
        <v>-1.356766520324185E-2</v>
      </c>
      <c r="AI1178">
        <v>8.8510173925793537E-3</v>
      </c>
      <c r="AJ1178">
        <v>-3.9093730390621336E-3</v>
      </c>
      <c r="AK1178">
        <v>-7.0016190720168592E-3</v>
      </c>
      <c r="AL1178">
        <v>3204.110088149147</v>
      </c>
      <c r="AM1178">
        <v>5946.4959045660544</v>
      </c>
      <c r="AN1178">
        <v>267993</v>
      </c>
      <c r="AO1178">
        <v>50.496988351256427</v>
      </c>
      <c r="AP1178">
        <v>2904.006725740021</v>
      </c>
      <c r="AQ1178">
        <v>1.010752688172043</v>
      </c>
      <c r="AR1178">
        <v>3.9981299672744268</v>
      </c>
      <c r="AS1178">
        <v>2135</v>
      </c>
      <c r="AT1178">
        <v>223.40486208508651</v>
      </c>
      <c r="AU1178">
        <v>2.6664466628165989E-2</v>
      </c>
      <c r="AV1178">
        <v>-1.3574106581474191E-2</v>
      </c>
      <c r="AW1178">
        <v>0.37494156147732588</v>
      </c>
      <c r="AX1178">
        <v>87.122076707202993</v>
      </c>
      <c r="AY1178">
        <v>66</v>
      </c>
      <c r="AZ1178">
        <v>132</v>
      </c>
      <c r="BA1178">
        <v>0.59908154770541566</v>
      </c>
      <c r="BB1178">
        <v>0.49602618045815799</v>
      </c>
      <c r="BC1178">
        <v>5.3114514411257208</v>
      </c>
      <c r="BD1178" t="s">
        <v>4535</v>
      </c>
      <c r="BE1178" t="s">
        <v>68</v>
      </c>
    </row>
    <row r="1179" spans="1:57" x14ac:dyDescent="0.3">
      <c r="A1179" t="s">
        <v>4536</v>
      </c>
      <c r="B1179">
        <v>2662</v>
      </c>
      <c r="C1179" t="s">
        <v>4537</v>
      </c>
      <c r="D1179" t="s">
        <v>4538</v>
      </c>
      <c r="E1179" t="s">
        <v>85</v>
      </c>
      <c r="F1179">
        <v>8</v>
      </c>
      <c r="G1179">
        <v>140.5</v>
      </c>
      <c r="H1179">
        <v>137</v>
      </c>
      <c r="I1179">
        <v>7825.5</v>
      </c>
      <c r="J1179">
        <v>88.461856186720382</v>
      </c>
      <c r="K1179">
        <v>-5.4165117854877692E-3</v>
      </c>
      <c r="L1179">
        <v>-1.8178761726991941</v>
      </c>
      <c r="M1179">
        <v>3</v>
      </c>
      <c r="N1179">
        <v>1</v>
      </c>
      <c r="O1179">
        <v>1</v>
      </c>
      <c r="P1179">
        <v>0</v>
      </c>
      <c r="Q1179">
        <v>0</v>
      </c>
      <c r="R1179">
        <v>2.0794415416798362</v>
      </c>
      <c r="S1179">
        <v>1</v>
      </c>
      <c r="T1179">
        <v>1</v>
      </c>
      <c r="U1179">
        <v>0</v>
      </c>
      <c r="V1179">
        <v>0</v>
      </c>
      <c r="W1179">
        <v>1.945910149055313</v>
      </c>
      <c r="X1179">
        <v>1</v>
      </c>
      <c r="Y1179">
        <v>1</v>
      </c>
      <c r="Z1179">
        <v>0</v>
      </c>
      <c r="AA1179">
        <v>0</v>
      </c>
      <c r="AB1179">
        <v>1.791759469228055</v>
      </c>
      <c r="AC1179">
        <v>1</v>
      </c>
      <c r="AD1179">
        <v>1</v>
      </c>
      <c r="AE1179">
        <v>0</v>
      </c>
      <c r="AF1179">
        <v>0</v>
      </c>
      <c r="AG1179">
        <v>1.6094379124341009</v>
      </c>
      <c r="AH1179">
        <v>0.18255622643920519</v>
      </c>
      <c r="AI1179">
        <v>-0.46966647498562392</v>
      </c>
      <c r="AJ1179">
        <v>0.30150230017251289</v>
      </c>
      <c r="AK1179">
        <v>0</v>
      </c>
      <c r="AL1179">
        <v>358.00265355676828</v>
      </c>
      <c r="AM1179">
        <v>303.90804537937538</v>
      </c>
      <c r="AN1179">
        <v>1124</v>
      </c>
      <c r="AO1179">
        <v>44</v>
      </c>
      <c r="AP1179">
        <v>269.54302568823641</v>
      </c>
      <c r="AQ1179">
        <v>3.5</v>
      </c>
      <c r="AR1179">
        <v>3.875</v>
      </c>
      <c r="AS1179">
        <v>8</v>
      </c>
      <c r="AT1179">
        <v>0</v>
      </c>
      <c r="AU1179">
        <v>0.28947368421052633</v>
      </c>
      <c r="AV1179">
        <v>0.23246943024280131</v>
      </c>
      <c r="AW1179">
        <v>0.375</v>
      </c>
      <c r="AX1179">
        <v>83.428571428571431</v>
      </c>
      <c r="AY1179">
        <v>88.5</v>
      </c>
      <c r="AZ1179">
        <v>166.75</v>
      </c>
      <c r="BA1179">
        <v>0.62962175221865035</v>
      </c>
      <c r="BB1179">
        <v>0.5</v>
      </c>
      <c r="BC1179">
        <v>1.945910149055313</v>
      </c>
      <c r="BD1179" t="s">
        <v>4537</v>
      </c>
      <c r="BE1179" t="s">
        <v>68</v>
      </c>
    </row>
    <row r="1180" spans="1:57" x14ac:dyDescent="0.3">
      <c r="A1180" t="s">
        <v>4539</v>
      </c>
      <c r="B1180">
        <v>506</v>
      </c>
      <c r="C1180" t="s">
        <v>4540</v>
      </c>
      <c r="D1180" t="s">
        <v>4541</v>
      </c>
      <c r="E1180" t="s">
        <v>98</v>
      </c>
      <c r="F1180">
        <v>16</v>
      </c>
      <c r="G1180">
        <v>144.8125</v>
      </c>
      <c r="H1180">
        <v>150</v>
      </c>
      <c r="I1180">
        <v>5211.90234375</v>
      </c>
      <c r="J1180">
        <v>72.19350624363662</v>
      </c>
      <c r="K1180">
        <v>-0.1146018844039601</v>
      </c>
      <c r="L1180">
        <v>-1.2146745125901199</v>
      </c>
      <c r="M1180">
        <v>4</v>
      </c>
      <c r="N1180">
        <v>1</v>
      </c>
      <c r="O1180">
        <v>1</v>
      </c>
      <c r="P1180">
        <v>0</v>
      </c>
      <c r="Q1180">
        <v>0</v>
      </c>
      <c r="R1180">
        <v>2.7725887222397811</v>
      </c>
      <c r="S1180">
        <v>1</v>
      </c>
      <c r="T1180">
        <v>1</v>
      </c>
      <c r="U1180">
        <v>0</v>
      </c>
      <c r="V1180">
        <v>0</v>
      </c>
      <c r="W1180">
        <v>2.7080502011022101</v>
      </c>
      <c r="X1180">
        <v>1</v>
      </c>
      <c r="Y1180">
        <v>1</v>
      </c>
      <c r="Z1180">
        <v>0</v>
      </c>
      <c r="AA1180">
        <v>0</v>
      </c>
      <c r="AB1180">
        <v>2.639057329615258</v>
      </c>
      <c r="AC1180">
        <v>1</v>
      </c>
      <c r="AD1180">
        <v>1</v>
      </c>
      <c r="AE1180">
        <v>0</v>
      </c>
      <c r="AF1180">
        <v>0</v>
      </c>
      <c r="AG1180">
        <v>2.5649493574615372</v>
      </c>
      <c r="AH1180">
        <v>-0.43884495337070267</v>
      </c>
      <c r="AI1180">
        <v>0.30713344305814438</v>
      </c>
      <c r="AJ1180">
        <v>-0.24618141356135709</v>
      </c>
      <c r="AK1180">
        <v>0.25775915179123499</v>
      </c>
      <c r="AL1180">
        <v>390.52793894540912</v>
      </c>
      <c r="AM1180">
        <v>516.14816564921625</v>
      </c>
      <c r="AN1180">
        <v>2317</v>
      </c>
      <c r="AO1180">
        <v>114.6326543101453</v>
      </c>
      <c r="AP1180">
        <v>232.11077185331729</v>
      </c>
      <c r="AQ1180">
        <v>2.3125</v>
      </c>
      <c r="AR1180">
        <v>4.375</v>
      </c>
      <c r="AS1180">
        <v>16</v>
      </c>
      <c r="AT1180">
        <v>0</v>
      </c>
      <c r="AU1180">
        <v>0.1185770750988142</v>
      </c>
      <c r="AV1180">
        <v>-0.47247035304197682</v>
      </c>
      <c r="AW1180">
        <v>0.375</v>
      </c>
      <c r="AX1180">
        <v>106.6666666666667</v>
      </c>
      <c r="AY1180">
        <v>55.5</v>
      </c>
      <c r="AZ1180">
        <v>109.25</v>
      </c>
      <c r="BA1180">
        <v>0.49853090198454292</v>
      </c>
      <c r="BB1180">
        <v>0.5</v>
      </c>
      <c r="BC1180">
        <v>2.7080502011022101</v>
      </c>
      <c r="BD1180" t="s">
        <v>4540</v>
      </c>
      <c r="BE1180" t="s">
        <v>62</v>
      </c>
    </row>
    <row r="1181" spans="1:57" x14ac:dyDescent="0.3">
      <c r="A1181" t="s">
        <v>4542</v>
      </c>
      <c r="B1181">
        <v>564</v>
      </c>
      <c r="C1181" t="s">
        <v>4543</v>
      </c>
      <c r="D1181" t="s">
        <v>4544</v>
      </c>
      <c r="E1181" t="s">
        <v>66</v>
      </c>
      <c r="F1181">
        <v>70</v>
      </c>
      <c r="G1181">
        <v>134.34285714285721</v>
      </c>
      <c r="H1181">
        <v>141</v>
      </c>
      <c r="I1181">
        <v>4754.425306122449</v>
      </c>
      <c r="J1181">
        <v>68.952340831348494</v>
      </c>
      <c r="K1181">
        <v>-0.24391930988148139</v>
      </c>
      <c r="L1181">
        <v>-1.122076944604709</v>
      </c>
      <c r="M1181">
        <v>5.8721401598021146</v>
      </c>
      <c r="N1181">
        <v>4</v>
      </c>
      <c r="O1181">
        <v>1</v>
      </c>
      <c r="P1181">
        <v>3</v>
      </c>
      <c r="Q1181">
        <v>0.45733699608896228</v>
      </c>
      <c r="R1181">
        <v>4.0702573956196586</v>
      </c>
      <c r="S1181">
        <v>2</v>
      </c>
      <c r="T1181">
        <v>1</v>
      </c>
      <c r="U1181">
        <v>1</v>
      </c>
      <c r="V1181">
        <v>0.1203728348804772</v>
      </c>
      <c r="W1181">
        <v>4.2140152819723324</v>
      </c>
      <c r="X1181">
        <v>1</v>
      </c>
      <c r="Y1181">
        <v>1</v>
      </c>
      <c r="Z1181">
        <v>0</v>
      </c>
      <c r="AA1181">
        <v>0</v>
      </c>
      <c r="AB1181">
        <v>4.2195077051761087</v>
      </c>
      <c r="AC1181">
        <v>1</v>
      </c>
      <c r="AD1181">
        <v>1</v>
      </c>
      <c r="AE1181">
        <v>0</v>
      </c>
      <c r="AF1181">
        <v>0</v>
      </c>
      <c r="AG1181">
        <v>4.2046926193909648</v>
      </c>
      <c r="AH1181">
        <v>0.13945897928772061</v>
      </c>
      <c r="AI1181">
        <v>5.7860398869273699E-3</v>
      </c>
      <c r="AJ1181">
        <v>5.2032162909659438E-2</v>
      </c>
      <c r="AK1181">
        <v>0.16454297591389891</v>
      </c>
      <c r="AL1181">
        <v>661.60053752809029</v>
      </c>
      <c r="AM1181">
        <v>1076.3153481868319</v>
      </c>
      <c r="AN1181">
        <v>9404</v>
      </c>
      <c r="AO1181">
        <v>45.999999999999943</v>
      </c>
      <c r="AP1181">
        <v>528.89330095758146</v>
      </c>
      <c r="AQ1181">
        <v>1.328571428571429</v>
      </c>
      <c r="AR1181">
        <v>3.8285714285714292</v>
      </c>
      <c r="AS1181">
        <v>70</v>
      </c>
      <c r="AT1181">
        <v>11.485714285714289</v>
      </c>
      <c r="AU1181">
        <v>8.1232492997198924E-2</v>
      </c>
      <c r="AV1181">
        <v>0.14179388745148469</v>
      </c>
      <c r="AW1181">
        <v>0.35714285714285721</v>
      </c>
      <c r="AX1181">
        <v>72.434782608695656</v>
      </c>
      <c r="AY1181">
        <v>60</v>
      </c>
      <c r="AZ1181">
        <v>118.25</v>
      </c>
      <c r="BA1181">
        <v>0.51325647152216014</v>
      </c>
      <c r="BB1181">
        <v>0.54285714285714282</v>
      </c>
      <c r="BC1181">
        <v>3.9452460814169261</v>
      </c>
      <c r="BD1181" t="s">
        <v>4545</v>
      </c>
      <c r="BE1181" t="s">
        <v>68</v>
      </c>
    </row>
    <row r="1182" spans="1:57" x14ac:dyDescent="0.3">
      <c r="A1182" t="s">
        <v>4546</v>
      </c>
      <c r="B1182">
        <v>1554</v>
      </c>
      <c r="C1182" t="s">
        <v>4547</v>
      </c>
      <c r="D1182" t="s">
        <v>4548</v>
      </c>
      <c r="E1182" t="s">
        <v>106</v>
      </c>
      <c r="F1182">
        <v>1572</v>
      </c>
      <c r="G1182">
        <v>125.9103053435115</v>
      </c>
      <c r="H1182">
        <v>126.5</v>
      </c>
      <c r="I1182">
        <v>5370.6605299322109</v>
      </c>
      <c r="J1182">
        <v>73.284790577119139</v>
      </c>
      <c r="K1182">
        <v>1.003599106453412E-2</v>
      </c>
      <c r="L1182">
        <v>-1.2047464125750771</v>
      </c>
      <c r="M1182">
        <v>7.8831497618805972</v>
      </c>
      <c r="N1182">
        <v>14</v>
      </c>
      <c r="O1182">
        <v>2</v>
      </c>
      <c r="P1182">
        <v>12</v>
      </c>
      <c r="Q1182">
        <v>2.4083859642321661</v>
      </c>
      <c r="R1182">
        <v>5.4641830313793234</v>
      </c>
      <c r="S1182">
        <v>2</v>
      </c>
      <c r="T1182">
        <v>1</v>
      </c>
      <c r="U1182">
        <v>1</v>
      </c>
      <c r="V1182">
        <v>0.10996542599582659</v>
      </c>
      <c r="W1182">
        <v>7.3427015065807151</v>
      </c>
      <c r="X1182">
        <v>1</v>
      </c>
      <c r="Y1182">
        <v>1</v>
      </c>
      <c r="Z1182">
        <v>0</v>
      </c>
      <c r="AA1182">
        <v>0</v>
      </c>
      <c r="AB1182">
        <v>7.3588308983423536</v>
      </c>
      <c r="AC1182">
        <v>1</v>
      </c>
      <c r="AD1182">
        <v>1</v>
      </c>
      <c r="AE1182">
        <v>0</v>
      </c>
      <c r="AF1182">
        <v>0</v>
      </c>
      <c r="AG1182">
        <v>7.3581937527330306</v>
      </c>
      <c r="AH1182">
        <v>-2.6383127561998041E-2</v>
      </c>
      <c r="AI1182">
        <v>-3.1920528007041732E-2</v>
      </c>
      <c r="AJ1182">
        <v>-2.8286817532418022E-2</v>
      </c>
      <c r="AK1182">
        <v>-4.11003268729054E-2</v>
      </c>
      <c r="AL1182">
        <v>2690.4801355488321</v>
      </c>
      <c r="AM1182">
        <v>5111.3156467016533</v>
      </c>
      <c r="AN1182">
        <v>197931</v>
      </c>
      <c r="AO1182">
        <v>142.35156702191759</v>
      </c>
      <c r="AP1182">
        <v>2358.4459248128078</v>
      </c>
      <c r="AQ1182">
        <v>1.0146310432569969</v>
      </c>
      <c r="AR1182">
        <v>3.9930025445292618</v>
      </c>
      <c r="AS1182">
        <v>1561</v>
      </c>
      <c r="AT1182">
        <v>239.9274809160305</v>
      </c>
      <c r="AU1182">
        <v>1.8328094596617221E-2</v>
      </c>
      <c r="AV1182">
        <v>-2.6399366687382301E-2</v>
      </c>
      <c r="AW1182">
        <v>0.36513994910941477</v>
      </c>
      <c r="AX1182">
        <v>85.749840865690643</v>
      </c>
      <c r="AY1182">
        <v>64.5</v>
      </c>
      <c r="AZ1182">
        <v>129</v>
      </c>
      <c r="BA1182">
        <v>0.58203965415842529</v>
      </c>
      <c r="BB1182">
        <v>0.50445292620865145</v>
      </c>
      <c r="BC1182">
        <v>5.2672415292563883</v>
      </c>
      <c r="BD1182" t="s">
        <v>4549</v>
      </c>
      <c r="BE1182" t="s">
        <v>68</v>
      </c>
    </row>
    <row r="1183" spans="1:57" x14ac:dyDescent="0.3">
      <c r="A1183" t="s">
        <v>4550</v>
      </c>
      <c r="B1183">
        <v>1688</v>
      </c>
      <c r="C1183" t="s">
        <v>4551</v>
      </c>
      <c r="D1183" t="s">
        <v>4552</v>
      </c>
      <c r="E1183" t="s">
        <v>72</v>
      </c>
      <c r="F1183">
        <v>1696</v>
      </c>
      <c r="G1183">
        <v>127.25471698113211</v>
      </c>
      <c r="H1183">
        <v>129</v>
      </c>
      <c r="I1183">
        <v>5460.0943173727301</v>
      </c>
      <c r="J1183">
        <v>73.892451017493869</v>
      </c>
      <c r="K1183">
        <v>-2.415465952360369E-2</v>
      </c>
      <c r="L1183">
        <v>-1.173221050019799</v>
      </c>
      <c r="M1183">
        <v>7.8787632350566037</v>
      </c>
      <c r="N1183">
        <v>17</v>
      </c>
      <c r="O1183">
        <v>1</v>
      </c>
      <c r="P1183">
        <v>16</v>
      </c>
      <c r="Q1183">
        <v>2.6809513236909019</v>
      </c>
      <c r="R1183">
        <v>5.4611425226788288</v>
      </c>
      <c r="S1183">
        <v>2</v>
      </c>
      <c r="T1183">
        <v>1</v>
      </c>
      <c r="U1183">
        <v>1</v>
      </c>
      <c r="V1183">
        <v>0.1001422443516085</v>
      </c>
      <c r="W1183">
        <v>7.4215341825643826</v>
      </c>
      <c r="X1183">
        <v>1</v>
      </c>
      <c r="Y1183">
        <v>1</v>
      </c>
      <c r="Z1183">
        <v>0</v>
      </c>
      <c r="AA1183">
        <v>0</v>
      </c>
      <c r="AB1183">
        <v>7.434847875212002</v>
      </c>
      <c r="AC1183">
        <v>1</v>
      </c>
      <c r="AD1183">
        <v>1</v>
      </c>
      <c r="AE1183">
        <v>0</v>
      </c>
      <c r="AF1183">
        <v>0</v>
      </c>
      <c r="AG1183">
        <v>7.4342573821331346</v>
      </c>
      <c r="AH1183">
        <v>-1.102143839831877E-2</v>
      </c>
      <c r="AI1183">
        <v>1.5996643815061121E-2</v>
      </c>
      <c r="AJ1183">
        <v>-1.484051311784257E-2</v>
      </c>
      <c r="AK1183">
        <v>-1.9115723345466469E-3</v>
      </c>
      <c r="AL1183">
        <v>2813.2887215996798</v>
      </c>
      <c r="AM1183">
        <v>5367.5272303845877</v>
      </c>
      <c r="AN1183">
        <v>215824</v>
      </c>
      <c r="AO1183">
        <v>178.35682557271511</v>
      </c>
      <c r="AP1183">
        <v>2502.3215663691399</v>
      </c>
      <c r="AQ1183">
        <v>1.0135613207547169</v>
      </c>
      <c r="AR1183">
        <v>3.944575471698113</v>
      </c>
      <c r="AS1183">
        <v>1688</v>
      </c>
      <c r="AT1183">
        <v>277.73584905660368</v>
      </c>
      <c r="AU1183">
        <v>1.581344802071773E-2</v>
      </c>
      <c r="AV1183">
        <v>-1.102437711453238E-2</v>
      </c>
      <c r="AW1183">
        <v>0.35377358490566041</v>
      </c>
      <c r="AX1183">
        <v>86.297345132743359</v>
      </c>
      <c r="AY1183">
        <v>63.5</v>
      </c>
      <c r="AZ1183">
        <v>126</v>
      </c>
      <c r="BA1183">
        <v>0.58066571338530282</v>
      </c>
      <c r="BB1183">
        <v>0.50648584905660377</v>
      </c>
      <c r="BC1183">
        <v>5.2861110232238087</v>
      </c>
      <c r="BD1183" t="s">
        <v>4553</v>
      </c>
      <c r="BE1183" t="s">
        <v>62</v>
      </c>
    </row>
    <row r="1184" spans="1:57" x14ac:dyDescent="0.3">
      <c r="A1184" t="s">
        <v>4554</v>
      </c>
      <c r="B1184">
        <v>128</v>
      </c>
      <c r="C1184" t="s">
        <v>4555</v>
      </c>
      <c r="D1184" t="s">
        <v>4556</v>
      </c>
      <c r="E1184" t="s">
        <v>60</v>
      </c>
      <c r="F1184">
        <v>256</v>
      </c>
      <c r="G1184">
        <v>138.37890625</v>
      </c>
      <c r="H1184">
        <v>143.5</v>
      </c>
      <c r="I1184">
        <v>5702.8993988037109</v>
      </c>
      <c r="J1184">
        <v>75.517543649166129</v>
      </c>
      <c r="K1184">
        <v>-0.20471777128678151</v>
      </c>
      <c r="L1184">
        <v>-1.123161351591311</v>
      </c>
      <c r="M1184">
        <v>7.1507916154156286</v>
      </c>
      <c r="N1184">
        <v>5</v>
      </c>
      <c r="O1184">
        <v>1</v>
      </c>
      <c r="P1184">
        <v>4</v>
      </c>
      <c r="Q1184">
        <v>0.88700073810795343</v>
      </c>
      <c r="R1184">
        <v>4.9565510469970402</v>
      </c>
      <c r="S1184">
        <v>2</v>
      </c>
      <c r="T1184">
        <v>1</v>
      </c>
      <c r="U1184">
        <v>1</v>
      </c>
      <c r="V1184">
        <v>8.8558721353391615E-2</v>
      </c>
      <c r="W1184">
        <v>5.5303906482084644</v>
      </c>
      <c r="X1184">
        <v>1</v>
      </c>
      <c r="Y1184">
        <v>1</v>
      </c>
      <c r="Z1184">
        <v>0</v>
      </c>
      <c r="AA1184">
        <v>0</v>
      </c>
      <c r="AB1184">
        <v>5.5373342670185366</v>
      </c>
      <c r="AC1184">
        <v>1</v>
      </c>
      <c r="AD1184">
        <v>1</v>
      </c>
      <c r="AE1184">
        <v>0</v>
      </c>
      <c r="AF1184">
        <v>0</v>
      </c>
      <c r="AG1184">
        <v>5.5333894887275203</v>
      </c>
      <c r="AH1184">
        <v>7.3603096821169334E-2</v>
      </c>
      <c r="AI1184">
        <v>-1.4143757018568121E-2</v>
      </c>
      <c r="AJ1184">
        <v>-3.9152077892238027E-2</v>
      </c>
      <c r="AK1184">
        <v>-8.8003682911699625E-3</v>
      </c>
      <c r="AL1184">
        <v>1214.1900495051191</v>
      </c>
      <c r="AM1184">
        <v>2210.8273391838538</v>
      </c>
      <c r="AN1184">
        <v>35425</v>
      </c>
      <c r="AO1184">
        <v>166.7317145312899</v>
      </c>
      <c r="AP1184">
        <v>968.41059734958208</v>
      </c>
      <c r="AQ1184">
        <v>1.08984375</v>
      </c>
      <c r="AR1184">
        <v>4.1953125</v>
      </c>
      <c r="AS1184">
        <v>256</v>
      </c>
      <c r="AT1184">
        <v>80.65625</v>
      </c>
      <c r="AU1184">
        <v>8.7791053921568607E-2</v>
      </c>
      <c r="AV1184">
        <v>7.3762999689462747E-2</v>
      </c>
      <c r="AW1184">
        <v>0.3046875</v>
      </c>
      <c r="AX1184">
        <v>84.403921568627453</v>
      </c>
      <c r="AY1184">
        <v>63.5</v>
      </c>
      <c r="AZ1184">
        <v>122.75</v>
      </c>
      <c r="BA1184">
        <v>0.54573016723180034</v>
      </c>
      <c r="BB1184">
        <v>0.51171875</v>
      </c>
      <c r="BC1184">
        <v>4.8101371914206146</v>
      </c>
      <c r="BD1184" t="s">
        <v>4557</v>
      </c>
      <c r="BE1184" t="s">
        <v>62</v>
      </c>
    </row>
    <row r="1185" spans="1:57" x14ac:dyDescent="0.3">
      <c r="A1185" t="s">
        <v>4558</v>
      </c>
      <c r="B1185">
        <v>2767</v>
      </c>
      <c r="C1185" t="s">
        <v>4559</v>
      </c>
      <c r="D1185" t="s">
        <v>4560</v>
      </c>
      <c r="E1185" t="s">
        <v>128</v>
      </c>
      <c r="F1185">
        <v>32</v>
      </c>
      <c r="G1185">
        <v>105.09375</v>
      </c>
      <c r="H1185">
        <v>104</v>
      </c>
      <c r="I1185">
        <v>3931.1474609375</v>
      </c>
      <c r="J1185">
        <v>62.698863314556988</v>
      </c>
      <c r="K1185">
        <v>0.23072560257739791</v>
      </c>
      <c r="L1185">
        <v>-0.84442564646079221</v>
      </c>
      <c r="M1185">
        <v>4.663909765557392</v>
      </c>
      <c r="N1185">
        <v>3</v>
      </c>
      <c r="O1185">
        <v>1</v>
      </c>
      <c r="P1185">
        <v>2</v>
      </c>
      <c r="Q1185">
        <v>0.47430549906909991</v>
      </c>
      <c r="R1185">
        <v>3.2327759043821009</v>
      </c>
      <c r="S1185">
        <v>1</v>
      </c>
      <c r="T1185">
        <v>1</v>
      </c>
      <c r="U1185">
        <v>0</v>
      </c>
      <c r="V1185">
        <v>0</v>
      </c>
      <c r="W1185">
        <v>3.4339872044851458</v>
      </c>
      <c r="X1185">
        <v>1</v>
      </c>
      <c r="Y1185">
        <v>1</v>
      </c>
      <c r="Z1185">
        <v>0</v>
      </c>
      <c r="AA1185">
        <v>0</v>
      </c>
      <c r="AB1185">
        <v>3.401197381662155</v>
      </c>
      <c r="AC1185">
        <v>1</v>
      </c>
      <c r="AD1185">
        <v>1</v>
      </c>
      <c r="AE1185">
        <v>0</v>
      </c>
      <c r="AF1185">
        <v>0</v>
      </c>
      <c r="AG1185">
        <v>3.3672958299864728</v>
      </c>
      <c r="AH1185">
        <v>-0.32768697545270831</v>
      </c>
      <c r="AI1185">
        <v>2.9316751728669391E-2</v>
      </c>
      <c r="AJ1185">
        <v>-0.1161644484094503</v>
      </c>
      <c r="AK1185">
        <v>6.2256163527715227E-3</v>
      </c>
      <c r="AL1185">
        <v>406.39906357873463</v>
      </c>
      <c r="AM1185">
        <v>560.41663173243489</v>
      </c>
      <c r="AN1185">
        <v>3363</v>
      </c>
      <c r="AO1185">
        <v>61.460187599081401</v>
      </c>
      <c r="AP1185">
        <v>270.7831070633473</v>
      </c>
      <c r="AQ1185">
        <v>1.65625</v>
      </c>
      <c r="AR1185">
        <v>3.71875</v>
      </c>
      <c r="AS1185">
        <v>32</v>
      </c>
      <c r="AT1185">
        <v>5.125</v>
      </c>
      <c r="AU1185">
        <v>0.19494047619047619</v>
      </c>
      <c r="AV1185">
        <v>-0.34426208523367863</v>
      </c>
      <c r="AW1185">
        <v>0.5</v>
      </c>
      <c r="AX1185">
        <v>85.516129032258064</v>
      </c>
      <c r="AY1185">
        <v>42</v>
      </c>
      <c r="AZ1185">
        <v>80.75</v>
      </c>
      <c r="BA1185">
        <v>0.5965993535729478</v>
      </c>
      <c r="BB1185">
        <v>0.46875</v>
      </c>
      <c r="BC1185">
        <v>3.3892680315457948</v>
      </c>
      <c r="BD1185" t="s">
        <v>4561</v>
      </c>
      <c r="BE1185" t="s">
        <v>62</v>
      </c>
    </row>
    <row r="1186" spans="1:57" x14ac:dyDescent="0.3">
      <c r="A1186" t="s">
        <v>4562</v>
      </c>
      <c r="B1186">
        <v>607</v>
      </c>
      <c r="C1186" t="s">
        <v>4563</v>
      </c>
      <c r="D1186" t="s">
        <v>4564</v>
      </c>
      <c r="E1186" t="s">
        <v>115</v>
      </c>
      <c r="F1186">
        <v>647</v>
      </c>
      <c r="G1186">
        <v>126.9428129829985</v>
      </c>
      <c r="H1186">
        <v>134</v>
      </c>
      <c r="I1186">
        <v>5415.1636539109286</v>
      </c>
      <c r="J1186">
        <v>73.587795550015827</v>
      </c>
      <c r="K1186">
        <v>-4.2536079608178769E-2</v>
      </c>
      <c r="L1186">
        <v>-1.177558584170209</v>
      </c>
      <c r="M1186">
        <v>7.6567691568791654</v>
      </c>
      <c r="N1186">
        <v>8</v>
      </c>
      <c r="O1186">
        <v>1</v>
      </c>
      <c r="P1186">
        <v>7</v>
      </c>
      <c r="Q1186">
        <v>1.5470852792983261</v>
      </c>
      <c r="R1186">
        <v>5.3072679532891396</v>
      </c>
      <c r="S1186">
        <v>2</v>
      </c>
      <c r="T1186">
        <v>1</v>
      </c>
      <c r="U1186">
        <v>1</v>
      </c>
      <c r="V1186">
        <v>3.9344426482014007E-2</v>
      </c>
      <c r="W1186">
        <v>6.4686535372793212</v>
      </c>
      <c r="X1186">
        <v>1</v>
      </c>
      <c r="Y1186">
        <v>1</v>
      </c>
      <c r="Z1186">
        <v>0</v>
      </c>
      <c r="AA1186">
        <v>0</v>
      </c>
      <c r="AB1186">
        <v>6.4692503167957716</v>
      </c>
      <c r="AC1186">
        <v>1</v>
      </c>
      <c r="AD1186">
        <v>1</v>
      </c>
      <c r="AE1186">
        <v>0</v>
      </c>
      <c r="AF1186">
        <v>0</v>
      </c>
      <c r="AG1186">
        <v>6.4676987261043539</v>
      </c>
      <c r="AH1186">
        <v>-6.2911473477279795E-2</v>
      </c>
      <c r="AI1186">
        <v>-1.5647583435733359E-2</v>
      </c>
      <c r="AJ1186">
        <v>-3.2305648921233951E-3</v>
      </c>
      <c r="AK1186">
        <v>-2.7391779348124749E-2</v>
      </c>
      <c r="AL1186">
        <v>1765.6809451688689</v>
      </c>
      <c r="AM1186">
        <v>3288.168000554042</v>
      </c>
      <c r="AN1186">
        <v>82131.999999999985</v>
      </c>
      <c r="AO1186">
        <v>46.404628806645903</v>
      </c>
      <c r="AP1186">
        <v>1534.653667860277</v>
      </c>
      <c r="AQ1186">
        <v>1.035548686244204</v>
      </c>
      <c r="AR1186">
        <v>3.897990726429676</v>
      </c>
      <c r="AS1186">
        <v>641</v>
      </c>
      <c r="AT1186">
        <v>202.56105100463679</v>
      </c>
      <c r="AU1186">
        <v>3.2869654817104577E-2</v>
      </c>
      <c r="AV1186">
        <v>-6.2951325225780549E-2</v>
      </c>
      <c r="AW1186">
        <v>0.34775888717156112</v>
      </c>
      <c r="AX1186">
        <v>87.921052631578945</v>
      </c>
      <c r="AY1186">
        <v>64</v>
      </c>
      <c r="AZ1186">
        <v>129.5</v>
      </c>
      <c r="BA1186">
        <v>0.57969249160936343</v>
      </c>
      <c r="BB1186">
        <v>0.52241112828438951</v>
      </c>
      <c r="BC1186">
        <v>5.1790838698994968</v>
      </c>
      <c r="BD1186" t="s">
        <v>4565</v>
      </c>
      <c r="BE1186" t="s">
        <v>68</v>
      </c>
    </row>
    <row r="1187" spans="1:57" x14ac:dyDescent="0.3">
      <c r="A1187" t="s">
        <v>4566</v>
      </c>
      <c r="B1187">
        <v>3877</v>
      </c>
      <c r="C1187" t="s">
        <v>4567</v>
      </c>
      <c r="D1187" t="s">
        <v>4568</v>
      </c>
      <c r="E1187" t="s">
        <v>115</v>
      </c>
      <c r="F1187">
        <v>3936</v>
      </c>
      <c r="G1187">
        <v>126.98932926829271</v>
      </c>
      <c r="H1187">
        <v>127</v>
      </c>
      <c r="I1187">
        <v>5480.6731584932086</v>
      </c>
      <c r="J1187">
        <v>74.031568661573075</v>
      </c>
      <c r="K1187">
        <v>1.019524999760881E-2</v>
      </c>
      <c r="L1187">
        <v>-1.204139573919154</v>
      </c>
      <c r="M1187">
        <v>7.9495022013896479</v>
      </c>
      <c r="N1187">
        <v>26</v>
      </c>
      <c r="O1187">
        <v>4</v>
      </c>
      <c r="P1187">
        <v>22</v>
      </c>
      <c r="Q1187">
        <v>4.0155946010522534</v>
      </c>
      <c r="R1187">
        <v>5.5101750377483167</v>
      </c>
      <c r="S1187">
        <v>3</v>
      </c>
      <c r="T1187">
        <v>1</v>
      </c>
      <c r="U1187">
        <v>2</v>
      </c>
      <c r="V1187">
        <v>0.17027021813002499</v>
      </c>
      <c r="W1187">
        <v>8.2392190108051899</v>
      </c>
      <c r="X1187">
        <v>2</v>
      </c>
      <c r="Y1187">
        <v>1</v>
      </c>
      <c r="Z1187">
        <v>1</v>
      </c>
      <c r="AA1187">
        <v>2.7614890348739589E-2</v>
      </c>
      <c r="AB1187">
        <v>8.2763548349725529</v>
      </c>
      <c r="AC1187">
        <v>1</v>
      </c>
      <c r="AD1187">
        <v>1</v>
      </c>
      <c r="AE1187">
        <v>0</v>
      </c>
      <c r="AF1187">
        <v>0</v>
      </c>
      <c r="AG1187">
        <v>8.2771577724318064</v>
      </c>
      <c r="AH1187">
        <v>-2.571976904117616E-2</v>
      </c>
      <c r="AI1187">
        <v>-2.0645793897952451E-2</v>
      </c>
      <c r="AJ1187">
        <v>-2.867220510770813E-2</v>
      </c>
      <c r="AK1187">
        <v>-1.9539194216717818E-3</v>
      </c>
      <c r="AL1187">
        <v>4231.0907235753884</v>
      </c>
      <c r="AM1187">
        <v>8194.0757434181869</v>
      </c>
      <c r="AN1187">
        <v>499830</v>
      </c>
      <c r="AO1187">
        <v>45.930319528721803</v>
      </c>
      <c r="AP1187">
        <v>3889.962987618841</v>
      </c>
      <c r="AQ1187">
        <v>1.0058434959349589</v>
      </c>
      <c r="AR1187">
        <v>4.006859756097561</v>
      </c>
      <c r="AS1187">
        <v>3918</v>
      </c>
      <c r="AT1187">
        <v>268.48780487804879</v>
      </c>
      <c r="AU1187">
        <v>1.484636537541845E-2</v>
      </c>
      <c r="AV1187">
        <v>-2.5720945489297199E-2</v>
      </c>
      <c r="AW1187">
        <v>0.37220528455284552</v>
      </c>
      <c r="AX1187">
        <v>86.774078780177888</v>
      </c>
      <c r="AY1187">
        <v>64.5</v>
      </c>
      <c r="AZ1187">
        <v>129</v>
      </c>
      <c r="BA1187">
        <v>0.58297471990867222</v>
      </c>
      <c r="BB1187">
        <v>0.50254065040650409</v>
      </c>
      <c r="BC1187">
        <v>5.3334724409561467</v>
      </c>
      <c r="BD1187" t="s">
        <v>4569</v>
      </c>
      <c r="BE1187" t="s">
        <v>62</v>
      </c>
    </row>
    <row r="1188" spans="1:57" x14ac:dyDescent="0.3">
      <c r="A1188" t="s">
        <v>4570</v>
      </c>
      <c r="B1188">
        <v>2694</v>
      </c>
      <c r="C1188" t="s">
        <v>4571</v>
      </c>
      <c r="D1188" t="s">
        <v>4572</v>
      </c>
      <c r="E1188" t="s">
        <v>128</v>
      </c>
      <c r="F1188">
        <v>32</v>
      </c>
      <c r="G1188">
        <v>109</v>
      </c>
      <c r="H1188">
        <v>110</v>
      </c>
      <c r="I1188">
        <v>5176.0625</v>
      </c>
      <c r="J1188">
        <v>71.944857356172449</v>
      </c>
      <c r="K1188">
        <v>0.30004293612869581</v>
      </c>
      <c r="L1188">
        <v>-1.018084349359569</v>
      </c>
      <c r="M1188">
        <v>4.9375</v>
      </c>
      <c r="N1188">
        <v>2</v>
      </c>
      <c r="O1188">
        <v>1</v>
      </c>
      <c r="P1188">
        <v>1</v>
      </c>
      <c r="Q1188">
        <v>0.1766846959694085</v>
      </c>
      <c r="R1188">
        <v>3.422414204014729</v>
      </c>
      <c r="S1188">
        <v>1</v>
      </c>
      <c r="T1188">
        <v>1</v>
      </c>
      <c r="U1188">
        <v>0</v>
      </c>
      <c r="V1188">
        <v>0</v>
      </c>
      <c r="W1188">
        <v>3.4339872044851458</v>
      </c>
      <c r="X1188">
        <v>1</v>
      </c>
      <c r="Y1188">
        <v>1</v>
      </c>
      <c r="Z1188">
        <v>0</v>
      </c>
      <c r="AA1188">
        <v>0</v>
      </c>
      <c r="AB1188">
        <v>3.401197381662155</v>
      </c>
      <c r="AC1188">
        <v>1</v>
      </c>
      <c r="AD1188">
        <v>1</v>
      </c>
      <c r="AE1188">
        <v>0</v>
      </c>
      <c r="AF1188">
        <v>0</v>
      </c>
      <c r="AG1188">
        <v>3.3672958299864728</v>
      </c>
      <c r="AH1188">
        <v>0.20206600094183561</v>
      </c>
      <c r="AI1188">
        <v>0.16100559063960301</v>
      </c>
      <c r="AJ1188">
        <v>-2.2628204354178491E-2</v>
      </c>
      <c r="AK1188">
        <v>1.04326406414142E-2</v>
      </c>
      <c r="AL1188">
        <v>471.1309450616593</v>
      </c>
      <c r="AM1188">
        <v>569.08842248398253</v>
      </c>
      <c r="AN1188">
        <v>3488</v>
      </c>
      <c r="AO1188">
        <v>101.35029566941211</v>
      </c>
      <c r="AP1188">
        <v>349.50790359234122</v>
      </c>
      <c r="AQ1188">
        <v>1.65625</v>
      </c>
      <c r="AR1188">
        <v>4.03125</v>
      </c>
      <c r="AS1188">
        <v>32</v>
      </c>
      <c r="AT1188">
        <v>0.93749999999999978</v>
      </c>
      <c r="AU1188">
        <v>0.1521849593495935</v>
      </c>
      <c r="AV1188">
        <v>0.20583596151583591</v>
      </c>
      <c r="AW1188">
        <v>0.5</v>
      </c>
      <c r="AX1188">
        <v>71.451612903225808</v>
      </c>
      <c r="AY1188">
        <v>61.5</v>
      </c>
      <c r="AZ1188">
        <v>119.25</v>
      </c>
      <c r="BA1188">
        <v>0.66004456290066471</v>
      </c>
      <c r="BB1188">
        <v>0.5</v>
      </c>
      <c r="BC1188">
        <v>3.3276698862269418</v>
      </c>
      <c r="BD1188" t="s">
        <v>4573</v>
      </c>
      <c r="BE1188" t="s">
        <v>62</v>
      </c>
    </row>
    <row r="1189" spans="1:57" x14ac:dyDescent="0.3">
      <c r="A1189" t="s">
        <v>4574</v>
      </c>
      <c r="B1189">
        <v>2654</v>
      </c>
      <c r="C1189" t="s">
        <v>4575</v>
      </c>
      <c r="D1189" t="s">
        <v>4576</v>
      </c>
      <c r="E1189" t="s">
        <v>85</v>
      </c>
      <c r="F1189">
        <v>8</v>
      </c>
      <c r="G1189">
        <v>144.625</v>
      </c>
      <c r="H1189">
        <v>154</v>
      </c>
      <c r="I1189">
        <v>5800.984375</v>
      </c>
      <c r="J1189">
        <v>76.164193522940948</v>
      </c>
      <c r="K1189">
        <v>-0.16279316693103049</v>
      </c>
      <c r="L1189">
        <v>-1.2318234765647169</v>
      </c>
      <c r="M1189">
        <v>3</v>
      </c>
      <c r="N1189">
        <v>1</v>
      </c>
      <c r="O1189">
        <v>1</v>
      </c>
      <c r="P1189">
        <v>0</v>
      </c>
      <c r="Q1189">
        <v>0</v>
      </c>
      <c r="R1189">
        <v>2.0794415416798362</v>
      </c>
      <c r="S1189">
        <v>1</v>
      </c>
      <c r="T1189">
        <v>1</v>
      </c>
      <c r="U1189">
        <v>0</v>
      </c>
      <c r="V1189">
        <v>0</v>
      </c>
      <c r="W1189">
        <v>1.945910149055313</v>
      </c>
      <c r="X1189">
        <v>1</v>
      </c>
      <c r="Y1189">
        <v>1</v>
      </c>
      <c r="Z1189">
        <v>0</v>
      </c>
      <c r="AA1189">
        <v>0</v>
      </c>
      <c r="AB1189">
        <v>1.791759469228055</v>
      </c>
      <c r="AC1189">
        <v>1</v>
      </c>
      <c r="AD1189">
        <v>1</v>
      </c>
      <c r="AE1189">
        <v>0</v>
      </c>
      <c r="AF1189">
        <v>0</v>
      </c>
      <c r="AG1189">
        <v>1.6094379124341009</v>
      </c>
      <c r="AH1189">
        <v>-0.526225680986255</v>
      </c>
      <c r="AI1189">
        <v>0.22194441676116389</v>
      </c>
      <c r="AJ1189">
        <v>-0.40414376062252372</v>
      </c>
      <c r="AK1189">
        <v>0</v>
      </c>
      <c r="AL1189">
        <v>318.67478379853048</v>
      </c>
      <c r="AM1189">
        <v>334.94086369232377</v>
      </c>
      <c r="AN1189">
        <v>1157</v>
      </c>
      <c r="AO1189">
        <v>127.37370113588921</v>
      </c>
      <c r="AP1189">
        <v>166.16271702911629</v>
      </c>
      <c r="AQ1189">
        <v>3.5</v>
      </c>
      <c r="AR1189">
        <v>3.875</v>
      </c>
      <c r="AS1189">
        <v>8</v>
      </c>
      <c r="AT1189">
        <v>0</v>
      </c>
      <c r="AU1189">
        <v>0.21341463414634149</v>
      </c>
      <c r="AV1189">
        <v>-0.59894035114383493</v>
      </c>
      <c r="AW1189">
        <v>0.375</v>
      </c>
      <c r="AX1189">
        <v>120.8571428571429</v>
      </c>
      <c r="AY1189">
        <v>68</v>
      </c>
      <c r="AZ1189">
        <v>107.25</v>
      </c>
      <c r="BA1189">
        <v>0.52663228019319586</v>
      </c>
      <c r="BB1189">
        <v>0.625</v>
      </c>
      <c r="BC1189">
        <v>1.945910149055313</v>
      </c>
      <c r="BD1189" t="s">
        <v>4575</v>
      </c>
      <c r="BE1189" t="s">
        <v>68</v>
      </c>
    </row>
    <row r="1190" spans="1:57" x14ac:dyDescent="0.3">
      <c r="A1190" t="s">
        <v>4577</v>
      </c>
      <c r="B1190">
        <v>2639</v>
      </c>
      <c r="C1190" t="s">
        <v>4578</v>
      </c>
      <c r="D1190" t="s">
        <v>4579</v>
      </c>
      <c r="E1190" t="s">
        <v>66</v>
      </c>
      <c r="F1190">
        <v>70</v>
      </c>
      <c r="G1190">
        <v>114.4</v>
      </c>
      <c r="H1190">
        <v>100.5</v>
      </c>
      <c r="I1190">
        <v>4941.0685714285701</v>
      </c>
      <c r="J1190">
        <v>70.292734841010201</v>
      </c>
      <c r="K1190">
        <v>0.27249849594769221</v>
      </c>
      <c r="L1190">
        <v>-1.067334061839011</v>
      </c>
      <c r="M1190">
        <v>5.7756417669140641</v>
      </c>
      <c r="N1190">
        <v>3</v>
      </c>
      <c r="O1190">
        <v>1</v>
      </c>
      <c r="P1190">
        <v>2</v>
      </c>
      <c r="Q1190">
        <v>0.44561544770069261</v>
      </c>
      <c r="R1190">
        <v>4.0033698066607419</v>
      </c>
      <c r="S1190">
        <v>2</v>
      </c>
      <c r="T1190">
        <v>1</v>
      </c>
      <c r="U1190">
        <v>1</v>
      </c>
      <c r="V1190">
        <v>0.1203728348804772</v>
      </c>
      <c r="W1190">
        <v>4.2140152819723324</v>
      </c>
      <c r="X1190">
        <v>1</v>
      </c>
      <c r="Y1190">
        <v>1</v>
      </c>
      <c r="Z1190">
        <v>0</v>
      </c>
      <c r="AA1190">
        <v>0</v>
      </c>
      <c r="AB1190">
        <v>4.2195077051761087</v>
      </c>
      <c r="AC1190">
        <v>1</v>
      </c>
      <c r="AD1190">
        <v>1</v>
      </c>
      <c r="AE1190">
        <v>0</v>
      </c>
      <c r="AF1190">
        <v>0</v>
      </c>
      <c r="AG1190">
        <v>4.2046926193909648</v>
      </c>
      <c r="AH1190">
        <v>4.4553809644414688E-2</v>
      </c>
      <c r="AI1190">
        <v>-5.2308870146075992E-2</v>
      </c>
      <c r="AJ1190">
        <v>-7.9446666828575013E-2</v>
      </c>
      <c r="AK1190">
        <v>5.6017379699243801E-2</v>
      </c>
      <c r="AL1190">
        <v>640.28461626695866</v>
      </c>
      <c r="AM1190">
        <v>923.05233338737276</v>
      </c>
      <c r="AN1190">
        <v>8008</v>
      </c>
      <c r="AO1190">
        <v>59.438871519848178</v>
      </c>
      <c r="AP1190">
        <v>536.65371790795029</v>
      </c>
      <c r="AQ1190">
        <v>1.328571428571429</v>
      </c>
      <c r="AR1190">
        <v>4.0285714285714276</v>
      </c>
      <c r="AS1190">
        <v>70</v>
      </c>
      <c r="AT1190">
        <v>9.5428571428571427</v>
      </c>
      <c r="AU1190">
        <v>0.1421230942970074</v>
      </c>
      <c r="AV1190">
        <v>4.483424307439042E-2</v>
      </c>
      <c r="AW1190">
        <v>0.5</v>
      </c>
      <c r="AX1190">
        <v>78.579710144927532</v>
      </c>
      <c r="AY1190">
        <v>58.5</v>
      </c>
      <c r="AZ1190">
        <v>118.5</v>
      </c>
      <c r="BA1190">
        <v>0.61444698287596322</v>
      </c>
      <c r="BB1190">
        <v>0.44285714285714278</v>
      </c>
      <c r="BC1190">
        <v>3.9376627749855562</v>
      </c>
      <c r="BD1190" t="s">
        <v>4580</v>
      </c>
      <c r="BE1190" t="s">
        <v>68</v>
      </c>
    </row>
    <row r="1191" spans="1:57" x14ac:dyDescent="0.3">
      <c r="A1191" t="s">
        <v>4581</v>
      </c>
      <c r="B1191">
        <v>737</v>
      </c>
      <c r="C1191" t="s">
        <v>4582</v>
      </c>
      <c r="D1191" t="s">
        <v>4583</v>
      </c>
      <c r="E1191" t="s">
        <v>106</v>
      </c>
      <c r="F1191">
        <v>749</v>
      </c>
      <c r="G1191">
        <v>129.20160213618161</v>
      </c>
      <c r="H1191">
        <v>131</v>
      </c>
      <c r="I1191">
        <v>5476.9486756708093</v>
      </c>
      <c r="J1191">
        <v>74.006409693152989</v>
      </c>
      <c r="K1191">
        <v>-5.0744883194567977E-2</v>
      </c>
      <c r="L1191">
        <v>-1.18063462097923</v>
      </c>
      <c r="M1191">
        <v>7.7206945441995778</v>
      </c>
      <c r="N1191">
        <v>10</v>
      </c>
      <c r="O1191">
        <v>1</v>
      </c>
      <c r="P1191">
        <v>9</v>
      </c>
      <c r="Q1191">
        <v>1.638736256272479</v>
      </c>
      <c r="R1191">
        <v>5.3515776552764791</v>
      </c>
      <c r="S1191">
        <v>2</v>
      </c>
      <c r="T1191">
        <v>1</v>
      </c>
      <c r="U1191">
        <v>1</v>
      </c>
      <c r="V1191">
        <v>7.3126185530835705E-2</v>
      </c>
      <c r="W1191">
        <v>6.6099896391449606</v>
      </c>
      <c r="X1191">
        <v>1</v>
      </c>
      <c r="Y1191">
        <v>1</v>
      </c>
      <c r="Z1191">
        <v>0</v>
      </c>
      <c r="AA1191">
        <v>0</v>
      </c>
      <c r="AB1191">
        <v>6.6160651851328192</v>
      </c>
      <c r="AC1191">
        <v>1</v>
      </c>
      <c r="AD1191">
        <v>1</v>
      </c>
      <c r="AE1191">
        <v>0</v>
      </c>
      <c r="AF1191">
        <v>0</v>
      </c>
      <c r="AG1191">
        <v>6.6147256002037631</v>
      </c>
      <c r="AH1191">
        <v>-1.457952226668964E-2</v>
      </c>
      <c r="AI1191">
        <v>-3.8049407730280198E-2</v>
      </c>
      <c r="AJ1191">
        <v>1.0188961115370661E-2</v>
      </c>
      <c r="AK1191">
        <v>-7.3433488468378242E-3</v>
      </c>
      <c r="AL1191">
        <v>1918.992383531584</v>
      </c>
      <c r="AM1191">
        <v>3594.829652702304</v>
      </c>
      <c r="AN1191">
        <v>96772</v>
      </c>
      <c r="AO1191">
        <v>157.20107447719701</v>
      </c>
      <c r="AP1191">
        <v>1627.8526042066401</v>
      </c>
      <c r="AQ1191">
        <v>1.030707610146862</v>
      </c>
      <c r="AR1191">
        <v>3.9893190921228299</v>
      </c>
      <c r="AS1191">
        <v>749</v>
      </c>
      <c r="AT1191">
        <v>208.24299065420561</v>
      </c>
      <c r="AU1191">
        <v>2.4806932118641819E-2</v>
      </c>
      <c r="AV1191">
        <v>-1.4601960776415471E-2</v>
      </c>
      <c r="AW1191">
        <v>0.35781041388518031</v>
      </c>
      <c r="AX1191">
        <v>85.974598930481278</v>
      </c>
      <c r="AY1191">
        <v>63</v>
      </c>
      <c r="AZ1191">
        <v>125</v>
      </c>
      <c r="BA1191">
        <v>0.57279792564142096</v>
      </c>
      <c r="BB1191">
        <v>0.50867823765020026</v>
      </c>
      <c r="BC1191">
        <v>5.1666808294166717</v>
      </c>
      <c r="BD1191" t="s">
        <v>4584</v>
      </c>
      <c r="BE1191" t="s">
        <v>68</v>
      </c>
    </row>
    <row r="1192" spans="1:57" x14ac:dyDescent="0.3">
      <c r="A1192" t="s">
        <v>214</v>
      </c>
      <c r="B1192">
        <v>1562</v>
      </c>
      <c r="C1192" t="s">
        <v>215</v>
      </c>
      <c r="D1192" t="s">
        <v>216</v>
      </c>
      <c r="E1192" t="s">
        <v>93</v>
      </c>
      <c r="F1192">
        <v>1577</v>
      </c>
      <c r="G1192">
        <v>127.0310716550412</v>
      </c>
      <c r="H1192">
        <v>127</v>
      </c>
      <c r="I1192">
        <v>5373.539300880725</v>
      </c>
      <c r="J1192">
        <v>73.304428930868326</v>
      </c>
      <c r="K1192">
        <v>2.963544883161413E-2</v>
      </c>
      <c r="L1192">
        <v>-1.193438187432909</v>
      </c>
      <c r="M1192">
        <v>7.8933882673514217</v>
      </c>
      <c r="N1192">
        <v>13</v>
      </c>
      <c r="O1192">
        <v>1</v>
      </c>
      <c r="P1192">
        <v>12</v>
      </c>
      <c r="Q1192">
        <v>2.3472337390183231</v>
      </c>
      <c r="R1192">
        <v>5.4712798225795947</v>
      </c>
      <c r="S1192">
        <v>2</v>
      </c>
      <c r="T1192">
        <v>1</v>
      </c>
      <c r="U1192">
        <v>1</v>
      </c>
      <c r="V1192">
        <v>0.1154228872571737</v>
      </c>
      <c r="W1192">
        <v>7.3441730739815814</v>
      </c>
      <c r="X1192">
        <v>1</v>
      </c>
      <c r="Y1192">
        <v>1</v>
      </c>
      <c r="Z1192">
        <v>0</v>
      </c>
      <c r="AA1192">
        <v>0</v>
      </c>
      <c r="AB1192">
        <v>7.3620105512597336</v>
      </c>
      <c r="AC1192">
        <v>1</v>
      </c>
      <c r="AD1192">
        <v>1</v>
      </c>
      <c r="AE1192">
        <v>0</v>
      </c>
      <c r="AF1192">
        <v>0</v>
      </c>
      <c r="AG1192">
        <v>7.3613754289773468</v>
      </c>
      <c r="AH1192">
        <v>3.6650776705465793E-2</v>
      </c>
      <c r="AI1192">
        <v>-4.4291633110742273E-2</v>
      </c>
      <c r="AJ1192">
        <v>-1.354633477474982E-2</v>
      </c>
      <c r="AK1192">
        <v>-3.5224227275688781E-2</v>
      </c>
      <c r="AL1192">
        <v>2710.7414633802978</v>
      </c>
      <c r="AM1192">
        <v>5154.9813499867141</v>
      </c>
      <c r="AN1192">
        <v>200328</v>
      </c>
      <c r="AO1192">
        <v>51.126163027673712</v>
      </c>
      <c r="AP1192">
        <v>2416.004852789592</v>
      </c>
      <c r="AQ1192">
        <v>1.014584654407102</v>
      </c>
      <c r="AR1192">
        <v>3.9968294229549781</v>
      </c>
      <c r="AS1192">
        <v>1572</v>
      </c>
      <c r="AT1192">
        <v>228.96068484464169</v>
      </c>
      <c r="AU1192">
        <v>1.499496437763442E-2</v>
      </c>
      <c r="AV1192">
        <v>3.6690922663726977E-2</v>
      </c>
      <c r="AW1192">
        <v>0.3823715916296766</v>
      </c>
      <c r="AX1192">
        <v>83.634517766497467</v>
      </c>
      <c r="AY1192">
        <v>63</v>
      </c>
      <c r="AZ1192">
        <v>126</v>
      </c>
      <c r="BA1192">
        <v>0.57705904528562835</v>
      </c>
      <c r="BB1192">
        <v>0.49778059606848452</v>
      </c>
      <c r="BC1192">
        <v>5.2418742692673392</v>
      </c>
      <c r="BD1192" t="s">
        <v>217</v>
      </c>
      <c r="BE1192" t="s">
        <v>68</v>
      </c>
    </row>
    <row r="1193" spans="1:57" x14ac:dyDescent="0.3">
      <c r="A1193" t="s">
        <v>4585</v>
      </c>
      <c r="B1193">
        <v>3512</v>
      </c>
      <c r="C1193" t="s">
        <v>4586</v>
      </c>
      <c r="D1193" t="s">
        <v>4587</v>
      </c>
      <c r="E1193" t="s">
        <v>128</v>
      </c>
      <c r="F1193">
        <v>32</v>
      </c>
      <c r="G1193">
        <v>145.15625</v>
      </c>
      <c r="H1193">
        <v>135</v>
      </c>
      <c r="I1193">
        <v>4288.2568359375</v>
      </c>
      <c r="J1193">
        <v>65.484783239600787</v>
      </c>
      <c r="K1193">
        <v>5.569747994440194E-2</v>
      </c>
      <c r="L1193">
        <v>-1.258227103650531</v>
      </c>
      <c r="M1193">
        <v>4.875</v>
      </c>
      <c r="N1193">
        <v>2</v>
      </c>
      <c r="O1193">
        <v>1</v>
      </c>
      <c r="P1193">
        <v>1</v>
      </c>
      <c r="Q1193">
        <v>0.24944382578492941</v>
      </c>
      <c r="R1193">
        <v>3.3790925052297318</v>
      </c>
      <c r="S1193">
        <v>1</v>
      </c>
      <c r="T1193">
        <v>1</v>
      </c>
      <c r="U1193">
        <v>0</v>
      </c>
      <c r="V1193">
        <v>0</v>
      </c>
      <c r="W1193">
        <v>3.4339872044851458</v>
      </c>
      <c r="X1193">
        <v>1</v>
      </c>
      <c r="Y1193">
        <v>1</v>
      </c>
      <c r="Z1193">
        <v>0</v>
      </c>
      <c r="AA1193">
        <v>0</v>
      </c>
      <c r="AB1193">
        <v>3.401197381662155</v>
      </c>
      <c r="AC1193">
        <v>1</v>
      </c>
      <c r="AD1193">
        <v>1</v>
      </c>
      <c r="AE1193">
        <v>0</v>
      </c>
      <c r="AF1193">
        <v>0</v>
      </c>
      <c r="AG1193">
        <v>3.3672958299864728</v>
      </c>
      <c r="AH1193">
        <v>-0.1089812592870929</v>
      </c>
      <c r="AI1193">
        <v>0.39241488610679381</v>
      </c>
      <c r="AJ1193">
        <v>-0.24879921803389751</v>
      </c>
      <c r="AK1193">
        <v>8.2381409873211617E-2</v>
      </c>
      <c r="AL1193">
        <v>469.40379537229143</v>
      </c>
      <c r="AM1193">
        <v>768.85309187782286</v>
      </c>
      <c r="AN1193">
        <v>4645</v>
      </c>
      <c r="AO1193">
        <v>123.9817157016588</v>
      </c>
      <c r="AP1193">
        <v>289.09428958109743</v>
      </c>
      <c r="AQ1193">
        <v>1.65625</v>
      </c>
      <c r="AR1193">
        <v>4.5625</v>
      </c>
      <c r="AS1193">
        <v>32</v>
      </c>
      <c r="AT1193">
        <v>1.75</v>
      </c>
      <c r="AU1193">
        <v>0.1688725490196078</v>
      </c>
      <c r="AV1193">
        <v>-0.1111726465167063</v>
      </c>
      <c r="AW1193">
        <v>0.4375</v>
      </c>
      <c r="AX1193">
        <v>82.064516129032256</v>
      </c>
      <c r="AY1193">
        <v>58</v>
      </c>
      <c r="AZ1193">
        <v>121.5</v>
      </c>
      <c r="BA1193">
        <v>0.45113305999294412</v>
      </c>
      <c r="BB1193">
        <v>0.4375</v>
      </c>
      <c r="BC1193">
        <v>3.3445488586064429</v>
      </c>
      <c r="BD1193" t="s">
        <v>4588</v>
      </c>
      <c r="BE1193" t="s">
        <v>62</v>
      </c>
    </row>
    <row r="1194" spans="1:57" x14ac:dyDescent="0.3">
      <c r="A1194" t="s">
        <v>4589</v>
      </c>
      <c r="B1194">
        <v>644</v>
      </c>
      <c r="C1194" t="s">
        <v>4590</v>
      </c>
      <c r="D1194" t="s">
        <v>4591</v>
      </c>
      <c r="E1194" t="s">
        <v>10622</v>
      </c>
      <c r="F1194">
        <v>64</v>
      </c>
      <c r="G1194">
        <v>132.296875</v>
      </c>
      <c r="H1194">
        <v>129.5</v>
      </c>
      <c r="I1194">
        <v>5310.083740234375</v>
      </c>
      <c r="J1194">
        <v>72.870321395163174</v>
      </c>
      <c r="K1194">
        <v>3.6439073281743763E-2</v>
      </c>
      <c r="L1194">
        <v>-1.270622139630305</v>
      </c>
      <c r="M1194">
        <v>5.75</v>
      </c>
      <c r="N1194">
        <v>2</v>
      </c>
      <c r="O1194">
        <v>1</v>
      </c>
      <c r="P1194">
        <v>1</v>
      </c>
      <c r="Q1194">
        <v>0.3499271061118826</v>
      </c>
      <c r="R1194">
        <v>3.985596288219686</v>
      </c>
      <c r="S1194">
        <v>1</v>
      </c>
      <c r="T1194">
        <v>1</v>
      </c>
      <c r="U1194">
        <v>0</v>
      </c>
      <c r="V1194">
        <v>0</v>
      </c>
      <c r="W1194">
        <v>4.1431347263915326</v>
      </c>
      <c r="X1194">
        <v>1</v>
      </c>
      <c r="Y1194">
        <v>1</v>
      </c>
      <c r="Z1194">
        <v>0</v>
      </c>
      <c r="AA1194">
        <v>0</v>
      </c>
      <c r="AB1194">
        <v>4.1271343850450908</v>
      </c>
      <c r="AC1194">
        <v>1</v>
      </c>
      <c r="AD1194">
        <v>1</v>
      </c>
      <c r="AE1194">
        <v>0</v>
      </c>
      <c r="AF1194">
        <v>0</v>
      </c>
      <c r="AG1194">
        <v>4.1108738641733096</v>
      </c>
      <c r="AH1194">
        <v>2.4868680363260811E-2</v>
      </c>
      <c r="AI1194">
        <v>0.1277818646996752</v>
      </c>
      <c r="AJ1194">
        <v>4.1031382558280302E-2</v>
      </c>
      <c r="AK1194">
        <v>2.1913164905471939E-2</v>
      </c>
      <c r="AL1194">
        <v>672.03754289929293</v>
      </c>
      <c r="AM1194">
        <v>1004.175552846155</v>
      </c>
      <c r="AN1194">
        <v>8467</v>
      </c>
      <c r="AO1194">
        <v>131.34903494061669</v>
      </c>
      <c r="AP1194">
        <v>552.71380626019049</v>
      </c>
      <c r="AQ1194">
        <v>1.359375</v>
      </c>
      <c r="AR1194">
        <v>4</v>
      </c>
      <c r="AS1194">
        <v>64</v>
      </c>
      <c r="AT1194">
        <v>6</v>
      </c>
      <c r="AU1194">
        <v>5.9947709163346567E-2</v>
      </c>
      <c r="AV1194">
        <v>2.5996503069335569E-2</v>
      </c>
      <c r="AW1194">
        <v>0.390625</v>
      </c>
      <c r="AX1194">
        <v>82.174603174603178</v>
      </c>
      <c r="AY1194">
        <v>64.5</v>
      </c>
      <c r="AZ1194">
        <v>122</v>
      </c>
      <c r="BA1194">
        <v>0.55080909050318216</v>
      </c>
      <c r="BB1194">
        <v>0.484375</v>
      </c>
      <c r="BC1194">
        <v>3.8844722778225189</v>
      </c>
      <c r="BD1194" t="s">
        <v>4592</v>
      </c>
      <c r="BE1194" t="s">
        <v>62</v>
      </c>
    </row>
    <row r="1195" spans="1:57" x14ac:dyDescent="0.3">
      <c r="A1195" t="s">
        <v>4593</v>
      </c>
      <c r="B1195">
        <v>2728</v>
      </c>
      <c r="C1195" t="s">
        <v>4594</v>
      </c>
      <c r="D1195" t="s">
        <v>4595</v>
      </c>
      <c r="E1195" t="s">
        <v>66</v>
      </c>
      <c r="F1195">
        <v>71</v>
      </c>
      <c r="G1195">
        <v>121.94366197183101</v>
      </c>
      <c r="H1195">
        <v>118</v>
      </c>
      <c r="I1195">
        <v>6738.5602063082724</v>
      </c>
      <c r="J1195">
        <v>82.088733735563679</v>
      </c>
      <c r="K1195">
        <v>6.1344685989117187E-2</v>
      </c>
      <c r="L1195">
        <v>-1.464438076216743</v>
      </c>
      <c r="M1195">
        <v>5.8292557462347698</v>
      </c>
      <c r="N1195">
        <v>3</v>
      </c>
      <c r="O1195">
        <v>1</v>
      </c>
      <c r="P1195">
        <v>2</v>
      </c>
      <c r="Q1195">
        <v>0.42784992176644798</v>
      </c>
      <c r="R1195">
        <v>4.0405321852654943</v>
      </c>
      <c r="S1195">
        <v>1</v>
      </c>
      <c r="T1195">
        <v>1</v>
      </c>
      <c r="U1195">
        <v>0</v>
      </c>
      <c r="V1195">
        <v>0</v>
      </c>
      <c r="W1195">
        <v>4.2484952420493576</v>
      </c>
      <c r="X1195">
        <v>1</v>
      </c>
      <c r="Y1195">
        <v>1</v>
      </c>
      <c r="Z1195">
        <v>0</v>
      </c>
      <c r="AA1195">
        <v>0</v>
      </c>
      <c r="AB1195">
        <v>4.2341065045972579</v>
      </c>
      <c r="AC1195">
        <v>1</v>
      </c>
      <c r="AD1195">
        <v>1</v>
      </c>
      <c r="AE1195">
        <v>0</v>
      </c>
      <c r="AF1195">
        <v>0</v>
      </c>
      <c r="AG1195">
        <v>4.2195077051761087</v>
      </c>
      <c r="AH1195">
        <v>-0.16507447052446431</v>
      </c>
      <c r="AI1195">
        <v>0.1529913746063486</v>
      </c>
      <c r="AJ1195">
        <v>-0.10704157759578441</v>
      </c>
      <c r="AK1195">
        <v>-4.3375509927560792E-2</v>
      </c>
      <c r="AL1195">
        <v>730.78817712997329</v>
      </c>
      <c r="AM1195">
        <v>1000.0873162714601</v>
      </c>
      <c r="AN1195">
        <v>8658</v>
      </c>
      <c r="AO1195">
        <v>103.32857896210589</v>
      </c>
      <c r="AP1195">
        <v>592.21652813012315</v>
      </c>
      <c r="AQ1195">
        <v>1.323943661971831</v>
      </c>
      <c r="AR1195">
        <v>3.6619718309859151</v>
      </c>
      <c r="AS1195">
        <v>69</v>
      </c>
      <c r="AT1195">
        <v>9.2816901408450736</v>
      </c>
      <c r="AU1195">
        <v>0.13225019407785291</v>
      </c>
      <c r="AV1195">
        <v>-0.16770951804839279</v>
      </c>
      <c r="AW1195">
        <v>0.323943661971831</v>
      </c>
      <c r="AX1195">
        <v>103.7571428571429</v>
      </c>
      <c r="AY1195">
        <v>74</v>
      </c>
      <c r="AZ1195">
        <v>150</v>
      </c>
      <c r="BA1195">
        <v>0.6731693341678241</v>
      </c>
      <c r="BB1195">
        <v>0.49295774647887319</v>
      </c>
      <c r="BC1195">
        <v>4.1494742162550811</v>
      </c>
      <c r="BD1195" t="s">
        <v>4596</v>
      </c>
      <c r="BE1195" t="s">
        <v>68</v>
      </c>
    </row>
    <row r="1196" spans="1:57" x14ac:dyDescent="0.3">
      <c r="A1196" t="s">
        <v>4597</v>
      </c>
      <c r="B1196">
        <v>515</v>
      </c>
      <c r="C1196" t="s">
        <v>4598</v>
      </c>
      <c r="D1196" t="s">
        <v>4599</v>
      </c>
      <c r="E1196" t="s">
        <v>10622</v>
      </c>
      <c r="F1196">
        <v>64</v>
      </c>
      <c r="G1196">
        <v>145.390625</v>
      </c>
      <c r="H1196">
        <v>159.5</v>
      </c>
      <c r="I1196">
        <v>4930.644287109375</v>
      </c>
      <c r="J1196">
        <v>70.218546603510489</v>
      </c>
      <c r="K1196">
        <v>-0.42638279677177932</v>
      </c>
      <c r="L1196">
        <v>-0.90311350859780903</v>
      </c>
      <c r="M1196">
        <v>5.84375</v>
      </c>
      <c r="N1196">
        <v>2</v>
      </c>
      <c r="O1196">
        <v>1</v>
      </c>
      <c r="P1196">
        <v>1</v>
      </c>
      <c r="Q1196">
        <v>0.27850299534160988</v>
      </c>
      <c r="R1196">
        <v>4.0505788363971806</v>
      </c>
      <c r="S1196">
        <v>1</v>
      </c>
      <c r="T1196">
        <v>1</v>
      </c>
      <c r="U1196">
        <v>0</v>
      </c>
      <c r="V1196">
        <v>0</v>
      </c>
      <c r="W1196">
        <v>4.1431347263915326</v>
      </c>
      <c r="X1196">
        <v>1</v>
      </c>
      <c r="Y1196">
        <v>1</v>
      </c>
      <c r="Z1196">
        <v>0</v>
      </c>
      <c r="AA1196">
        <v>0</v>
      </c>
      <c r="AB1196">
        <v>4.1271343850450908</v>
      </c>
      <c r="AC1196">
        <v>1</v>
      </c>
      <c r="AD1196">
        <v>1</v>
      </c>
      <c r="AE1196">
        <v>0</v>
      </c>
      <c r="AF1196">
        <v>0</v>
      </c>
      <c r="AG1196">
        <v>4.1108738641733096</v>
      </c>
      <c r="AH1196">
        <v>0.26858724450098059</v>
      </c>
      <c r="AI1196">
        <v>-0.16236223423405491</v>
      </c>
      <c r="AJ1196">
        <v>0.1492095592121854</v>
      </c>
      <c r="AK1196">
        <v>-0.13175575997556729</v>
      </c>
      <c r="AL1196">
        <v>629.94923103598296</v>
      </c>
      <c r="AM1196">
        <v>1127.645762780659</v>
      </c>
      <c r="AN1196">
        <v>9305</v>
      </c>
      <c r="AO1196">
        <v>64.468435382276468</v>
      </c>
      <c r="AP1196">
        <v>440.47815177835031</v>
      </c>
      <c r="AQ1196">
        <v>1.359375</v>
      </c>
      <c r="AR1196">
        <v>4.1875</v>
      </c>
      <c r="AS1196">
        <v>64</v>
      </c>
      <c r="AT1196">
        <v>4.2187499999999991</v>
      </c>
      <c r="AU1196">
        <v>0.12716156126482209</v>
      </c>
      <c r="AV1196">
        <v>0.27624348396649318</v>
      </c>
      <c r="AW1196">
        <v>0.265625</v>
      </c>
      <c r="AX1196">
        <v>68.301587301587304</v>
      </c>
      <c r="AY1196">
        <v>55.5</v>
      </c>
      <c r="AZ1196">
        <v>112</v>
      </c>
      <c r="BA1196">
        <v>0.4829647482670254</v>
      </c>
      <c r="BB1196">
        <v>0.5625</v>
      </c>
      <c r="BC1196">
        <v>3.8707731315152909</v>
      </c>
      <c r="BD1196" t="s">
        <v>4600</v>
      </c>
      <c r="BE1196" t="s">
        <v>62</v>
      </c>
    </row>
    <row r="1197" spans="1:57" x14ac:dyDescent="0.3">
      <c r="A1197" t="s">
        <v>4601</v>
      </c>
      <c r="B1197">
        <v>3375</v>
      </c>
      <c r="C1197" t="s">
        <v>4602</v>
      </c>
      <c r="D1197" t="s">
        <v>4603</v>
      </c>
      <c r="E1197" t="s">
        <v>66</v>
      </c>
      <c r="F1197">
        <v>71</v>
      </c>
      <c r="G1197">
        <v>110.9859154929577</v>
      </c>
      <c r="H1197">
        <v>108</v>
      </c>
      <c r="I1197">
        <v>4783.5631819083528</v>
      </c>
      <c r="J1197">
        <v>69.163308060765516</v>
      </c>
      <c r="K1197">
        <v>0.24779484002488311</v>
      </c>
      <c r="L1197">
        <v>-0.97864063824889369</v>
      </c>
      <c r="M1197">
        <v>5.980733034997634</v>
      </c>
      <c r="N1197">
        <v>2</v>
      </c>
      <c r="O1197">
        <v>1</v>
      </c>
      <c r="P1197">
        <v>1</v>
      </c>
      <c r="Q1197">
        <v>0.28945981111118119</v>
      </c>
      <c r="R1197">
        <v>4.1455282408903393</v>
      </c>
      <c r="S1197">
        <v>1</v>
      </c>
      <c r="T1197">
        <v>1</v>
      </c>
      <c r="U1197">
        <v>0</v>
      </c>
      <c r="V1197">
        <v>0</v>
      </c>
      <c r="W1197">
        <v>4.2484952420493576</v>
      </c>
      <c r="X1197">
        <v>1</v>
      </c>
      <c r="Y1197">
        <v>1</v>
      </c>
      <c r="Z1197">
        <v>0</v>
      </c>
      <c r="AA1197">
        <v>0</v>
      </c>
      <c r="AB1197">
        <v>4.2341065045972579</v>
      </c>
      <c r="AC1197">
        <v>1</v>
      </c>
      <c r="AD1197">
        <v>1</v>
      </c>
      <c r="AE1197">
        <v>0</v>
      </c>
      <c r="AF1197">
        <v>0</v>
      </c>
      <c r="AG1197">
        <v>4.2195077051761087</v>
      </c>
      <c r="AH1197">
        <v>1.7919259568406221E-2</v>
      </c>
      <c r="AI1197">
        <v>9.1525225192587142E-2</v>
      </c>
      <c r="AJ1197">
        <v>5.8705122935829607E-2</v>
      </c>
      <c r="AK1197">
        <v>-1.8900316706620179E-2</v>
      </c>
      <c r="AL1197">
        <v>627.34933235540882</v>
      </c>
      <c r="AM1197">
        <v>905.88896405311334</v>
      </c>
      <c r="AN1197">
        <v>7880</v>
      </c>
      <c r="AO1197">
        <v>37.585949567831989</v>
      </c>
      <c r="AP1197">
        <v>512.36914967408109</v>
      </c>
      <c r="AQ1197">
        <v>1.323943661971831</v>
      </c>
      <c r="AR1197">
        <v>3.47887323943662</v>
      </c>
      <c r="AS1197">
        <v>71</v>
      </c>
      <c r="AT1197">
        <v>4.9859154929577469</v>
      </c>
      <c r="AU1197">
        <v>0.1253407542026351</v>
      </c>
      <c r="AV1197">
        <v>1.8309349421850581E-2</v>
      </c>
      <c r="AW1197">
        <v>0.45070422535211269</v>
      </c>
      <c r="AX1197">
        <v>81.099999999999994</v>
      </c>
      <c r="AY1197">
        <v>57</v>
      </c>
      <c r="AZ1197">
        <v>112</v>
      </c>
      <c r="BA1197">
        <v>0.62317193811095839</v>
      </c>
      <c r="BB1197">
        <v>0.49295774647887319</v>
      </c>
      <c r="BC1197">
        <v>4.0553074486549594</v>
      </c>
      <c r="BD1197" t="s">
        <v>4604</v>
      </c>
      <c r="BE1197" t="s">
        <v>68</v>
      </c>
    </row>
    <row r="1198" spans="1:57" x14ac:dyDescent="0.3">
      <c r="A1198" t="s">
        <v>4605</v>
      </c>
      <c r="B1198">
        <v>651</v>
      </c>
      <c r="C1198" t="s">
        <v>4606</v>
      </c>
      <c r="D1198" t="s">
        <v>4607</v>
      </c>
      <c r="E1198" t="s">
        <v>106</v>
      </c>
      <c r="F1198">
        <v>659</v>
      </c>
      <c r="G1198">
        <v>120.94081942336869</v>
      </c>
      <c r="H1198">
        <v>117</v>
      </c>
      <c r="I1198">
        <v>5609.9403519840844</v>
      </c>
      <c r="J1198">
        <v>74.899535058530802</v>
      </c>
      <c r="K1198">
        <v>0.1225031559508503</v>
      </c>
      <c r="L1198">
        <v>-1.237856480163344</v>
      </c>
      <c r="M1198">
        <v>7.6604454712198953</v>
      </c>
      <c r="N1198">
        <v>8</v>
      </c>
      <c r="O1198">
        <v>1</v>
      </c>
      <c r="P1198">
        <v>7</v>
      </c>
      <c r="Q1198">
        <v>1.5512585056252699</v>
      </c>
      <c r="R1198">
        <v>5.3098161802092871</v>
      </c>
      <c r="S1198">
        <v>2</v>
      </c>
      <c r="T1198">
        <v>1</v>
      </c>
      <c r="U1198">
        <v>1</v>
      </c>
      <c r="V1198">
        <v>7.7966659229247476E-2</v>
      </c>
      <c r="W1198">
        <v>6.4807776099811232</v>
      </c>
      <c r="X1198">
        <v>1</v>
      </c>
      <c r="Y1198">
        <v>1</v>
      </c>
      <c r="Z1198">
        <v>0</v>
      </c>
      <c r="AA1198">
        <v>0</v>
      </c>
      <c r="AB1198">
        <v>6.487684018484611</v>
      </c>
      <c r="AC1198">
        <v>1</v>
      </c>
      <c r="AD1198">
        <v>1</v>
      </c>
      <c r="AE1198">
        <v>0</v>
      </c>
      <c r="AF1198">
        <v>0</v>
      </c>
      <c r="AG1198">
        <v>6.4861607889440904</v>
      </c>
      <c r="AH1198">
        <v>1.9787715616520769E-2</v>
      </c>
      <c r="AI1198">
        <v>-1.349825217275832E-2</v>
      </c>
      <c r="AJ1198">
        <v>-4.7617736577188173E-2</v>
      </c>
      <c r="AK1198">
        <v>-3.7537684383368401E-2</v>
      </c>
      <c r="AL1198">
        <v>1789.8013977421131</v>
      </c>
      <c r="AM1198">
        <v>3183.1658701111351</v>
      </c>
      <c r="AN1198">
        <v>79700</v>
      </c>
      <c r="AO1198">
        <v>147.61985294350501</v>
      </c>
      <c r="AP1198">
        <v>1536.89783021731</v>
      </c>
      <c r="AQ1198">
        <v>1.034901365705615</v>
      </c>
      <c r="AR1198">
        <v>3.9241274658573602</v>
      </c>
      <c r="AS1198">
        <v>656</v>
      </c>
      <c r="AT1198">
        <v>199.9468892261001</v>
      </c>
      <c r="AU1198">
        <v>5.8918742003629947E-2</v>
      </c>
      <c r="AV1198">
        <v>1.984696082311925E-2</v>
      </c>
      <c r="AW1198">
        <v>0.40060698027314112</v>
      </c>
      <c r="AX1198">
        <v>86.955927051671736</v>
      </c>
      <c r="AY1198">
        <v>68</v>
      </c>
      <c r="AZ1198">
        <v>134</v>
      </c>
      <c r="BA1198">
        <v>0.61930732250403764</v>
      </c>
      <c r="BB1198">
        <v>0.48558421851289829</v>
      </c>
      <c r="BC1198">
        <v>5.1568565890516531</v>
      </c>
      <c r="BD1198" t="s">
        <v>4608</v>
      </c>
      <c r="BE1198" t="s">
        <v>68</v>
      </c>
    </row>
    <row r="1199" spans="1:57" x14ac:dyDescent="0.3">
      <c r="A1199" t="s">
        <v>4609</v>
      </c>
      <c r="B1199">
        <v>148</v>
      </c>
      <c r="C1199" t="s">
        <v>4610</v>
      </c>
      <c r="D1199" t="s">
        <v>4611</v>
      </c>
      <c r="E1199" t="s">
        <v>60</v>
      </c>
      <c r="F1199">
        <v>512</v>
      </c>
      <c r="G1199">
        <v>128.494140625</v>
      </c>
      <c r="H1199">
        <v>129</v>
      </c>
      <c r="I1199">
        <v>5350.3827781677246</v>
      </c>
      <c r="J1199">
        <v>73.146310762523939</v>
      </c>
      <c r="K1199">
        <v>-4.2468754537565961E-2</v>
      </c>
      <c r="L1199">
        <v>-1.1538057892133471</v>
      </c>
      <c r="M1199">
        <v>7.5540779621574652</v>
      </c>
      <c r="N1199">
        <v>7</v>
      </c>
      <c r="O1199">
        <v>1</v>
      </c>
      <c r="P1199">
        <v>6</v>
      </c>
      <c r="Q1199">
        <v>1.305717899611782</v>
      </c>
      <c r="R1199">
        <v>5.2360878411994616</v>
      </c>
      <c r="S1199">
        <v>2</v>
      </c>
      <c r="T1199">
        <v>1</v>
      </c>
      <c r="U1199">
        <v>1</v>
      </c>
      <c r="V1199">
        <v>6.2560641760670582E-2</v>
      </c>
      <c r="W1199">
        <v>6.2309437805711401</v>
      </c>
      <c r="X1199">
        <v>1</v>
      </c>
      <c r="Y1199">
        <v>1</v>
      </c>
      <c r="Z1199">
        <v>0</v>
      </c>
      <c r="AA1199">
        <v>0</v>
      </c>
      <c r="AB1199">
        <v>6.2344107257183694</v>
      </c>
      <c r="AC1199">
        <v>1</v>
      </c>
      <c r="AD1199">
        <v>1</v>
      </c>
      <c r="AE1199">
        <v>0</v>
      </c>
      <c r="AF1199">
        <v>0</v>
      </c>
      <c r="AG1199">
        <v>6.2324480165505216</v>
      </c>
      <c r="AH1199">
        <v>-5.3597106165772998E-2</v>
      </c>
      <c r="AI1199">
        <v>-1.962146948559032E-2</v>
      </c>
      <c r="AJ1199">
        <v>-4.481658654410605E-2</v>
      </c>
      <c r="AK1199">
        <v>2.50244502813066E-2</v>
      </c>
      <c r="AL1199">
        <v>1598.822362382147</v>
      </c>
      <c r="AM1199">
        <v>2938.8201805395929</v>
      </c>
      <c r="AN1199">
        <v>65789</v>
      </c>
      <c r="AO1199">
        <v>166.6360698932998</v>
      </c>
      <c r="AP1199">
        <v>1425.0561975470209</v>
      </c>
      <c r="AQ1199">
        <v>1.044921875</v>
      </c>
      <c r="AR1199">
        <v>4.001953125</v>
      </c>
      <c r="AS1199">
        <v>511</v>
      </c>
      <c r="AT1199">
        <v>156.80078125000011</v>
      </c>
      <c r="AU1199">
        <v>3.0981924019607861E-2</v>
      </c>
      <c r="AV1199">
        <v>-5.3873591923230303E-2</v>
      </c>
      <c r="AW1199">
        <v>0.359375</v>
      </c>
      <c r="AX1199">
        <v>86.913894324853231</v>
      </c>
      <c r="AY1199">
        <v>62</v>
      </c>
      <c r="AZ1199">
        <v>123.25</v>
      </c>
      <c r="BA1199">
        <v>0.56925794753548853</v>
      </c>
      <c r="BB1199">
        <v>0.501953125</v>
      </c>
      <c r="BC1199">
        <v>5.1047135379232502</v>
      </c>
      <c r="BD1199" t="s">
        <v>4612</v>
      </c>
      <c r="BE1199" t="s">
        <v>62</v>
      </c>
    </row>
    <row r="1200" spans="1:57" x14ac:dyDescent="0.3">
      <c r="A1200" t="s">
        <v>4613</v>
      </c>
      <c r="B1200">
        <v>1102</v>
      </c>
      <c r="C1200" t="s">
        <v>4614</v>
      </c>
      <c r="D1200" t="s">
        <v>4615</v>
      </c>
      <c r="E1200" t="s">
        <v>128</v>
      </c>
      <c r="F1200">
        <v>32</v>
      </c>
      <c r="G1200">
        <v>124.5</v>
      </c>
      <c r="H1200">
        <v>113.5</v>
      </c>
      <c r="I1200">
        <v>5379.875</v>
      </c>
      <c r="J1200">
        <v>73.347631181927071</v>
      </c>
      <c r="K1200">
        <v>0.14687301141474771</v>
      </c>
      <c r="L1200">
        <v>-1.1218918287770741</v>
      </c>
      <c r="M1200">
        <v>4.875</v>
      </c>
      <c r="N1200">
        <v>2</v>
      </c>
      <c r="O1200">
        <v>1</v>
      </c>
      <c r="P1200">
        <v>1</v>
      </c>
      <c r="Q1200">
        <v>0.24944382578492941</v>
      </c>
      <c r="R1200">
        <v>3.3790925052297318</v>
      </c>
      <c r="S1200">
        <v>1</v>
      </c>
      <c r="T1200">
        <v>1</v>
      </c>
      <c r="U1200">
        <v>0</v>
      </c>
      <c r="V1200">
        <v>0</v>
      </c>
      <c r="W1200">
        <v>3.4339872044851458</v>
      </c>
      <c r="X1200">
        <v>1</v>
      </c>
      <c r="Y1200">
        <v>1</v>
      </c>
      <c r="Z1200">
        <v>0</v>
      </c>
      <c r="AA1200">
        <v>0</v>
      </c>
      <c r="AB1200">
        <v>3.401197381662155</v>
      </c>
      <c r="AC1200">
        <v>1</v>
      </c>
      <c r="AD1200">
        <v>1</v>
      </c>
      <c r="AE1200">
        <v>0</v>
      </c>
      <c r="AF1200">
        <v>0</v>
      </c>
      <c r="AG1200">
        <v>3.3672958299864728</v>
      </c>
      <c r="AH1200">
        <v>0.136581066009898</v>
      </c>
      <c r="AI1200">
        <v>9.4742559074327937E-2</v>
      </c>
      <c r="AJ1200">
        <v>-9.7047154906015468E-2</v>
      </c>
      <c r="AK1200">
        <v>0.2324403448035503</v>
      </c>
      <c r="AL1200">
        <v>468.99985302205698</v>
      </c>
      <c r="AM1200">
        <v>669.47975164697039</v>
      </c>
      <c r="AN1200">
        <v>3984</v>
      </c>
      <c r="AO1200">
        <v>74.342994244432447</v>
      </c>
      <c r="AP1200">
        <v>264.37095150564483</v>
      </c>
      <c r="AQ1200">
        <v>1.65625</v>
      </c>
      <c r="AR1200">
        <v>3.625</v>
      </c>
      <c r="AS1200">
        <v>32</v>
      </c>
      <c r="AT1200">
        <v>1.75</v>
      </c>
      <c r="AU1200">
        <v>9.9999999999999978E-2</v>
      </c>
      <c r="AV1200">
        <v>0.13808871193551031</v>
      </c>
      <c r="AW1200">
        <v>0.46875</v>
      </c>
      <c r="AX1200">
        <v>81.193548387096769</v>
      </c>
      <c r="AY1200">
        <v>56</v>
      </c>
      <c r="AZ1200">
        <v>116.75</v>
      </c>
      <c r="BA1200">
        <v>0.58913759985483594</v>
      </c>
      <c r="BB1200">
        <v>0.46875</v>
      </c>
      <c r="BC1200">
        <v>3.3445488586064429</v>
      </c>
      <c r="BD1200" t="s">
        <v>4616</v>
      </c>
      <c r="BE1200" t="s">
        <v>62</v>
      </c>
    </row>
    <row r="1201" spans="1:57" x14ac:dyDescent="0.3">
      <c r="A1201" t="s">
        <v>4617</v>
      </c>
      <c r="B1201">
        <v>3413</v>
      </c>
      <c r="C1201" t="s">
        <v>4618</v>
      </c>
      <c r="D1201" t="s">
        <v>4619</v>
      </c>
      <c r="E1201" t="s">
        <v>66</v>
      </c>
      <c r="F1201">
        <v>72</v>
      </c>
      <c r="G1201">
        <v>115.5833333333333</v>
      </c>
      <c r="H1201">
        <v>113</v>
      </c>
      <c r="I1201">
        <v>6943.0486111111122</v>
      </c>
      <c r="J1201">
        <v>83.324957912447289</v>
      </c>
      <c r="K1201">
        <v>0.12496424082529051</v>
      </c>
      <c r="L1201">
        <v>-1.371724328583056</v>
      </c>
      <c r="M1201">
        <v>5.8989559041599966</v>
      </c>
      <c r="N1201">
        <v>3</v>
      </c>
      <c r="O1201">
        <v>1</v>
      </c>
      <c r="P1201">
        <v>2</v>
      </c>
      <c r="Q1201">
        <v>0.43120881610178191</v>
      </c>
      <c r="R1201">
        <v>4.0888446532159417</v>
      </c>
      <c r="S1201">
        <v>2</v>
      </c>
      <c r="T1201">
        <v>1</v>
      </c>
      <c r="U1201">
        <v>1</v>
      </c>
      <c r="V1201">
        <v>0.2053564712318961</v>
      </c>
      <c r="W1201">
        <v>4.2041040589658278</v>
      </c>
      <c r="X1201">
        <v>2</v>
      </c>
      <c r="Y1201">
        <v>1</v>
      </c>
      <c r="Z1201">
        <v>1</v>
      </c>
      <c r="AA1201">
        <v>0.16895772489817731</v>
      </c>
      <c r="AB1201">
        <v>4.2088868317316477</v>
      </c>
      <c r="AC1201">
        <v>2</v>
      </c>
      <c r="AD1201">
        <v>1</v>
      </c>
      <c r="AE1201">
        <v>1</v>
      </c>
      <c r="AF1201">
        <v>0.1203728348804772</v>
      </c>
      <c r="AG1201">
        <v>4.2140152819723324</v>
      </c>
      <c r="AH1201">
        <v>-6.6415863477447837E-2</v>
      </c>
      <c r="AI1201">
        <v>-7.8383282817624092E-2</v>
      </c>
      <c r="AJ1201">
        <v>-0.23023284624654</v>
      </c>
      <c r="AK1201">
        <v>0.1978926375312548</v>
      </c>
      <c r="AL1201">
        <v>728.12116467125827</v>
      </c>
      <c r="AM1201">
        <v>965.20649063180792</v>
      </c>
      <c r="AN1201">
        <v>8322</v>
      </c>
      <c r="AO1201">
        <v>37.859696328465063</v>
      </c>
      <c r="AP1201">
        <v>586.60373172746631</v>
      </c>
      <c r="AQ1201">
        <v>1.291666666666667</v>
      </c>
      <c r="AR1201">
        <v>3.7638888888888888</v>
      </c>
      <c r="AS1201">
        <v>72</v>
      </c>
      <c r="AT1201">
        <v>10.25</v>
      </c>
      <c r="AU1201">
        <v>0.14564119455423799</v>
      </c>
      <c r="AV1201">
        <v>-6.6770434020287719E-2</v>
      </c>
      <c r="AW1201">
        <v>0.34722222222222221</v>
      </c>
      <c r="AX1201">
        <v>97.929577464788736</v>
      </c>
      <c r="AY1201">
        <v>77.5</v>
      </c>
      <c r="AZ1201">
        <v>154.75</v>
      </c>
      <c r="BA1201">
        <v>0.72090807134056778</v>
      </c>
      <c r="BB1201">
        <v>0.4861111111111111</v>
      </c>
      <c r="BC1201">
        <v>3.9941119477161382</v>
      </c>
      <c r="BD1201" t="s">
        <v>4620</v>
      </c>
      <c r="BE1201" t="s">
        <v>68</v>
      </c>
    </row>
    <row r="1202" spans="1:57" x14ac:dyDescent="0.3">
      <c r="A1202" t="s">
        <v>4621</v>
      </c>
      <c r="B1202">
        <v>583</v>
      </c>
      <c r="C1202" t="s">
        <v>4622</v>
      </c>
      <c r="D1202" t="s">
        <v>4623</v>
      </c>
      <c r="E1202" t="s">
        <v>128</v>
      </c>
      <c r="F1202">
        <v>32</v>
      </c>
      <c r="G1202">
        <v>135.46875</v>
      </c>
      <c r="H1202">
        <v>134</v>
      </c>
      <c r="I1202">
        <v>5027.8740234375</v>
      </c>
      <c r="J1202">
        <v>70.907503294344664</v>
      </c>
      <c r="K1202">
        <v>-0.1767638035925688</v>
      </c>
      <c r="L1202">
        <v>-0.97086438907089168</v>
      </c>
      <c r="M1202">
        <v>4.8125</v>
      </c>
      <c r="N1202">
        <v>2</v>
      </c>
      <c r="O1202">
        <v>1</v>
      </c>
      <c r="P1202">
        <v>1</v>
      </c>
      <c r="Q1202">
        <v>0.30454347814923599</v>
      </c>
      <c r="R1202">
        <v>3.335770806444736</v>
      </c>
      <c r="S1202">
        <v>1</v>
      </c>
      <c r="T1202">
        <v>1</v>
      </c>
      <c r="U1202">
        <v>0</v>
      </c>
      <c r="V1202">
        <v>0</v>
      </c>
      <c r="W1202">
        <v>3.4339872044851458</v>
      </c>
      <c r="X1202">
        <v>1</v>
      </c>
      <c r="Y1202">
        <v>1</v>
      </c>
      <c r="Z1202">
        <v>0</v>
      </c>
      <c r="AA1202">
        <v>0</v>
      </c>
      <c r="AB1202">
        <v>3.401197381662155</v>
      </c>
      <c r="AC1202">
        <v>1</v>
      </c>
      <c r="AD1202">
        <v>1</v>
      </c>
      <c r="AE1202">
        <v>0</v>
      </c>
      <c r="AF1202">
        <v>0</v>
      </c>
      <c r="AG1202">
        <v>3.3672958299864728</v>
      </c>
      <c r="AH1202">
        <v>-0.36970537708435181</v>
      </c>
      <c r="AI1202">
        <v>0.23407358887747459</v>
      </c>
      <c r="AJ1202">
        <v>0.1724071924328883</v>
      </c>
      <c r="AK1202">
        <v>-4.6295257706889118E-3</v>
      </c>
      <c r="AL1202">
        <v>481.17990021465403</v>
      </c>
      <c r="AM1202">
        <v>718.75928072576255</v>
      </c>
      <c r="AN1202">
        <v>4335</v>
      </c>
      <c r="AO1202">
        <v>54.438817985717002</v>
      </c>
      <c r="AP1202">
        <v>355.26331723218721</v>
      </c>
      <c r="AQ1202">
        <v>1.65625</v>
      </c>
      <c r="AR1202">
        <v>3.75</v>
      </c>
      <c r="AS1202">
        <v>32</v>
      </c>
      <c r="AT1202">
        <v>2.4375</v>
      </c>
      <c r="AU1202">
        <v>0.1541666666666667</v>
      </c>
      <c r="AV1202">
        <v>-0.37030145048183971</v>
      </c>
      <c r="AW1202">
        <v>0.3125</v>
      </c>
      <c r="AX1202">
        <v>102.58064516129031</v>
      </c>
      <c r="AY1202">
        <v>49</v>
      </c>
      <c r="AZ1202">
        <v>109</v>
      </c>
      <c r="BA1202">
        <v>0.52342332304937234</v>
      </c>
      <c r="BB1202">
        <v>0.5</v>
      </c>
      <c r="BC1202">
        <v>3.2998296856670919</v>
      </c>
      <c r="BD1202" t="s">
        <v>4624</v>
      </c>
      <c r="BE1202" t="s">
        <v>62</v>
      </c>
    </row>
    <row r="1203" spans="1:57" x14ac:dyDescent="0.3">
      <c r="A1203" t="s">
        <v>4625</v>
      </c>
      <c r="B1203">
        <v>2237</v>
      </c>
      <c r="C1203" t="s">
        <v>4626</v>
      </c>
      <c r="D1203" t="s">
        <v>4627</v>
      </c>
      <c r="E1203" t="s">
        <v>98</v>
      </c>
      <c r="F1203">
        <v>16</v>
      </c>
      <c r="G1203">
        <v>135.25</v>
      </c>
      <c r="H1203">
        <v>110.5</v>
      </c>
      <c r="I1203">
        <v>8166.5625</v>
      </c>
      <c r="J1203">
        <v>90.369035072861095</v>
      </c>
      <c r="K1203">
        <v>-1.856924972480815E-2</v>
      </c>
      <c r="L1203">
        <v>-1.7151732046418351</v>
      </c>
      <c r="M1203">
        <v>3.75</v>
      </c>
      <c r="N1203">
        <v>2</v>
      </c>
      <c r="O1203">
        <v>1</v>
      </c>
      <c r="P1203">
        <v>1</v>
      </c>
      <c r="Q1203">
        <v>0.3499271061118826</v>
      </c>
      <c r="R1203">
        <v>2.5993019270997948</v>
      </c>
      <c r="S1203">
        <v>1</v>
      </c>
      <c r="T1203">
        <v>1</v>
      </c>
      <c r="U1203">
        <v>0</v>
      </c>
      <c r="V1203">
        <v>0</v>
      </c>
      <c r="W1203">
        <v>2.7080502011022101</v>
      </c>
      <c r="X1203">
        <v>1</v>
      </c>
      <c r="Y1203">
        <v>1</v>
      </c>
      <c r="Z1203">
        <v>0</v>
      </c>
      <c r="AA1203">
        <v>0</v>
      </c>
      <c r="AB1203">
        <v>2.639057329615258</v>
      </c>
      <c r="AC1203">
        <v>1</v>
      </c>
      <c r="AD1203">
        <v>1</v>
      </c>
      <c r="AE1203">
        <v>0</v>
      </c>
      <c r="AF1203">
        <v>0</v>
      </c>
      <c r="AG1203">
        <v>2.5649493574615372</v>
      </c>
      <c r="AH1203">
        <v>7.023638694371101E-2</v>
      </c>
      <c r="AI1203">
        <v>-0.30188746029923852</v>
      </c>
      <c r="AJ1203">
        <v>8.593110243753109E-2</v>
      </c>
      <c r="AK1203">
        <v>-0.14203975816018061</v>
      </c>
      <c r="AL1203">
        <v>451.20533914395281</v>
      </c>
      <c r="AM1203">
        <v>468.78539005390348</v>
      </c>
      <c r="AN1203">
        <v>2164</v>
      </c>
      <c r="AO1203">
        <v>16.944127833348489</v>
      </c>
      <c r="AP1203">
        <v>403.30587854173137</v>
      </c>
      <c r="AQ1203">
        <v>2.3125</v>
      </c>
      <c r="AR1203">
        <v>3.6875</v>
      </c>
      <c r="AS1203">
        <v>16</v>
      </c>
      <c r="AT1203">
        <v>1.5</v>
      </c>
      <c r="AU1203">
        <v>0.35866182572614103</v>
      </c>
      <c r="AV1203">
        <v>7.0998859857022312E-2</v>
      </c>
      <c r="AW1203">
        <v>0.375</v>
      </c>
      <c r="AX1203">
        <v>96.933333333333337</v>
      </c>
      <c r="AY1203">
        <v>102.5</v>
      </c>
      <c r="AZ1203">
        <v>162.25</v>
      </c>
      <c r="BA1203">
        <v>0.66816292105627428</v>
      </c>
      <c r="BB1203">
        <v>0.5</v>
      </c>
      <c r="BC1203">
        <v>2.7080502011022101</v>
      </c>
      <c r="BD1203" t="s">
        <v>4626</v>
      </c>
      <c r="BE1203" t="s">
        <v>62</v>
      </c>
    </row>
    <row r="1204" spans="1:57" x14ac:dyDescent="0.3">
      <c r="A1204" t="s">
        <v>4628</v>
      </c>
      <c r="B1204">
        <v>883</v>
      </c>
      <c r="C1204" t="s">
        <v>4629</v>
      </c>
      <c r="D1204" t="s">
        <v>4630</v>
      </c>
      <c r="E1204" t="s">
        <v>115</v>
      </c>
      <c r="F1204">
        <v>944</v>
      </c>
      <c r="G1204">
        <v>124.1588983050847</v>
      </c>
      <c r="H1204">
        <v>121</v>
      </c>
      <c r="I1204">
        <v>5131.0722089557594</v>
      </c>
      <c r="J1204">
        <v>71.631502908676708</v>
      </c>
      <c r="K1204">
        <v>9.3735116868786814E-2</v>
      </c>
      <c r="L1204">
        <v>-1.1756458095006801</v>
      </c>
      <c r="M1204">
        <v>7.7928144851903349</v>
      </c>
      <c r="N1204">
        <v>10</v>
      </c>
      <c r="O1204">
        <v>1</v>
      </c>
      <c r="P1204">
        <v>9</v>
      </c>
      <c r="Q1204">
        <v>1.830252441604709</v>
      </c>
      <c r="R1204">
        <v>5.4015673890363818</v>
      </c>
      <c r="S1204">
        <v>2</v>
      </c>
      <c r="T1204">
        <v>1</v>
      </c>
      <c r="U1204">
        <v>1</v>
      </c>
      <c r="V1204">
        <v>7.2815357426563698E-2</v>
      </c>
      <c r="W1204">
        <v>6.8417158353316552</v>
      </c>
      <c r="X1204">
        <v>1</v>
      </c>
      <c r="Y1204">
        <v>1</v>
      </c>
      <c r="Z1204">
        <v>0</v>
      </c>
      <c r="AA1204">
        <v>0</v>
      </c>
      <c r="AB1204">
        <v>6.8480052745763658</v>
      </c>
      <c r="AC1204">
        <v>1</v>
      </c>
      <c r="AD1204">
        <v>1</v>
      </c>
      <c r="AE1204">
        <v>0</v>
      </c>
      <c r="AF1204">
        <v>0</v>
      </c>
      <c r="AG1204">
        <v>6.8469431395853793</v>
      </c>
      <c r="AH1204">
        <v>-1.7333239946894171E-2</v>
      </c>
      <c r="AI1204">
        <v>5.9552459476373172E-2</v>
      </c>
      <c r="AJ1204">
        <v>-9.0685300932753319E-3</v>
      </c>
      <c r="AK1204">
        <v>1.9855219668675931E-2</v>
      </c>
      <c r="AL1204">
        <v>2059.5655030549769</v>
      </c>
      <c r="AM1204">
        <v>3892.825444150546</v>
      </c>
      <c r="AN1204">
        <v>117206</v>
      </c>
      <c r="AO1204">
        <v>204.62490124466399</v>
      </c>
      <c r="AP1204">
        <v>1774.989922010117</v>
      </c>
      <c r="AQ1204">
        <v>1.0243644067796609</v>
      </c>
      <c r="AR1204">
        <v>4.0148305084745761</v>
      </c>
      <c r="AS1204">
        <v>940</v>
      </c>
      <c r="AT1204">
        <v>221.78389830508479</v>
      </c>
      <c r="AU1204">
        <v>3.7092888002658642E-2</v>
      </c>
      <c r="AV1204">
        <v>-1.7340032531572871E-2</v>
      </c>
      <c r="AW1204">
        <v>0.41207627118644069</v>
      </c>
      <c r="AX1204">
        <v>82.714740190880164</v>
      </c>
      <c r="AY1204">
        <v>61</v>
      </c>
      <c r="AZ1204">
        <v>121.25</v>
      </c>
      <c r="BA1204">
        <v>0.57693410529999156</v>
      </c>
      <c r="BB1204">
        <v>0.48411016949152541</v>
      </c>
      <c r="BC1204">
        <v>5.1820132498559737</v>
      </c>
      <c r="BD1204" t="s">
        <v>4631</v>
      </c>
      <c r="BE1204" t="s">
        <v>62</v>
      </c>
    </row>
    <row r="1205" spans="1:57" x14ac:dyDescent="0.3">
      <c r="A1205" t="s">
        <v>4632</v>
      </c>
      <c r="B1205">
        <v>3226</v>
      </c>
      <c r="C1205" t="s">
        <v>4633</v>
      </c>
      <c r="D1205" t="s">
        <v>4634</v>
      </c>
      <c r="E1205" t="s">
        <v>72</v>
      </c>
      <c r="F1205">
        <v>3232</v>
      </c>
      <c r="G1205">
        <v>126.6497524752475</v>
      </c>
      <c r="H1205">
        <v>125</v>
      </c>
      <c r="I1205">
        <v>5494.3989850872467</v>
      </c>
      <c r="J1205">
        <v>74.124213217323572</v>
      </c>
      <c r="K1205">
        <v>2.0627314698416391E-2</v>
      </c>
      <c r="L1205">
        <v>-1.2115384373996889</v>
      </c>
      <c r="M1205">
        <v>7.9450238334406027</v>
      </c>
      <c r="N1205">
        <v>23</v>
      </c>
      <c r="O1205">
        <v>5</v>
      </c>
      <c r="P1205">
        <v>18</v>
      </c>
      <c r="Q1205">
        <v>3.479852726768764</v>
      </c>
      <c r="R1205">
        <v>5.5070708696309207</v>
      </c>
      <c r="S1205">
        <v>3</v>
      </c>
      <c r="T1205">
        <v>1</v>
      </c>
      <c r="U1205">
        <v>2</v>
      </c>
      <c r="V1205">
        <v>0.15935806159850999</v>
      </c>
      <c r="W1205">
        <v>8.0467563572033658</v>
      </c>
      <c r="X1205">
        <v>1</v>
      </c>
      <c r="Y1205">
        <v>1</v>
      </c>
      <c r="Z1205">
        <v>0</v>
      </c>
      <c r="AA1205">
        <v>0</v>
      </c>
      <c r="AB1205">
        <v>8.0802374162167041</v>
      </c>
      <c r="AC1205">
        <v>1</v>
      </c>
      <c r="AD1205">
        <v>1</v>
      </c>
      <c r="AE1205">
        <v>0</v>
      </c>
      <c r="AF1205">
        <v>0</v>
      </c>
      <c r="AG1205">
        <v>8.0799277707582746</v>
      </c>
      <c r="AH1205">
        <v>2.4998826277346588E-2</v>
      </c>
      <c r="AI1205">
        <v>-2.1810753988626532E-3</v>
      </c>
      <c r="AJ1205">
        <v>-2.8080781594551629E-2</v>
      </c>
      <c r="AK1205">
        <v>3.166764611200309E-3</v>
      </c>
      <c r="AL1205">
        <v>3846.4430033566</v>
      </c>
      <c r="AM1205">
        <v>7403.0108889511348</v>
      </c>
      <c r="AN1205">
        <v>409332</v>
      </c>
      <c r="AO1205">
        <v>108.0428928959028</v>
      </c>
      <c r="AP1205">
        <v>3506.4139735231538</v>
      </c>
      <c r="AQ1205">
        <v>1.0071163366336631</v>
      </c>
      <c r="AR1205">
        <v>4.0290841584158414</v>
      </c>
      <c r="AS1205">
        <v>3226</v>
      </c>
      <c r="AT1205">
        <v>245.54455445544551</v>
      </c>
      <c r="AU1205">
        <v>1.154751504562221E-2</v>
      </c>
      <c r="AV1205">
        <v>2.5003485313266981E-2</v>
      </c>
      <c r="AW1205">
        <v>0.37530940594059398</v>
      </c>
      <c r="AX1205">
        <v>84.438873413803776</v>
      </c>
      <c r="AY1205">
        <v>64.5</v>
      </c>
      <c r="AZ1205">
        <v>129</v>
      </c>
      <c r="BA1205">
        <v>0.58526930979837832</v>
      </c>
      <c r="BB1205">
        <v>0.49721534653465349</v>
      </c>
      <c r="BC1205">
        <v>5.2997830494415021</v>
      </c>
      <c r="BD1205" t="s">
        <v>4635</v>
      </c>
      <c r="BE1205" t="s">
        <v>62</v>
      </c>
    </row>
    <row r="1206" spans="1:57" x14ac:dyDescent="0.3">
      <c r="A1206" t="s">
        <v>4636</v>
      </c>
      <c r="B1206">
        <v>3936</v>
      </c>
      <c r="C1206" t="s">
        <v>4637</v>
      </c>
      <c r="D1206" t="s">
        <v>4638</v>
      </c>
      <c r="E1206" t="s">
        <v>85</v>
      </c>
      <c r="F1206">
        <v>8</v>
      </c>
      <c r="G1206">
        <v>112</v>
      </c>
      <c r="H1206">
        <v>92</v>
      </c>
      <c r="I1206">
        <v>5293.75</v>
      </c>
      <c r="J1206">
        <v>72.758161054276243</v>
      </c>
      <c r="K1206">
        <v>0.55723346473983237</v>
      </c>
      <c r="L1206">
        <v>-0.6372698708825788</v>
      </c>
      <c r="M1206">
        <v>3</v>
      </c>
      <c r="N1206">
        <v>1</v>
      </c>
      <c r="O1206">
        <v>1</v>
      </c>
      <c r="P1206">
        <v>0</v>
      </c>
      <c r="Q1206">
        <v>0</v>
      </c>
      <c r="R1206">
        <v>2.0794415416798362</v>
      </c>
      <c r="S1206">
        <v>1</v>
      </c>
      <c r="T1206">
        <v>1</v>
      </c>
      <c r="U1206">
        <v>0</v>
      </c>
      <c r="V1206">
        <v>0</v>
      </c>
      <c r="W1206">
        <v>1.945910149055313</v>
      </c>
      <c r="X1206">
        <v>1</v>
      </c>
      <c r="Y1206">
        <v>1</v>
      </c>
      <c r="Z1206">
        <v>0</v>
      </c>
      <c r="AA1206">
        <v>0</v>
      </c>
      <c r="AB1206">
        <v>1.791759469228055</v>
      </c>
      <c r="AC1206">
        <v>1</v>
      </c>
      <c r="AD1206">
        <v>1</v>
      </c>
      <c r="AE1206">
        <v>0</v>
      </c>
      <c r="AF1206">
        <v>0</v>
      </c>
      <c r="AG1206">
        <v>1.6094379124341009</v>
      </c>
      <c r="AH1206">
        <v>-0.17317591499409679</v>
      </c>
      <c r="AI1206">
        <v>0.10061393152302241</v>
      </c>
      <c r="AJ1206">
        <v>2.2384887839433289E-2</v>
      </c>
      <c r="AK1206">
        <v>0</v>
      </c>
      <c r="AL1206">
        <v>291.33574539656797</v>
      </c>
      <c r="AM1206">
        <v>240.46929836098849</v>
      </c>
      <c r="AN1206">
        <v>896</v>
      </c>
      <c r="AO1206">
        <v>79.649231006959511</v>
      </c>
      <c r="AP1206">
        <v>250.70349505028119</v>
      </c>
      <c r="AQ1206">
        <v>3.5</v>
      </c>
      <c r="AR1206">
        <v>4.75</v>
      </c>
      <c r="AS1206">
        <v>8</v>
      </c>
      <c r="AT1206">
        <v>0</v>
      </c>
      <c r="AU1206">
        <v>0.31147540983606559</v>
      </c>
      <c r="AV1206">
        <v>-0.21863234643762269</v>
      </c>
      <c r="AW1206">
        <v>0.625</v>
      </c>
      <c r="AX1206">
        <v>95.857142857142861</v>
      </c>
      <c r="AY1206">
        <v>26</v>
      </c>
      <c r="AZ1206">
        <v>55</v>
      </c>
      <c r="BA1206">
        <v>0.64962643798460928</v>
      </c>
      <c r="BB1206">
        <v>0.25</v>
      </c>
      <c r="BC1206">
        <v>1.945910149055313</v>
      </c>
      <c r="BD1206" t="s">
        <v>4637</v>
      </c>
      <c r="BE1206" t="s">
        <v>68</v>
      </c>
    </row>
    <row r="1207" spans="1:57" x14ac:dyDescent="0.3">
      <c r="A1207" t="s">
        <v>4639</v>
      </c>
      <c r="B1207">
        <v>3718</v>
      </c>
      <c r="C1207" t="s">
        <v>4640</v>
      </c>
      <c r="D1207" t="s">
        <v>4641</v>
      </c>
      <c r="E1207" t="s">
        <v>72</v>
      </c>
      <c r="F1207">
        <v>3728</v>
      </c>
      <c r="G1207">
        <v>125.4804184549356</v>
      </c>
      <c r="H1207">
        <v>124</v>
      </c>
      <c r="I1207">
        <v>5420.5242946746803</v>
      </c>
      <c r="J1207">
        <v>73.62420997657415</v>
      </c>
      <c r="K1207">
        <v>3.3689843236941977E-2</v>
      </c>
      <c r="L1207">
        <v>-1.1851788220209589</v>
      </c>
      <c r="M1207">
        <v>7.9515409293717374</v>
      </c>
      <c r="N1207">
        <v>27</v>
      </c>
      <c r="O1207">
        <v>6</v>
      </c>
      <c r="P1207">
        <v>21</v>
      </c>
      <c r="Q1207">
        <v>3.7296321869589231</v>
      </c>
      <c r="R1207">
        <v>5.5115881763010313</v>
      </c>
      <c r="S1207">
        <v>4</v>
      </c>
      <c r="T1207">
        <v>1</v>
      </c>
      <c r="U1207">
        <v>3</v>
      </c>
      <c r="V1207">
        <v>0.18985042387185319</v>
      </c>
      <c r="W1207">
        <v>8.17779018193953</v>
      </c>
      <c r="X1207">
        <v>2</v>
      </c>
      <c r="Y1207">
        <v>1</v>
      </c>
      <c r="Z1207">
        <v>1</v>
      </c>
      <c r="AA1207">
        <v>5.6750139160744083E-2</v>
      </c>
      <c r="AB1207">
        <v>8.2186258350226566</v>
      </c>
      <c r="AC1207">
        <v>2</v>
      </c>
      <c r="AD1207">
        <v>1</v>
      </c>
      <c r="AE1207">
        <v>1</v>
      </c>
      <c r="AF1207">
        <v>5.1812588303957352E-2</v>
      </c>
      <c r="AG1207">
        <v>8.2191005352133342</v>
      </c>
      <c r="AH1207">
        <v>-6.7783262773918312E-3</v>
      </c>
      <c r="AI1207">
        <v>8.6080736878656812E-4</v>
      </c>
      <c r="AJ1207">
        <v>2.2573756087941949E-2</v>
      </c>
      <c r="AK1207">
        <v>2.5526844334685349E-2</v>
      </c>
      <c r="AL1207">
        <v>4096.8685006353999</v>
      </c>
      <c r="AM1207">
        <v>7881.7506614014028</v>
      </c>
      <c r="AN1207">
        <v>467791</v>
      </c>
      <c r="AO1207">
        <v>77.500425012130776</v>
      </c>
      <c r="AP1207">
        <v>3730.63030005062</v>
      </c>
      <c r="AQ1207">
        <v>1.006169527896996</v>
      </c>
      <c r="AR1207">
        <v>3.9731759656652361</v>
      </c>
      <c r="AS1207">
        <v>3715</v>
      </c>
      <c r="AT1207">
        <v>244.5321888412017</v>
      </c>
      <c r="AU1207">
        <v>1.8649541361609009E-2</v>
      </c>
      <c r="AV1207">
        <v>-6.7785053713983051E-3</v>
      </c>
      <c r="AW1207">
        <v>0.37821888412017168</v>
      </c>
      <c r="AX1207">
        <v>85.153742956801722</v>
      </c>
      <c r="AY1207">
        <v>63</v>
      </c>
      <c r="AZ1207">
        <v>126</v>
      </c>
      <c r="BA1207">
        <v>0.58673863924844305</v>
      </c>
      <c r="BB1207">
        <v>0.49383047210300429</v>
      </c>
      <c r="BC1207">
        <v>5.321088666346089</v>
      </c>
      <c r="BD1207" t="s">
        <v>4642</v>
      </c>
      <c r="BE1207" t="s">
        <v>62</v>
      </c>
    </row>
    <row r="1208" spans="1:57" x14ac:dyDescent="0.3">
      <c r="A1208" t="s">
        <v>4643</v>
      </c>
      <c r="B1208">
        <v>2120</v>
      </c>
      <c r="C1208" t="s">
        <v>4644</v>
      </c>
      <c r="D1208" t="s">
        <v>4645</v>
      </c>
      <c r="E1208" t="s">
        <v>66</v>
      </c>
      <c r="F1208">
        <v>71</v>
      </c>
      <c r="G1208">
        <v>116.0985915492958</v>
      </c>
      <c r="H1208">
        <v>109</v>
      </c>
      <c r="I1208">
        <v>6164.3705613965476</v>
      </c>
      <c r="J1208">
        <v>78.513505598696511</v>
      </c>
      <c r="K1208">
        <v>5.5663226792311567E-2</v>
      </c>
      <c r="L1208">
        <v>-1.3782798863776231</v>
      </c>
      <c r="M1208">
        <v>5.9419318025727978</v>
      </c>
      <c r="N1208">
        <v>3</v>
      </c>
      <c r="O1208">
        <v>1</v>
      </c>
      <c r="P1208">
        <v>2</v>
      </c>
      <c r="Q1208">
        <v>0.35869500885153122</v>
      </c>
      <c r="R1208">
        <v>4.1186332760328126</v>
      </c>
      <c r="S1208">
        <v>1</v>
      </c>
      <c r="T1208">
        <v>1</v>
      </c>
      <c r="U1208">
        <v>0</v>
      </c>
      <c r="V1208">
        <v>0</v>
      </c>
      <c r="W1208">
        <v>4.2484952420493576</v>
      </c>
      <c r="X1208">
        <v>1</v>
      </c>
      <c r="Y1208">
        <v>1</v>
      </c>
      <c r="Z1208">
        <v>0</v>
      </c>
      <c r="AA1208">
        <v>0</v>
      </c>
      <c r="AB1208">
        <v>4.2341065045972579</v>
      </c>
      <c r="AC1208">
        <v>1</v>
      </c>
      <c r="AD1208">
        <v>1</v>
      </c>
      <c r="AE1208">
        <v>0</v>
      </c>
      <c r="AF1208">
        <v>0</v>
      </c>
      <c r="AG1208">
        <v>4.2195077051761087</v>
      </c>
      <c r="AH1208">
        <v>0.1941798402327907</v>
      </c>
      <c r="AI1208">
        <v>-2.4102179049742319E-2</v>
      </c>
      <c r="AJ1208">
        <v>-0.18221585823891839</v>
      </c>
      <c r="AK1208">
        <v>-9.4681175585779237E-2</v>
      </c>
      <c r="AL1208">
        <v>715.9542166841029</v>
      </c>
      <c r="AM1208">
        <v>939.19143927755874</v>
      </c>
      <c r="AN1208">
        <v>8243</v>
      </c>
      <c r="AO1208">
        <v>48.280007795528142</v>
      </c>
      <c r="AP1208">
        <v>609.29232368257226</v>
      </c>
      <c r="AQ1208">
        <v>1.323943661971831</v>
      </c>
      <c r="AR1208">
        <v>3.605633802816901</v>
      </c>
      <c r="AS1208">
        <v>71</v>
      </c>
      <c r="AT1208">
        <v>7.4225352112676068</v>
      </c>
      <c r="AU1208">
        <v>0.1052984574111335</v>
      </c>
      <c r="AV1208">
        <v>0.19778352703827171</v>
      </c>
      <c r="AW1208">
        <v>0.323943661971831</v>
      </c>
      <c r="AX1208">
        <v>76.428571428571431</v>
      </c>
      <c r="AY1208">
        <v>73</v>
      </c>
      <c r="AZ1208">
        <v>143.5</v>
      </c>
      <c r="BA1208">
        <v>0.67626578885205046</v>
      </c>
      <c r="BB1208">
        <v>0.49295774647887319</v>
      </c>
      <c r="BC1208">
        <v>3.9760906280195361</v>
      </c>
      <c r="BD1208" t="s">
        <v>4646</v>
      </c>
      <c r="BE1208" t="s">
        <v>68</v>
      </c>
    </row>
    <row r="1209" spans="1:57" x14ac:dyDescent="0.3">
      <c r="A1209" t="s">
        <v>4647</v>
      </c>
      <c r="B1209">
        <v>147</v>
      </c>
      <c r="C1209" t="s">
        <v>4648</v>
      </c>
      <c r="D1209" t="s">
        <v>4649</v>
      </c>
      <c r="E1209" t="s">
        <v>60</v>
      </c>
      <c r="F1209">
        <v>512</v>
      </c>
      <c r="G1209">
        <v>127.275390625</v>
      </c>
      <c r="H1209">
        <v>125</v>
      </c>
      <c r="I1209">
        <v>5394.6253318786621</v>
      </c>
      <c r="J1209">
        <v>73.448113194817068</v>
      </c>
      <c r="K1209">
        <v>2.8991266301421011E-2</v>
      </c>
      <c r="L1209">
        <v>-1.2073176168877111</v>
      </c>
      <c r="M1209">
        <v>7.6463848467841053</v>
      </c>
      <c r="N1209">
        <v>6</v>
      </c>
      <c r="O1209">
        <v>1</v>
      </c>
      <c r="P1209">
        <v>5</v>
      </c>
      <c r="Q1209">
        <v>1.1290037829251021</v>
      </c>
      <c r="R1209">
        <v>5.3000700980246904</v>
      </c>
      <c r="S1209">
        <v>2</v>
      </c>
      <c r="T1209">
        <v>1</v>
      </c>
      <c r="U1209">
        <v>1</v>
      </c>
      <c r="V1209">
        <v>6.2560641760670568E-2</v>
      </c>
      <c r="W1209">
        <v>6.2309437805711401</v>
      </c>
      <c r="X1209">
        <v>1</v>
      </c>
      <c r="Y1209">
        <v>1</v>
      </c>
      <c r="Z1209">
        <v>0</v>
      </c>
      <c r="AA1209">
        <v>0</v>
      </c>
      <c r="AB1209">
        <v>6.2344107257183694</v>
      </c>
      <c r="AC1209">
        <v>1</v>
      </c>
      <c r="AD1209">
        <v>1</v>
      </c>
      <c r="AE1209">
        <v>0</v>
      </c>
      <c r="AF1209">
        <v>0</v>
      </c>
      <c r="AG1209">
        <v>6.2324480165505216</v>
      </c>
      <c r="AH1209">
        <v>-4.2364946556645723E-2</v>
      </c>
      <c r="AI1209">
        <v>-3.7539128145817391E-2</v>
      </c>
      <c r="AJ1209">
        <v>-4.8575187633323073E-2</v>
      </c>
      <c r="AK1209">
        <v>-5.8647278205041448E-3</v>
      </c>
      <c r="AL1209">
        <v>1586.713457473887</v>
      </c>
      <c r="AM1209">
        <v>2922.0351476105252</v>
      </c>
      <c r="AN1209">
        <v>65165</v>
      </c>
      <c r="AO1209">
        <v>48.44403283494119</v>
      </c>
      <c r="AP1209">
        <v>1447.960759952208</v>
      </c>
      <c r="AQ1209">
        <v>1.044921875</v>
      </c>
      <c r="AR1209">
        <v>3.919921875</v>
      </c>
      <c r="AS1209">
        <v>510</v>
      </c>
      <c r="AT1209">
        <v>127.15625</v>
      </c>
      <c r="AU1209">
        <v>2.9243259803921621E-2</v>
      </c>
      <c r="AV1209">
        <v>-4.2377165480182041E-2</v>
      </c>
      <c r="AW1209">
        <v>0.3984375</v>
      </c>
      <c r="AX1209">
        <v>87.232876712328761</v>
      </c>
      <c r="AY1209">
        <v>65</v>
      </c>
      <c r="AZ1209">
        <v>127.25</v>
      </c>
      <c r="BA1209">
        <v>0.5770802417823423</v>
      </c>
      <c r="BB1209">
        <v>0.48828125</v>
      </c>
      <c r="BC1209">
        <v>5.0799087804282506</v>
      </c>
      <c r="BD1209" t="s">
        <v>4650</v>
      </c>
      <c r="BE1209" t="s">
        <v>62</v>
      </c>
    </row>
    <row r="1210" spans="1:57" x14ac:dyDescent="0.3">
      <c r="A1210" t="s">
        <v>4651</v>
      </c>
      <c r="B1210">
        <v>1595</v>
      </c>
      <c r="C1210" t="s">
        <v>4652</v>
      </c>
      <c r="D1210" t="s">
        <v>4653</v>
      </c>
      <c r="E1210" t="s">
        <v>128</v>
      </c>
      <c r="F1210">
        <v>32</v>
      </c>
      <c r="G1210">
        <v>117.46875</v>
      </c>
      <c r="H1210">
        <v>110.5</v>
      </c>
      <c r="I1210">
        <v>5849.6240234375</v>
      </c>
      <c r="J1210">
        <v>76.482834828721536</v>
      </c>
      <c r="K1210">
        <v>8.6260766317813611E-2</v>
      </c>
      <c r="L1210">
        <v>-1.533283261480846</v>
      </c>
      <c r="M1210">
        <v>5</v>
      </c>
      <c r="N1210">
        <v>1</v>
      </c>
      <c r="O1210">
        <v>1</v>
      </c>
      <c r="P1210">
        <v>0</v>
      </c>
      <c r="Q1210">
        <v>0</v>
      </c>
      <c r="R1210">
        <v>3.465735902799727</v>
      </c>
      <c r="S1210">
        <v>1</v>
      </c>
      <c r="T1210">
        <v>1</v>
      </c>
      <c r="U1210">
        <v>0</v>
      </c>
      <c r="V1210">
        <v>0</v>
      </c>
      <c r="W1210">
        <v>3.4339872044851458</v>
      </c>
      <c r="X1210">
        <v>1</v>
      </c>
      <c r="Y1210">
        <v>1</v>
      </c>
      <c r="Z1210">
        <v>0</v>
      </c>
      <c r="AA1210">
        <v>0</v>
      </c>
      <c r="AB1210">
        <v>3.401197381662155</v>
      </c>
      <c r="AC1210">
        <v>1</v>
      </c>
      <c r="AD1210">
        <v>1</v>
      </c>
      <c r="AE1210">
        <v>0</v>
      </c>
      <c r="AF1210">
        <v>0</v>
      </c>
      <c r="AG1210">
        <v>3.3672958299864728</v>
      </c>
      <c r="AH1210">
        <v>4.0835117900372538E-2</v>
      </c>
      <c r="AI1210">
        <v>-0.20766142697472381</v>
      </c>
      <c r="AJ1210">
        <v>5.8274619303958337E-2</v>
      </c>
      <c r="AK1210">
        <v>-0.20873308539294139</v>
      </c>
      <c r="AL1210">
        <v>476.58259796717681</v>
      </c>
      <c r="AM1210">
        <v>633.73655986920653</v>
      </c>
      <c r="AN1210">
        <v>3759</v>
      </c>
      <c r="AO1210">
        <v>58.326728807114158</v>
      </c>
      <c r="AP1210">
        <v>368.33899270162311</v>
      </c>
      <c r="AQ1210">
        <v>1.71875</v>
      </c>
      <c r="AR1210">
        <v>3.8125</v>
      </c>
      <c r="AS1210">
        <v>32</v>
      </c>
      <c r="AT1210">
        <v>0</v>
      </c>
      <c r="AU1210">
        <v>0.12104430379746831</v>
      </c>
      <c r="AV1210">
        <v>4.1119435250275962E-2</v>
      </c>
      <c r="AW1210">
        <v>0.28125</v>
      </c>
      <c r="AX1210">
        <v>83.387096774193552</v>
      </c>
      <c r="AY1210">
        <v>79</v>
      </c>
      <c r="AZ1210">
        <v>142.25</v>
      </c>
      <c r="BA1210">
        <v>0.6510909056980817</v>
      </c>
      <c r="BB1210">
        <v>0.5</v>
      </c>
      <c r="BC1210">
        <v>3.3892680315457948</v>
      </c>
      <c r="BD1210" t="s">
        <v>4654</v>
      </c>
      <c r="BE1210" t="s">
        <v>62</v>
      </c>
    </row>
    <row r="1211" spans="1:57" x14ac:dyDescent="0.3">
      <c r="A1211" t="s">
        <v>4655</v>
      </c>
      <c r="B1211">
        <v>3377</v>
      </c>
      <c r="C1211" t="s">
        <v>4656</v>
      </c>
      <c r="D1211" t="s">
        <v>4657</v>
      </c>
      <c r="E1211" t="s">
        <v>106</v>
      </c>
      <c r="F1211">
        <v>3463</v>
      </c>
      <c r="G1211">
        <v>125.5665607854461</v>
      </c>
      <c r="H1211">
        <v>123</v>
      </c>
      <c r="I1211">
        <v>5468.9755725495106</v>
      </c>
      <c r="J1211">
        <v>73.952522421818117</v>
      </c>
      <c r="K1211">
        <v>4.2891343180543252E-2</v>
      </c>
      <c r="L1211">
        <v>-1.215035484159354</v>
      </c>
      <c r="M1211">
        <v>7.9490716996089166</v>
      </c>
      <c r="N1211">
        <v>26</v>
      </c>
      <c r="O1211">
        <v>5</v>
      </c>
      <c r="P1211">
        <v>21</v>
      </c>
      <c r="Q1211">
        <v>3.5815328170122829</v>
      </c>
      <c r="R1211">
        <v>5.5098766366527663</v>
      </c>
      <c r="S1211">
        <v>3</v>
      </c>
      <c r="T1211">
        <v>1</v>
      </c>
      <c r="U1211">
        <v>2</v>
      </c>
      <c r="V1211">
        <v>0.16486311383056501</v>
      </c>
      <c r="W1211">
        <v>8.1139103295519135</v>
      </c>
      <c r="X1211">
        <v>1</v>
      </c>
      <c r="Y1211">
        <v>1</v>
      </c>
      <c r="Z1211">
        <v>0</v>
      </c>
      <c r="AA1211">
        <v>0</v>
      </c>
      <c r="AB1211">
        <v>8.1493128436353466</v>
      </c>
      <c r="AC1211">
        <v>1</v>
      </c>
      <c r="AD1211">
        <v>1</v>
      </c>
      <c r="AE1211">
        <v>0</v>
      </c>
      <c r="AF1211">
        <v>0</v>
      </c>
      <c r="AG1211">
        <v>8.1490238680517741</v>
      </c>
      <c r="AH1211">
        <v>-9.3426087437962222E-4</v>
      </c>
      <c r="AI1211">
        <v>1.7806558068663599E-2</v>
      </c>
      <c r="AJ1211">
        <v>-4.3848988173719296E-3</v>
      </c>
      <c r="AK1211">
        <v>1.0009329447567831E-2</v>
      </c>
      <c r="AL1211">
        <v>3970.5936583842631</v>
      </c>
      <c r="AM1211">
        <v>7600.9496117260678</v>
      </c>
      <c r="AN1211">
        <v>434837</v>
      </c>
      <c r="AO1211">
        <v>67.389092424397717</v>
      </c>
      <c r="AP1211">
        <v>3646.019879086833</v>
      </c>
      <c r="AQ1211">
        <v>1.006641640196362</v>
      </c>
      <c r="AR1211">
        <v>3.987871787467514</v>
      </c>
      <c r="AS1211">
        <v>3450</v>
      </c>
      <c r="AT1211">
        <v>242.75339301183939</v>
      </c>
      <c r="AU1211">
        <v>2.1236262336294609E-2</v>
      </c>
      <c r="AV1211">
        <v>-9.3451181137102501E-4</v>
      </c>
      <c r="AW1211">
        <v>0.38290499566849551</v>
      </c>
      <c r="AX1211">
        <v>85.639803581744658</v>
      </c>
      <c r="AY1211">
        <v>64</v>
      </c>
      <c r="AZ1211">
        <v>128</v>
      </c>
      <c r="BA1211">
        <v>0.58895076809645031</v>
      </c>
      <c r="BB1211">
        <v>0.4909038406006353</v>
      </c>
      <c r="BC1211">
        <v>5.3202566445193629</v>
      </c>
      <c r="BD1211" t="s">
        <v>4658</v>
      </c>
      <c r="BE1211" t="s">
        <v>68</v>
      </c>
    </row>
    <row r="1212" spans="1:57" x14ac:dyDescent="0.3">
      <c r="A1212" t="s">
        <v>4659</v>
      </c>
      <c r="B1212">
        <v>1685</v>
      </c>
      <c r="C1212" t="s">
        <v>4660</v>
      </c>
      <c r="D1212" t="s">
        <v>4661</v>
      </c>
      <c r="E1212" t="s">
        <v>115</v>
      </c>
      <c r="F1212">
        <v>1719</v>
      </c>
      <c r="G1212">
        <v>125.3118091913903</v>
      </c>
      <c r="H1212">
        <v>124</v>
      </c>
      <c r="I1212">
        <v>5510.8987028932024</v>
      </c>
      <c r="J1212">
        <v>74.235427545702208</v>
      </c>
      <c r="K1212">
        <v>5.9020123670231302E-2</v>
      </c>
      <c r="L1212">
        <v>-1.1938673519152001</v>
      </c>
      <c r="M1212">
        <v>7.900165086872815</v>
      </c>
      <c r="N1212">
        <v>15</v>
      </c>
      <c r="O1212">
        <v>2</v>
      </c>
      <c r="P1212">
        <v>13</v>
      </c>
      <c r="Q1212">
        <v>2.4765963867949781</v>
      </c>
      <c r="R1212">
        <v>5.4759771559240003</v>
      </c>
      <c r="S1212">
        <v>2</v>
      </c>
      <c r="T1212">
        <v>1</v>
      </c>
      <c r="U1212">
        <v>1</v>
      </c>
      <c r="V1212">
        <v>0.1230052969636283</v>
      </c>
      <c r="W1212">
        <v>7.427936094750768</v>
      </c>
      <c r="X1212">
        <v>2</v>
      </c>
      <c r="Y1212">
        <v>1</v>
      </c>
      <c r="Z1212">
        <v>1</v>
      </c>
      <c r="AA1212">
        <v>2.41331925884017E-2</v>
      </c>
      <c r="AB1212">
        <v>7.4475264675596069</v>
      </c>
      <c r="AC1212">
        <v>1</v>
      </c>
      <c r="AD1212">
        <v>1</v>
      </c>
      <c r="AE1212">
        <v>0</v>
      </c>
      <c r="AF1212">
        <v>0</v>
      </c>
      <c r="AG1212">
        <v>7.4477512800479069</v>
      </c>
      <c r="AH1212">
        <v>3.5054806865895523E-2</v>
      </c>
      <c r="AI1212">
        <v>1.6028464069026822E-2</v>
      </c>
      <c r="AJ1212">
        <v>-2.2854805688748439E-2</v>
      </c>
      <c r="AK1212">
        <v>-3.7795681857575487E-2</v>
      </c>
      <c r="AL1212">
        <v>2840.9615507936719</v>
      </c>
      <c r="AM1212">
        <v>5328.7629396429338</v>
      </c>
      <c r="AN1212">
        <v>215411</v>
      </c>
      <c r="AO1212">
        <v>72.705425028780695</v>
      </c>
      <c r="AP1212">
        <v>2547.323980645243</v>
      </c>
      <c r="AQ1212">
        <v>1.013379872018616</v>
      </c>
      <c r="AR1212">
        <v>4.0250145433391511</v>
      </c>
      <c r="AS1212">
        <v>1714</v>
      </c>
      <c r="AT1212">
        <v>233.8376963350785</v>
      </c>
      <c r="AU1212">
        <v>2.5158265749580851E-2</v>
      </c>
      <c r="AV1212">
        <v>3.5065454368361802E-2</v>
      </c>
      <c r="AW1212">
        <v>0.37929028504944728</v>
      </c>
      <c r="AX1212">
        <v>83.34109429569267</v>
      </c>
      <c r="AY1212">
        <v>63</v>
      </c>
      <c r="AZ1212">
        <v>126.5</v>
      </c>
      <c r="BA1212">
        <v>0.59240568007697891</v>
      </c>
      <c r="BB1212">
        <v>0.49505526468877248</v>
      </c>
      <c r="BC1212">
        <v>5.2642062882739724</v>
      </c>
      <c r="BD1212" t="s">
        <v>4662</v>
      </c>
      <c r="BE1212" t="s">
        <v>68</v>
      </c>
    </row>
    <row r="1213" spans="1:57" x14ac:dyDescent="0.3">
      <c r="A1213" t="s">
        <v>4663</v>
      </c>
      <c r="B1213">
        <v>140</v>
      </c>
      <c r="C1213" t="s">
        <v>4664</v>
      </c>
      <c r="D1213" t="s">
        <v>4665</v>
      </c>
      <c r="E1213" t="s">
        <v>60</v>
      </c>
      <c r="F1213">
        <v>256</v>
      </c>
      <c r="G1213">
        <v>134.05078125</v>
      </c>
      <c r="H1213">
        <v>135</v>
      </c>
      <c r="I1213">
        <v>5156.8763275146484</v>
      </c>
      <c r="J1213">
        <v>71.811394134319997</v>
      </c>
      <c r="K1213">
        <v>-6.9295318527886895E-2</v>
      </c>
      <c r="L1213">
        <v>-1.197872471381503</v>
      </c>
      <c r="M1213">
        <v>7.1697554942135717</v>
      </c>
      <c r="N1213">
        <v>5</v>
      </c>
      <c r="O1213">
        <v>1</v>
      </c>
      <c r="P1213">
        <v>4</v>
      </c>
      <c r="Q1213">
        <v>0.87090590591985984</v>
      </c>
      <c r="R1213">
        <v>4.969695806118315</v>
      </c>
      <c r="S1213">
        <v>2</v>
      </c>
      <c r="T1213">
        <v>1</v>
      </c>
      <c r="U1213">
        <v>1</v>
      </c>
      <c r="V1213">
        <v>6.2621943781838052E-2</v>
      </c>
      <c r="W1213">
        <v>5.5358270966834446</v>
      </c>
      <c r="X1213">
        <v>1</v>
      </c>
      <c r="Y1213">
        <v>1</v>
      </c>
      <c r="Z1213">
        <v>0</v>
      </c>
      <c r="AA1213">
        <v>0</v>
      </c>
      <c r="AB1213">
        <v>5.5373342670185366</v>
      </c>
      <c r="AC1213">
        <v>1</v>
      </c>
      <c r="AD1213">
        <v>1</v>
      </c>
      <c r="AE1213">
        <v>0</v>
      </c>
      <c r="AF1213">
        <v>0</v>
      </c>
      <c r="AG1213">
        <v>5.5333894887275203</v>
      </c>
      <c r="AH1213">
        <v>6.2652070490963274E-2</v>
      </c>
      <c r="AI1213">
        <v>-1.645271657686781E-2</v>
      </c>
      <c r="AJ1213">
        <v>3.3082234767780057E-2</v>
      </c>
      <c r="AK1213">
        <v>-3.0499593645662071E-2</v>
      </c>
      <c r="AL1213">
        <v>1142.3452437093711</v>
      </c>
      <c r="AM1213">
        <v>2148.35479941619</v>
      </c>
      <c r="AN1213">
        <v>34317</v>
      </c>
      <c r="AO1213">
        <v>70.100560979352224</v>
      </c>
      <c r="AP1213">
        <v>949.37233010897171</v>
      </c>
      <c r="AQ1213">
        <v>1.08984375</v>
      </c>
      <c r="AR1213">
        <v>4.10546875</v>
      </c>
      <c r="AS1213">
        <v>256</v>
      </c>
      <c r="AT1213">
        <v>79.687499999999986</v>
      </c>
      <c r="AU1213">
        <v>7.513786764705882E-2</v>
      </c>
      <c r="AV1213">
        <v>6.2851766712425816E-2</v>
      </c>
      <c r="AW1213">
        <v>0.3984375</v>
      </c>
      <c r="AX1213">
        <v>79.603921568627456</v>
      </c>
      <c r="AY1213">
        <v>63.5</v>
      </c>
      <c r="AZ1213">
        <v>125</v>
      </c>
      <c r="BA1213">
        <v>0.53570291396060021</v>
      </c>
      <c r="BB1213">
        <v>0.5</v>
      </c>
      <c r="BC1213">
        <v>4.807472108490491</v>
      </c>
      <c r="BD1213" t="s">
        <v>4666</v>
      </c>
      <c r="BE1213" t="s">
        <v>62</v>
      </c>
    </row>
    <row r="1214" spans="1:57" x14ac:dyDescent="0.3">
      <c r="A1214" t="s">
        <v>4667</v>
      </c>
      <c r="B1214">
        <v>3094</v>
      </c>
      <c r="C1214" t="s">
        <v>4668</v>
      </c>
      <c r="D1214" t="s">
        <v>4669</v>
      </c>
      <c r="E1214" t="s">
        <v>115</v>
      </c>
      <c r="F1214">
        <v>3145</v>
      </c>
      <c r="G1214">
        <v>127.4887122416534</v>
      </c>
      <c r="H1214">
        <v>127</v>
      </c>
      <c r="I1214">
        <v>5413.1770585960512</v>
      </c>
      <c r="J1214">
        <v>73.574296181452198</v>
      </c>
      <c r="K1214">
        <v>6.0927336028233957E-3</v>
      </c>
      <c r="L1214">
        <v>-1.168890911439844</v>
      </c>
      <c r="M1214">
        <v>7.9320626077657987</v>
      </c>
      <c r="N1214">
        <v>23</v>
      </c>
      <c r="O1214">
        <v>1</v>
      </c>
      <c r="P1214">
        <v>22</v>
      </c>
      <c r="Q1214">
        <v>3.7018700899796499</v>
      </c>
      <c r="R1214">
        <v>5.4980868325978349</v>
      </c>
      <c r="S1214">
        <v>3</v>
      </c>
      <c r="T1214">
        <v>1</v>
      </c>
      <c r="U1214">
        <v>2</v>
      </c>
      <c r="V1214">
        <v>0.1605087595151819</v>
      </c>
      <c r="W1214">
        <v>8.0182509936660704</v>
      </c>
      <c r="X1214">
        <v>1</v>
      </c>
      <c r="Y1214">
        <v>1</v>
      </c>
      <c r="Z1214">
        <v>0</v>
      </c>
      <c r="AA1214">
        <v>0</v>
      </c>
      <c r="AB1214">
        <v>8.0529330367975689</v>
      </c>
      <c r="AC1214">
        <v>1</v>
      </c>
      <c r="AD1214">
        <v>1</v>
      </c>
      <c r="AE1214">
        <v>0</v>
      </c>
      <c r="AF1214">
        <v>0</v>
      </c>
      <c r="AG1214">
        <v>8.0526148188155631</v>
      </c>
      <c r="AH1214">
        <v>-3.4102079946888561E-2</v>
      </c>
      <c r="AI1214">
        <v>1.7682120413211239E-2</v>
      </c>
      <c r="AJ1214">
        <v>3.050741044272956E-2</v>
      </c>
      <c r="AK1214">
        <v>6.3370909706046566E-3</v>
      </c>
      <c r="AL1214">
        <v>3773.963431705823</v>
      </c>
      <c r="AM1214">
        <v>7341.5595084523566</v>
      </c>
      <c r="AN1214">
        <v>400952</v>
      </c>
      <c r="AO1214">
        <v>30.634239433662991</v>
      </c>
      <c r="AP1214">
        <v>3443.8367169664921</v>
      </c>
      <c r="AQ1214">
        <v>1.00731319554849</v>
      </c>
      <c r="AR1214">
        <v>3.9939586645468999</v>
      </c>
      <c r="AS1214">
        <v>3134</v>
      </c>
      <c r="AT1214">
        <v>285.56279809220979</v>
      </c>
      <c r="AU1214">
        <v>1.377848436671969E-2</v>
      </c>
      <c r="AV1214">
        <v>-3.4111580257883238E-2</v>
      </c>
      <c r="AW1214">
        <v>0.37106518282988871</v>
      </c>
      <c r="AX1214">
        <v>86.599236641221367</v>
      </c>
      <c r="AY1214">
        <v>63</v>
      </c>
      <c r="AZ1214">
        <v>125</v>
      </c>
      <c r="BA1214">
        <v>0.57710439526593493</v>
      </c>
      <c r="BB1214">
        <v>0.4998410174880763</v>
      </c>
      <c r="BC1214">
        <v>5.3247143994405501</v>
      </c>
      <c r="BD1214" t="s">
        <v>4670</v>
      </c>
      <c r="BE1214" t="s">
        <v>68</v>
      </c>
    </row>
    <row r="1215" spans="1:57" x14ac:dyDescent="0.3">
      <c r="A1215" t="s">
        <v>4671</v>
      </c>
      <c r="B1215">
        <v>932</v>
      </c>
      <c r="C1215" t="s">
        <v>4672</v>
      </c>
      <c r="D1215" t="s">
        <v>4673</v>
      </c>
      <c r="E1215" t="s">
        <v>98</v>
      </c>
      <c r="F1215">
        <v>16</v>
      </c>
      <c r="G1215">
        <v>134.625</v>
      </c>
      <c r="H1215">
        <v>132</v>
      </c>
      <c r="I1215">
        <v>4473.359375</v>
      </c>
      <c r="J1215">
        <v>66.883177070172138</v>
      </c>
      <c r="K1215">
        <v>-0.14634740123972181</v>
      </c>
      <c r="L1215">
        <v>-0.58972586286623718</v>
      </c>
      <c r="M1215">
        <v>4</v>
      </c>
      <c r="N1215">
        <v>1</v>
      </c>
      <c r="O1215">
        <v>1</v>
      </c>
      <c r="P1215">
        <v>0</v>
      </c>
      <c r="Q1215">
        <v>0</v>
      </c>
      <c r="R1215">
        <v>2.7725887222397811</v>
      </c>
      <c r="S1215">
        <v>1</v>
      </c>
      <c r="T1215">
        <v>1</v>
      </c>
      <c r="U1215">
        <v>0</v>
      </c>
      <c r="V1215">
        <v>0</v>
      </c>
      <c r="W1215">
        <v>2.7080502011022101</v>
      </c>
      <c r="X1215">
        <v>1</v>
      </c>
      <c r="Y1215">
        <v>1</v>
      </c>
      <c r="Z1215">
        <v>0</v>
      </c>
      <c r="AA1215">
        <v>0</v>
      </c>
      <c r="AB1215">
        <v>2.639057329615258</v>
      </c>
      <c r="AC1215">
        <v>1</v>
      </c>
      <c r="AD1215">
        <v>1</v>
      </c>
      <c r="AE1215">
        <v>0</v>
      </c>
      <c r="AF1215">
        <v>0</v>
      </c>
      <c r="AG1215">
        <v>2.5649493574615372</v>
      </c>
      <c r="AH1215">
        <v>-0.2447285579559545</v>
      </c>
      <c r="AI1215">
        <v>-0.28151076686634408</v>
      </c>
      <c r="AJ1215">
        <v>4.350298643008086E-2</v>
      </c>
      <c r="AK1215">
        <v>0.10147706037478819</v>
      </c>
      <c r="AL1215">
        <v>366.74928645703039</v>
      </c>
      <c r="AM1215">
        <v>476.49864730475258</v>
      </c>
      <c r="AN1215">
        <v>2154</v>
      </c>
      <c r="AO1215">
        <v>66.855341886844016</v>
      </c>
      <c r="AP1215">
        <v>302.23061631515009</v>
      </c>
      <c r="AQ1215">
        <v>2.25</v>
      </c>
      <c r="AR1215">
        <v>4.125</v>
      </c>
      <c r="AS1215">
        <v>16</v>
      </c>
      <c r="AT1215">
        <v>0</v>
      </c>
      <c r="AU1215">
        <v>0.17218379446640311</v>
      </c>
      <c r="AV1215">
        <v>-0.28201074637172302</v>
      </c>
      <c r="AW1215">
        <v>0.375</v>
      </c>
      <c r="AX1215">
        <v>78.8</v>
      </c>
      <c r="AY1215">
        <v>42</v>
      </c>
      <c r="AZ1215">
        <v>74.5</v>
      </c>
      <c r="BA1215">
        <v>0.49681097173758321</v>
      </c>
      <c r="BB1215">
        <v>0.4375</v>
      </c>
      <c r="BC1215">
        <v>2.7080502011022101</v>
      </c>
      <c r="BD1215" t="s">
        <v>4672</v>
      </c>
      <c r="BE1215" t="s">
        <v>62</v>
      </c>
    </row>
    <row r="1216" spans="1:57" x14ac:dyDescent="0.3">
      <c r="A1216" t="s">
        <v>4674</v>
      </c>
      <c r="B1216">
        <v>3256</v>
      </c>
      <c r="C1216" t="s">
        <v>4675</v>
      </c>
      <c r="D1216" t="s">
        <v>4676</v>
      </c>
      <c r="E1216" t="s">
        <v>72</v>
      </c>
      <c r="F1216">
        <v>3320</v>
      </c>
      <c r="G1216">
        <v>130.0852409638554</v>
      </c>
      <c r="H1216">
        <v>132</v>
      </c>
      <c r="I1216">
        <v>5510.7659267491654</v>
      </c>
      <c r="J1216">
        <v>74.234533249352125</v>
      </c>
      <c r="K1216">
        <v>-4.9505027808906692E-2</v>
      </c>
      <c r="L1216">
        <v>-1.2177066949112321</v>
      </c>
      <c r="M1216">
        <v>7.9429168130935821</v>
      </c>
      <c r="N1216">
        <v>27</v>
      </c>
      <c r="O1216">
        <v>5</v>
      </c>
      <c r="P1216">
        <v>22</v>
      </c>
      <c r="Q1216">
        <v>3.6183937648492601</v>
      </c>
      <c r="R1216">
        <v>5.5056103944180066</v>
      </c>
      <c r="S1216">
        <v>3</v>
      </c>
      <c r="T1216">
        <v>1</v>
      </c>
      <c r="U1216">
        <v>2</v>
      </c>
      <c r="V1216">
        <v>0.16827487442512559</v>
      </c>
      <c r="W1216">
        <v>8.0688341990755639</v>
      </c>
      <c r="X1216">
        <v>1</v>
      </c>
      <c r="Y1216">
        <v>1</v>
      </c>
      <c r="Z1216">
        <v>0</v>
      </c>
      <c r="AA1216">
        <v>0</v>
      </c>
      <c r="AB1216">
        <v>8.1071174707503886</v>
      </c>
      <c r="AC1216">
        <v>1</v>
      </c>
      <c r="AD1216">
        <v>1</v>
      </c>
      <c r="AE1216">
        <v>0</v>
      </c>
      <c r="AF1216">
        <v>0</v>
      </c>
      <c r="AG1216">
        <v>8.106816038947052</v>
      </c>
      <c r="AH1216">
        <v>4.1211482444461619E-3</v>
      </c>
      <c r="AI1216">
        <v>-9.4761161423699142E-3</v>
      </c>
      <c r="AJ1216">
        <v>1.1860604384807081E-2</v>
      </c>
      <c r="AK1216">
        <v>-2.5418695374125749E-2</v>
      </c>
      <c r="AL1216">
        <v>3920.6790985455132</v>
      </c>
      <c r="AM1216">
        <v>7688.0181065231855</v>
      </c>
      <c r="AN1216">
        <v>431883</v>
      </c>
      <c r="AO1216">
        <v>150.53441879822259</v>
      </c>
      <c r="AP1216">
        <v>3509.966854990696</v>
      </c>
      <c r="AQ1216">
        <v>1.006927710843373</v>
      </c>
      <c r="AR1216">
        <v>4.0180722891566267</v>
      </c>
      <c r="AS1216">
        <v>3305</v>
      </c>
      <c r="AT1216">
        <v>258.44819277108428</v>
      </c>
      <c r="AU1216">
        <v>2.514764942121428E-2</v>
      </c>
      <c r="AV1216">
        <v>4.1229452663959229E-3</v>
      </c>
      <c r="AW1216">
        <v>0.35421686746987951</v>
      </c>
      <c r="AX1216">
        <v>85.466405543838505</v>
      </c>
      <c r="AY1216">
        <v>66</v>
      </c>
      <c r="AZ1216">
        <v>131</v>
      </c>
      <c r="BA1216">
        <v>0.5706606890936875</v>
      </c>
      <c r="BB1216">
        <v>0.50933734939759034</v>
      </c>
      <c r="BC1216">
        <v>5.322080351641663</v>
      </c>
      <c r="BD1216" t="s">
        <v>4677</v>
      </c>
      <c r="BE1216" t="s">
        <v>68</v>
      </c>
    </row>
    <row r="1217" spans="1:57" x14ac:dyDescent="0.3">
      <c r="A1217" t="s">
        <v>4678</v>
      </c>
      <c r="B1217">
        <v>2323</v>
      </c>
      <c r="C1217" t="s">
        <v>4679</v>
      </c>
      <c r="D1217" t="s">
        <v>4680</v>
      </c>
      <c r="E1217" t="s">
        <v>10622</v>
      </c>
      <c r="F1217">
        <v>64</v>
      </c>
      <c r="G1217">
        <v>125.375</v>
      </c>
      <c r="H1217">
        <v>113.5</v>
      </c>
      <c r="I1217">
        <v>6062.671875</v>
      </c>
      <c r="J1217">
        <v>77.863161218897346</v>
      </c>
      <c r="K1217">
        <v>0.18384396306927259</v>
      </c>
      <c r="L1217">
        <v>-1.331598396063395</v>
      </c>
      <c r="M1217">
        <v>5.78125</v>
      </c>
      <c r="N1217">
        <v>2</v>
      </c>
      <c r="O1217">
        <v>1</v>
      </c>
      <c r="P1217">
        <v>1</v>
      </c>
      <c r="Q1217">
        <v>0.32821556024332821</v>
      </c>
      <c r="R1217">
        <v>4.0072571376121839</v>
      </c>
      <c r="S1217">
        <v>1</v>
      </c>
      <c r="T1217">
        <v>1</v>
      </c>
      <c r="U1217">
        <v>0</v>
      </c>
      <c r="V1217">
        <v>0</v>
      </c>
      <c r="W1217">
        <v>4.1431347263915326</v>
      </c>
      <c r="X1217">
        <v>1</v>
      </c>
      <c r="Y1217">
        <v>1</v>
      </c>
      <c r="Z1217">
        <v>0</v>
      </c>
      <c r="AA1217">
        <v>0</v>
      </c>
      <c r="AB1217">
        <v>4.1271343850450908</v>
      </c>
      <c r="AC1217">
        <v>1</v>
      </c>
      <c r="AD1217">
        <v>1</v>
      </c>
      <c r="AE1217">
        <v>0</v>
      </c>
      <c r="AF1217">
        <v>0</v>
      </c>
      <c r="AG1217">
        <v>4.1108738641733096</v>
      </c>
      <c r="AH1217">
        <v>-0.137752900368804</v>
      </c>
      <c r="AI1217">
        <v>0.21693739030594489</v>
      </c>
      <c r="AJ1217">
        <v>0.1298398676197324</v>
      </c>
      <c r="AK1217">
        <v>9.0208380045926531E-2</v>
      </c>
      <c r="AL1217">
        <v>654.03916396986756</v>
      </c>
      <c r="AM1217">
        <v>982.9815725605423</v>
      </c>
      <c r="AN1217">
        <v>8024</v>
      </c>
      <c r="AO1217">
        <v>33.981475216893671</v>
      </c>
      <c r="AP1217">
        <v>453.31815644457117</v>
      </c>
      <c r="AQ1217">
        <v>1.359375</v>
      </c>
      <c r="AR1217">
        <v>4.078125</v>
      </c>
      <c r="AS1217">
        <v>64</v>
      </c>
      <c r="AT1217">
        <v>5.46875</v>
      </c>
      <c r="AU1217">
        <v>9.1571215139442219E-2</v>
      </c>
      <c r="AV1217">
        <v>-0.13986581903980719</v>
      </c>
      <c r="AW1217">
        <v>0.421875</v>
      </c>
      <c r="AX1217">
        <v>98.095238095238102</v>
      </c>
      <c r="AY1217">
        <v>68.5</v>
      </c>
      <c r="AZ1217">
        <v>150.75</v>
      </c>
      <c r="BA1217">
        <v>0.62104216326139461</v>
      </c>
      <c r="BB1217">
        <v>0.453125</v>
      </c>
      <c r="BC1217">
        <v>3.9891020196004332</v>
      </c>
      <c r="BD1217" t="s">
        <v>4681</v>
      </c>
      <c r="BE1217" t="s">
        <v>62</v>
      </c>
    </row>
    <row r="1218" spans="1:57" x14ac:dyDescent="0.3">
      <c r="A1218" t="s">
        <v>4682</v>
      </c>
      <c r="B1218">
        <v>2491</v>
      </c>
      <c r="C1218" t="s">
        <v>4683</v>
      </c>
      <c r="D1218" t="s">
        <v>4684</v>
      </c>
      <c r="E1218" t="s">
        <v>115</v>
      </c>
      <c r="F1218">
        <v>2528</v>
      </c>
      <c r="G1218">
        <v>127.0684335443038</v>
      </c>
      <c r="H1218">
        <v>126</v>
      </c>
      <c r="I1218">
        <v>5601.9063136854566</v>
      </c>
      <c r="J1218">
        <v>74.845883745770934</v>
      </c>
      <c r="K1218">
        <v>7.9097397049297299E-3</v>
      </c>
      <c r="L1218">
        <v>-1.2334433691749129</v>
      </c>
      <c r="M1218">
        <v>7.9274888904921914</v>
      </c>
      <c r="N1218">
        <v>24</v>
      </c>
      <c r="O1218">
        <v>3</v>
      </c>
      <c r="P1218">
        <v>21</v>
      </c>
      <c r="Q1218">
        <v>3.1112196161634111</v>
      </c>
      <c r="R1218">
        <v>5.4949165733649536</v>
      </c>
      <c r="S1218">
        <v>2</v>
      </c>
      <c r="T1218">
        <v>1</v>
      </c>
      <c r="U1218">
        <v>1</v>
      </c>
      <c r="V1218">
        <v>0.13922284215086561</v>
      </c>
      <c r="W1218">
        <v>7.8079070532944561</v>
      </c>
      <c r="X1218">
        <v>1</v>
      </c>
      <c r="Y1218">
        <v>1</v>
      </c>
      <c r="Z1218">
        <v>0</v>
      </c>
      <c r="AA1218">
        <v>0</v>
      </c>
      <c r="AB1218">
        <v>7.8343923029104374</v>
      </c>
      <c r="AC1218">
        <v>1</v>
      </c>
      <c r="AD1218">
        <v>1</v>
      </c>
      <c r="AE1218">
        <v>0</v>
      </c>
      <c r="AF1218">
        <v>0</v>
      </c>
      <c r="AG1218">
        <v>7.8339963417094589</v>
      </c>
      <c r="AH1218">
        <v>-1.024746040768286E-2</v>
      </c>
      <c r="AI1218">
        <v>-6.873139517496716E-3</v>
      </c>
      <c r="AJ1218">
        <v>-1.4640961967168121E-2</v>
      </c>
      <c r="AK1218">
        <v>2.119885011430287E-3</v>
      </c>
      <c r="AL1218">
        <v>3442.255169255086</v>
      </c>
      <c r="AM1218">
        <v>6567.3864169650215</v>
      </c>
      <c r="AN1218">
        <v>321229</v>
      </c>
      <c r="AO1218">
        <v>59.696667998622353</v>
      </c>
      <c r="AP1218">
        <v>3100.7625965701718</v>
      </c>
      <c r="AQ1218">
        <v>1.0090981012658231</v>
      </c>
      <c r="AR1218">
        <v>3.9806170886075951</v>
      </c>
      <c r="AS1218">
        <v>2515</v>
      </c>
      <c r="AT1218">
        <v>250.9367088607595</v>
      </c>
      <c r="AU1218">
        <v>1.6171816827996951E-2</v>
      </c>
      <c r="AV1218">
        <v>-1.025059698673754E-2</v>
      </c>
      <c r="AW1218">
        <v>0.36748417721518989</v>
      </c>
      <c r="AX1218">
        <v>87.192718638702019</v>
      </c>
      <c r="AY1218">
        <v>66</v>
      </c>
      <c r="AZ1218">
        <v>133</v>
      </c>
      <c r="BA1218">
        <v>0.58902027559563086</v>
      </c>
      <c r="BB1218">
        <v>0.49485759493670878</v>
      </c>
      <c r="BC1218">
        <v>5.315273950399348</v>
      </c>
      <c r="BD1218" t="s">
        <v>4685</v>
      </c>
      <c r="BE1218" t="s">
        <v>62</v>
      </c>
    </row>
    <row r="1219" spans="1:57" x14ac:dyDescent="0.3">
      <c r="A1219" t="s">
        <v>4686</v>
      </c>
      <c r="B1219">
        <v>985</v>
      </c>
      <c r="C1219" t="s">
        <v>4687</v>
      </c>
      <c r="D1219" t="s">
        <v>4688</v>
      </c>
      <c r="E1219" t="s">
        <v>10622</v>
      </c>
      <c r="F1219">
        <v>64</v>
      </c>
      <c r="G1219">
        <v>124.296875</v>
      </c>
      <c r="H1219">
        <v>125</v>
      </c>
      <c r="I1219">
        <v>4106.021240234375</v>
      </c>
      <c r="J1219">
        <v>64.078243111327382</v>
      </c>
      <c r="K1219">
        <v>-0.16785969501554809</v>
      </c>
      <c r="L1219">
        <v>-0.89568938620688021</v>
      </c>
      <c r="M1219">
        <v>5.769454882778696</v>
      </c>
      <c r="N1219">
        <v>3</v>
      </c>
      <c r="O1219">
        <v>1</v>
      </c>
      <c r="P1219">
        <v>2</v>
      </c>
      <c r="Q1219">
        <v>0.37790630225505289</v>
      </c>
      <c r="R1219">
        <v>3.9990813853658631</v>
      </c>
      <c r="S1219">
        <v>1</v>
      </c>
      <c r="T1219">
        <v>1</v>
      </c>
      <c r="U1219">
        <v>0</v>
      </c>
      <c r="V1219">
        <v>0</v>
      </c>
      <c r="W1219">
        <v>4.1431347263915326</v>
      </c>
      <c r="X1219">
        <v>1</v>
      </c>
      <c r="Y1219">
        <v>1</v>
      </c>
      <c r="Z1219">
        <v>0</v>
      </c>
      <c r="AA1219">
        <v>0</v>
      </c>
      <c r="AB1219">
        <v>4.1271343850450908</v>
      </c>
      <c r="AC1219">
        <v>1</v>
      </c>
      <c r="AD1219">
        <v>1</v>
      </c>
      <c r="AE1219">
        <v>0</v>
      </c>
      <c r="AF1219">
        <v>0</v>
      </c>
      <c r="AG1219">
        <v>4.1108738641733096</v>
      </c>
      <c r="AH1219">
        <v>0.1239419528268169</v>
      </c>
      <c r="AI1219">
        <v>-0.103389052796356</v>
      </c>
      <c r="AJ1219">
        <v>-0.1047232525216784</v>
      </c>
      <c r="AK1219">
        <v>0.1424757475697698</v>
      </c>
      <c r="AL1219">
        <v>567.52920189797328</v>
      </c>
      <c r="AM1219">
        <v>964.09418885970331</v>
      </c>
      <c r="AN1219">
        <v>7955</v>
      </c>
      <c r="AO1219">
        <v>63</v>
      </c>
      <c r="AP1219">
        <v>363.18634622927891</v>
      </c>
      <c r="AQ1219">
        <v>1.359375</v>
      </c>
      <c r="AR1219">
        <v>3.5625</v>
      </c>
      <c r="AS1219">
        <v>64</v>
      </c>
      <c r="AT1219">
        <v>7.25</v>
      </c>
      <c r="AU1219">
        <v>0.121228448275862</v>
      </c>
      <c r="AV1219">
        <v>0.12618464997150919</v>
      </c>
      <c r="AW1219">
        <v>0.375</v>
      </c>
      <c r="AX1219">
        <v>71.857142857142861</v>
      </c>
      <c r="AY1219">
        <v>48.5</v>
      </c>
      <c r="AZ1219">
        <v>93</v>
      </c>
      <c r="BA1219">
        <v>0.51552577738842897</v>
      </c>
      <c r="BB1219">
        <v>0.5</v>
      </c>
      <c r="BC1219">
        <v>3.9450926748029782</v>
      </c>
      <c r="BD1219" t="s">
        <v>4689</v>
      </c>
      <c r="BE1219" t="s">
        <v>62</v>
      </c>
    </row>
    <row r="1220" spans="1:57" x14ac:dyDescent="0.3">
      <c r="A1220" t="s">
        <v>4690</v>
      </c>
      <c r="B1220">
        <v>3485</v>
      </c>
      <c r="C1220" t="s">
        <v>4691</v>
      </c>
      <c r="D1220" t="s">
        <v>4692</v>
      </c>
      <c r="E1220" t="s">
        <v>98</v>
      </c>
      <c r="F1220">
        <v>16</v>
      </c>
      <c r="G1220">
        <v>118.4375</v>
      </c>
      <c r="H1220">
        <v>112.5</v>
      </c>
      <c r="I1220">
        <v>6347.12109375</v>
      </c>
      <c r="J1220">
        <v>79.668821340283429</v>
      </c>
      <c r="K1220">
        <v>9.6379769801831286E-2</v>
      </c>
      <c r="L1220">
        <v>-1.270066421842726</v>
      </c>
      <c r="M1220">
        <v>4</v>
      </c>
      <c r="N1220">
        <v>1</v>
      </c>
      <c r="O1220">
        <v>1</v>
      </c>
      <c r="P1220">
        <v>0</v>
      </c>
      <c r="Q1220">
        <v>0</v>
      </c>
      <c r="R1220">
        <v>2.7725887222397811</v>
      </c>
      <c r="S1220">
        <v>1</v>
      </c>
      <c r="T1220">
        <v>1</v>
      </c>
      <c r="U1220">
        <v>0</v>
      </c>
      <c r="V1220">
        <v>0</v>
      </c>
      <c r="W1220">
        <v>2.7080502011022101</v>
      </c>
      <c r="X1220">
        <v>1</v>
      </c>
      <c r="Y1220">
        <v>1</v>
      </c>
      <c r="Z1220">
        <v>0</v>
      </c>
      <c r="AA1220">
        <v>0</v>
      </c>
      <c r="AB1220">
        <v>2.639057329615258</v>
      </c>
      <c r="AC1220">
        <v>1</v>
      </c>
      <c r="AD1220">
        <v>1</v>
      </c>
      <c r="AE1220">
        <v>0</v>
      </c>
      <c r="AF1220">
        <v>0</v>
      </c>
      <c r="AG1220">
        <v>2.5649493574615372</v>
      </c>
      <c r="AH1220">
        <v>-0.25700693689252568</v>
      </c>
      <c r="AI1220">
        <v>0.18479519504105879</v>
      </c>
      <c r="AJ1220">
        <v>-4.5857596917401662E-2</v>
      </c>
      <c r="AK1220">
        <v>-1.7363694662257682E-2</v>
      </c>
      <c r="AL1220">
        <v>402.33278220273519</v>
      </c>
      <c r="AM1220">
        <v>405.11891138899762</v>
      </c>
      <c r="AN1220">
        <v>1895</v>
      </c>
      <c r="AO1220">
        <v>51.396622187283107</v>
      </c>
      <c r="AP1220">
        <v>321.46898548063888</v>
      </c>
      <c r="AQ1220">
        <v>2.25</v>
      </c>
      <c r="AR1220">
        <v>4.0625</v>
      </c>
      <c r="AS1220">
        <v>16</v>
      </c>
      <c r="AT1220">
        <v>0</v>
      </c>
      <c r="AU1220">
        <v>0.18227091633466139</v>
      </c>
      <c r="AV1220">
        <v>-0.27108789993826299</v>
      </c>
      <c r="AW1220">
        <v>0.3125</v>
      </c>
      <c r="AX1220">
        <v>100.73333333333331</v>
      </c>
      <c r="AY1220">
        <v>69.5</v>
      </c>
      <c r="AZ1220">
        <v>141</v>
      </c>
      <c r="BA1220">
        <v>0.67266550999711605</v>
      </c>
      <c r="BB1220">
        <v>0.5</v>
      </c>
      <c r="BC1220">
        <v>2.7080502011022101</v>
      </c>
      <c r="BD1220" t="s">
        <v>4691</v>
      </c>
      <c r="BE1220" t="s">
        <v>62</v>
      </c>
    </row>
    <row r="1221" spans="1:57" x14ac:dyDescent="0.3">
      <c r="A1221" t="s">
        <v>4693</v>
      </c>
      <c r="B1221">
        <v>868</v>
      </c>
      <c r="C1221" t="s">
        <v>4694</v>
      </c>
      <c r="D1221" t="s">
        <v>4695</v>
      </c>
      <c r="E1221" t="s">
        <v>128</v>
      </c>
      <c r="F1221">
        <v>32</v>
      </c>
      <c r="G1221">
        <v>115.375</v>
      </c>
      <c r="H1221">
        <v>101</v>
      </c>
      <c r="I1221">
        <v>4656.421875</v>
      </c>
      <c r="J1221">
        <v>68.237979710715351</v>
      </c>
      <c r="K1221">
        <v>0.35946190921991639</v>
      </c>
      <c r="L1221">
        <v>-0.87326455486141752</v>
      </c>
      <c r="M1221">
        <v>4.726409765557392</v>
      </c>
      <c r="N1221">
        <v>3</v>
      </c>
      <c r="O1221">
        <v>1</v>
      </c>
      <c r="P1221">
        <v>2</v>
      </c>
      <c r="Q1221">
        <v>0.44031528592635538</v>
      </c>
      <c r="R1221">
        <v>3.2760976031670981</v>
      </c>
      <c r="S1221">
        <v>1</v>
      </c>
      <c r="T1221">
        <v>1</v>
      </c>
      <c r="U1221">
        <v>0</v>
      </c>
      <c r="V1221">
        <v>0</v>
      </c>
      <c r="W1221">
        <v>3.4339872044851458</v>
      </c>
      <c r="X1221">
        <v>1</v>
      </c>
      <c r="Y1221">
        <v>1</v>
      </c>
      <c r="Z1221">
        <v>0</v>
      </c>
      <c r="AA1221">
        <v>0</v>
      </c>
      <c r="AB1221">
        <v>3.401197381662155</v>
      </c>
      <c r="AC1221">
        <v>1</v>
      </c>
      <c r="AD1221">
        <v>1</v>
      </c>
      <c r="AE1221">
        <v>0</v>
      </c>
      <c r="AF1221">
        <v>0</v>
      </c>
      <c r="AG1221">
        <v>3.3672958299864728</v>
      </c>
      <c r="AH1221">
        <v>6.0610912852210153E-2</v>
      </c>
      <c r="AI1221">
        <v>-0.21295208062789631</v>
      </c>
      <c r="AJ1221">
        <v>7.1214128840881713E-2</v>
      </c>
      <c r="AK1221">
        <v>-0.2458032169953458</v>
      </c>
      <c r="AL1221">
        <v>444.76731389524878</v>
      </c>
      <c r="AM1221">
        <v>614.12705240072705</v>
      </c>
      <c r="AN1221">
        <v>3692</v>
      </c>
      <c r="AO1221">
        <v>20.24845673131659</v>
      </c>
      <c r="AP1221">
        <v>381.49087449548591</v>
      </c>
      <c r="AQ1221">
        <v>1.65625</v>
      </c>
      <c r="AR1221">
        <v>3.96875</v>
      </c>
      <c r="AS1221">
        <v>30</v>
      </c>
      <c r="AT1221">
        <v>4.7500000000000018</v>
      </c>
      <c r="AU1221">
        <v>0.1702205882352941</v>
      </c>
      <c r="AV1221">
        <v>6.3091421288106173E-2</v>
      </c>
      <c r="AW1221">
        <v>0.53125</v>
      </c>
      <c r="AX1221">
        <v>72.516129032258064</v>
      </c>
      <c r="AY1221">
        <v>47</v>
      </c>
      <c r="AZ1221">
        <v>107.75</v>
      </c>
      <c r="BA1221">
        <v>0.59144511125213739</v>
      </c>
      <c r="BB1221">
        <v>0.40625</v>
      </c>
      <c r="BC1221">
        <v>3.2998296856670919</v>
      </c>
      <c r="BD1221" t="s">
        <v>4696</v>
      </c>
      <c r="BE1221" t="s">
        <v>62</v>
      </c>
    </row>
    <row r="1222" spans="1:57" x14ac:dyDescent="0.3">
      <c r="A1222" t="s">
        <v>4697</v>
      </c>
      <c r="B1222">
        <v>2435</v>
      </c>
      <c r="C1222" t="s">
        <v>4698</v>
      </c>
      <c r="D1222" t="s">
        <v>4699</v>
      </c>
      <c r="E1222" t="s">
        <v>93</v>
      </c>
      <c r="F1222">
        <v>2443</v>
      </c>
      <c r="G1222">
        <v>128.70200573065901</v>
      </c>
      <c r="H1222">
        <v>131</v>
      </c>
      <c r="I1222">
        <v>5510.6471797674667</v>
      </c>
      <c r="J1222">
        <v>74.233733435463606</v>
      </c>
      <c r="K1222">
        <v>-5.4362710828764448E-2</v>
      </c>
      <c r="L1222">
        <v>-1.218740528714892</v>
      </c>
      <c r="M1222">
        <v>7.9226288158315272</v>
      </c>
      <c r="N1222">
        <v>19</v>
      </c>
      <c r="O1222">
        <v>3</v>
      </c>
      <c r="P1222">
        <v>16</v>
      </c>
      <c r="Q1222">
        <v>3.1222033384332031</v>
      </c>
      <c r="R1222">
        <v>5.491547826316598</v>
      </c>
      <c r="S1222">
        <v>3</v>
      </c>
      <c r="T1222">
        <v>1</v>
      </c>
      <c r="U1222">
        <v>2</v>
      </c>
      <c r="V1222">
        <v>0.12806726631800999</v>
      </c>
      <c r="W1222">
        <v>7.7797073421039666</v>
      </c>
      <c r="X1222">
        <v>1</v>
      </c>
      <c r="Y1222">
        <v>1</v>
      </c>
      <c r="Z1222">
        <v>0</v>
      </c>
      <c r="AA1222">
        <v>0</v>
      </c>
      <c r="AB1222">
        <v>7.8001630703929612</v>
      </c>
      <c r="AC1222">
        <v>1</v>
      </c>
      <c r="AD1222">
        <v>1</v>
      </c>
      <c r="AE1222">
        <v>0</v>
      </c>
      <c r="AF1222">
        <v>0</v>
      </c>
      <c r="AG1222">
        <v>7.7997533182872463</v>
      </c>
      <c r="AH1222">
        <v>-3.8656555757311327E-2</v>
      </c>
      <c r="AI1222">
        <v>-3.1318956794797077E-2</v>
      </c>
      <c r="AJ1222">
        <v>3.7617213652597639E-2</v>
      </c>
      <c r="AK1222">
        <v>3.902490584848043E-2</v>
      </c>
      <c r="AL1222">
        <v>3373.4344151190121</v>
      </c>
      <c r="AM1222">
        <v>6522.9446760562569</v>
      </c>
      <c r="AN1222">
        <v>314419</v>
      </c>
      <c r="AO1222">
        <v>214.34898728728129</v>
      </c>
      <c r="AP1222">
        <v>3004.1935627356852</v>
      </c>
      <c r="AQ1222">
        <v>1.0094146541137941</v>
      </c>
      <c r="AR1222">
        <v>3.9963160049119928</v>
      </c>
      <c r="AS1222">
        <v>2431</v>
      </c>
      <c r="AT1222">
        <v>261.50429799426928</v>
      </c>
      <c r="AU1222">
        <v>1.9456951835175259E-2</v>
      </c>
      <c r="AV1222">
        <v>-3.8675219450122908E-2</v>
      </c>
      <c r="AW1222">
        <v>0.35366352844862881</v>
      </c>
      <c r="AX1222">
        <v>87.523341523341529</v>
      </c>
      <c r="AY1222">
        <v>65</v>
      </c>
      <c r="AZ1222">
        <v>129</v>
      </c>
      <c r="BA1222">
        <v>0.57678769661769036</v>
      </c>
      <c r="BB1222">
        <v>0.50839132214490379</v>
      </c>
      <c r="BC1222">
        <v>5.3219779631864572</v>
      </c>
      <c r="BD1222" t="s">
        <v>4700</v>
      </c>
      <c r="BE1222" t="s">
        <v>68</v>
      </c>
    </row>
    <row r="1223" spans="1:57" x14ac:dyDescent="0.3">
      <c r="A1223" t="s">
        <v>4701</v>
      </c>
      <c r="B1223">
        <v>3309</v>
      </c>
      <c r="C1223" t="s">
        <v>4702</v>
      </c>
      <c r="D1223" t="s">
        <v>4703</v>
      </c>
      <c r="E1223" t="s">
        <v>10622</v>
      </c>
      <c r="F1223">
        <v>64</v>
      </c>
      <c r="G1223">
        <v>144.03125</v>
      </c>
      <c r="H1223">
        <v>159.5</v>
      </c>
      <c r="I1223">
        <v>5552.9990234375</v>
      </c>
      <c r="J1223">
        <v>74.518447537757382</v>
      </c>
      <c r="K1223">
        <v>-0.32751049101536378</v>
      </c>
      <c r="L1223">
        <v>-1.1386423357258559</v>
      </c>
      <c r="M1223">
        <v>5.78125</v>
      </c>
      <c r="N1223">
        <v>2</v>
      </c>
      <c r="O1223">
        <v>1</v>
      </c>
      <c r="P1223">
        <v>1</v>
      </c>
      <c r="Q1223">
        <v>0.32821556024332821</v>
      </c>
      <c r="R1223">
        <v>4.0072571376121839</v>
      </c>
      <c r="S1223">
        <v>1</v>
      </c>
      <c r="T1223">
        <v>1</v>
      </c>
      <c r="U1223">
        <v>0</v>
      </c>
      <c r="V1223">
        <v>0</v>
      </c>
      <c r="W1223">
        <v>4.1431347263915326</v>
      </c>
      <c r="X1223">
        <v>1</v>
      </c>
      <c r="Y1223">
        <v>1</v>
      </c>
      <c r="Z1223">
        <v>0</v>
      </c>
      <c r="AA1223">
        <v>0</v>
      </c>
      <c r="AB1223">
        <v>4.1271343850450908</v>
      </c>
      <c r="AC1223">
        <v>1</v>
      </c>
      <c r="AD1223">
        <v>1</v>
      </c>
      <c r="AE1223">
        <v>0</v>
      </c>
      <c r="AF1223">
        <v>0</v>
      </c>
      <c r="AG1223">
        <v>4.1108738641733096</v>
      </c>
      <c r="AH1223">
        <v>-8.8752631667572648E-2</v>
      </c>
      <c r="AI1223">
        <v>3.4264717378049689E-2</v>
      </c>
      <c r="AJ1223">
        <v>-2.86666917783201E-2</v>
      </c>
      <c r="AK1223">
        <v>-0.1431055002918433</v>
      </c>
      <c r="AL1223">
        <v>692.64200907207942</v>
      </c>
      <c r="AM1223">
        <v>1096.958999812023</v>
      </c>
      <c r="AN1223">
        <v>9218</v>
      </c>
      <c r="AO1223">
        <v>112.24781360300101</v>
      </c>
      <c r="AP1223">
        <v>541.83108712505043</v>
      </c>
      <c r="AQ1223">
        <v>1.359375</v>
      </c>
      <c r="AR1223">
        <v>4.15625</v>
      </c>
      <c r="AS1223">
        <v>64</v>
      </c>
      <c r="AT1223">
        <v>5.4687499999999991</v>
      </c>
      <c r="AU1223">
        <v>9.6078431372549011E-2</v>
      </c>
      <c r="AV1223">
        <v>-9.0000096475784774E-2</v>
      </c>
      <c r="AW1223">
        <v>0.234375</v>
      </c>
      <c r="AX1223">
        <v>86.682539682539684</v>
      </c>
      <c r="AY1223">
        <v>60.5</v>
      </c>
      <c r="AZ1223">
        <v>124.25</v>
      </c>
      <c r="BA1223">
        <v>0.51737694103020959</v>
      </c>
      <c r="BB1223">
        <v>0.546875</v>
      </c>
      <c r="BC1223">
        <v>3.9670973472017059</v>
      </c>
      <c r="BD1223" t="s">
        <v>4704</v>
      </c>
      <c r="BE1223" t="s">
        <v>62</v>
      </c>
    </row>
    <row r="1224" spans="1:57" x14ac:dyDescent="0.3">
      <c r="A1224" t="s">
        <v>4705</v>
      </c>
      <c r="B1224">
        <v>709</v>
      </c>
      <c r="C1224" t="s">
        <v>4706</v>
      </c>
      <c r="D1224" t="s">
        <v>4707</v>
      </c>
      <c r="E1224" t="s">
        <v>128</v>
      </c>
      <c r="F1224">
        <v>32</v>
      </c>
      <c r="G1224">
        <v>120.5625</v>
      </c>
      <c r="H1224">
        <v>113</v>
      </c>
      <c r="I1224">
        <v>5685.43359375</v>
      </c>
      <c r="J1224">
        <v>75.401814260334618</v>
      </c>
      <c r="K1224">
        <v>2.9708893796821841E-2</v>
      </c>
      <c r="L1224">
        <v>-1.2031431364585969</v>
      </c>
      <c r="M1224">
        <v>4.9375</v>
      </c>
      <c r="N1224">
        <v>2</v>
      </c>
      <c r="O1224">
        <v>1</v>
      </c>
      <c r="P1224">
        <v>1</v>
      </c>
      <c r="Q1224">
        <v>0.1766846959694085</v>
      </c>
      <c r="R1224">
        <v>3.422414204014729</v>
      </c>
      <c r="S1224">
        <v>1</v>
      </c>
      <c r="T1224">
        <v>1</v>
      </c>
      <c r="U1224">
        <v>0</v>
      </c>
      <c r="V1224">
        <v>0</v>
      </c>
      <c r="W1224">
        <v>3.4339872044851458</v>
      </c>
      <c r="X1224">
        <v>1</v>
      </c>
      <c r="Y1224">
        <v>1</v>
      </c>
      <c r="Z1224">
        <v>0</v>
      </c>
      <c r="AA1224">
        <v>0</v>
      </c>
      <c r="AB1224">
        <v>3.401197381662155</v>
      </c>
      <c r="AC1224">
        <v>1</v>
      </c>
      <c r="AD1224">
        <v>1</v>
      </c>
      <c r="AE1224">
        <v>0</v>
      </c>
      <c r="AF1224">
        <v>0</v>
      </c>
      <c r="AG1224">
        <v>3.3672958299864728</v>
      </c>
      <c r="AH1224">
        <v>-5.2765071409873507E-2</v>
      </c>
      <c r="AI1224">
        <v>9.4502698782730807E-2</v>
      </c>
      <c r="AJ1224">
        <v>-0.12632141502647601</v>
      </c>
      <c r="AK1224">
        <v>-0.1847747653508727</v>
      </c>
      <c r="AL1224">
        <v>492.76663736055258</v>
      </c>
      <c r="AM1224">
        <v>635.80267465965699</v>
      </c>
      <c r="AN1224">
        <v>3858</v>
      </c>
      <c r="AO1224">
        <v>62.93749138377374</v>
      </c>
      <c r="AP1224">
        <v>332.09517429837018</v>
      </c>
      <c r="AQ1224">
        <v>1.65625</v>
      </c>
      <c r="AR1224">
        <v>3.8125</v>
      </c>
      <c r="AS1224">
        <v>32</v>
      </c>
      <c r="AT1224">
        <v>0.93749999999999978</v>
      </c>
      <c r="AU1224">
        <v>0.10240963855421691</v>
      </c>
      <c r="AV1224">
        <v>-5.4849701880287462E-2</v>
      </c>
      <c r="AW1224">
        <v>0.34375</v>
      </c>
      <c r="AX1224">
        <v>90.096774193548384</v>
      </c>
      <c r="AY1224">
        <v>63</v>
      </c>
      <c r="AZ1224">
        <v>128</v>
      </c>
      <c r="BA1224">
        <v>0.62541681086850898</v>
      </c>
      <c r="BB1224">
        <v>0.5</v>
      </c>
      <c r="BC1224">
        <v>3.3445488586064429</v>
      </c>
      <c r="BD1224" t="s">
        <v>4708</v>
      </c>
      <c r="BE1224" t="s">
        <v>62</v>
      </c>
    </row>
    <row r="1225" spans="1:57" x14ac:dyDescent="0.3">
      <c r="A1225" t="s">
        <v>4709</v>
      </c>
      <c r="B1225">
        <v>3321</v>
      </c>
      <c r="C1225" t="s">
        <v>4710</v>
      </c>
      <c r="D1225" t="s">
        <v>4711</v>
      </c>
      <c r="E1225" t="s">
        <v>115</v>
      </c>
      <c r="F1225">
        <v>3457</v>
      </c>
      <c r="G1225">
        <v>128.47468903673709</v>
      </c>
      <c r="H1225">
        <v>128</v>
      </c>
      <c r="I1225">
        <v>5513.0523677439151</v>
      </c>
      <c r="J1225">
        <v>74.24993176928794</v>
      </c>
      <c r="K1225">
        <v>-2.4701606488927611E-2</v>
      </c>
      <c r="L1225">
        <v>-1.216413663075756</v>
      </c>
      <c r="M1225">
        <v>7.9542462791967337</v>
      </c>
      <c r="N1225">
        <v>23</v>
      </c>
      <c r="O1225">
        <v>4</v>
      </c>
      <c r="P1225">
        <v>19</v>
      </c>
      <c r="Q1225">
        <v>3.3703649270087861</v>
      </c>
      <c r="R1225">
        <v>5.5134633819046579</v>
      </c>
      <c r="S1225">
        <v>2</v>
      </c>
      <c r="T1225">
        <v>1</v>
      </c>
      <c r="U1225">
        <v>1</v>
      </c>
      <c r="V1225">
        <v>0.1558540102523715</v>
      </c>
      <c r="W1225">
        <v>8.1141724753133921</v>
      </c>
      <c r="X1225">
        <v>2</v>
      </c>
      <c r="Y1225">
        <v>1</v>
      </c>
      <c r="Z1225">
        <v>1</v>
      </c>
      <c r="AA1225">
        <v>1.701280624464848E-2</v>
      </c>
      <c r="AB1225">
        <v>8.1471764932607798</v>
      </c>
      <c r="AC1225">
        <v>1</v>
      </c>
      <c r="AD1225">
        <v>1</v>
      </c>
      <c r="AE1225">
        <v>0</v>
      </c>
      <c r="AF1225">
        <v>0</v>
      </c>
      <c r="AG1225">
        <v>8.147288258706622</v>
      </c>
      <c r="AH1225">
        <v>-1.054126511241224E-2</v>
      </c>
      <c r="AI1225">
        <v>6.4351163878671484E-3</v>
      </c>
      <c r="AJ1225">
        <v>9.6873548336848182E-4</v>
      </c>
      <c r="AK1225">
        <v>-8.5062454490989365E-5</v>
      </c>
      <c r="AL1225">
        <v>3996.4456529756362</v>
      </c>
      <c r="AM1225">
        <v>7755.4759456020574</v>
      </c>
      <c r="AN1225">
        <v>444137</v>
      </c>
      <c r="AO1225">
        <v>35.691475773204957</v>
      </c>
      <c r="AP1225">
        <v>3692.298194675127</v>
      </c>
      <c r="AQ1225">
        <v>1.00665316748626</v>
      </c>
      <c r="AR1225">
        <v>4.0083887763957176</v>
      </c>
      <c r="AS1225">
        <v>3448</v>
      </c>
      <c r="AT1225">
        <v>215.34480763667921</v>
      </c>
      <c r="AU1225">
        <v>1.748654335902711E-2</v>
      </c>
      <c r="AV1225">
        <v>-1.054193568099827E-2</v>
      </c>
      <c r="AW1225">
        <v>0.36881689326005213</v>
      </c>
      <c r="AX1225">
        <v>86.918981481481481</v>
      </c>
      <c r="AY1225">
        <v>64</v>
      </c>
      <c r="AZ1225">
        <v>128</v>
      </c>
      <c r="BA1225">
        <v>0.57793431784883587</v>
      </c>
      <c r="BB1225">
        <v>0.49956609777263522</v>
      </c>
      <c r="BC1225">
        <v>5.3204140413472452</v>
      </c>
      <c r="BD1225" t="s">
        <v>4712</v>
      </c>
      <c r="BE1225" t="s">
        <v>68</v>
      </c>
    </row>
    <row r="1226" spans="1:57" x14ac:dyDescent="0.3">
      <c r="A1226" t="s">
        <v>4713</v>
      </c>
      <c r="B1226">
        <v>1542</v>
      </c>
      <c r="C1226" t="s">
        <v>4714</v>
      </c>
      <c r="D1226" t="s">
        <v>4715</v>
      </c>
      <c r="E1226" t="s">
        <v>106</v>
      </c>
      <c r="F1226">
        <v>1564</v>
      </c>
      <c r="G1226">
        <v>125.2800511508951</v>
      </c>
      <c r="H1226">
        <v>123.5</v>
      </c>
      <c r="I1226">
        <v>5420.1261749334453</v>
      </c>
      <c r="J1226">
        <v>73.621506198484184</v>
      </c>
      <c r="K1226">
        <v>4.0764334965009648E-2</v>
      </c>
      <c r="L1226">
        <v>-1.1575110673270781</v>
      </c>
      <c r="M1226">
        <v>7.862908428360516</v>
      </c>
      <c r="N1226">
        <v>16</v>
      </c>
      <c r="O1226">
        <v>1</v>
      </c>
      <c r="P1226">
        <v>15</v>
      </c>
      <c r="Q1226">
        <v>2.5846201728510318</v>
      </c>
      <c r="R1226">
        <v>5.4501528081191033</v>
      </c>
      <c r="S1226">
        <v>2</v>
      </c>
      <c r="T1226">
        <v>1</v>
      </c>
      <c r="U1226">
        <v>1</v>
      </c>
      <c r="V1226">
        <v>0.1239005737393427</v>
      </c>
      <c r="W1226">
        <v>7.3330756607689658</v>
      </c>
      <c r="X1226">
        <v>1</v>
      </c>
      <c r="Y1226">
        <v>1</v>
      </c>
      <c r="Z1226">
        <v>0</v>
      </c>
      <c r="AA1226">
        <v>0</v>
      </c>
      <c r="AB1226">
        <v>7.3537223303996324</v>
      </c>
      <c r="AC1226">
        <v>1</v>
      </c>
      <c r="AD1226">
        <v>1</v>
      </c>
      <c r="AE1226">
        <v>0</v>
      </c>
      <c r="AF1226">
        <v>0</v>
      </c>
      <c r="AG1226">
        <v>7.3530819205154341</v>
      </c>
      <c r="AH1226">
        <v>2.5490674185301841E-2</v>
      </c>
      <c r="AI1226">
        <v>-2.0301205712657241E-2</v>
      </c>
      <c r="AJ1226">
        <v>-1.249695035573113E-2</v>
      </c>
      <c r="AK1226">
        <v>2.503554896520797E-2</v>
      </c>
      <c r="AL1226">
        <v>2674.6663338493759</v>
      </c>
      <c r="AM1226">
        <v>5086.2913800305159</v>
      </c>
      <c r="AN1226">
        <v>195938</v>
      </c>
      <c r="AO1226">
        <v>37.812094046229348</v>
      </c>
      <c r="AP1226">
        <v>2247.773595501596</v>
      </c>
      <c r="AQ1226">
        <v>1.0147058823529409</v>
      </c>
      <c r="AR1226">
        <v>4.0044757033248084</v>
      </c>
      <c r="AS1226">
        <v>1557</v>
      </c>
      <c r="AT1226">
        <v>277.73913043478262</v>
      </c>
      <c r="AU1226">
        <v>2.8644501278772379E-2</v>
      </c>
      <c r="AV1226">
        <v>2.5493618192946769E-2</v>
      </c>
      <c r="AW1226">
        <v>0.38874680306905368</v>
      </c>
      <c r="AX1226">
        <v>83.696097248880363</v>
      </c>
      <c r="AY1226">
        <v>62.5</v>
      </c>
      <c r="AZ1226">
        <v>123</v>
      </c>
      <c r="BA1226">
        <v>0.5876554608826734</v>
      </c>
      <c r="BB1226">
        <v>0.48209718670076729</v>
      </c>
      <c r="BC1226">
        <v>5.2720836808734308</v>
      </c>
      <c r="BD1226" t="s">
        <v>4716</v>
      </c>
      <c r="BE1226" t="s">
        <v>68</v>
      </c>
    </row>
    <row r="1227" spans="1:57" x14ac:dyDescent="0.3">
      <c r="A1227" t="s">
        <v>4717</v>
      </c>
      <c r="B1227">
        <v>3877</v>
      </c>
      <c r="C1227" t="s">
        <v>4718</v>
      </c>
      <c r="D1227" t="s">
        <v>4719</v>
      </c>
      <c r="E1227" t="s">
        <v>98</v>
      </c>
      <c r="F1227">
        <v>16</v>
      </c>
      <c r="G1227">
        <v>125.625</v>
      </c>
      <c r="H1227">
        <v>103</v>
      </c>
      <c r="I1227">
        <v>6138.109375</v>
      </c>
      <c r="J1227">
        <v>78.34608717096215</v>
      </c>
      <c r="K1227">
        <v>0.2244341490213031</v>
      </c>
      <c r="L1227">
        <v>-1.5074522296238939</v>
      </c>
      <c r="M1227">
        <v>3.875</v>
      </c>
      <c r="N1227">
        <v>2</v>
      </c>
      <c r="O1227">
        <v>1</v>
      </c>
      <c r="P1227">
        <v>1</v>
      </c>
      <c r="Q1227">
        <v>0.24944382578492949</v>
      </c>
      <c r="R1227">
        <v>2.6859453246697882</v>
      </c>
      <c r="S1227">
        <v>1</v>
      </c>
      <c r="T1227">
        <v>1</v>
      </c>
      <c r="U1227">
        <v>0</v>
      </c>
      <c r="V1227">
        <v>0</v>
      </c>
      <c r="W1227">
        <v>2.7080502011022101</v>
      </c>
      <c r="X1227">
        <v>1</v>
      </c>
      <c r="Y1227">
        <v>1</v>
      </c>
      <c r="Z1227">
        <v>0</v>
      </c>
      <c r="AA1227">
        <v>0</v>
      </c>
      <c r="AB1227">
        <v>2.639057329615258</v>
      </c>
      <c r="AC1227">
        <v>1</v>
      </c>
      <c r="AD1227">
        <v>1</v>
      </c>
      <c r="AE1227">
        <v>0</v>
      </c>
      <c r="AF1227">
        <v>0</v>
      </c>
      <c r="AG1227">
        <v>2.5649493574615372</v>
      </c>
      <c r="AH1227">
        <v>-0.1007297200634357</v>
      </c>
      <c r="AI1227">
        <v>2.4727369227597051E-2</v>
      </c>
      <c r="AJ1227">
        <v>-2.9911267720363809E-2</v>
      </c>
      <c r="AK1227">
        <v>-0.17759342886016921</v>
      </c>
      <c r="AL1227">
        <v>395.17884030190982</v>
      </c>
      <c r="AM1227">
        <v>441.07786634293689</v>
      </c>
      <c r="AN1227">
        <v>2010</v>
      </c>
      <c r="AO1227">
        <v>30</v>
      </c>
      <c r="AP1227">
        <v>323.49681689215339</v>
      </c>
      <c r="AQ1227">
        <v>2.25</v>
      </c>
      <c r="AR1227">
        <v>4.25</v>
      </c>
      <c r="AS1227">
        <v>16</v>
      </c>
      <c r="AT1227">
        <v>0.87499999999999989</v>
      </c>
      <c r="AU1227">
        <v>0.24698795180722891</v>
      </c>
      <c r="AV1227">
        <v>-0.10329383362018579</v>
      </c>
      <c r="AW1227">
        <v>0.4375</v>
      </c>
      <c r="AX1227">
        <v>93.2</v>
      </c>
      <c r="AY1227">
        <v>67.5</v>
      </c>
      <c r="AZ1227">
        <v>149.5</v>
      </c>
      <c r="BA1227">
        <v>0.62365044514198731</v>
      </c>
      <c r="BB1227">
        <v>0.5</v>
      </c>
      <c r="BC1227">
        <v>2.7080502011022101</v>
      </c>
      <c r="BD1227" t="s">
        <v>4718</v>
      </c>
      <c r="BE1227" t="s">
        <v>62</v>
      </c>
    </row>
    <row r="1228" spans="1:57" x14ac:dyDescent="0.3">
      <c r="A1228" t="s">
        <v>4720</v>
      </c>
      <c r="B1228">
        <v>3043</v>
      </c>
      <c r="C1228" t="s">
        <v>4721</v>
      </c>
      <c r="D1228" t="s">
        <v>4722</v>
      </c>
      <c r="E1228" t="s">
        <v>72</v>
      </c>
      <c r="F1228">
        <v>3056</v>
      </c>
      <c r="G1228">
        <v>125.88383507853401</v>
      </c>
      <c r="H1228">
        <v>125</v>
      </c>
      <c r="I1228">
        <v>5440.6766235120676</v>
      </c>
      <c r="J1228">
        <v>73.760942398481248</v>
      </c>
      <c r="K1228">
        <v>1.7314858212027291E-2</v>
      </c>
      <c r="L1228">
        <v>-1.1886842360647329</v>
      </c>
      <c r="M1228">
        <v>7.9526556992277229</v>
      </c>
      <c r="N1228">
        <v>20</v>
      </c>
      <c r="O1228">
        <v>4</v>
      </c>
      <c r="P1228">
        <v>16</v>
      </c>
      <c r="Q1228">
        <v>3.008451636639685</v>
      </c>
      <c r="R1228">
        <v>5.5123608758836724</v>
      </c>
      <c r="S1228">
        <v>3</v>
      </c>
      <c r="T1228">
        <v>1</v>
      </c>
      <c r="U1228">
        <v>2</v>
      </c>
      <c r="V1228">
        <v>0.19091886151010601</v>
      </c>
      <c r="W1228">
        <v>7.9793193920525107</v>
      </c>
      <c r="X1228">
        <v>3</v>
      </c>
      <c r="Y1228">
        <v>1</v>
      </c>
      <c r="Z1228">
        <v>2</v>
      </c>
      <c r="AA1228">
        <v>0.12554793959321631</v>
      </c>
      <c r="AB1228">
        <v>8.0068381059937366</v>
      </c>
      <c r="AC1228">
        <v>3</v>
      </c>
      <c r="AD1228">
        <v>1</v>
      </c>
      <c r="AE1228">
        <v>2</v>
      </c>
      <c r="AF1228">
        <v>0.1146010677553828</v>
      </c>
      <c r="AG1228">
        <v>8.0094007685120072</v>
      </c>
      <c r="AH1228">
        <v>1.2795065097687431E-2</v>
      </c>
      <c r="AI1228">
        <v>4.5599165981878688E-3</v>
      </c>
      <c r="AJ1228">
        <v>-7.2435137755592783E-3</v>
      </c>
      <c r="AK1228">
        <v>7.2600586929944186E-3</v>
      </c>
      <c r="AL1228">
        <v>3757.7880100587622</v>
      </c>
      <c r="AM1228">
        <v>7136.7621700221034</v>
      </c>
      <c r="AN1228">
        <v>384701</v>
      </c>
      <c r="AO1228">
        <v>7.6391171006350893</v>
      </c>
      <c r="AP1228">
        <v>3382.3354044963462</v>
      </c>
      <c r="AQ1228">
        <v>1.007526178010471</v>
      </c>
      <c r="AR1228">
        <v>4.0019633507853403</v>
      </c>
      <c r="AS1228">
        <v>3040</v>
      </c>
      <c r="AT1228">
        <v>194.09424083769639</v>
      </c>
      <c r="AU1228">
        <v>1.5294887588543251E-2</v>
      </c>
      <c r="AV1228">
        <v>1.280153958336592E-2</v>
      </c>
      <c r="AW1228">
        <v>0.37761780104712039</v>
      </c>
      <c r="AX1228">
        <v>84.45106382978723</v>
      </c>
      <c r="AY1228">
        <v>64</v>
      </c>
      <c r="AZ1228">
        <v>127</v>
      </c>
      <c r="BA1228">
        <v>0.58594451267285164</v>
      </c>
      <c r="BB1228">
        <v>0.49770942408376961</v>
      </c>
      <c r="BC1228">
        <v>5.3059380411389512</v>
      </c>
      <c r="BD1228" t="s">
        <v>4723</v>
      </c>
      <c r="BE1228" t="s">
        <v>62</v>
      </c>
    </row>
    <row r="1229" spans="1:57" x14ac:dyDescent="0.3">
      <c r="A1229" t="s">
        <v>4724</v>
      </c>
      <c r="B1229">
        <v>2691</v>
      </c>
      <c r="C1229" t="s">
        <v>4725</v>
      </c>
      <c r="D1229" t="s">
        <v>4726</v>
      </c>
      <c r="E1229" t="s">
        <v>128</v>
      </c>
      <c r="F1229">
        <v>32</v>
      </c>
      <c r="G1229">
        <v>124.59375</v>
      </c>
      <c r="H1229">
        <v>131.5</v>
      </c>
      <c r="I1229">
        <v>5385.7412109375</v>
      </c>
      <c r="J1229">
        <v>73.387609382902639</v>
      </c>
      <c r="K1229">
        <v>1.4655013704054269E-2</v>
      </c>
      <c r="L1229">
        <v>-0.90671482806961468</v>
      </c>
      <c r="M1229">
        <v>4.9375</v>
      </c>
      <c r="N1229">
        <v>2</v>
      </c>
      <c r="O1229">
        <v>1</v>
      </c>
      <c r="P1229">
        <v>1</v>
      </c>
      <c r="Q1229">
        <v>0.1766846959694085</v>
      </c>
      <c r="R1229">
        <v>3.422414204014729</v>
      </c>
      <c r="S1229">
        <v>1</v>
      </c>
      <c r="T1229">
        <v>1</v>
      </c>
      <c r="U1229">
        <v>0</v>
      </c>
      <c r="V1229">
        <v>0</v>
      </c>
      <c r="W1229">
        <v>3.4339872044851458</v>
      </c>
      <c r="X1229">
        <v>1</v>
      </c>
      <c r="Y1229">
        <v>1</v>
      </c>
      <c r="Z1229">
        <v>0</v>
      </c>
      <c r="AA1229">
        <v>0</v>
      </c>
      <c r="AB1229">
        <v>3.401197381662155</v>
      </c>
      <c r="AC1229">
        <v>1</v>
      </c>
      <c r="AD1229">
        <v>1</v>
      </c>
      <c r="AE1229">
        <v>0</v>
      </c>
      <c r="AF1229">
        <v>0</v>
      </c>
      <c r="AG1229">
        <v>3.3672958299864728</v>
      </c>
      <c r="AH1229">
        <v>0.16619145692501491</v>
      </c>
      <c r="AI1229">
        <v>-1.5951328821637141E-2</v>
      </c>
      <c r="AJ1229">
        <v>9.0777277339488191E-2</v>
      </c>
      <c r="AK1229">
        <v>1.870067202188069E-2</v>
      </c>
      <c r="AL1229">
        <v>478.41685420144933</v>
      </c>
      <c r="AM1229">
        <v>663.487990558977</v>
      </c>
      <c r="AN1229">
        <v>3987</v>
      </c>
      <c r="AO1229">
        <v>67</v>
      </c>
      <c r="AP1229">
        <v>321.17539436442729</v>
      </c>
      <c r="AQ1229">
        <v>1.65625</v>
      </c>
      <c r="AR1229">
        <v>3.78125</v>
      </c>
      <c r="AS1229">
        <v>32</v>
      </c>
      <c r="AT1229">
        <v>0.93749999999999978</v>
      </c>
      <c r="AU1229">
        <v>0.12944664031620559</v>
      </c>
      <c r="AV1229">
        <v>0.1728522735049173</v>
      </c>
      <c r="AW1229">
        <v>0.3125</v>
      </c>
      <c r="AX1229">
        <v>74.774193548387103</v>
      </c>
      <c r="AY1229">
        <v>57</v>
      </c>
      <c r="AZ1229">
        <v>100.5</v>
      </c>
      <c r="BA1229">
        <v>0.58901517437995599</v>
      </c>
      <c r="BB1229">
        <v>0.5625</v>
      </c>
      <c r="BC1229">
        <v>3.3445488586064429</v>
      </c>
      <c r="BD1229" t="s">
        <v>4727</v>
      </c>
      <c r="BE1229" t="s">
        <v>62</v>
      </c>
    </row>
    <row r="1230" spans="1:57" x14ac:dyDescent="0.3">
      <c r="A1230" t="s">
        <v>4728</v>
      </c>
      <c r="B1230">
        <v>3583</v>
      </c>
      <c r="C1230" t="s">
        <v>4729</v>
      </c>
      <c r="D1230" t="s">
        <v>4730</v>
      </c>
      <c r="E1230" t="s">
        <v>66</v>
      </c>
      <c r="F1230">
        <v>71</v>
      </c>
      <c r="G1230">
        <v>107.1549295774648</v>
      </c>
      <c r="H1230">
        <v>96</v>
      </c>
      <c r="I1230">
        <v>6206.6661376710972</v>
      </c>
      <c r="J1230">
        <v>78.782397384638514</v>
      </c>
      <c r="K1230">
        <v>0.30968235302314062</v>
      </c>
      <c r="L1230">
        <v>-1.28819575804572</v>
      </c>
      <c r="M1230">
        <v>5.7553809223215797</v>
      </c>
      <c r="N1230">
        <v>4</v>
      </c>
      <c r="O1230">
        <v>1</v>
      </c>
      <c r="P1230">
        <v>3</v>
      </c>
      <c r="Q1230">
        <v>0.52663877066556086</v>
      </c>
      <c r="R1230">
        <v>3.9893260593557041</v>
      </c>
      <c r="S1230">
        <v>1</v>
      </c>
      <c r="T1230">
        <v>1</v>
      </c>
      <c r="U1230">
        <v>0</v>
      </c>
      <c r="V1230">
        <v>0</v>
      </c>
      <c r="W1230">
        <v>4.2484952420493576</v>
      </c>
      <c r="X1230">
        <v>1</v>
      </c>
      <c r="Y1230">
        <v>1</v>
      </c>
      <c r="Z1230">
        <v>0</v>
      </c>
      <c r="AA1230">
        <v>0</v>
      </c>
      <c r="AB1230">
        <v>4.2341065045972579</v>
      </c>
      <c r="AC1230">
        <v>1</v>
      </c>
      <c r="AD1230">
        <v>1</v>
      </c>
      <c r="AE1230">
        <v>0</v>
      </c>
      <c r="AF1230">
        <v>0</v>
      </c>
      <c r="AG1230">
        <v>4.2195077051761087</v>
      </c>
      <c r="AH1230">
        <v>0.15194013922404551</v>
      </c>
      <c r="AI1230">
        <v>-2.6080143190960421E-2</v>
      </c>
      <c r="AJ1230">
        <v>5.1734688338382446E-3</v>
      </c>
      <c r="AK1230">
        <v>-0.1427568723664186</v>
      </c>
      <c r="AL1230">
        <v>692.23482998242889</v>
      </c>
      <c r="AM1230">
        <v>881.31659473721356</v>
      </c>
      <c r="AN1230">
        <v>7608</v>
      </c>
      <c r="AO1230">
        <v>44.959105973046213</v>
      </c>
      <c r="AP1230">
        <v>564.04487394971829</v>
      </c>
      <c r="AQ1230">
        <v>1.323943661971831</v>
      </c>
      <c r="AR1230">
        <v>3.802816901408451</v>
      </c>
      <c r="AS1230">
        <v>69</v>
      </c>
      <c r="AT1230">
        <v>13.140845070422539</v>
      </c>
      <c r="AU1230">
        <v>0.19775332154872549</v>
      </c>
      <c r="AV1230">
        <v>0.15256367101034221</v>
      </c>
      <c r="AW1230">
        <v>0.40845070422535212</v>
      </c>
      <c r="AX1230">
        <v>83.071428571428569</v>
      </c>
      <c r="AY1230">
        <v>63</v>
      </c>
      <c r="AZ1230">
        <v>145.5</v>
      </c>
      <c r="BA1230">
        <v>0.73521953395233108</v>
      </c>
      <c r="BB1230">
        <v>0.46478873239436619</v>
      </c>
      <c r="BC1230">
        <v>3.995894833178391</v>
      </c>
      <c r="BD1230" t="s">
        <v>4731</v>
      </c>
      <c r="BE1230" t="s">
        <v>68</v>
      </c>
    </row>
    <row r="1231" spans="1:57" x14ac:dyDescent="0.3">
      <c r="A1231" t="s">
        <v>4732</v>
      </c>
      <c r="B1231">
        <v>1257</v>
      </c>
      <c r="C1231" t="s">
        <v>4733</v>
      </c>
      <c r="D1231" t="s">
        <v>4734</v>
      </c>
      <c r="E1231" t="s">
        <v>85</v>
      </c>
      <c r="F1231">
        <v>8</v>
      </c>
      <c r="G1231">
        <v>87.625</v>
      </c>
      <c r="H1231">
        <v>98</v>
      </c>
      <c r="I1231">
        <v>5493.484375</v>
      </c>
      <c r="J1231">
        <v>74.118043518430781</v>
      </c>
      <c r="K1231">
        <v>0.68792367650062569</v>
      </c>
      <c r="L1231">
        <v>-0.22447352544260291</v>
      </c>
      <c r="M1231">
        <v>3</v>
      </c>
      <c r="N1231">
        <v>1</v>
      </c>
      <c r="O1231">
        <v>1</v>
      </c>
      <c r="P1231">
        <v>0</v>
      </c>
      <c r="Q1231">
        <v>0</v>
      </c>
      <c r="R1231">
        <v>2.0794415416798362</v>
      </c>
      <c r="S1231">
        <v>1</v>
      </c>
      <c r="T1231">
        <v>1</v>
      </c>
      <c r="U1231">
        <v>0</v>
      </c>
      <c r="V1231">
        <v>0</v>
      </c>
      <c r="W1231">
        <v>1.945910149055313</v>
      </c>
      <c r="X1231">
        <v>1</v>
      </c>
      <c r="Y1231">
        <v>1</v>
      </c>
      <c r="Z1231">
        <v>0</v>
      </c>
      <c r="AA1231">
        <v>0</v>
      </c>
      <c r="AB1231">
        <v>1.791759469228055</v>
      </c>
      <c r="AC1231">
        <v>1</v>
      </c>
      <c r="AD1231">
        <v>1</v>
      </c>
      <c r="AE1231">
        <v>0</v>
      </c>
      <c r="AF1231">
        <v>0</v>
      </c>
      <c r="AG1231">
        <v>1.6094379124341009</v>
      </c>
      <c r="AH1231">
        <v>1.2665217032677921E-2</v>
      </c>
      <c r="AI1231">
        <v>0.1738188422079566</v>
      </c>
      <c r="AJ1231">
        <v>-0.25759102402562128</v>
      </c>
      <c r="AK1231">
        <v>0</v>
      </c>
      <c r="AL1231">
        <v>274.45529598076212</v>
      </c>
      <c r="AM1231">
        <v>173.34154293795891</v>
      </c>
      <c r="AN1231">
        <v>701</v>
      </c>
      <c r="AO1231">
        <v>108.0321355658176</v>
      </c>
      <c r="AP1231">
        <v>248.39452417861551</v>
      </c>
      <c r="AQ1231">
        <v>3.5</v>
      </c>
      <c r="AR1231">
        <v>3.75</v>
      </c>
      <c r="AS1231">
        <v>8</v>
      </c>
      <c r="AT1231">
        <v>0</v>
      </c>
      <c r="AU1231">
        <v>0.35632780082987547</v>
      </c>
      <c r="AV1231">
        <v>1.7824447020122699E-2</v>
      </c>
      <c r="AW1231">
        <v>0.5</v>
      </c>
      <c r="AX1231">
        <v>93.857142857142861</v>
      </c>
      <c r="AY1231">
        <v>54</v>
      </c>
      <c r="AZ1231">
        <v>96.25</v>
      </c>
      <c r="BA1231">
        <v>0.84585499022460231</v>
      </c>
      <c r="BB1231">
        <v>0.625</v>
      </c>
      <c r="BC1231">
        <v>1.945910149055313</v>
      </c>
      <c r="BD1231" t="s">
        <v>4733</v>
      </c>
      <c r="BE1231" t="s">
        <v>68</v>
      </c>
    </row>
    <row r="1232" spans="1:57" x14ac:dyDescent="0.3">
      <c r="A1232" t="s">
        <v>4735</v>
      </c>
      <c r="B1232">
        <v>2211</v>
      </c>
      <c r="C1232" t="s">
        <v>4736</v>
      </c>
      <c r="D1232" t="s">
        <v>4737</v>
      </c>
      <c r="E1232" t="s">
        <v>66</v>
      </c>
      <c r="F1232">
        <v>71</v>
      </c>
      <c r="G1232">
        <v>121.1267605633803</v>
      </c>
      <c r="H1232">
        <v>110</v>
      </c>
      <c r="I1232">
        <v>6119.4346359849233</v>
      </c>
      <c r="J1232">
        <v>78.226815325596135</v>
      </c>
      <c r="K1232">
        <v>0.13261478586902711</v>
      </c>
      <c r="L1232">
        <v>-1.304797888215288</v>
      </c>
      <c r="M1232">
        <v>5.9137627884882891</v>
      </c>
      <c r="N1232">
        <v>3</v>
      </c>
      <c r="O1232">
        <v>1</v>
      </c>
      <c r="P1232">
        <v>2</v>
      </c>
      <c r="Q1232">
        <v>0.37763102391651798</v>
      </c>
      <c r="R1232">
        <v>4.0991080033409828</v>
      </c>
      <c r="S1232">
        <v>1</v>
      </c>
      <c r="T1232">
        <v>1</v>
      </c>
      <c r="U1232">
        <v>0</v>
      </c>
      <c r="V1232">
        <v>0</v>
      </c>
      <c r="W1232">
        <v>4.2484952420493576</v>
      </c>
      <c r="X1232">
        <v>1</v>
      </c>
      <c r="Y1232">
        <v>1</v>
      </c>
      <c r="Z1232">
        <v>0</v>
      </c>
      <c r="AA1232">
        <v>0</v>
      </c>
      <c r="AB1232">
        <v>4.2341065045972579</v>
      </c>
      <c r="AC1232">
        <v>1</v>
      </c>
      <c r="AD1232">
        <v>1</v>
      </c>
      <c r="AE1232">
        <v>0</v>
      </c>
      <c r="AF1232">
        <v>0</v>
      </c>
      <c r="AG1232">
        <v>4.2195077051761087</v>
      </c>
      <c r="AH1232">
        <v>8.8839491713903998E-2</v>
      </c>
      <c r="AI1232">
        <v>-9.4846785607337517E-2</v>
      </c>
      <c r="AJ1232">
        <v>-0.1151930316621219</v>
      </c>
      <c r="AK1232">
        <v>0.17005879432811499</v>
      </c>
      <c r="AL1232">
        <v>712.00616470730552</v>
      </c>
      <c r="AM1232">
        <v>984.4883043585603</v>
      </c>
      <c r="AN1232">
        <v>8600</v>
      </c>
      <c r="AO1232">
        <v>54.107005851488992</v>
      </c>
      <c r="AP1232">
        <v>626.30063514324479</v>
      </c>
      <c r="AQ1232">
        <v>1.323943661971831</v>
      </c>
      <c r="AR1232">
        <v>4.0140845070422539</v>
      </c>
      <c r="AS1232">
        <v>71</v>
      </c>
      <c r="AT1232">
        <v>7.9718309859154921</v>
      </c>
      <c r="AU1232">
        <v>8.9588511460922393E-2</v>
      </c>
      <c r="AV1232">
        <v>9.0154118368935679E-2</v>
      </c>
      <c r="AW1232">
        <v>0.42253521126760563</v>
      </c>
      <c r="AX1232">
        <v>88.328571428571422</v>
      </c>
      <c r="AY1232">
        <v>75</v>
      </c>
      <c r="AZ1232">
        <v>145</v>
      </c>
      <c r="BA1232">
        <v>0.64582603350201462</v>
      </c>
      <c r="BB1232">
        <v>0.46478873239436619</v>
      </c>
      <c r="BC1232">
        <v>4.0355032434961027</v>
      </c>
      <c r="BD1232" t="s">
        <v>4738</v>
      </c>
      <c r="BE1232" t="s">
        <v>68</v>
      </c>
    </row>
    <row r="1233" spans="1:57" x14ac:dyDescent="0.3">
      <c r="A1233" t="s">
        <v>4739</v>
      </c>
      <c r="B1233">
        <v>2196</v>
      </c>
      <c r="C1233" t="s">
        <v>4740</v>
      </c>
      <c r="D1233" t="s">
        <v>4741</v>
      </c>
      <c r="E1233" t="s">
        <v>106</v>
      </c>
      <c r="F1233">
        <v>2216</v>
      </c>
      <c r="G1233">
        <v>125.226083032491</v>
      </c>
      <c r="H1233">
        <v>125</v>
      </c>
      <c r="I1233">
        <v>5389.008001985886</v>
      </c>
      <c r="J1233">
        <v>73.409863111068972</v>
      </c>
      <c r="K1233">
        <v>4.5515392839465957E-2</v>
      </c>
      <c r="L1233">
        <v>-1.189738121098989</v>
      </c>
      <c r="M1233">
        <v>7.9250010229875079</v>
      </c>
      <c r="N1233">
        <v>17</v>
      </c>
      <c r="O1233">
        <v>3</v>
      </c>
      <c r="P1233">
        <v>14</v>
      </c>
      <c r="Q1233">
        <v>2.7794938275700489</v>
      </c>
      <c r="R1233">
        <v>5.4931921150184664</v>
      </c>
      <c r="S1233">
        <v>2</v>
      </c>
      <c r="T1233">
        <v>1</v>
      </c>
      <c r="U1233">
        <v>1</v>
      </c>
      <c r="V1233">
        <v>0.12922642213206231</v>
      </c>
      <c r="W1233">
        <v>7.6798506209165112</v>
      </c>
      <c r="X1233">
        <v>1</v>
      </c>
      <c r="Y1233">
        <v>1</v>
      </c>
      <c r="Z1233">
        <v>0</v>
      </c>
      <c r="AA1233">
        <v>0</v>
      </c>
      <c r="AB1233">
        <v>7.7025561132685816</v>
      </c>
      <c r="AC1233">
        <v>1</v>
      </c>
      <c r="AD1233">
        <v>1</v>
      </c>
      <c r="AE1233">
        <v>0</v>
      </c>
      <c r="AF1233">
        <v>0</v>
      </c>
      <c r="AG1233">
        <v>7.7021043400510507</v>
      </c>
      <c r="AH1233">
        <v>-2.6258203569629528E-2</v>
      </c>
      <c r="AI1233">
        <v>1.07250913498591E-4</v>
      </c>
      <c r="AJ1233">
        <v>1.848429009063287E-2</v>
      </c>
      <c r="AK1233">
        <v>2.169757172279858E-2</v>
      </c>
      <c r="AL1233">
        <v>3157.27930048796</v>
      </c>
      <c r="AM1233">
        <v>6060.0323776948799</v>
      </c>
      <c r="AN1233">
        <v>277501</v>
      </c>
      <c r="AO1233">
        <v>60.004844607194059</v>
      </c>
      <c r="AP1233">
        <v>2823.297794742632</v>
      </c>
      <c r="AQ1233">
        <v>1.0103790613718411</v>
      </c>
      <c r="AR1233">
        <v>3.9909747292418771</v>
      </c>
      <c r="AS1233">
        <v>2207</v>
      </c>
      <c r="AT1233">
        <v>228.47653429602889</v>
      </c>
      <c r="AU1233">
        <v>2.3678063283074979E-2</v>
      </c>
      <c r="AV1233">
        <v>-2.6273924918389049E-2</v>
      </c>
      <c r="AW1233">
        <v>0.37861010830324909</v>
      </c>
      <c r="AX1233">
        <v>85.933634311512421</v>
      </c>
      <c r="AY1233">
        <v>65</v>
      </c>
      <c r="AZ1233">
        <v>129</v>
      </c>
      <c r="BA1233">
        <v>0.58621863219998793</v>
      </c>
      <c r="BB1233">
        <v>0.49819494584837543</v>
      </c>
      <c r="BC1233">
        <v>5.2992356267686436</v>
      </c>
      <c r="BD1233" t="s">
        <v>4742</v>
      </c>
      <c r="BE1233" t="s">
        <v>68</v>
      </c>
    </row>
    <row r="1234" spans="1:57" x14ac:dyDescent="0.3">
      <c r="A1234" t="s">
        <v>4743</v>
      </c>
      <c r="B1234">
        <v>3519</v>
      </c>
      <c r="C1234" t="s">
        <v>4744</v>
      </c>
      <c r="D1234" t="s">
        <v>4745</v>
      </c>
      <c r="E1234" t="s">
        <v>10622</v>
      </c>
      <c r="F1234">
        <v>64</v>
      </c>
      <c r="G1234">
        <v>112.015625</v>
      </c>
      <c r="H1234">
        <v>99</v>
      </c>
      <c r="I1234">
        <v>6670.609130859375</v>
      </c>
      <c r="J1234">
        <v>81.673797088536148</v>
      </c>
      <c r="K1234">
        <v>0.25463069602432847</v>
      </c>
      <c r="L1234">
        <v>-1.3865707796349029</v>
      </c>
      <c r="M1234">
        <v>5.8125</v>
      </c>
      <c r="N1234">
        <v>2</v>
      </c>
      <c r="O1234">
        <v>1</v>
      </c>
      <c r="P1234">
        <v>1</v>
      </c>
      <c r="Q1234">
        <v>0.30454347814923621</v>
      </c>
      <c r="R1234">
        <v>4.0289179870046823</v>
      </c>
      <c r="S1234">
        <v>1</v>
      </c>
      <c r="T1234">
        <v>1</v>
      </c>
      <c r="U1234">
        <v>0</v>
      </c>
      <c r="V1234">
        <v>0</v>
      </c>
      <c r="W1234">
        <v>4.1431347263915326</v>
      </c>
      <c r="X1234">
        <v>1</v>
      </c>
      <c r="Y1234">
        <v>1</v>
      </c>
      <c r="Z1234">
        <v>0</v>
      </c>
      <c r="AA1234">
        <v>0</v>
      </c>
      <c r="AB1234">
        <v>4.1271343850450908</v>
      </c>
      <c r="AC1234">
        <v>1</v>
      </c>
      <c r="AD1234">
        <v>1</v>
      </c>
      <c r="AE1234">
        <v>0</v>
      </c>
      <c r="AF1234">
        <v>0</v>
      </c>
      <c r="AG1234">
        <v>4.1108738641733096</v>
      </c>
      <c r="AH1234">
        <v>0.14453807136545041</v>
      </c>
      <c r="AI1234">
        <v>-7.6657695455245006E-2</v>
      </c>
      <c r="AJ1234">
        <v>-7.2795602548639286E-3</v>
      </c>
      <c r="AK1234">
        <v>-0.10299261464274451</v>
      </c>
      <c r="AL1234">
        <v>670.02026159092247</v>
      </c>
      <c r="AM1234">
        <v>883.76006305876456</v>
      </c>
      <c r="AN1234">
        <v>7169</v>
      </c>
      <c r="AO1234">
        <v>105.19997304664911</v>
      </c>
      <c r="AP1234">
        <v>538.6640711462519</v>
      </c>
      <c r="AQ1234">
        <v>1.359375</v>
      </c>
      <c r="AR1234">
        <v>3.71875</v>
      </c>
      <c r="AS1234">
        <v>64</v>
      </c>
      <c r="AT1234">
        <v>4.8750000000000009</v>
      </c>
      <c r="AU1234">
        <v>0.15901104417670681</v>
      </c>
      <c r="AV1234">
        <v>0.14601644415543649</v>
      </c>
      <c r="AW1234">
        <v>0.28125</v>
      </c>
      <c r="AX1234">
        <v>84.507936507936506</v>
      </c>
      <c r="AY1234">
        <v>70</v>
      </c>
      <c r="AZ1234">
        <v>152.5</v>
      </c>
      <c r="BA1234">
        <v>0.72912861119630545</v>
      </c>
      <c r="BB1234">
        <v>0.46875</v>
      </c>
      <c r="BC1234">
        <v>4.0111066919991618</v>
      </c>
      <c r="BD1234" t="s">
        <v>4746</v>
      </c>
      <c r="BE1234" t="s">
        <v>62</v>
      </c>
    </row>
    <row r="1235" spans="1:57" x14ac:dyDescent="0.3">
      <c r="A1235" t="s">
        <v>4747</v>
      </c>
      <c r="B1235">
        <v>3526</v>
      </c>
      <c r="C1235" t="s">
        <v>4748</v>
      </c>
      <c r="D1235" t="s">
        <v>4749</v>
      </c>
      <c r="E1235" t="s">
        <v>98</v>
      </c>
      <c r="F1235">
        <v>16</v>
      </c>
      <c r="G1235">
        <v>139.25</v>
      </c>
      <c r="H1235">
        <v>122.5</v>
      </c>
      <c r="I1235">
        <v>4721.4375</v>
      </c>
      <c r="J1235">
        <v>68.71271716356442</v>
      </c>
      <c r="K1235">
        <v>0.1421937863645531</v>
      </c>
      <c r="L1235">
        <v>-1.164121687894303</v>
      </c>
      <c r="M1235">
        <v>3.875</v>
      </c>
      <c r="N1235">
        <v>2</v>
      </c>
      <c r="O1235">
        <v>1</v>
      </c>
      <c r="P1235">
        <v>1</v>
      </c>
      <c r="Q1235">
        <v>0.24944382578492949</v>
      </c>
      <c r="R1235">
        <v>2.6859453246697882</v>
      </c>
      <c r="S1235">
        <v>1</v>
      </c>
      <c r="T1235">
        <v>1</v>
      </c>
      <c r="U1235">
        <v>0</v>
      </c>
      <c r="V1235">
        <v>0</v>
      </c>
      <c r="W1235">
        <v>2.7080502011022101</v>
      </c>
      <c r="X1235">
        <v>1</v>
      </c>
      <c r="Y1235">
        <v>1</v>
      </c>
      <c r="Z1235">
        <v>0</v>
      </c>
      <c r="AA1235">
        <v>0</v>
      </c>
      <c r="AB1235">
        <v>2.639057329615258</v>
      </c>
      <c r="AC1235">
        <v>1</v>
      </c>
      <c r="AD1235">
        <v>1</v>
      </c>
      <c r="AE1235">
        <v>0</v>
      </c>
      <c r="AF1235">
        <v>0</v>
      </c>
      <c r="AG1235">
        <v>2.5649493574615372</v>
      </c>
      <c r="AH1235">
        <v>-0.1178178322280026</v>
      </c>
      <c r="AI1235">
        <v>0.34516599817322591</v>
      </c>
      <c r="AJ1235">
        <v>-2.8477986047681449E-2</v>
      </c>
      <c r="AK1235">
        <v>4.9245131911626487E-2</v>
      </c>
      <c r="AL1235">
        <v>368.69100346452149</v>
      </c>
      <c r="AM1235">
        <v>499.85892406190379</v>
      </c>
      <c r="AN1235">
        <v>2228</v>
      </c>
      <c r="AO1235">
        <v>97.867257037274726</v>
      </c>
      <c r="AP1235">
        <v>225.10180786245951</v>
      </c>
      <c r="AQ1235">
        <v>2.3125</v>
      </c>
      <c r="AR1235">
        <v>4.875</v>
      </c>
      <c r="AS1235">
        <v>16</v>
      </c>
      <c r="AT1235">
        <v>0.87499999999999989</v>
      </c>
      <c r="AU1235">
        <v>0.1585</v>
      </c>
      <c r="AV1235">
        <v>-0.1189911414832245</v>
      </c>
      <c r="AW1235">
        <v>0.4375</v>
      </c>
      <c r="AX1235">
        <v>88.066666666666663</v>
      </c>
      <c r="AY1235">
        <v>60.5</v>
      </c>
      <c r="AZ1235">
        <v>104.5</v>
      </c>
      <c r="BA1235">
        <v>0.49344859722487922</v>
      </c>
      <c r="BB1235">
        <v>0.4375</v>
      </c>
      <c r="BC1235">
        <v>2.7080502011022101</v>
      </c>
      <c r="BD1235" t="s">
        <v>4748</v>
      </c>
      <c r="BE1235" t="s">
        <v>62</v>
      </c>
    </row>
    <row r="1236" spans="1:57" x14ac:dyDescent="0.3">
      <c r="A1236" t="s">
        <v>4750</v>
      </c>
      <c r="B1236">
        <v>1300</v>
      </c>
      <c r="C1236" t="s">
        <v>4751</v>
      </c>
      <c r="D1236" t="s">
        <v>4752</v>
      </c>
      <c r="E1236" t="s">
        <v>72</v>
      </c>
      <c r="F1236">
        <v>1304</v>
      </c>
      <c r="G1236">
        <v>123.8788343558282</v>
      </c>
      <c r="H1236">
        <v>121</v>
      </c>
      <c r="I1236">
        <v>5644.2153802363646</v>
      </c>
      <c r="J1236">
        <v>75.127993319643281</v>
      </c>
      <c r="K1236">
        <v>4.9975739588203887E-2</v>
      </c>
      <c r="L1236">
        <v>-1.264064181902441</v>
      </c>
      <c r="M1236">
        <v>7.866145225363697</v>
      </c>
      <c r="N1236">
        <v>16</v>
      </c>
      <c r="O1236">
        <v>1</v>
      </c>
      <c r="P1236">
        <v>15</v>
      </c>
      <c r="Q1236">
        <v>2.1870402246534502</v>
      </c>
      <c r="R1236">
        <v>5.452396384835926</v>
      </c>
      <c r="S1236">
        <v>2</v>
      </c>
      <c r="T1236">
        <v>1</v>
      </c>
      <c r="U1236">
        <v>1</v>
      </c>
      <c r="V1236">
        <v>9.1877335901418639E-2</v>
      </c>
      <c r="W1236">
        <v>7.1607214013978169</v>
      </c>
      <c r="X1236">
        <v>1</v>
      </c>
      <c r="Y1236">
        <v>1</v>
      </c>
      <c r="Z1236">
        <v>0</v>
      </c>
      <c r="AA1236">
        <v>0</v>
      </c>
      <c r="AB1236">
        <v>7.1716568227685151</v>
      </c>
      <c r="AC1236">
        <v>1</v>
      </c>
      <c r="AD1236">
        <v>1</v>
      </c>
      <c r="AE1236">
        <v>0</v>
      </c>
      <c r="AF1236">
        <v>0</v>
      </c>
      <c r="AG1236">
        <v>7.1708884785125058</v>
      </c>
      <c r="AH1236">
        <v>-4.6814657482147963E-2</v>
      </c>
      <c r="AI1236">
        <v>2.4147625346625071E-2</v>
      </c>
      <c r="AJ1236">
        <v>3.7591238420320909E-2</v>
      </c>
      <c r="AK1236">
        <v>-1.879372218535512E-3</v>
      </c>
      <c r="AL1236">
        <v>2531.5386062642201</v>
      </c>
      <c r="AM1236">
        <v>4578.4831860555969</v>
      </c>
      <c r="AN1236">
        <v>161538</v>
      </c>
      <c r="AO1236">
        <v>56.87707031216965</v>
      </c>
      <c r="AP1236">
        <v>2246.0075663969751</v>
      </c>
      <c r="AQ1236">
        <v>1.0176380368098159</v>
      </c>
      <c r="AR1236">
        <v>3.967024539877301</v>
      </c>
      <c r="AS1236">
        <v>1302</v>
      </c>
      <c r="AT1236">
        <v>238.5153374233129</v>
      </c>
      <c r="AU1236">
        <v>3.7065439672801681E-2</v>
      </c>
      <c r="AV1236">
        <v>-4.6923623788086531E-2</v>
      </c>
      <c r="AW1236">
        <v>0.37576687116564422</v>
      </c>
      <c r="AX1236">
        <v>89.985418265541057</v>
      </c>
      <c r="AY1236">
        <v>67</v>
      </c>
      <c r="AZ1236">
        <v>135.25</v>
      </c>
      <c r="BA1236">
        <v>0.60646351501699192</v>
      </c>
      <c r="BB1236">
        <v>0.49309815950920238</v>
      </c>
      <c r="BC1236">
        <v>5.2852866225856943</v>
      </c>
      <c r="BD1236" t="s">
        <v>4753</v>
      </c>
      <c r="BE1236" t="s">
        <v>68</v>
      </c>
    </row>
    <row r="1237" spans="1:57" x14ac:dyDescent="0.3">
      <c r="A1237" t="s">
        <v>4754</v>
      </c>
      <c r="B1237">
        <v>2134</v>
      </c>
      <c r="C1237" t="s">
        <v>4755</v>
      </c>
      <c r="D1237" t="s">
        <v>4756</v>
      </c>
      <c r="E1237" t="s">
        <v>93</v>
      </c>
      <c r="F1237">
        <v>2134</v>
      </c>
      <c r="G1237">
        <v>127.0445173383318</v>
      </c>
      <c r="H1237">
        <v>126</v>
      </c>
      <c r="I1237">
        <v>5478.3049535392965</v>
      </c>
      <c r="J1237">
        <v>74.015572371895473</v>
      </c>
      <c r="K1237">
        <v>-5.6226528549337441E-3</v>
      </c>
      <c r="L1237">
        <v>-1.210470922460877</v>
      </c>
      <c r="M1237">
        <v>7.9123620490826836</v>
      </c>
      <c r="N1237">
        <v>17</v>
      </c>
      <c r="O1237">
        <v>2</v>
      </c>
      <c r="P1237">
        <v>15</v>
      </c>
      <c r="Q1237">
        <v>2.89335808293646</v>
      </c>
      <c r="R1237">
        <v>5.4844314458911718</v>
      </c>
      <c r="S1237">
        <v>2</v>
      </c>
      <c r="T1237">
        <v>1</v>
      </c>
      <c r="U1237">
        <v>1</v>
      </c>
      <c r="V1237">
        <v>0.1124995434281041</v>
      </c>
      <c r="W1237">
        <v>7.6477366885837581</v>
      </c>
      <c r="X1237">
        <v>1</v>
      </c>
      <c r="Y1237">
        <v>1</v>
      </c>
      <c r="Z1237">
        <v>0</v>
      </c>
      <c r="AA1237">
        <v>0</v>
      </c>
      <c r="AB1237">
        <v>7.6648157852857359</v>
      </c>
      <c r="AC1237">
        <v>1</v>
      </c>
      <c r="AD1237">
        <v>1</v>
      </c>
      <c r="AE1237">
        <v>0</v>
      </c>
      <c r="AF1237">
        <v>0</v>
      </c>
      <c r="AG1237">
        <v>7.6643466320986162</v>
      </c>
      <c r="AH1237">
        <v>1.2239119001452621E-2</v>
      </c>
      <c r="AI1237">
        <v>-3.5989976326217359E-2</v>
      </c>
      <c r="AJ1237">
        <v>-3.5855110615703747E-2</v>
      </c>
      <c r="AK1237">
        <v>1.37097439487327E-2</v>
      </c>
      <c r="AL1237">
        <v>3148.5426104179951</v>
      </c>
      <c r="AM1237">
        <v>6018.3720747709049</v>
      </c>
      <c r="AN1237">
        <v>271113</v>
      </c>
      <c r="AO1237">
        <v>110.1590015157015</v>
      </c>
      <c r="AP1237">
        <v>2817.8481127291529</v>
      </c>
      <c r="AQ1237">
        <v>1.010777881911902</v>
      </c>
      <c r="AR1237">
        <v>3.9690721649484542</v>
      </c>
      <c r="AS1237">
        <v>2128</v>
      </c>
      <c r="AT1237">
        <v>257.09278350515473</v>
      </c>
      <c r="AU1237">
        <v>1.3267912600841651E-2</v>
      </c>
      <c r="AV1237">
        <v>1.225100806254781E-2</v>
      </c>
      <c r="AW1237">
        <v>0.38191190253045931</v>
      </c>
      <c r="AX1237">
        <v>84.972808251289266</v>
      </c>
      <c r="AY1237">
        <v>64</v>
      </c>
      <c r="AZ1237">
        <v>127.75</v>
      </c>
      <c r="BA1237">
        <v>0.58259556510246624</v>
      </c>
      <c r="BB1237">
        <v>0.49250234301780688</v>
      </c>
      <c r="BC1237">
        <v>5.2810039182764523</v>
      </c>
      <c r="BD1237" t="s">
        <v>4757</v>
      </c>
      <c r="BE1237" t="s">
        <v>68</v>
      </c>
    </row>
    <row r="1238" spans="1:57" x14ac:dyDescent="0.3">
      <c r="A1238" t="s">
        <v>4758</v>
      </c>
      <c r="B1238">
        <v>1313</v>
      </c>
      <c r="C1238" t="s">
        <v>4759</v>
      </c>
      <c r="D1238" t="s">
        <v>4760</v>
      </c>
      <c r="E1238" t="s">
        <v>85</v>
      </c>
      <c r="F1238">
        <v>8</v>
      </c>
      <c r="G1238">
        <v>146.125</v>
      </c>
      <c r="H1238">
        <v>132.5</v>
      </c>
      <c r="I1238">
        <v>3452.859375</v>
      </c>
      <c r="J1238">
        <v>58.761036197466773</v>
      </c>
      <c r="K1238">
        <v>0.30894297509993113</v>
      </c>
      <c r="L1238">
        <v>-1.343154731526401</v>
      </c>
      <c r="M1238">
        <v>3</v>
      </c>
      <c r="N1238">
        <v>1</v>
      </c>
      <c r="O1238">
        <v>1</v>
      </c>
      <c r="P1238">
        <v>0</v>
      </c>
      <c r="Q1238">
        <v>0</v>
      </c>
      <c r="R1238">
        <v>2.0794415416798362</v>
      </c>
      <c r="S1238">
        <v>1</v>
      </c>
      <c r="T1238">
        <v>1</v>
      </c>
      <c r="U1238">
        <v>0</v>
      </c>
      <c r="V1238">
        <v>0</v>
      </c>
      <c r="W1238">
        <v>1.945910149055313</v>
      </c>
      <c r="X1238">
        <v>1</v>
      </c>
      <c r="Y1238">
        <v>1</v>
      </c>
      <c r="Z1238">
        <v>0</v>
      </c>
      <c r="AA1238">
        <v>0</v>
      </c>
      <c r="AB1238">
        <v>1.791759469228055</v>
      </c>
      <c r="AC1238">
        <v>1</v>
      </c>
      <c r="AD1238">
        <v>1</v>
      </c>
      <c r="AE1238">
        <v>0</v>
      </c>
      <c r="AF1238">
        <v>0</v>
      </c>
      <c r="AG1238">
        <v>1.6094379124341009</v>
      </c>
      <c r="AH1238">
        <v>-6.6136874782223062E-2</v>
      </c>
      <c r="AI1238">
        <v>-0.28677432200667019</v>
      </c>
      <c r="AJ1238">
        <v>0.24481238375802661</v>
      </c>
      <c r="AK1238">
        <v>0</v>
      </c>
      <c r="AL1238">
        <v>300.05416835661799</v>
      </c>
      <c r="AM1238">
        <v>329.25749202078657</v>
      </c>
      <c r="AN1238">
        <v>1169</v>
      </c>
      <c r="AO1238">
        <v>143.75326083258079</v>
      </c>
      <c r="AP1238">
        <v>180.90796687778101</v>
      </c>
      <c r="AQ1238">
        <v>3.5</v>
      </c>
      <c r="AR1238">
        <v>4.5</v>
      </c>
      <c r="AS1238">
        <v>8</v>
      </c>
      <c r="AT1238">
        <v>0</v>
      </c>
      <c r="AU1238">
        <v>0.33193277310924368</v>
      </c>
      <c r="AV1238">
        <v>-5.1482095214296211E-2</v>
      </c>
      <c r="AW1238">
        <v>0.5</v>
      </c>
      <c r="AX1238">
        <v>65.714285714285708</v>
      </c>
      <c r="AY1238">
        <v>45</v>
      </c>
      <c r="AZ1238">
        <v>86.25</v>
      </c>
      <c r="BA1238">
        <v>0.40212856251474272</v>
      </c>
      <c r="BB1238">
        <v>0.5</v>
      </c>
      <c r="BC1238">
        <v>1.945910149055313</v>
      </c>
      <c r="BD1238" t="s">
        <v>4759</v>
      </c>
      <c r="BE1238" t="s">
        <v>68</v>
      </c>
    </row>
    <row r="1239" spans="1:57" x14ac:dyDescent="0.3">
      <c r="A1239" t="s">
        <v>4761</v>
      </c>
      <c r="B1239">
        <v>4000</v>
      </c>
      <c r="C1239" t="s">
        <v>4762</v>
      </c>
      <c r="D1239" t="s">
        <v>4763</v>
      </c>
      <c r="E1239" t="s">
        <v>106</v>
      </c>
      <c r="F1239">
        <v>4084</v>
      </c>
      <c r="G1239">
        <v>125.8401077375122</v>
      </c>
      <c r="H1239">
        <v>124</v>
      </c>
      <c r="I1239">
        <v>5396.9438272166008</v>
      </c>
      <c r="J1239">
        <v>73.463894718539123</v>
      </c>
      <c r="K1239">
        <v>3.9713820150324111E-2</v>
      </c>
      <c r="L1239">
        <v>-1.203060927883892</v>
      </c>
      <c r="M1239">
        <v>7.9507711951004856</v>
      </c>
      <c r="N1239">
        <v>29</v>
      </c>
      <c r="O1239">
        <v>5</v>
      </c>
      <c r="P1239">
        <v>24</v>
      </c>
      <c r="Q1239">
        <v>4.1228391594112663</v>
      </c>
      <c r="R1239">
        <v>5.5110546371611244</v>
      </c>
      <c r="S1239">
        <v>3</v>
      </c>
      <c r="T1239">
        <v>1</v>
      </c>
      <c r="U1239">
        <v>2</v>
      </c>
      <c r="V1239">
        <v>0.18458951731869441</v>
      </c>
      <c r="W1239">
        <v>8.2695964625461809</v>
      </c>
      <c r="X1239">
        <v>2</v>
      </c>
      <c r="Y1239">
        <v>1</v>
      </c>
      <c r="Z1239">
        <v>1</v>
      </c>
      <c r="AA1239">
        <v>1.565177105873199E-2</v>
      </c>
      <c r="AB1239">
        <v>8.3140027318163554</v>
      </c>
      <c r="AC1239">
        <v>1</v>
      </c>
      <c r="AD1239">
        <v>1</v>
      </c>
      <c r="AE1239">
        <v>0</v>
      </c>
      <c r="AF1239">
        <v>0</v>
      </c>
      <c r="AG1239">
        <v>8.3140973354058048</v>
      </c>
      <c r="AH1239">
        <v>-2.6207568053340551E-2</v>
      </c>
      <c r="AI1239">
        <v>2.5371609833158351E-2</v>
      </c>
      <c r="AJ1239">
        <v>3.0124944329711031E-3</v>
      </c>
      <c r="AK1239">
        <v>3.355173517809331E-2</v>
      </c>
      <c r="AL1239">
        <v>4262.0609268034368</v>
      </c>
      <c r="AM1239">
        <v>8279.4376413024238</v>
      </c>
      <c r="AN1239">
        <v>513931.00000000012</v>
      </c>
      <c r="AO1239">
        <v>163.39937961391729</v>
      </c>
      <c r="AP1239">
        <v>3823.8147086391568</v>
      </c>
      <c r="AQ1239">
        <v>1.0056317335945151</v>
      </c>
      <c r="AR1239">
        <v>4.0193437806072474</v>
      </c>
      <c r="AS1239">
        <v>4075</v>
      </c>
      <c r="AT1239">
        <v>272.7639569049951</v>
      </c>
      <c r="AU1239">
        <v>1.771235428549478E-2</v>
      </c>
      <c r="AV1239">
        <v>-2.620877544396287E-2</v>
      </c>
      <c r="AW1239">
        <v>0.38614103819784518</v>
      </c>
      <c r="AX1239">
        <v>86.524124418319857</v>
      </c>
      <c r="AY1239">
        <v>64</v>
      </c>
      <c r="AZ1239">
        <v>128.25</v>
      </c>
      <c r="BA1239">
        <v>0.5837876018969741</v>
      </c>
      <c r="BB1239">
        <v>0.49387855044074441</v>
      </c>
      <c r="BC1239">
        <v>5.3226128869693774</v>
      </c>
      <c r="BD1239" t="s">
        <v>4764</v>
      </c>
      <c r="BE1239" t="s">
        <v>68</v>
      </c>
    </row>
    <row r="1240" spans="1:57" x14ac:dyDescent="0.3">
      <c r="A1240" t="s">
        <v>4765</v>
      </c>
      <c r="B1240">
        <v>2098</v>
      </c>
      <c r="C1240" t="s">
        <v>4766</v>
      </c>
      <c r="D1240" t="s">
        <v>4767</v>
      </c>
      <c r="E1240" t="s">
        <v>106</v>
      </c>
      <c r="F1240">
        <v>2150</v>
      </c>
      <c r="G1240">
        <v>128.3213953488372</v>
      </c>
      <c r="H1240">
        <v>131</v>
      </c>
      <c r="I1240">
        <v>5419.8069375878849</v>
      </c>
      <c r="J1240">
        <v>73.619338068118253</v>
      </c>
      <c r="K1240">
        <v>-2.3952465238966339E-2</v>
      </c>
      <c r="L1240">
        <v>-1.184604505150948</v>
      </c>
      <c r="M1240">
        <v>7.916780487585271</v>
      </c>
      <c r="N1240">
        <v>17</v>
      </c>
      <c r="O1240">
        <v>2</v>
      </c>
      <c r="P1240">
        <v>15</v>
      </c>
      <c r="Q1240">
        <v>2.8224541729838148</v>
      </c>
      <c r="R1240">
        <v>5.487494074081722</v>
      </c>
      <c r="S1240">
        <v>2</v>
      </c>
      <c r="T1240">
        <v>1</v>
      </c>
      <c r="U1240">
        <v>1</v>
      </c>
      <c r="V1240">
        <v>0.12760164813243499</v>
      </c>
      <c r="W1240">
        <v>7.6501798125851836</v>
      </c>
      <c r="X1240">
        <v>1</v>
      </c>
      <c r="Y1240">
        <v>1</v>
      </c>
      <c r="Z1240">
        <v>0</v>
      </c>
      <c r="AA1240">
        <v>0</v>
      </c>
      <c r="AB1240">
        <v>7.6722924556287539</v>
      </c>
      <c r="AC1240">
        <v>1</v>
      </c>
      <c r="AD1240">
        <v>1</v>
      </c>
      <c r="AE1240">
        <v>0</v>
      </c>
      <c r="AF1240">
        <v>0</v>
      </c>
      <c r="AG1240">
        <v>7.6718267978787811</v>
      </c>
      <c r="AH1240">
        <v>2.0281991949140609E-2</v>
      </c>
      <c r="AI1240">
        <v>2.4637922901490621E-2</v>
      </c>
      <c r="AJ1240">
        <v>-3.8340429736986807E-2</v>
      </c>
      <c r="AK1240">
        <v>4.7677939303409282E-5</v>
      </c>
      <c r="AL1240">
        <v>3168.4724651113838</v>
      </c>
      <c r="AM1240">
        <v>6084.0845850325732</v>
      </c>
      <c r="AN1240">
        <v>275891</v>
      </c>
      <c r="AO1240">
        <v>112.3906689230989</v>
      </c>
      <c r="AP1240">
        <v>2949.9151634068448</v>
      </c>
      <c r="AQ1240">
        <v>1.0106976744186049</v>
      </c>
      <c r="AR1240">
        <v>4.0130232558139536</v>
      </c>
      <c r="AS1240">
        <v>2143</v>
      </c>
      <c r="AT1240">
        <v>242.82604651162791</v>
      </c>
      <c r="AU1240">
        <v>2.0027359781121749E-2</v>
      </c>
      <c r="AV1240">
        <v>2.0282101449753981E-2</v>
      </c>
      <c r="AW1240">
        <v>0.35116279069767442</v>
      </c>
      <c r="AX1240">
        <v>84.05816658911121</v>
      </c>
      <c r="AY1240">
        <v>63</v>
      </c>
      <c r="AZ1240">
        <v>127</v>
      </c>
      <c r="BA1240">
        <v>0.57371054817465683</v>
      </c>
      <c r="BB1240">
        <v>0.51023255813953483</v>
      </c>
      <c r="BC1240">
        <v>5.2795515923327736</v>
      </c>
      <c r="BD1240" t="s">
        <v>4768</v>
      </c>
      <c r="BE1240" t="s">
        <v>68</v>
      </c>
    </row>
    <row r="1241" spans="1:57" x14ac:dyDescent="0.3">
      <c r="A1241" t="s">
        <v>4769</v>
      </c>
      <c r="B1241">
        <v>3065</v>
      </c>
      <c r="C1241" t="s">
        <v>4770</v>
      </c>
      <c r="D1241" t="s">
        <v>4771</v>
      </c>
      <c r="E1241" t="s">
        <v>115</v>
      </c>
      <c r="F1241">
        <v>3120</v>
      </c>
      <c r="G1241">
        <v>126.6025641025641</v>
      </c>
      <c r="H1241">
        <v>125</v>
      </c>
      <c r="I1241">
        <v>5345.1061472715319</v>
      </c>
      <c r="J1241">
        <v>73.110232849249854</v>
      </c>
      <c r="K1241">
        <v>2.9302686535963181E-2</v>
      </c>
      <c r="L1241">
        <v>-1.175914918642978</v>
      </c>
      <c r="M1241">
        <v>7.9385108693742188</v>
      </c>
      <c r="N1241">
        <v>22</v>
      </c>
      <c r="O1241">
        <v>5</v>
      </c>
      <c r="P1241">
        <v>17</v>
      </c>
      <c r="Q1241">
        <v>3.5504181091809448</v>
      </c>
      <c r="R1241">
        <v>5.5025564269512186</v>
      </c>
      <c r="S1241">
        <v>3</v>
      </c>
      <c r="T1241">
        <v>1</v>
      </c>
      <c r="U1241">
        <v>2</v>
      </c>
      <c r="V1241">
        <v>0.15088701276385871</v>
      </c>
      <c r="W1241">
        <v>8.0144316925420647</v>
      </c>
      <c r="X1241">
        <v>2</v>
      </c>
      <c r="Y1241">
        <v>1</v>
      </c>
      <c r="Z1241">
        <v>1</v>
      </c>
      <c r="AA1241">
        <v>1.7908611789480739E-2</v>
      </c>
      <c r="AB1241">
        <v>8.0445024394954885</v>
      </c>
      <c r="AC1241">
        <v>1</v>
      </c>
      <c r="AD1241">
        <v>1</v>
      </c>
      <c r="AE1241">
        <v>0</v>
      </c>
      <c r="AF1241">
        <v>0</v>
      </c>
      <c r="AG1241">
        <v>8.0446262797673374</v>
      </c>
      <c r="AH1241">
        <v>3.3927363637492858E-3</v>
      </c>
      <c r="AI1241">
        <v>2.294409808289857E-2</v>
      </c>
      <c r="AJ1241">
        <v>-2.90190151900242E-2</v>
      </c>
      <c r="AK1241">
        <v>-1.4093381884123801E-2</v>
      </c>
      <c r="AL1241">
        <v>3742.1645636195458</v>
      </c>
      <c r="AM1241">
        <v>7258.1642568069601</v>
      </c>
      <c r="AN1241">
        <v>395000</v>
      </c>
      <c r="AO1241">
        <v>112.47211353230119</v>
      </c>
      <c r="AP1241">
        <v>3341.9811497236092</v>
      </c>
      <c r="AQ1241">
        <v>1.0073717948717951</v>
      </c>
      <c r="AR1241">
        <v>4.0410256410256409</v>
      </c>
      <c r="AS1241">
        <v>3106</v>
      </c>
      <c r="AT1241">
        <v>264.77948717948709</v>
      </c>
      <c r="AU1241">
        <v>1.493212669683253E-2</v>
      </c>
      <c r="AV1241">
        <v>3.3927774117582222E-3</v>
      </c>
      <c r="AW1241">
        <v>0.38237179487179479</v>
      </c>
      <c r="AX1241">
        <v>84.113177300416794</v>
      </c>
      <c r="AY1241">
        <v>62</v>
      </c>
      <c r="AZ1241">
        <v>125</v>
      </c>
      <c r="BA1241">
        <v>0.57747829491053049</v>
      </c>
      <c r="BB1241">
        <v>0.49519230769230771</v>
      </c>
      <c r="BC1241">
        <v>5.3015049265696703</v>
      </c>
      <c r="BD1241" t="s">
        <v>4772</v>
      </c>
      <c r="BE1241" t="s">
        <v>62</v>
      </c>
    </row>
    <row r="1242" spans="1:57" x14ac:dyDescent="0.3">
      <c r="A1242" t="s">
        <v>4773</v>
      </c>
      <c r="B1242">
        <v>1295</v>
      </c>
      <c r="C1242" t="s">
        <v>4774</v>
      </c>
      <c r="D1242" t="s">
        <v>4775</v>
      </c>
      <c r="E1242" t="s">
        <v>72</v>
      </c>
      <c r="F1242">
        <v>1296</v>
      </c>
      <c r="G1242">
        <v>123.7067901234568</v>
      </c>
      <c r="H1242">
        <v>121</v>
      </c>
      <c r="I1242">
        <v>5566.2612501905214</v>
      </c>
      <c r="J1242">
        <v>74.607380668339516</v>
      </c>
      <c r="K1242">
        <v>7.3808816142982084E-2</v>
      </c>
      <c r="L1242">
        <v>-1.2210090913336149</v>
      </c>
      <c r="M1242">
        <v>7.8445005141407824</v>
      </c>
      <c r="N1242">
        <v>12</v>
      </c>
      <c r="O1242">
        <v>1</v>
      </c>
      <c r="P1242">
        <v>11</v>
      </c>
      <c r="Q1242">
        <v>2.312176284272065</v>
      </c>
      <c r="R1242">
        <v>5.4373934142777447</v>
      </c>
      <c r="S1242">
        <v>2</v>
      </c>
      <c r="T1242">
        <v>1</v>
      </c>
      <c r="U1242">
        <v>1</v>
      </c>
      <c r="V1242">
        <v>0.10018771277039459</v>
      </c>
      <c r="W1242">
        <v>7.1523495056436301</v>
      </c>
      <c r="X1242">
        <v>1</v>
      </c>
      <c r="Y1242">
        <v>1</v>
      </c>
      <c r="Z1242">
        <v>0</v>
      </c>
      <c r="AA1242">
        <v>0</v>
      </c>
      <c r="AB1242">
        <v>7.1654934750608472</v>
      </c>
      <c r="AC1242">
        <v>1</v>
      </c>
      <c r="AD1242">
        <v>1</v>
      </c>
      <c r="AE1242">
        <v>0</v>
      </c>
      <c r="AF1242">
        <v>0</v>
      </c>
      <c r="AG1242">
        <v>7.1647203787718583</v>
      </c>
      <c r="AH1242">
        <v>6.382491650320038E-3</v>
      </c>
      <c r="AI1242">
        <v>-1.996321664285667E-2</v>
      </c>
      <c r="AJ1242">
        <v>3.7480692887434587E-2</v>
      </c>
      <c r="AK1242">
        <v>-3.6993274740172159E-2</v>
      </c>
      <c r="AL1242">
        <v>2503.1428117564519</v>
      </c>
      <c r="AM1242">
        <v>4558.6530975664291</v>
      </c>
      <c r="AN1242">
        <v>160324</v>
      </c>
      <c r="AO1242">
        <v>45.106984054604482</v>
      </c>
      <c r="AP1242">
        <v>2221.2215213776421</v>
      </c>
      <c r="AQ1242">
        <v>1.017746913580247</v>
      </c>
      <c r="AR1242">
        <v>3.9614197530864201</v>
      </c>
      <c r="AS1242">
        <v>1291</v>
      </c>
      <c r="AT1242">
        <v>268.23611111111109</v>
      </c>
      <c r="AU1242">
        <v>3.6782861292665232E-2</v>
      </c>
      <c r="AV1242">
        <v>6.3924302980517241E-3</v>
      </c>
      <c r="AW1242">
        <v>0.38040123456790131</v>
      </c>
      <c r="AX1242">
        <v>86.577606177606171</v>
      </c>
      <c r="AY1242">
        <v>66</v>
      </c>
      <c r="AZ1242">
        <v>133</v>
      </c>
      <c r="BA1242">
        <v>0.60309850893296091</v>
      </c>
      <c r="BB1242">
        <v>0.49459876543209869</v>
      </c>
      <c r="BC1242">
        <v>5.2595819801921122</v>
      </c>
      <c r="BD1242" t="s">
        <v>4776</v>
      </c>
      <c r="BE1242" t="s">
        <v>62</v>
      </c>
    </row>
    <row r="1243" spans="1:57" x14ac:dyDescent="0.3">
      <c r="A1243" t="s">
        <v>4777</v>
      </c>
      <c r="B1243">
        <v>1982</v>
      </c>
      <c r="C1243" t="s">
        <v>4778</v>
      </c>
      <c r="D1243" t="s">
        <v>4779</v>
      </c>
      <c r="E1243" t="s">
        <v>66</v>
      </c>
      <c r="F1243">
        <v>72</v>
      </c>
      <c r="G1243">
        <v>126.2083333333333</v>
      </c>
      <c r="H1243">
        <v>121</v>
      </c>
      <c r="I1243">
        <v>6804.1371527777774</v>
      </c>
      <c r="J1243">
        <v>82.487193871399072</v>
      </c>
      <c r="K1243">
        <v>3.007362348809433E-2</v>
      </c>
      <c r="L1243">
        <v>-1.4447794490335351</v>
      </c>
      <c r="M1243">
        <v>5.8643694458867603</v>
      </c>
      <c r="N1243">
        <v>2</v>
      </c>
      <c r="O1243">
        <v>1</v>
      </c>
      <c r="P1243">
        <v>1</v>
      </c>
      <c r="Q1243">
        <v>0.38446030818224841</v>
      </c>
      <c r="R1243">
        <v>4.0648711471782937</v>
      </c>
      <c r="S1243">
        <v>2</v>
      </c>
      <c r="T1243">
        <v>1</v>
      </c>
      <c r="U1243">
        <v>1</v>
      </c>
      <c r="V1243">
        <v>0.16776575221435111</v>
      </c>
      <c r="W1243">
        <v>4.2236293316576567</v>
      </c>
      <c r="X1243">
        <v>2</v>
      </c>
      <c r="Y1243">
        <v>1</v>
      </c>
      <c r="Z1243">
        <v>1</v>
      </c>
      <c r="AA1243">
        <v>0.11951030798891769</v>
      </c>
      <c r="AB1243">
        <v>4.2286910368905044</v>
      </c>
      <c r="AC1243">
        <v>1</v>
      </c>
      <c r="AD1243">
        <v>1</v>
      </c>
      <c r="AE1243">
        <v>0</v>
      </c>
      <c r="AF1243">
        <v>0</v>
      </c>
      <c r="AG1243">
        <v>4.2341065045972579</v>
      </c>
      <c r="AH1243">
        <v>9.7461635782537137E-2</v>
      </c>
      <c r="AI1243">
        <v>4.9335785601800748E-2</v>
      </c>
      <c r="AJ1243">
        <v>-0.10156965608506779</v>
      </c>
      <c r="AK1243">
        <v>-3.4106463572183859E-2</v>
      </c>
      <c r="AL1243">
        <v>749.96265622426972</v>
      </c>
      <c r="AM1243">
        <v>1036.4887911931501</v>
      </c>
      <c r="AN1243">
        <v>9087</v>
      </c>
      <c r="AO1243">
        <v>108.3634344844577</v>
      </c>
      <c r="AP1243">
        <v>598.6912759010022</v>
      </c>
      <c r="AQ1243">
        <v>1.319444444444444</v>
      </c>
      <c r="AR1243">
        <v>3.8611111111111112</v>
      </c>
      <c r="AS1243">
        <v>72</v>
      </c>
      <c r="AT1243">
        <v>7.6388888888888884</v>
      </c>
      <c r="AU1243">
        <v>0.1031746031746031</v>
      </c>
      <c r="AV1243">
        <v>9.913097387767017E-2</v>
      </c>
      <c r="AW1243">
        <v>0.41666666666666669</v>
      </c>
      <c r="AX1243">
        <v>86.985915492957744</v>
      </c>
      <c r="AY1243">
        <v>75</v>
      </c>
      <c r="AZ1243">
        <v>156.75</v>
      </c>
      <c r="BA1243">
        <v>0.65357961469579984</v>
      </c>
      <c r="BB1243">
        <v>0.44444444444444442</v>
      </c>
      <c r="BC1243">
        <v>4.0210069125736636</v>
      </c>
      <c r="BD1243" t="s">
        <v>4780</v>
      </c>
      <c r="BE1243" t="s">
        <v>68</v>
      </c>
    </row>
    <row r="1244" spans="1:57" x14ac:dyDescent="0.3">
      <c r="A1244" t="s">
        <v>4781</v>
      </c>
      <c r="B1244">
        <v>2264</v>
      </c>
      <c r="C1244" t="s">
        <v>4782</v>
      </c>
      <c r="D1244" t="s">
        <v>4783</v>
      </c>
      <c r="E1244" t="s">
        <v>98</v>
      </c>
      <c r="F1244">
        <v>16</v>
      </c>
      <c r="G1244">
        <v>154.3125</v>
      </c>
      <c r="H1244">
        <v>176.5</v>
      </c>
      <c r="I1244">
        <v>4675.33984375</v>
      </c>
      <c r="J1244">
        <v>68.376456794352833</v>
      </c>
      <c r="K1244">
        <v>-0.56838610714274662</v>
      </c>
      <c r="L1244">
        <v>-0.49345838244006313</v>
      </c>
      <c r="M1244">
        <v>4</v>
      </c>
      <c r="N1244">
        <v>1</v>
      </c>
      <c r="O1244">
        <v>1</v>
      </c>
      <c r="P1244">
        <v>0</v>
      </c>
      <c r="Q1244">
        <v>0</v>
      </c>
      <c r="R1244">
        <v>2.7725887222397811</v>
      </c>
      <c r="S1244">
        <v>1</v>
      </c>
      <c r="T1244">
        <v>1</v>
      </c>
      <c r="U1244">
        <v>0</v>
      </c>
      <c r="V1244">
        <v>0</v>
      </c>
      <c r="W1244">
        <v>2.7080502011022101</v>
      </c>
      <c r="X1244">
        <v>1</v>
      </c>
      <c r="Y1244">
        <v>1</v>
      </c>
      <c r="Z1244">
        <v>0</v>
      </c>
      <c r="AA1244">
        <v>0</v>
      </c>
      <c r="AB1244">
        <v>2.639057329615258</v>
      </c>
      <c r="AC1244">
        <v>1</v>
      </c>
      <c r="AD1244">
        <v>1</v>
      </c>
      <c r="AE1244">
        <v>0</v>
      </c>
      <c r="AF1244">
        <v>0</v>
      </c>
      <c r="AG1244">
        <v>2.5649493574615372</v>
      </c>
      <c r="AH1244">
        <v>0.1237889938649179</v>
      </c>
      <c r="AI1244">
        <v>0.15791873000542239</v>
      </c>
      <c r="AJ1244">
        <v>-0.1009417033521126</v>
      </c>
      <c r="AK1244">
        <v>-0.224850487138719</v>
      </c>
      <c r="AL1244">
        <v>387.26001186150069</v>
      </c>
      <c r="AM1244">
        <v>553.02141297876562</v>
      </c>
      <c r="AN1244">
        <v>2469</v>
      </c>
      <c r="AO1244">
        <v>67.137977145126442</v>
      </c>
      <c r="AP1244">
        <v>278.46351966634688</v>
      </c>
      <c r="AQ1244">
        <v>2.3125</v>
      </c>
      <c r="AR1244">
        <v>4.1875</v>
      </c>
      <c r="AS1244">
        <v>16</v>
      </c>
      <c r="AT1244">
        <v>0</v>
      </c>
      <c r="AU1244">
        <v>0.24234189723320149</v>
      </c>
      <c r="AV1244">
        <v>0.13751158106637629</v>
      </c>
      <c r="AW1244">
        <v>0.25</v>
      </c>
      <c r="AX1244">
        <v>77.733333333333334</v>
      </c>
      <c r="AY1244">
        <v>36.5</v>
      </c>
      <c r="AZ1244">
        <v>89.5</v>
      </c>
      <c r="BA1244">
        <v>0.44310381073699689</v>
      </c>
      <c r="BB1244">
        <v>0.625</v>
      </c>
      <c r="BC1244">
        <v>2.7080502011022101</v>
      </c>
      <c r="BD1244" t="s">
        <v>4782</v>
      </c>
      <c r="BE1244" t="s">
        <v>62</v>
      </c>
    </row>
    <row r="1245" spans="1:57" x14ac:dyDescent="0.3">
      <c r="A1245" t="s">
        <v>4784</v>
      </c>
      <c r="B1245">
        <v>142</v>
      </c>
      <c r="C1245" t="s">
        <v>4785</v>
      </c>
      <c r="D1245" t="s">
        <v>4786</v>
      </c>
      <c r="E1245" t="s">
        <v>60</v>
      </c>
      <c r="F1245">
        <v>256</v>
      </c>
      <c r="G1245">
        <v>129.234375</v>
      </c>
      <c r="H1245">
        <v>138</v>
      </c>
      <c r="I1245">
        <v>5779.109130859375</v>
      </c>
      <c r="J1245">
        <v>76.020452056399762</v>
      </c>
      <c r="K1245">
        <v>-0.1195010725825157</v>
      </c>
      <c r="L1245">
        <v>-1.3071693595171241</v>
      </c>
      <c r="M1245">
        <v>7.1164919316221669</v>
      </c>
      <c r="N1245">
        <v>5</v>
      </c>
      <c r="O1245">
        <v>1</v>
      </c>
      <c r="P1245">
        <v>4</v>
      </c>
      <c r="Q1245">
        <v>0.86904753634703391</v>
      </c>
      <c r="R1245">
        <v>4.9327763178815038</v>
      </c>
      <c r="S1245">
        <v>1</v>
      </c>
      <c r="T1245">
        <v>1</v>
      </c>
      <c r="U1245">
        <v>0</v>
      </c>
      <c r="V1245">
        <v>0</v>
      </c>
      <c r="W1245">
        <v>5.541263545158424</v>
      </c>
      <c r="X1245">
        <v>1</v>
      </c>
      <c r="Y1245">
        <v>1</v>
      </c>
      <c r="Z1245">
        <v>0</v>
      </c>
      <c r="AA1245">
        <v>0</v>
      </c>
      <c r="AB1245">
        <v>5.5373342670185366</v>
      </c>
      <c r="AC1245">
        <v>1</v>
      </c>
      <c r="AD1245">
        <v>1</v>
      </c>
      <c r="AE1245">
        <v>0</v>
      </c>
      <c r="AF1245">
        <v>0</v>
      </c>
      <c r="AG1245">
        <v>5.5333894887275203</v>
      </c>
      <c r="AH1245">
        <v>-0.15782403242595411</v>
      </c>
      <c r="AI1245">
        <v>-7.4152990950280533E-3</v>
      </c>
      <c r="AJ1245">
        <v>4.0195622081029503E-2</v>
      </c>
      <c r="AK1245">
        <v>1.9768319650866489E-2</v>
      </c>
      <c r="AL1245">
        <v>1210.50225450994</v>
      </c>
      <c r="AM1245">
        <v>2071.1654428911161</v>
      </c>
      <c r="AN1245">
        <v>33084</v>
      </c>
      <c r="AO1245">
        <v>86.919942369333313</v>
      </c>
      <c r="AP1245">
        <v>1047.520781949067</v>
      </c>
      <c r="AQ1245">
        <v>1.08984375</v>
      </c>
      <c r="AR1245">
        <v>3.90625</v>
      </c>
      <c r="AS1245">
        <v>255</v>
      </c>
      <c r="AT1245">
        <v>72.718749999999986</v>
      </c>
      <c r="AU1245">
        <v>6.1136642156862757E-2</v>
      </c>
      <c r="AV1245">
        <v>-0.1587158251196906</v>
      </c>
      <c r="AW1245">
        <v>0.3359375</v>
      </c>
      <c r="AX1245">
        <v>96.356862745098042</v>
      </c>
      <c r="AY1245">
        <v>69</v>
      </c>
      <c r="AZ1245">
        <v>135</v>
      </c>
      <c r="BA1245">
        <v>0.58823708519037421</v>
      </c>
      <c r="BB1245">
        <v>0.51953125</v>
      </c>
      <c r="BC1245">
        <v>4.9046087690002338</v>
      </c>
      <c r="BD1245" t="s">
        <v>4787</v>
      </c>
      <c r="BE1245" t="s">
        <v>62</v>
      </c>
    </row>
    <row r="1246" spans="1:57" x14ac:dyDescent="0.3">
      <c r="A1246" t="s">
        <v>4788</v>
      </c>
      <c r="B1246">
        <v>999</v>
      </c>
      <c r="C1246" t="s">
        <v>4789</v>
      </c>
      <c r="D1246" t="s">
        <v>4790</v>
      </c>
      <c r="E1246" t="s">
        <v>128</v>
      </c>
      <c r="F1246">
        <v>32</v>
      </c>
      <c r="G1246">
        <v>132.96875</v>
      </c>
      <c r="H1246">
        <v>127</v>
      </c>
      <c r="I1246">
        <v>5836.0927734375</v>
      </c>
      <c r="J1246">
        <v>76.394324222663954</v>
      </c>
      <c r="K1246">
        <v>6.2745606020308074E-3</v>
      </c>
      <c r="L1246">
        <v>-1.310991088140341</v>
      </c>
      <c r="M1246">
        <v>4.9375</v>
      </c>
      <c r="N1246">
        <v>2</v>
      </c>
      <c r="O1246">
        <v>1</v>
      </c>
      <c r="P1246">
        <v>1</v>
      </c>
      <c r="Q1246">
        <v>0.1766846959694085</v>
      </c>
      <c r="R1246">
        <v>3.422414204014729</v>
      </c>
      <c r="S1246">
        <v>1</v>
      </c>
      <c r="T1246">
        <v>1</v>
      </c>
      <c r="U1246">
        <v>0</v>
      </c>
      <c r="V1246">
        <v>0</v>
      </c>
      <c r="W1246">
        <v>3.4339872044851458</v>
      </c>
      <c r="X1246">
        <v>1</v>
      </c>
      <c r="Y1246">
        <v>1</v>
      </c>
      <c r="Z1246">
        <v>0</v>
      </c>
      <c r="AA1246">
        <v>0</v>
      </c>
      <c r="AB1246">
        <v>3.401197381662155</v>
      </c>
      <c r="AC1246">
        <v>1</v>
      </c>
      <c r="AD1246">
        <v>1</v>
      </c>
      <c r="AE1246">
        <v>0</v>
      </c>
      <c r="AF1246">
        <v>0</v>
      </c>
      <c r="AG1246">
        <v>3.3672958299864728</v>
      </c>
      <c r="AH1246">
        <v>-0.32429609574477519</v>
      </c>
      <c r="AI1246">
        <v>-5.2494095705954279E-2</v>
      </c>
      <c r="AJ1246">
        <v>-0.20862047951702761</v>
      </c>
      <c r="AK1246">
        <v>-1.481876779048215E-2</v>
      </c>
      <c r="AL1246">
        <v>504.75783009535189</v>
      </c>
      <c r="AM1246">
        <v>705.51862693867395</v>
      </c>
      <c r="AN1246">
        <v>4255</v>
      </c>
      <c r="AO1246">
        <v>101.5647607378324</v>
      </c>
      <c r="AP1246">
        <v>403.54435504669078</v>
      </c>
      <c r="AQ1246">
        <v>1.65625</v>
      </c>
      <c r="AR1246">
        <v>4.3125</v>
      </c>
      <c r="AS1246">
        <v>31</v>
      </c>
      <c r="AT1246">
        <v>0.93749999999999978</v>
      </c>
      <c r="AU1246">
        <v>0.1190944881889764</v>
      </c>
      <c r="AV1246">
        <v>-0.33949023822304469</v>
      </c>
      <c r="AW1246">
        <v>0.375</v>
      </c>
      <c r="AX1246">
        <v>105.3548387096774</v>
      </c>
      <c r="AY1246">
        <v>64.5</v>
      </c>
      <c r="AZ1246">
        <v>118.5</v>
      </c>
      <c r="BA1246">
        <v>0.57452840778501679</v>
      </c>
      <c r="BB1246">
        <v>0.4375</v>
      </c>
      <c r="BC1246">
        <v>3.2998296856670919</v>
      </c>
      <c r="BD1246" t="s">
        <v>4791</v>
      </c>
      <c r="BE1246" t="s">
        <v>62</v>
      </c>
    </row>
    <row r="1247" spans="1:57" x14ac:dyDescent="0.3">
      <c r="A1247" t="s">
        <v>4792</v>
      </c>
      <c r="B1247">
        <v>859</v>
      </c>
      <c r="C1247" t="s">
        <v>4793</v>
      </c>
      <c r="D1247" t="s">
        <v>4794</v>
      </c>
      <c r="E1247" t="s">
        <v>72</v>
      </c>
      <c r="F1247">
        <v>864</v>
      </c>
      <c r="G1247">
        <v>130.57638888888891</v>
      </c>
      <c r="H1247">
        <v>132</v>
      </c>
      <c r="I1247">
        <v>5391.1122202932092</v>
      </c>
      <c r="J1247">
        <v>73.424193698625047</v>
      </c>
      <c r="K1247">
        <v>-8.1627909916042782E-2</v>
      </c>
      <c r="L1247">
        <v>-1.1744434921091309</v>
      </c>
      <c r="M1247">
        <v>7.7999781638975092</v>
      </c>
      <c r="N1247">
        <v>10</v>
      </c>
      <c r="O1247">
        <v>1</v>
      </c>
      <c r="P1247">
        <v>9</v>
      </c>
      <c r="Q1247">
        <v>1.684133066490842</v>
      </c>
      <c r="R1247">
        <v>5.406532872734708</v>
      </c>
      <c r="S1247">
        <v>2</v>
      </c>
      <c r="T1247">
        <v>1</v>
      </c>
      <c r="U1247">
        <v>1</v>
      </c>
      <c r="V1247">
        <v>7.6115346700492761E-2</v>
      </c>
      <c r="W1247">
        <v>6.7523828581684793</v>
      </c>
      <c r="X1247">
        <v>1</v>
      </c>
      <c r="Y1247">
        <v>1</v>
      </c>
      <c r="Z1247">
        <v>0</v>
      </c>
      <c r="AA1247">
        <v>0</v>
      </c>
      <c r="AB1247">
        <v>6.7592552706636937</v>
      </c>
      <c r="AC1247">
        <v>1</v>
      </c>
      <c r="AD1247">
        <v>1</v>
      </c>
      <c r="AE1247">
        <v>0</v>
      </c>
      <c r="AF1247">
        <v>0</v>
      </c>
      <c r="AG1247">
        <v>6.7580945044277279</v>
      </c>
      <c r="AH1247">
        <v>-2.8414353222124041E-2</v>
      </c>
      <c r="AI1247">
        <v>-6.5211234427665993E-2</v>
      </c>
      <c r="AJ1247">
        <v>-1.684744280894121E-2</v>
      </c>
      <c r="AK1247">
        <v>4.8217038157993553E-3</v>
      </c>
      <c r="AL1247">
        <v>2038.340900559703</v>
      </c>
      <c r="AM1247">
        <v>3903.1339168808258</v>
      </c>
      <c r="AN1247">
        <v>112818</v>
      </c>
      <c r="AO1247">
        <v>75.917887423006647</v>
      </c>
      <c r="AP1247">
        <v>1805.9901300141221</v>
      </c>
      <c r="AQ1247">
        <v>1.02662037037037</v>
      </c>
      <c r="AR1247">
        <v>4.052083333333333</v>
      </c>
      <c r="AS1247">
        <v>862</v>
      </c>
      <c r="AT1247">
        <v>206.81712962962959</v>
      </c>
      <c r="AU1247">
        <v>3.0895969498910662E-2</v>
      </c>
      <c r="AV1247">
        <v>-2.8427550668484649E-2</v>
      </c>
      <c r="AW1247">
        <v>0.34837962962962971</v>
      </c>
      <c r="AX1247">
        <v>85.565469293163389</v>
      </c>
      <c r="AY1247">
        <v>63</v>
      </c>
      <c r="AZ1247">
        <v>126</v>
      </c>
      <c r="BA1247">
        <v>0.56230834933797835</v>
      </c>
      <c r="BB1247">
        <v>0.5092592592592593</v>
      </c>
      <c r="BC1247">
        <v>5.1942540385688662</v>
      </c>
      <c r="BD1247" t="s">
        <v>4795</v>
      </c>
      <c r="BE1247" t="s">
        <v>62</v>
      </c>
    </row>
    <row r="1248" spans="1:57" x14ac:dyDescent="0.3">
      <c r="A1248" t="s">
        <v>4796</v>
      </c>
      <c r="B1248">
        <v>757</v>
      </c>
      <c r="C1248" t="s">
        <v>4797</v>
      </c>
      <c r="D1248" t="s">
        <v>4798</v>
      </c>
      <c r="E1248" t="s">
        <v>93</v>
      </c>
      <c r="F1248">
        <v>759</v>
      </c>
      <c r="G1248">
        <v>128.566534914361</v>
      </c>
      <c r="H1248">
        <v>130</v>
      </c>
      <c r="I1248">
        <v>5745.9188273871196</v>
      </c>
      <c r="J1248">
        <v>75.801839208472515</v>
      </c>
      <c r="K1248">
        <v>-2.6791889867832021E-2</v>
      </c>
      <c r="L1248">
        <v>-1.273523591797477</v>
      </c>
      <c r="M1248">
        <v>7.6959611747563246</v>
      </c>
      <c r="N1248">
        <v>9</v>
      </c>
      <c r="O1248">
        <v>1</v>
      </c>
      <c r="P1248">
        <v>8</v>
      </c>
      <c r="Q1248">
        <v>1.615574114199563</v>
      </c>
      <c r="R1248">
        <v>5.3344337899811336</v>
      </c>
      <c r="S1248">
        <v>2</v>
      </c>
      <c r="T1248">
        <v>1</v>
      </c>
      <c r="U1248">
        <v>1</v>
      </c>
      <c r="V1248">
        <v>0.11484883205836641</v>
      </c>
      <c r="W1248">
        <v>6.6123945418281256</v>
      </c>
      <c r="X1248">
        <v>1</v>
      </c>
      <c r="Y1248">
        <v>1</v>
      </c>
      <c r="Z1248">
        <v>0</v>
      </c>
      <c r="AA1248">
        <v>0</v>
      </c>
      <c r="AB1248">
        <v>6.6293632534374476</v>
      </c>
      <c r="AC1248">
        <v>1</v>
      </c>
      <c r="AD1248">
        <v>1</v>
      </c>
      <c r="AE1248">
        <v>0</v>
      </c>
      <c r="AF1248">
        <v>0</v>
      </c>
      <c r="AG1248">
        <v>6.6280413761795316</v>
      </c>
      <c r="AH1248">
        <v>1.552131288645499E-2</v>
      </c>
      <c r="AI1248">
        <v>3.8094329224111018E-2</v>
      </c>
      <c r="AJ1248">
        <v>-4.9930127148630363E-2</v>
      </c>
      <c r="AK1248">
        <v>-1.627411058776897E-2</v>
      </c>
      <c r="AL1248">
        <v>1968.0774068699679</v>
      </c>
      <c r="AM1248">
        <v>3610.2082101407932</v>
      </c>
      <c r="AN1248">
        <v>97582</v>
      </c>
      <c r="AO1248">
        <v>66.518607821376136</v>
      </c>
      <c r="AP1248">
        <v>1679.0123111268949</v>
      </c>
      <c r="AQ1248">
        <v>1.0303030303030301</v>
      </c>
      <c r="AR1248">
        <v>3.9578392621870879</v>
      </c>
      <c r="AS1248">
        <v>756</v>
      </c>
      <c r="AT1248">
        <v>191.52964426877469</v>
      </c>
      <c r="AU1248">
        <v>2.8132992327365661E-2</v>
      </c>
      <c r="AV1248">
        <v>1.555479259688896E-2</v>
      </c>
      <c r="AW1248">
        <v>0.35441370223978919</v>
      </c>
      <c r="AX1248">
        <v>86.656992084432716</v>
      </c>
      <c r="AY1248">
        <v>67</v>
      </c>
      <c r="AZ1248">
        <v>134.5</v>
      </c>
      <c r="BA1248">
        <v>0.58959230144115349</v>
      </c>
      <c r="BB1248">
        <v>0.50461133069828723</v>
      </c>
      <c r="BC1248">
        <v>5.1857396543533447</v>
      </c>
      <c r="BD1248" t="s">
        <v>4799</v>
      </c>
      <c r="BE1248" t="s">
        <v>68</v>
      </c>
    </row>
    <row r="1249" spans="1:57" x14ac:dyDescent="0.3">
      <c r="A1249" t="s">
        <v>4800</v>
      </c>
      <c r="B1249">
        <v>1627</v>
      </c>
      <c r="C1249" t="s">
        <v>4801</v>
      </c>
      <c r="D1249" t="s">
        <v>4802</v>
      </c>
      <c r="E1249" t="s">
        <v>66</v>
      </c>
      <c r="F1249">
        <v>72</v>
      </c>
      <c r="G1249">
        <v>125.3472222222222</v>
      </c>
      <c r="H1249">
        <v>120</v>
      </c>
      <c r="I1249">
        <v>5869.1433256172841</v>
      </c>
      <c r="J1249">
        <v>76.610334326494652</v>
      </c>
      <c r="K1249">
        <v>7.1236602167406973E-2</v>
      </c>
      <c r="L1249">
        <v>-1.191520647672093</v>
      </c>
      <c r="M1249">
        <v>6.0032583347756514</v>
      </c>
      <c r="N1249">
        <v>2</v>
      </c>
      <c r="O1249">
        <v>1</v>
      </c>
      <c r="P1249">
        <v>1</v>
      </c>
      <c r="Q1249">
        <v>0.28747978728803442</v>
      </c>
      <c r="R1249">
        <v>4.1611415889227308</v>
      </c>
      <c r="S1249">
        <v>2</v>
      </c>
      <c r="T1249">
        <v>1</v>
      </c>
      <c r="U1249">
        <v>1</v>
      </c>
      <c r="V1249">
        <v>0.16776575221435111</v>
      </c>
      <c r="W1249">
        <v>4.2236293316576567</v>
      </c>
      <c r="X1249">
        <v>2</v>
      </c>
      <c r="Y1249">
        <v>1</v>
      </c>
      <c r="Z1249">
        <v>1</v>
      </c>
      <c r="AA1249">
        <v>0.11951030798891769</v>
      </c>
      <c r="AB1249">
        <v>4.2286910368905044</v>
      </c>
      <c r="AC1249">
        <v>1</v>
      </c>
      <c r="AD1249">
        <v>1</v>
      </c>
      <c r="AE1249">
        <v>0</v>
      </c>
      <c r="AF1249">
        <v>0</v>
      </c>
      <c r="AG1249">
        <v>4.2341065045972579</v>
      </c>
      <c r="AH1249">
        <v>-0.1267131540131517</v>
      </c>
      <c r="AI1249">
        <v>0.1881240567827972</v>
      </c>
      <c r="AJ1249">
        <v>4.3449887682629168E-2</v>
      </c>
      <c r="AK1249">
        <v>-6.4957643307197444E-2</v>
      </c>
      <c r="AL1249">
        <v>712.92315400087261</v>
      </c>
      <c r="AM1249">
        <v>1022.534877884098</v>
      </c>
      <c r="AN1249">
        <v>9025</v>
      </c>
      <c r="AO1249">
        <v>92.254539732103325</v>
      </c>
      <c r="AP1249">
        <v>584.32810190031159</v>
      </c>
      <c r="AQ1249">
        <v>1.319444444444444</v>
      </c>
      <c r="AR1249">
        <v>3.8472222222222219</v>
      </c>
      <c r="AS1249">
        <v>72</v>
      </c>
      <c r="AT1249">
        <v>5.0000000000000018</v>
      </c>
      <c r="AU1249">
        <v>6.4379084967320255E-2</v>
      </c>
      <c r="AV1249">
        <v>-0.12820026199190909</v>
      </c>
      <c r="AW1249">
        <v>0.41666666666666669</v>
      </c>
      <c r="AX1249">
        <v>94.492957746478879</v>
      </c>
      <c r="AY1249">
        <v>61.5</v>
      </c>
      <c r="AZ1249">
        <v>126.75</v>
      </c>
      <c r="BA1249">
        <v>0.61118493867120383</v>
      </c>
      <c r="BB1249">
        <v>0.47222222222222221</v>
      </c>
      <c r="BC1249">
        <v>3.9355361296406488</v>
      </c>
      <c r="BD1249" t="s">
        <v>4803</v>
      </c>
      <c r="BE1249" t="s">
        <v>68</v>
      </c>
    </row>
    <row r="1250" spans="1:57" x14ac:dyDescent="0.3">
      <c r="A1250" t="s">
        <v>4804</v>
      </c>
      <c r="B1250">
        <v>3877</v>
      </c>
      <c r="C1250" t="s">
        <v>4805</v>
      </c>
      <c r="D1250" t="s">
        <v>4806</v>
      </c>
      <c r="E1250" t="s">
        <v>85</v>
      </c>
      <c r="F1250">
        <v>8</v>
      </c>
      <c r="G1250">
        <v>162.625</v>
      </c>
      <c r="H1250">
        <v>187.5</v>
      </c>
      <c r="I1250">
        <v>5154.484375</v>
      </c>
      <c r="J1250">
        <v>71.794737794632269</v>
      </c>
      <c r="K1250">
        <v>-0.6462726050556189</v>
      </c>
      <c r="L1250">
        <v>-0.88783645906642272</v>
      </c>
      <c r="M1250">
        <v>3</v>
      </c>
      <c r="N1250">
        <v>1</v>
      </c>
      <c r="O1250">
        <v>1</v>
      </c>
      <c r="P1250">
        <v>0</v>
      </c>
      <c r="Q1250">
        <v>0</v>
      </c>
      <c r="R1250">
        <v>2.0794415416798362</v>
      </c>
      <c r="S1250">
        <v>1</v>
      </c>
      <c r="T1250">
        <v>1</v>
      </c>
      <c r="U1250">
        <v>0</v>
      </c>
      <c r="V1250">
        <v>0</v>
      </c>
      <c r="W1250">
        <v>1.945910149055313</v>
      </c>
      <c r="X1250">
        <v>1</v>
      </c>
      <c r="Y1250">
        <v>1</v>
      </c>
      <c r="Z1250">
        <v>0</v>
      </c>
      <c r="AA1250">
        <v>0</v>
      </c>
      <c r="AB1250">
        <v>1.791759469228055</v>
      </c>
      <c r="AC1250">
        <v>1</v>
      </c>
      <c r="AD1250">
        <v>1</v>
      </c>
      <c r="AE1250">
        <v>0</v>
      </c>
      <c r="AF1250">
        <v>0</v>
      </c>
      <c r="AG1250">
        <v>1.6094379124341009</v>
      </c>
      <c r="AH1250">
        <v>-0.36835681612188409</v>
      </c>
      <c r="AI1250">
        <v>0.20840696965930761</v>
      </c>
      <c r="AJ1250">
        <v>-0.34434707945447979</v>
      </c>
      <c r="AK1250">
        <v>0</v>
      </c>
      <c r="AL1250">
        <v>329.82213526966763</v>
      </c>
      <c r="AM1250">
        <v>379.51068375759479</v>
      </c>
      <c r="AN1250">
        <v>1301</v>
      </c>
      <c r="AO1250">
        <v>55.86276365269984</v>
      </c>
      <c r="AP1250">
        <v>212.2128887129852</v>
      </c>
      <c r="AQ1250">
        <v>3.5</v>
      </c>
      <c r="AR1250">
        <v>4.875</v>
      </c>
      <c r="AS1250">
        <v>8</v>
      </c>
      <c r="AT1250">
        <v>0</v>
      </c>
      <c r="AU1250">
        <v>0.25253036437246967</v>
      </c>
      <c r="AV1250">
        <v>-0.42207931607601168</v>
      </c>
      <c r="AW1250">
        <v>0.25</v>
      </c>
      <c r="AX1250">
        <v>109.1428571428571</v>
      </c>
      <c r="AY1250">
        <v>49.5</v>
      </c>
      <c r="AZ1250">
        <v>108</v>
      </c>
      <c r="BA1250">
        <v>0.44147417552425677</v>
      </c>
      <c r="BB1250">
        <v>0.625</v>
      </c>
      <c r="BC1250">
        <v>1.945910149055313</v>
      </c>
      <c r="BD1250" t="s">
        <v>4805</v>
      </c>
      <c r="BE1250" t="s">
        <v>68</v>
      </c>
    </row>
    <row r="1251" spans="1:57" x14ac:dyDescent="0.3">
      <c r="A1251" t="s">
        <v>4807</v>
      </c>
      <c r="B1251">
        <v>3260</v>
      </c>
      <c r="C1251" t="s">
        <v>4808</v>
      </c>
      <c r="D1251" t="s">
        <v>4809</v>
      </c>
      <c r="E1251" t="s">
        <v>98</v>
      </c>
      <c r="F1251">
        <v>16</v>
      </c>
      <c r="G1251">
        <v>114.4375</v>
      </c>
      <c r="H1251">
        <v>99</v>
      </c>
      <c r="I1251">
        <v>3817.12109375</v>
      </c>
      <c r="J1251">
        <v>61.782854367130042</v>
      </c>
      <c r="K1251">
        <v>0.13298098927889249</v>
      </c>
      <c r="L1251">
        <v>-1.3052025465952899</v>
      </c>
      <c r="M1251">
        <v>4</v>
      </c>
      <c r="N1251">
        <v>1</v>
      </c>
      <c r="O1251">
        <v>1</v>
      </c>
      <c r="P1251">
        <v>0</v>
      </c>
      <c r="Q1251">
        <v>0</v>
      </c>
      <c r="R1251">
        <v>2.7725887222397811</v>
      </c>
      <c r="S1251">
        <v>1</v>
      </c>
      <c r="T1251">
        <v>1</v>
      </c>
      <c r="U1251">
        <v>0</v>
      </c>
      <c r="V1251">
        <v>0</v>
      </c>
      <c r="W1251">
        <v>2.7080502011022101</v>
      </c>
      <c r="X1251">
        <v>1</v>
      </c>
      <c r="Y1251">
        <v>1</v>
      </c>
      <c r="Z1251">
        <v>0</v>
      </c>
      <c r="AA1251">
        <v>0</v>
      </c>
      <c r="AB1251">
        <v>2.639057329615258</v>
      </c>
      <c r="AC1251">
        <v>1</v>
      </c>
      <c r="AD1251">
        <v>1</v>
      </c>
      <c r="AE1251">
        <v>0</v>
      </c>
      <c r="AF1251">
        <v>0</v>
      </c>
      <c r="AG1251">
        <v>2.5649493574615372</v>
      </c>
      <c r="AH1251">
        <v>0.43807652967765498</v>
      </c>
      <c r="AI1251">
        <v>0.13912939029843949</v>
      </c>
      <c r="AJ1251">
        <v>-0.27154106497964048</v>
      </c>
      <c r="AK1251">
        <v>7.434879137275209E-2</v>
      </c>
      <c r="AL1251">
        <v>331.43804750097797</v>
      </c>
      <c r="AM1251">
        <v>400.94615682001432</v>
      </c>
      <c r="AN1251">
        <v>1831</v>
      </c>
      <c r="AO1251">
        <v>25</v>
      </c>
      <c r="AP1251">
        <v>226.57908744212949</v>
      </c>
      <c r="AQ1251">
        <v>2.25</v>
      </c>
      <c r="AR1251">
        <v>4.0625</v>
      </c>
      <c r="AS1251">
        <v>16</v>
      </c>
      <c r="AT1251">
        <v>0</v>
      </c>
      <c r="AU1251">
        <v>0.15238095238095239</v>
      </c>
      <c r="AV1251">
        <v>0.47306020559490802</v>
      </c>
      <c r="AW1251">
        <v>0.5625</v>
      </c>
      <c r="AX1251">
        <v>52.06666666666667</v>
      </c>
      <c r="AY1251">
        <v>52</v>
      </c>
      <c r="AZ1251">
        <v>106</v>
      </c>
      <c r="BA1251">
        <v>0.53988294367781575</v>
      </c>
      <c r="BB1251">
        <v>0.4375</v>
      </c>
      <c r="BC1251">
        <v>2.615630577027551</v>
      </c>
      <c r="BD1251" t="s">
        <v>4808</v>
      </c>
      <c r="BE1251" t="s">
        <v>62</v>
      </c>
    </row>
    <row r="1252" spans="1:57" x14ac:dyDescent="0.3">
      <c r="A1252" t="s">
        <v>4810</v>
      </c>
      <c r="B1252">
        <v>2351</v>
      </c>
      <c r="C1252" t="s">
        <v>4811</v>
      </c>
      <c r="D1252" t="s">
        <v>4812</v>
      </c>
      <c r="E1252" t="s">
        <v>106</v>
      </c>
      <c r="F1252">
        <v>2363</v>
      </c>
      <c r="G1252">
        <v>127.8129496402878</v>
      </c>
      <c r="H1252">
        <v>130</v>
      </c>
      <c r="I1252">
        <v>5371.1711061113028</v>
      </c>
      <c r="J1252">
        <v>73.288274001447888</v>
      </c>
      <c r="K1252">
        <v>-1.441978466107399E-2</v>
      </c>
      <c r="L1252">
        <v>-1.171918304646848</v>
      </c>
      <c r="M1252">
        <v>7.9123363414409189</v>
      </c>
      <c r="N1252">
        <v>18</v>
      </c>
      <c r="O1252">
        <v>2</v>
      </c>
      <c r="P1252">
        <v>16</v>
      </c>
      <c r="Q1252">
        <v>3.1730077064629758</v>
      </c>
      <c r="R1252">
        <v>5.4844136267117696</v>
      </c>
      <c r="S1252">
        <v>2</v>
      </c>
      <c r="T1252">
        <v>1</v>
      </c>
      <c r="U1252">
        <v>1</v>
      </c>
      <c r="V1252">
        <v>0.13952540421804799</v>
      </c>
      <c r="W1252">
        <v>7.740265884728724</v>
      </c>
      <c r="X1252">
        <v>1</v>
      </c>
      <c r="Y1252">
        <v>1</v>
      </c>
      <c r="Z1252">
        <v>0</v>
      </c>
      <c r="AA1252">
        <v>0</v>
      </c>
      <c r="AB1252">
        <v>7.7668405370855114</v>
      </c>
      <c r="AC1252">
        <v>1</v>
      </c>
      <c r="AD1252">
        <v>1</v>
      </c>
      <c r="AE1252">
        <v>0</v>
      </c>
      <c r="AF1252">
        <v>0</v>
      </c>
      <c r="AG1252">
        <v>7.7664168980196564</v>
      </c>
      <c r="AH1252">
        <v>-2.2559041683219849E-6</v>
      </c>
      <c r="AI1252">
        <v>-2.8703294786953739E-2</v>
      </c>
      <c r="AJ1252">
        <v>-3.2277076707542672E-2</v>
      </c>
      <c r="AK1252">
        <v>1.5639621895314069E-2</v>
      </c>
      <c r="AL1252">
        <v>3276.6814957231122</v>
      </c>
      <c r="AM1252">
        <v>6368.4973404709644</v>
      </c>
      <c r="AN1252">
        <v>302022</v>
      </c>
      <c r="AO1252">
        <v>79.130210158308046</v>
      </c>
      <c r="AP1252">
        <v>2992.9473641879722</v>
      </c>
      <c r="AQ1252">
        <v>1.009733389758781</v>
      </c>
      <c r="AR1252">
        <v>3.969530258146424</v>
      </c>
      <c r="AS1252">
        <v>2353</v>
      </c>
      <c r="AT1252">
        <v>279.22767668218358</v>
      </c>
      <c r="AU1252">
        <v>1.450134010438708E-2</v>
      </c>
      <c r="AV1252">
        <v>-1.9322298532434479E-6</v>
      </c>
      <c r="AW1252">
        <v>0.36648328396106639</v>
      </c>
      <c r="AX1252">
        <v>85.203640982218459</v>
      </c>
      <c r="AY1252">
        <v>64</v>
      </c>
      <c r="AZ1252">
        <v>127</v>
      </c>
      <c r="BA1252">
        <v>0.57340257155247421</v>
      </c>
      <c r="BB1252">
        <v>0.51079136690647486</v>
      </c>
      <c r="BC1252">
        <v>5.2906661060398754</v>
      </c>
      <c r="BD1252" t="s">
        <v>4813</v>
      </c>
      <c r="BE1252" t="s">
        <v>68</v>
      </c>
    </row>
    <row r="1253" spans="1:57" x14ac:dyDescent="0.3">
      <c r="A1253" t="s">
        <v>4814</v>
      </c>
      <c r="B1253">
        <v>2959</v>
      </c>
      <c r="C1253" t="s">
        <v>4815</v>
      </c>
      <c r="D1253" t="s">
        <v>4816</v>
      </c>
      <c r="E1253" t="s">
        <v>93</v>
      </c>
      <c r="F1253">
        <v>2964</v>
      </c>
      <c r="G1253">
        <v>128.32152496626179</v>
      </c>
      <c r="H1253">
        <v>128</v>
      </c>
      <c r="I1253">
        <v>5511.0777957851387</v>
      </c>
      <c r="J1253">
        <v>74.236633785383475</v>
      </c>
      <c r="K1253">
        <v>-1.168111421270549E-2</v>
      </c>
      <c r="L1253">
        <v>-1.231638413496871</v>
      </c>
      <c r="M1253">
        <v>7.9396636297844339</v>
      </c>
      <c r="N1253">
        <v>22</v>
      </c>
      <c r="O1253">
        <v>4</v>
      </c>
      <c r="P1253">
        <v>18</v>
      </c>
      <c r="Q1253">
        <v>3.3274647232352441</v>
      </c>
      <c r="R1253">
        <v>5.5033554595794101</v>
      </c>
      <c r="S1253">
        <v>2</v>
      </c>
      <c r="T1253">
        <v>1</v>
      </c>
      <c r="U1253">
        <v>1</v>
      </c>
      <c r="V1253">
        <v>0.15475063109661369</v>
      </c>
      <c r="W1253">
        <v>7.9607388841785216</v>
      </c>
      <c r="X1253">
        <v>1</v>
      </c>
      <c r="Y1253">
        <v>1</v>
      </c>
      <c r="Z1253">
        <v>0</v>
      </c>
      <c r="AA1253">
        <v>0</v>
      </c>
      <c r="AB1253">
        <v>7.9936199948277444</v>
      </c>
      <c r="AC1253">
        <v>1</v>
      </c>
      <c r="AD1253">
        <v>1</v>
      </c>
      <c r="AE1253">
        <v>0</v>
      </c>
      <c r="AF1253">
        <v>0</v>
      </c>
      <c r="AG1253">
        <v>7.993282328101591</v>
      </c>
      <c r="AH1253">
        <v>-3.1477094363264242E-2</v>
      </c>
      <c r="AI1253">
        <v>5.2986204416788311E-3</v>
      </c>
      <c r="AJ1253">
        <v>-7.2716990431743482E-3</v>
      </c>
      <c r="AK1253">
        <v>8.573647516713051E-3</v>
      </c>
      <c r="AL1253">
        <v>3700.5300043910802</v>
      </c>
      <c r="AM1253">
        <v>7172.6816942201858</v>
      </c>
      <c r="AN1253">
        <v>380345</v>
      </c>
      <c r="AO1253">
        <v>71.207665284469073</v>
      </c>
      <c r="AP1253">
        <v>3354.3621914662258</v>
      </c>
      <c r="AQ1253">
        <v>1.0077597840755741</v>
      </c>
      <c r="AR1253">
        <v>3.9996626180836712</v>
      </c>
      <c r="AS1253">
        <v>2953</v>
      </c>
      <c r="AT1253">
        <v>244.8097165991903</v>
      </c>
      <c r="AU1253">
        <v>1.76986584107327E-2</v>
      </c>
      <c r="AV1253">
        <v>-3.1488161383401832E-2</v>
      </c>
      <c r="AW1253">
        <v>0.37381916329284748</v>
      </c>
      <c r="AX1253">
        <v>87.355720553493086</v>
      </c>
      <c r="AY1253">
        <v>66</v>
      </c>
      <c r="AZ1253">
        <v>132</v>
      </c>
      <c r="BA1253">
        <v>0.57852050780180253</v>
      </c>
      <c r="BB1253">
        <v>0.49932523616734142</v>
      </c>
      <c r="BC1253">
        <v>5.3212122160286199</v>
      </c>
      <c r="BD1253" t="s">
        <v>4817</v>
      </c>
      <c r="BE1253" t="s">
        <v>68</v>
      </c>
    </row>
    <row r="1254" spans="1:57" x14ac:dyDescent="0.3">
      <c r="A1254" t="s">
        <v>4818</v>
      </c>
      <c r="B1254">
        <v>2777</v>
      </c>
      <c r="C1254" t="s">
        <v>4819</v>
      </c>
      <c r="D1254" t="s">
        <v>4820</v>
      </c>
      <c r="E1254" t="s">
        <v>72</v>
      </c>
      <c r="F1254">
        <v>2784</v>
      </c>
      <c r="G1254">
        <v>128.82363505747131</v>
      </c>
      <c r="H1254">
        <v>131</v>
      </c>
      <c r="I1254">
        <v>5504.6567546024489</v>
      </c>
      <c r="J1254">
        <v>74.193374061316618</v>
      </c>
      <c r="K1254">
        <v>-2.913208726391138E-2</v>
      </c>
      <c r="L1254">
        <v>-1.224441523148744</v>
      </c>
      <c r="M1254">
        <v>7.9234542051686239</v>
      </c>
      <c r="N1254">
        <v>22</v>
      </c>
      <c r="O1254">
        <v>4</v>
      </c>
      <c r="P1254">
        <v>18</v>
      </c>
      <c r="Q1254">
        <v>3.5575623676894268</v>
      </c>
      <c r="R1254">
        <v>5.4921199426084737</v>
      </c>
      <c r="S1254">
        <v>3</v>
      </c>
      <c r="T1254">
        <v>1</v>
      </c>
      <c r="U1254">
        <v>2</v>
      </c>
      <c r="V1254">
        <v>0.15632506869043289</v>
      </c>
      <c r="W1254">
        <v>7.8982201995504422</v>
      </c>
      <c r="X1254">
        <v>1</v>
      </c>
      <c r="Y1254">
        <v>1</v>
      </c>
      <c r="Z1254">
        <v>0</v>
      </c>
      <c r="AA1254">
        <v>0</v>
      </c>
      <c r="AB1254">
        <v>7.9309253724833892</v>
      </c>
      <c r="AC1254">
        <v>1</v>
      </c>
      <c r="AD1254">
        <v>1</v>
      </c>
      <c r="AE1254">
        <v>0</v>
      </c>
      <c r="AF1254">
        <v>0</v>
      </c>
      <c r="AG1254">
        <v>7.930565854233965</v>
      </c>
      <c r="AH1254">
        <v>2.119859723055547E-2</v>
      </c>
      <c r="AI1254">
        <v>-1.6037488542562899E-3</v>
      </c>
      <c r="AJ1254">
        <v>-2.3490330712841411E-2</v>
      </c>
      <c r="AK1254">
        <v>-3.4170447796327032E-2</v>
      </c>
      <c r="AL1254">
        <v>3592.358913184798</v>
      </c>
      <c r="AM1254">
        <v>6972.9387232974987</v>
      </c>
      <c r="AN1254">
        <v>358645</v>
      </c>
      <c r="AO1254">
        <v>83.139504253271781</v>
      </c>
      <c r="AP1254">
        <v>3243.6966692922761</v>
      </c>
      <c r="AQ1254">
        <v>1.008261494252874</v>
      </c>
      <c r="AR1254">
        <v>4.0535201149425291</v>
      </c>
      <c r="AS1254">
        <v>2771</v>
      </c>
      <c r="AT1254">
        <v>297.93103448275861</v>
      </c>
      <c r="AU1254">
        <v>1.818796484110885E-2</v>
      </c>
      <c r="AV1254">
        <v>2.121298884160543E-2</v>
      </c>
      <c r="AW1254">
        <v>0.3573994252873563</v>
      </c>
      <c r="AX1254">
        <v>84.581386992454185</v>
      </c>
      <c r="AY1254">
        <v>65</v>
      </c>
      <c r="AZ1254">
        <v>131</v>
      </c>
      <c r="BA1254">
        <v>0.57592982862358455</v>
      </c>
      <c r="BB1254">
        <v>0.51005747126436785</v>
      </c>
      <c r="BC1254">
        <v>5.3038382511552431</v>
      </c>
      <c r="BD1254" t="s">
        <v>4821</v>
      </c>
      <c r="BE1254" t="s">
        <v>62</v>
      </c>
    </row>
    <row r="1255" spans="1:57" x14ac:dyDescent="0.3">
      <c r="A1255" t="s">
        <v>4822</v>
      </c>
      <c r="B1255">
        <v>3380</v>
      </c>
      <c r="C1255" t="s">
        <v>4823</v>
      </c>
      <c r="D1255" t="s">
        <v>4824</v>
      </c>
      <c r="E1255" t="s">
        <v>66</v>
      </c>
      <c r="F1255">
        <v>71</v>
      </c>
      <c r="G1255">
        <v>103.2957746478873</v>
      </c>
      <c r="H1255">
        <v>90</v>
      </c>
      <c r="I1255">
        <v>5142.2646300337246</v>
      </c>
      <c r="J1255">
        <v>71.709585342781921</v>
      </c>
      <c r="K1255">
        <v>0.36530964706093222</v>
      </c>
      <c r="L1255">
        <v>-1.210932835305631</v>
      </c>
      <c r="M1255">
        <v>5.8398879645751016</v>
      </c>
      <c r="N1255">
        <v>2</v>
      </c>
      <c r="O1255">
        <v>1</v>
      </c>
      <c r="P1255">
        <v>1</v>
      </c>
      <c r="Q1255">
        <v>0.38693955887479681</v>
      </c>
      <c r="R1255">
        <v>4.0479018774311921</v>
      </c>
      <c r="S1255">
        <v>1</v>
      </c>
      <c r="T1255">
        <v>1</v>
      </c>
      <c r="U1255">
        <v>0</v>
      </c>
      <c r="V1255">
        <v>0</v>
      </c>
      <c r="W1255">
        <v>4.2484952420493576</v>
      </c>
      <c r="X1255">
        <v>1</v>
      </c>
      <c r="Y1255">
        <v>1</v>
      </c>
      <c r="Z1255">
        <v>0</v>
      </c>
      <c r="AA1255">
        <v>0</v>
      </c>
      <c r="AB1255">
        <v>4.2341065045972579</v>
      </c>
      <c r="AC1255">
        <v>1</v>
      </c>
      <c r="AD1255">
        <v>1</v>
      </c>
      <c r="AE1255">
        <v>0</v>
      </c>
      <c r="AF1255">
        <v>0</v>
      </c>
      <c r="AG1255">
        <v>4.2195077051761087</v>
      </c>
      <c r="AH1255">
        <v>0.1027203442773971</v>
      </c>
      <c r="AI1255">
        <v>-4.6656166351873307E-2</v>
      </c>
      <c r="AJ1255">
        <v>6.9846965802611904E-2</v>
      </c>
      <c r="AK1255">
        <v>-0.1190430345637938</v>
      </c>
      <c r="AL1255">
        <v>640.72461490326475</v>
      </c>
      <c r="AM1255">
        <v>843.88622921402339</v>
      </c>
      <c r="AN1255">
        <v>7334</v>
      </c>
      <c r="AO1255">
        <v>97.772285518155542</v>
      </c>
      <c r="AP1255">
        <v>525.15801191673654</v>
      </c>
      <c r="AQ1255">
        <v>1.323943661971831</v>
      </c>
      <c r="AR1255">
        <v>3.464788732394366</v>
      </c>
      <c r="AS1255">
        <v>71</v>
      </c>
      <c r="AT1255">
        <v>7.5915492957746471</v>
      </c>
      <c r="AU1255">
        <v>0.18656292594275331</v>
      </c>
      <c r="AV1255">
        <v>0.1035225884141163</v>
      </c>
      <c r="AW1255">
        <v>0.47887323943661969</v>
      </c>
      <c r="AX1255">
        <v>73.98571428571428</v>
      </c>
      <c r="AY1255">
        <v>56</v>
      </c>
      <c r="AZ1255">
        <v>126</v>
      </c>
      <c r="BA1255">
        <v>0.69421605663178565</v>
      </c>
      <c r="BB1255">
        <v>0.45070422535211269</v>
      </c>
      <c r="BC1255">
        <v>3.9364822177018248</v>
      </c>
      <c r="BD1255" t="s">
        <v>4825</v>
      </c>
      <c r="BE1255" t="s">
        <v>68</v>
      </c>
    </row>
    <row r="1256" spans="1:57" x14ac:dyDescent="0.3">
      <c r="A1256" t="s">
        <v>4826</v>
      </c>
      <c r="B1256">
        <v>716</v>
      </c>
      <c r="C1256" t="s">
        <v>4827</v>
      </c>
      <c r="D1256" t="s">
        <v>4828</v>
      </c>
      <c r="E1256" t="s">
        <v>10622</v>
      </c>
      <c r="F1256">
        <v>64</v>
      </c>
      <c r="G1256">
        <v>118.03125</v>
      </c>
      <c r="H1256">
        <v>107.5</v>
      </c>
      <c r="I1256">
        <v>5400.1552734375</v>
      </c>
      <c r="J1256">
        <v>73.485748777824256</v>
      </c>
      <c r="K1256">
        <v>0.1960920439754546</v>
      </c>
      <c r="L1256">
        <v>-1.0748724627995589</v>
      </c>
      <c r="M1256">
        <v>5.706954882778696</v>
      </c>
      <c r="N1256">
        <v>3</v>
      </c>
      <c r="O1256">
        <v>1</v>
      </c>
      <c r="P1256">
        <v>2</v>
      </c>
      <c r="Q1256">
        <v>0.41620084153671261</v>
      </c>
      <c r="R1256">
        <v>3.9557596865808669</v>
      </c>
      <c r="S1256">
        <v>1</v>
      </c>
      <c r="T1256">
        <v>1</v>
      </c>
      <c r="U1256">
        <v>0</v>
      </c>
      <c r="V1256">
        <v>0</v>
      </c>
      <c r="W1256">
        <v>4.1431347263915326</v>
      </c>
      <c r="X1256">
        <v>1</v>
      </c>
      <c r="Y1256">
        <v>1</v>
      </c>
      <c r="Z1256">
        <v>0</v>
      </c>
      <c r="AA1256">
        <v>0</v>
      </c>
      <c r="AB1256">
        <v>4.1271343850450908</v>
      </c>
      <c r="AC1256">
        <v>1</v>
      </c>
      <c r="AD1256">
        <v>1</v>
      </c>
      <c r="AE1256">
        <v>0</v>
      </c>
      <c r="AF1256">
        <v>0</v>
      </c>
      <c r="AG1256">
        <v>4.1108738641733096</v>
      </c>
      <c r="AH1256">
        <v>-0.24388621920503231</v>
      </c>
      <c r="AI1256">
        <v>-9.3277578869169528E-2</v>
      </c>
      <c r="AJ1256">
        <v>1.3534210419477589E-2</v>
      </c>
      <c r="AK1256">
        <v>-1.7020915830147389E-3</v>
      </c>
      <c r="AL1256">
        <v>607.7182823134026</v>
      </c>
      <c r="AM1256">
        <v>931.60962282602441</v>
      </c>
      <c r="AN1256">
        <v>7554</v>
      </c>
      <c r="AO1256">
        <v>47.24381104417099</v>
      </c>
      <c r="AP1256">
        <v>471.19551229365061</v>
      </c>
      <c r="AQ1256">
        <v>1.359375</v>
      </c>
      <c r="AR1256">
        <v>3.78125</v>
      </c>
      <c r="AS1256">
        <v>64</v>
      </c>
      <c r="AT1256">
        <v>8.1875000000000036</v>
      </c>
      <c r="AU1256">
        <v>9.8752470355731203E-2</v>
      </c>
      <c r="AV1256">
        <v>-0.25139348232814918</v>
      </c>
      <c r="AW1256">
        <v>0.421875</v>
      </c>
      <c r="AX1256">
        <v>98.285714285714292</v>
      </c>
      <c r="AY1256">
        <v>59.5</v>
      </c>
      <c r="AZ1256">
        <v>114</v>
      </c>
      <c r="BA1256">
        <v>0.62259570052697277</v>
      </c>
      <c r="BB1256">
        <v>0.46875</v>
      </c>
      <c r="BC1256">
        <v>3.906476950221248</v>
      </c>
      <c r="BD1256" t="s">
        <v>4829</v>
      </c>
      <c r="BE1256" t="s">
        <v>62</v>
      </c>
    </row>
    <row r="1257" spans="1:57" x14ac:dyDescent="0.3">
      <c r="A1257" t="s">
        <v>4830</v>
      </c>
      <c r="B1257">
        <v>3769</v>
      </c>
      <c r="C1257" t="s">
        <v>4831</v>
      </c>
      <c r="D1257" t="s">
        <v>4832</v>
      </c>
      <c r="E1257" t="s">
        <v>106</v>
      </c>
      <c r="F1257">
        <v>3837</v>
      </c>
      <c r="G1257">
        <v>128.4211623664321</v>
      </c>
      <c r="H1257">
        <v>128</v>
      </c>
      <c r="I1257">
        <v>5435.7241077966764</v>
      </c>
      <c r="J1257">
        <v>73.727363358502629</v>
      </c>
      <c r="K1257">
        <v>-2.0420109305668389E-2</v>
      </c>
      <c r="L1257">
        <v>-1.2074061027238721</v>
      </c>
      <c r="M1257">
        <v>7.9518351181906164</v>
      </c>
      <c r="N1257">
        <v>31</v>
      </c>
      <c r="O1257">
        <v>7</v>
      </c>
      <c r="P1257">
        <v>24</v>
      </c>
      <c r="Q1257">
        <v>3.9056073690142532</v>
      </c>
      <c r="R1257">
        <v>5.5117920924513806</v>
      </c>
      <c r="S1257">
        <v>3</v>
      </c>
      <c r="T1257">
        <v>1</v>
      </c>
      <c r="U1257">
        <v>2</v>
      </c>
      <c r="V1257">
        <v>0.1700803810812494</v>
      </c>
      <c r="W1257">
        <v>8.2126574554230771</v>
      </c>
      <c r="X1257">
        <v>1</v>
      </c>
      <c r="Y1257">
        <v>1</v>
      </c>
      <c r="Z1257">
        <v>0</v>
      </c>
      <c r="AA1257">
        <v>0</v>
      </c>
      <c r="AB1257">
        <v>8.2519247138013583</v>
      </c>
      <c r="AC1257">
        <v>1</v>
      </c>
      <c r="AD1257">
        <v>1</v>
      </c>
      <c r="AE1257">
        <v>0</v>
      </c>
      <c r="AF1257">
        <v>0</v>
      </c>
      <c r="AG1257">
        <v>8.2516639236055855</v>
      </c>
      <c r="AH1257">
        <v>3.6596378801405428E-3</v>
      </c>
      <c r="AI1257">
        <v>1.0092725118372789E-2</v>
      </c>
      <c r="AJ1257">
        <v>9.9998821608343232E-3</v>
      </c>
      <c r="AK1257">
        <v>-5.3866325800250364E-3</v>
      </c>
      <c r="AL1257">
        <v>4163.4514503477694</v>
      </c>
      <c r="AM1257">
        <v>8173.2692370065142</v>
      </c>
      <c r="AN1257">
        <v>492752</v>
      </c>
      <c r="AO1257">
        <v>131.60970670699689</v>
      </c>
      <c r="AP1257">
        <v>3791.0027479646278</v>
      </c>
      <c r="AQ1257">
        <v>1.0059942663539221</v>
      </c>
      <c r="AR1257">
        <v>4.00208496221006</v>
      </c>
      <c r="AS1257">
        <v>3823</v>
      </c>
      <c r="AT1257">
        <v>260.53453218660411</v>
      </c>
      <c r="AU1257">
        <v>1.414401569853907E-2</v>
      </c>
      <c r="AV1257">
        <v>3.660071184427488E-3</v>
      </c>
      <c r="AW1257">
        <v>0.37242637477195728</v>
      </c>
      <c r="AX1257">
        <v>84.739051094890513</v>
      </c>
      <c r="AY1257">
        <v>65</v>
      </c>
      <c r="AZ1257">
        <v>130</v>
      </c>
      <c r="BA1257">
        <v>0.5741060273861387</v>
      </c>
      <c r="BB1257">
        <v>0.49934844930935629</v>
      </c>
      <c r="BC1257">
        <v>5.3140597949998867</v>
      </c>
      <c r="BD1257" t="s">
        <v>4833</v>
      </c>
      <c r="BE1257" t="s">
        <v>68</v>
      </c>
    </row>
    <row r="1258" spans="1:57" x14ac:dyDescent="0.3">
      <c r="A1258" t="s">
        <v>4834</v>
      </c>
      <c r="B1258">
        <v>135</v>
      </c>
      <c r="C1258" t="s">
        <v>4835</v>
      </c>
      <c r="D1258" t="s">
        <v>4836</v>
      </c>
      <c r="E1258" t="s">
        <v>60</v>
      </c>
      <c r="F1258">
        <v>512</v>
      </c>
      <c r="G1258">
        <v>129.568359375</v>
      </c>
      <c r="H1258">
        <v>131</v>
      </c>
      <c r="I1258">
        <v>5261.9679832458496</v>
      </c>
      <c r="J1258">
        <v>72.539423648426165</v>
      </c>
      <c r="K1258">
        <v>-4.734236857558765E-2</v>
      </c>
      <c r="L1258">
        <v>-1.1716119918498149</v>
      </c>
      <c r="M1258">
        <v>7.6208632706256854</v>
      </c>
      <c r="N1258">
        <v>6</v>
      </c>
      <c r="O1258">
        <v>1</v>
      </c>
      <c r="P1258">
        <v>5</v>
      </c>
      <c r="Q1258">
        <v>1.2085074471528059</v>
      </c>
      <c r="R1258">
        <v>5.2823798894670357</v>
      </c>
      <c r="S1258">
        <v>2</v>
      </c>
      <c r="T1258">
        <v>1</v>
      </c>
      <c r="U1258">
        <v>1</v>
      </c>
      <c r="V1258">
        <v>6.2560641760670568E-2</v>
      </c>
      <c r="W1258">
        <v>6.2309437805711401</v>
      </c>
      <c r="X1258">
        <v>1</v>
      </c>
      <c r="Y1258">
        <v>1</v>
      </c>
      <c r="Z1258">
        <v>0</v>
      </c>
      <c r="AA1258">
        <v>0</v>
      </c>
      <c r="AB1258">
        <v>6.2344107257183694</v>
      </c>
      <c r="AC1258">
        <v>1</v>
      </c>
      <c r="AD1258">
        <v>1</v>
      </c>
      <c r="AE1258">
        <v>0</v>
      </c>
      <c r="AF1258">
        <v>0</v>
      </c>
      <c r="AG1258">
        <v>6.2324480165505216</v>
      </c>
      <c r="AH1258">
        <v>6.3499145881708838E-2</v>
      </c>
      <c r="AI1258">
        <v>7.8024586232210369E-2</v>
      </c>
      <c r="AJ1258">
        <v>-2.6663518443712248E-3</v>
      </c>
      <c r="AK1258">
        <v>4.4333264140513452E-2</v>
      </c>
      <c r="AL1258">
        <v>1589.2894910548521</v>
      </c>
      <c r="AM1258">
        <v>2960.3584096562709</v>
      </c>
      <c r="AN1258">
        <v>66339</v>
      </c>
      <c r="AO1258">
        <v>34.281280138597651</v>
      </c>
      <c r="AP1258">
        <v>1367.899933650059</v>
      </c>
      <c r="AQ1258">
        <v>1.044921875</v>
      </c>
      <c r="AR1258">
        <v>3.9453125</v>
      </c>
      <c r="AS1258">
        <v>509</v>
      </c>
      <c r="AT1258">
        <v>145.6953125</v>
      </c>
      <c r="AU1258">
        <v>2.8324142156862742E-2</v>
      </c>
      <c r="AV1258">
        <v>6.3566500859467037E-2</v>
      </c>
      <c r="AW1258">
        <v>0.365234375</v>
      </c>
      <c r="AX1258">
        <v>79.297455968688851</v>
      </c>
      <c r="AY1258">
        <v>62</v>
      </c>
      <c r="AZ1258">
        <v>124</v>
      </c>
      <c r="BA1258">
        <v>0.55985445828237079</v>
      </c>
      <c r="BB1258">
        <v>0.5078125</v>
      </c>
      <c r="BC1258">
        <v>5.041302131367992</v>
      </c>
      <c r="BD1258" t="s">
        <v>4837</v>
      </c>
      <c r="BE1258" t="s">
        <v>62</v>
      </c>
    </row>
    <row r="1259" spans="1:57" x14ac:dyDescent="0.3">
      <c r="A1259" t="s">
        <v>4838</v>
      </c>
      <c r="B1259">
        <v>1891</v>
      </c>
      <c r="C1259" t="s">
        <v>4839</v>
      </c>
      <c r="D1259" t="s">
        <v>4840</v>
      </c>
      <c r="E1259" t="s">
        <v>93</v>
      </c>
      <c r="F1259">
        <v>2001</v>
      </c>
      <c r="G1259">
        <v>124.0139930034983</v>
      </c>
      <c r="H1259">
        <v>125</v>
      </c>
      <c r="I1259">
        <v>5551.2251915021998</v>
      </c>
      <c r="J1259">
        <v>74.506544621947143</v>
      </c>
      <c r="K1259">
        <v>1.7213863166838841E-2</v>
      </c>
      <c r="L1259">
        <v>-1.2174691532355679</v>
      </c>
      <c r="M1259">
        <v>7.914375631269734</v>
      </c>
      <c r="N1259">
        <v>17</v>
      </c>
      <c r="O1259">
        <v>2</v>
      </c>
      <c r="P1259">
        <v>15</v>
      </c>
      <c r="Q1259">
        <v>2.6753877447878351</v>
      </c>
      <c r="R1259">
        <v>5.4858271547069641</v>
      </c>
      <c r="S1259">
        <v>2</v>
      </c>
      <c r="T1259">
        <v>1</v>
      </c>
      <c r="U1259">
        <v>1</v>
      </c>
      <c r="V1259">
        <v>0.118309667922253</v>
      </c>
      <c r="W1259">
        <v>7.5814943384864026</v>
      </c>
      <c r="X1259">
        <v>1</v>
      </c>
      <c r="Y1259">
        <v>1</v>
      </c>
      <c r="Z1259">
        <v>0</v>
      </c>
      <c r="AA1259">
        <v>0</v>
      </c>
      <c r="AB1259">
        <v>7.6004023345004006</v>
      </c>
      <c r="AC1259">
        <v>1</v>
      </c>
      <c r="AD1259">
        <v>1</v>
      </c>
      <c r="AE1259">
        <v>0</v>
      </c>
      <c r="AF1259">
        <v>0</v>
      </c>
      <c r="AG1259">
        <v>7.5999019592085002</v>
      </c>
      <c r="AH1259">
        <v>-8.4694702584361767E-3</v>
      </c>
      <c r="AI1259">
        <v>-2.9278678655127802E-2</v>
      </c>
      <c r="AJ1259">
        <v>1.658382339592878E-2</v>
      </c>
      <c r="AK1259">
        <v>1.1555863808066681E-2</v>
      </c>
      <c r="AL1259">
        <v>3071.9170710270778</v>
      </c>
      <c r="AM1259">
        <v>5696.1081019176972</v>
      </c>
      <c r="AN1259">
        <v>248152</v>
      </c>
      <c r="AO1259">
        <v>134.18777847311679</v>
      </c>
      <c r="AP1259">
        <v>2779.9271327725392</v>
      </c>
      <c r="AQ1259">
        <v>1.0114942528735631</v>
      </c>
      <c r="AR1259">
        <v>3.9215392303848078</v>
      </c>
      <c r="AS1259">
        <v>1991</v>
      </c>
      <c r="AT1259">
        <v>234.42628685657169</v>
      </c>
      <c r="AU1259">
        <v>2.675720963047884E-2</v>
      </c>
      <c r="AV1259">
        <v>-8.4718060993787016E-3</v>
      </c>
      <c r="AW1259">
        <v>0.36381809095452272</v>
      </c>
      <c r="AX1259">
        <v>85.663499999999999</v>
      </c>
      <c r="AY1259">
        <v>64</v>
      </c>
      <c r="AZ1259">
        <v>129</v>
      </c>
      <c r="BA1259">
        <v>0.60079143342997932</v>
      </c>
      <c r="BB1259">
        <v>0.50224887556221887</v>
      </c>
      <c r="BC1259">
        <v>5.2929257205302829</v>
      </c>
      <c r="BD1259" t="s">
        <v>4841</v>
      </c>
      <c r="BE1259" t="s">
        <v>68</v>
      </c>
    </row>
    <row r="1260" spans="1:57" x14ac:dyDescent="0.3">
      <c r="A1260" t="s">
        <v>4842</v>
      </c>
      <c r="B1260">
        <v>939</v>
      </c>
      <c r="C1260" t="s">
        <v>4843</v>
      </c>
      <c r="D1260" t="s">
        <v>4844</v>
      </c>
      <c r="E1260" t="s">
        <v>66</v>
      </c>
      <c r="F1260">
        <v>71</v>
      </c>
      <c r="G1260">
        <v>115.8450704225352</v>
      </c>
      <c r="H1260">
        <v>107</v>
      </c>
      <c r="I1260">
        <v>6481.68022217814</v>
      </c>
      <c r="J1260">
        <v>80.508882877469745</v>
      </c>
      <c r="K1260">
        <v>0.22086261088662901</v>
      </c>
      <c r="L1260">
        <v>-1.2700146537123731</v>
      </c>
      <c r="M1260">
        <v>5.8467925419789459</v>
      </c>
      <c r="N1260">
        <v>3</v>
      </c>
      <c r="O1260">
        <v>1</v>
      </c>
      <c r="P1260">
        <v>2</v>
      </c>
      <c r="Q1260">
        <v>0.45014853172937652</v>
      </c>
      <c r="R1260">
        <v>4.0526877657916254</v>
      </c>
      <c r="S1260">
        <v>1</v>
      </c>
      <c r="T1260">
        <v>1</v>
      </c>
      <c r="U1260">
        <v>0</v>
      </c>
      <c r="V1260">
        <v>0</v>
      </c>
      <c r="W1260">
        <v>4.2484952420493576</v>
      </c>
      <c r="X1260">
        <v>1</v>
      </c>
      <c r="Y1260">
        <v>1</v>
      </c>
      <c r="Z1260">
        <v>0</v>
      </c>
      <c r="AA1260">
        <v>0</v>
      </c>
      <c r="AB1260">
        <v>4.2341065045972579</v>
      </c>
      <c r="AC1260">
        <v>1</v>
      </c>
      <c r="AD1260">
        <v>1</v>
      </c>
      <c r="AE1260">
        <v>0</v>
      </c>
      <c r="AF1260">
        <v>0</v>
      </c>
      <c r="AG1260">
        <v>4.2195077051761087</v>
      </c>
      <c r="AH1260">
        <v>-8.4508611310578005E-3</v>
      </c>
      <c r="AI1260">
        <v>3.8717322150669441E-2</v>
      </c>
      <c r="AJ1260">
        <v>-0.11273408860297091</v>
      </c>
      <c r="AK1260">
        <v>-0.170366238823459</v>
      </c>
      <c r="AL1260">
        <v>706.28106155852458</v>
      </c>
      <c r="AM1260">
        <v>956.13391430477122</v>
      </c>
      <c r="AN1260">
        <v>8225</v>
      </c>
      <c r="AO1260">
        <v>19.630278550731202</v>
      </c>
      <c r="AP1260">
        <v>595.84017325139791</v>
      </c>
      <c r="AQ1260">
        <v>1.323943661971831</v>
      </c>
      <c r="AR1260">
        <v>3.71830985915493</v>
      </c>
      <c r="AS1260">
        <v>71</v>
      </c>
      <c r="AT1260">
        <v>10.619718309859159</v>
      </c>
      <c r="AU1260">
        <v>0.13635355439724961</v>
      </c>
      <c r="AV1260">
        <v>-8.8193180741549144E-3</v>
      </c>
      <c r="AW1260">
        <v>0.42253521126760563</v>
      </c>
      <c r="AX1260">
        <v>95.48571428571428</v>
      </c>
      <c r="AY1260">
        <v>66</v>
      </c>
      <c r="AZ1260">
        <v>149</v>
      </c>
      <c r="BA1260">
        <v>0.69497029596356863</v>
      </c>
      <c r="BB1260">
        <v>0.45070422535211269</v>
      </c>
      <c r="BC1260">
        <v>3.991040574984237</v>
      </c>
      <c r="BD1260" t="s">
        <v>4845</v>
      </c>
      <c r="BE1260" t="s">
        <v>68</v>
      </c>
    </row>
    <row r="1261" spans="1:57" x14ac:dyDescent="0.3">
      <c r="A1261" t="s">
        <v>4846</v>
      </c>
      <c r="B1261">
        <v>3703</v>
      </c>
      <c r="C1261" t="s">
        <v>4847</v>
      </c>
      <c r="D1261" t="s">
        <v>4848</v>
      </c>
      <c r="E1261" t="s">
        <v>98</v>
      </c>
      <c r="F1261">
        <v>16</v>
      </c>
      <c r="G1261">
        <v>138.375</v>
      </c>
      <c r="H1261">
        <v>128.5</v>
      </c>
      <c r="I1261">
        <v>4716.734375</v>
      </c>
      <c r="J1261">
        <v>68.678485532224713</v>
      </c>
      <c r="K1261">
        <v>0.22289282953693809</v>
      </c>
      <c r="L1261">
        <v>-1.145250112710789</v>
      </c>
      <c r="M1261">
        <v>4</v>
      </c>
      <c r="N1261">
        <v>1</v>
      </c>
      <c r="O1261">
        <v>1</v>
      </c>
      <c r="P1261">
        <v>0</v>
      </c>
      <c r="Q1261">
        <v>0</v>
      </c>
      <c r="R1261">
        <v>2.7725887222397811</v>
      </c>
      <c r="S1261">
        <v>1</v>
      </c>
      <c r="T1261">
        <v>1</v>
      </c>
      <c r="U1261">
        <v>0</v>
      </c>
      <c r="V1261">
        <v>0</v>
      </c>
      <c r="W1261">
        <v>2.7080502011022101</v>
      </c>
      <c r="X1261">
        <v>1</v>
      </c>
      <c r="Y1261">
        <v>1</v>
      </c>
      <c r="Z1261">
        <v>0</v>
      </c>
      <c r="AA1261">
        <v>0</v>
      </c>
      <c r="AB1261">
        <v>2.639057329615258</v>
      </c>
      <c r="AC1261">
        <v>1</v>
      </c>
      <c r="AD1261">
        <v>1</v>
      </c>
      <c r="AE1261">
        <v>0</v>
      </c>
      <c r="AF1261">
        <v>0</v>
      </c>
      <c r="AG1261">
        <v>2.5649493574615372</v>
      </c>
      <c r="AH1261">
        <v>-0.29176390743065739</v>
      </c>
      <c r="AI1261">
        <v>0.2126119269489285</v>
      </c>
      <c r="AJ1261">
        <v>-0.1239331121571797</v>
      </c>
      <c r="AK1261">
        <v>0.30714734108278041</v>
      </c>
      <c r="AL1261">
        <v>368.42795636574652</v>
      </c>
      <c r="AM1261">
        <v>496.07543878744849</v>
      </c>
      <c r="AN1261">
        <v>2214</v>
      </c>
      <c r="AO1261">
        <v>38.418745424597091</v>
      </c>
      <c r="AP1261">
        <v>293.87530325691989</v>
      </c>
      <c r="AQ1261">
        <v>2.3125</v>
      </c>
      <c r="AR1261">
        <v>4.4375</v>
      </c>
      <c r="AS1261">
        <v>16</v>
      </c>
      <c r="AT1261">
        <v>0</v>
      </c>
      <c r="AU1261">
        <v>0.18999999999999989</v>
      </c>
      <c r="AV1261">
        <v>-0.30911217846875921</v>
      </c>
      <c r="AW1261">
        <v>0.5</v>
      </c>
      <c r="AX1261">
        <v>91</v>
      </c>
      <c r="AY1261">
        <v>59</v>
      </c>
      <c r="AZ1261">
        <v>98.25</v>
      </c>
      <c r="BA1261">
        <v>0.49632148532773052</v>
      </c>
      <c r="BB1261">
        <v>0.4375</v>
      </c>
      <c r="BC1261">
        <v>2.7080502011022101</v>
      </c>
      <c r="BD1261" t="s">
        <v>4847</v>
      </c>
      <c r="BE1261" t="s">
        <v>62</v>
      </c>
    </row>
    <row r="1262" spans="1:57" x14ac:dyDescent="0.3">
      <c r="A1262" t="s">
        <v>4849</v>
      </c>
      <c r="B1262">
        <v>3267</v>
      </c>
      <c r="C1262" t="s">
        <v>4850</v>
      </c>
      <c r="D1262" t="s">
        <v>4851</v>
      </c>
      <c r="E1262" t="s">
        <v>72</v>
      </c>
      <c r="F1262">
        <v>3280</v>
      </c>
      <c r="G1262">
        <v>126.18323170731711</v>
      </c>
      <c r="H1262">
        <v>125</v>
      </c>
      <c r="I1262">
        <v>5284.401487117043</v>
      </c>
      <c r="J1262">
        <v>72.693888925528285</v>
      </c>
      <c r="K1262">
        <v>4.1507415299110839E-2</v>
      </c>
      <c r="L1262">
        <v>-1.150199623155556</v>
      </c>
      <c r="M1262">
        <v>7.9362229916312064</v>
      </c>
      <c r="N1262">
        <v>23</v>
      </c>
      <c r="O1262">
        <v>3</v>
      </c>
      <c r="P1262">
        <v>20</v>
      </c>
      <c r="Q1262">
        <v>3.7505207971693739</v>
      </c>
      <c r="R1262">
        <v>5.500970590944176</v>
      </c>
      <c r="S1262">
        <v>3</v>
      </c>
      <c r="T1262">
        <v>1</v>
      </c>
      <c r="U1262">
        <v>2</v>
      </c>
      <c r="V1262">
        <v>0.15914781601941641</v>
      </c>
      <c r="W1262">
        <v>8.0615750361261362</v>
      </c>
      <c r="X1262">
        <v>1</v>
      </c>
      <c r="Y1262">
        <v>1</v>
      </c>
      <c r="Z1262">
        <v>0</v>
      </c>
      <c r="AA1262">
        <v>0</v>
      </c>
      <c r="AB1262">
        <v>8.0949887593037744</v>
      </c>
      <c r="AC1262">
        <v>1</v>
      </c>
      <c r="AD1262">
        <v>1</v>
      </c>
      <c r="AE1262">
        <v>0</v>
      </c>
      <c r="AF1262">
        <v>0</v>
      </c>
      <c r="AG1262">
        <v>8.0946836486988154</v>
      </c>
      <c r="AH1262">
        <v>-1.9579334637809181E-2</v>
      </c>
      <c r="AI1262">
        <v>-2.753474796179705E-2</v>
      </c>
      <c r="AJ1262">
        <v>-1.5824571440031361E-2</v>
      </c>
      <c r="AK1262">
        <v>-1.589538113015735E-2</v>
      </c>
      <c r="AL1262">
        <v>3830.288150125542</v>
      </c>
      <c r="AM1262">
        <v>7408.5472048849006</v>
      </c>
      <c r="AN1262">
        <v>413881</v>
      </c>
      <c r="AO1262">
        <v>89.065354121403303</v>
      </c>
      <c r="AP1262">
        <v>3516.51587980261</v>
      </c>
      <c r="AQ1262">
        <v>1.0070121951219511</v>
      </c>
      <c r="AR1262">
        <v>4.0125000000000002</v>
      </c>
      <c r="AS1262">
        <v>3265</v>
      </c>
      <c r="AT1262">
        <v>281.05365853658532</v>
      </c>
      <c r="AU1262">
        <v>2.3188665710186521E-2</v>
      </c>
      <c r="AV1262">
        <v>-1.958120011048297E-2</v>
      </c>
      <c r="AW1262">
        <v>0.38170731707317068</v>
      </c>
      <c r="AX1262">
        <v>85.325709057639529</v>
      </c>
      <c r="AY1262">
        <v>62</v>
      </c>
      <c r="AZ1262">
        <v>124</v>
      </c>
      <c r="BA1262">
        <v>0.57609785343065467</v>
      </c>
      <c r="BB1262">
        <v>0.49664634146341458</v>
      </c>
      <c r="BC1262">
        <v>5.310618500039789</v>
      </c>
      <c r="BD1262" t="s">
        <v>4852</v>
      </c>
      <c r="BE1262" t="s">
        <v>62</v>
      </c>
    </row>
    <row r="1263" spans="1:57" x14ac:dyDescent="0.3">
      <c r="A1263" t="s">
        <v>4853</v>
      </c>
      <c r="B1263">
        <v>3183</v>
      </c>
      <c r="C1263" t="s">
        <v>4854</v>
      </c>
      <c r="D1263" t="s">
        <v>4855</v>
      </c>
      <c r="E1263" t="s">
        <v>98</v>
      </c>
      <c r="F1263">
        <v>16</v>
      </c>
      <c r="G1263">
        <v>138.5625</v>
      </c>
      <c r="H1263">
        <v>147.5</v>
      </c>
      <c r="I1263">
        <v>4886.49609375</v>
      </c>
      <c r="J1263">
        <v>69.903476978974368</v>
      </c>
      <c r="K1263">
        <v>-0.28038700343831158</v>
      </c>
      <c r="L1263">
        <v>-1.124448824434817</v>
      </c>
      <c r="M1263">
        <v>4</v>
      </c>
      <c r="N1263">
        <v>1</v>
      </c>
      <c r="O1263">
        <v>1</v>
      </c>
      <c r="P1263">
        <v>0</v>
      </c>
      <c r="Q1263">
        <v>0</v>
      </c>
      <c r="R1263">
        <v>2.7725887222397811</v>
      </c>
      <c r="S1263">
        <v>1</v>
      </c>
      <c r="T1263">
        <v>1</v>
      </c>
      <c r="U1263">
        <v>0</v>
      </c>
      <c r="V1263">
        <v>0</v>
      </c>
      <c r="W1263">
        <v>2.7080502011022101</v>
      </c>
      <c r="X1263">
        <v>1</v>
      </c>
      <c r="Y1263">
        <v>1</v>
      </c>
      <c r="Z1263">
        <v>0</v>
      </c>
      <c r="AA1263">
        <v>0</v>
      </c>
      <c r="AB1263">
        <v>2.639057329615258</v>
      </c>
      <c r="AC1263">
        <v>1</v>
      </c>
      <c r="AD1263">
        <v>1</v>
      </c>
      <c r="AE1263">
        <v>0</v>
      </c>
      <c r="AF1263">
        <v>0</v>
      </c>
      <c r="AG1263">
        <v>2.5649493574615372</v>
      </c>
      <c r="AH1263">
        <v>7.243330631371693E-2</v>
      </c>
      <c r="AI1263">
        <v>-0.20119072171953481</v>
      </c>
      <c r="AJ1263">
        <v>-0.10056358483160301</v>
      </c>
      <c r="AK1263">
        <v>1.6901149772611541E-2</v>
      </c>
      <c r="AL1263">
        <v>391.64402662630101</v>
      </c>
      <c r="AM1263">
        <v>481.6554332797848</v>
      </c>
      <c r="AN1263">
        <v>2217</v>
      </c>
      <c r="AO1263">
        <v>137</v>
      </c>
      <c r="AP1263">
        <v>229.7200818622542</v>
      </c>
      <c r="AQ1263">
        <v>2.3125</v>
      </c>
      <c r="AR1263">
        <v>3.875</v>
      </c>
      <c r="AS1263">
        <v>16</v>
      </c>
      <c r="AT1263">
        <v>0</v>
      </c>
      <c r="AU1263">
        <v>0.12123493975903619</v>
      </c>
      <c r="AV1263">
        <v>8.1527889407967277E-2</v>
      </c>
      <c r="AW1263">
        <v>0.1875</v>
      </c>
      <c r="AX1263">
        <v>72.666666666666671</v>
      </c>
      <c r="AY1263">
        <v>59.5</v>
      </c>
      <c r="AZ1263">
        <v>118.75</v>
      </c>
      <c r="BA1263">
        <v>0.50449058712836714</v>
      </c>
      <c r="BB1263">
        <v>0.5625</v>
      </c>
      <c r="BC1263">
        <v>2.7080502011022101</v>
      </c>
      <c r="BD1263" t="s">
        <v>4854</v>
      </c>
      <c r="BE1263" t="s">
        <v>62</v>
      </c>
    </row>
    <row r="1264" spans="1:57" x14ac:dyDescent="0.3">
      <c r="A1264" t="s">
        <v>4856</v>
      </c>
      <c r="B1264">
        <v>3651</v>
      </c>
      <c r="C1264" t="s">
        <v>4857</v>
      </c>
      <c r="D1264" t="s">
        <v>4858</v>
      </c>
      <c r="E1264" t="s">
        <v>72</v>
      </c>
      <c r="F1264">
        <v>3664</v>
      </c>
      <c r="G1264">
        <v>125.6913209606987</v>
      </c>
      <c r="H1264">
        <v>124</v>
      </c>
      <c r="I1264">
        <v>5508.1691823161991</v>
      </c>
      <c r="J1264">
        <v>74.217041050665713</v>
      </c>
      <c r="K1264">
        <v>4.1372514842399399E-2</v>
      </c>
      <c r="L1264">
        <v>-1.185250892477006</v>
      </c>
      <c r="M1264">
        <v>7.9431376131192479</v>
      </c>
      <c r="N1264">
        <v>26</v>
      </c>
      <c r="O1264">
        <v>5</v>
      </c>
      <c r="P1264">
        <v>21</v>
      </c>
      <c r="Q1264">
        <v>3.9612379693727058</v>
      </c>
      <c r="R1264">
        <v>5.5057634413332632</v>
      </c>
      <c r="S1264">
        <v>2</v>
      </c>
      <c r="T1264">
        <v>1</v>
      </c>
      <c r="U1264">
        <v>1</v>
      </c>
      <c r="V1264">
        <v>0.1486664541958494</v>
      </c>
      <c r="W1264">
        <v>8.1753826049162104</v>
      </c>
      <c r="X1264">
        <v>1</v>
      </c>
      <c r="Y1264">
        <v>1</v>
      </c>
      <c r="Z1264">
        <v>0</v>
      </c>
      <c r="AA1264">
        <v>0</v>
      </c>
      <c r="AB1264">
        <v>8.2057647252344523</v>
      </c>
      <c r="AC1264">
        <v>1</v>
      </c>
      <c r="AD1264">
        <v>1</v>
      </c>
      <c r="AE1264">
        <v>0</v>
      </c>
      <c r="AF1264">
        <v>0</v>
      </c>
      <c r="AG1264">
        <v>8.2054916131202322</v>
      </c>
      <c r="AH1264">
        <v>2.0212554745711171E-2</v>
      </c>
      <c r="AI1264">
        <v>-2.239787064656697E-2</v>
      </c>
      <c r="AJ1264">
        <v>9.6511445507959544E-3</v>
      </c>
      <c r="AK1264">
        <v>-2.000816931613119E-3</v>
      </c>
      <c r="AL1264">
        <v>4101.6231867125398</v>
      </c>
      <c r="AM1264">
        <v>7825.8303223505973</v>
      </c>
      <c r="AN1264">
        <v>460533</v>
      </c>
      <c r="AO1264">
        <v>87.635099797569808</v>
      </c>
      <c r="AP1264">
        <v>3747.7954484448719</v>
      </c>
      <c r="AQ1264">
        <v>1.006277292576419</v>
      </c>
      <c r="AR1264">
        <v>3.9721615720524022</v>
      </c>
      <c r="AS1264">
        <v>3651</v>
      </c>
      <c r="AT1264">
        <v>280.66375545851531</v>
      </c>
      <c r="AU1264">
        <v>2.0977823443788068E-2</v>
      </c>
      <c r="AV1264">
        <v>2.0219170192718051E-2</v>
      </c>
      <c r="AW1264">
        <v>0.37936681222707419</v>
      </c>
      <c r="AX1264">
        <v>85.02675402675402</v>
      </c>
      <c r="AY1264">
        <v>64.5</v>
      </c>
      <c r="AZ1264">
        <v>129</v>
      </c>
      <c r="BA1264">
        <v>0.59047069028634036</v>
      </c>
      <c r="BB1264">
        <v>0.49590611353711789</v>
      </c>
      <c r="BC1264">
        <v>5.3141470025971671</v>
      </c>
      <c r="BD1264" t="s">
        <v>4859</v>
      </c>
      <c r="BE1264" t="s">
        <v>62</v>
      </c>
    </row>
    <row r="1265" spans="1:57" x14ac:dyDescent="0.3">
      <c r="A1265" t="s">
        <v>4860</v>
      </c>
      <c r="B1265">
        <v>3845</v>
      </c>
      <c r="C1265" t="s">
        <v>4861</v>
      </c>
      <c r="D1265" t="s">
        <v>4862</v>
      </c>
      <c r="E1265" t="s">
        <v>10622</v>
      </c>
      <c r="F1265">
        <v>64</v>
      </c>
      <c r="G1265">
        <v>144.203125</v>
      </c>
      <c r="H1265">
        <v>154.5</v>
      </c>
      <c r="I1265">
        <v>5470.036865234375</v>
      </c>
      <c r="J1265">
        <v>73.959697573978588</v>
      </c>
      <c r="K1265">
        <v>-0.39751045758122022</v>
      </c>
      <c r="L1265">
        <v>-1.0735234946430361</v>
      </c>
      <c r="M1265">
        <v>5.84375</v>
      </c>
      <c r="N1265">
        <v>2</v>
      </c>
      <c r="O1265">
        <v>1</v>
      </c>
      <c r="P1265">
        <v>1</v>
      </c>
      <c r="Q1265">
        <v>0.27850299534160988</v>
      </c>
      <c r="R1265">
        <v>4.0505788363971806</v>
      </c>
      <c r="S1265">
        <v>1</v>
      </c>
      <c r="T1265">
        <v>1</v>
      </c>
      <c r="U1265">
        <v>0</v>
      </c>
      <c r="V1265">
        <v>0</v>
      </c>
      <c r="W1265">
        <v>4.1431347263915326</v>
      </c>
      <c r="X1265">
        <v>1</v>
      </c>
      <c r="Y1265">
        <v>1</v>
      </c>
      <c r="Z1265">
        <v>0</v>
      </c>
      <c r="AA1265">
        <v>0</v>
      </c>
      <c r="AB1265">
        <v>4.1271343850450908</v>
      </c>
      <c r="AC1265">
        <v>1</v>
      </c>
      <c r="AD1265">
        <v>1</v>
      </c>
      <c r="AE1265">
        <v>0</v>
      </c>
      <c r="AF1265">
        <v>0</v>
      </c>
      <c r="AG1265">
        <v>4.1108738641733096</v>
      </c>
      <c r="AH1265">
        <v>-0.13651103084738411</v>
      </c>
      <c r="AI1265">
        <v>-0.16098842460999471</v>
      </c>
      <c r="AJ1265">
        <v>-6.9608763184564923E-2</v>
      </c>
      <c r="AK1265">
        <v>3.033643009718561E-3</v>
      </c>
      <c r="AL1265">
        <v>681.16546674089022</v>
      </c>
      <c r="AM1265">
        <v>1103.153029692465</v>
      </c>
      <c r="AN1265">
        <v>9229</v>
      </c>
      <c r="AO1265">
        <v>135.37424838120199</v>
      </c>
      <c r="AP1265">
        <v>588.25774074259039</v>
      </c>
      <c r="AQ1265">
        <v>1.359375</v>
      </c>
      <c r="AR1265">
        <v>4.125</v>
      </c>
      <c r="AS1265">
        <v>64</v>
      </c>
      <c r="AT1265">
        <v>4.2187499999999991</v>
      </c>
      <c r="AU1265">
        <v>0.13471948818897639</v>
      </c>
      <c r="AV1265">
        <v>-0.1381377108564365</v>
      </c>
      <c r="AW1265">
        <v>0.265625</v>
      </c>
      <c r="AX1265">
        <v>94.079365079365076</v>
      </c>
      <c r="AY1265">
        <v>52.5</v>
      </c>
      <c r="AZ1265">
        <v>110.75</v>
      </c>
      <c r="BA1265">
        <v>0.51288553957466998</v>
      </c>
      <c r="BB1265">
        <v>0.515625</v>
      </c>
      <c r="BC1265">
        <v>3.9230880024042492</v>
      </c>
      <c r="BD1265" t="s">
        <v>4863</v>
      </c>
      <c r="BE1265" t="s">
        <v>62</v>
      </c>
    </row>
    <row r="1266" spans="1:57" x14ac:dyDescent="0.3">
      <c r="A1266" t="s">
        <v>4864</v>
      </c>
      <c r="B1266">
        <v>674</v>
      </c>
      <c r="C1266" t="s">
        <v>4865</v>
      </c>
      <c r="D1266" t="s">
        <v>4866</v>
      </c>
      <c r="E1266" t="s">
        <v>66</v>
      </c>
      <c r="F1266">
        <v>71</v>
      </c>
      <c r="G1266">
        <v>112.4647887323944</v>
      </c>
      <c r="H1266">
        <v>98</v>
      </c>
      <c r="I1266">
        <v>6022.6431263638187</v>
      </c>
      <c r="J1266">
        <v>77.605690038577833</v>
      </c>
      <c r="K1266">
        <v>0.4001827081843729</v>
      </c>
      <c r="L1266">
        <v>-1.0500885856259741</v>
      </c>
      <c r="M1266">
        <v>5.8962259927441147</v>
      </c>
      <c r="N1266">
        <v>2</v>
      </c>
      <c r="O1266">
        <v>1</v>
      </c>
      <c r="P1266">
        <v>1</v>
      </c>
      <c r="Q1266">
        <v>0.35226338173937988</v>
      </c>
      <c r="R1266">
        <v>4.0869524228148508</v>
      </c>
      <c r="S1266">
        <v>1</v>
      </c>
      <c r="T1266">
        <v>1</v>
      </c>
      <c r="U1266">
        <v>0</v>
      </c>
      <c r="V1266">
        <v>0</v>
      </c>
      <c r="W1266">
        <v>4.2484952420493576</v>
      </c>
      <c r="X1266">
        <v>1</v>
      </c>
      <c r="Y1266">
        <v>1</v>
      </c>
      <c r="Z1266">
        <v>0</v>
      </c>
      <c r="AA1266">
        <v>0</v>
      </c>
      <c r="AB1266">
        <v>4.2341065045972579</v>
      </c>
      <c r="AC1266">
        <v>1</v>
      </c>
      <c r="AD1266">
        <v>1</v>
      </c>
      <c r="AE1266">
        <v>0</v>
      </c>
      <c r="AF1266">
        <v>0</v>
      </c>
      <c r="AG1266">
        <v>4.2195077051761087</v>
      </c>
      <c r="AH1266">
        <v>0.16953370385765729</v>
      </c>
      <c r="AI1266">
        <v>0.13050403594738089</v>
      </c>
      <c r="AJ1266">
        <v>-7.0490340935420214E-3</v>
      </c>
      <c r="AK1266">
        <v>-0.11981005031734</v>
      </c>
      <c r="AL1266">
        <v>682.2698621927683</v>
      </c>
      <c r="AM1266">
        <v>927.44101437420852</v>
      </c>
      <c r="AN1266">
        <v>7985</v>
      </c>
      <c r="AO1266">
        <v>99.57274374080518</v>
      </c>
      <c r="AP1266">
        <v>537.09380615491341</v>
      </c>
      <c r="AQ1266">
        <v>1.323943661971831</v>
      </c>
      <c r="AR1266">
        <v>3.845070422535211</v>
      </c>
      <c r="AS1266">
        <v>70</v>
      </c>
      <c r="AT1266">
        <v>6.71830985915493</v>
      </c>
      <c r="AU1266">
        <v>0.13668625928801151</v>
      </c>
      <c r="AV1266">
        <v>0.17036996137337901</v>
      </c>
      <c r="AW1266">
        <v>0.45070422535211269</v>
      </c>
      <c r="AX1266">
        <v>80.2</v>
      </c>
      <c r="AY1266">
        <v>52</v>
      </c>
      <c r="AZ1266">
        <v>115.5</v>
      </c>
      <c r="BA1266">
        <v>0.69004433221528194</v>
      </c>
      <c r="BB1266">
        <v>0.45070422535211269</v>
      </c>
      <c r="BC1266">
        <v>4.0231740118195978</v>
      </c>
      <c r="BD1266" t="s">
        <v>4867</v>
      </c>
      <c r="BE1266" t="s">
        <v>68</v>
      </c>
    </row>
    <row r="1267" spans="1:57" x14ac:dyDescent="0.3">
      <c r="A1267" t="s">
        <v>4868</v>
      </c>
      <c r="B1267">
        <v>3729</v>
      </c>
      <c r="C1267" t="s">
        <v>4869</v>
      </c>
      <c r="D1267" t="s">
        <v>4870</v>
      </c>
      <c r="E1267" t="s">
        <v>106</v>
      </c>
      <c r="F1267">
        <v>3783</v>
      </c>
      <c r="G1267">
        <v>127.57044673539519</v>
      </c>
      <c r="H1267">
        <v>128</v>
      </c>
      <c r="I1267">
        <v>5393.697852483484</v>
      </c>
      <c r="J1267">
        <v>73.44179908256254</v>
      </c>
      <c r="K1267">
        <v>-5.409492508804503E-3</v>
      </c>
      <c r="L1267">
        <v>-1.1938748588735051</v>
      </c>
      <c r="M1267">
        <v>7.9479352168280304</v>
      </c>
      <c r="N1267">
        <v>27</v>
      </c>
      <c r="O1267">
        <v>5</v>
      </c>
      <c r="P1267">
        <v>22</v>
      </c>
      <c r="Q1267">
        <v>3.9321931468756639</v>
      </c>
      <c r="R1267">
        <v>5.5090888868174384</v>
      </c>
      <c r="S1267">
        <v>2</v>
      </c>
      <c r="T1267">
        <v>1</v>
      </c>
      <c r="U1267">
        <v>1</v>
      </c>
      <c r="V1267">
        <v>0.16734453649526879</v>
      </c>
      <c r="W1267">
        <v>8.1991538858448667</v>
      </c>
      <c r="X1267">
        <v>1</v>
      </c>
      <c r="Y1267">
        <v>1</v>
      </c>
      <c r="Z1267">
        <v>0</v>
      </c>
      <c r="AA1267">
        <v>0</v>
      </c>
      <c r="AB1267">
        <v>8.2377438038909307</v>
      </c>
      <c r="AC1267">
        <v>1</v>
      </c>
      <c r="AD1267">
        <v>1</v>
      </c>
      <c r="AE1267">
        <v>0</v>
      </c>
      <c r="AF1267">
        <v>0</v>
      </c>
      <c r="AG1267">
        <v>8.2374792886136312</v>
      </c>
      <c r="AH1267">
        <v>-8.7213117447644366E-3</v>
      </c>
      <c r="AI1267">
        <v>7.5926811845770442E-3</v>
      </c>
      <c r="AJ1267">
        <v>3.3958449614106541E-3</v>
      </c>
      <c r="AK1267">
        <v>3.3694016824750643E-2</v>
      </c>
      <c r="AL1267">
        <v>4135.2374601671954</v>
      </c>
      <c r="AM1267">
        <v>8054.1629079644244</v>
      </c>
      <c r="AN1267">
        <v>482599</v>
      </c>
      <c r="AO1267">
        <v>84.702410057514271</v>
      </c>
      <c r="AP1267">
        <v>3729.4060560579792</v>
      </c>
      <c r="AQ1267">
        <v>1.0060798308220991</v>
      </c>
      <c r="AR1267">
        <v>3.9933914882368491</v>
      </c>
      <c r="AS1267">
        <v>3772</v>
      </c>
      <c r="AT1267">
        <v>267.86333597673803</v>
      </c>
      <c r="AU1267">
        <v>7.9986316493291243E-3</v>
      </c>
      <c r="AV1267">
        <v>-8.7238895945222217E-3</v>
      </c>
      <c r="AW1267">
        <v>0.3703409992069786</v>
      </c>
      <c r="AX1267">
        <v>85.488894764674782</v>
      </c>
      <c r="AY1267">
        <v>64</v>
      </c>
      <c r="AZ1267">
        <v>127</v>
      </c>
      <c r="BA1267">
        <v>0.57569602491785954</v>
      </c>
      <c r="BB1267">
        <v>0.50330425588157546</v>
      </c>
      <c r="BC1267">
        <v>5.3151436098629086</v>
      </c>
      <c r="BD1267" t="s">
        <v>4871</v>
      </c>
      <c r="BE1267" t="s">
        <v>68</v>
      </c>
    </row>
    <row r="1268" spans="1:57" x14ac:dyDescent="0.3">
      <c r="A1268" t="s">
        <v>4872</v>
      </c>
      <c r="B1268">
        <v>789</v>
      </c>
      <c r="C1268" t="s">
        <v>4873</v>
      </c>
      <c r="D1268" t="s">
        <v>4874</v>
      </c>
      <c r="E1268" t="s">
        <v>98</v>
      </c>
      <c r="F1268">
        <v>16</v>
      </c>
      <c r="G1268">
        <v>136.5</v>
      </c>
      <c r="H1268">
        <v>143.5</v>
      </c>
      <c r="I1268">
        <v>5623</v>
      </c>
      <c r="J1268">
        <v>74.986665481270734</v>
      </c>
      <c r="K1268">
        <v>-0.15233901803163541</v>
      </c>
      <c r="L1268">
        <v>-1.569628252275775</v>
      </c>
      <c r="M1268">
        <v>4</v>
      </c>
      <c r="N1268">
        <v>1</v>
      </c>
      <c r="O1268">
        <v>1</v>
      </c>
      <c r="P1268">
        <v>0</v>
      </c>
      <c r="Q1268">
        <v>0</v>
      </c>
      <c r="R1268">
        <v>2.7725887222397811</v>
      </c>
      <c r="S1268">
        <v>1</v>
      </c>
      <c r="T1268">
        <v>1</v>
      </c>
      <c r="U1268">
        <v>0</v>
      </c>
      <c r="V1268">
        <v>0</v>
      </c>
      <c r="W1268">
        <v>2.7080502011022101</v>
      </c>
      <c r="X1268">
        <v>1</v>
      </c>
      <c r="Y1268">
        <v>1</v>
      </c>
      <c r="Z1268">
        <v>0</v>
      </c>
      <c r="AA1268">
        <v>0</v>
      </c>
      <c r="AB1268">
        <v>2.639057329615258</v>
      </c>
      <c r="AC1268">
        <v>1</v>
      </c>
      <c r="AD1268">
        <v>1</v>
      </c>
      <c r="AE1268">
        <v>0</v>
      </c>
      <c r="AF1268">
        <v>0</v>
      </c>
      <c r="AG1268">
        <v>2.5649493574615372</v>
      </c>
      <c r="AH1268">
        <v>7.3428885826071488E-2</v>
      </c>
      <c r="AI1268">
        <v>-0.11962030944335759</v>
      </c>
      <c r="AJ1268">
        <v>-0.14693835585986131</v>
      </c>
      <c r="AK1268">
        <v>0.12204339320647339</v>
      </c>
      <c r="AL1268">
        <v>391.93437171183518</v>
      </c>
      <c r="AM1268">
        <v>484.22251937600862</v>
      </c>
      <c r="AN1268">
        <v>2184</v>
      </c>
      <c r="AO1268">
        <v>89.598592379564977</v>
      </c>
      <c r="AP1268">
        <v>341.14916399965409</v>
      </c>
      <c r="AQ1268">
        <v>2.3125</v>
      </c>
      <c r="AR1268">
        <v>3.9375</v>
      </c>
      <c r="AS1268">
        <v>16</v>
      </c>
      <c r="AT1268">
        <v>0</v>
      </c>
      <c r="AU1268">
        <v>0.22855648535564849</v>
      </c>
      <c r="AV1268">
        <v>7.7017581893334505E-2</v>
      </c>
      <c r="AW1268">
        <v>0.3125</v>
      </c>
      <c r="AX1268">
        <v>85.266666666666666</v>
      </c>
      <c r="AY1268">
        <v>76.5</v>
      </c>
      <c r="AZ1268">
        <v>149.75</v>
      </c>
      <c r="BA1268">
        <v>0.54935286066865008</v>
      </c>
      <c r="BB1268">
        <v>0.5625</v>
      </c>
      <c r="BC1268">
        <v>2.7080502011022101</v>
      </c>
      <c r="BD1268" t="s">
        <v>4873</v>
      </c>
      <c r="BE1268" t="s">
        <v>62</v>
      </c>
    </row>
    <row r="1269" spans="1:57" x14ac:dyDescent="0.3">
      <c r="A1269" t="s">
        <v>4875</v>
      </c>
      <c r="B1269">
        <v>3559</v>
      </c>
      <c r="C1269" t="s">
        <v>4876</v>
      </c>
      <c r="D1269" t="s">
        <v>4877</v>
      </c>
      <c r="E1269" t="s">
        <v>85</v>
      </c>
      <c r="F1269">
        <v>8</v>
      </c>
      <c r="G1269">
        <v>92.875</v>
      </c>
      <c r="H1269">
        <v>84.5</v>
      </c>
      <c r="I1269">
        <v>5012.109375</v>
      </c>
      <c r="J1269">
        <v>70.79625254912861</v>
      </c>
      <c r="K1269">
        <v>0.50902491375372905</v>
      </c>
      <c r="L1269">
        <v>-0.85038625714074723</v>
      </c>
      <c r="M1269">
        <v>3</v>
      </c>
      <c r="N1269">
        <v>1</v>
      </c>
      <c r="O1269">
        <v>1</v>
      </c>
      <c r="P1269">
        <v>0</v>
      </c>
      <c r="Q1269">
        <v>0</v>
      </c>
      <c r="R1269">
        <v>2.0794415416798362</v>
      </c>
      <c r="S1269">
        <v>1</v>
      </c>
      <c r="T1269">
        <v>1</v>
      </c>
      <c r="U1269">
        <v>0</v>
      </c>
      <c r="V1269">
        <v>0</v>
      </c>
      <c r="W1269">
        <v>1.945910149055313</v>
      </c>
      <c r="X1269">
        <v>1</v>
      </c>
      <c r="Y1269">
        <v>1</v>
      </c>
      <c r="Z1269">
        <v>0</v>
      </c>
      <c r="AA1269">
        <v>0</v>
      </c>
      <c r="AB1269">
        <v>1.791759469228055</v>
      </c>
      <c r="AC1269">
        <v>1</v>
      </c>
      <c r="AD1269">
        <v>1</v>
      </c>
      <c r="AE1269">
        <v>0</v>
      </c>
      <c r="AF1269">
        <v>0</v>
      </c>
      <c r="AG1269">
        <v>1.6094379124341009</v>
      </c>
      <c r="AH1269">
        <v>-9.4203491543917078E-2</v>
      </c>
      <c r="AI1269">
        <v>4.1236068895643364E-3</v>
      </c>
      <c r="AJ1269">
        <v>0.13283882783882781</v>
      </c>
      <c r="AK1269">
        <v>0</v>
      </c>
      <c r="AL1269">
        <v>271.99857420032743</v>
      </c>
      <c r="AM1269">
        <v>187.40270978027229</v>
      </c>
      <c r="AN1269">
        <v>743</v>
      </c>
      <c r="AO1269">
        <v>125.3993620398445</v>
      </c>
      <c r="AP1269">
        <v>244.70297189292751</v>
      </c>
      <c r="AQ1269">
        <v>3.5</v>
      </c>
      <c r="AR1269">
        <v>3.625</v>
      </c>
      <c r="AS1269">
        <v>8</v>
      </c>
      <c r="AT1269">
        <v>0</v>
      </c>
      <c r="AU1269">
        <v>0.29954954954954949</v>
      </c>
      <c r="AV1269">
        <v>-0.1232406005973863</v>
      </c>
      <c r="AW1269">
        <v>0.5</v>
      </c>
      <c r="AX1269">
        <v>90.428571428571431</v>
      </c>
      <c r="AY1269">
        <v>49.5</v>
      </c>
      <c r="AZ1269">
        <v>75.75</v>
      </c>
      <c r="BA1269">
        <v>0.7622745900309944</v>
      </c>
      <c r="BB1269">
        <v>0.5</v>
      </c>
      <c r="BC1269">
        <v>1.945910149055313</v>
      </c>
      <c r="BD1269" t="s">
        <v>4876</v>
      </c>
      <c r="BE1269" t="s">
        <v>68</v>
      </c>
    </row>
    <row r="1270" spans="1:57" x14ac:dyDescent="0.3">
      <c r="A1270" t="s">
        <v>4878</v>
      </c>
      <c r="B1270">
        <v>2273</v>
      </c>
      <c r="C1270" t="s">
        <v>4879</v>
      </c>
      <c r="D1270" t="s">
        <v>4880</v>
      </c>
      <c r="E1270" t="s">
        <v>128</v>
      </c>
      <c r="F1270">
        <v>32</v>
      </c>
      <c r="G1270">
        <v>114.90625</v>
      </c>
      <c r="H1270">
        <v>110.5</v>
      </c>
      <c r="I1270">
        <v>3893.9599609375</v>
      </c>
      <c r="J1270">
        <v>62.401602230531708</v>
      </c>
      <c r="K1270">
        <v>9.3058437290452975E-2</v>
      </c>
      <c r="L1270">
        <v>-0.65926177655214024</v>
      </c>
      <c r="M1270">
        <v>4.875</v>
      </c>
      <c r="N1270">
        <v>2</v>
      </c>
      <c r="O1270">
        <v>1</v>
      </c>
      <c r="P1270">
        <v>1</v>
      </c>
      <c r="Q1270">
        <v>0.24944382578492941</v>
      </c>
      <c r="R1270">
        <v>3.3790925052297318</v>
      </c>
      <c r="S1270">
        <v>1</v>
      </c>
      <c r="T1270">
        <v>1</v>
      </c>
      <c r="U1270">
        <v>0</v>
      </c>
      <c r="V1270">
        <v>0</v>
      </c>
      <c r="W1270">
        <v>3.4339872044851458</v>
      </c>
      <c r="X1270">
        <v>1</v>
      </c>
      <c r="Y1270">
        <v>1</v>
      </c>
      <c r="Z1270">
        <v>0</v>
      </c>
      <c r="AA1270">
        <v>0</v>
      </c>
      <c r="AB1270">
        <v>3.401197381662155</v>
      </c>
      <c r="AC1270">
        <v>1</v>
      </c>
      <c r="AD1270">
        <v>1</v>
      </c>
      <c r="AE1270">
        <v>0</v>
      </c>
      <c r="AF1270">
        <v>0</v>
      </c>
      <c r="AG1270">
        <v>3.3672958299864728</v>
      </c>
      <c r="AH1270">
        <v>0.1259727715198945</v>
      </c>
      <c r="AI1270">
        <v>-0.10663087802498609</v>
      </c>
      <c r="AJ1270">
        <v>-0.14366586027539141</v>
      </c>
      <c r="AK1270">
        <v>-0.33043182425205297</v>
      </c>
      <c r="AL1270">
        <v>418.83907597173379</v>
      </c>
      <c r="AM1270">
        <v>609.66452122388114</v>
      </c>
      <c r="AN1270">
        <v>3677</v>
      </c>
      <c r="AO1270">
        <v>46.009738721588278</v>
      </c>
      <c r="AP1270">
        <v>277.23536329340192</v>
      </c>
      <c r="AQ1270">
        <v>1.65625</v>
      </c>
      <c r="AR1270">
        <v>4</v>
      </c>
      <c r="AS1270">
        <v>32</v>
      </c>
      <c r="AT1270">
        <v>1.75</v>
      </c>
      <c r="AU1270">
        <v>0.1479855371900827</v>
      </c>
      <c r="AV1270">
        <v>0.133812116340945</v>
      </c>
      <c r="AW1270">
        <v>0.5625</v>
      </c>
      <c r="AX1270">
        <v>65.709677419354833</v>
      </c>
      <c r="AY1270">
        <v>49</v>
      </c>
      <c r="AZ1270">
        <v>92.25</v>
      </c>
      <c r="BA1270">
        <v>0.54306534440495369</v>
      </c>
      <c r="BB1270">
        <v>0.4375</v>
      </c>
      <c r="BC1270">
        <v>3.4339872044851458</v>
      </c>
      <c r="BD1270" t="s">
        <v>4881</v>
      </c>
      <c r="BE1270" t="s">
        <v>62</v>
      </c>
    </row>
    <row r="1271" spans="1:57" x14ac:dyDescent="0.3">
      <c r="A1271" t="s">
        <v>4882</v>
      </c>
      <c r="B1271">
        <v>2609</v>
      </c>
      <c r="C1271" t="s">
        <v>4883</v>
      </c>
      <c r="D1271" t="s">
        <v>4884</v>
      </c>
      <c r="E1271" t="s">
        <v>98</v>
      </c>
      <c r="F1271">
        <v>16</v>
      </c>
      <c r="G1271">
        <v>113.875</v>
      </c>
      <c r="H1271">
        <v>119.5</v>
      </c>
      <c r="I1271">
        <v>3119.859375</v>
      </c>
      <c r="J1271">
        <v>55.85570136521428</v>
      </c>
      <c r="K1271">
        <v>0.14086452341297209</v>
      </c>
      <c r="L1271">
        <v>-0.82405244278023559</v>
      </c>
      <c r="M1271">
        <v>3.875</v>
      </c>
      <c r="N1271">
        <v>2</v>
      </c>
      <c r="O1271">
        <v>1</v>
      </c>
      <c r="P1271">
        <v>1</v>
      </c>
      <c r="Q1271">
        <v>0.24944382578492949</v>
      </c>
      <c r="R1271">
        <v>2.6859453246697882</v>
      </c>
      <c r="S1271">
        <v>1</v>
      </c>
      <c r="T1271">
        <v>1</v>
      </c>
      <c r="U1271">
        <v>0</v>
      </c>
      <c r="V1271">
        <v>0</v>
      </c>
      <c r="W1271">
        <v>2.7080502011022101</v>
      </c>
      <c r="X1271">
        <v>1</v>
      </c>
      <c r="Y1271">
        <v>1</v>
      </c>
      <c r="Z1271">
        <v>0</v>
      </c>
      <c r="AA1271">
        <v>0</v>
      </c>
      <c r="AB1271">
        <v>2.639057329615258</v>
      </c>
      <c r="AC1271">
        <v>1</v>
      </c>
      <c r="AD1271">
        <v>1</v>
      </c>
      <c r="AE1271">
        <v>0</v>
      </c>
      <c r="AF1271">
        <v>0</v>
      </c>
      <c r="AG1271">
        <v>2.5649493574615372</v>
      </c>
      <c r="AH1271">
        <v>-0.2365594527998558</v>
      </c>
      <c r="AI1271">
        <v>-0.56038495825633161</v>
      </c>
      <c r="AJ1271">
        <v>-0.28072836065327461</v>
      </c>
      <c r="AK1271">
        <v>0.12640481091395339</v>
      </c>
      <c r="AL1271">
        <v>278.24696134807812</v>
      </c>
      <c r="AM1271">
        <v>424.23652424156171</v>
      </c>
      <c r="AN1271">
        <v>1822</v>
      </c>
      <c r="AO1271">
        <v>48</v>
      </c>
      <c r="AP1271">
        <v>130.38182222640799</v>
      </c>
      <c r="AQ1271">
        <v>2.25</v>
      </c>
      <c r="AR1271">
        <v>3.375</v>
      </c>
      <c r="AS1271">
        <v>16</v>
      </c>
      <c r="AT1271">
        <v>0.87499999999999989</v>
      </c>
      <c r="AU1271">
        <v>0.27374454148471622</v>
      </c>
      <c r="AV1271">
        <v>-0.24570425107063201</v>
      </c>
      <c r="AW1271">
        <v>0.4375</v>
      </c>
      <c r="AX1271">
        <v>79.2</v>
      </c>
      <c r="AY1271">
        <v>43.5</v>
      </c>
      <c r="AZ1271">
        <v>94.25</v>
      </c>
      <c r="BA1271">
        <v>0.49050012175819352</v>
      </c>
      <c r="BB1271">
        <v>0.5</v>
      </c>
      <c r="BC1271">
        <v>2.523210952952891</v>
      </c>
      <c r="BD1271" t="s">
        <v>4883</v>
      </c>
      <c r="BE1271" t="s">
        <v>62</v>
      </c>
    </row>
    <row r="1272" spans="1:57" x14ac:dyDescent="0.3">
      <c r="A1272" t="s">
        <v>4885</v>
      </c>
      <c r="B1272">
        <v>2764</v>
      </c>
      <c r="C1272" t="s">
        <v>4886</v>
      </c>
      <c r="D1272" t="s">
        <v>4887</v>
      </c>
      <c r="E1272" t="s">
        <v>72</v>
      </c>
      <c r="F1272">
        <v>2776</v>
      </c>
      <c r="G1272">
        <v>129.20244956772331</v>
      </c>
      <c r="H1272">
        <v>130</v>
      </c>
      <c r="I1272">
        <v>5371.1095905414049</v>
      </c>
      <c r="J1272">
        <v>73.287854318034206</v>
      </c>
      <c r="K1272">
        <v>-2.4142154882124209E-2</v>
      </c>
      <c r="L1272">
        <v>-1.1725864352563671</v>
      </c>
      <c r="M1272">
        <v>7.9254500322641608</v>
      </c>
      <c r="N1272">
        <v>23</v>
      </c>
      <c r="O1272">
        <v>3</v>
      </c>
      <c r="P1272">
        <v>20</v>
      </c>
      <c r="Q1272">
        <v>3.4718454656709592</v>
      </c>
      <c r="R1272">
        <v>5.4935033445326251</v>
      </c>
      <c r="S1272">
        <v>2</v>
      </c>
      <c r="T1272">
        <v>1</v>
      </c>
      <c r="U1272">
        <v>1</v>
      </c>
      <c r="V1272">
        <v>0.13149881449930859</v>
      </c>
      <c r="W1272">
        <v>7.9044268804746771</v>
      </c>
      <c r="X1272">
        <v>2</v>
      </c>
      <c r="Y1272">
        <v>1</v>
      </c>
      <c r="Z1272">
        <v>1</v>
      </c>
      <c r="AA1272">
        <v>1.898657999435728E-2</v>
      </c>
      <c r="AB1272">
        <v>7.9275458552507221</v>
      </c>
      <c r="AC1272">
        <v>1</v>
      </c>
      <c r="AD1272">
        <v>1</v>
      </c>
      <c r="AE1272">
        <v>0</v>
      </c>
      <c r="AF1272">
        <v>0</v>
      </c>
      <c r="AG1272">
        <v>7.9276850456157781</v>
      </c>
      <c r="AH1272">
        <v>-1.1921725971654321E-2</v>
      </c>
      <c r="AI1272">
        <v>-2.019626713364036E-2</v>
      </c>
      <c r="AJ1272">
        <v>2.004353176022735E-2</v>
      </c>
      <c r="AK1272">
        <v>-2.9262010182035329E-2</v>
      </c>
      <c r="AL1272">
        <v>3558.76475819286</v>
      </c>
      <c r="AM1272">
        <v>6970.3600621377163</v>
      </c>
      <c r="AN1272">
        <v>358666</v>
      </c>
      <c r="AO1272">
        <v>107.8167841710984</v>
      </c>
      <c r="AP1272">
        <v>3192.3969785631521</v>
      </c>
      <c r="AQ1272">
        <v>1.00828530259366</v>
      </c>
      <c r="AR1272">
        <v>3.999639769452449</v>
      </c>
      <c r="AS1272">
        <v>2768</v>
      </c>
      <c r="AT1272">
        <v>284.56484149855908</v>
      </c>
      <c r="AU1272">
        <v>2.019410069503302E-2</v>
      </c>
      <c r="AV1272">
        <v>-1.1926945564574829E-2</v>
      </c>
      <c r="AW1272">
        <v>0.36671469740634011</v>
      </c>
      <c r="AX1272">
        <v>85.461261261261257</v>
      </c>
      <c r="AY1272">
        <v>63</v>
      </c>
      <c r="AZ1272">
        <v>127</v>
      </c>
      <c r="BA1272">
        <v>0.56723270002415327</v>
      </c>
      <c r="BB1272">
        <v>0.50144092219020175</v>
      </c>
      <c r="BC1272">
        <v>5.3059548934240501</v>
      </c>
      <c r="BD1272" t="s">
        <v>4888</v>
      </c>
      <c r="BE1272" t="s">
        <v>68</v>
      </c>
    </row>
    <row r="1273" spans="1:57" x14ac:dyDescent="0.3">
      <c r="A1273" t="s">
        <v>4889</v>
      </c>
      <c r="B1273">
        <v>2132</v>
      </c>
      <c r="C1273" t="s">
        <v>4890</v>
      </c>
      <c r="D1273" t="s">
        <v>4891</v>
      </c>
      <c r="E1273" t="s">
        <v>98</v>
      </c>
      <c r="F1273">
        <v>16</v>
      </c>
      <c r="G1273">
        <v>127.0625</v>
      </c>
      <c r="H1273">
        <v>139.5</v>
      </c>
      <c r="I1273">
        <v>3564.80859375</v>
      </c>
      <c r="J1273">
        <v>59.706018069789238</v>
      </c>
      <c r="K1273">
        <v>-0.50201888806620654</v>
      </c>
      <c r="L1273">
        <v>-0.66103381858787102</v>
      </c>
      <c r="M1273">
        <v>4</v>
      </c>
      <c r="N1273">
        <v>1</v>
      </c>
      <c r="O1273">
        <v>1</v>
      </c>
      <c r="P1273">
        <v>0</v>
      </c>
      <c r="Q1273">
        <v>0</v>
      </c>
      <c r="R1273">
        <v>2.7725887222397811</v>
      </c>
      <c r="S1273">
        <v>1</v>
      </c>
      <c r="T1273">
        <v>1</v>
      </c>
      <c r="U1273">
        <v>0</v>
      </c>
      <c r="V1273">
        <v>0</v>
      </c>
      <c r="W1273">
        <v>2.7080502011022101</v>
      </c>
      <c r="X1273">
        <v>1</v>
      </c>
      <c r="Y1273">
        <v>1</v>
      </c>
      <c r="Z1273">
        <v>0</v>
      </c>
      <c r="AA1273">
        <v>0</v>
      </c>
      <c r="AB1273">
        <v>2.639057329615258</v>
      </c>
      <c r="AC1273">
        <v>1</v>
      </c>
      <c r="AD1273">
        <v>1</v>
      </c>
      <c r="AE1273">
        <v>0</v>
      </c>
      <c r="AF1273">
        <v>0</v>
      </c>
      <c r="AG1273">
        <v>2.5649493574615372</v>
      </c>
      <c r="AH1273">
        <v>0.1351031705331304</v>
      </c>
      <c r="AI1273">
        <v>-0.12551529107782131</v>
      </c>
      <c r="AJ1273">
        <v>7.1634157579901617E-2</v>
      </c>
      <c r="AK1273">
        <v>0.19429993830752221</v>
      </c>
      <c r="AL1273">
        <v>342.97937898379729</v>
      </c>
      <c r="AM1273">
        <v>444.65733502539769</v>
      </c>
      <c r="AN1273">
        <v>2033</v>
      </c>
      <c r="AO1273">
        <v>79</v>
      </c>
      <c r="AP1273">
        <v>231.73293995498599</v>
      </c>
      <c r="AQ1273">
        <v>2.3125</v>
      </c>
      <c r="AR1273">
        <v>4.0625</v>
      </c>
      <c r="AS1273">
        <v>16</v>
      </c>
      <c r="AT1273">
        <v>0</v>
      </c>
      <c r="AU1273">
        <v>0.18525784753363231</v>
      </c>
      <c r="AV1273">
        <v>0.1457345249372867</v>
      </c>
      <c r="AW1273">
        <v>0.375</v>
      </c>
      <c r="AX1273">
        <v>67.933333333333337</v>
      </c>
      <c r="AY1273">
        <v>42</v>
      </c>
      <c r="AZ1273">
        <v>85.75</v>
      </c>
      <c r="BA1273">
        <v>0.46989487905392419</v>
      </c>
      <c r="BB1273">
        <v>0.5625</v>
      </c>
      <c r="BC1273">
        <v>2.7080502011022101</v>
      </c>
      <c r="BD1273" t="s">
        <v>4890</v>
      </c>
      <c r="BE1273" t="s">
        <v>62</v>
      </c>
    </row>
    <row r="1274" spans="1:57" x14ac:dyDescent="0.3">
      <c r="A1274" t="s">
        <v>4892</v>
      </c>
      <c r="B1274">
        <v>1644</v>
      </c>
      <c r="C1274" t="s">
        <v>4893</v>
      </c>
      <c r="D1274" t="s">
        <v>4894</v>
      </c>
      <c r="E1274" t="s">
        <v>128</v>
      </c>
      <c r="F1274">
        <v>32</v>
      </c>
      <c r="G1274">
        <v>149.21875</v>
      </c>
      <c r="H1274">
        <v>164</v>
      </c>
      <c r="I1274">
        <v>5109.6708984375</v>
      </c>
      <c r="J1274">
        <v>71.481962049439431</v>
      </c>
      <c r="K1274">
        <v>-0.41622294067504378</v>
      </c>
      <c r="L1274">
        <v>-0.95939236509592218</v>
      </c>
      <c r="M1274">
        <v>4.875</v>
      </c>
      <c r="N1274">
        <v>2</v>
      </c>
      <c r="O1274">
        <v>1</v>
      </c>
      <c r="P1274">
        <v>1</v>
      </c>
      <c r="Q1274">
        <v>0.24944382578492941</v>
      </c>
      <c r="R1274">
        <v>3.3790925052297318</v>
      </c>
      <c r="S1274">
        <v>1</v>
      </c>
      <c r="T1274">
        <v>1</v>
      </c>
      <c r="U1274">
        <v>0</v>
      </c>
      <c r="V1274">
        <v>0</v>
      </c>
      <c r="W1274">
        <v>3.4339872044851458</v>
      </c>
      <c r="X1274">
        <v>1</v>
      </c>
      <c r="Y1274">
        <v>1</v>
      </c>
      <c r="Z1274">
        <v>0</v>
      </c>
      <c r="AA1274">
        <v>0</v>
      </c>
      <c r="AB1274">
        <v>3.401197381662155</v>
      </c>
      <c r="AC1274">
        <v>1</v>
      </c>
      <c r="AD1274">
        <v>1</v>
      </c>
      <c r="AE1274">
        <v>0</v>
      </c>
      <c r="AF1274">
        <v>0</v>
      </c>
      <c r="AG1274">
        <v>3.3672958299864728</v>
      </c>
      <c r="AH1274">
        <v>-8.5383535940101327E-2</v>
      </c>
      <c r="AI1274">
        <v>-0.28088034322553568</v>
      </c>
      <c r="AJ1274">
        <v>0.1298281738939813</v>
      </c>
      <c r="AK1274">
        <v>-9.8869142803847565E-2</v>
      </c>
      <c r="AL1274">
        <v>475.99398770694972</v>
      </c>
      <c r="AM1274">
        <v>805.8900195850772</v>
      </c>
      <c r="AN1274">
        <v>4775</v>
      </c>
      <c r="AO1274">
        <v>45.102517350156383</v>
      </c>
      <c r="AP1274">
        <v>317.70560998118702</v>
      </c>
      <c r="AQ1274">
        <v>1.71875</v>
      </c>
      <c r="AR1274">
        <v>4.4375</v>
      </c>
      <c r="AS1274">
        <v>31</v>
      </c>
      <c r="AT1274">
        <v>1.75</v>
      </c>
      <c r="AU1274">
        <v>0.14018924302788849</v>
      </c>
      <c r="AV1274">
        <v>-8.7377889101651507E-2</v>
      </c>
      <c r="AW1274">
        <v>0.3125</v>
      </c>
      <c r="AX1274">
        <v>85.096774193548384</v>
      </c>
      <c r="AY1274">
        <v>58.5</v>
      </c>
      <c r="AZ1274">
        <v>104.75</v>
      </c>
      <c r="BA1274">
        <v>0.47904142106430608</v>
      </c>
      <c r="BB1274">
        <v>0.5625</v>
      </c>
      <c r="BC1274">
        <v>3.3892680315457948</v>
      </c>
      <c r="BD1274" t="s">
        <v>4895</v>
      </c>
      <c r="BE1274" t="s">
        <v>62</v>
      </c>
    </row>
    <row r="1275" spans="1:57" x14ac:dyDescent="0.3">
      <c r="A1275" t="s">
        <v>4896</v>
      </c>
      <c r="B1275">
        <v>1529</v>
      </c>
      <c r="C1275" t="s">
        <v>4897</v>
      </c>
      <c r="D1275" t="s">
        <v>4898</v>
      </c>
      <c r="E1275" t="s">
        <v>128</v>
      </c>
      <c r="F1275">
        <v>32</v>
      </c>
      <c r="G1275">
        <v>112.46875</v>
      </c>
      <c r="H1275">
        <v>111</v>
      </c>
      <c r="I1275">
        <v>5356.3115234375</v>
      </c>
      <c r="J1275">
        <v>73.186826160433412</v>
      </c>
      <c r="K1275">
        <v>0.22112330472050601</v>
      </c>
      <c r="L1275">
        <v>-1.296809031805612</v>
      </c>
      <c r="M1275">
        <v>5</v>
      </c>
      <c r="N1275">
        <v>1</v>
      </c>
      <c r="O1275">
        <v>1</v>
      </c>
      <c r="P1275">
        <v>0</v>
      </c>
      <c r="Q1275">
        <v>0</v>
      </c>
      <c r="R1275">
        <v>3.465735902799727</v>
      </c>
      <c r="S1275">
        <v>1</v>
      </c>
      <c r="T1275">
        <v>1</v>
      </c>
      <c r="U1275">
        <v>0</v>
      </c>
      <c r="V1275">
        <v>0</v>
      </c>
      <c r="W1275">
        <v>3.4339872044851458</v>
      </c>
      <c r="X1275">
        <v>1</v>
      </c>
      <c r="Y1275">
        <v>1</v>
      </c>
      <c r="Z1275">
        <v>0</v>
      </c>
      <c r="AA1275">
        <v>0</v>
      </c>
      <c r="AB1275">
        <v>3.401197381662155</v>
      </c>
      <c r="AC1275">
        <v>1</v>
      </c>
      <c r="AD1275">
        <v>1</v>
      </c>
      <c r="AE1275">
        <v>0</v>
      </c>
      <c r="AF1275">
        <v>0</v>
      </c>
      <c r="AG1275">
        <v>3.3672958299864728</v>
      </c>
      <c r="AH1275">
        <v>-1.9478705530110781E-2</v>
      </c>
      <c r="AI1275">
        <v>-0.34961603644430128</v>
      </c>
      <c r="AJ1275">
        <v>0.1401549762956705</v>
      </c>
      <c r="AK1275">
        <v>-0.20812102553883299</v>
      </c>
      <c r="AL1275">
        <v>471.57726583832363</v>
      </c>
      <c r="AM1275">
        <v>594.8040705513464</v>
      </c>
      <c r="AN1275">
        <v>3599</v>
      </c>
      <c r="AO1275">
        <v>84.149070849551904</v>
      </c>
      <c r="AP1275">
        <v>392.07893851525432</v>
      </c>
      <c r="AQ1275">
        <v>1.65625</v>
      </c>
      <c r="AR1275">
        <v>3.78125</v>
      </c>
      <c r="AS1275">
        <v>32</v>
      </c>
      <c r="AT1275">
        <v>0</v>
      </c>
      <c r="AU1275">
        <v>0.1395318930041152</v>
      </c>
      <c r="AV1275">
        <v>-1.8763164560450161E-2</v>
      </c>
      <c r="AW1275">
        <v>0.40625</v>
      </c>
      <c r="AX1275">
        <v>85.612903225806448</v>
      </c>
      <c r="AY1275">
        <v>69</v>
      </c>
      <c r="AZ1275">
        <v>134.5</v>
      </c>
      <c r="BA1275">
        <v>0.65073032429393418</v>
      </c>
      <c r="BB1275">
        <v>0.46875</v>
      </c>
      <c r="BC1275">
        <v>3.3892680315457948</v>
      </c>
      <c r="BD1275" t="s">
        <v>4899</v>
      </c>
      <c r="BE1275" t="s">
        <v>62</v>
      </c>
    </row>
    <row r="1276" spans="1:57" x14ac:dyDescent="0.3">
      <c r="A1276" t="s">
        <v>4900</v>
      </c>
      <c r="B1276">
        <v>974</v>
      </c>
      <c r="C1276" t="s">
        <v>4901</v>
      </c>
      <c r="D1276" t="s">
        <v>4902</v>
      </c>
      <c r="E1276" t="s">
        <v>128</v>
      </c>
      <c r="F1276">
        <v>32</v>
      </c>
      <c r="G1276">
        <v>131.71875</v>
      </c>
      <c r="H1276">
        <v>131</v>
      </c>
      <c r="I1276">
        <v>5109.6396484375</v>
      </c>
      <c r="J1276">
        <v>71.481743462491877</v>
      </c>
      <c r="K1276">
        <v>-0.1113225909547136</v>
      </c>
      <c r="L1276">
        <v>-1.0576830612122721</v>
      </c>
      <c r="M1276">
        <v>4.9375</v>
      </c>
      <c r="N1276">
        <v>2</v>
      </c>
      <c r="O1276">
        <v>1</v>
      </c>
      <c r="P1276">
        <v>1</v>
      </c>
      <c r="Q1276">
        <v>0.1766846959694085</v>
      </c>
      <c r="R1276">
        <v>3.422414204014729</v>
      </c>
      <c r="S1276">
        <v>1</v>
      </c>
      <c r="T1276">
        <v>1</v>
      </c>
      <c r="U1276">
        <v>0</v>
      </c>
      <c r="V1276">
        <v>0</v>
      </c>
      <c r="W1276">
        <v>3.4339872044851458</v>
      </c>
      <c r="X1276">
        <v>1</v>
      </c>
      <c r="Y1276">
        <v>1</v>
      </c>
      <c r="Z1276">
        <v>0</v>
      </c>
      <c r="AA1276">
        <v>0</v>
      </c>
      <c r="AB1276">
        <v>3.401197381662155</v>
      </c>
      <c r="AC1276">
        <v>1</v>
      </c>
      <c r="AD1276">
        <v>1</v>
      </c>
      <c r="AE1276">
        <v>0</v>
      </c>
      <c r="AF1276">
        <v>0</v>
      </c>
      <c r="AG1276">
        <v>3.3672958299864728</v>
      </c>
      <c r="AH1276">
        <v>-0.1273159458388145</v>
      </c>
      <c r="AI1276">
        <v>-0.29408493224070392</v>
      </c>
      <c r="AJ1276">
        <v>6.2273789669915799E-2</v>
      </c>
      <c r="AK1276">
        <v>-0.15703301921861459</v>
      </c>
      <c r="AL1276">
        <v>479.85213477178638</v>
      </c>
      <c r="AM1276">
        <v>698.88835213856532</v>
      </c>
      <c r="AN1276">
        <v>4215</v>
      </c>
      <c r="AO1276">
        <v>5</v>
      </c>
      <c r="AP1276">
        <v>372.82371190688008</v>
      </c>
      <c r="AQ1276">
        <v>1.65625</v>
      </c>
      <c r="AR1276">
        <v>4.03125</v>
      </c>
      <c r="AS1276">
        <v>32</v>
      </c>
      <c r="AT1276">
        <v>0.93749999999999978</v>
      </c>
      <c r="AU1276">
        <v>7.1691176470588258E-2</v>
      </c>
      <c r="AV1276">
        <v>-0.13374899702866649</v>
      </c>
      <c r="AW1276">
        <v>0.40625</v>
      </c>
      <c r="AX1276">
        <v>92.451612903225808</v>
      </c>
      <c r="AY1276">
        <v>62.5</v>
      </c>
      <c r="AZ1276">
        <v>111.75</v>
      </c>
      <c r="BA1276">
        <v>0.54268464787656945</v>
      </c>
      <c r="BB1276">
        <v>0.5</v>
      </c>
      <c r="BC1276">
        <v>3.2998296856670919</v>
      </c>
      <c r="BD1276" t="s">
        <v>4903</v>
      </c>
      <c r="BE1276" t="s">
        <v>62</v>
      </c>
    </row>
    <row r="1277" spans="1:57" x14ac:dyDescent="0.3">
      <c r="A1277" t="s">
        <v>4904</v>
      </c>
      <c r="B1277">
        <v>3608</v>
      </c>
      <c r="C1277" t="s">
        <v>4905</v>
      </c>
      <c r="D1277" t="s">
        <v>4906</v>
      </c>
      <c r="E1277" t="s">
        <v>106</v>
      </c>
      <c r="F1277">
        <v>3714</v>
      </c>
      <c r="G1277">
        <v>128.73694130317719</v>
      </c>
      <c r="H1277">
        <v>129.5</v>
      </c>
      <c r="I1277">
        <v>5538.2827118075402</v>
      </c>
      <c r="J1277">
        <v>74.419639288346062</v>
      </c>
      <c r="K1277">
        <v>-1.8761716835089221E-2</v>
      </c>
      <c r="L1277">
        <v>-1.1886877845781769</v>
      </c>
      <c r="M1277">
        <v>7.9391854302472344</v>
      </c>
      <c r="N1277">
        <v>29</v>
      </c>
      <c r="O1277">
        <v>5</v>
      </c>
      <c r="P1277">
        <v>24</v>
      </c>
      <c r="Q1277">
        <v>4.2167747111795943</v>
      </c>
      <c r="R1277">
        <v>5.5030239969184649</v>
      </c>
      <c r="S1277">
        <v>3</v>
      </c>
      <c r="T1277">
        <v>1</v>
      </c>
      <c r="U1277">
        <v>2</v>
      </c>
      <c r="V1277">
        <v>0.17822769467969279</v>
      </c>
      <c r="W1277">
        <v>8.1761444996837636</v>
      </c>
      <c r="X1277">
        <v>2</v>
      </c>
      <c r="Y1277">
        <v>1</v>
      </c>
      <c r="Z1277">
        <v>1</v>
      </c>
      <c r="AA1277">
        <v>2.3211913899311029E-2</v>
      </c>
      <c r="AB1277">
        <v>8.2185791680649682</v>
      </c>
      <c r="AC1277">
        <v>1</v>
      </c>
      <c r="AD1277">
        <v>1</v>
      </c>
      <c r="AE1277">
        <v>0</v>
      </c>
      <c r="AF1277">
        <v>0</v>
      </c>
      <c r="AG1277">
        <v>8.2190566610605966</v>
      </c>
      <c r="AH1277">
        <v>-8.9450168018660875E-3</v>
      </c>
      <c r="AI1277">
        <v>-6.7262489161113402E-3</v>
      </c>
      <c r="AJ1277">
        <v>2.3237942057700289E-4</v>
      </c>
      <c r="AK1277">
        <v>-7.7860210922183846E-3</v>
      </c>
      <c r="AL1277">
        <v>4149.475150060287</v>
      </c>
      <c r="AM1277">
        <v>8056.2958597007946</v>
      </c>
      <c r="AN1277">
        <v>478129</v>
      </c>
      <c r="AO1277">
        <v>30.37622049437876</v>
      </c>
      <c r="AP1277">
        <v>3793.6877035408711</v>
      </c>
      <c r="AQ1277">
        <v>1.006192784060312</v>
      </c>
      <c r="AR1277">
        <v>4.0096930533117936</v>
      </c>
      <c r="AS1277">
        <v>3701</v>
      </c>
      <c r="AT1277">
        <v>313.7609046849758</v>
      </c>
      <c r="AU1277">
        <v>1.7552028889100121E-2</v>
      </c>
      <c r="AV1277">
        <v>-8.9506370343933172E-3</v>
      </c>
      <c r="AW1277">
        <v>0.35918147549811519</v>
      </c>
      <c r="AX1277">
        <v>86.419068138971184</v>
      </c>
      <c r="AY1277">
        <v>64.5</v>
      </c>
      <c r="AZ1277">
        <v>128</v>
      </c>
      <c r="BA1277">
        <v>0.5780752481378818</v>
      </c>
      <c r="BB1277">
        <v>0.50511577813677977</v>
      </c>
      <c r="BC1277">
        <v>5.3298982766142844</v>
      </c>
      <c r="BD1277" t="s">
        <v>4907</v>
      </c>
      <c r="BE1277" t="s">
        <v>68</v>
      </c>
    </row>
    <row r="1278" spans="1:57" x14ac:dyDescent="0.3">
      <c r="A1278" t="s">
        <v>4908</v>
      </c>
      <c r="B1278">
        <v>1064</v>
      </c>
      <c r="C1278" t="s">
        <v>4909</v>
      </c>
      <c r="D1278" t="s">
        <v>4910</v>
      </c>
      <c r="E1278" t="s">
        <v>115</v>
      </c>
      <c r="F1278">
        <v>1088</v>
      </c>
      <c r="G1278">
        <v>125.97518382352941</v>
      </c>
      <c r="H1278">
        <v>125</v>
      </c>
      <c r="I1278">
        <v>5495.8844944515031</v>
      </c>
      <c r="J1278">
        <v>74.134232945728272</v>
      </c>
      <c r="K1278">
        <v>1.538887678591829E-2</v>
      </c>
      <c r="L1278">
        <v>-1.25835171607442</v>
      </c>
      <c r="M1278">
        <v>7.8314374309783332</v>
      </c>
      <c r="N1278">
        <v>11</v>
      </c>
      <c r="O1278">
        <v>1</v>
      </c>
      <c r="P1278">
        <v>10</v>
      </c>
      <c r="Q1278">
        <v>1.9422241940244349</v>
      </c>
      <c r="R1278">
        <v>5.4283387750142493</v>
      </c>
      <c r="S1278">
        <v>2</v>
      </c>
      <c r="T1278">
        <v>1</v>
      </c>
      <c r="U1278">
        <v>1</v>
      </c>
      <c r="V1278">
        <v>9.0989514235279123E-2</v>
      </c>
      <c r="W1278">
        <v>6.9796988289334667</v>
      </c>
      <c r="X1278">
        <v>1</v>
      </c>
      <c r="Y1278">
        <v>1</v>
      </c>
      <c r="Z1278">
        <v>0</v>
      </c>
      <c r="AA1278">
        <v>0</v>
      </c>
      <c r="AB1278">
        <v>6.9902565004938797</v>
      </c>
      <c r="AC1278">
        <v>1</v>
      </c>
      <c r="AD1278">
        <v>1</v>
      </c>
      <c r="AE1278">
        <v>0</v>
      </c>
      <c r="AF1278">
        <v>0</v>
      </c>
      <c r="AG1278">
        <v>6.9893352659745593</v>
      </c>
      <c r="AH1278">
        <v>-5.5649143869324097E-2</v>
      </c>
      <c r="AI1278">
        <v>-2.6180950704409831E-2</v>
      </c>
      <c r="AJ1278">
        <v>-5.9361659584204326E-3</v>
      </c>
      <c r="AK1278">
        <v>1.2864856234897861E-2</v>
      </c>
      <c r="AL1278">
        <v>2279.6487890783942</v>
      </c>
      <c r="AM1278">
        <v>4248.4124562539128</v>
      </c>
      <c r="AN1278">
        <v>137061</v>
      </c>
      <c r="AO1278">
        <v>106.8454324502114</v>
      </c>
      <c r="AP1278">
        <v>2037.805999707489</v>
      </c>
      <c r="AQ1278">
        <v>1.021139705882353</v>
      </c>
      <c r="AR1278">
        <v>3.9402573529411771</v>
      </c>
      <c r="AS1278">
        <v>1081</v>
      </c>
      <c r="AT1278">
        <v>220.1764705882353</v>
      </c>
      <c r="AU1278">
        <v>2.444852941176473E-2</v>
      </c>
      <c r="AV1278">
        <v>-5.5671232035435579E-2</v>
      </c>
      <c r="AW1278">
        <v>0.37775735294117652</v>
      </c>
      <c r="AX1278">
        <v>87.827966881324741</v>
      </c>
      <c r="AY1278">
        <v>66</v>
      </c>
      <c r="AZ1278">
        <v>132</v>
      </c>
      <c r="BA1278">
        <v>0.58848283205982999</v>
      </c>
      <c r="BB1278">
        <v>0.49632352941176472</v>
      </c>
      <c r="BC1278">
        <v>5.2505420825526716</v>
      </c>
      <c r="BD1278" t="s">
        <v>4911</v>
      </c>
      <c r="BE1278" t="s">
        <v>62</v>
      </c>
    </row>
    <row r="1279" spans="1:57" x14ac:dyDescent="0.3">
      <c r="A1279" t="s">
        <v>4912</v>
      </c>
      <c r="B1279">
        <v>2961</v>
      </c>
      <c r="C1279" t="s">
        <v>4913</v>
      </c>
      <c r="D1279" t="s">
        <v>4914</v>
      </c>
      <c r="E1279" t="s">
        <v>98</v>
      </c>
      <c r="F1279">
        <v>16</v>
      </c>
      <c r="G1279">
        <v>126.1875</v>
      </c>
      <c r="H1279">
        <v>108</v>
      </c>
      <c r="I1279">
        <v>5906.90234375</v>
      </c>
      <c r="J1279">
        <v>76.856374776266932</v>
      </c>
      <c r="K1279">
        <v>0.27101707807859932</v>
      </c>
      <c r="L1279">
        <v>-1.2945401935400871</v>
      </c>
      <c r="M1279">
        <v>3.875</v>
      </c>
      <c r="N1279">
        <v>2</v>
      </c>
      <c r="O1279">
        <v>1</v>
      </c>
      <c r="P1279">
        <v>1</v>
      </c>
      <c r="Q1279">
        <v>0.24944382578492941</v>
      </c>
      <c r="R1279">
        <v>2.6859453246697882</v>
      </c>
      <c r="S1279">
        <v>1</v>
      </c>
      <c r="T1279">
        <v>1</v>
      </c>
      <c r="U1279">
        <v>0</v>
      </c>
      <c r="V1279">
        <v>0</v>
      </c>
      <c r="W1279">
        <v>2.7080502011022101</v>
      </c>
      <c r="X1279">
        <v>1</v>
      </c>
      <c r="Y1279">
        <v>1</v>
      </c>
      <c r="Z1279">
        <v>0</v>
      </c>
      <c r="AA1279">
        <v>0</v>
      </c>
      <c r="AB1279">
        <v>2.639057329615258</v>
      </c>
      <c r="AC1279">
        <v>1</v>
      </c>
      <c r="AD1279">
        <v>1</v>
      </c>
      <c r="AE1279">
        <v>0</v>
      </c>
      <c r="AF1279">
        <v>0</v>
      </c>
      <c r="AG1279">
        <v>2.5649493574615372</v>
      </c>
      <c r="AH1279">
        <v>-0.2142081942669031</v>
      </c>
      <c r="AI1279">
        <v>-7.0489072966147259E-3</v>
      </c>
      <c r="AJ1279">
        <v>0.25197824545833891</v>
      </c>
      <c r="AK1279">
        <v>0.14323839562693799</v>
      </c>
      <c r="AL1279">
        <v>390.19051079649</v>
      </c>
      <c r="AM1279">
        <v>443.88553173580038</v>
      </c>
      <c r="AN1279">
        <v>2019</v>
      </c>
      <c r="AO1279">
        <v>94.872669186701756</v>
      </c>
      <c r="AP1279">
        <v>296.53682881591999</v>
      </c>
      <c r="AQ1279">
        <v>2.25</v>
      </c>
      <c r="AR1279">
        <v>4.3125</v>
      </c>
      <c r="AS1279">
        <v>15</v>
      </c>
      <c r="AT1279">
        <v>0.875</v>
      </c>
      <c r="AU1279">
        <v>0.21572580645161291</v>
      </c>
      <c r="AV1279">
        <v>-0.21868609334637251</v>
      </c>
      <c r="AW1279">
        <v>0.4375</v>
      </c>
      <c r="AX1279">
        <v>105.26666666666669</v>
      </c>
      <c r="AY1279">
        <v>64.5</v>
      </c>
      <c r="AZ1279">
        <v>137.5</v>
      </c>
      <c r="BA1279">
        <v>0.60906488183272456</v>
      </c>
      <c r="BB1279">
        <v>0.4375</v>
      </c>
      <c r="BC1279">
        <v>2.7080502011022101</v>
      </c>
      <c r="BD1279" t="s">
        <v>4913</v>
      </c>
      <c r="BE1279" t="s">
        <v>62</v>
      </c>
    </row>
    <row r="1280" spans="1:57" x14ac:dyDescent="0.3">
      <c r="A1280" t="s">
        <v>4915</v>
      </c>
      <c r="B1280">
        <v>2141</v>
      </c>
      <c r="C1280" t="s">
        <v>4916</v>
      </c>
      <c r="D1280" t="s">
        <v>4917</v>
      </c>
      <c r="E1280" t="s">
        <v>98</v>
      </c>
      <c r="F1280">
        <v>16</v>
      </c>
      <c r="G1280">
        <v>132.625</v>
      </c>
      <c r="H1280">
        <v>116.5</v>
      </c>
      <c r="I1280">
        <v>7090.609375</v>
      </c>
      <c r="J1280">
        <v>84.205756186854586</v>
      </c>
      <c r="K1280">
        <v>-4.7081172842435792E-2</v>
      </c>
      <c r="L1280">
        <v>-1.4468789224758281</v>
      </c>
      <c r="M1280">
        <v>4</v>
      </c>
      <c r="N1280">
        <v>1</v>
      </c>
      <c r="O1280">
        <v>1</v>
      </c>
      <c r="P1280">
        <v>0</v>
      </c>
      <c r="Q1280">
        <v>0</v>
      </c>
      <c r="R1280">
        <v>2.7725887222397811</v>
      </c>
      <c r="S1280">
        <v>1</v>
      </c>
      <c r="T1280">
        <v>1</v>
      </c>
      <c r="U1280">
        <v>0</v>
      </c>
      <c r="V1280">
        <v>0</v>
      </c>
      <c r="W1280">
        <v>2.7080502011022101</v>
      </c>
      <c r="X1280">
        <v>1</v>
      </c>
      <c r="Y1280">
        <v>1</v>
      </c>
      <c r="Z1280">
        <v>0</v>
      </c>
      <c r="AA1280">
        <v>0</v>
      </c>
      <c r="AB1280">
        <v>2.639057329615258</v>
      </c>
      <c r="AC1280">
        <v>1</v>
      </c>
      <c r="AD1280">
        <v>1</v>
      </c>
      <c r="AE1280">
        <v>0</v>
      </c>
      <c r="AF1280">
        <v>0</v>
      </c>
      <c r="AG1280">
        <v>2.5649493574615372</v>
      </c>
      <c r="AH1280">
        <v>-0.15278143517284079</v>
      </c>
      <c r="AI1280">
        <v>-0.3360785832494122</v>
      </c>
      <c r="AJ1280">
        <v>-0.16454049590237091</v>
      </c>
      <c r="AK1280">
        <v>0.20907246380005251</v>
      </c>
      <c r="AL1280">
        <v>423.25805928692722</v>
      </c>
      <c r="AM1280">
        <v>464.47025227528201</v>
      </c>
      <c r="AN1280">
        <v>2122</v>
      </c>
      <c r="AO1280">
        <v>161.9691328617894</v>
      </c>
      <c r="AP1280">
        <v>272.84060091488072</v>
      </c>
      <c r="AQ1280">
        <v>2.3125</v>
      </c>
      <c r="AR1280">
        <v>4.1875</v>
      </c>
      <c r="AS1280">
        <v>16</v>
      </c>
      <c r="AT1280">
        <v>0</v>
      </c>
      <c r="AU1280">
        <v>0.18700000000000011</v>
      </c>
      <c r="AV1280">
        <v>-0.1675085890432039</v>
      </c>
      <c r="AW1280">
        <v>0.3125</v>
      </c>
      <c r="AX1280">
        <v>105.93333333333329</v>
      </c>
      <c r="AY1280">
        <v>89</v>
      </c>
      <c r="AZ1280">
        <v>142</v>
      </c>
      <c r="BA1280">
        <v>0.63491616352010993</v>
      </c>
      <c r="BB1280">
        <v>0.5</v>
      </c>
      <c r="BC1280">
        <v>2.7080502011022101</v>
      </c>
      <c r="BD1280" t="s">
        <v>4916</v>
      </c>
      <c r="BE1280" t="s">
        <v>62</v>
      </c>
    </row>
    <row r="1281" spans="1:57" x14ac:dyDescent="0.3">
      <c r="A1281" t="s">
        <v>4918</v>
      </c>
      <c r="B1281">
        <v>2822</v>
      </c>
      <c r="C1281" t="s">
        <v>4919</v>
      </c>
      <c r="D1281" t="s">
        <v>4920</v>
      </c>
      <c r="E1281" t="s">
        <v>72</v>
      </c>
      <c r="F1281">
        <v>2840</v>
      </c>
      <c r="G1281">
        <v>126.0415492957746</v>
      </c>
      <c r="H1281">
        <v>127</v>
      </c>
      <c r="I1281">
        <v>5346.2595412616547</v>
      </c>
      <c r="J1281">
        <v>73.118120471341811</v>
      </c>
      <c r="K1281">
        <v>3.0824532344071909E-3</v>
      </c>
      <c r="L1281">
        <v>-1.169416147567073</v>
      </c>
      <c r="M1281">
        <v>7.9210110451848124</v>
      </c>
      <c r="N1281">
        <v>23</v>
      </c>
      <c r="O1281">
        <v>4</v>
      </c>
      <c r="P1281">
        <v>19</v>
      </c>
      <c r="Q1281">
        <v>3.643138885288344</v>
      </c>
      <c r="R1281">
        <v>5.4904264731540211</v>
      </c>
      <c r="S1281">
        <v>3</v>
      </c>
      <c r="T1281">
        <v>1</v>
      </c>
      <c r="U1281">
        <v>2</v>
      </c>
      <c r="V1281">
        <v>0.15814952874699439</v>
      </c>
      <c r="W1281">
        <v>7.9173298901605236</v>
      </c>
      <c r="X1281">
        <v>1</v>
      </c>
      <c r="Y1281">
        <v>1</v>
      </c>
      <c r="Z1281">
        <v>0</v>
      </c>
      <c r="AA1281">
        <v>0</v>
      </c>
      <c r="AB1281">
        <v>7.9508548577199889</v>
      </c>
      <c r="AC1281">
        <v>1</v>
      </c>
      <c r="AD1281">
        <v>1</v>
      </c>
      <c r="AE1281">
        <v>0</v>
      </c>
      <c r="AF1281">
        <v>0</v>
      </c>
      <c r="AG1281">
        <v>7.9505024348088504</v>
      </c>
      <c r="AH1281">
        <v>-2.5621020499264468E-3</v>
      </c>
      <c r="AI1281">
        <v>-2.1975859371950708E-3</v>
      </c>
      <c r="AJ1281">
        <v>1.916293826108893E-3</v>
      </c>
      <c r="AK1281">
        <v>1.250402515858319E-2</v>
      </c>
      <c r="AL1281">
        <v>3598.9057036492118</v>
      </c>
      <c r="AM1281">
        <v>6881.0490287630682</v>
      </c>
      <c r="AN1281">
        <v>357958</v>
      </c>
      <c r="AO1281">
        <v>140.5206724248186</v>
      </c>
      <c r="AP1281">
        <v>3296.1540520754438</v>
      </c>
      <c r="AQ1281">
        <v>1.0080985915492959</v>
      </c>
      <c r="AR1281">
        <v>3.9461267605633799</v>
      </c>
      <c r="AS1281">
        <v>2835</v>
      </c>
      <c r="AT1281">
        <v>306.27605633802813</v>
      </c>
      <c r="AU1281">
        <v>1.8047500690417051E-2</v>
      </c>
      <c r="AV1281">
        <v>-2.562695221303592E-3</v>
      </c>
      <c r="AW1281">
        <v>0.36690140845070418</v>
      </c>
      <c r="AX1281">
        <v>84.468827051778788</v>
      </c>
      <c r="AY1281">
        <v>62</v>
      </c>
      <c r="AZ1281">
        <v>125</v>
      </c>
      <c r="BA1281">
        <v>0.58011124807550263</v>
      </c>
      <c r="BB1281">
        <v>0.50352112676056338</v>
      </c>
      <c r="BC1281">
        <v>5.3056573808508114</v>
      </c>
      <c r="BD1281" t="s">
        <v>4921</v>
      </c>
      <c r="BE1281" t="s">
        <v>68</v>
      </c>
    </row>
    <row r="1282" spans="1:57" x14ac:dyDescent="0.3">
      <c r="A1282" t="s">
        <v>4922</v>
      </c>
      <c r="B1282">
        <v>132</v>
      </c>
      <c r="C1282" t="s">
        <v>4923</v>
      </c>
      <c r="D1282" t="s">
        <v>4924</v>
      </c>
      <c r="E1282" t="s">
        <v>60</v>
      </c>
      <c r="F1282">
        <v>256</v>
      </c>
      <c r="G1282">
        <v>128.1875</v>
      </c>
      <c r="H1282">
        <v>127</v>
      </c>
      <c r="I1282">
        <v>5550.23828125</v>
      </c>
      <c r="J1282">
        <v>74.49992135062962</v>
      </c>
      <c r="K1282">
        <v>-6.4280196259113465E-2</v>
      </c>
      <c r="L1282">
        <v>-1.1825177760929999</v>
      </c>
      <c r="M1282">
        <v>7.1478428361103026</v>
      </c>
      <c r="N1282">
        <v>5</v>
      </c>
      <c r="O1282">
        <v>1</v>
      </c>
      <c r="P1282">
        <v>4</v>
      </c>
      <c r="Q1282">
        <v>0.83109346540910678</v>
      </c>
      <c r="R1282">
        <v>4.9545071089354602</v>
      </c>
      <c r="S1282">
        <v>1</v>
      </c>
      <c r="T1282">
        <v>1</v>
      </c>
      <c r="U1282">
        <v>0</v>
      </c>
      <c r="V1282">
        <v>0</v>
      </c>
      <c r="W1282">
        <v>5.541263545158424</v>
      </c>
      <c r="X1282">
        <v>1</v>
      </c>
      <c r="Y1282">
        <v>1</v>
      </c>
      <c r="Z1282">
        <v>0</v>
      </c>
      <c r="AA1282">
        <v>0</v>
      </c>
      <c r="AB1282">
        <v>5.5373342670185366</v>
      </c>
      <c r="AC1282">
        <v>1</v>
      </c>
      <c r="AD1282">
        <v>1</v>
      </c>
      <c r="AE1282">
        <v>0</v>
      </c>
      <c r="AF1282">
        <v>0</v>
      </c>
      <c r="AG1282">
        <v>5.5333894887275203</v>
      </c>
      <c r="AH1282">
        <v>2.5370727568530631E-2</v>
      </c>
      <c r="AI1282">
        <v>2.0024956478853311E-2</v>
      </c>
      <c r="AJ1282">
        <v>1.8994213169866721E-2</v>
      </c>
      <c r="AK1282">
        <v>7.4686025541907342E-2</v>
      </c>
      <c r="AL1282">
        <v>1166.0870404782379</v>
      </c>
      <c r="AM1282">
        <v>2065.8419625006909</v>
      </c>
      <c r="AN1282">
        <v>32816</v>
      </c>
      <c r="AO1282">
        <v>142.02993181422329</v>
      </c>
      <c r="AP1282">
        <v>962.84913261231281</v>
      </c>
      <c r="AQ1282">
        <v>1.08984375</v>
      </c>
      <c r="AR1282">
        <v>4.078125</v>
      </c>
      <c r="AS1282">
        <v>253</v>
      </c>
      <c r="AT1282">
        <v>68.2109375</v>
      </c>
      <c r="AU1282">
        <v>3.861825980392157E-2</v>
      </c>
      <c r="AV1282">
        <v>2.5388196625469629E-2</v>
      </c>
      <c r="AW1282">
        <v>0.33203125</v>
      </c>
      <c r="AX1282">
        <v>85.015686274509804</v>
      </c>
      <c r="AY1282">
        <v>64.5</v>
      </c>
      <c r="AZ1282">
        <v>123</v>
      </c>
      <c r="BA1282">
        <v>0.58117929868848073</v>
      </c>
      <c r="BB1282">
        <v>0.48828125</v>
      </c>
      <c r="BC1282">
        <v>4.8859760133289942</v>
      </c>
      <c r="BD1282" t="s">
        <v>4925</v>
      </c>
      <c r="BE1282" t="s">
        <v>62</v>
      </c>
    </row>
    <row r="1283" spans="1:57" x14ac:dyDescent="0.3">
      <c r="A1283" t="s">
        <v>4926</v>
      </c>
      <c r="B1283">
        <v>1944</v>
      </c>
      <c r="C1283" t="s">
        <v>4927</v>
      </c>
      <c r="D1283" t="s">
        <v>4928</v>
      </c>
      <c r="E1283" t="s">
        <v>115</v>
      </c>
      <c r="F1283">
        <v>2016</v>
      </c>
      <c r="G1283">
        <v>131.12946428571431</v>
      </c>
      <c r="H1283">
        <v>136</v>
      </c>
      <c r="I1283">
        <v>5485.5035763003116</v>
      </c>
      <c r="J1283">
        <v>74.064185517025109</v>
      </c>
      <c r="K1283">
        <v>-8.7325847181952271E-2</v>
      </c>
      <c r="L1283">
        <v>-1.1812073603535349</v>
      </c>
      <c r="M1283">
        <v>7.8994520080438351</v>
      </c>
      <c r="N1283">
        <v>16</v>
      </c>
      <c r="O1283">
        <v>1</v>
      </c>
      <c r="P1283">
        <v>15</v>
      </c>
      <c r="Q1283">
        <v>2.8912583765550939</v>
      </c>
      <c r="R1283">
        <v>5.4754828873441834</v>
      </c>
      <c r="S1283">
        <v>2</v>
      </c>
      <c r="T1283">
        <v>1</v>
      </c>
      <c r="U1283">
        <v>1</v>
      </c>
      <c r="V1283">
        <v>0.1044834137827092</v>
      </c>
      <c r="W1283">
        <v>7.5932387543090041</v>
      </c>
      <c r="X1283">
        <v>1</v>
      </c>
      <c r="Y1283">
        <v>1</v>
      </c>
      <c r="Z1283">
        <v>0</v>
      </c>
      <c r="AA1283">
        <v>0</v>
      </c>
      <c r="AB1283">
        <v>7.6078780732785054</v>
      </c>
      <c r="AC1283">
        <v>1</v>
      </c>
      <c r="AD1283">
        <v>1</v>
      </c>
      <c r="AE1283">
        <v>0</v>
      </c>
      <c r="AF1283">
        <v>0</v>
      </c>
      <c r="AG1283">
        <v>7.6073814256397903</v>
      </c>
      <c r="AH1283">
        <v>-1.636970535400949E-2</v>
      </c>
      <c r="AI1283">
        <v>2.071355484572137E-2</v>
      </c>
      <c r="AJ1283">
        <v>-3.5771939950659817E-2</v>
      </c>
      <c r="AK1283">
        <v>-1.9077768417253858E-2</v>
      </c>
      <c r="AL1283">
        <v>3083.638798844589</v>
      </c>
      <c r="AM1283">
        <v>6017.8849073624106</v>
      </c>
      <c r="AN1283">
        <v>264357</v>
      </c>
      <c r="AO1283">
        <v>88.496727975524436</v>
      </c>
      <c r="AP1283">
        <v>2804.3359688312671</v>
      </c>
      <c r="AQ1283">
        <v>1.01140873015873</v>
      </c>
      <c r="AR1283">
        <v>4.0297619047619051</v>
      </c>
      <c r="AS1283">
        <v>2010</v>
      </c>
      <c r="AT1283">
        <v>271.74603174603169</v>
      </c>
      <c r="AU1283">
        <v>3.5813492063492047E-2</v>
      </c>
      <c r="AV1283">
        <v>-1.6383668539652989E-2</v>
      </c>
      <c r="AW1283">
        <v>0.34275793650793651</v>
      </c>
      <c r="AX1283">
        <v>85.978660049627791</v>
      </c>
      <c r="AY1283">
        <v>64</v>
      </c>
      <c r="AZ1283">
        <v>127.25</v>
      </c>
      <c r="BA1283">
        <v>0.56481726605432281</v>
      </c>
      <c r="BB1283">
        <v>0.51388888888888884</v>
      </c>
      <c r="BC1283">
        <v>5.2947750500550113</v>
      </c>
      <c r="BD1283" t="s">
        <v>4929</v>
      </c>
      <c r="BE1283" t="s">
        <v>62</v>
      </c>
    </row>
    <row r="1284" spans="1:57" x14ac:dyDescent="0.3">
      <c r="A1284" t="s">
        <v>4930</v>
      </c>
      <c r="B1284">
        <v>2086</v>
      </c>
      <c r="C1284" t="s">
        <v>4931</v>
      </c>
      <c r="D1284" t="s">
        <v>4932</v>
      </c>
      <c r="E1284" t="s">
        <v>128</v>
      </c>
      <c r="F1284">
        <v>32</v>
      </c>
      <c r="G1284">
        <v>124.34375</v>
      </c>
      <c r="H1284">
        <v>116.5</v>
      </c>
      <c r="I1284">
        <v>6503.2880859375</v>
      </c>
      <c r="J1284">
        <v>80.642966748114489</v>
      </c>
      <c r="K1284">
        <v>0.16062981144501801</v>
      </c>
      <c r="L1284">
        <v>-1.3667939767935879</v>
      </c>
      <c r="M1284">
        <v>4.875</v>
      </c>
      <c r="N1284">
        <v>2</v>
      </c>
      <c r="O1284">
        <v>1</v>
      </c>
      <c r="P1284">
        <v>1</v>
      </c>
      <c r="Q1284">
        <v>0.24944382578492941</v>
      </c>
      <c r="R1284">
        <v>3.3790925052297318</v>
      </c>
      <c r="S1284">
        <v>1</v>
      </c>
      <c r="T1284">
        <v>1</v>
      </c>
      <c r="U1284">
        <v>0</v>
      </c>
      <c r="V1284">
        <v>0</v>
      </c>
      <c r="W1284">
        <v>3.4339872044851458</v>
      </c>
      <c r="X1284">
        <v>1</v>
      </c>
      <c r="Y1284">
        <v>1</v>
      </c>
      <c r="Z1284">
        <v>0</v>
      </c>
      <c r="AA1284">
        <v>0</v>
      </c>
      <c r="AB1284">
        <v>3.401197381662155</v>
      </c>
      <c r="AC1284">
        <v>1</v>
      </c>
      <c r="AD1284">
        <v>1</v>
      </c>
      <c r="AE1284">
        <v>0</v>
      </c>
      <c r="AF1284">
        <v>0</v>
      </c>
      <c r="AG1284">
        <v>3.3672958299864728</v>
      </c>
      <c r="AH1284">
        <v>0.1063913760497056</v>
      </c>
      <c r="AI1284">
        <v>-2.3321820602468669E-2</v>
      </c>
      <c r="AJ1284">
        <v>-0.25371253848151032</v>
      </c>
      <c r="AK1284">
        <v>0.18718298413347689</v>
      </c>
      <c r="AL1284">
        <v>502.4637564197194</v>
      </c>
      <c r="AM1284">
        <v>671.11785364761749</v>
      </c>
      <c r="AN1284">
        <v>3979</v>
      </c>
      <c r="AO1284">
        <v>58.595021078828189</v>
      </c>
      <c r="AP1284">
        <v>382.63223641513281</v>
      </c>
      <c r="AQ1284">
        <v>1.65625</v>
      </c>
      <c r="AR1284">
        <v>3.9375</v>
      </c>
      <c r="AS1284">
        <v>32</v>
      </c>
      <c r="AT1284">
        <v>1.75</v>
      </c>
      <c r="AU1284">
        <v>0.11706349206349199</v>
      </c>
      <c r="AV1284">
        <v>0.11068190448124</v>
      </c>
      <c r="AW1284">
        <v>0.34375</v>
      </c>
      <c r="AX1284">
        <v>87.677419354838705</v>
      </c>
      <c r="AY1284">
        <v>73.5</v>
      </c>
      <c r="AZ1284">
        <v>142.25</v>
      </c>
      <c r="BA1284">
        <v>0.64854861420951582</v>
      </c>
      <c r="BB1284">
        <v>0.46875</v>
      </c>
      <c r="BC1284">
        <v>3.2829507132875908</v>
      </c>
      <c r="BD1284" t="s">
        <v>4933</v>
      </c>
      <c r="BE1284" t="s">
        <v>62</v>
      </c>
    </row>
    <row r="1285" spans="1:57" x14ac:dyDescent="0.3">
      <c r="A1285" t="s">
        <v>4934</v>
      </c>
      <c r="B1285">
        <v>505</v>
      </c>
      <c r="C1285" t="s">
        <v>4935</v>
      </c>
      <c r="D1285" t="s">
        <v>4936</v>
      </c>
      <c r="E1285" t="s">
        <v>115</v>
      </c>
      <c r="F1285">
        <v>557</v>
      </c>
      <c r="G1285">
        <v>129.87253141831241</v>
      </c>
      <c r="H1285">
        <v>129</v>
      </c>
      <c r="I1285">
        <v>5493.0412023890494</v>
      </c>
      <c r="J1285">
        <v>74.115053817622297</v>
      </c>
      <c r="K1285">
        <v>-5.1039319222430553E-2</v>
      </c>
      <c r="L1285">
        <v>-1.2190307767059441</v>
      </c>
      <c r="M1285">
        <v>7.6422214234475083</v>
      </c>
      <c r="N1285">
        <v>9</v>
      </c>
      <c r="O1285">
        <v>1</v>
      </c>
      <c r="P1285">
        <v>8</v>
      </c>
      <c r="Q1285">
        <v>1.3448930954778351</v>
      </c>
      <c r="R1285">
        <v>5.2971842328774628</v>
      </c>
      <c r="S1285">
        <v>2</v>
      </c>
      <c r="T1285">
        <v>1</v>
      </c>
      <c r="U1285">
        <v>1</v>
      </c>
      <c r="V1285">
        <v>8.4816666019707443E-2</v>
      </c>
      <c r="W1285">
        <v>6.3107949535231</v>
      </c>
      <c r="X1285">
        <v>1</v>
      </c>
      <c r="Y1285">
        <v>1</v>
      </c>
      <c r="Z1285">
        <v>0</v>
      </c>
      <c r="AA1285">
        <v>0</v>
      </c>
      <c r="AB1285">
        <v>6.3189681137464344</v>
      </c>
      <c r="AC1285">
        <v>1</v>
      </c>
      <c r="AD1285">
        <v>1</v>
      </c>
      <c r="AE1285">
        <v>0</v>
      </c>
      <c r="AF1285">
        <v>0</v>
      </c>
      <c r="AG1285">
        <v>6.3171646867472839</v>
      </c>
      <c r="AH1285">
        <v>-3.3524538611449557E-2</v>
      </c>
      <c r="AI1285">
        <v>-3.074457631589709E-3</v>
      </c>
      <c r="AJ1285">
        <v>-2.33456091941237E-2</v>
      </c>
      <c r="AK1285">
        <v>-3.6548388265861223E-2</v>
      </c>
      <c r="AL1285">
        <v>1674.584025406951</v>
      </c>
      <c r="AM1285">
        <v>3106.483758504437</v>
      </c>
      <c r="AN1285">
        <v>72339</v>
      </c>
      <c r="AO1285">
        <v>32.367998833097708</v>
      </c>
      <c r="AP1285">
        <v>1481.9173821391969</v>
      </c>
      <c r="AQ1285">
        <v>1.0412926391382411</v>
      </c>
      <c r="AR1285">
        <v>4.0125673249551168</v>
      </c>
      <c r="AS1285">
        <v>555</v>
      </c>
      <c r="AT1285">
        <v>170.29084380610419</v>
      </c>
      <c r="AU1285">
        <v>3.0598092019572639E-2</v>
      </c>
      <c r="AV1285">
        <v>-3.3608349655639531E-2</v>
      </c>
      <c r="AW1285">
        <v>0.37701974865350091</v>
      </c>
      <c r="AX1285">
        <v>87.057553956834539</v>
      </c>
      <c r="AY1285">
        <v>65</v>
      </c>
      <c r="AZ1285">
        <v>131</v>
      </c>
      <c r="BA1285">
        <v>0.57067536151198694</v>
      </c>
      <c r="BB1285">
        <v>0.49910233393177739</v>
      </c>
      <c r="BC1285">
        <v>5.1331131060204491</v>
      </c>
      <c r="BD1285" t="s">
        <v>4937</v>
      </c>
      <c r="BE1285" t="s">
        <v>68</v>
      </c>
    </row>
    <row r="1286" spans="1:57" x14ac:dyDescent="0.3">
      <c r="A1286" t="s">
        <v>4938</v>
      </c>
      <c r="B1286">
        <v>3742</v>
      </c>
      <c r="C1286" t="s">
        <v>4939</v>
      </c>
      <c r="D1286" t="s">
        <v>4940</v>
      </c>
      <c r="E1286" t="s">
        <v>66</v>
      </c>
      <c r="F1286">
        <v>70</v>
      </c>
      <c r="G1286">
        <v>100.3142857142857</v>
      </c>
      <c r="H1286">
        <v>81</v>
      </c>
      <c r="I1286">
        <v>5625.672653061225</v>
      </c>
      <c r="J1286">
        <v>75.00448421968666</v>
      </c>
      <c r="K1286">
        <v>0.48309564710867248</v>
      </c>
      <c r="L1286">
        <v>-0.90082248627770367</v>
      </c>
      <c r="M1286">
        <v>5.8613560526283504</v>
      </c>
      <c r="N1286">
        <v>3</v>
      </c>
      <c r="O1286">
        <v>1</v>
      </c>
      <c r="P1286">
        <v>2</v>
      </c>
      <c r="Q1286">
        <v>0.39819533775380711</v>
      </c>
      <c r="R1286">
        <v>4.0627824221373086</v>
      </c>
      <c r="S1286">
        <v>2</v>
      </c>
      <c r="T1286">
        <v>1</v>
      </c>
      <c r="U1286">
        <v>1</v>
      </c>
      <c r="V1286">
        <v>0.1203728348804772</v>
      </c>
      <c r="W1286">
        <v>4.2140152819723324</v>
      </c>
      <c r="X1286">
        <v>1</v>
      </c>
      <c r="Y1286">
        <v>1</v>
      </c>
      <c r="Z1286">
        <v>0</v>
      </c>
      <c r="AA1286">
        <v>0</v>
      </c>
      <c r="AB1286">
        <v>4.2195077051761087</v>
      </c>
      <c r="AC1286">
        <v>1</v>
      </c>
      <c r="AD1286">
        <v>1</v>
      </c>
      <c r="AE1286">
        <v>0</v>
      </c>
      <c r="AF1286">
        <v>0</v>
      </c>
      <c r="AG1286">
        <v>4.2046926193909648</v>
      </c>
      <c r="AH1286">
        <v>0.11181919381955401</v>
      </c>
      <c r="AI1286">
        <v>-0.15870870656415759</v>
      </c>
      <c r="AJ1286">
        <v>1.603318215702634E-2</v>
      </c>
      <c r="AK1286">
        <v>1.9627543392647089E-2</v>
      </c>
      <c r="AL1286">
        <v>647.80307191989539</v>
      </c>
      <c r="AM1286">
        <v>823.74460848684589</v>
      </c>
      <c r="AN1286">
        <v>7022</v>
      </c>
      <c r="AO1286">
        <v>105.6306786770736</v>
      </c>
      <c r="AP1286">
        <v>525.93931144009298</v>
      </c>
      <c r="AQ1286">
        <v>1.328571428571429</v>
      </c>
      <c r="AR1286">
        <v>3.4285714285714279</v>
      </c>
      <c r="AS1286">
        <v>70</v>
      </c>
      <c r="AT1286">
        <v>8.4285714285714306</v>
      </c>
      <c r="AU1286">
        <v>0.18950086058519791</v>
      </c>
      <c r="AV1286">
        <v>0.1123730814978261</v>
      </c>
      <c r="AW1286">
        <v>0.44285714285714278</v>
      </c>
      <c r="AX1286">
        <v>78.231884057971016</v>
      </c>
      <c r="AY1286">
        <v>57</v>
      </c>
      <c r="AZ1286">
        <v>114.25</v>
      </c>
      <c r="BA1286">
        <v>0.74769494380206014</v>
      </c>
      <c r="BB1286">
        <v>0.44285714285714278</v>
      </c>
      <c r="BC1286">
        <v>3.985428526666777</v>
      </c>
      <c r="BD1286" t="s">
        <v>4941</v>
      </c>
      <c r="BE1286" t="s">
        <v>68</v>
      </c>
    </row>
    <row r="1287" spans="1:57" x14ac:dyDescent="0.3">
      <c r="A1287" t="s">
        <v>4942</v>
      </c>
      <c r="B1287">
        <v>2616</v>
      </c>
      <c r="C1287" t="s">
        <v>4943</v>
      </c>
      <c r="D1287" t="s">
        <v>4944</v>
      </c>
      <c r="E1287" t="s">
        <v>93</v>
      </c>
      <c r="F1287">
        <v>2618</v>
      </c>
      <c r="G1287">
        <v>130.1271963330787</v>
      </c>
      <c r="H1287">
        <v>133.5</v>
      </c>
      <c r="I1287">
        <v>5310.617510932424</v>
      </c>
      <c r="J1287">
        <v>72.873983772896779</v>
      </c>
      <c r="K1287">
        <v>-5.5583830655523241E-2</v>
      </c>
      <c r="L1287">
        <v>-1.172161223903988</v>
      </c>
      <c r="M1287">
        <v>7.9200538641743723</v>
      </c>
      <c r="N1287">
        <v>22</v>
      </c>
      <c r="O1287">
        <v>3</v>
      </c>
      <c r="P1287">
        <v>19</v>
      </c>
      <c r="Q1287">
        <v>3.3962636725663322</v>
      </c>
      <c r="R1287">
        <v>5.4897630058353659</v>
      </c>
      <c r="S1287">
        <v>2</v>
      </c>
      <c r="T1287">
        <v>1</v>
      </c>
      <c r="U1287">
        <v>1</v>
      </c>
      <c r="V1287">
        <v>0.14493703956401899</v>
      </c>
      <c r="W1287">
        <v>7.8406489427053092</v>
      </c>
      <c r="X1287">
        <v>1</v>
      </c>
      <c r="Y1287">
        <v>1</v>
      </c>
      <c r="Z1287">
        <v>0</v>
      </c>
      <c r="AA1287">
        <v>0</v>
      </c>
      <c r="AB1287">
        <v>7.869401712577087</v>
      </c>
      <c r="AC1287">
        <v>1</v>
      </c>
      <c r="AD1287">
        <v>1</v>
      </c>
      <c r="AE1287">
        <v>0</v>
      </c>
      <c r="AF1287">
        <v>0</v>
      </c>
      <c r="AG1287">
        <v>7.8690193764990246</v>
      </c>
      <c r="AH1287">
        <v>-5.8362871058756073E-2</v>
      </c>
      <c r="AI1287">
        <v>-2.4362569865550431E-2</v>
      </c>
      <c r="AJ1287">
        <v>9.6343257895584906E-3</v>
      </c>
      <c r="AK1287">
        <v>6.3820217116131381E-3</v>
      </c>
      <c r="AL1287">
        <v>3417.4432691494621</v>
      </c>
      <c r="AM1287">
        <v>6823.1298171839762</v>
      </c>
      <c r="AN1287">
        <v>340673</v>
      </c>
      <c r="AO1287">
        <v>97.259411534894937</v>
      </c>
      <c r="AP1287">
        <v>3070.932216258801</v>
      </c>
      <c r="AQ1287">
        <v>1.008785332314744</v>
      </c>
      <c r="AR1287">
        <v>4.0290297937356758</v>
      </c>
      <c r="AS1287">
        <v>2606</v>
      </c>
      <c r="AT1287">
        <v>288.74407944996182</v>
      </c>
      <c r="AU1287">
        <v>2.7221797810033092E-2</v>
      </c>
      <c r="AV1287">
        <v>-5.8391728099721603E-2</v>
      </c>
      <c r="AW1287">
        <v>0.3617265087853323</v>
      </c>
      <c r="AX1287">
        <v>86.922048146732905</v>
      </c>
      <c r="AY1287">
        <v>62.5</v>
      </c>
      <c r="AZ1287">
        <v>126</v>
      </c>
      <c r="BA1287">
        <v>0.56002116257362278</v>
      </c>
      <c r="BB1287">
        <v>0.51298701298701299</v>
      </c>
      <c r="BC1287">
        <v>5.3197220659304767</v>
      </c>
      <c r="BD1287" t="s">
        <v>4945</v>
      </c>
      <c r="BE1287" t="s">
        <v>68</v>
      </c>
    </row>
    <row r="1288" spans="1:57" x14ac:dyDescent="0.3">
      <c r="A1288" t="s">
        <v>4946</v>
      </c>
      <c r="B1288">
        <v>1689</v>
      </c>
      <c r="C1288" t="s">
        <v>4947</v>
      </c>
      <c r="D1288" t="s">
        <v>4948</v>
      </c>
      <c r="E1288" t="s">
        <v>93</v>
      </c>
      <c r="F1288">
        <v>1749</v>
      </c>
      <c r="G1288">
        <v>133.50600343053171</v>
      </c>
      <c r="H1288">
        <v>138</v>
      </c>
      <c r="I1288">
        <v>5238.6536231926693</v>
      </c>
      <c r="J1288">
        <v>72.378543942197879</v>
      </c>
      <c r="K1288">
        <v>-9.8643380810590264E-2</v>
      </c>
      <c r="L1288">
        <v>-1.1409582596084029</v>
      </c>
      <c r="M1288">
        <v>7.8933760462854554</v>
      </c>
      <c r="N1288">
        <v>14</v>
      </c>
      <c r="O1288">
        <v>1</v>
      </c>
      <c r="P1288">
        <v>13</v>
      </c>
      <c r="Q1288">
        <v>2.5918873912698128</v>
      </c>
      <c r="R1288">
        <v>5.4712713515821703</v>
      </c>
      <c r="S1288">
        <v>2</v>
      </c>
      <c r="T1288">
        <v>1</v>
      </c>
      <c r="U1288">
        <v>1</v>
      </c>
      <c r="V1288">
        <v>0.1121773933745627</v>
      </c>
      <c r="W1288">
        <v>7.4487799155148853</v>
      </c>
      <c r="X1288">
        <v>1</v>
      </c>
      <c r="Y1288">
        <v>1</v>
      </c>
      <c r="Z1288">
        <v>0</v>
      </c>
      <c r="AA1288">
        <v>0</v>
      </c>
      <c r="AB1288">
        <v>7.4656553101340553</v>
      </c>
      <c r="AC1288">
        <v>1</v>
      </c>
      <c r="AD1288">
        <v>1</v>
      </c>
      <c r="AE1288">
        <v>0</v>
      </c>
      <c r="AF1288">
        <v>0</v>
      </c>
      <c r="AG1288">
        <v>7.4650827363995447</v>
      </c>
      <c r="AH1288">
        <v>2.6635580284003799E-2</v>
      </c>
      <c r="AI1288">
        <v>-4.6413460221635307E-3</v>
      </c>
      <c r="AJ1288">
        <v>-1.5485256869720521E-2</v>
      </c>
      <c r="AK1288">
        <v>1.7055427198673419E-2</v>
      </c>
      <c r="AL1288">
        <v>2822.708825624401</v>
      </c>
      <c r="AM1288">
        <v>5689.3443282809058</v>
      </c>
      <c r="AN1288">
        <v>233502</v>
      </c>
      <c r="AO1288">
        <v>62.453900374757232</v>
      </c>
      <c r="AP1288">
        <v>2452.9364479053261</v>
      </c>
      <c r="AQ1288">
        <v>1.013150371640938</v>
      </c>
      <c r="AR1288">
        <v>4.0811892510005716</v>
      </c>
      <c r="AS1288">
        <v>1745</v>
      </c>
      <c r="AT1288">
        <v>251.72269868496281</v>
      </c>
      <c r="AU1288">
        <v>4.8720277133151753E-2</v>
      </c>
      <c r="AV1288">
        <v>2.6642462324684039E-2</v>
      </c>
      <c r="AW1288">
        <v>0.35048599199542602</v>
      </c>
      <c r="AX1288">
        <v>82.628146453089244</v>
      </c>
      <c r="AY1288">
        <v>61</v>
      </c>
      <c r="AZ1288">
        <v>125</v>
      </c>
      <c r="BA1288">
        <v>0.54213699820517203</v>
      </c>
      <c r="BB1288">
        <v>0.51400800457404228</v>
      </c>
      <c r="BC1288">
        <v>5.2510718067335693</v>
      </c>
      <c r="BD1288" t="s">
        <v>4949</v>
      </c>
      <c r="BE1288" t="s">
        <v>68</v>
      </c>
    </row>
    <row r="1289" spans="1:57" x14ac:dyDescent="0.3">
      <c r="A1289" t="s">
        <v>4950</v>
      </c>
      <c r="B1289">
        <v>158</v>
      </c>
      <c r="C1289" t="s">
        <v>4951</v>
      </c>
      <c r="D1289" t="s">
        <v>4952</v>
      </c>
      <c r="E1289" t="s">
        <v>60</v>
      </c>
      <c r="F1289">
        <v>512</v>
      </c>
      <c r="G1289">
        <v>131.1875</v>
      </c>
      <c r="H1289">
        <v>132.5</v>
      </c>
      <c r="I1289">
        <v>5802.9765625</v>
      </c>
      <c r="J1289">
        <v>76.177270642232912</v>
      </c>
      <c r="K1289">
        <v>-5.1740454590077152E-2</v>
      </c>
      <c r="L1289">
        <v>-1.2430579467054119</v>
      </c>
      <c r="M1289">
        <v>7.5440232922543684</v>
      </c>
      <c r="N1289">
        <v>9</v>
      </c>
      <c r="O1289">
        <v>1</v>
      </c>
      <c r="P1289">
        <v>8</v>
      </c>
      <c r="Q1289">
        <v>1.414914651515907</v>
      </c>
      <c r="R1289">
        <v>5.22911847510467</v>
      </c>
      <c r="S1289">
        <v>1</v>
      </c>
      <c r="T1289">
        <v>1</v>
      </c>
      <c r="U1289">
        <v>0</v>
      </c>
      <c r="V1289">
        <v>0</v>
      </c>
      <c r="W1289">
        <v>6.2363695902037044</v>
      </c>
      <c r="X1289">
        <v>1</v>
      </c>
      <c r="Y1289">
        <v>1</v>
      </c>
      <c r="Z1289">
        <v>0</v>
      </c>
      <c r="AA1289">
        <v>0</v>
      </c>
      <c r="AB1289">
        <v>6.2344107257183694</v>
      </c>
      <c r="AC1289">
        <v>1</v>
      </c>
      <c r="AD1289">
        <v>1</v>
      </c>
      <c r="AE1289">
        <v>0</v>
      </c>
      <c r="AF1289">
        <v>0</v>
      </c>
      <c r="AG1289">
        <v>6.2324480165505216</v>
      </c>
      <c r="AH1289">
        <v>0.1053757230744156</v>
      </c>
      <c r="AI1289">
        <v>5.990354734016487E-2</v>
      </c>
      <c r="AJ1289">
        <v>8.7084927181598614E-3</v>
      </c>
      <c r="AK1289">
        <v>1.2145958377200009E-2</v>
      </c>
      <c r="AL1289">
        <v>1663.2537568091541</v>
      </c>
      <c r="AM1289">
        <v>3002.717592525184</v>
      </c>
      <c r="AN1289">
        <v>67168</v>
      </c>
      <c r="AO1289">
        <v>64.233019975836029</v>
      </c>
      <c r="AP1289">
        <v>1448.167600375994</v>
      </c>
      <c r="AQ1289">
        <v>1.044921875</v>
      </c>
      <c r="AR1289">
        <v>4.072265625</v>
      </c>
      <c r="AS1289">
        <v>508</v>
      </c>
      <c r="AT1289">
        <v>189.25</v>
      </c>
      <c r="AU1289">
        <v>5.006127450980391E-2</v>
      </c>
      <c r="AV1289">
        <v>0.1054789850159612</v>
      </c>
      <c r="AW1289">
        <v>0.34375</v>
      </c>
      <c r="AX1289">
        <v>81.428571428571431</v>
      </c>
      <c r="AY1289">
        <v>69</v>
      </c>
      <c r="AZ1289">
        <v>136.5</v>
      </c>
      <c r="BA1289">
        <v>0.58067476430477682</v>
      </c>
      <c r="BB1289">
        <v>0.50390625</v>
      </c>
      <c r="BC1289">
        <v>5.0858072568057144</v>
      </c>
      <c r="BD1289" t="s">
        <v>4953</v>
      </c>
      <c r="BE1289" t="s">
        <v>62</v>
      </c>
    </row>
    <row r="1290" spans="1:57" x14ac:dyDescent="0.3">
      <c r="A1290" t="s">
        <v>4954</v>
      </c>
      <c r="B1290">
        <v>2501</v>
      </c>
      <c r="C1290" t="s">
        <v>4955</v>
      </c>
      <c r="D1290" t="s">
        <v>4956</v>
      </c>
      <c r="E1290" t="s">
        <v>93</v>
      </c>
      <c r="F1290">
        <v>2503</v>
      </c>
      <c r="G1290">
        <v>128.79584498601679</v>
      </c>
      <c r="H1290">
        <v>130</v>
      </c>
      <c r="I1290">
        <v>5389.580773786598</v>
      </c>
      <c r="J1290">
        <v>73.413764198456661</v>
      </c>
      <c r="K1290">
        <v>-1.0903106451921499E-2</v>
      </c>
      <c r="L1290">
        <v>-1.1810407859627721</v>
      </c>
      <c r="M1290">
        <v>7.9323731665607919</v>
      </c>
      <c r="N1290">
        <v>17</v>
      </c>
      <c r="O1290">
        <v>3</v>
      </c>
      <c r="P1290">
        <v>14</v>
      </c>
      <c r="Q1290">
        <v>2.9450094132847759</v>
      </c>
      <c r="R1290">
        <v>5.4983020955509776</v>
      </c>
      <c r="S1290">
        <v>2</v>
      </c>
      <c r="T1290">
        <v>1</v>
      </c>
      <c r="U1290">
        <v>1</v>
      </c>
      <c r="V1290">
        <v>0.13991611040345511</v>
      </c>
      <c r="W1290">
        <v>7.7976960412687131</v>
      </c>
      <c r="X1290">
        <v>1</v>
      </c>
      <c r="Y1290">
        <v>1</v>
      </c>
      <c r="Z1290">
        <v>0</v>
      </c>
      <c r="AA1290">
        <v>0</v>
      </c>
      <c r="AB1290">
        <v>7.8244459308776184</v>
      </c>
      <c r="AC1290">
        <v>1</v>
      </c>
      <c r="AD1290">
        <v>1</v>
      </c>
      <c r="AE1290">
        <v>0</v>
      </c>
      <c r="AF1290">
        <v>0</v>
      </c>
      <c r="AG1290">
        <v>7.8240460108562946</v>
      </c>
      <c r="AH1290">
        <v>1.06920291382474E-2</v>
      </c>
      <c r="AI1290">
        <v>1.5158596982026991E-2</v>
      </c>
      <c r="AJ1290">
        <v>-5.7646372872733479E-3</v>
      </c>
      <c r="AK1290">
        <v>-2.470534323628178E-2</v>
      </c>
      <c r="AL1290">
        <v>3373.416673338189</v>
      </c>
      <c r="AM1290">
        <v>6605.3667534849174</v>
      </c>
      <c r="AN1290">
        <v>322375.99999999988</v>
      </c>
      <c r="AO1290">
        <v>89.515618073928721</v>
      </c>
      <c r="AP1290">
        <v>3069.0466262314012</v>
      </c>
      <c r="AQ1290">
        <v>1.009188973232122</v>
      </c>
      <c r="AR1290">
        <v>4.041150619256892</v>
      </c>
      <c r="AS1290">
        <v>2494</v>
      </c>
      <c r="AT1290">
        <v>227.08709548541751</v>
      </c>
      <c r="AU1290">
        <v>1.515671390409939E-2</v>
      </c>
      <c r="AV1290">
        <v>1.069574317482406E-2</v>
      </c>
      <c r="AW1290">
        <v>0.37115461446264481</v>
      </c>
      <c r="AX1290">
        <v>84.440847322142289</v>
      </c>
      <c r="AY1290">
        <v>63</v>
      </c>
      <c r="AZ1290">
        <v>127</v>
      </c>
      <c r="BA1290">
        <v>0.57000102919800799</v>
      </c>
      <c r="BB1290">
        <v>0.50379544546544142</v>
      </c>
      <c r="BC1290">
        <v>5.2890761688971608</v>
      </c>
      <c r="BD1290" t="s">
        <v>4957</v>
      </c>
      <c r="BE1290" t="s">
        <v>68</v>
      </c>
    </row>
    <row r="1291" spans="1:57" x14ac:dyDescent="0.3">
      <c r="A1291" t="s">
        <v>4958</v>
      </c>
      <c r="B1291">
        <v>144</v>
      </c>
      <c r="C1291" t="s">
        <v>4959</v>
      </c>
      <c r="D1291" t="s">
        <v>4960</v>
      </c>
      <c r="E1291" t="s">
        <v>60</v>
      </c>
      <c r="F1291">
        <v>512</v>
      </c>
      <c r="G1291">
        <v>117.654296875</v>
      </c>
      <c r="H1291">
        <v>114</v>
      </c>
      <c r="I1291">
        <v>5317.2574424743652</v>
      </c>
      <c r="J1291">
        <v>72.919527168477757</v>
      </c>
      <c r="K1291">
        <v>0.1231660287301377</v>
      </c>
      <c r="L1291">
        <v>-1.1470443833358679</v>
      </c>
      <c r="M1291">
        <v>7.6124070322023227</v>
      </c>
      <c r="N1291">
        <v>6</v>
      </c>
      <c r="O1291">
        <v>1</v>
      </c>
      <c r="P1291">
        <v>5</v>
      </c>
      <c r="Q1291">
        <v>1.1647432752188089</v>
      </c>
      <c r="R1291">
        <v>5.2765184716457396</v>
      </c>
      <c r="S1291">
        <v>2</v>
      </c>
      <c r="T1291">
        <v>1</v>
      </c>
      <c r="U1291">
        <v>1</v>
      </c>
      <c r="V1291">
        <v>4.4237310481092057E-2</v>
      </c>
      <c r="W1291">
        <v>6.2336566853874222</v>
      </c>
      <c r="X1291">
        <v>1</v>
      </c>
      <c r="Y1291">
        <v>1</v>
      </c>
      <c r="Z1291">
        <v>0</v>
      </c>
      <c r="AA1291">
        <v>0</v>
      </c>
      <c r="AB1291">
        <v>6.2344107257183694</v>
      </c>
      <c r="AC1291">
        <v>1</v>
      </c>
      <c r="AD1291">
        <v>1</v>
      </c>
      <c r="AE1291">
        <v>0</v>
      </c>
      <c r="AF1291">
        <v>0</v>
      </c>
      <c r="AG1291">
        <v>6.2324480165505216</v>
      </c>
      <c r="AH1291">
        <v>2.7717607000187199E-2</v>
      </c>
      <c r="AI1291">
        <v>-2.3753504109256659E-3</v>
      </c>
      <c r="AJ1291">
        <v>3.7285191711547268E-2</v>
      </c>
      <c r="AK1291">
        <v>-3.2968626182586343E-2</v>
      </c>
      <c r="AL1291">
        <v>1550.6187877164441</v>
      </c>
      <c r="AM1291">
        <v>2721.2854269959962</v>
      </c>
      <c r="AN1291">
        <v>60239</v>
      </c>
      <c r="AO1291">
        <v>60.838004166576027</v>
      </c>
      <c r="AP1291">
        <v>1298.401186774468</v>
      </c>
      <c r="AQ1291">
        <v>1.044921875</v>
      </c>
      <c r="AR1291">
        <v>3.88671875</v>
      </c>
      <c r="AS1291">
        <v>508</v>
      </c>
      <c r="AT1291">
        <v>130.5859375</v>
      </c>
      <c r="AU1291">
        <v>7.5592885375494023E-2</v>
      </c>
      <c r="AV1291">
        <v>2.7725547116049271E-2</v>
      </c>
      <c r="AW1291">
        <v>0.40625</v>
      </c>
      <c r="AX1291">
        <v>81.902152641878672</v>
      </c>
      <c r="AY1291">
        <v>61</v>
      </c>
      <c r="AZ1291">
        <v>126</v>
      </c>
      <c r="BA1291">
        <v>0.61977785006823838</v>
      </c>
      <c r="BB1291">
        <v>0.482421875</v>
      </c>
      <c r="BC1291">
        <v>5.070579540961802</v>
      </c>
      <c r="BD1291" t="s">
        <v>4961</v>
      </c>
      <c r="BE1291" t="s">
        <v>62</v>
      </c>
    </row>
    <row r="1292" spans="1:57" x14ac:dyDescent="0.3">
      <c r="A1292" t="s">
        <v>4962</v>
      </c>
      <c r="B1292">
        <v>1651</v>
      </c>
      <c r="C1292" t="s">
        <v>4963</v>
      </c>
      <c r="D1292" t="s">
        <v>4964</v>
      </c>
      <c r="E1292" t="s">
        <v>10622</v>
      </c>
      <c r="F1292">
        <v>64</v>
      </c>
      <c r="G1292">
        <v>125.140625</v>
      </c>
      <c r="H1292">
        <v>130</v>
      </c>
      <c r="I1292">
        <v>5753.683349609375</v>
      </c>
      <c r="J1292">
        <v>75.853037840348719</v>
      </c>
      <c r="K1292">
        <v>-2.865639358683704E-2</v>
      </c>
      <c r="L1292">
        <v>-1.311929095391851</v>
      </c>
      <c r="M1292">
        <v>5.78125</v>
      </c>
      <c r="N1292">
        <v>2</v>
      </c>
      <c r="O1292">
        <v>1</v>
      </c>
      <c r="P1292">
        <v>1</v>
      </c>
      <c r="Q1292">
        <v>0.32821556024332821</v>
      </c>
      <c r="R1292">
        <v>4.0072571376121839</v>
      </c>
      <c r="S1292">
        <v>1</v>
      </c>
      <c r="T1292">
        <v>1</v>
      </c>
      <c r="U1292">
        <v>0</v>
      </c>
      <c r="V1292">
        <v>0</v>
      </c>
      <c r="W1292">
        <v>4.1431347263915326</v>
      </c>
      <c r="X1292">
        <v>1</v>
      </c>
      <c r="Y1292">
        <v>1</v>
      </c>
      <c r="Z1292">
        <v>0</v>
      </c>
      <c r="AA1292">
        <v>0</v>
      </c>
      <c r="AB1292">
        <v>4.1271343850450908</v>
      </c>
      <c r="AC1292">
        <v>1</v>
      </c>
      <c r="AD1292">
        <v>1</v>
      </c>
      <c r="AE1292">
        <v>0</v>
      </c>
      <c r="AF1292">
        <v>0</v>
      </c>
      <c r="AG1292">
        <v>4.1108738641733096</v>
      </c>
      <c r="AH1292">
        <v>7.6739638393790457E-2</v>
      </c>
      <c r="AI1292">
        <v>-3.604668292267093E-3</v>
      </c>
      <c r="AJ1292">
        <v>0.1770603075329166</v>
      </c>
      <c r="AK1292">
        <v>0.25839283165331378</v>
      </c>
      <c r="AL1292">
        <v>666.88273484299657</v>
      </c>
      <c r="AM1292">
        <v>962.16132637324665</v>
      </c>
      <c r="AN1292">
        <v>8009</v>
      </c>
      <c r="AO1292">
        <v>143.0690395422904</v>
      </c>
      <c r="AP1292">
        <v>512.87854468979526</v>
      </c>
      <c r="AQ1292">
        <v>1.359375</v>
      </c>
      <c r="AR1292">
        <v>3.765625</v>
      </c>
      <c r="AS1292">
        <v>64</v>
      </c>
      <c r="AT1292">
        <v>5.4687499999999982</v>
      </c>
      <c r="AU1292">
        <v>8.3907480314960647E-2</v>
      </c>
      <c r="AV1292">
        <v>7.7933733282052026E-2</v>
      </c>
      <c r="AW1292">
        <v>0.3125</v>
      </c>
      <c r="AX1292">
        <v>82.285714285714292</v>
      </c>
      <c r="AY1292">
        <v>66.5</v>
      </c>
      <c r="AZ1292">
        <v>133</v>
      </c>
      <c r="BA1292">
        <v>0.60614239253119218</v>
      </c>
      <c r="BB1292">
        <v>0.515625</v>
      </c>
      <c r="BC1292">
        <v>3.9504862950187052</v>
      </c>
      <c r="BD1292" t="s">
        <v>4965</v>
      </c>
      <c r="BE1292" t="s">
        <v>62</v>
      </c>
    </row>
    <row r="1293" spans="1:57" x14ac:dyDescent="0.3">
      <c r="A1293" t="s">
        <v>4966</v>
      </c>
      <c r="B1293">
        <v>855</v>
      </c>
      <c r="C1293" t="s">
        <v>4967</v>
      </c>
      <c r="D1293" t="s">
        <v>4968</v>
      </c>
      <c r="E1293" t="s">
        <v>98</v>
      </c>
      <c r="F1293">
        <v>16</v>
      </c>
      <c r="G1293">
        <v>93.875</v>
      </c>
      <c r="H1293">
        <v>59</v>
      </c>
      <c r="I1293">
        <v>5033.984375</v>
      </c>
      <c r="J1293">
        <v>70.950576988492486</v>
      </c>
      <c r="K1293">
        <v>0.76709242108843001</v>
      </c>
      <c r="L1293">
        <v>-0.77208119557763766</v>
      </c>
      <c r="M1293">
        <v>3.875</v>
      </c>
      <c r="N1293">
        <v>2</v>
      </c>
      <c r="O1293">
        <v>1</v>
      </c>
      <c r="P1293">
        <v>1</v>
      </c>
      <c r="Q1293">
        <v>0.24944382578492949</v>
      </c>
      <c r="R1293">
        <v>2.6859453246697882</v>
      </c>
      <c r="S1293">
        <v>1</v>
      </c>
      <c r="T1293">
        <v>1</v>
      </c>
      <c r="U1293">
        <v>0</v>
      </c>
      <c r="V1293">
        <v>0</v>
      </c>
      <c r="W1293">
        <v>2.7080502011022101</v>
      </c>
      <c r="X1293">
        <v>1</v>
      </c>
      <c r="Y1293">
        <v>1</v>
      </c>
      <c r="Z1293">
        <v>0</v>
      </c>
      <c r="AA1293">
        <v>0</v>
      </c>
      <c r="AB1293">
        <v>2.639057329615258</v>
      </c>
      <c r="AC1293">
        <v>1</v>
      </c>
      <c r="AD1293">
        <v>1</v>
      </c>
      <c r="AE1293">
        <v>0</v>
      </c>
      <c r="AF1293">
        <v>0</v>
      </c>
      <c r="AG1293">
        <v>2.5649493574615372</v>
      </c>
      <c r="AH1293">
        <v>-0.2471189958873283</v>
      </c>
      <c r="AI1293">
        <v>-0.22935710405835341</v>
      </c>
      <c r="AJ1293">
        <v>6.4831807247613879E-2</v>
      </c>
      <c r="AK1293">
        <v>-2.4426553891518581E-2</v>
      </c>
      <c r="AL1293">
        <v>353.34574668471919</v>
      </c>
      <c r="AM1293">
        <v>310.95141630135453</v>
      </c>
      <c r="AN1293">
        <v>1502</v>
      </c>
      <c r="AO1293">
        <v>164</v>
      </c>
      <c r="AP1293">
        <v>274.88553410038611</v>
      </c>
      <c r="AQ1293">
        <v>2.25</v>
      </c>
      <c r="AR1293">
        <v>4.5625</v>
      </c>
      <c r="AS1293">
        <v>15</v>
      </c>
      <c r="AT1293">
        <v>0.87499999999999989</v>
      </c>
      <c r="AU1293">
        <v>0.40460526315789469</v>
      </c>
      <c r="AV1293">
        <v>-0.25438472715239352</v>
      </c>
      <c r="AW1293">
        <v>0.5</v>
      </c>
      <c r="AX1293">
        <v>95.666666666666671</v>
      </c>
      <c r="AY1293">
        <v>36.5</v>
      </c>
      <c r="AZ1293">
        <v>99</v>
      </c>
      <c r="BA1293">
        <v>0.75579842331283609</v>
      </c>
      <c r="BB1293">
        <v>0.4375</v>
      </c>
      <c r="BC1293">
        <v>2.7080502011022101</v>
      </c>
      <c r="BD1293" t="s">
        <v>4967</v>
      </c>
      <c r="BE1293" t="s">
        <v>62</v>
      </c>
    </row>
    <row r="1294" spans="1:57" x14ac:dyDescent="0.3">
      <c r="A1294" t="s">
        <v>4969</v>
      </c>
      <c r="B1294">
        <v>1846</v>
      </c>
      <c r="C1294" t="s">
        <v>4970</v>
      </c>
      <c r="D1294" t="s">
        <v>4971</v>
      </c>
      <c r="E1294" t="s">
        <v>128</v>
      </c>
      <c r="F1294">
        <v>32</v>
      </c>
      <c r="G1294">
        <v>147.4375</v>
      </c>
      <c r="H1294">
        <v>170</v>
      </c>
      <c r="I1294">
        <v>4966.37109375</v>
      </c>
      <c r="J1294">
        <v>70.472484657134089</v>
      </c>
      <c r="K1294">
        <v>-0.35341490751129118</v>
      </c>
      <c r="L1294">
        <v>-1.2032959052024981</v>
      </c>
      <c r="M1294">
        <v>5</v>
      </c>
      <c r="N1294">
        <v>1</v>
      </c>
      <c r="O1294">
        <v>1</v>
      </c>
      <c r="P1294">
        <v>0</v>
      </c>
      <c r="Q1294">
        <v>0</v>
      </c>
      <c r="R1294">
        <v>3.465735902799727</v>
      </c>
      <c r="S1294">
        <v>1</v>
      </c>
      <c r="T1294">
        <v>1</v>
      </c>
      <c r="U1294">
        <v>0</v>
      </c>
      <c r="V1294">
        <v>0</v>
      </c>
      <c r="W1294">
        <v>3.4339872044851458</v>
      </c>
      <c r="X1294">
        <v>1</v>
      </c>
      <c r="Y1294">
        <v>1</v>
      </c>
      <c r="Z1294">
        <v>0</v>
      </c>
      <c r="AA1294">
        <v>0</v>
      </c>
      <c r="AB1294">
        <v>3.401197381662155</v>
      </c>
      <c r="AC1294">
        <v>1</v>
      </c>
      <c r="AD1294">
        <v>1</v>
      </c>
      <c r="AE1294">
        <v>0</v>
      </c>
      <c r="AF1294">
        <v>0</v>
      </c>
      <c r="AG1294">
        <v>3.3672958299864728</v>
      </c>
      <c r="AH1294">
        <v>-8.0385602265550096E-2</v>
      </c>
      <c r="AI1294">
        <v>-0.1453742888694351</v>
      </c>
      <c r="AJ1294">
        <v>-8.3809116353663032E-2</v>
      </c>
      <c r="AK1294">
        <v>0.15732468414516071</v>
      </c>
      <c r="AL1294">
        <v>480.13397421830098</v>
      </c>
      <c r="AM1294">
        <v>789.94010329982609</v>
      </c>
      <c r="AN1294">
        <v>4718</v>
      </c>
      <c r="AO1294">
        <v>66.105214745865879</v>
      </c>
      <c r="AP1294">
        <v>294.53118361476692</v>
      </c>
      <c r="AQ1294">
        <v>1.71875</v>
      </c>
      <c r="AR1294">
        <v>4.40625</v>
      </c>
      <c r="AS1294">
        <v>32</v>
      </c>
      <c r="AT1294">
        <v>0</v>
      </c>
      <c r="AU1294">
        <v>0.12055335968379439</v>
      </c>
      <c r="AV1294">
        <v>-8.2437464811243991E-2</v>
      </c>
      <c r="AW1294">
        <v>0.3125</v>
      </c>
      <c r="AX1294">
        <v>88.774193548387103</v>
      </c>
      <c r="AY1294">
        <v>51.5</v>
      </c>
      <c r="AZ1294">
        <v>116</v>
      </c>
      <c r="BA1294">
        <v>0.47798209178217271</v>
      </c>
      <c r="BB1294">
        <v>0.59375</v>
      </c>
      <c r="BC1294">
        <v>3.3445488586064429</v>
      </c>
      <c r="BD1294" t="s">
        <v>4972</v>
      </c>
      <c r="BE1294" t="s">
        <v>62</v>
      </c>
    </row>
    <row r="1295" spans="1:57" x14ac:dyDescent="0.3">
      <c r="A1295" t="s">
        <v>4973</v>
      </c>
      <c r="B1295">
        <v>3041</v>
      </c>
      <c r="C1295" t="s">
        <v>4974</v>
      </c>
      <c r="D1295" t="s">
        <v>4975</v>
      </c>
      <c r="E1295" t="s">
        <v>128</v>
      </c>
      <c r="F1295">
        <v>32</v>
      </c>
      <c r="G1295">
        <v>126.25</v>
      </c>
      <c r="H1295">
        <v>142</v>
      </c>
      <c r="I1295">
        <v>4096.125</v>
      </c>
      <c r="J1295">
        <v>64.000976555049533</v>
      </c>
      <c r="K1295">
        <v>-0.35714964312204239</v>
      </c>
      <c r="L1295">
        <v>-0.99024454280119256</v>
      </c>
      <c r="M1295">
        <v>4.875</v>
      </c>
      <c r="N1295">
        <v>2</v>
      </c>
      <c r="O1295">
        <v>1</v>
      </c>
      <c r="P1295">
        <v>1</v>
      </c>
      <c r="Q1295">
        <v>0.24944382578492941</v>
      </c>
      <c r="R1295">
        <v>3.3790925052297318</v>
      </c>
      <c r="S1295">
        <v>1</v>
      </c>
      <c r="T1295">
        <v>1</v>
      </c>
      <c r="U1295">
        <v>0</v>
      </c>
      <c r="V1295">
        <v>0</v>
      </c>
      <c r="W1295">
        <v>3.4339872044851458</v>
      </c>
      <c r="X1295">
        <v>1</v>
      </c>
      <c r="Y1295">
        <v>1</v>
      </c>
      <c r="Z1295">
        <v>0</v>
      </c>
      <c r="AA1295">
        <v>0</v>
      </c>
      <c r="AB1295">
        <v>3.401197381662155</v>
      </c>
      <c r="AC1295">
        <v>1</v>
      </c>
      <c r="AD1295">
        <v>1</v>
      </c>
      <c r="AE1295">
        <v>0</v>
      </c>
      <c r="AF1295">
        <v>0</v>
      </c>
      <c r="AG1295">
        <v>3.3672958299864728</v>
      </c>
      <c r="AH1295">
        <v>0.1186749481217004</v>
      </c>
      <c r="AI1295">
        <v>-4.2380946931551158E-2</v>
      </c>
      <c r="AJ1295">
        <v>0.1219612095272971</v>
      </c>
      <c r="AK1295">
        <v>-0.17943692972016231</v>
      </c>
      <c r="AL1295">
        <v>448.97820859800061</v>
      </c>
      <c r="AM1295">
        <v>662.98157455854698</v>
      </c>
      <c r="AN1295">
        <v>4040</v>
      </c>
      <c r="AO1295">
        <v>2</v>
      </c>
      <c r="AP1295">
        <v>308.69078379504629</v>
      </c>
      <c r="AQ1295">
        <v>1.71875</v>
      </c>
      <c r="AR1295">
        <v>4.125</v>
      </c>
      <c r="AS1295">
        <v>32</v>
      </c>
      <c r="AT1295">
        <v>1.75</v>
      </c>
      <c r="AU1295">
        <v>0.1212765957446809</v>
      </c>
      <c r="AV1295">
        <v>0.1219962003479189</v>
      </c>
      <c r="AW1295">
        <v>0.34375</v>
      </c>
      <c r="AX1295">
        <v>71.741935483870961</v>
      </c>
      <c r="AY1295">
        <v>47</v>
      </c>
      <c r="AZ1295">
        <v>96.5</v>
      </c>
      <c r="BA1295">
        <v>0.50693842815880819</v>
      </c>
      <c r="BB1295">
        <v>0.53125</v>
      </c>
      <c r="BC1295">
        <v>3.2998296856670919</v>
      </c>
      <c r="BD1295" t="s">
        <v>4976</v>
      </c>
      <c r="BE1295" t="s">
        <v>62</v>
      </c>
    </row>
    <row r="1296" spans="1:57" x14ac:dyDescent="0.3">
      <c r="A1296" t="s">
        <v>4977</v>
      </c>
      <c r="B1296">
        <v>2684</v>
      </c>
      <c r="C1296" t="s">
        <v>4978</v>
      </c>
      <c r="D1296" t="s">
        <v>4979</v>
      </c>
      <c r="E1296" t="s">
        <v>10622</v>
      </c>
      <c r="F1296">
        <v>64</v>
      </c>
      <c r="G1296">
        <v>116.9375</v>
      </c>
      <c r="H1296">
        <v>118</v>
      </c>
      <c r="I1296">
        <v>5660.80859375</v>
      </c>
      <c r="J1296">
        <v>75.238345235325312</v>
      </c>
      <c r="K1296">
        <v>3.6504631974044729E-2</v>
      </c>
      <c r="L1296">
        <v>-1.253627466325848</v>
      </c>
      <c r="M1296">
        <v>5.84375</v>
      </c>
      <c r="N1296">
        <v>2</v>
      </c>
      <c r="O1296">
        <v>1</v>
      </c>
      <c r="P1296">
        <v>1</v>
      </c>
      <c r="Q1296">
        <v>0.27850299534160988</v>
      </c>
      <c r="R1296">
        <v>4.0505788363971806</v>
      </c>
      <c r="S1296">
        <v>1</v>
      </c>
      <c r="T1296">
        <v>1</v>
      </c>
      <c r="U1296">
        <v>0</v>
      </c>
      <c r="V1296">
        <v>0</v>
      </c>
      <c r="W1296">
        <v>4.1431347263915326</v>
      </c>
      <c r="X1296">
        <v>1</v>
      </c>
      <c r="Y1296">
        <v>1</v>
      </c>
      <c r="Z1296">
        <v>0</v>
      </c>
      <c r="AA1296">
        <v>0</v>
      </c>
      <c r="AB1296">
        <v>4.1271343850450908</v>
      </c>
      <c r="AC1296">
        <v>1</v>
      </c>
      <c r="AD1296">
        <v>1</v>
      </c>
      <c r="AE1296">
        <v>0</v>
      </c>
      <c r="AF1296">
        <v>0</v>
      </c>
      <c r="AG1296">
        <v>4.1108738641733096</v>
      </c>
      <c r="AH1296">
        <v>0.34096448813352781</v>
      </c>
      <c r="AI1296">
        <v>-3.6115251899884557E-2</v>
      </c>
      <c r="AJ1296">
        <v>1.2785222044802289E-2</v>
      </c>
      <c r="AK1296">
        <v>0.1626379801292743</v>
      </c>
      <c r="AL1296">
        <v>635.29092458427976</v>
      </c>
      <c r="AM1296">
        <v>913.15794972219942</v>
      </c>
      <c r="AN1296">
        <v>7484</v>
      </c>
      <c r="AO1296">
        <v>117.3044157495453</v>
      </c>
      <c r="AP1296">
        <v>510.80756287711932</v>
      </c>
      <c r="AQ1296">
        <v>1.359375</v>
      </c>
      <c r="AR1296">
        <v>3.453125</v>
      </c>
      <c r="AS1296">
        <v>64</v>
      </c>
      <c r="AT1296">
        <v>4.2187499999999991</v>
      </c>
      <c r="AU1296">
        <v>0.1145833333333333</v>
      </c>
      <c r="AV1296">
        <v>0.34558825265137622</v>
      </c>
      <c r="AW1296">
        <v>0.375</v>
      </c>
      <c r="AX1296">
        <v>70.063492063492063</v>
      </c>
      <c r="AY1296">
        <v>70</v>
      </c>
      <c r="AZ1296">
        <v>131.75</v>
      </c>
      <c r="BA1296">
        <v>0.64340647983175037</v>
      </c>
      <c r="BB1296">
        <v>0.5</v>
      </c>
      <c r="BC1296">
        <v>3.9367871487114772</v>
      </c>
      <c r="BD1296" t="s">
        <v>4980</v>
      </c>
      <c r="BE1296" t="s">
        <v>62</v>
      </c>
    </row>
    <row r="1297" spans="1:57" x14ac:dyDescent="0.3">
      <c r="A1297" t="s">
        <v>4981</v>
      </c>
      <c r="B1297">
        <v>3128</v>
      </c>
      <c r="C1297" t="s">
        <v>4982</v>
      </c>
      <c r="D1297" t="s">
        <v>4983</v>
      </c>
      <c r="E1297" t="s">
        <v>93</v>
      </c>
      <c r="F1297">
        <v>3176</v>
      </c>
      <c r="G1297">
        <v>125.6552267002519</v>
      </c>
      <c r="H1297">
        <v>124</v>
      </c>
      <c r="I1297">
        <v>5541.3424034120844</v>
      </c>
      <c r="J1297">
        <v>74.440193467051685</v>
      </c>
      <c r="K1297">
        <v>3.3277223768570299E-2</v>
      </c>
      <c r="L1297">
        <v>-1.2310487428419219</v>
      </c>
      <c r="M1297">
        <v>7.943532458178149</v>
      </c>
      <c r="N1297">
        <v>23</v>
      </c>
      <c r="O1297">
        <v>5</v>
      </c>
      <c r="P1297">
        <v>18</v>
      </c>
      <c r="Q1297">
        <v>3.4605759545919521</v>
      </c>
      <c r="R1297">
        <v>5.5060371270725863</v>
      </c>
      <c r="S1297">
        <v>3</v>
      </c>
      <c r="T1297">
        <v>1</v>
      </c>
      <c r="U1297">
        <v>2</v>
      </c>
      <c r="V1297">
        <v>0.14636026524892251</v>
      </c>
      <c r="W1297">
        <v>8.0340806511763443</v>
      </c>
      <c r="X1297">
        <v>1</v>
      </c>
      <c r="Y1297">
        <v>1</v>
      </c>
      <c r="Z1297">
        <v>0</v>
      </c>
      <c r="AA1297">
        <v>0</v>
      </c>
      <c r="AB1297">
        <v>8.0627479010863539</v>
      </c>
      <c r="AC1297">
        <v>1</v>
      </c>
      <c r="AD1297">
        <v>1</v>
      </c>
      <c r="AE1297">
        <v>0</v>
      </c>
      <c r="AF1297">
        <v>0</v>
      </c>
      <c r="AG1297">
        <v>8.0624327915831966</v>
      </c>
      <c r="AH1297">
        <v>-2.8656059429619431E-2</v>
      </c>
      <c r="AI1297">
        <v>-1.533419435476027E-3</v>
      </c>
      <c r="AJ1297">
        <v>-3.421922446297114E-2</v>
      </c>
      <c r="AK1297">
        <v>2.0149085182798319E-2</v>
      </c>
      <c r="AL1297">
        <v>3853.0546117390941</v>
      </c>
      <c r="AM1297">
        <v>7273.230861106781</v>
      </c>
      <c r="AN1297">
        <v>399081</v>
      </c>
      <c r="AO1297">
        <v>92.207242523979204</v>
      </c>
      <c r="AP1297">
        <v>3531.4578383630001</v>
      </c>
      <c r="AQ1297">
        <v>1.0072418136020149</v>
      </c>
      <c r="AR1297">
        <v>3.993073047858942</v>
      </c>
      <c r="AS1297">
        <v>3161</v>
      </c>
      <c r="AT1297">
        <v>247.11335012594461</v>
      </c>
      <c r="AU1297">
        <v>2.1626660739862691E-2</v>
      </c>
      <c r="AV1297">
        <v>-2.866132105815632E-2</v>
      </c>
      <c r="AW1297">
        <v>0.37720403022670018</v>
      </c>
      <c r="AX1297">
        <v>86.850708661417329</v>
      </c>
      <c r="AY1297">
        <v>65</v>
      </c>
      <c r="AZ1297">
        <v>130</v>
      </c>
      <c r="BA1297">
        <v>0.59241621237632502</v>
      </c>
      <c r="BB1297">
        <v>0.49401763224181361</v>
      </c>
      <c r="BC1297">
        <v>5.3276150282811123</v>
      </c>
      <c r="BD1297" t="s">
        <v>4984</v>
      </c>
      <c r="BE1297" t="s">
        <v>68</v>
      </c>
    </row>
    <row r="1298" spans="1:57" x14ac:dyDescent="0.3">
      <c r="A1298" t="s">
        <v>4985</v>
      </c>
      <c r="B1298">
        <v>1408</v>
      </c>
      <c r="C1298" t="s">
        <v>4986</v>
      </c>
      <c r="D1298" t="s">
        <v>4987</v>
      </c>
      <c r="E1298" t="s">
        <v>98</v>
      </c>
      <c r="F1298">
        <v>16</v>
      </c>
      <c r="G1298">
        <v>139.4375</v>
      </c>
      <c r="H1298">
        <v>154.5</v>
      </c>
      <c r="I1298">
        <v>6208.49609375</v>
      </c>
      <c r="J1298">
        <v>78.794010519518551</v>
      </c>
      <c r="K1298">
        <v>-0.54315203616493768</v>
      </c>
      <c r="L1298">
        <v>-0.62598581535236075</v>
      </c>
      <c r="M1298">
        <v>4</v>
      </c>
      <c r="N1298">
        <v>1</v>
      </c>
      <c r="O1298">
        <v>1</v>
      </c>
      <c r="P1298">
        <v>0</v>
      </c>
      <c r="Q1298">
        <v>0</v>
      </c>
      <c r="R1298">
        <v>2.7725887222397811</v>
      </c>
      <c r="S1298">
        <v>1</v>
      </c>
      <c r="T1298">
        <v>1</v>
      </c>
      <c r="U1298">
        <v>0</v>
      </c>
      <c r="V1298">
        <v>0</v>
      </c>
      <c r="W1298">
        <v>2.7080502011022101</v>
      </c>
      <c r="X1298">
        <v>1</v>
      </c>
      <c r="Y1298">
        <v>1</v>
      </c>
      <c r="Z1298">
        <v>0</v>
      </c>
      <c r="AA1298">
        <v>0</v>
      </c>
      <c r="AB1298">
        <v>2.639057329615258</v>
      </c>
      <c r="AC1298">
        <v>1</v>
      </c>
      <c r="AD1298">
        <v>1</v>
      </c>
      <c r="AE1298">
        <v>0</v>
      </c>
      <c r="AF1298">
        <v>0</v>
      </c>
      <c r="AG1298">
        <v>2.5649493574615372</v>
      </c>
      <c r="AH1298">
        <v>0.25917668108533232</v>
      </c>
      <c r="AI1298">
        <v>-0.18837286669288239</v>
      </c>
      <c r="AJ1298">
        <v>-0.14578957923712149</v>
      </c>
      <c r="AK1298">
        <v>-9.0406370428627605E-2</v>
      </c>
      <c r="AL1298">
        <v>404.35471406550658</v>
      </c>
      <c r="AM1298">
        <v>496.90870913378279</v>
      </c>
      <c r="AN1298">
        <v>2231</v>
      </c>
      <c r="AO1298">
        <v>113.8855126364161</v>
      </c>
      <c r="AP1298">
        <v>246.4523022609329</v>
      </c>
      <c r="AQ1298">
        <v>2.3125</v>
      </c>
      <c r="AR1298">
        <v>3.625</v>
      </c>
      <c r="AS1298">
        <v>16</v>
      </c>
      <c r="AT1298">
        <v>0</v>
      </c>
      <c r="AU1298">
        <v>0.25396825396825401</v>
      </c>
      <c r="AV1298">
        <v>0.26362395084298479</v>
      </c>
      <c r="AW1298">
        <v>6.25E-2</v>
      </c>
      <c r="AX1298">
        <v>81.666666666666671</v>
      </c>
      <c r="AY1298">
        <v>41.5</v>
      </c>
      <c r="AZ1298">
        <v>62.75</v>
      </c>
      <c r="BA1298">
        <v>0.56508479081680718</v>
      </c>
      <c r="BB1298">
        <v>0.625</v>
      </c>
      <c r="BC1298">
        <v>2.7080502011022101</v>
      </c>
      <c r="BD1298" t="s">
        <v>4986</v>
      </c>
      <c r="BE1298" t="s">
        <v>62</v>
      </c>
    </row>
    <row r="1299" spans="1:57" x14ac:dyDescent="0.3">
      <c r="A1299" t="s">
        <v>4988</v>
      </c>
      <c r="B1299">
        <v>999</v>
      </c>
      <c r="C1299" t="s">
        <v>4989</v>
      </c>
      <c r="D1299" t="s">
        <v>4990</v>
      </c>
      <c r="E1299" t="s">
        <v>10622</v>
      </c>
      <c r="F1299">
        <v>64</v>
      </c>
      <c r="G1299">
        <v>130.96875</v>
      </c>
      <c r="H1299">
        <v>120</v>
      </c>
      <c r="I1299">
        <v>6499.0615234375</v>
      </c>
      <c r="J1299">
        <v>80.616757088321904</v>
      </c>
      <c r="K1299">
        <v>-6.2151869199020923E-2</v>
      </c>
      <c r="L1299">
        <v>-1.3291509315623751</v>
      </c>
      <c r="M1299">
        <v>5.800704882778696</v>
      </c>
      <c r="N1299">
        <v>3</v>
      </c>
      <c r="O1299">
        <v>1</v>
      </c>
      <c r="P1299">
        <v>2</v>
      </c>
      <c r="Q1299">
        <v>0.35669242871684831</v>
      </c>
      <c r="R1299">
        <v>4.0207422347583606</v>
      </c>
      <c r="S1299">
        <v>1</v>
      </c>
      <c r="T1299">
        <v>1</v>
      </c>
      <c r="U1299">
        <v>0</v>
      </c>
      <c r="V1299">
        <v>0</v>
      </c>
      <c r="W1299">
        <v>4.1431347263915326</v>
      </c>
      <c r="X1299">
        <v>1</v>
      </c>
      <c r="Y1299">
        <v>1</v>
      </c>
      <c r="Z1299">
        <v>0</v>
      </c>
      <c r="AA1299">
        <v>0</v>
      </c>
      <c r="AB1299">
        <v>4.1271343850450908</v>
      </c>
      <c r="AC1299">
        <v>1</v>
      </c>
      <c r="AD1299">
        <v>1</v>
      </c>
      <c r="AE1299">
        <v>0</v>
      </c>
      <c r="AF1299">
        <v>0</v>
      </c>
      <c r="AG1299">
        <v>4.1108738641733096</v>
      </c>
      <c r="AH1299">
        <v>5.5464886738454879E-2</v>
      </c>
      <c r="AI1299">
        <v>-0.1183916474794513</v>
      </c>
      <c r="AJ1299">
        <v>1.266024464695098E-2</v>
      </c>
      <c r="AK1299">
        <v>1.9069586782286329E-2</v>
      </c>
      <c r="AL1299">
        <v>696.68859645237239</v>
      </c>
      <c r="AM1299">
        <v>1014.073468528402</v>
      </c>
      <c r="AN1299">
        <v>8382</v>
      </c>
      <c r="AO1299">
        <v>42.624701849092872</v>
      </c>
      <c r="AP1299">
        <v>575.72591048940558</v>
      </c>
      <c r="AQ1299">
        <v>1.359375</v>
      </c>
      <c r="AR1299">
        <v>4.203125</v>
      </c>
      <c r="AS1299">
        <v>63</v>
      </c>
      <c r="AT1299">
        <v>6.6875</v>
      </c>
      <c r="AU1299">
        <v>8.1250000000000044E-2</v>
      </c>
      <c r="AV1299">
        <v>5.6402395880386549E-2</v>
      </c>
      <c r="AW1299">
        <v>0.375</v>
      </c>
      <c r="AX1299">
        <v>92.19047619047619</v>
      </c>
      <c r="AY1299">
        <v>79</v>
      </c>
      <c r="AZ1299">
        <v>145</v>
      </c>
      <c r="BA1299">
        <v>0.61554192956962561</v>
      </c>
      <c r="BB1299">
        <v>0.46875</v>
      </c>
      <c r="BC1299">
        <v>3.9891020196004332</v>
      </c>
      <c r="BD1299" t="s">
        <v>4991</v>
      </c>
      <c r="BE1299" t="s">
        <v>62</v>
      </c>
    </row>
    <row r="1300" spans="1:57" x14ac:dyDescent="0.3">
      <c r="A1300" t="s">
        <v>4992</v>
      </c>
      <c r="B1300">
        <v>504</v>
      </c>
      <c r="C1300" t="s">
        <v>4993</v>
      </c>
      <c r="D1300" t="s">
        <v>4994</v>
      </c>
      <c r="E1300" t="s">
        <v>93</v>
      </c>
      <c r="F1300">
        <v>523</v>
      </c>
      <c r="G1300">
        <v>129.71510516252391</v>
      </c>
      <c r="H1300">
        <v>134</v>
      </c>
      <c r="I1300">
        <v>5588.7276303426697</v>
      </c>
      <c r="J1300">
        <v>74.757793107760136</v>
      </c>
      <c r="K1300">
        <v>-8.9805323346313193E-2</v>
      </c>
      <c r="L1300">
        <v>-1.1556099544173499</v>
      </c>
      <c r="M1300">
        <v>7.6038883449866246</v>
      </c>
      <c r="N1300">
        <v>8</v>
      </c>
      <c r="O1300">
        <v>1</v>
      </c>
      <c r="P1300">
        <v>7</v>
      </c>
      <c r="Q1300">
        <v>1.301820188224601</v>
      </c>
      <c r="R1300">
        <v>5.2706137676201132</v>
      </c>
      <c r="S1300">
        <v>2</v>
      </c>
      <c r="T1300">
        <v>1</v>
      </c>
      <c r="U1300">
        <v>1</v>
      </c>
      <c r="V1300">
        <v>6.1897988228581093E-2</v>
      </c>
      <c r="W1300">
        <v>6.2523561152346696</v>
      </c>
      <c r="X1300">
        <v>1</v>
      </c>
      <c r="Y1300">
        <v>1</v>
      </c>
      <c r="Z1300">
        <v>0</v>
      </c>
      <c r="AA1300">
        <v>0</v>
      </c>
      <c r="AB1300">
        <v>6.255750041753366</v>
      </c>
      <c r="AC1300">
        <v>1</v>
      </c>
      <c r="AD1300">
        <v>1</v>
      </c>
      <c r="AE1300">
        <v>0</v>
      </c>
      <c r="AF1300">
        <v>0</v>
      </c>
      <c r="AG1300">
        <v>6.2538288115754739</v>
      </c>
      <c r="AH1300">
        <v>5.5930166524351321E-3</v>
      </c>
      <c r="AI1300">
        <v>3.4095783597259947E-2</v>
      </c>
      <c r="AJ1300">
        <v>-2.046822950350961E-2</v>
      </c>
      <c r="AK1300">
        <v>6.772206662675867E-2</v>
      </c>
      <c r="AL1300">
        <v>1636.642147130389</v>
      </c>
      <c r="AM1300">
        <v>3007.3758465207552</v>
      </c>
      <c r="AN1300">
        <v>67841</v>
      </c>
      <c r="AO1300">
        <v>82.965439584483008</v>
      </c>
      <c r="AP1300">
        <v>1388.544380890379</v>
      </c>
      <c r="AQ1300">
        <v>1.0439770554493311</v>
      </c>
      <c r="AR1300">
        <v>3.925430210325048</v>
      </c>
      <c r="AS1300">
        <v>521</v>
      </c>
      <c r="AT1300">
        <v>164.04588910133839</v>
      </c>
      <c r="AU1300">
        <v>4.915832489783678E-2</v>
      </c>
      <c r="AV1300">
        <v>5.6143653388761707E-3</v>
      </c>
      <c r="AW1300">
        <v>0.31357552581261949</v>
      </c>
      <c r="AX1300">
        <v>86.601532567049802</v>
      </c>
      <c r="AY1300">
        <v>63</v>
      </c>
      <c r="AZ1300">
        <v>128</v>
      </c>
      <c r="BA1300">
        <v>0.57632295802477185</v>
      </c>
      <c r="BB1300">
        <v>0.52772466539196938</v>
      </c>
      <c r="BC1300">
        <v>5.1121143842153121</v>
      </c>
      <c r="BD1300" t="s">
        <v>4995</v>
      </c>
      <c r="BE1300" t="s">
        <v>68</v>
      </c>
    </row>
    <row r="1301" spans="1:57" x14ac:dyDescent="0.3">
      <c r="A1301" t="s">
        <v>4996</v>
      </c>
      <c r="B1301">
        <v>3164</v>
      </c>
      <c r="C1301" t="s">
        <v>4997</v>
      </c>
      <c r="D1301" t="s">
        <v>4998</v>
      </c>
      <c r="E1301" t="s">
        <v>72</v>
      </c>
      <c r="F1301">
        <v>3248</v>
      </c>
      <c r="G1301">
        <v>127.888854679803</v>
      </c>
      <c r="H1301">
        <v>129</v>
      </c>
      <c r="I1301">
        <v>5215.1702206094242</v>
      </c>
      <c r="J1301">
        <v>72.216135458839275</v>
      </c>
      <c r="K1301">
        <v>-2.0831699294935609E-2</v>
      </c>
      <c r="L1301">
        <v>-1.150639686423669</v>
      </c>
      <c r="M1301">
        <v>7.9379618053125416</v>
      </c>
      <c r="N1301">
        <v>26</v>
      </c>
      <c r="O1301">
        <v>4</v>
      </c>
      <c r="P1301">
        <v>22</v>
      </c>
      <c r="Q1301">
        <v>3.6970216052925631</v>
      </c>
      <c r="R1301">
        <v>5.5021758447449258</v>
      </c>
      <c r="S1301">
        <v>2</v>
      </c>
      <c r="T1301">
        <v>1</v>
      </c>
      <c r="U1301">
        <v>1</v>
      </c>
      <c r="V1301">
        <v>0.1499012970770682</v>
      </c>
      <c r="W1301">
        <v>8.0543196983850276</v>
      </c>
      <c r="X1301">
        <v>1</v>
      </c>
      <c r="Y1301">
        <v>1</v>
      </c>
      <c r="Z1301">
        <v>0</v>
      </c>
      <c r="AA1301">
        <v>0</v>
      </c>
      <c r="AB1301">
        <v>8.0851787480745365</v>
      </c>
      <c r="AC1301">
        <v>1</v>
      </c>
      <c r="AD1301">
        <v>1</v>
      </c>
      <c r="AE1301">
        <v>0</v>
      </c>
      <c r="AF1301">
        <v>0</v>
      </c>
      <c r="AG1301">
        <v>8.0848706291381909</v>
      </c>
      <c r="AH1301">
        <v>1.9603410378262699E-3</v>
      </c>
      <c r="AI1301">
        <v>-3.3223110827872673E-2</v>
      </c>
      <c r="AJ1301">
        <v>-5.029652189121438E-3</v>
      </c>
      <c r="AK1301">
        <v>-2.20116539747657E-3</v>
      </c>
      <c r="AL1301">
        <v>3777.6694737587318</v>
      </c>
      <c r="AM1301">
        <v>7469.3334606932249</v>
      </c>
      <c r="AN1301">
        <v>415383</v>
      </c>
      <c r="AO1301">
        <v>85.470832936751179</v>
      </c>
      <c r="AP1301">
        <v>3466.8353103744098</v>
      </c>
      <c r="AQ1301">
        <v>1.007081280788177</v>
      </c>
      <c r="AR1301">
        <v>3.9839901477832509</v>
      </c>
      <c r="AS1301">
        <v>3234</v>
      </c>
      <c r="AT1301">
        <v>275.78325123152712</v>
      </c>
      <c r="AU1301">
        <v>1.7819714092533578E-2</v>
      </c>
      <c r="AV1301">
        <v>1.9615770718713248E-3</v>
      </c>
      <c r="AW1301">
        <v>0.37099753694581278</v>
      </c>
      <c r="AX1301">
        <v>83.631659993840472</v>
      </c>
      <c r="AY1301">
        <v>61.5</v>
      </c>
      <c r="AZ1301">
        <v>123</v>
      </c>
      <c r="BA1301">
        <v>0.56467888182787918</v>
      </c>
      <c r="BB1301">
        <v>0.50584975369458129</v>
      </c>
      <c r="BC1301">
        <v>5.2848453775057038</v>
      </c>
      <c r="BD1301" t="s">
        <v>4999</v>
      </c>
      <c r="BE1301" t="s">
        <v>62</v>
      </c>
    </row>
    <row r="1302" spans="1:57" x14ac:dyDescent="0.3">
      <c r="A1302" t="s">
        <v>5000</v>
      </c>
      <c r="B1302">
        <v>1581</v>
      </c>
      <c r="C1302" t="s">
        <v>5001</v>
      </c>
      <c r="D1302" t="s">
        <v>5002</v>
      </c>
      <c r="E1302" t="s">
        <v>115</v>
      </c>
      <c r="F1302">
        <v>1616</v>
      </c>
      <c r="G1302">
        <v>125.5290841584158</v>
      </c>
      <c r="H1302">
        <v>125</v>
      </c>
      <c r="I1302">
        <v>5417.6674709434128</v>
      </c>
      <c r="J1302">
        <v>73.604806031558923</v>
      </c>
      <c r="K1302">
        <v>2.3189970794726979E-2</v>
      </c>
      <c r="L1302">
        <v>-1.2028029729054091</v>
      </c>
      <c r="M1302">
        <v>7.8907802232384627</v>
      </c>
      <c r="N1302">
        <v>17</v>
      </c>
      <c r="O1302">
        <v>1</v>
      </c>
      <c r="P1302">
        <v>16</v>
      </c>
      <c r="Q1302">
        <v>2.4245444920331991</v>
      </c>
      <c r="R1302">
        <v>5.4694720641559194</v>
      </c>
      <c r="S1302">
        <v>3</v>
      </c>
      <c r="T1302">
        <v>1</v>
      </c>
      <c r="U1302">
        <v>2</v>
      </c>
      <c r="V1302">
        <v>0.1026504231603553</v>
      </c>
      <c r="W1302">
        <v>7.3738904439783894</v>
      </c>
      <c r="X1302">
        <v>1</v>
      </c>
      <c r="Y1302">
        <v>1</v>
      </c>
      <c r="Z1302">
        <v>0</v>
      </c>
      <c r="AA1302">
        <v>0</v>
      </c>
      <c r="AB1302">
        <v>7.3864708488298936</v>
      </c>
      <c r="AC1302">
        <v>1</v>
      </c>
      <c r="AD1302">
        <v>1</v>
      </c>
      <c r="AE1302">
        <v>0</v>
      </c>
      <c r="AF1302">
        <v>0</v>
      </c>
      <c r="AG1302">
        <v>7.3858510781252074</v>
      </c>
      <c r="AH1302">
        <v>-1.4724410381920541E-2</v>
      </c>
      <c r="AI1302">
        <v>-3.3470757864711043E-2</v>
      </c>
      <c r="AJ1302">
        <v>-3.0788729994973878E-2</v>
      </c>
      <c r="AK1302">
        <v>-3.5023918423750411E-2</v>
      </c>
      <c r="AL1302">
        <v>2718.09159264244</v>
      </c>
      <c r="AM1302">
        <v>5179.8775172784244</v>
      </c>
      <c r="AN1302">
        <v>202855</v>
      </c>
      <c r="AO1302">
        <v>115.1826970680037</v>
      </c>
      <c r="AP1302">
        <v>2446.515677267676</v>
      </c>
      <c r="AQ1302">
        <v>1.014232673267327</v>
      </c>
      <c r="AR1302">
        <v>3.961633663366336</v>
      </c>
      <c r="AS1302">
        <v>1613</v>
      </c>
      <c r="AT1302">
        <v>236.53712871287129</v>
      </c>
      <c r="AU1302">
        <v>1.9969423412929621E-2</v>
      </c>
      <c r="AV1302">
        <v>-1.473637930732212E-2</v>
      </c>
      <c r="AW1302">
        <v>0.3780940594059406</v>
      </c>
      <c r="AX1302">
        <v>86.377708978328172</v>
      </c>
      <c r="AY1302">
        <v>63</v>
      </c>
      <c r="AZ1302">
        <v>126</v>
      </c>
      <c r="BA1302">
        <v>0.5863565923787889</v>
      </c>
      <c r="BB1302">
        <v>0.49628712871287128</v>
      </c>
      <c r="BC1302">
        <v>5.2732745397892709</v>
      </c>
      <c r="BD1302" t="s">
        <v>5003</v>
      </c>
      <c r="BE1302" t="s">
        <v>62</v>
      </c>
    </row>
    <row r="1303" spans="1:57" x14ac:dyDescent="0.3">
      <c r="A1303" t="s">
        <v>5004</v>
      </c>
      <c r="B1303">
        <v>3990</v>
      </c>
      <c r="C1303" t="s">
        <v>5005</v>
      </c>
      <c r="D1303" t="s">
        <v>5006</v>
      </c>
      <c r="E1303" t="s">
        <v>72</v>
      </c>
      <c r="F1303">
        <v>4000</v>
      </c>
      <c r="G1303">
        <v>127.91374999999999</v>
      </c>
      <c r="H1303">
        <v>129</v>
      </c>
      <c r="I1303">
        <v>5434.8843109375002</v>
      </c>
      <c r="J1303">
        <v>73.721667852385849</v>
      </c>
      <c r="K1303">
        <v>-1.288888632701363E-2</v>
      </c>
      <c r="L1303">
        <v>-1.2115402805602991</v>
      </c>
      <c r="M1303">
        <v>7.9598125334440457</v>
      </c>
      <c r="N1303">
        <v>26</v>
      </c>
      <c r="O1303">
        <v>7</v>
      </c>
      <c r="P1303">
        <v>19</v>
      </c>
      <c r="Q1303">
        <v>3.6657195746537949</v>
      </c>
      <c r="R1303">
        <v>5.5173216153424516</v>
      </c>
      <c r="S1303">
        <v>3</v>
      </c>
      <c r="T1303">
        <v>1</v>
      </c>
      <c r="U1303">
        <v>2</v>
      </c>
      <c r="V1303">
        <v>0.1768037524115276</v>
      </c>
      <c r="W1303">
        <v>8.2515920284559598</v>
      </c>
      <c r="X1303">
        <v>1</v>
      </c>
      <c r="Y1303">
        <v>1</v>
      </c>
      <c r="Z1303">
        <v>0</v>
      </c>
      <c r="AA1303">
        <v>0</v>
      </c>
      <c r="AB1303">
        <v>8.2935495150603415</v>
      </c>
      <c r="AC1303">
        <v>1</v>
      </c>
      <c r="AD1303">
        <v>1</v>
      </c>
      <c r="AE1303">
        <v>0</v>
      </c>
      <c r="AF1303">
        <v>0</v>
      </c>
      <c r="AG1303">
        <v>8.2932993587113213</v>
      </c>
      <c r="AH1303">
        <v>2.7849809143634659E-3</v>
      </c>
      <c r="AI1303">
        <v>2.3082546932456779E-3</v>
      </c>
      <c r="AJ1303">
        <v>9.2831133221433649E-3</v>
      </c>
      <c r="AK1303">
        <v>2.2628728539325481E-2</v>
      </c>
      <c r="AL1303">
        <v>4244.9357361070161</v>
      </c>
      <c r="AM1303">
        <v>8316.7161546082352</v>
      </c>
      <c r="AN1303">
        <v>511655</v>
      </c>
      <c r="AO1303">
        <v>4.7573298415488017</v>
      </c>
      <c r="AP1303">
        <v>3828.3265346807498</v>
      </c>
      <c r="AQ1303">
        <v>1.0057499999999999</v>
      </c>
      <c r="AR1303">
        <v>3.9775</v>
      </c>
      <c r="AS1303">
        <v>3987</v>
      </c>
      <c r="AT1303">
        <v>220.16</v>
      </c>
      <c r="AU1303">
        <v>1.149509803921572E-2</v>
      </c>
      <c r="AV1303">
        <v>2.7855159312497519E-3</v>
      </c>
      <c r="AW1303">
        <v>0.36525000000000002</v>
      </c>
      <c r="AX1303">
        <v>84.786196549137287</v>
      </c>
      <c r="AY1303">
        <v>64</v>
      </c>
      <c r="AZ1303">
        <v>128</v>
      </c>
      <c r="BA1303">
        <v>0.57633888344596151</v>
      </c>
      <c r="BB1303">
        <v>0.50775000000000003</v>
      </c>
      <c r="BC1303">
        <v>5.3238516501458371</v>
      </c>
      <c r="BD1303" t="s">
        <v>5007</v>
      </c>
      <c r="BE1303" t="s">
        <v>62</v>
      </c>
    </row>
    <row r="1304" spans="1:57" x14ac:dyDescent="0.3">
      <c r="A1304" t="s">
        <v>5008</v>
      </c>
      <c r="B1304">
        <v>2468</v>
      </c>
      <c r="C1304" t="s">
        <v>5009</v>
      </c>
      <c r="D1304" t="s">
        <v>5010</v>
      </c>
      <c r="E1304" t="s">
        <v>10622</v>
      </c>
      <c r="F1304">
        <v>64</v>
      </c>
      <c r="G1304">
        <v>123.515625</v>
      </c>
      <c r="H1304">
        <v>113.5</v>
      </c>
      <c r="I1304">
        <v>5057.468505859375</v>
      </c>
      <c r="J1304">
        <v>71.115880827416987</v>
      </c>
      <c r="K1304">
        <v>0.25826667267878489</v>
      </c>
      <c r="L1304">
        <v>-1.159285758261607</v>
      </c>
      <c r="M1304">
        <v>5.831954882778696</v>
      </c>
      <c r="N1304">
        <v>3</v>
      </c>
      <c r="O1304">
        <v>1</v>
      </c>
      <c r="P1304">
        <v>2</v>
      </c>
      <c r="Q1304">
        <v>0.33385958650156289</v>
      </c>
      <c r="R1304">
        <v>4.0424030841508598</v>
      </c>
      <c r="S1304">
        <v>1</v>
      </c>
      <c r="T1304">
        <v>1</v>
      </c>
      <c r="U1304">
        <v>0</v>
      </c>
      <c r="V1304">
        <v>0</v>
      </c>
      <c r="W1304">
        <v>4.1431347263915326</v>
      </c>
      <c r="X1304">
        <v>1</v>
      </c>
      <c r="Y1304">
        <v>1</v>
      </c>
      <c r="Z1304">
        <v>0</v>
      </c>
      <c r="AA1304">
        <v>0</v>
      </c>
      <c r="AB1304">
        <v>4.1271343850450908</v>
      </c>
      <c r="AC1304">
        <v>1</v>
      </c>
      <c r="AD1304">
        <v>1</v>
      </c>
      <c r="AE1304">
        <v>0</v>
      </c>
      <c r="AF1304">
        <v>0</v>
      </c>
      <c r="AG1304">
        <v>4.1108738641733096</v>
      </c>
      <c r="AH1304">
        <v>1.6124049233490211E-2</v>
      </c>
      <c r="AI1304">
        <v>-4.5300860179274427E-2</v>
      </c>
      <c r="AJ1304">
        <v>6.6708333854282554E-3</v>
      </c>
      <c r="AK1304">
        <v>-4.0955932535861862E-2</v>
      </c>
      <c r="AL1304">
        <v>622.52716386410748</v>
      </c>
      <c r="AM1304">
        <v>955.26380139274113</v>
      </c>
      <c r="AN1304">
        <v>7905</v>
      </c>
      <c r="AO1304">
        <v>15.905339635455571</v>
      </c>
      <c r="AP1304">
        <v>538.07786726774361</v>
      </c>
      <c r="AQ1304">
        <v>1.359375</v>
      </c>
      <c r="AR1304">
        <v>4.109375</v>
      </c>
      <c r="AS1304">
        <v>64</v>
      </c>
      <c r="AT1304">
        <v>6.0624999999999991</v>
      </c>
      <c r="AU1304">
        <v>0.1154411764705882</v>
      </c>
      <c r="AV1304">
        <v>1.6162232253947049E-2</v>
      </c>
      <c r="AW1304">
        <v>0.484375</v>
      </c>
      <c r="AX1304">
        <v>84.666666666666671</v>
      </c>
      <c r="AY1304">
        <v>59.5</v>
      </c>
      <c r="AZ1304">
        <v>120.75</v>
      </c>
      <c r="BA1304">
        <v>0.57576424705309137</v>
      </c>
      <c r="BB1304">
        <v>0.4375</v>
      </c>
      <c r="BC1304">
        <v>3.9367871487114772</v>
      </c>
      <c r="BD1304" t="s">
        <v>5011</v>
      </c>
      <c r="BE1304" t="s">
        <v>62</v>
      </c>
    </row>
    <row r="1305" spans="1:57" x14ac:dyDescent="0.3">
      <c r="A1305" t="s">
        <v>5012</v>
      </c>
      <c r="B1305">
        <v>130</v>
      </c>
      <c r="C1305" t="s">
        <v>5013</v>
      </c>
      <c r="D1305" t="s">
        <v>5014</v>
      </c>
      <c r="E1305" t="s">
        <v>60</v>
      </c>
      <c r="F1305">
        <v>512</v>
      </c>
      <c r="G1305">
        <v>124.607421875</v>
      </c>
      <c r="H1305">
        <v>117.5</v>
      </c>
      <c r="I1305">
        <v>5123.7111167907706</v>
      </c>
      <c r="J1305">
        <v>71.580102799526429</v>
      </c>
      <c r="K1305">
        <v>0.14994330974751899</v>
      </c>
      <c r="L1305">
        <v>-1.1223861114349549</v>
      </c>
      <c r="M1305">
        <v>7.618696090233489</v>
      </c>
      <c r="N1305">
        <v>8</v>
      </c>
      <c r="O1305">
        <v>1</v>
      </c>
      <c r="P1305">
        <v>7</v>
      </c>
      <c r="Q1305">
        <v>1.312553896633962</v>
      </c>
      <c r="R1305">
        <v>5.2808777144884207</v>
      </c>
      <c r="S1305">
        <v>2</v>
      </c>
      <c r="T1305">
        <v>1</v>
      </c>
      <c r="U1305">
        <v>1</v>
      </c>
      <c r="V1305">
        <v>4.4237310481092057E-2</v>
      </c>
      <c r="W1305">
        <v>6.2336566853874222</v>
      </c>
      <c r="X1305">
        <v>1</v>
      </c>
      <c r="Y1305">
        <v>1</v>
      </c>
      <c r="Z1305">
        <v>0</v>
      </c>
      <c r="AA1305">
        <v>0</v>
      </c>
      <c r="AB1305">
        <v>6.2344107257183694</v>
      </c>
      <c r="AC1305">
        <v>1</v>
      </c>
      <c r="AD1305">
        <v>1</v>
      </c>
      <c r="AE1305">
        <v>0</v>
      </c>
      <c r="AF1305">
        <v>0</v>
      </c>
      <c r="AG1305">
        <v>6.2324480165505216</v>
      </c>
      <c r="AH1305">
        <v>4.3218287311971401E-2</v>
      </c>
      <c r="AI1305">
        <v>-3.8746377467606979E-2</v>
      </c>
      <c r="AJ1305">
        <v>-1.121789831094259E-2</v>
      </c>
      <c r="AK1305">
        <v>1.145127458858421E-2</v>
      </c>
      <c r="AL1305">
        <v>1582.835902043259</v>
      </c>
      <c r="AM1305">
        <v>2840.3872107870961</v>
      </c>
      <c r="AN1305">
        <v>63799</v>
      </c>
      <c r="AO1305">
        <v>121.2654722777387</v>
      </c>
      <c r="AP1305">
        <v>1414.4354070530569</v>
      </c>
      <c r="AQ1305">
        <v>1.044921875</v>
      </c>
      <c r="AR1305">
        <v>4.119140625</v>
      </c>
      <c r="AS1305">
        <v>506</v>
      </c>
      <c r="AT1305">
        <v>178</v>
      </c>
      <c r="AU1305">
        <v>5.6648284313725483E-2</v>
      </c>
      <c r="AV1305">
        <v>4.3321348043702357E-2</v>
      </c>
      <c r="AW1305">
        <v>0.4375</v>
      </c>
      <c r="AX1305">
        <v>80.868884540117421</v>
      </c>
      <c r="AY1305">
        <v>59.5</v>
      </c>
      <c r="AZ1305">
        <v>119</v>
      </c>
      <c r="BA1305">
        <v>0.57444493853128631</v>
      </c>
      <c r="BB1305">
        <v>0.46484375</v>
      </c>
      <c r="BC1305">
        <v>5.064628921520514</v>
      </c>
      <c r="BD1305" t="s">
        <v>5015</v>
      </c>
      <c r="BE1305" t="s">
        <v>62</v>
      </c>
    </row>
    <row r="1306" spans="1:57" x14ac:dyDescent="0.3">
      <c r="A1306" t="s">
        <v>5016</v>
      </c>
      <c r="B1306">
        <v>1238</v>
      </c>
      <c r="C1306" t="s">
        <v>5017</v>
      </c>
      <c r="D1306" t="s">
        <v>5018</v>
      </c>
      <c r="E1306" t="s">
        <v>98</v>
      </c>
      <c r="F1306">
        <v>16</v>
      </c>
      <c r="G1306">
        <v>92.0625</v>
      </c>
      <c r="H1306">
        <v>84</v>
      </c>
      <c r="I1306">
        <v>4579.80859375</v>
      </c>
      <c r="J1306">
        <v>67.6742831048102</v>
      </c>
      <c r="K1306">
        <v>0.40197901910938011</v>
      </c>
      <c r="L1306">
        <v>-1.1296463863039641</v>
      </c>
      <c r="M1306">
        <v>4</v>
      </c>
      <c r="N1306">
        <v>1</v>
      </c>
      <c r="O1306">
        <v>1</v>
      </c>
      <c r="P1306">
        <v>0</v>
      </c>
      <c r="Q1306">
        <v>0</v>
      </c>
      <c r="R1306">
        <v>2.7725887222397811</v>
      </c>
      <c r="S1306">
        <v>1</v>
      </c>
      <c r="T1306">
        <v>1</v>
      </c>
      <c r="U1306">
        <v>0</v>
      </c>
      <c r="V1306">
        <v>0</v>
      </c>
      <c r="W1306">
        <v>2.7080502011022101</v>
      </c>
      <c r="X1306">
        <v>1</v>
      </c>
      <c r="Y1306">
        <v>1</v>
      </c>
      <c r="Z1306">
        <v>0</v>
      </c>
      <c r="AA1306">
        <v>0</v>
      </c>
      <c r="AB1306">
        <v>2.639057329615258</v>
      </c>
      <c r="AC1306">
        <v>1</v>
      </c>
      <c r="AD1306">
        <v>1</v>
      </c>
      <c r="AE1306">
        <v>0</v>
      </c>
      <c r="AF1306">
        <v>0</v>
      </c>
      <c r="AG1306">
        <v>2.5649493574615372</v>
      </c>
      <c r="AH1306">
        <v>-6.0927306169830039E-2</v>
      </c>
      <c r="AI1306">
        <v>3.0241331899275949E-2</v>
      </c>
      <c r="AJ1306">
        <v>-8.670728810480105E-2</v>
      </c>
      <c r="AK1306">
        <v>-6.506363700720981E-2</v>
      </c>
      <c r="AL1306">
        <v>348.3441035168396</v>
      </c>
      <c r="AM1306">
        <v>295.87393522419188</v>
      </c>
      <c r="AN1306">
        <v>1473</v>
      </c>
      <c r="AO1306">
        <v>188.16216410320121</v>
      </c>
      <c r="AP1306">
        <v>276.26478031514762</v>
      </c>
      <c r="AQ1306">
        <v>2.25</v>
      </c>
      <c r="AR1306">
        <v>4</v>
      </c>
      <c r="AS1306">
        <v>16</v>
      </c>
      <c r="AT1306">
        <v>0</v>
      </c>
      <c r="AU1306">
        <v>0.25392376681614348</v>
      </c>
      <c r="AV1306">
        <v>-6.3422218678489517E-2</v>
      </c>
      <c r="AW1306">
        <v>0.375</v>
      </c>
      <c r="AX1306">
        <v>76.400000000000006</v>
      </c>
      <c r="AY1306">
        <v>60.5</v>
      </c>
      <c r="AZ1306">
        <v>120.75</v>
      </c>
      <c r="BA1306">
        <v>0.73509065151185549</v>
      </c>
      <c r="BB1306">
        <v>0.5</v>
      </c>
      <c r="BC1306">
        <v>2.7080502011022101</v>
      </c>
      <c r="BD1306" t="s">
        <v>5017</v>
      </c>
      <c r="BE1306" t="s">
        <v>62</v>
      </c>
    </row>
    <row r="1307" spans="1:57" x14ac:dyDescent="0.3">
      <c r="A1307" t="s">
        <v>5019</v>
      </c>
      <c r="B1307">
        <v>3122</v>
      </c>
      <c r="C1307" t="s">
        <v>5020</v>
      </c>
      <c r="D1307" t="s">
        <v>5021</v>
      </c>
      <c r="E1307" t="s">
        <v>72</v>
      </c>
      <c r="F1307">
        <v>3128</v>
      </c>
      <c r="G1307">
        <v>127.49392583120201</v>
      </c>
      <c r="H1307">
        <v>128</v>
      </c>
      <c r="I1307">
        <v>5487.2467661735263</v>
      </c>
      <c r="J1307">
        <v>74.075952684886389</v>
      </c>
      <c r="K1307">
        <v>-5.8596551116334248E-3</v>
      </c>
      <c r="L1307">
        <v>-1.207026954942688</v>
      </c>
      <c r="M1307">
        <v>7.9455779061397802</v>
      </c>
      <c r="N1307">
        <v>20</v>
      </c>
      <c r="O1307">
        <v>5</v>
      </c>
      <c r="P1307">
        <v>15</v>
      </c>
      <c r="Q1307">
        <v>3.3317541832344109</v>
      </c>
      <c r="R1307">
        <v>5.5074549235601769</v>
      </c>
      <c r="S1307">
        <v>4</v>
      </c>
      <c r="T1307">
        <v>1</v>
      </c>
      <c r="U1307">
        <v>3</v>
      </c>
      <c r="V1307">
        <v>0.1868914254341342</v>
      </c>
      <c r="W1307">
        <v>8.0031616464250579</v>
      </c>
      <c r="X1307">
        <v>2</v>
      </c>
      <c r="Y1307">
        <v>1</v>
      </c>
      <c r="Z1307">
        <v>1</v>
      </c>
      <c r="AA1307">
        <v>6.1957361043597392E-2</v>
      </c>
      <c r="AB1307">
        <v>8.0421878435682927</v>
      </c>
      <c r="AC1307">
        <v>2</v>
      </c>
      <c r="AD1307">
        <v>1</v>
      </c>
      <c r="AE1307">
        <v>1</v>
      </c>
      <c r="AF1307">
        <v>5.6568251000661637E-2</v>
      </c>
      <c r="AG1307">
        <v>8.0427534202149165</v>
      </c>
      <c r="AH1307">
        <v>3.5090182121649432E-3</v>
      </c>
      <c r="AI1307">
        <v>3.6768719547005369E-3</v>
      </c>
      <c r="AJ1307">
        <v>-2.0183493673986669E-2</v>
      </c>
      <c r="AK1307">
        <v>3.6330440107345909E-3</v>
      </c>
      <c r="AL1307">
        <v>3814.613130106246</v>
      </c>
      <c r="AM1307">
        <v>7311.4663144694196</v>
      </c>
      <c r="AN1307">
        <v>398801</v>
      </c>
      <c r="AO1307">
        <v>64.387091362952759</v>
      </c>
      <c r="AP1307">
        <v>3454.3968173284161</v>
      </c>
      <c r="AQ1307">
        <v>1.007352941176471</v>
      </c>
      <c r="AR1307">
        <v>3.9971227621483369</v>
      </c>
      <c r="AS1307">
        <v>3112</v>
      </c>
      <c r="AT1307">
        <v>232.5728900255755</v>
      </c>
      <c r="AU1307">
        <v>1.419437340153451E-2</v>
      </c>
      <c r="AV1307">
        <v>3.5103682788691038E-3</v>
      </c>
      <c r="AW1307">
        <v>0.36764705882352938</v>
      </c>
      <c r="AX1307">
        <v>84.907259354013433</v>
      </c>
      <c r="AY1307">
        <v>65</v>
      </c>
      <c r="AZ1307">
        <v>130</v>
      </c>
      <c r="BA1307">
        <v>0.58101554408921896</v>
      </c>
      <c r="BB1307">
        <v>0.50255754475703329</v>
      </c>
      <c r="BC1307">
        <v>5.3081118828533196</v>
      </c>
      <c r="BD1307" t="s">
        <v>5022</v>
      </c>
      <c r="BE1307" t="s">
        <v>68</v>
      </c>
    </row>
    <row r="1308" spans="1:57" x14ac:dyDescent="0.3">
      <c r="A1308" t="s">
        <v>5023</v>
      </c>
      <c r="B1308">
        <v>2453</v>
      </c>
      <c r="C1308" t="s">
        <v>5024</v>
      </c>
      <c r="D1308" t="s">
        <v>5025</v>
      </c>
      <c r="E1308" t="s">
        <v>85</v>
      </c>
      <c r="F1308">
        <v>8</v>
      </c>
      <c r="G1308">
        <v>157.375</v>
      </c>
      <c r="H1308">
        <v>191</v>
      </c>
      <c r="I1308">
        <v>6838.984375</v>
      </c>
      <c r="J1308">
        <v>82.69815218612807</v>
      </c>
      <c r="K1308">
        <v>-0.57894291004227072</v>
      </c>
      <c r="L1308">
        <v>-1.1078382817573851</v>
      </c>
      <c r="M1308">
        <v>3</v>
      </c>
      <c r="N1308">
        <v>1</v>
      </c>
      <c r="O1308">
        <v>1</v>
      </c>
      <c r="P1308">
        <v>0</v>
      </c>
      <c r="Q1308">
        <v>0</v>
      </c>
      <c r="R1308">
        <v>2.0794415416798362</v>
      </c>
      <c r="S1308">
        <v>1</v>
      </c>
      <c r="T1308">
        <v>1</v>
      </c>
      <c r="U1308">
        <v>0</v>
      </c>
      <c r="V1308">
        <v>0</v>
      </c>
      <c r="W1308">
        <v>1.945910149055313</v>
      </c>
      <c r="X1308">
        <v>1</v>
      </c>
      <c r="Y1308">
        <v>1</v>
      </c>
      <c r="Z1308">
        <v>0</v>
      </c>
      <c r="AA1308">
        <v>0</v>
      </c>
      <c r="AB1308">
        <v>1.791759469228055</v>
      </c>
      <c r="AC1308">
        <v>1</v>
      </c>
      <c r="AD1308">
        <v>1</v>
      </c>
      <c r="AE1308">
        <v>0</v>
      </c>
      <c r="AF1308">
        <v>0</v>
      </c>
      <c r="AG1308">
        <v>1.6094379124341009</v>
      </c>
      <c r="AH1308">
        <v>0.62860182318737934</v>
      </c>
      <c r="AI1308">
        <v>0.203348793109357</v>
      </c>
      <c r="AJ1308">
        <v>-0.36081660745496291</v>
      </c>
      <c r="AK1308">
        <v>0</v>
      </c>
      <c r="AL1308">
        <v>347.03267053447257</v>
      </c>
      <c r="AM1308">
        <v>363.88916661768337</v>
      </c>
      <c r="AN1308">
        <v>1259</v>
      </c>
      <c r="AO1308">
        <v>101</v>
      </c>
      <c r="AP1308">
        <v>179.44637081869331</v>
      </c>
      <c r="AQ1308">
        <v>3.5</v>
      </c>
      <c r="AR1308">
        <v>4.625</v>
      </c>
      <c r="AS1308">
        <v>8</v>
      </c>
      <c r="AT1308">
        <v>0</v>
      </c>
      <c r="AU1308">
        <v>0.30773092369477922</v>
      </c>
      <c r="AV1308">
        <v>0.79482274603528558</v>
      </c>
      <c r="AW1308">
        <v>0.25</v>
      </c>
      <c r="AX1308">
        <v>53.428571428571431</v>
      </c>
      <c r="AY1308">
        <v>55</v>
      </c>
      <c r="AZ1308">
        <v>123.75</v>
      </c>
      <c r="BA1308">
        <v>0.52548468426451511</v>
      </c>
      <c r="BB1308">
        <v>0.625</v>
      </c>
      <c r="BC1308">
        <v>1.945910149055313</v>
      </c>
      <c r="BD1308" t="s">
        <v>5024</v>
      </c>
      <c r="BE1308" t="s">
        <v>68</v>
      </c>
    </row>
    <row r="1309" spans="1:57" x14ac:dyDescent="0.3">
      <c r="A1309" t="s">
        <v>5026</v>
      </c>
      <c r="B1309">
        <v>154</v>
      </c>
      <c r="C1309" t="s">
        <v>5027</v>
      </c>
      <c r="D1309" t="s">
        <v>5028</v>
      </c>
      <c r="E1309" t="s">
        <v>60</v>
      </c>
      <c r="F1309">
        <v>256</v>
      </c>
      <c r="G1309">
        <v>135.62890625</v>
      </c>
      <c r="H1309">
        <v>141.5</v>
      </c>
      <c r="I1309">
        <v>5481.7646331787109</v>
      </c>
      <c r="J1309">
        <v>74.038939978761931</v>
      </c>
      <c r="K1309">
        <v>-0.19319690223606861</v>
      </c>
      <c r="L1309">
        <v>-1.2342399223389779</v>
      </c>
      <c r="M1309">
        <v>7.157859472504132</v>
      </c>
      <c r="N1309">
        <v>4</v>
      </c>
      <c r="O1309">
        <v>1</v>
      </c>
      <c r="P1309">
        <v>3</v>
      </c>
      <c r="Q1309">
        <v>0.80777472107017567</v>
      </c>
      <c r="R1309">
        <v>4.9614501122105352</v>
      </c>
      <c r="S1309">
        <v>2</v>
      </c>
      <c r="T1309">
        <v>1</v>
      </c>
      <c r="U1309">
        <v>1</v>
      </c>
      <c r="V1309">
        <v>6.2621943781838038E-2</v>
      </c>
      <c r="W1309">
        <v>5.5358270966834446</v>
      </c>
      <c r="X1309">
        <v>1</v>
      </c>
      <c r="Y1309">
        <v>1</v>
      </c>
      <c r="Z1309">
        <v>0</v>
      </c>
      <c r="AA1309">
        <v>0</v>
      </c>
      <c r="AB1309">
        <v>5.5373342670185366</v>
      </c>
      <c r="AC1309">
        <v>1</v>
      </c>
      <c r="AD1309">
        <v>1</v>
      </c>
      <c r="AE1309">
        <v>0</v>
      </c>
      <c r="AF1309">
        <v>0</v>
      </c>
      <c r="AG1309">
        <v>5.5333894887275203</v>
      </c>
      <c r="AH1309">
        <v>-2.3369051782022782E-2</v>
      </c>
      <c r="AI1309">
        <v>9.4788684887144981E-2</v>
      </c>
      <c r="AJ1309">
        <v>-3.3462973760353662E-2</v>
      </c>
      <c r="AK1309">
        <v>2.6419037250982508E-2</v>
      </c>
      <c r="AL1309">
        <v>1176.9300138945739</v>
      </c>
      <c r="AM1309">
        <v>2174.244407235331</v>
      </c>
      <c r="AN1309">
        <v>34721</v>
      </c>
      <c r="AO1309">
        <v>11</v>
      </c>
      <c r="AP1309">
        <v>1025.7303789555169</v>
      </c>
      <c r="AQ1309">
        <v>1.08984375</v>
      </c>
      <c r="AR1309">
        <v>4.06640625</v>
      </c>
      <c r="AS1309">
        <v>256</v>
      </c>
      <c r="AT1309">
        <v>65.249999999999986</v>
      </c>
      <c r="AU1309">
        <v>8.1954051383399174E-2</v>
      </c>
      <c r="AV1309">
        <v>-2.341466483022929E-2</v>
      </c>
      <c r="AW1309">
        <v>0.3203125</v>
      </c>
      <c r="AX1309">
        <v>86.682352941176475</v>
      </c>
      <c r="AY1309">
        <v>63</v>
      </c>
      <c r="AZ1309">
        <v>128.75</v>
      </c>
      <c r="BA1309">
        <v>0.54589351212704285</v>
      </c>
      <c r="BB1309">
        <v>0.51953125</v>
      </c>
      <c r="BC1309">
        <v>4.865221088210312</v>
      </c>
      <c r="BD1309" t="s">
        <v>5029</v>
      </c>
      <c r="BE1309" t="s">
        <v>62</v>
      </c>
    </row>
    <row r="1310" spans="1:57" x14ac:dyDescent="0.3">
      <c r="A1310" t="s">
        <v>5030</v>
      </c>
      <c r="B1310">
        <v>1640</v>
      </c>
      <c r="C1310" t="s">
        <v>5031</v>
      </c>
      <c r="D1310" t="s">
        <v>5032</v>
      </c>
      <c r="E1310" t="s">
        <v>115</v>
      </c>
      <c r="F1310">
        <v>1680</v>
      </c>
      <c r="G1310">
        <v>129.50119047619049</v>
      </c>
      <c r="H1310">
        <v>129</v>
      </c>
      <c r="I1310">
        <v>5432.6095223922903</v>
      </c>
      <c r="J1310">
        <v>73.706238015464407</v>
      </c>
      <c r="K1310">
        <v>-1.687734760999858E-2</v>
      </c>
      <c r="L1310">
        <v>-1.204081024833705</v>
      </c>
      <c r="M1310">
        <v>7.8819756349044887</v>
      </c>
      <c r="N1310">
        <v>15</v>
      </c>
      <c r="O1310">
        <v>1</v>
      </c>
      <c r="P1310">
        <v>14</v>
      </c>
      <c r="Q1310">
        <v>2.528089029428179</v>
      </c>
      <c r="R1310">
        <v>5.4633691885762232</v>
      </c>
      <c r="S1310">
        <v>2</v>
      </c>
      <c r="T1310">
        <v>1</v>
      </c>
      <c r="U1310">
        <v>1</v>
      </c>
      <c r="V1310">
        <v>0.100618164922397</v>
      </c>
      <c r="W1310">
        <v>7.4119173234628661</v>
      </c>
      <c r="X1310">
        <v>1</v>
      </c>
      <c r="Y1310">
        <v>1</v>
      </c>
      <c r="Z1310">
        <v>0</v>
      </c>
      <c r="AA1310">
        <v>0</v>
      </c>
      <c r="AB1310">
        <v>7.4253578870271513</v>
      </c>
      <c r="AC1310">
        <v>1</v>
      </c>
      <c r="AD1310">
        <v>1</v>
      </c>
      <c r="AE1310">
        <v>0</v>
      </c>
      <c r="AF1310">
        <v>0</v>
      </c>
      <c r="AG1310">
        <v>7.42476176182321</v>
      </c>
      <c r="AH1310">
        <v>3.0472063254356571E-2</v>
      </c>
      <c r="AI1310">
        <v>-1.4453149917670801E-2</v>
      </c>
      <c r="AJ1310">
        <v>7.7088695115420823E-3</v>
      </c>
      <c r="AK1310">
        <v>-2.9692462248540451E-2</v>
      </c>
      <c r="AL1310">
        <v>2801.9685786727359</v>
      </c>
      <c r="AM1310">
        <v>5426.8125160291556</v>
      </c>
      <c r="AN1310">
        <v>217562</v>
      </c>
      <c r="AO1310">
        <v>43.696165516349431</v>
      </c>
      <c r="AP1310">
        <v>2496.3474122341481</v>
      </c>
      <c r="AQ1310">
        <v>1.0136904761904759</v>
      </c>
      <c r="AR1310">
        <v>4.022619047619048</v>
      </c>
      <c r="AS1310">
        <v>1671</v>
      </c>
      <c r="AT1310">
        <v>247.375</v>
      </c>
      <c r="AU1310">
        <v>1.897759103641455E-2</v>
      </c>
      <c r="AV1310">
        <v>3.0493880891871269E-2</v>
      </c>
      <c r="AW1310">
        <v>0.37976190476190469</v>
      </c>
      <c r="AX1310">
        <v>83.019654556283498</v>
      </c>
      <c r="AY1310">
        <v>64</v>
      </c>
      <c r="AZ1310">
        <v>128</v>
      </c>
      <c r="BA1310">
        <v>0.56915490695057125</v>
      </c>
      <c r="BB1310">
        <v>0.49940476190476191</v>
      </c>
      <c r="BC1310">
        <v>5.2580451432759148</v>
      </c>
      <c r="BD1310" t="s">
        <v>5033</v>
      </c>
      <c r="BE1310" t="s">
        <v>62</v>
      </c>
    </row>
    <row r="1311" spans="1:57" x14ac:dyDescent="0.3">
      <c r="A1311" t="s">
        <v>5034</v>
      </c>
      <c r="B1311">
        <v>801</v>
      </c>
      <c r="C1311" t="s">
        <v>5035</v>
      </c>
      <c r="D1311" t="s">
        <v>5036</v>
      </c>
      <c r="E1311" t="s">
        <v>93</v>
      </c>
      <c r="F1311">
        <v>831</v>
      </c>
      <c r="G1311">
        <v>126.9530685920578</v>
      </c>
      <c r="H1311">
        <v>128</v>
      </c>
      <c r="I1311">
        <v>5487.2890128460776</v>
      </c>
      <c r="J1311">
        <v>74.076237842145289</v>
      </c>
      <c r="K1311">
        <v>6.8744962502729984E-3</v>
      </c>
      <c r="L1311">
        <v>-1.196609694712764</v>
      </c>
      <c r="M1311">
        <v>7.7603792392809829</v>
      </c>
      <c r="N1311">
        <v>12</v>
      </c>
      <c r="O1311">
        <v>1</v>
      </c>
      <c r="P1311">
        <v>11</v>
      </c>
      <c r="Q1311">
        <v>1.712984206561581</v>
      </c>
      <c r="R1311">
        <v>5.3790849897835429</v>
      </c>
      <c r="S1311">
        <v>2</v>
      </c>
      <c r="T1311">
        <v>1</v>
      </c>
      <c r="U1311">
        <v>1</v>
      </c>
      <c r="V1311">
        <v>0.1097560975609756</v>
      </c>
      <c r="W1311">
        <v>6.7047233590904058</v>
      </c>
      <c r="X1311">
        <v>1</v>
      </c>
      <c r="Y1311">
        <v>1</v>
      </c>
      <c r="Z1311">
        <v>0</v>
      </c>
      <c r="AA1311">
        <v>0</v>
      </c>
      <c r="AB1311">
        <v>6.7202201551352942</v>
      </c>
      <c r="AC1311">
        <v>1</v>
      </c>
      <c r="AD1311">
        <v>1</v>
      </c>
      <c r="AE1311">
        <v>0</v>
      </c>
      <c r="AF1311">
        <v>0</v>
      </c>
      <c r="AG1311">
        <v>6.7190131543852596</v>
      </c>
      <c r="AH1311">
        <v>3.07533402448307E-3</v>
      </c>
      <c r="AI1311">
        <v>5.9866900772154993E-2</v>
      </c>
      <c r="AJ1311">
        <v>1.247250619177611E-2</v>
      </c>
      <c r="AK1311">
        <v>6.7460422588599411E-2</v>
      </c>
      <c r="AL1311">
        <v>1992.4307232677279</v>
      </c>
      <c r="AM1311">
        <v>3739.4453884204331</v>
      </c>
      <c r="AN1311">
        <v>105498</v>
      </c>
      <c r="AO1311">
        <v>20.861731112289089</v>
      </c>
      <c r="AP1311">
        <v>1752.9741944880409</v>
      </c>
      <c r="AQ1311">
        <v>1.027677496991577</v>
      </c>
      <c r="AR1311">
        <v>3.980746089049338</v>
      </c>
      <c r="AS1311">
        <v>829</v>
      </c>
      <c r="AT1311">
        <v>213.68592057761731</v>
      </c>
      <c r="AU1311">
        <v>1.742762086784172E-2</v>
      </c>
      <c r="AV1311">
        <v>3.0805565385790381E-3</v>
      </c>
      <c r="AW1311">
        <v>0.38146811070998798</v>
      </c>
      <c r="AX1311">
        <v>84.653012048192778</v>
      </c>
      <c r="AY1311">
        <v>65</v>
      </c>
      <c r="AZ1311">
        <v>130.5</v>
      </c>
      <c r="BA1311">
        <v>0.58349308656868126</v>
      </c>
      <c r="BB1311">
        <v>0.50661853188928996</v>
      </c>
      <c r="BC1311">
        <v>5.2047357168461161</v>
      </c>
      <c r="BD1311" t="s">
        <v>5037</v>
      </c>
      <c r="BE1311" t="s">
        <v>68</v>
      </c>
    </row>
    <row r="1312" spans="1:57" x14ac:dyDescent="0.3">
      <c r="A1312" t="s">
        <v>5038</v>
      </c>
      <c r="B1312">
        <v>888</v>
      </c>
      <c r="C1312" t="s">
        <v>5039</v>
      </c>
      <c r="D1312" t="s">
        <v>5040</v>
      </c>
      <c r="E1312" t="s">
        <v>128</v>
      </c>
      <c r="F1312">
        <v>32</v>
      </c>
      <c r="G1312">
        <v>132.375</v>
      </c>
      <c r="H1312">
        <v>150.5</v>
      </c>
      <c r="I1312">
        <v>5610.734375</v>
      </c>
      <c r="J1312">
        <v>74.904835458066387</v>
      </c>
      <c r="K1312">
        <v>-0.30219718482073388</v>
      </c>
      <c r="L1312">
        <v>-1.230051207276702</v>
      </c>
      <c r="M1312">
        <v>4.9375</v>
      </c>
      <c r="N1312">
        <v>2</v>
      </c>
      <c r="O1312">
        <v>1</v>
      </c>
      <c r="P1312">
        <v>1</v>
      </c>
      <c r="Q1312">
        <v>0.1766846959694085</v>
      </c>
      <c r="R1312">
        <v>3.422414204014729</v>
      </c>
      <c r="S1312">
        <v>1</v>
      </c>
      <c r="T1312">
        <v>1</v>
      </c>
      <c r="U1312">
        <v>0</v>
      </c>
      <c r="V1312">
        <v>0</v>
      </c>
      <c r="W1312">
        <v>3.4339872044851458</v>
      </c>
      <c r="X1312">
        <v>1</v>
      </c>
      <c r="Y1312">
        <v>1</v>
      </c>
      <c r="Z1312">
        <v>0</v>
      </c>
      <c r="AA1312">
        <v>0</v>
      </c>
      <c r="AB1312">
        <v>3.401197381662155</v>
      </c>
      <c r="AC1312">
        <v>1</v>
      </c>
      <c r="AD1312">
        <v>1</v>
      </c>
      <c r="AE1312">
        <v>0</v>
      </c>
      <c r="AF1312">
        <v>0</v>
      </c>
      <c r="AG1312">
        <v>3.3672958299864728</v>
      </c>
      <c r="AH1312">
        <v>-0.2340861163172156</v>
      </c>
      <c r="AI1312">
        <v>9.4399651059492551E-2</v>
      </c>
      <c r="AJ1312">
        <v>6.4876600238939305E-2</v>
      </c>
      <c r="AK1312">
        <v>-0.14761621139166831</v>
      </c>
      <c r="AL1312">
        <v>515.15622170623976</v>
      </c>
      <c r="AM1312">
        <v>689.12848383835626</v>
      </c>
      <c r="AN1312">
        <v>4236</v>
      </c>
      <c r="AO1312">
        <v>182.41842173161049</v>
      </c>
      <c r="AP1312">
        <v>406.28227603564051</v>
      </c>
      <c r="AQ1312">
        <v>1.71875</v>
      </c>
      <c r="AR1312">
        <v>4.03125</v>
      </c>
      <c r="AS1312">
        <v>32</v>
      </c>
      <c r="AT1312">
        <v>0.93749999999999978</v>
      </c>
      <c r="AU1312">
        <v>0.1698816872427984</v>
      </c>
      <c r="AV1312">
        <v>-0.24840388866743859</v>
      </c>
      <c r="AW1312">
        <v>0.21875</v>
      </c>
      <c r="AX1312">
        <v>99.677419354838705</v>
      </c>
      <c r="AY1312">
        <v>61.5</v>
      </c>
      <c r="AZ1312">
        <v>131.75</v>
      </c>
      <c r="BA1312">
        <v>0.56585333679370264</v>
      </c>
      <c r="BB1312">
        <v>0.59375</v>
      </c>
      <c r="BC1312">
        <v>3.3892680315457948</v>
      </c>
      <c r="BD1312" t="s">
        <v>5041</v>
      </c>
      <c r="BE1312" t="s">
        <v>62</v>
      </c>
    </row>
    <row r="1313" spans="1:57" x14ac:dyDescent="0.3">
      <c r="A1313" t="s">
        <v>5042</v>
      </c>
      <c r="B1313">
        <v>914</v>
      </c>
      <c r="C1313" t="s">
        <v>5043</v>
      </c>
      <c r="D1313" t="s">
        <v>5044</v>
      </c>
      <c r="E1313" t="s">
        <v>115</v>
      </c>
      <c r="F1313">
        <v>952</v>
      </c>
      <c r="G1313">
        <v>127.9831932773109</v>
      </c>
      <c r="H1313">
        <v>133</v>
      </c>
      <c r="I1313">
        <v>5240.6950956853334</v>
      </c>
      <c r="J1313">
        <v>72.392645314875281</v>
      </c>
      <c r="K1313">
        <v>-5.4334815105690708E-2</v>
      </c>
      <c r="L1313">
        <v>-1.167231219327052</v>
      </c>
      <c r="M1313">
        <v>7.8013086136718437</v>
      </c>
      <c r="N1313">
        <v>11</v>
      </c>
      <c r="O1313">
        <v>1</v>
      </c>
      <c r="P1313">
        <v>10</v>
      </c>
      <c r="Q1313">
        <v>1.8732259074517379</v>
      </c>
      <c r="R1313">
        <v>5.4074550702446382</v>
      </c>
      <c r="S1313">
        <v>2</v>
      </c>
      <c r="T1313">
        <v>1</v>
      </c>
      <c r="U1313">
        <v>1</v>
      </c>
      <c r="V1313">
        <v>9.1714733024134257E-2</v>
      </c>
      <c r="W1313">
        <v>6.8458522803277679</v>
      </c>
      <c r="X1313">
        <v>1</v>
      </c>
      <c r="Y1313">
        <v>1</v>
      </c>
      <c r="Z1313">
        <v>0</v>
      </c>
      <c r="AA1313">
        <v>0</v>
      </c>
      <c r="AB1313">
        <v>6.8564619845945884</v>
      </c>
      <c r="AC1313">
        <v>1</v>
      </c>
      <c r="AD1313">
        <v>1</v>
      </c>
      <c r="AE1313">
        <v>0</v>
      </c>
      <c r="AF1313">
        <v>0</v>
      </c>
      <c r="AG1313">
        <v>6.8554087986099272</v>
      </c>
      <c r="AH1313">
        <v>-2.2893867189580811E-2</v>
      </c>
      <c r="AI1313">
        <v>-2.8482585519975061E-2</v>
      </c>
      <c r="AJ1313">
        <v>1.1492892755328219E-2</v>
      </c>
      <c r="AK1313">
        <v>-3.8561093169236303E-2</v>
      </c>
      <c r="AL1313">
        <v>2111.247783006997</v>
      </c>
      <c r="AM1313">
        <v>4015.6253309725062</v>
      </c>
      <c r="AN1313">
        <v>121840</v>
      </c>
      <c r="AO1313">
        <v>150.88096990624749</v>
      </c>
      <c r="AP1313">
        <v>1843.3937174489211</v>
      </c>
      <c r="AQ1313">
        <v>1.0241596638655459</v>
      </c>
      <c r="AR1313">
        <v>3.9800420168067232</v>
      </c>
      <c r="AS1313">
        <v>945</v>
      </c>
      <c r="AT1313">
        <v>235.93067226890761</v>
      </c>
      <c r="AU1313">
        <v>2.731092436974791E-2</v>
      </c>
      <c r="AV1313">
        <v>-2.292417538200589E-2</v>
      </c>
      <c r="AW1313">
        <v>0.36449579831932771</v>
      </c>
      <c r="AX1313">
        <v>85.100946372239747</v>
      </c>
      <c r="AY1313">
        <v>62.5</v>
      </c>
      <c r="AZ1313">
        <v>126</v>
      </c>
      <c r="BA1313">
        <v>0.5656418117183295</v>
      </c>
      <c r="BB1313">
        <v>0.5178571428571429</v>
      </c>
      <c r="BC1313">
        <v>5.2130009115049321</v>
      </c>
      <c r="BD1313" t="s">
        <v>5045</v>
      </c>
      <c r="BE1313" t="s">
        <v>68</v>
      </c>
    </row>
    <row r="1314" spans="1:57" x14ac:dyDescent="0.3">
      <c r="A1314" t="s">
        <v>5046</v>
      </c>
      <c r="B1314">
        <v>3749</v>
      </c>
      <c r="C1314" t="s">
        <v>5047</v>
      </c>
      <c r="D1314" t="s">
        <v>5048</v>
      </c>
      <c r="E1314" t="s">
        <v>66</v>
      </c>
      <c r="F1314">
        <v>72</v>
      </c>
      <c r="G1314">
        <v>102.6666666666667</v>
      </c>
      <c r="H1314">
        <v>82</v>
      </c>
      <c r="I1314">
        <v>6098.1111111111113</v>
      </c>
      <c r="J1314">
        <v>78.09040345081533</v>
      </c>
      <c r="K1314">
        <v>0.40259968867311657</v>
      </c>
      <c r="L1314">
        <v>-1.2043562054320049</v>
      </c>
      <c r="M1314">
        <v>5.892147223664538</v>
      </c>
      <c r="N1314">
        <v>2</v>
      </c>
      <c r="O1314">
        <v>1</v>
      </c>
      <c r="P1314">
        <v>1</v>
      </c>
      <c r="Q1314">
        <v>0.36779852422552839</v>
      </c>
      <c r="R1314">
        <v>4.0841252355271811</v>
      </c>
      <c r="S1314">
        <v>2</v>
      </c>
      <c r="T1314">
        <v>1</v>
      </c>
      <c r="U1314">
        <v>1</v>
      </c>
      <c r="V1314">
        <v>0.16776575221435111</v>
      </c>
      <c r="W1314">
        <v>4.2236293316576567</v>
      </c>
      <c r="X1314">
        <v>2</v>
      </c>
      <c r="Y1314">
        <v>1</v>
      </c>
      <c r="Z1314">
        <v>1</v>
      </c>
      <c r="AA1314">
        <v>0.11951030798891769</v>
      </c>
      <c r="AB1314">
        <v>4.2286910368905044</v>
      </c>
      <c r="AC1314">
        <v>1</v>
      </c>
      <c r="AD1314">
        <v>1</v>
      </c>
      <c r="AE1314">
        <v>0</v>
      </c>
      <c r="AF1314">
        <v>0</v>
      </c>
      <c r="AG1314">
        <v>4.2341065045972579</v>
      </c>
      <c r="AH1314">
        <v>0.30373906512237142</v>
      </c>
      <c r="AI1314">
        <v>0.171788420620026</v>
      </c>
      <c r="AJ1314">
        <v>-0.17045629389387931</v>
      </c>
      <c r="AK1314">
        <v>6.2505440867137579E-2</v>
      </c>
      <c r="AL1314">
        <v>670.90372021683436</v>
      </c>
      <c r="AM1314">
        <v>864.79141889776599</v>
      </c>
      <c r="AN1314">
        <v>7392</v>
      </c>
      <c r="AO1314">
        <v>90.000000000000028</v>
      </c>
      <c r="AP1314">
        <v>554.57303346151582</v>
      </c>
      <c r="AQ1314">
        <v>1.319444444444444</v>
      </c>
      <c r="AR1314">
        <v>3.3472222222222219</v>
      </c>
      <c r="AS1314">
        <v>72</v>
      </c>
      <c r="AT1314">
        <v>7.2222222222222241</v>
      </c>
      <c r="AU1314">
        <v>0.1863143631436314</v>
      </c>
      <c r="AV1314">
        <v>0.30708035905775988</v>
      </c>
      <c r="AW1314">
        <v>0.40277777777777779</v>
      </c>
      <c r="AX1314">
        <v>75.633802816901408</v>
      </c>
      <c r="AY1314">
        <v>60</v>
      </c>
      <c r="AZ1314">
        <v>136.75</v>
      </c>
      <c r="BA1314">
        <v>0.76062081283261684</v>
      </c>
      <c r="BB1314">
        <v>0.44444444444444442</v>
      </c>
      <c r="BC1314">
        <v>3.974586675024308</v>
      </c>
      <c r="BD1314" t="s">
        <v>5049</v>
      </c>
      <c r="BE1314" t="s">
        <v>68</v>
      </c>
    </row>
    <row r="1315" spans="1:57" x14ac:dyDescent="0.3">
      <c r="A1315" t="s">
        <v>5050</v>
      </c>
      <c r="B1315">
        <v>1183</v>
      </c>
      <c r="C1315" t="s">
        <v>5051</v>
      </c>
      <c r="D1315" t="s">
        <v>5052</v>
      </c>
      <c r="E1315" t="s">
        <v>85</v>
      </c>
      <c r="F1315">
        <v>8</v>
      </c>
      <c r="G1315">
        <v>120.5</v>
      </c>
      <c r="H1315">
        <v>104</v>
      </c>
      <c r="I1315">
        <v>8193</v>
      </c>
      <c r="J1315">
        <v>90.515192095028993</v>
      </c>
      <c r="K1315">
        <v>0.33322462838018257</v>
      </c>
      <c r="L1315">
        <v>-1.358734342460316</v>
      </c>
      <c r="M1315">
        <v>3</v>
      </c>
      <c r="N1315">
        <v>1</v>
      </c>
      <c r="O1315">
        <v>1</v>
      </c>
      <c r="P1315">
        <v>0</v>
      </c>
      <c r="Q1315">
        <v>0</v>
      </c>
      <c r="R1315">
        <v>2.0794415416798362</v>
      </c>
      <c r="S1315">
        <v>1</v>
      </c>
      <c r="T1315">
        <v>1</v>
      </c>
      <c r="U1315">
        <v>0</v>
      </c>
      <c r="V1315">
        <v>0</v>
      </c>
      <c r="W1315">
        <v>1.945910149055313</v>
      </c>
      <c r="X1315">
        <v>1</v>
      </c>
      <c r="Y1315">
        <v>1</v>
      </c>
      <c r="Z1315">
        <v>0</v>
      </c>
      <c r="AA1315">
        <v>0</v>
      </c>
      <c r="AB1315">
        <v>1.791759469228055</v>
      </c>
      <c r="AC1315">
        <v>1</v>
      </c>
      <c r="AD1315">
        <v>1</v>
      </c>
      <c r="AE1315">
        <v>0</v>
      </c>
      <c r="AF1315">
        <v>0</v>
      </c>
      <c r="AG1315">
        <v>1.6094379124341009</v>
      </c>
      <c r="AH1315">
        <v>7.5647656536067379E-2</v>
      </c>
      <c r="AI1315">
        <v>-0.15072317832295859</v>
      </c>
      <c r="AJ1315">
        <v>0.18370483949713171</v>
      </c>
      <c r="AK1315">
        <v>0</v>
      </c>
      <c r="AL1315">
        <v>336.80835356193938</v>
      </c>
      <c r="AM1315">
        <v>261.27788458056619</v>
      </c>
      <c r="AN1315">
        <v>964</v>
      </c>
      <c r="AO1315">
        <v>48</v>
      </c>
      <c r="AP1315">
        <v>310.03776481783211</v>
      </c>
      <c r="AQ1315">
        <v>3.5</v>
      </c>
      <c r="AR1315">
        <v>3.625</v>
      </c>
      <c r="AS1315">
        <v>8</v>
      </c>
      <c r="AT1315">
        <v>0</v>
      </c>
      <c r="AU1315">
        <v>0.24308300395256921</v>
      </c>
      <c r="AV1315">
        <v>8.4333625585404498E-2</v>
      </c>
      <c r="AW1315">
        <v>0.375</v>
      </c>
      <c r="AX1315">
        <v>95.285714285714292</v>
      </c>
      <c r="AY1315">
        <v>61</v>
      </c>
      <c r="AZ1315">
        <v>140</v>
      </c>
      <c r="BA1315">
        <v>0.7511634198757593</v>
      </c>
      <c r="BB1315">
        <v>0.5</v>
      </c>
      <c r="BC1315">
        <v>1.945910149055313</v>
      </c>
      <c r="BD1315" t="s">
        <v>5051</v>
      </c>
      <c r="BE1315" t="s">
        <v>68</v>
      </c>
    </row>
    <row r="1316" spans="1:57" x14ac:dyDescent="0.3">
      <c r="A1316" t="s">
        <v>5053</v>
      </c>
      <c r="B1316">
        <v>2798</v>
      </c>
      <c r="C1316" t="s">
        <v>5054</v>
      </c>
      <c r="D1316" t="s">
        <v>5055</v>
      </c>
      <c r="E1316" t="s">
        <v>72</v>
      </c>
      <c r="F1316">
        <v>2896</v>
      </c>
      <c r="G1316">
        <v>126.6868093922652</v>
      </c>
      <c r="H1316">
        <v>125</v>
      </c>
      <c r="I1316">
        <v>5451.6557099857682</v>
      </c>
      <c r="J1316">
        <v>73.835328332619795</v>
      </c>
      <c r="K1316">
        <v>2.198881007879621E-2</v>
      </c>
      <c r="L1316">
        <v>-1.191038030195712</v>
      </c>
      <c r="M1316">
        <v>7.9283579350363169</v>
      </c>
      <c r="N1316">
        <v>23</v>
      </c>
      <c r="O1316">
        <v>4</v>
      </c>
      <c r="P1316">
        <v>19</v>
      </c>
      <c r="Q1316">
        <v>3.5360862899539089</v>
      </c>
      <c r="R1316">
        <v>5.495518949140485</v>
      </c>
      <c r="S1316">
        <v>2</v>
      </c>
      <c r="T1316">
        <v>1</v>
      </c>
      <c r="U1316">
        <v>1</v>
      </c>
      <c r="V1316">
        <v>0.14393090485434329</v>
      </c>
      <c r="W1316">
        <v>7.9420089006574619</v>
      </c>
      <c r="X1316">
        <v>2</v>
      </c>
      <c r="Y1316">
        <v>1</v>
      </c>
      <c r="Z1316">
        <v>1</v>
      </c>
      <c r="AA1316">
        <v>1.8588772429656071E-2</v>
      </c>
      <c r="AB1316">
        <v>7.969915883569759</v>
      </c>
      <c r="AC1316">
        <v>1</v>
      </c>
      <c r="AD1316">
        <v>1</v>
      </c>
      <c r="AE1316">
        <v>0</v>
      </c>
      <c r="AF1316">
        <v>0</v>
      </c>
      <c r="AG1316">
        <v>7.9700493049761354</v>
      </c>
      <c r="AH1316">
        <v>-1.182200155236997E-2</v>
      </c>
      <c r="AI1316">
        <v>1.4429583436028031E-2</v>
      </c>
      <c r="AJ1316">
        <v>-1.513442880480341E-2</v>
      </c>
      <c r="AK1316">
        <v>-1.6467872740290989E-3</v>
      </c>
      <c r="AL1316">
        <v>3639.127665676363</v>
      </c>
      <c r="AM1316">
        <v>7001.7308455059101</v>
      </c>
      <c r="AN1316">
        <v>366885</v>
      </c>
      <c r="AO1316">
        <v>9.1264344961575645</v>
      </c>
      <c r="AP1316">
        <v>3317.2105026444169</v>
      </c>
      <c r="AQ1316">
        <v>1.0079419889502761</v>
      </c>
      <c r="AR1316">
        <v>4.0255524861878449</v>
      </c>
      <c r="AS1316">
        <v>2879</v>
      </c>
      <c r="AT1316">
        <v>282.96132596685078</v>
      </c>
      <c r="AU1316">
        <v>1.3355811938034919E-2</v>
      </c>
      <c r="AV1316">
        <v>-1.1823231309322141E-2</v>
      </c>
      <c r="AW1316">
        <v>0.37361878453038672</v>
      </c>
      <c r="AX1316">
        <v>85.784455958549216</v>
      </c>
      <c r="AY1316">
        <v>63</v>
      </c>
      <c r="AZ1316">
        <v>126</v>
      </c>
      <c r="BA1316">
        <v>0.5828178062642706</v>
      </c>
      <c r="BB1316">
        <v>0.49343922651933703</v>
      </c>
      <c r="BC1316">
        <v>5.3105676076681414</v>
      </c>
      <c r="BD1316" t="s">
        <v>5056</v>
      </c>
      <c r="BE1316" t="s">
        <v>62</v>
      </c>
    </row>
    <row r="1317" spans="1:57" x14ac:dyDescent="0.3">
      <c r="A1317" t="s">
        <v>5057</v>
      </c>
      <c r="B1317">
        <v>2990</v>
      </c>
      <c r="C1317" t="s">
        <v>5058</v>
      </c>
      <c r="D1317" t="s">
        <v>5059</v>
      </c>
      <c r="E1317" t="s">
        <v>115</v>
      </c>
      <c r="F1317">
        <v>3024</v>
      </c>
      <c r="G1317">
        <v>128.54960317460319</v>
      </c>
      <c r="H1317">
        <v>127</v>
      </c>
      <c r="I1317">
        <v>5533.9968781494072</v>
      </c>
      <c r="J1317">
        <v>74.390838670829666</v>
      </c>
      <c r="K1317">
        <v>2.4790292858064129E-2</v>
      </c>
      <c r="L1317">
        <v>-1.1955660581688401</v>
      </c>
      <c r="M1317">
        <v>7.9378084499913646</v>
      </c>
      <c r="N1317">
        <v>24</v>
      </c>
      <c r="O1317">
        <v>4</v>
      </c>
      <c r="P1317">
        <v>20</v>
      </c>
      <c r="Q1317">
        <v>3.436363448472818</v>
      </c>
      <c r="R1317">
        <v>5.5020695469364194</v>
      </c>
      <c r="S1317">
        <v>2</v>
      </c>
      <c r="T1317">
        <v>1</v>
      </c>
      <c r="U1317">
        <v>1</v>
      </c>
      <c r="V1317">
        <v>0.15320906082512409</v>
      </c>
      <c r="W1317">
        <v>7.9814456498772053</v>
      </c>
      <c r="X1317">
        <v>1</v>
      </c>
      <c r="Y1317">
        <v>1</v>
      </c>
      <c r="Z1317">
        <v>0</v>
      </c>
      <c r="AA1317">
        <v>0</v>
      </c>
      <c r="AB1317">
        <v>8.0136741428326825</v>
      </c>
      <c r="AC1317">
        <v>1</v>
      </c>
      <c r="AD1317">
        <v>1</v>
      </c>
      <c r="AE1317">
        <v>0</v>
      </c>
      <c r="AF1317">
        <v>0</v>
      </c>
      <c r="AG1317">
        <v>8.01334318138667</v>
      </c>
      <c r="AH1317">
        <v>4.9024688919742029E-3</v>
      </c>
      <c r="AI1317">
        <v>-1.1832324144906941E-2</v>
      </c>
      <c r="AJ1317">
        <v>-2.749138833708123E-2</v>
      </c>
      <c r="AK1317">
        <v>-8.6004755378609257E-3</v>
      </c>
      <c r="AL1317">
        <v>3763.1967232607758</v>
      </c>
      <c r="AM1317">
        <v>7248.7763396341134</v>
      </c>
      <c r="AN1317">
        <v>388734</v>
      </c>
      <c r="AO1317">
        <v>120.0534157120812</v>
      </c>
      <c r="AP1317">
        <v>3427.6232659937941</v>
      </c>
      <c r="AQ1317">
        <v>1.00760582010582</v>
      </c>
      <c r="AR1317">
        <v>4.0714285714285712</v>
      </c>
      <c r="AS1317">
        <v>3016</v>
      </c>
      <c r="AT1317">
        <v>255.9153439153439</v>
      </c>
      <c r="AU1317">
        <v>2.123793962029252E-2</v>
      </c>
      <c r="AV1317">
        <v>4.9051758703671927E-3</v>
      </c>
      <c r="AW1317">
        <v>0.3792989417989418</v>
      </c>
      <c r="AX1317">
        <v>85.703605689712205</v>
      </c>
      <c r="AY1317">
        <v>64</v>
      </c>
      <c r="AZ1317">
        <v>127</v>
      </c>
      <c r="BA1317">
        <v>0.57869364691688641</v>
      </c>
      <c r="BB1317">
        <v>0.49503968253968261</v>
      </c>
      <c r="BC1317">
        <v>5.3167255437835301</v>
      </c>
      <c r="BD1317" t="s">
        <v>5060</v>
      </c>
      <c r="BE1317" t="s">
        <v>62</v>
      </c>
    </row>
    <row r="1318" spans="1:57" x14ac:dyDescent="0.3">
      <c r="A1318" t="s">
        <v>5061</v>
      </c>
      <c r="B1318">
        <v>157</v>
      </c>
      <c r="C1318" t="s">
        <v>5062</v>
      </c>
      <c r="D1318" t="s">
        <v>5063</v>
      </c>
      <c r="E1318" t="s">
        <v>60</v>
      </c>
      <c r="F1318">
        <v>256</v>
      </c>
      <c r="G1318">
        <v>129.41796875</v>
      </c>
      <c r="H1318">
        <v>135</v>
      </c>
      <c r="I1318">
        <v>5471.1495208740234</v>
      </c>
      <c r="J1318">
        <v>73.967219231724698</v>
      </c>
      <c r="K1318">
        <v>-7.1805767198367038E-2</v>
      </c>
      <c r="L1318">
        <v>-1.1715153602500019</v>
      </c>
      <c r="M1318">
        <v>7.1597744138934791</v>
      </c>
      <c r="N1318">
        <v>4</v>
      </c>
      <c r="O1318">
        <v>1</v>
      </c>
      <c r="P1318">
        <v>3</v>
      </c>
      <c r="Q1318">
        <v>0.8</v>
      </c>
      <c r="R1318">
        <v>4.9627774484355003</v>
      </c>
      <c r="S1318">
        <v>3</v>
      </c>
      <c r="T1318">
        <v>1</v>
      </c>
      <c r="U1318">
        <v>2</v>
      </c>
      <c r="V1318">
        <v>0.140355072887519</v>
      </c>
      <c r="W1318">
        <v>5.5229022462285258</v>
      </c>
      <c r="X1318">
        <v>1</v>
      </c>
      <c r="Y1318">
        <v>1</v>
      </c>
      <c r="Z1318">
        <v>0</v>
      </c>
      <c r="AA1318">
        <v>0</v>
      </c>
      <c r="AB1318">
        <v>5.5373342670185366</v>
      </c>
      <c r="AC1318">
        <v>1</v>
      </c>
      <c r="AD1318">
        <v>1</v>
      </c>
      <c r="AE1318">
        <v>0</v>
      </c>
      <c r="AF1318">
        <v>0</v>
      </c>
      <c r="AG1318">
        <v>5.5333894887275203</v>
      </c>
      <c r="AH1318">
        <v>-2.9593353849878871E-2</v>
      </c>
      <c r="AI1318">
        <v>-2.4836631608876518E-3</v>
      </c>
      <c r="AJ1318">
        <v>1.5903285478685261E-2</v>
      </c>
      <c r="AK1318">
        <v>9.1294002051185666E-2</v>
      </c>
      <c r="AL1318">
        <v>1170.9795226773249</v>
      </c>
      <c r="AM1318">
        <v>2077.779573840879</v>
      </c>
      <c r="AN1318">
        <v>33131</v>
      </c>
      <c r="AO1318">
        <v>168.79985617320509</v>
      </c>
      <c r="AP1318">
        <v>945.26155134404007</v>
      </c>
      <c r="AQ1318">
        <v>1.08984375</v>
      </c>
      <c r="AR1318">
        <v>4.05859375</v>
      </c>
      <c r="AS1318">
        <v>254</v>
      </c>
      <c r="AT1318">
        <v>63.999999999999993</v>
      </c>
      <c r="AU1318">
        <v>4.5829232283464583E-2</v>
      </c>
      <c r="AV1318">
        <v>-2.9688778881809489E-2</v>
      </c>
      <c r="AW1318">
        <v>0.359375</v>
      </c>
      <c r="AX1318">
        <v>86.760784313725495</v>
      </c>
      <c r="AY1318">
        <v>62.5</v>
      </c>
      <c r="AZ1318">
        <v>128.5</v>
      </c>
      <c r="BA1318">
        <v>0.57153747618005868</v>
      </c>
      <c r="BB1318">
        <v>0.5078125</v>
      </c>
      <c r="BC1318">
        <v>4.8352674802905558</v>
      </c>
      <c r="BD1318" t="s">
        <v>5064</v>
      </c>
      <c r="BE1318" t="s">
        <v>62</v>
      </c>
    </row>
    <row r="1319" spans="1:57" x14ac:dyDescent="0.3">
      <c r="A1319" t="s">
        <v>5065</v>
      </c>
      <c r="B1319">
        <v>2044</v>
      </c>
      <c r="C1319" t="s">
        <v>5066</v>
      </c>
      <c r="D1319" t="s">
        <v>5067</v>
      </c>
      <c r="E1319" t="s">
        <v>128</v>
      </c>
      <c r="F1319">
        <v>32</v>
      </c>
      <c r="G1319">
        <v>104.625</v>
      </c>
      <c r="H1319">
        <v>83</v>
      </c>
      <c r="I1319">
        <v>4880.859375</v>
      </c>
      <c r="J1319">
        <v>69.863147474186988</v>
      </c>
      <c r="K1319">
        <v>0.37102889056088911</v>
      </c>
      <c r="L1319">
        <v>-1.041733492797839</v>
      </c>
      <c r="M1319">
        <v>4.875</v>
      </c>
      <c r="N1319">
        <v>2</v>
      </c>
      <c r="O1319">
        <v>1</v>
      </c>
      <c r="P1319">
        <v>1</v>
      </c>
      <c r="Q1319">
        <v>0.24944382578492941</v>
      </c>
      <c r="R1319">
        <v>3.3790925052297318</v>
      </c>
      <c r="S1319">
        <v>1</v>
      </c>
      <c r="T1319">
        <v>1</v>
      </c>
      <c r="U1319">
        <v>0</v>
      </c>
      <c r="V1319">
        <v>0</v>
      </c>
      <c r="W1319">
        <v>3.4339872044851458</v>
      </c>
      <c r="X1319">
        <v>1</v>
      </c>
      <c r="Y1319">
        <v>1</v>
      </c>
      <c r="Z1319">
        <v>0</v>
      </c>
      <c r="AA1319">
        <v>0</v>
      </c>
      <c r="AB1319">
        <v>3.401197381662155</v>
      </c>
      <c r="AC1319">
        <v>1</v>
      </c>
      <c r="AD1319">
        <v>1</v>
      </c>
      <c r="AE1319">
        <v>0</v>
      </c>
      <c r="AF1319">
        <v>0</v>
      </c>
      <c r="AG1319">
        <v>3.3672958299864728</v>
      </c>
      <c r="AH1319">
        <v>-4.1118147258903559E-2</v>
      </c>
      <c r="AI1319">
        <v>-0.32196338535414171</v>
      </c>
      <c r="AJ1319">
        <v>-0.12697128851540609</v>
      </c>
      <c r="AK1319">
        <v>-0.1702114845938375</v>
      </c>
      <c r="AL1319">
        <v>461.17582356650348</v>
      </c>
      <c r="AM1319">
        <v>542.02293287070177</v>
      </c>
      <c r="AN1319">
        <v>3348</v>
      </c>
      <c r="AO1319">
        <v>35.405376975000557</v>
      </c>
      <c r="AP1319">
        <v>382.1492897032885</v>
      </c>
      <c r="AQ1319">
        <v>1.65625</v>
      </c>
      <c r="AR1319">
        <v>3.4375</v>
      </c>
      <c r="AS1319">
        <v>32</v>
      </c>
      <c r="AT1319">
        <v>1.75</v>
      </c>
      <c r="AU1319">
        <v>0.17380319148936171</v>
      </c>
      <c r="AV1319">
        <v>-4.1242060236112071E-2</v>
      </c>
      <c r="AW1319">
        <v>0.46875</v>
      </c>
      <c r="AX1319">
        <v>83.548387096774192</v>
      </c>
      <c r="AY1319">
        <v>58.5</v>
      </c>
      <c r="AZ1319">
        <v>114.75</v>
      </c>
      <c r="BA1319">
        <v>0.66774812400656625</v>
      </c>
      <c r="BB1319">
        <v>0.4375</v>
      </c>
      <c r="BC1319">
        <v>3.2998296856670919</v>
      </c>
      <c r="BD1319" t="s">
        <v>5068</v>
      </c>
      <c r="BE1319" t="s">
        <v>62</v>
      </c>
    </row>
    <row r="1320" spans="1:57" x14ac:dyDescent="0.3">
      <c r="A1320" t="s">
        <v>5069</v>
      </c>
      <c r="B1320">
        <v>3777</v>
      </c>
      <c r="C1320" t="s">
        <v>5070</v>
      </c>
      <c r="D1320" t="s">
        <v>5071</v>
      </c>
      <c r="E1320" t="s">
        <v>106</v>
      </c>
      <c r="F1320">
        <v>3807</v>
      </c>
      <c r="G1320">
        <v>126.3401628578934</v>
      </c>
      <c r="H1320">
        <v>125</v>
      </c>
      <c r="I1320">
        <v>5334.9331465981159</v>
      </c>
      <c r="J1320">
        <v>73.040626685414708</v>
      </c>
      <c r="K1320">
        <v>2.500478505498881E-2</v>
      </c>
      <c r="L1320">
        <v>-1.1725383040227919</v>
      </c>
      <c r="M1320">
        <v>7.94960631666381</v>
      </c>
      <c r="N1320">
        <v>28</v>
      </c>
      <c r="O1320">
        <v>6</v>
      </c>
      <c r="P1320">
        <v>22</v>
      </c>
      <c r="Q1320">
        <v>3.923460134716668</v>
      </c>
      <c r="R1320">
        <v>5.5102472049570448</v>
      </c>
      <c r="S1320">
        <v>3</v>
      </c>
      <c r="T1320">
        <v>1</v>
      </c>
      <c r="U1320">
        <v>2</v>
      </c>
      <c r="V1320">
        <v>0.16533149823090429</v>
      </c>
      <c r="W1320">
        <v>8.2076351691384062</v>
      </c>
      <c r="X1320">
        <v>1</v>
      </c>
      <c r="Y1320">
        <v>1</v>
      </c>
      <c r="Z1320">
        <v>0</v>
      </c>
      <c r="AA1320">
        <v>0</v>
      </c>
      <c r="AB1320">
        <v>8.2440712702957875</v>
      </c>
      <c r="AC1320">
        <v>1</v>
      </c>
      <c r="AD1320">
        <v>1</v>
      </c>
      <c r="AE1320">
        <v>0</v>
      </c>
      <c r="AF1320">
        <v>0</v>
      </c>
      <c r="AG1320">
        <v>8.2438084236652784</v>
      </c>
      <c r="AH1320">
        <v>2.1422397928566261E-2</v>
      </c>
      <c r="AI1320">
        <v>-1.307285811097888E-2</v>
      </c>
      <c r="AJ1320">
        <v>1.632648025869134E-2</v>
      </c>
      <c r="AK1320">
        <v>2.4989700865103631E-2</v>
      </c>
      <c r="AL1320">
        <v>4118.8774628195779</v>
      </c>
      <c r="AM1320">
        <v>8006.9751745760377</v>
      </c>
      <c r="AN1320">
        <v>480977</v>
      </c>
      <c r="AO1320">
        <v>18.791140476137389</v>
      </c>
      <c r="AP1320">
        <v>3793.158740226248</v>
      </c>
      <c r="AQ1320">
        <v>1.006041502495403</v>
      </c>
      <c r="AR1320">
        <v>3.9529813501444711</v>
      </c>
      <c r="AS1320">
        <v>3794</v>
      </c>
      <c r="AT1320">
        <v>264.99369582348311</v>
      </c>
      <c r="AU1320">
        <v>1.666589409601504E-2</v>
      </c>
      <c r="AV1320">
        <v>2.1429607296914361E-2</v>
      </c>
      <c r="AW1320">
        <v>0.3814026792750197</v>
      </c>
      <c r="AX1320">
        <v>83.796111403047817</v>
      </c>
      <c r="AY1320">
        <v>62</v>
      </c>
      <c r="AZ1320">
        <v>125</v>
      </c>
      <c r="BA1320">
        <v>0.57812674159341049</v>
      </c>
      <c r="BB1320">
        <v>0.49540320462306281</v>
      </c>
      <c r="BC1320">
        <v>5.3000753308362043</v>
      </c>
      <c r="BD1320" t="s">
        <v>5072</v>
      </c>
      <c r="BE1320" t="s">
        <v>68</v>
      </c>
    </row>
    <row r="1321" spans="1:57" x14ac:dyDescent="0.3">
      <c r="A1321" t="s">
        <v>5073</v>
      </c>
      <c r="B1321">
        <v>2805</v>
      </c>
      <c r="C1321" t="s">
        <v>5074</v>
      </c>
      <c r="D1321" t="s">
        <v>5075</v>
      </c>
      <c r="E1321" t="s">
        <v>10622</v>
      </c>
      <c r="F1321">
        <v>64</v>
      </c>
      <c r="G1321">
        <v>127.640625</v>
      </c>
      <c r="H1321">
        <v>121.5</v>
      </c>
      <c r="I1321">
        <v>5441.761474609375</v>
      </c>
      <c r="J1321">
        <v>73.768295863530525</v>
      </c>
      <c r="K1321">
        <v>-4.4466345110441181E-2</v>
      </c>
      <c r="L1321">
        <v>-1.2837987237043911</v>
      </c>
      <c r="M1321">
        <v>5.78125</v>
      </c>
      <c r="N1321">
        <v>2</v>
      </c>
      <c r="O1321">
        <v>1</v>
      </c>
      <c r="P1321">
        <v>1</v>
      </c>
      <c r="Q1321">
        <v>0.32821556024332821</v>
      </c>
      <c r="R1321">
        <v>4.0072571376121839</v>
      </c>
      <c r="S1321">
        <v>1</v>
      </c>
      <c r="T1321">
        <v>1</v>
      </c>
      <c r="U1321">
        <v>0</v>
      </c>
      <c r="V1321">
        <v>0</v>
      </c>
      <c r="W1321">
        <v>4.1431347263915326</v>
      </c>
      <c r="X1321">
        <v>1</v>
      </c>
      <c r="Y1321">
        <v>1</v>
      </c>
      <c r="Z1321">
        <v>0</v>
      </c>
      <c r="AA1321">
        <v>0</v>
      </c>
      <c r="AB1321">
        <v>4.1271343850450908</v>
      </c>
      <c r="AC1321">
        <v>1</v>
      </c>
      <c r="AD1321">
        <v>1</v>
      </c>
      <c r="AE1321">
        <v>0</v>
      </c>
      <c r="AF1321">
        <v>0</v>
      </c>
      <c r="AG1321">
        <v>4.1108738641733096</v>
      </c>
      <c r="AH1321">
        <v>9.0077111996457515E-2</v>
      </c>
      <c r="AI1321">
        <v>-0.14709859578217591</v>
      </c>
      <c r="AJ1321">
        <v>-0.3453581672645204</v>
      </c>
      <c r="AK1321">
        <v>0.23973701213196999</v>
      </c>
      <c r="AL1321">
        <v>616.38841637964435</v>
      </c>
      <c r="AM1321">
        <v>1005.502023942764</v>
      </c>
      <c r="AN1321">
        <v>8169</v>
      </c>
      <c r="AO1321">
        <v>17.464249196572979</v>
      </c>
      <c r="AP1321">
        <v>475.72111484436022</v>
      </c>
      <c r="AQ1321">
        <v>1.359375</v>
      </c>
      <c r="AR1321">
        <v>3.921875</v>
      </c>
      <c r="AS1321">
        <v>64</v>
      </c>
      <c r="AT1321">
        <v>5.46875</v>
      </c>
      <c r="AU1321">
        <v>6.1503984063745021E-2</v>
      </c>
      <c r="AV1321">
        <v>9.0195481869003863E-2</v>
      </c>
      <c r="AW1321">
        <v>0.421875</v>
      </c>
      <c r="AX1321">
        <v>81.666666666666671</v>
      </c>
      <c r="AY1321">
        <v>66</v>
      </c>
      <c r="AZ1321">
        <v>132.5</v>
      </c>
      <c r="BA1321">
        <v>0.5779374385195194</v>
      </c>
      <c r="BB1321">
        <v>0.46875</v>
      </c>
      <c r="BC1321">
        <v>3.8844722778225189</v>
      </c>
      <c r="BD1321" t="s">
        <v>5076</v>
      </c>
      <c r="BE1321" t="s">
        <v>62</v>
      </c>
    </row>
    <row r="1322" spans="1:57" x14ac:dyDescent="0.3">
      <c r="A1322" t="s">
        <v>5077</v>
      </c>
      <c r="B1322">
        <v>2105</v>
      </c>
      <c r="C1322" t="s">
        <v>5078</v>
      </c>
      <c r="D1322" t="s">
        <v>5079</v>
      </c>
      <c r="E1322" t="s">
        <v>93</v>
      </c>
      <c r="F1322">
        <v>2105</v>
      </c>
      <c r="G1322">
        <v>127.4717339667458</v>
      </c>
      <c r="H1322">
        <v>125</v>
      </c>
      <c r="I1322">
        <v>5493.0463506750702</v>
      </c>
      <c r="J1322">
        <v>74.115088549330295</v>
      </c>
      <c r="K1322">
        <v>2.9672543464588291E-2</v>
      </c>
      <c r="L1322">
        <v>-1.2146803969896349</v>
      </c>
      <c r="M1322">
        <v>7.8950801230143952</v>
      </c>
      <c r="N1322">
        <v>18</v>
      </c>
      <c r="O1322">
        <v>1</v>
      </c>
      <c r="P1322">
        <v>17</v>
      </c>
      <c r="Q1322">
        <v>3.1351763019543162</v>
      </c>
      <c r="R1322">
        <v>5.4724525275622984</v>
      </c>
      <c r="S1322">
        <v>2</v>
      </c>
      <c r="T1322">
        <v>1</v>
      </c>
      <c r="U1322">
        <v>1</v>
      </c>
      <c r="V1322">
        <v>0.12522151703621151</v>
      </c>
      <c r="W1322">
        <v>7.6298523638210263</v>
      </c>
      <c r="X1322">
        <v>1</v>
      </c>
      <c r="Y1322">
        <v>1</v>
      </c>
      <c r="Z1322">
        <v>0</v>
      </c>
      <c r="AA1322">
        <v>0</v>
      </c>
      <c r="AB1322">
        <v>7.6511201757026992</v>
      </c>
      <c r="AC1322">
        <v>1</v>
      </c>
      <c r="AD1322">
        <v>1</v>
      </c>
      <c r="AE1322">
        <v>0</v>
      </c>
      <c r="AF1322">
        <v>0</v>
      </c>
      <c r="AG1322">
        <v>7.6506445514368977</v>
      </c>
      <c r="AH1322">
        <v>-1.928928724070909E-2</v>
      </c>
      <c r="AI1322">
        <v>2.3377125959581448E-3</v>
      </c>
      <c r="AJ1322">
        <v>2.3843488234091759E-2</v>
      </c>
      <c r="AK1322">
        <v>-3.9697198615522802E-2</v>
      </c>
      <c r="AL1322">
        <v>3159.6224457338781</v>
      </c>
      <c r="AM1322">
        <v>5981.9632229239478</v>
      </c>
      <c r="AN1322">
        <v>268328</v>
      </c>
      <c r="AO1322">
        <v>142.2305991266513</v>
      </c>
      <c r="AP1322">
        <v>2822.1656717427568</v>
      </c>
      <c r="AQ1322">
        <v>1.0109263657957239</v>
      </c>
      <c r="AR1322">
        <v>4.0085510688836106</v>
      </c>
      <c r="AS1322">
        <v>2097</v>
      </c>
      <c r="AT1322">
        <v>306.02137767220898</v>
      </c>
      <c r="AU1322">
        <v>1.968236225606634E-2</v>
      </c>
      <c r="AV1322">
        <v>-1.930418906180793E-2</v>
      </c>
      <c r="AW1322">
        <v>0.3843230403800475</v>
      </c>
      <c r="AX1322">
        <v>86.303707224334602</v>
      </c>
      <c r="AY1322">
        <v>64</v>
      </c>
      <c r="AZ1322">
        <v>127</v>
      </c>
      <c r="BA1322">
        <v>0.58142371051973807</v>
      </c>
      <c r="BB1322">
        <v>0.48836104513064132</v>
      </c>
      <c r="BC1322">
        <v>5.3039194754418926</v>
      </c>
      <c r="BD1322" t="s">
        <v>5080</v>
      </c>
      <c r="BE1322" t="s">
        <v>68</v>
      </c>
    </row>
    <row r="1323" spans="1:57" x14ac:dyDescent="0.3">
      <c r="A1323" t="s">
        <v>5081</v>
      </c>
      <c r="B1323">
        <v>2805</v>
      </c>
      <c r="C1323" t="s">
        <v>5082</v>
      </c>
      <c r="D1323" t="s">
        <v>5083</v>
      </c>
      <c r="E1323" t="s">
        <v>85</v>
      </c>
      <c r="F1323">
        <v>8</v>
      </c>
      <c r="G1323">
        <v>75.75</v>
      </c>
      <c r="H1323">
        <v>69.5</v>
      </c>
      <c r="I1323">
        <v>2330.9375</v>
      </c>
      <c r="J1323">
        <v>48.279783553781598</v>
      </c>
      <c r="K1323">
        <v>0.47678668729824158</v>
      </c>
      <c r="L1323">
        <v>-1.1901740048080871</v>
      </c>
      <c r="M1323">
        <v>3</v>
      </c>
      <c r="N1323">
        <v>1</v>
      </c>
      <c r="O1323">
        <v>1</v>
      </c>
      <c r="P1323">
        <v>0</v>
      </c>
      <c r="Q1323">
        <v>0</v>
      </c>
      <c r="R1323">
        <v>2.0794415416798362</v>
      </c>
      <c r="S1323">
        <v>1</v>
      </c>
      <c r="T1323">
        <v>1</v>
      </c>
      <c r="U1323">
        <v>0</v>
      </c>
      <c r="V1323">
        <v>0</v>
      </c>
      <c r="W1323">
        <v>1.945910149055313</v>
      </c>
      <c r="X1323">
        <v>1</v>
      </c>
      <c r="Y1323">
        <v>1</v>
      </c>
      <c r="Z1323">
        <v>0</v>
      </c>
      <c r="AA1323">
        <v>0</v>
      </c>
      <c r="AB1323">
        <v>1.791759469228055</v>
      </c>
      <c r="AC1323">
        <v>1</v>
      </c>
      <c r="AD1323">
        <v>1</v>
      </c>
      <c r="AE1323">
        <v>0</v>
      </c>
      <c r="AF1323">
        <v>0</v>
      </c>
      <c r="AG1323">
        <v>1.6094379124341009</v>
      </c>
      <c r="AH1323">
        <v>-4.7757742324708398E-2</v>
      </c>
      <c r="AI1323">
        <v>-0.34954417482236227</v>
      </c>
      <c r="AJ1323">
        <v>6.8464271350046929E-2</v>
      </c>
      <c r="AK1323">
        <v>0</v>
      </c>
      <c r="AL1323">
        <v>185.87807272312449</v>
      </c>
      <c r="AM1323">
        <v>173.2089549669324</v>
      </c>
      <c r="AN1323">
        <v>606</v>
      </c>
      <c r="AO1323">
        <v>20.054244856902269</v>
      </c>
      <c r="AP1323">
        <v>160.26546185090629</v>
      </c>
      <c r="AQ1323">
        <v>3.5</v>
      </c>
      <c r="AR1323">
        <v>3.375</v>
      </c>
      <c r="AS1323">
        <v>8</v>
      </c>
      <c r="AT1323">
        <v>0</v>
      </c>
      <c r="AU1323">
        <v>0.29304635761589398</v>
      </c>
      <c r="AV1323">
        <v>-4.5199221367233859E-2</v>
      </c>
      <c r="AW1323">
        <v>0.5</v>
      </c>
      <c r="AX1323">
        <v>52.285714285714278</v>
      </c>
      <c r="AY1323">
        <v>37</v>
      </c>
      <c r="AZ1323">
        <v>67.25</v>
      </c>
      <c r="BA1323">
        <v>0.6373568785977769</v>
      </c>
      <c r="BB1323">
        <v>0.5</v>
      </c>
      <c r="BC1323">
        <v>1.945910149055313</v>
      </c>
      <c r="BD1323" t="s">
        <v>5082</v>
      </c>
      <c r="BE1323" t="s">
        <v>68</v>
      </c>
    </row>
    <row r="1324" spans="1:57" x14ac:dyDescent="0.3">
      <c r="A1324" t="s">
        <v>5084</v>
      </c>
      <c r="B1324">
        <v>1150</v>
      </c>
      <c r="C1324" t="s">
        <v>5085</v>
      </c>
      <c r="D1324" t="s">
        <v>5086</v>
      </c>
      <c r="E1324" t="s">
        <v>93</v>
      </c>
      <c r="F1324">
        <v>1152</v>
      </c>
      <c r="G1324">
        <v>127.171875</v>
      </c>
      <c r="H1324">
        <v>126</v>
      </c>
      <c r="I1324">
        <v>5502.2117784288193</v>
      </c>
      <c r="J1324">
        <v>74.176895179218846</v>
      </c>
      <c r="K1324">
        <v>-1.757732885202502E-2</v>
      </c>
      <c r="L1324">
        <v>-1.202695717817337</v>
      </c>
      <c r="M1324">
        <v>7.8221165789382674</v>
      </c>
      <c r="N1324">
        <v>11</v>
      </c>
      <c r="O1324">
        <v>1</v>
      </c>
      <c r="P1324">
        <v>10</v>
      </c>
      <c r="Q1324">
        <v>2.0214687729470371</v>
      </c>
      <c r="R1324">
        <v>5.4218780527022554</v>
      </c>
      <c r="S1324">
        <v>2</v>
      </c>
      <c r="T1324">
        <v>1</v>
      </c>
      <c r="U1324">
        <v>1</v>
      </c>
      <c r="V1324">
        <v>9.320638367148408E-2</v>
      </c>
      <c r="W1324">
        <v>7.0363421484167574</v>
      </c>
      <c r="X1324">
        <v>1</v>
      </c>
      <c r="Y1324">
        <v>1</v>
      </c>
      <c r="Z1324">
        <v>0</v>
      </c>
      <c r="AA1324">
        <v>0</v>
      </c>
      <c r="AB1324">
        <v>7.0475172213572961</v>
      </c>
      <c r="AC1324">
        <v>1</v>
      </c>
      <c r="AD1324">
        <v>1</v>
      </c>
      <c r="AE1324">
        <v>0</v>
      </c>
      <c r="AF1324">
        <v>0</v>
      </c>
      <c r="AG1324">
        <v>7.0466472778487557</v>
      </c>
      <c r="AH1324">
        <v>1.758267711839416E-2</v>
      </c>
      <c r="AI1324">
        <v>-9.0800019366866543E-3</v>
      </c>
      <c r="AJ1324">
        <v>-4.6202366026714972E-2</v>
      </c>
      <c r="AK1324">
        <v>-1.97201584694809E-2</v>
      </c>
      <c r="AL1324">
        <v>2334.8395745462421</v>
      </c>
      <c r="AM1324">
        <v>4417.918759000976</v>
      </c>
      <c r="AN1324">
        <v>146502</v>
      </c>
      <c r="AO1324">
        <v>114.2814875853248</v>
      </c>
      <c r="AP1324">
        <v>2067.3784967396009</v>
      </c>
      <c r="AQ1324">
        <v>1.0199652777777779</v>
      </c>
      <c r="AR1324">
        <v>4.0095486111111107</v>
      </c>
      <c r="AS1324">
        <v>1149</v>
      </c>
      <c r="AT1324">
        <v>221.69791666666671</v>
      </c>
      <c r="AU1324">
        <v>2.0343137254902E-2</v>
      </c>
      <c r="AV1324">
        <v>1.7617861426491389E-2</v>
      </c>
      <c r="AW1324">
        <v>0.37413194444444442</v>
      </c>
      <c r="AX1324">
        <v>83.495221546481318</v>
      </c>
      <c r="AY1324">
        <v>63</v>
      </c>
      <c r="AZ1324">
        <v>125</v>
      </c>
      <c r="BA1324">
        <v>0.5832806599668271</v>
      </c>
      <c r="BB1324">
        <v>0.49131944444444442</v>
      </c>
      <c r="BC1324">
        <v>5.2305034590331916</v>
      </c>
      <c r="BD1324" t="s">
        <v>5087</v>
      </c>
      <c r="BE1324" t="s">
        <v>62</v>
      </c>
    </row>
    <row r="1325" spans="1:57" x14ac:dyDescent="0.3">
      <c r="A1325" t="s">
        <v>5088</v>
      </c>
      <c r="B1325">
        <v>1263</v>
      </c>
      <c r="C1325" t="s">
        <v>5089</v>
      </c>
      <c r="D1325" t="s">
        <v>5090</v>
      </c>
      <c r="E1325" t="s">
        <v>85</v>
      </c>
      <c r="F1325">
        <v>8</v>
      </c>
      <c r="G1325">
        <v>142.625</v>
      </c>
      <c r="H1325">
        <v>155</v>
      </c>
      <c r="I1325">
        <v>7925.484375</v>
      </c>
      <c r="J1325">
        <v>89.02518955329441</v>
      </c>
      <c r="K1325">
        <v>-0.39551467994942491</v>
      </c>
      <c r="L1325">
        <v>-1.411532027793305</v>
      </c>
      <c r="M1325">
        <v>3</v>
      </c>
      <c r="N1325">
        <v>1</v>
      </c>
      <c r="O1325">
        <v>1</v>
      </c>
      <c r="P1325">
        <v>0</v>
      </c>
      <c r="Q1325">
        <v>0</v>
      </c>
      <c r="R1325">
        <v>2.0794415416798362</v>
      </c>
      <c r="S1325">
        <v>1</v>
      </c>
      <c r="T1325">
        <v>1</v>
      </c>
      <c r="U1325">
        <v>0</v>
      </c>
      <c r="V1325">
        <v>0</v>
      </c>
      <c r="W1325">
        <v>1.945910149055313</v>
      </c>
      <c r="X1325">
        <v>1</v>
      </c>
      <c r="Y1325">
        <v>1</v>
      </c>
      <c r="Z1325">
        <v>0</v>
      </c>
      <c r="AA1325">
        <v>0</v>
      </c>
      <c r="AB1325">
        <v>1.791759469228055</v>
      </c>
      <c r="AC1325">
        <v>1</v>
      </c>
      <c r="AD1325">
        <v>1</v>
      </c>
      <c r="AE1325">
        <v>0</v>
      </c>
      <c r="AF1325">
        <v>0</v>
      </c>
      <c r="AG1325">
        <v>1.6094379124341009</v>
      </c>
      <c r="AH1325">
        <v>-0.38073801680102359</v>
      </c>
      <c r="AI1325">
        <v>0.39835449726061689</v>
      </c>
      <c r="AJ1325">
        <v>-3.4354416429595191E-2</v>
      </c>
      <c r="AK1325">
        <v>0</v>
      </c>
      <c r="AL1325">
        <v>370.12625765070061</v>
      </c>
      <c r="AM1325">
        <v>298.5725261933643</v>
      </c>
      <c r="AN1325">
        <v>1141</v>
      </c>
      <c r="AO1325">
        <v>199.0100499974813</v>
      </c>
      <c r="AP1325">
        <v>253.74749030266051</v>
      </c>
      <c r="AQ1325">
        <v>3.5</v>
      </c>
      <c r="AR1325">
        <v>4.5</v>
      </c>
      <c r="AS1325">
        <v>8</v>
      </c>
      <c r="AT1325">
        <v>0</v>
      </c>
      <c r="AU1325">
        <v>0.29905063291139239</v>
      </c>
      <c r="AV1325">
        <v>-0.40764383878682492</v>
      </c>
      <c r="AW1325">
        <v>0.25</v>
      </c>
      <c r="AX1325">
        <v>134</v>
      </c>
      <c r="AY1325">
        <v>75</v>
      </c>
      <c r="AZ1325">
        <v>143</v>
      </c>
      <c r="BA1325">
        <v>0.62419063665762953</v>
      </c>
      <c r="BB1325">
        <v>0.5</v>
      </c>
      <c r="BC1325">
        <v>1.945910149055313</v>
      </c>
      <c r="BD1325" t="s">
        <v>5089</v>
      </c>
      <c r="BE1325" t="s">
        <v>68</v>
      </c>
    </row>
    <row r="1326" spans="1:57" x14ac:dyDescent="0.3">
      <c r="A1326" t="s">
        <v>5091</v>
      </c>
      <c r="B1326">
        <v>1145</v>
      </c>
      <c r="C1326" t="s">
        <v>5092</v>
      </c>
      <c r="D1326" t="s">
        <v>5093</v>
      </c>
      <c r="E1326" t="s">
        <v>128</v>
      </c>
      <c r="F1326">
        <v>32</v>
      </c>
      <c r="G1326">
        <v>128.65625</v>
      </c>
      <c r="H1326">
        <v>157</v>
      </c>
      <c r="I1326">
        <v>6716.1005859375</v>
      </c>
      <c r="J1326">
        <v>81.95181868596633</v>
      </c>
      <c r="K1326">
        <v>-0.1110763911249943</v>
      </c>
      <c r="L1326">
        <v>-1.486725335266418</v>
      </c>
      <c r="M1326">
        <v>4.9375</v>
      </c>
      <c r="N1326">
        <v>2</v>
      </c>
      <c r="O1326">
        <v>1</v>
      </c>
      <c r="P1326">
        <v>1</v>
      </c>
      <c r="Q1326">
        <v>0.1766846959694085</v>
      </c>
      <c r="R1326">
        <v>3.422414204014729</v>
      </c>
      <c r="S1326">
        <v>1</v>
      </c>
      <c r="T1326">
        <v>1</v>
      </c>
      <c r="U1326">
        <v>0</v>
      </c>
      <c r="V1326">
        <v>0</v>
      </c>
      <c r="W1326">
        <v>3.4339872044851458</v>
      </c>
      <c r="X1326">
        <v>1</v>
      </c>
      <c r="Y1326">
        <v>1</v>
      </c>
      <c r="Z1326">
        <v>0</v>
      </c>
      <c r="AA1326">
        <v>0</v>
      </c>
      <c r="AB1326">
        <v>3.401197381662155</v>
      </c>
      <c r="AC1326">
        <v>1</v>
      </c>
      <c r="AD1326">
        <v>1</v>
      </c>
      <c r="AE1326">
        <v>0</v>
      </c>
      <c r="AF1326">
        <v>0</v>
      </c>
      <c r="AG1326">
        <v>3.3672958299864728</v>
      </c>
      <c r="AH1326">
        <v>9.1918981823791851E-2</v>
      </c>
      <c r="AI1326">
        <v>0.15117406580530959</v>
      </c>
      <c r="AJ1326">
        <v>-0.18793804973530989</v>
      </c>
      <c r="AK1326">
        <v>0.1118031263636373</v>
      </c>
      <c r="AL1326">
        <v>538.30933907468375</v>
      </c>
      <c r="AM1326">
        <v>674.40051561737198</v>
      </c>
      <c r="AN1326">
        <v>4117</v>
      </c>
      <c r="AO1326">
        <v>112.28472268430809</v>
      </c>
      <c r="AP1326">
        <v>446.69058809733718</v>
      </c>
      <c r="AQ1326">
        <v>1.71875</v>
      </c>
      <c r="AR1326">
        <v>4.34375</v>
      </c>
      <c r="AS1326">
        <v>32</v>
      </c>
      <c r="AT1326">
        <v>0.93749999999999978</v>
      </c>
      <c r="AU1326">
        <v>0.15726626016260159</v>
      </c>
      <c r="AV1326">
        <v>9.2618358247348931E-2</v>
      </c>
      <c r="AW1326">
        <v>0.28125</v>
      </c>
      <c r="AX1326">
        <v>90.645161290322577</v>
      </c>
      <c r="AY1326">
        <v>76.5</v>
      </c>
      <c r="AZ1326">
        <v>140.75</v>
      </c>
      <c r="BA1326">
        <v>0.63698280251419059</v>
      </c>
      <c r="BB1326">
        <v>0.53125</v>
      </c>
      <c r="BC1326">
        <v>3.2382315403482398</v>
      </c>
      <c r="BD1326" t="s">
        <v>5094</v>
      </c>
      <c r="BE1326" t="s">
        <v>62</v>
      </c>
    </row>
    <row r="1327" spans="1:57" x14ac:dyDescent="0.3">
      <c r="A1327" t="s">
        <v>5095</v>
      </c>
      <c r="B1327">
        <v>1502</v>
      </c>
      <c r="C1327" t="s">
        <v>5096</v>
      </c>
      <c r="D1327" t="s">
        <v>5097</v>
      </c>
      <c r="E1327" t="s">
        <v>98</v>
      </c>
      <c r="F1327">
        <v>16</v>
      </c>
      <c r="G1327">
        <v>150.6875</v>
      </c>
      <c r="H1327">
        <v>145.5</v>
      </c>
      <c r="I1327">
        <v>4079.96484375</v>
      </c>
      <c r="J1327">
        <v>63.874602493870754</v>
      </c>
      <c r="K1327">
        <v>-0.40927975824679369</v>
      </c>
      <c r="L1327">
        <v>-0.18304101538393169</v>
      </c>
      <c r="M1327">
        <v>3.875</v>
      </c>
      <c r="N1327">
        <v>2</v>
      </c>
      <c r="O1327">
        <v>1</v>
      </c>
      <c r="P1327">
        <v>1</v>
      </c>
      <c r="Q1327">
        <v>0.24944382578492949</v>
      </c>
      <c r="R1327">
        <v>2.6859453246697882</v>
      </c>
      <c r="S1327">
        <v>1</v>
      </c>
      <c r="T1327">
        <v>1</v>
      </c>
      <c r="U1327">
        <v>0</v>
      </c>
      <c r="V1327">
        <v>0</v>
      </c>
      <c r="W1327">
        <v>2.7080502011022101</v>
      </c>
      <c r="X1327">
        <v>1</v>
      </c>
      <c r="Y1327">
        <v>1</v>
      </c>
      <c r="Z1327">
        <v>0</v>
      </c>
      <c r="AA1327">
        <v>0</v>
      </c>
      <c r="AB1327">
        <v>2.639057329615258</v>
      </c>
      <c r="AC1327">
        <v>1</v>
      </c>
      <c r="AD1327">
        <v>1</v>
      </c>
      <c r="AE1327">
        <v>0</v>
      </c>
      <c r="AF1327">
        <v>0</v>
      </c>
      <c r="AG1327">
        <v>2.5649493574615372</v>
      </c>
      <c r="AH1327">
        <v>0.19771390254013749</v>
      </c>
      <c r="AI1327">
        <v>0.26890155399240379</v>
      </c>
      <c r="AJ1327">
        <v>-0.14492102940148649</v>
      </c>
      <c r="AK1327">
        <v>-0.12407010343034899</v>
      </c>
      <c r="AL1327">
        <v>370.37171271432533</v>
      </c>
      <c r="AM1327">
        <v>539.82570744737347</v>
      </c>
      <c r="AN1327">
        <v>2411</v>
      </c>
      <c r="AO1327">
        <v>61.05768513799719</v>
      </c>
      <c r="AP1327">
        <v>242.0424926963245</v>
      </c>
      <c r="AQ1327">
        <v>2.3125</v>
      </c>
      <c r="AR1327">
        <v>4.0625</v>
      </c>
      <c r="AS1327">
        <v>16</v>
      </c>
      <c r="AT1327">
        <v>0.87499999999999989</v>
      </c>
      <c r="AU1327">
        <v>0.25892857142857151</v>
      </c>
      <c r="AV1327">
        <v>0.2013597901865736</v>
      </c>
      <c r="AW1327">
        <v>0.25</v>
      </c>
      <c r="AX1327">
        <v>72.333333333333329</v>
      </c>
      <c r="AY1327">
        <v>45.5</v>
      </c>
      <c r="AZ1327">
        <v>81.5</v>
      </c>
      <c r="BA1327">
        <v>0.42388786391618921</v>
      </c>
      <c r="BB1327">
        <v>0.5</v>
      </c>
      <c r="BC1327">
        <v>2.7080502011022101</v>
      </c>
      <c r="BD1327" t="s">
        <v>5096</v>
      </c>
      <c r="BE1327" t="s">
        <v>62</v>
      </c>
    </row>
    <row r="1328" spans="1:57" x14ac:dyDescent="0.3">
      <c r="A1328" t="s">
        <v>5098</v>
      </c>
      <c r="B1328">
        <v>2357</v>
      </c>
      <c r="C1328" t="s">
        <v>5099</v>
      </c>
      <c r="D1328" t="s">
        <v>5100</v>
      </c>
      <c r="E1328" t="s">
        <v>66</v>
      </c>
      <c r="F1328">
        <v>71</v>
      </c>
      <c r="G1328">
        <v>116.830985915493</v>
      </c>
      <c r="H1328">
        <v>104</v>
      </c>
      <c r="I1328">
        <v>5377.7460821265631</v>
      </c>
      <c r="J1328">
        <v>73.333117226302079</v>
      </c>
      <c r="K1328">
        <v>0.2080726806231511</v>
      </c>
      <c r="L1328">
        <v>-1.115872134023272</v>
      </c>
      <c r="M1328">
        <v>5.8855937744037847</v>
      </c>
      <c r="N1328">
        <v>3</v>
      </c>
      <c r="O1328">
        <v>1</v>
      </c>
      <c r="P1328">
        <v>2</v>
      </c>
      <c r="Q1328">
        <v>0.39540808619778262</v>
      </c>
      <c r="R1328">
        <v>4.079582730649153</v>
      </c>
      <c r="S1328">
        <v>1</v>
      </c>
      <c r="T1328">
        <v>1</v>
      </c>
      <c r="U1328">
        <v>0</v>
      </c>
      <c r="V1328">
        <v>0</v>
      </c>
      <c r="W1328">
        <v>4.2484952420493576</v>
      </c>
      <c r="X1328">
        <v>1</v>
      </c>
      <c r="Y1328">
        <v>1</v>
      </c>
      <c r="Z1328">
        <v>0</v>
      </c>
      <c r="AA1328">
        <v>0</v>
      </c>
      <c r="AB1328">
        <v>4.2341065045972579</v>
      </c>
      <c r="AC1328">
        <v>1</v>
      </c>
      <c r="AD1328">
        <v>1</v>
      </c>
      <c r="AE1328">
        <v>0</v>
      </c>
      <c r="AF1328">
        <v>0</v>
      </c>
      <c r="AG1328">
        <v>4.2195077051761087</v>
      </c>
      <c r="AH1328">
        <v>9.6057030189177203E-2</v>
      </c>
      <c r="AI1328">
        <v>4.9134188843799166E-3</v>
      </c>
      <c r="AJ1328">
        <v>5.4183040586228977E-2</v>
      </c>
      <c r="AK1328">
        <v>-4.6277479552901193E-2</v>
      </c>
      <c r="AL1328">
        <v>656.23834720749824</v>
      </c>
      <c r="AM1328">
        <v>959.31445921260411</v>
      </c>
      <c r="AN1328">
        <v>8295</v>
      </c>
      <c r="AO1328">
        <v>156.64021219730529</v>
      </c>
      <c r="AP1328">
        <v>530.92654194910199</v>
      </c>
      <c r="AQ1328">
        <v>1.323943661971831</v>
      </c>
      <c r="AR1328">
        <v>3.507042253521127</v>
      </c>
      <c r="AS1328">
        <v>71</v>
      </c>
      <c r="AT1328">
        <v>8.4647887323943607</v>
      </c>
      <c r="AU1328">
        <v>0.11876195444270569</v>
      </c>
      <c r="AV1328">
        <v>9.885874892877905E-2</v>
      </c>
      <c r="AW1328">
        <v>0.49295774647887319</v>
      </c>
      <c r="AX1328">
        <v>80.48571428571428</v>
      </c>
      <c r="AY1328">
        <v>61</v>
      </c>
      <c r="AZ1328">
        <v>123.5</v>
      </c>
      <c r="BA1328">
        <v>0.62768551212386348</v>
      </c>
      <c r="BB1328">
        <v>0.45070422535211269</v>
      </c>
      <c r="BC1328">
        <v>3.995894833178391</v>
      </c>
      <c r="BD1328" t="s">
        <v>5101</v>
      </c>
      <c r="BE1328" t="s">
        <v>68</v>
      </c>
    </row>
    <row r="1329" spans="1:57" x14ac:dyDescent="0.3">
      <c r="A1329" t="s">
        <v>5102</v>
      </c>
      <c r="B1329">
        <v>2225</v>
      </c>
      <c r="C1329" t="s">
        <v>5103</v>
      </c>
      <c r="D1329" t="s">
        <v>5104</v>
      </c>
      <c r="E1329" t="s">
        <v>10622</v>
      </c>
      <c r="F1329">
        <v>64</v>
      </c>
      <c r="G1329">
        <v>125.46875</v>
      </c>
      <c r="H1329">
        <v>133</v>
      </c>
      <c r="I1329">
        <v>5803.9677734375</v>
      </c>
      <c r="J1329">
        <v>76.183776313841918</v>
      </c>
      <c r="K1329">
        <v>2.9217753743088479E-2</v>
      </c>
      <c r="L1329">
        <v>-1.23066140355405</v>
      </c>
      <c r="M1329">
        <v>5.84375</v>
      </c>
      <c r="N1329">
        <v>2</v>
      </c>
      <c r="O1329">
        <v>1</v>
      </c>
      <c r="P1329">
        <v>1</v>
      </c>
      <c r="Q1329">
        <v>0.27850299534160988</v>
      </c>
      <c r="R1329">
        <v>4.0505788363971806</v>
      </c>
      <c r="S1329">
        <v>2</v>
      </c>
      <c r="T1329">
        <v>1</v>
      </c>
      <c r="U1329">
        <v>1</v>
      </c>
      <c r="V1329">
        <v>0.12597176896623641</v>
      </c>
      <c r="W1329">
        <v>4.1211300539928049</v>
      </c>
      <c r="X1329">
        <v>1</v>
      </c>
      <c r="Y1329">
        <v>1</v>
      </c>
      <c r="Z1329">
        <v>0</v>
      </c>
      <c r="AA1329">
        <v>0</v>
      </c>
      <c r="AB1329">
        <v>4.1271343850450908</v>
      </c>
      <c r="AC1329">
        <v>1</v>
      </c>
      <c r="AD1329">
        <v>1</v>
      </c>
      <c r="AE1329">
        <v>0</v>
      </c>
      <c r="AF1329">
        <v>0</v>
      </c>
      <c r="AG1329">
        <v>4.1108738641733096</v>
      </c>
      <c r="AH1329">
        <v>2.3734350032128811E-2</v>
      </c>
      <c r="AI1329">
        <v>-5.7386326543180058E-2</v>
      </c>
      <c r="AJ1329">
        <v>1.524304441432257E-2</v>
      </c>
      <c r="AK1329">
        <v>-0.17018019499557729</v>
      </c>
      <c r="AL1329">
        <v>677.29530082360645</v>
      </c>
      <c r="AM1329">
        <v>959.29092327732394</v>
      </c>
      <c r="AN1329">
        <v>8030</v>
      </c>
      <c r="AO1329">
        <v>153.75438398099911</v>
      </c>
      <c r="AP1329">
        <v>540.37989736426312</v>
      </c>
      <c r="AQ1329">
        <v>1.359375</v>
      </c>
      <c r="AR1329">
        <v>3.84375</v>
      </c>
      <c r="AS1329">
        <v>64</v>
      </c>
      <c r="AT1329">
        <v>4.2187499999999991</v>
      </c>
      <c r="AU1329">
        <v>8.4558823529411742E-2</v>
      </c>
      <c r="AV1329">
        <v>2.4101587271699459E-2</v>
      </c>
      <c r="AW1329">
        <v>0.3125</v>
      </c>
      <c r="AX1329">
        <v>87.841269841269835</v>
      </c>
      <c r="AY1329">
        <v>67</v>
      </c>
      <c r="AZ1329">
        <v>124.75</v>
      </c>
      <c r="BA1329">
        <v>0.60719323587619956</v>
      </c>
      <c r="BB1329">
        <v>0.515625</v>
      </c>
      <c r="BC1329">
        <v>3.89277780391402</v>
      </c>
      <c r="BD1329" t="s">
        <v>5105</v>
      </c>
      <c r="BE1329" t="s">
        <v>62</v>
      </c>
    </row>
    <row r="1330" spans="1:57" x14ac:dyDescent="0.3">
      <c r="A1330" t="s">
        <v>5106</v>
      </c>
      <c r="B1330">
        <v>1313</v>
      </c>
      <c r="C1330" t="s">
        <v>5107</v>
      </c>
      <c r="D1330" t="s">
        <v>5108</v>
      </c>
      <c r="E1330" t="s">
        <v>128</v>
      </c>
      <c r="F1330">
        <v>32</v>
      </c>
      <c r="G1330">
        <v>122.1875</v>
      </c>
      <c r="H1330">
        <v>120.5</v>
      </c>
      <c r="I1330">
        <v>6756.46484375</v>
      </c>
      <c r="J1330">
        <v>82.19771799600035</v>
      </c>
      <c r="K1330">
        <v>0.1076285419127553</v>
      </c>
      <c r="L1330">
        <v>-1.3881032105761899</v>
      </c>
      <c r="M1330">
        <v>5</v>
      </c>
      <c r="N1330">
        <v>1</v>
      </c>
      <c r="O1330">
        <v>1</v>
      </c>
      <c r="P1330">
        <v>0</v>
      </c>
      <c r="Q1330">
        <v>0</v>
      </c>
      <c r="R1330">
        <v>3.465735902799727</v>
      </c>
      <c r="S1330">
        <v>1</v>
      </c>
      <c r="T1330">
        <v>1</v>
      </c>
      <c r="U1330">
        <v>0</v>
      </c>
      <c r="V1330">
        <v>0</v>
      </c>
      <c r="W1330">
        <v>3.4339872044851458</v>
      </c>
      <c r="X1330">
        <v>1</v>
      </c>
      <c r="Y1330">
        <v>1</v>
      </c>
      <c r="Z1330">
        <v>0</v>
      </c>
      <c r="AA1330">
        <v>0</v>
      </c>
      <c r="AB1330">
        <v>3.401197381662155</v>
      </c>
      <c r="AC1330">
        <v>1</v>
      </c>
      <c r="AD1330">
        <v>1</v>
      </c>
      <c r="AE1330">
        <v>0</v>
      </c>
      <c r="AF1330">
        <v>0</v>
      </c>
      <c r="AG1330">
        <v>3.3672958299864728</v>
      </c>
      <c r="AH1330">
        <v>-0.14369066735851951</v>
      </c>
      <c r="AI1330">
        <v>-0.18392284154932631</v>
      </c>
      <c r="AJ1330">
        <v>-0.25629180747027591</v>
      </c>
      <c r="AK1330">
        <v>-0.1087189714133743</v>
      </c>
      <c r="AL1330">
        <v>530.49081191194193</v>
      </c>
      <c r="AM1330">
        <v>642.29237771984242</v>
      </c>
      <c r="AN1330">
        <v>3910</v>
      </c>
      <c r="AO1330">
        <v>176</v>
      </c>
      <c r="AP1330">
        <v>369.86091878866472</v>
      </c>
      <c r="AQ1330">
        <v>1.65625</v>
      </c>
      <c r="AR1330">
        <v>3.65625</v>
      </c>
      <c r="AS1330">
        <v>32</v>
      </c>
      <c r="AT1330">
        <v>0</v>
      </c>
      <c r="AU1330">
        <v>0.14338235294117649</v>
      </c>
      <c r="AV1330">
        <v>-0.14515035096903911</v>
      </c>
      <c r="AW1330">
        <v>0.3125</v>
      </c>
      <c r="AX1330">
        <v>104.9032258064516</v>
      </c>
      <c r="AY1330">
        <v>72.5</v>
      </c>
      <c r="AZ1330">
        <v>140.5</v>
      </c>
      <c r="BA1330">
        <v>0.67271789664245807</v>
      </c>
      <c r="BB1330">
        <v>0.5</v>
      </c>
      <c r="BC1330">
        <v>3.4339872044851458</v>
      </c>
      <c r="BD1330" t="s">
        <v>5109</v>
      </c>
      <c r="BE1330" t="s">
        <v>62</v>
      </c>
    </row>
    <row r="1331" spans="1:57" x14ac:dyDescent="0.3">
      <c r="A1331" t="s">
        <v>5110</v>
      </c>
      <c r="B1331">
        <v>1396</v>
      </c>
      <c r="C1331" t="s">
        <v>5111</v>
      </c>
      <c r="D1331" t="s">
        <v>5112</v>
      </c>
      <c r="E1331" t="s">
        <v>72</v>
      </c>
      <c r="F1331">
        <v>1416</v>
      </c>
      <c r="G1331">
        <v>125.9639830508475</v>
      </c>
      <c r="H1331">
        <v>124</v>
      </c>
      <c r="I1331">
        <v>5337.6519513669436</v>
      </c>
      <c r="J1331">
        <v>73.059235907357689</v>
      </c>
      <c r="K1331">
        <v>6.3073250741149972E-2</v>
      </c>
      <c r="L1331">
        <v>-1.175452165236774</v>
      </c>
      <c r="M1331">
        <v>7.8818586800644246</v>
      </c>
      <c r="N1331">
        <v>14</v>
      </c>
      <c r="O1331">
        <v>1</v>
      </c>
      <c r="P1331">
        <v>13</v>
      </c>
      <c r="Q1331">
        <v>2.1130255393046862</v>
      </c>
      <c r="R1331">
        <v>5.4632881216585938</v>
      </c>
      <c r="S1331">
        <v>2</v>
      </c>
      <c r="T1331">
        <v>1</v>
      </c>
      <c r="U1331">
        <v>1</v>
      </c>
      <c r="V1331">
        <v>0.1063294008965664</v>
      </c>
      <c r="W1331">
        <v>7.2392093968067224</v>
      </c>
      <c r="X1331">
        <v>1</v>
      </c>
      <c r="Y1331">
        <v>1</v>
      </c>
      <c r="Z1331">
        <v>0</v>
      </c>
      <c r="AA1331">
        <v>0</v>
      </c>
      <c r="AB1331">
        <v>7.2541778464565176</v>
      </c>
      <c r="AC1331">
        <v>1</v>
      </c>
      <c r="AD1331">
        <v>1</v>
      </c>
      <c r="AE1331">
        <v>0</v>
      </c>
      <c r="AF1331">
        <v>0</v>
      </c>
      <c r="AG1331">
        <v>7.2534703826845259</v>
      </c>
      <c r="AH1331">
        <v>-2.5566808174214379E-2</v>
      </c>
      <c r="AI1331">
        <v>5.5725922269328217E-2</v>
      </c>
      <c r="AJ1331">
        <v>-4.994009839935911E-2</v>
      </c>
      <c r="AK1331">
        <v>3.9820443443960478E-3</v>
      </c>
      <c r="AL1331">
        <v>2538.4117437036211</v>
      </c>
      <c r="AM1331">
        <v>4856.1452634190782</v>
      </c>
      <c r="AN1331">
        <v>178365</v>
      </c>
      <c r="AO1331">
        <v>62.270302885319389</v>
      </c>
      <c r="AP1331">
        <v>2254.269031367206</v>
      </c>
      <c r="AQ1331">
        <v>1.016242937853107</v>
      </c>
      <c r="AR1331">
        <v>4.0077683615819213</v>
      </c>
      <c r="AS1331">
        <v>1413</v>
      </c>
      <c r="AT1331">
        <v>203.42937853107341</v>
      </c>
      <c r="AU1331">
        <v>2.3936523762047131E-2</v>
      </c>
      <c r="AV1331">
        <v>-2.5585479393834019E-2</v>
      </c>
      <c r="AW1331">
        <v>0.38347457627118642</v>
      </c>
      <c r="AX1331">
        <v>86.385865724381631</v>
      </c>
      <c r="AY1331">
        <v>63</v>
      </c>
      <c r="AZ1331">
        <v>126</v>
      </c>
      <c r="BA1331">
        <v>0.58000099820490836</v>
      </c>
      <c r="BB1331">
        <v>0.49505649717514122</v>
      </c>
      <c r="BC1331">
        <v>5.2646002375613934</v>
      </c>
      <c r="BD1331" t="s">
        <v>5113</v>
      </c>
      <c r="BE1331" t="s">
        <v>68</v>
      </c>
    </row>
    <row r="1332" spans="1:57" x14ac:dyDescent="0.3">
      <c r="A1332" t="s">
        <v>5114</v>
      </c>
      <c r="B1332">
        <v>3969</v>
      </c>
      <c r="C1332" t="s">
        <v>5115</v>
      </c>
      <c r="D1332" t="s">
        <v>5116</v>
      </c>
      <c r="E1332" t="s">
        <v>66</v>
      </c>
      <c r="F1332">
        <v>71</v>
      </c>
      <c r="G1332">
        <v>118.0140845070423</v>
      </c>
      <c r="H1332">
        <v>114</v>
      </c>
      <c r="I1332">
        <v>6073.2251537393377</v>
      </c>
      <c r="J1332">
        <v>77.930899864811892</v>
      </c>
      <c r="K1332">
        <v>0.13119858959785091</v>
      </c>
      <c r="L1332">
        <v>-1.22962894195737</v>
      </c>
      <c r="M1332">
        <v>5.8117189504905964</v>
      </c>
      <c r="N1332">
        <v>2</v>
      </c>
      <c r="O1332">
        <v>1</v>
      </c>
      <c r="P1332">
        <v>1</v>
      </c>
      <c r="Q1332">
        <v>0.4025200707470481</v>
      </c>
      <c r="R1332">
        <v>4.0283766047393623</v>
      </c>
      <c r="S1332">
        <v>1</v>
      </c>
      <c r="T1332">
        <v>1</v>
      </c>
      <c r="U1332">
        <v>0</v>
      </c>
      <c r="V1332">
        <v>0</v>
      </c>
      <c r="W1332">
        <v>4.2484952420493576</v>
      </c>
      <c r="X1332">
        <v>1</v>
      </c>
      <c r="Y1332">
        <v>1</v>
      </c>
      <c r="Z1332">
        <v>0</v>
      </c>
      <c r="AA1332">
        <v>0</v>
      </c>
      <c r="AB1332">
        <v>4.2341065045972579</v>
      </c>
      <c r="AC1332">
        <v>1</v>
      </c>
      <c r="AD1332">
        <v>1</v>
      </c>
      <c r="AE1332">
        <v>0</v>
      </c>
      <c r="AF1332">
        <v>0</v>
      </c>
      <c r="AG1332">
        <v>4.2195077051761087</v>
      </c>
      <c r="AH1332">
        <v>2.8595666361920569E-2</v>
      </c>
      <c r="AI1332">
        <v>9.6641110624492127E-2</v>
      </c>
      <c r="AJ1332">
        <v>1.2980181875361251E-2</v>
      </c>
      <c r="AK1332">
        <v>-0.1050127943559494</v>
      </c>
      <c r="AL1332">
        <v>736.69354753940911</v>
      </c>
      <c r="AM1332">
        <v>936.65448112620504</v>
      </c>
      <c r="AN1332">
        <v>8379</v>
      </c>
      <c r="AO1332">
        <v>213.99771662365049</v>
      </c>
      <c r="AP1332">
        <v>604.13163570005588</v>
      </c>
      <c r="AQ1332">
        <v>1.323943661971831</v>
      </c>
      <c r="AR1332">
        <v>3.676056338028169</v>
      </c>
      <c r="AS1332">
        <v>70</v>
      </c>
      <c r="AT1332">
        <v>7.9436619718309869</v>
      </c>
      <c r="AU1332">
        <v>8.5129249391933892E-2</v>
      </c>
      <c r="AV1332">
        <v>2.872316313265599E-2</v>
      </c>
      <c r="AW1332">
        <v>0.42253521126760563</v>
      </c>
      <c r="AX1332">
        <v>86.185714285714283</v>
      </c>
      <c r="AY1332">
        <v>66</v>
      </c>
      <c r="AZ1332">
        <v>138</v>
      </c>
      <c r="BA1332">
        <v>0.66035253495663493</v>
      </c>
      <c r="BB1332">
        <v>0.47887323943661969</v>
      </c>
      <c r="BC1332">
        <v>3.9760906280195361</v>
      </c>
      <c r="BD1332" t="s">
        <v>5117</v>
      </c>
      <c r="BE1332" t="s">
        <v>68</v>
      </c>
    </row>
    <row r="1333" spans="1:57" x14ac:dyDescent="0.3">
      <c r="A1333" t="s">
        <v>5118</v>
      </c>
      <c r="B1333">
        <v>3874</v>
      </c>
      <c r="C1333" t="s">
        <v>5119</v>
      </c>
      <c r="D1333" t="s">
        <v>5120</v>
      </c>
      <c r="E1333" t="s">
        <v>115</v>
      </c>
      <c r="F1333">
        <v>4006</v>
      </c>
      <c r="G1333">
        <v>127.8362456315527</v>
      </c>
      <c r="H1333">
        <v>128</v>
      </c>
      <c r="I1333">
        <v>5455.8908080714682</v>
      </c>
      <c r="J1333">
        <v>73.864002112473358</v>
      </c>
      <c r="K1333">
        <v>-2.2862353624350872E-2</v>
      </c>
      <c r="L1333">
        <v>-1.193236250230975</v>
      </c>
      <c r="M1333">
        <v>7.9475603921174853</v>
      </c>
      <c r="N1333">
        <v>31</v>
      </c>
      <c r="O1333">
        <v>7</v>
      </c>
      <c r="P1333">
        <v>24</v>
      </c>
      <c r="Q1333">
        <v>4.2225026712358336</v>
      </c>
      <c r="R1333">
        <v>5.5088290781261406</v>
      </c>
      <c r="S1333">
        <v>3</v>
      </c>
      <c r="T1333">
        <v>1</v>
      </c>
      <c r="U1333">
        <v>2</v>
      </c>
      <c r="V1333">
        <v>0.18846662042262971</v>
      </c>
      <c r="W1333">
        <v>8.2495166483143976</v>
      </c>
      <c r="X1333">
        <v>1</v>
      </c>
      <c r="Y1333">
        <v>1</v>
      </c>
      <c r="Z1333">
        <v>0</v>
      </c>
      <c r="AA1333">
        <v>0</v>
      </c>
      <c r="AB1333">
        <v>8.2950491404351148</v>
      </c>
      <c r="AC1333">
        <v>1</v>
      </c>
      <c r="AD1333">
        <v>1</v>
      </c>
      <c r="AE1333">
        <v>0</v>
      </c>
      <c r="AF1333">
        <v>0</v>
      </c>
      <c r="AG1333">
        <v>8.2947993589925737</v>
      </c>
      <c r="AH1333">
        <v>-2.5761096465835919E-2</v>
      </c>
      <c r="AI1333">
        <v>-6.5152660825741927E-3</v>
      </c>
      <c r="AJ1333">
        <v>4.3167864598758366E-3</v>
      </c>
      <c r="AK1333">
        <v>1.3771395544461631E-2</v>
      </c>
      <c r="AL1333">
        <v>4271.4469107117329</v>
      </c>
      <c r="AM1333">
        <v>8311.2884253267985</v>
      </c>
      <c r="AN1333">
        <v>512112</v>
      </c>
      <c r="AO1333">
        <v>62.52230807412257</v>
      </c>
      <c r="AP1333">
        <v>3875.7002553175712</v>
      </c>
      <c r="AQ1333">
        <v>1.005741387918123</v>
      </c>
      <c r="AR1333">
        <v>4.0047428856714928</v>
      </c>
      <c r="AS1333">
        <v>3996</v>
      </c>
      <c r="AT1333">
        <v>291.68147778332502</v>
      </c>
      <c r="AU1333">
        <v>1.148962830264408E-2</v>
      </c>
      <c r="AV1333">
        <v>-2.5767740291179231E-2</v>
      </c>
      <c r="AW1333">
        <v>0.36270594108836751</v>
      </c>
      <c r="AX1333">
        <v>87.034456928838949</v>
      </c>
      <c r="AY1333">
        <v>63</v>
      </c>
      <c r="AZ1333">
        <v>127</v>
      </c>
      <c r="BA1333">
        <v>0.57780171615304521</v>
      </c>
      <c r="BB1333">
        <v>0.50174737893160259</v>
      </c>
      <c r="BC1333">
        <v>5.3339784148837968</v>
      </c>
      <c r="BD1333" t="s">
        <v>5121</v>
      </c>
      <c r="BE1333" t="s">
        <v>68</v>
      </c>
    </row>
    <row r="1334" spans="1:57" x14ac:dyDescent="0.3">
      <c r="A1334" t="s">
        <v>5122</v>
      </c>
      <c r="B1334">
        <v>2744</v>
      </c>
      <c r="C1334" t="s">
        <v>5123</v>
      </c>
      <c r="D1334" t="s">
        <v>5124</v>
      </c>
      <c r="E1334" t="s">
        <v>72</v>
      </c>
      <c r="F1334">
        <v>2760</v>
      </c>
      <c r="G1334">
        <v>128.15253623188411</v>
      </c>
      <c r="H1334">
        <v>128</v>
      </c>
      <c r="I1334">
        <v>5489.2481095095573</v>
      </c>
      <c r="J1334">
        <v>74.089460178284185</v>
      </c>
      <c r="K1334">
        <v>4.2381454013707843E-3</v>
      </c>
      <c r="L1334">
        <v>-1.187960902079964</v>
      </c>
      <c r="M1334">
        <v>7.9306795628806332</v>
      </c>
      <c r="N1334">
        <v>20</v>
      </c>
      <c r="O1334">
        <v>3</v>
      </c>
      <c r="P1334">
        <v>17</v>
      </c>
      <c r="Q1334">
        <v>3.29402275910474</v>
      </c>
      <c r="R1334">
        <v>5.4971281789350952</v>
      </c>
      <c r="S1334">
        <v>3</v>
      </c>
      <c r="T1334">
        <v>1</v>
      </c>
      <c r="U1334">
        <v>2</v>
      </c>
      <c r="V1334">
        <v>0.14375728304453431</v>
      </c>
      <c r="W1334">
        <v>7.8947984788909507</v>
      </c>
      <c r="X1334">
        <v>1</v>
      </c>
      <c r="Y1334">
        <v>1</v>
      </c>
      <c r="Z1334">
        <v>0</v>
      </c>
      <c r="AA1334">
        <v>0</v>
      </c>
      <c r="AB1334">
        <v>7.9222610583532456</v>
      </c>
      <c r="AC1334">
        <v>1</v>
      </c>
      <c r="AD1334">
        <v>1</v>
      </c>
      <c r="AE1334">
        <v>0</v>
      </c>
      <c r="AF1334">
        <v>0</v>
      </c>
      <c r="AG1334">
        <v>7.9218984110237951</v>
      </c>
      <c r="AH1334">
        <v>3.7823094256435531E-3</v>
      </c>
      <c r="AI1334">
        <v>1.991148385541389E-2</v>
      </c>
      <c r="AJ1334">
        <v>1.274078103237802E-2</v>
      </c>
      <c r="AK1334">
        <v>5.8248607266258518E-3</v>
      </c>
      <c r="AL1334">
        <v>3575.2751569278089</v>
      </c>
      <c r="AM1334">
        <v>6906.1865419531514</v>
      </c>
      <c r="AN1334">
        <v>353701</v>
      </c>
      <c r="AO1334">
        <v>69.668142014905342</v>
      </c>
      <c r="AP1334">
        <v>3252.64736808617</v>
      </c>
      <c r="AQ1334">
        <v>1.0083333333333331</v>
      </c>
      <c r="AR1334">
        <v>4.0275362318840582</v>
      </c>
      <c r="AS1334">
        <v>2750</v>
      </c>
      <c r="AT1334">
        <v>257.64637681159422</v>
      </c>
      <c r="AU1334">
        <v>1.2872975277067321E-2</v>
      </c>
      <c r="AV1334">
        <v>3.784321034602133E-3</v>
      </c>
      <c r="AW1334">
        <v>0.36920289855072458</v>
      </c>
      <c r="AX1334">
        <v>84.839434577745564</v>
      </c>
      <c r="AY1334">
        <v>64</v>
      </c>
      <c r="AZ1334">
        <v>127</v>
      </c>
      <c r="BA1334">
        <v>0.5781349504017923</v>
      </c>
      <c r="BB1334">
        <v>0.49927536231884062</v>
      </c>
      <c r="BC1334">
        <v>5.3033539129792331</v>
      </c>
      <c r="BD1334" t="s">
        <v>5125</v>
      </c>
      <c r="BE1334" t="s">
        <v>68</v>
      </c>
    </row>
    <row r="1335" spans="1:57" x14ac:dyDescent="0.3">
      <c r="A1335" t="s">
        <v>5126</v>
      </c>
      <c r="B1335">
        <v>1449</v>
      </c>
      <c r="C1335" t="s">
        <v>5127</v>
      </c>
      <c r="D1335" t="s">
        <v>5128</v>
      </c>
      <c r="E1335" t="s">
        <v>98</v>
      </c>
      <c r="F1335">
        <v>16</v>
      </c>
      <c r="G1335">
        <v>140.6875</v>
      </c>
      <c r="H1335">
        <v>127</v>
      </c>
      <c r="I1335">
        <v>3689.33984375</v>
      </c>
      <c r="J1335">
        <v>60.739936152007928</v>
      </c>
      <c r="K1335">
        <v>0.13085675059533389</v>
      </c>
      <c r="L1335">
        <v>-0.46243240244645317</v>
      </c>
      <c r="M1335">
        <v>4</v>
      </c>
      <c r="N1335">
        <v>1</v>
      </c>
      <c r="O1335">
        <v>1</v>
      </c>
      <c r="P1335">
        <v>0</v>
      </c>
      <c r="Q1335">
        <v>0</v>
      </c>
      <c r="R1335">
        <v>2.7725887222397811</v>
      </c>
      <c r="S1335">
        <v>1</v>
      </c>
      <c r="T1335">
        <v>1</v>
      </c>
      <c r="U1335">
        <v>0</v>
      </c>
      <c r="V1335">
        <v>0</v>
      </c>
      <c r="W1335">
        <v>2.7080502011022101</v>
      </c>
      <c r="X1335">
        <v>1</v>
      </c>
      <c r="Y1335">
        <v>1</v>
      </c>
      <c r="Z1335">
        <v>0</v>
      </c>
      <c r="AA1335">
        <v>0</v>
      </c>
      <c r="AB1335">
        <v>2.639057329615258</v>
      </c>
      <c r="AC1335">
        <v>1</v>
      </c>
      <c r="AD1335">
        <v>1</v>
      </c>
      <c r="AE1335">
        <v>0</v>
      </c>
      <c r="AF1335">
        <v>0</v>
      </c>
      <c r="AG1335">
        <v>2.5649493574615372</v>
      </c>
      <c r="AH1335">
        <v>-0.34679578568320257</v>
      </c>
      <c r="AI1335">
        <v>0.31091571366405107</v>
      </c>
      <c r="AJ1335">
        <v>-0.33761948487566062</v>
      </c>
      <c r="AK1335">
        <v>8.7272531395881925E-2</v>
      </c>
      <c r="AL1335">
        <v>353.53646420931278</v>
      </c>
      <c r="AM1335">
        <v>500.72843785267207</v>
      </c>
      <c r="AN1335">
        <v>2251</v>
      </c>
      <c r="AO1335">
        <v>80.612108179336403</v>
      </c>
      <c r="AP1335">
        <v>220.1132142171036</v>
      </c>
      <c r="AQ1335">
        <v>2.25</v>
      </c>
      <c r="AR1335">
        <v>4.1875</v>
      </c>
      <c r="AS1335">
        <v>16</v>
      </c>
      <c r="AT1335">
        <v>0</v>
      </c>
      <c r="AU1335">
        <v>0.17299999999999999</v>
      </c>
      <c r="AV1335">
        <v>-0.34900666488431309</v>
      </c>
      <c r="AW1335">
        <v>0.4375</v>
      </c>
      <c r="AX1335">
        <v>82.4</v>
      </c>
      <c r="AY1335">
        <v>40</v>
      </c>
      <c r="AZ1335">
        <v>65</v>
      </c>
      <c r="BA1335">
        <v>0.4317365519467467</v>
      </c>
      <c r="BB1335">
        <v>0.375</v>
      </c>
      <c r="BC1335">
        <v>2.615630577027551</v>
      </c>
      <c r="BD1335" t="s">
        <v>5127</v>
      </c>
      <c r="BE1335" t="s">
        <v>62</v>
      </c>
    </row>
    <row r="1336" spans="1:57" x14ac:dyDescent="0.3">
      <c r="A1336" t="s">
        <v>5129</v>
      </c>
      <c r="B1336">
        <v>675</v>
      </c>
      <c r="C1336" t="s">
        <v>5130</v>
      </c>
      <c r="D1336" t="s">
        <v>5131</v>
      </c>
      <c r="E1336" t="s">
        <v>72</v>
      </c>
      <c r="F1336">
        <v>680</v>
      </c>
      <c r="G1336">
        <v>119.60882352941179</v>
      </c>
      <c r="H1336">
        <v>117</v>
      </c>
      <c r="I1336">
        <v>5286.0205103806229</v>
      </c>
      <c r="J1336">
        <v>72.705023969328437</v>
      </c>
      <c r="K1336">
        <v>0.10398988717997321</v>
      </c>
      <c r="L1336">
        <v>-1.1719988534882271</v>
      </c>
      <c r="M1336">
        <v>7.6968869646886242</v>
      </c>
      <c r="N1336">
        <v>8</v>
      </c>
      <c r="O1336">
        <v>1</v>
      </c>
      <c r="P1336">
        <v>7</v>
      </c>
      <c r="Q1336">
        <v>1.413379725328336</v>
      </c>
      <c r="R1336">
        <v>5.3350754986625226</v>
      </c>
      <c r="S1336">
        <v>2</v>
      </c>
      <c r="T1336">
        <v>1</v>
      </c>
      <c r="U1336">
        <v>1</v>
      </c>
      <c r="V1336">
        <v>6.6469354848109383E-2</v>
      </c>
      <c r="W1336">
        <v>6.5144961156538947</v>
      </c>
      <c r="X1336">
        <v>1</v>
      </c>
      <c r="Y1336">
        <v>1</v>
      </c>
      <c r="Z1336">
        <v>0</v>
      </c>
      <c r="AA1336">
        <v>0</v>
      </c>
      <c r="AB1336">
        <v>6.5191472879403944</v>
      </c>
      <c r="AC1336">
        <v>1</v>
      </c>
      <c r="AD1336">
        <v>1</v>
      </c>
      <c r="AE1336">
        <v>0</v>
      </c>
      <c r="AF1336">
        <v>0</v>
      </c>
      <c r="AG1336">
        <v>6.517671272912275</v>
      </c>
      <c r="AH1336">
        <v>-4.7681376903229829E-2</v>
      </c>
      <c r="AI1336">
        <v>-7.4653137300530789E-2</v>
      </c>
      <c r="AJ1336">
        <v>9.0315641172428445E-3</v>
      </c>
      <c r="AK1336">
        <v>2.7658539317886009E-2</v>
      </c>
      <c r="AL1336">
        <v>1789.412149261206</v>
      </c>
      <c r="AM1336">
        <v>3181.3145333456732</v>
      </c>
      <c r="AN1336">
        <v>81334</v>
      </c>
      <c r="AO1336">
        <v>85.120569802654757</v>
      </c>
      <c r="AP1336">
        <v>1546.199195885757</v>
      </c>
      <c r="AQ1336">
        <v>1.033823529411765</v>
      </c>
      <c r="AR1336">
        <v>3.9411764705882359</v>
      </c>
      <c r="AS1336">
        <v>673</v>
      </c>
      <c r="AT1336">
        <v>159.4852941176471</v>
      </c>
      <c r="AU1336">
        <v>5.0625289485873193E-2</v>
      </c>
      <c r="AV1336">
        <v>-4.7686095182906667E-2</v>
      </c>
      <c r="AW1336">
        <v>0.3926470588235294</v>
      </c>
      <c r="AX1336">
        <v>86.048600883652426</v>
      </c>
      <c r="AY1336">
        <v>63</v>
      </c>
      <c r="AZ1336">
        <v>127</v>
      </c>
      <c r="BA1336">
        <v>0.60785669337722648</v>
      </c>
      <c r="BB1336">
        <v>0.48970588235294121</v>
      </c>
      <c r="BC1336">
        <v>5.1640748197212174</v>
      </c>
      <c r="BD1336" t="s">
        <v>5132</v>
      </c>
      <c r="BE1336" t="s">
        <v>68</v>
      </c>
    </row>
    <row r="1337" spans="1:57" x14ac:dyDescent="0.3">
      <c r="A1337" t="s">
        <v>5133</v>
      </c>
      <c r="B1337">
        <v>3568</v>
      </c>
      <c r="C1337" t="s">
        <v>5134</v>
      </c>
      <c r="D1337" t="s">
        <v>5135</v>
      </c>
      <c r="E1337" t="s">
        <v>72</v>
      </c>
      <c r="F1337">
        <v>3608</v>
      </c>
      <c r="G1337">
        <v>129.36003325942349</v>
      </c>
      <c r="H1337">
        <v>130</v>
      </c>
      <c r="I1337">
        <v>5440.4493671829296</v>
      </c>
      <c r="J1337">
        <v>73.759401890084021</v>
      </c>
      <c r="K1337">
        <v>-2.4988180608811809E-2</v>
      </c>
      <c r="L1337">
        <v>-1.2021984522526541</v>
      </c>
      <c r="M1337">
        <v>7.9536069232547248</v>
      </c>
      <c r="N1337">
        <v>23</v>
      </c>
      <c r="O1337">
        <v>6</v>
      </c>
      <c r="P1337">
        <v>17</v>
      </c>
      <c r="Q1337">
        <v>3.5431216374124102</v>
      </c>
      <c r="R1337">
        <v>5.5130202141360822</v>
      </c>
      <c r="S1337">
        <v>2</v>
      </c>
      <c r="T1337">
        <v>1</v>
      </c>
      <c r="U1337">
        <v>1</v>
      </c>
      <c r="V1337">
        <v>0.1470171916882313</v>
      </c>
      <c r="W1337">
        <v>8.1606535938041915</v>
      </c>
      <c r="X1337">
        <v>1</v>
      </c>
      <c r="Y1337">
        <v>1</v>
      </c>
      <c r="Z1337">
        <v>0</v>
      </c>
      <c r="AA1337">
        <v>0</v>
      </c>
      <c r="AB1337">
        <v>8.1903544037632638</v>
      </c>
      <c r="AC1337">
        <v>1</v>
      </c>
      <c r="AD1337">
        <v>1</v>
      </c>
      <c r="AE1337">
        <v>0</v>
      </c>
      <c r="AF1337">
        <v>0</v>
      </c>
      <c r="AG1337">
        <v>8.1900770497190507</v>
      </c>
      <c r="AH1337">
        <v>1.2627987297295629E-2</v>
      </c>
      <c r="AI1337">
        <v>6.7236287660812901E-3</v>
      </c>
      <c r="AJ1337">
        <v>2.4143672577551529E-3</v>
      </c>
      <c r="AK1337">
        <v>-1.446763954451241E-2</v>
      </c>
      <c r="AL1337">
        <v>4066.4631730745791</v>
      </c>
      <c r="AM1337">
        <v>7966.765734099894</v>
      </c>
      <c r="AN1337">
        <v>466731</v>
      </c>
      <c r="AO1337">
        <v>47.122590872880053</v>
      </c>
      <c r="AP1337">
        <v>3744.8803140401228</v>
      </c>
      <c r="AQ1337">
        <v>1.006374722838137</v>
      </c>
      <c r="AR1337">
        <v>4.0349223946784916</v>
      </c>
      <c r="AS1337">
        <v>3598</v>
      </c>
      <c r="AT1337">
        <v>228.02660753880269</v>
      </c>
      <c r="AU1337">
        <v>1.9155688883092051E-2</v>
      </c>
      <c r="AV1337">
        <v>1.2628484662050601E-2</v>
      </c>
      <c r="AW1337">
        <v>0.37250554323725049</v>
      </c>
      <c r="AX1337">
        <v>85.115885777654555</v>
      </c>
      <c r="AY1337">
        <v>64</v>
      </c>
      <c r="AZ1337">
        <v>128</v>
      </c>
      <c r="BA1337">
        <v>0.57018694284164351</v>
      </c>
      <c r="BB1337">
        <v>0.50027716186252769</v>
      </c>
      <c r="BC1337">
        <v>5.311333524789787</v>
      </c>
      <c r="BD1337" t="s">
        <v>5136</v>
      </c>
      <c r="BE1337" t="s">
        <v>68</v>
      </c>
    </row>
    <row r="1338" spans="1:57" x14ac:dyDescent="0.3">
      <c r="A1338" t="s">
        <v>5137</v>
      </c>
      <c r="B1338">
        <v>2412</v>
      </c>
      <c r="C1338" t="s">
        <v>5138</v>
      </c>
      <c r="D1338" t="s">
        <v>5139</v>
      </c>
      <c r="E1338" t="s">
        <v>85</v>
      </c>
      <c r="F1338">
        <v>8</v>
      </c>
      <c r="G1338">
        <v>114.75</v>
      </c>
      <c r="H1338">
        <v>102</v>
      </c>
      <c r="I1338">
        <v>5696.9375</v>
      </c>
      <c r="J1338">
        <v>75.47805972598924</v>
      </c>
      <c r="K1338">
        <v>0.37728270255361279</v>
      </c>
      <c r="L1338">
        <v>-1.397790351472411</v>
      </c>
      <c r="M1338">
        <v>3</v>
      </c>
      <c r="N1338">
        <v>1</v>
      </c>
      <c r="O1338">
        <v>1</v>
      </c>
      <c r="P1338">
        <v>0</v>
      </c>
      <c r="Q1338">
        <v>0</v>
      </c>
      <c r="R1338">
        <v>2.0794415416798362</v>
      </c>
      <c r="S1338">
        <v>1</v>
      </c>
      <c r="T1338">
        <v>1</v>
      </c>
      <c r="U1338">
        <v>0</v>
      </c>
      <c r="V1338">
        <v>0</v>
      </c>
      <c r="W1338">
        <v>1.945910149055313</v>
      </c>
      <c r="X1338">
        <v>1</v>
      </c>
      <c r="Y1338">
        <v>1</v>
      </c>
      <c r="Z1338">
        <v>0</v>
      </c>
      <c r="AA1338">
        <v>0</v>
      </c>
      <c r="AB1338">
        <v>1.791759469228055</v>
      </c>
      <c r="AC1338">
        <v>1</v>
      </c>
      <c r="AD1338">
        <v>1</v>
      </c>
      <c r="AE1338">
        <v>0</v>
      </c>
      <c r="AF1338">
        <v>0</v>
      </c>
      <c r="AG1338">
        <v>1.6094379124341009</v>
      </c>
      <c r="AH1338">
        <v>0.1478357341115292</v>
      </c>
      <c r="AI1338">
        <v>-0.2174989852003818</v>
      </c>
      <c r="AJ1338">
        <v>-1.7554662044300121E-2</v>
      </c>
      <c r="AK1338">
        <v>0</v>
      </c>
      <c r="AL1338">
        <v>306.5950944515838</v>
      </c>
      <c r="AM1338">
        <v>238.5695874545296</v>
      </c>
      <c r="AN1338">
        <v>918</v>
      </c>
      <c r="AO1338">
        <v>150.17692491048231</v>
      </c>
      <c r="AP1338">
        <v>221.66515150262941</v>
      </c>
      <c r="AQ1338">
        <v>3.5</v>
      </c>
      <c r="AR1338">
        <v>4.25</v>
      </c>
      <c r="AS1338">
        <v>8</v>
      </c>
      <c r="AT1338">
        <v>0</v>
      </c>
      <c r="AU1338">
        <v>0.35654008438818557</v>
      </c>
      <c r="AV1338">
        <v>0.17604901228304101</v>
      </c>
      <c r="AW1338">
        <v>0.375</v>
      </c>
      <c r="AX1338">
        <v>77</v>
      </c>
      <c r="AY1338">
        <v>57</v>
      </c>
      <c r="AZ1338">
        <v>118</v>
      </c>
      <c r="BA1338">
        <v>0.65776086907180165</v>
      </c>
      <c r="BB1338">
        <v>0.5</v>
      </c>
      <c r="BC1338">
        <v>1.945910149055313</v>
      </c>
      <c r="BD1338" t="s">
        <v>5138</v>
      </c>
      <c r="BE1338" t="s">
        <v>68</v>
      </c>
    </row>
    <row r="1339" spans="1:57" x14ac:dyDescent="0.3">
      <c r="A1339" t="s">
        <v>5140</v>
      </c>
      <c r="B1339">
        <v>2568</v>
      </c>
      <c r="C1339" t="s">
        <v>5141</v>
      </c>
      <c r="D1339" t="s">
        <v>5142</v>
      </c>
      <c r="E1339" t="s">
        <v>72</v>
      </c>
      <c r="F1339">
        <v>2584</v>
      </c>
      <c r="G1339">
        <v>127.2085913312693</v>
      </c>
      <c r="H1339">
        <v>126</v>
      </c>
      <c r="I1339">
        <v>5419.9444927524946</v>
      </c>
      <c r="J1339">
        <v>73.620272294745661</v>
      </c>
      <c r="K1339">
        <v>1.226802238733205E-2</v>
      </c>
      <c r="L1339">
        <v>-1.1954755974953191</v>
      </c>
      <c r="M1339">
        <v>7.9318170450126724</v>
      </c>
      <c r="N1339">
        <v>22</v>
      </c>
      <c r="O1339">
        <v>3</v>
      </c>
      <c r="P1339">
        <v>19</v>
      </c>
      <c r="Q1339">
        <v>3.107293587271728</v>
      </c>
      <c r="R1339">
        <v>5.497916621467839</v>
      </c>
      <c r="S1339">
        <v>3</v>
      </c>
      <c r="T1339">
        <v>1</v>
      </c>
      <c r="U1339">
        <v>2</v>
      </c>
      <c r="V1339">
        <v>0.1682414169813487</v>
      </c>
      <c r="W1339">
        <v>7.8201402167790288</v>
      </c>
      <c r="X1339">
        <v>1</v>
      </c>
      <c r="Y1339">
        <v>1</v>
      </c>
      <c r="Z1339">
        <v>0</v>
      </c>
      <c r="AA1339">
        <v>0</v>
      </c>
      <c r="AB1339">
        <v>7.8563195714065914</v>
      </c>
      <c r="AC1339">
        <v>1</v>
      </c>
      <c r="AD1339">
        <v>1</v>
      </c>
      <c r="AE1339">
        <v>0</v>
      </c>
      <c r="AF1339">
        <v>0</v>
      </c>
      <c r="AG1339">
        <v>7.8559321997186142</v>
      </c>
      <c r="AH1339">
        <v>-1.1533856445300311E-2</v>
      </c>
      <c r="AI1339">
        <v>-4.7316325277649812E-2</v>
      </c>
      <c r="AJ1339">
        <v>5.8017601916332271E-3</v>
      </c>
      <c r="AK1339">
        <v>1.2904088403424231E-2</v>
      </c>
      <c r="AL1339">
        <v>3424.5561662602122</v>
      </c>
      <c r="AM1339">
        <v>6640.173647136734</v>
      </c>
      <c r="AN1339">
        <v>328707</v>
      </c>
      <c r="AO1339">
        <v>162.51209426550031</v>
      </c>
      <c r="AP1339">
        <v>3050.4977552897062</v>
      </c>
      <c r="AQ1339">
        <v>1.0089009287925701</v>
      </c>
      <c r="AR1339">
        <v>3.984907120743034</v>
      </c>
      <c r="AS1339">
        <v>2573</v>
      </c>
      <c r="AT1339">
        <v>244.87925696594431</v>
      </c>
      <c r="AU1339">
        <v>1.132610939112488E-2</v>
      </c>
      <c r="AV1339">
        <v>-1.1540478509240381E-2</v>
      </c>
      <c r="AW1339">
        <v>0.37848297213622289</v>
      </c>
      <c r="AX1339">
        <v>85.288037166085942</v>
      </c>
      <c r="AY1339">
        <v>63</v>
      </c>
      <c r="AZ1339">
        <v>126.25</v>
      </c>
      <c r="BA1339">
        <v>0.57873663660835573</v>
      </c>
      <c r="BB1339">
        <v>0.4938080495356037</v>
      </c>
      <c r="BC1339">
        <v>5.2967062348283953</v>
      </c>
      <c r="BD1339" t="s">
        <v>5143</v>
      </c>
      <c r="BE1339" t="s">
        <v>68</v>
      </c>
    </row>
    <row r="1340" spans="1:57" x14ac:dyDescent="0.3">
      <c r="A1340" t="s">
        <v>5144</v>
      </c>
      <c r="B1340">
        <v>744</v>
      </c>
      <c r="C1340" t="s">
        <v>5145</v>
      </c>
      <c r="D1340" t="s">
        <v>5146</v>
      </c>
      <c r="E1340" t="s">
        <v>72</v>
      </c>
      <c r="F1340">
        <v>752</v>
      </c>
      <c r="G1340">
        <v>122.49069148936169</v>
      </c>
      <c r="H1340">
        <v>120</v>
      </c>
      <c r="I1340">
        <v>5569.1355516495014</v>
      </c>
      <c r="J1340">
        <v>74.626641031534447</v>
      </c>
      <c r="K1340">
        <v>7.1573784098727583E-2</v>
      </c>
      <c r="L1340">
        <v>-1.2014378800847429</v>
      </c>
      <c r="M1340">
        <v>7.7525222335758919</v>
      </c>
      <c r="N1340">
        <v>9</v>
      </c>
      <c r="O1340">
        <v>1</v>
      </c>
      <c r="P1340">
        <v>8</v>
      </c>
      <c r="Q1340">
        <v>1.5890929713760971</v>
      </c>
      <c r="R1340">
        <v>5.3736389284314257</v>
      </c>
      <c r="S1340">
        <v>2</v>
      </c>
      <c r="T1340">
        <v>1</v>
      </c>
      <c r="U1340">
        <v>1</v>
      </c>
      <c r="V1340">
        <v>8.1593446614119033E-2</v>
      </c>
      <c r="W1340">
        <v>6.6121759955649342</v>
      </c>
      <c r="X1340">
        <v>1</v>
      </c>
      <c r="Y1340">
        <v>1</v>
      </c>
      <c r="Z1340">
        <v>0</v>
      </c>
      <c r="AA1340">
        <v>0</v>
      </c>
      <c r="AB1340">
        <v>6.6200732065303551</v>
      </c>
      <c r="AC1340">
        <v>1</v>
      </c>
      <c r="AD1340">
        <v>1</v>
      </c>
      <c r="AE1340">
        <v>0</v>
      </c>
      <c r="AF1340">
        <v>0</v>
      </c>
      <c r="AG1340">
        <v>6.6187389835172183</v>
      </c>
      <c r="AH1340">
        <v>3.0239674405004691E-2</v>
      </c>
      <c r="AI1340">
        <v>-7.3038640657638307E-2</v>
      </c>
      <c r="AJ1340">
        <v>-4.9626984187483882E-2</v>
      </c>
      <c r="AK1340">
        <v>-9.9882098080241281E-3</v>
      </c>
      <c r="AL1340">
        <v>1957.1605324764801</v>
      </c>
      <c r="AM1340">
        <v>3411.8173529830669</v>
      </c>
      <c r="AN1340">
        <v>92113</v>
      </c>
      <c r="AO1340">
        <v>87.085056691779613</v>
      </c>
      <c r="AP1340">
        <v>1806.831278848387</v>
      </c>
      <c r="AQ1340">
        <v>1.030585106382979</v>
      </c>
      <c r="AR1340">
        <v>3.9481382978723398</v>
      </c>
      <c r="AS1340">
        <v>745</v>
      </c>
      <c r="AT1340">
        <v>203.21276595744681</v>
      </c>
      <c r="AU1340">
        <v>4.1557154776804328E-2</v>
      </c>
      <c r="AV1340">
        <v>3.027993979074213E-2</v>
      </c>
      <c r="AW1340">
        <v>0.38563829787234039</v>
      </c>
      <c r="AX1340">
        <v>84.617842876165113</v>
      </c>
      <c r="AY1340">
        <v>64</v>
      </c>
      <c r="AZ1340">
        <v>127.75</v>
      </c>
      <c r="BA1340">
        <v>0.60924336473368468</v>
      </c>
      <c r="BB1340">
        <v>0.48936170212765961</v>
      </c>
      <c r="BC1340">
        <v>5.1769138906930161</v>
      </c>
      <c r="BD1340" t="s">
        <v>5147</v>
      </c>
      <c r="BE1340" t="s">
        <v>62</v>
      </c>
    </row>
    <row r="1341" spans="1:57" x14ac:dyDescent="0.3">
      <c r="A1341" t="s">
        <v>5148</v>
      </c>
      <c r="B1341">
        <v>3216</v>
      </c>
      <c r="C1341" t="s">
        <v>5149</v>
      </c>
      <c r="D1341" t="s">
        <v>5150</v>
      </c>
      <c r="E1341" t="s">
        <v>98</v>
      </c>
      <c r="F1341">
        <v>16</v>
      </c>
      <c r="G1341">
        <v>116.3125</v>
      </c>
      <c r="H1341">
        <v>112</v>
      </c>
      <c r="I1341">
        <v>3782.46484375</v>
      </c>
      <c r="J1341">
        <v>61.501746672350698</v>
      </c>
      <c r="K1341">
        <v>-0.18779550295030711</v>
      </c>
      <c r="L1341">
        <v>-0.8510962579428023</v>
      </c>
      <c r="M1341">
        <v>4</v>
      </c>
      <c r="N1341">
        <v>1</v>
      </c>
      <c r="O1341">
        <v>1</v>
      </c>
      <c r="P1341">
        <v>0</v>
      </c>
      <c r="Q1341">
        <v>0</v>
      </c>
      <c r="R1341">
        <v>2.7725887222397811</v>
      </c>
      <c r="S1341">
        <v>1</v>
      </c>
      <c r="T1341">
        <v>1</v>
      </c>
      <c r="U1341">
        <v>0</v>
      </c>
      <c r="V1341">
        <v>0</v>
      </c>
      <c r="W1341">
        <v>2.7080502011022101</v>
      </c>
      <c r="X1341">
        <v>1</v>
      </c>
      <c r="Y1341">
        <v>1</v>
      </c>
      <c r="Z1341">
        <v>0</v>
      </c>
      <c r="AA1341">
        <v>0</v>
      </c>
      <c r="AB1341">
        <v>2.639057329615258</v>
      </c>
      <c r="AC1341">
        <v>1</v>
      </c>
      <c r="AD1341">
        <v>1</v>
      </c>
      <c r="AE1341">
        <v>0</v>
      </c>
      <c r="AF1341">
        <v>0</v>
      </c>
      <c r="AG1341">
        <v>2.5649493574615372</v>
      </c>
      <c r="AH1341">
        <v>0.23223369093194229</v>
      </c>
      <c r="AI1341">
        <v>4.6505590662504093E-2</v>
      </c>
      <c r="AJ1341">
        <v>9.7938769155777428E-2</v>
      </c>
      <c r="AK1341">
        <v>-0.20642399497682051</v>
      </c>
      <c r="AL1341">
        <v>341.00272231662149</v>
      </c>
      <c r="AM1341">
        <v>400.86674016766858</v>
      </c>
      <c r="AN1341">
        <v>1861</v>
      </c>
      <c r="AO1341">
        <v>127.2104968462788</v>
      </c>
      <c r="AP1341">
        <v>234.0656445365363</v>
      </c>
      <c r="AQ1341">
        <v>2.25</v>
      </c>
      <c r="AR1341">
        <v>4.125</v>
      </c>
      <c r="AS1341">
        <v>16</v>
      </c>
      <c r="AT1341">
        <v>0</v>
      </c>
      <c r="AU1341">
        <v>0.12584080717488791</v>
      </c>
      <c r="AV1341">
        <v>0.25007745591966352</v>
      </c>
      <c r="AW1341">
        <v>0.5</v>
      </c>
      <c r="AX1341">
        <v>58.466666666666669</v>
      </c>
      <c r="AY1341">
        <v>52.5</v>
      </c>
      <c r="AZ1341">
        <v>91.5</v>
      </c>
      <c r="BA1341">
        <v>0.52876300201913551</v>
      </c>
      <c r="BB1341">
        <v>0.4375</v>
      </c>
      <c r="BC1341">
        <v>2.7080502011022101</v>
      </c>
      <c r="BD1341" t="s">
        <v>5149</v>
      </c>
      <c r="BE1341" t="s">
        <v>62</v>
      </c>
    </row>
    <row r="1342" spans="1:57" x14ac:dyDescent="0.3">
      <c r="A1342" t="s">
        <v>5151</v>
      </c>
      <c r="B1342">
        <v>2184</v>
      </c>
      <c r="C1342" t="s">
        <v>5152</v>
      </c>
      <c r="D1342" t="s">
        <v>5153</v>
      </c>
      <c r="E1342" t="s">
        <v>115</v>
      </c>
      <c r="F1342">
        <v>2250</v>
      </c>
      <c r="G1342">
        <v>127.2808888888889</v>
      </c>
      <c r="H1342">
        <v>128</v>
      </c>
      <c r="I1342">
        <v>5433.0464347654324</v>
      </c>
      <c r="J1342">
        <v>73.709201832372543</v>
      </c>
      <c r="K1342">
        <v>4.4536525431924743E-3</v>
      </c>
      <c r="L1342">
        <v>-1.2089083745423881</v>
      </c>
      <c r="M1342">
        <v>7.9136646543519298</v>
      </c>
      <c r="N1342">
        <v>20</v>
      </c>
      <c r="O1342">
        <v>2</v>
      </c>
      <c r="P1342">
        <v>18</v>
      </c>
      <c r="Q1342">
        <v>3.000396702286841</v>
      </c>
      <c r="R1342">
        <v>5.4853343430609378</v>
      </c>
      <c r="S1342">
        <v>2</v>
      </c>
      <c r="T1342">
        <v>1</v>
      </c>
      <c r="U1342">
        <v>1</v>
      </c>
      <c r="V1342">
        <v>0.14756914614024841</v>
      </c>
      <c r="W1342">
        <v>7.6880371175018336</v>
      </c>
      <c r="X1342">
        <v>2</v>
      </c>
      <c r="Y1342">
        <v>1</v>
      </c>
      <c r="Z1342">
        <v>1</v>
      </c>
      <c r="AA1342">
        <v>2.109122494182961E-2</v>
      </c>
      <c r="AB1342">
        <v>7.717179532027318</v>
      </c>
      <c r="AC1342">
        <v>1</v>
      </c>
      <c r="AD1342">
        <v>1</v>
      </c>
      <c r="AE1342">
        <v>0</v>
      </c>
      <c r="AF1342">
        <v>0</v>
      </c>
      <c r="AG1342">
        <v>7.7173512721853301</v>
      </c>
      <c r="AH1342">
        <v>1.855657957023394E-3</v>
      </c>
      <c r="AI1342">
        <v>-3.926462196492974E-2</v>
      </c>
      <c r="AJ1342">
        <v>-3.5098326644339643E-2</v>
      </c>
      <c r="AK1342">
        <v>-9.3111300495897966E-3</v>
      </c>
      <c r="AL1342">
        <v>3242.511183162168</v>
      </c>
      <c r="AM1342">
        <v>6177.4939277241119</v>
      </c>
      <c r="AN1342">
        <v>286382</v>
      </c>
      <c r="AO1342">
        <v>66.187899558392331</v>
      </c>
      <c r="AP1342">
        <v>2904.340163358233</v>
      </c>
      <c r="AQ1342">
        <v>1.0102222222222219</v>
      </c>
      <c r="AR1342">
        <v>3.9697777777777778</v>
      </c>
      <c r="AS1342">
        <v>2242</v>
      </c>
      <c r="AT1342">
        <v>262.21333333333342</v>
      </c>
      <c r="AU1342">
        <v>1.252287581699346E-2</v>
      </c>
      <c r="AV1342">
        <v>1.856311391506959E-3</v>
      </c>
      <c r="AW1342">
        <v>0.37911111111111112</v>
      </c>
      <c r="AX1342">
        <v>84.737661182747885</v>
      </c>
      <c r="AY1342">
        <v>64</v>
      </c>
      <c r="AZ1342">
        <v>127.75</v>
      </c>
      <c r="BA1342">
        <v>0.57910659232367334</v>
      </c>
      <c r="BB1342">
        <v>0.50222222222222224</v>
      </c>
      <c r="BC1342">
        <v>5.2980916844896848</v>
      </c>
      <c r="BD1342" t="s">
        <v>5154</v>
      </c>
      <c r="BE1342" t="s">
        <v>68</v>
      </c>
    </row>
    <row r="1343" spans="1:57" x14ac:dyDescent="0.3">
      <c r="A1343" t="s">
        <v>5155</v>
      </c>
      <c r="B1343">
        <v>899</v>
      </c>
      <c r="C1343" t="s">
        <v>5156</v>
      </c>
      <c r="D1343" t="s">
        <v>5157</v>
      </c>
      <c r="E1343" t="s">
        <v>93</v>
      </c>
      <c r="F1343">
        <v>899</v>
      </c>
      <c r="G1343">
        <v>127.5406006674082</v>
      </c>
      <c r="H1343">
        <v>125</v>
      </c>
      <c r="I1343">
        <v>5460.3862826202894</v>
      </c>
      <c r="J1343">
        <v>73.894426600524397</v>
      </c>
      <c r="K1343">
        <v>2.3341871699930621E-2</v>
      </c>
      <c r="L1343">
        <v>-1.209897740037954</v>
      </c>
      <c r="M1343">
        <v>7.746817322654624</v>
      </c>
      <c r="N1343">
        <v>10</v>
      </c>
      <c r="O1343">
        <v>1</v>
      </c>
      <c r="P1343">
        <v>9</v>
      </c>
      <c r="Q1343">
        <v>1.889033081304516</v>
      </c>
      <c r="R1343">
        <v>5.3696845855109796</v>
      </c>
      <c r="S1343">
        <v>2</v>
      </c>
      <c r="T1343">
        <v>1</v>
      </c>
      <c r="U1343">
        <v>1</v>
      </c>
      <c r="V1343">
        <v>6.6740196376627717E-2</v>
      </c>
      <c r="W1343">
        <v>6.7939950377404204</v>
      </c>
      <c r="X1343">
        <v>1</v>
      </c>
      <c r="Y1343">
        <v>1</v>
      </c>
      <c r="Z1343">
        <v>0</v>
      </c>
      <c r="AA1343">
        <v>0</v>
      </c>
      <c r="AB1343">
        <v>6.7990558620587969</v>
      </c>
      <c r="AC1343">
        <v>1</v>
      </c>
      <c r="AD1343">
        <v>1</v>
      </c>
      <c r="AE1343">
        <v>0</v>
      </c>
      <c r="AF1343">
        <v>0</v>
      </c>
      <c r="AG1343">
        <v>6.7979404129749286</v>
      </c>
      <c r="AH1343">
        <v>2.2823639709377092E-2</v>
      </c>
      <c r="AI1343">
        <v>-2.7330151870929732E-2</v>
      </c>
      <c r="AJ1343">
        <v>-1.8877097043363589E-2</v>
      </c>
      <c r="AK1343">
        <v>-4.879453131528054E-2</v>
      </c>
      <c r="AL1343">
        <v>2110.46863994774</v>
      </c>
      <c r="AM1343">
        <v>3883.1027696672072</v>
      </c>
      <c r="AN1343">
        <v>114659</v>
      </c>
      <c r="AO1343">
        <v>83.214125149262955</v>
      </c>
      <c r="AP1343">
        <v>1880.9880450935691</v>
      </c>
      <c r="AQ1343">
        <v>1.0255839822024471</v>
      </c>
      <c r="AR1343">
        <v>3.9988876529477202</v>
      </c>
      <c r="AS1343">
        <v>896</v>
      </c>
      <c r="AT1343">
        <v>236.31924360400441</v>
      </c>
      <c r="AU1343">
        <v>1.8033108682850241E-2</v>
      </c>
      <c r="AV1343">
        <v>2.286319369385701E-2</v>
      </c>
      <c r="AW1343">
        <v>0.39043381535038929</v>
      </c>
      <c r="AX1343">
        <v>85.185968819599111</v>
      </c>
      <c r="AY1343">
        <v>65</v>
      </c>
      <c r="AZ1343">
        <v>129.5</v>
      </c>
      <c r="BA1343">
        <v>0.57937963451513996</v>
      </c>
      <c r="BB1343">
        <v>0.48943270300333702</v>
      </c>
      <c r="BC1343">
        <v>5.1972968606435916</v>
      </c>
      <c r="BD1343" t="s">
        <v>5158</v>
      </c>
      <c r="BE1343" t="s">
        <v>68</v>
      </c>
    </row>
    <row r="1344" spans="1:57" x14ac:dyDescent="0.3">
      <c r="A1344" t="s">
        <v>5159</v>
      </c>
      <c r="B1344">
        <v>954</v>
      </c>
      <c r="C1344" t="s">
        <v>5160</v>
      </c>
      <c r="D1344" t="s">
        <v>5161</v>
      </c>
      <c r="E1344" t="s">
        <v>106</v>
      </c>
      <c r="F1344">
        <v>970</v>
      </c>
      <c r="G1344">
        <v>127.3061855670103</v>
      </c>
      <c r="H1344">
        <v>126</v>
      </c>
      <c r="I1344">
        <v>5275.1815081305131</v>
      </c>
      <c r="J1344">
        <v>72.630444774423026</v>
      </c>
      <c r="K1344">
        <v>1.100506844029424E-2</v>
      </c>
      <c r="L1344">
        <v>-1.18794619145864</v>
      </c>
      <c r="M1344">
        <v>7.8010024733712848</v>
      </c>
      <c r="N1344">
        <v>11</v>
      </c>
      <c r="O1344">
        <v>1</v>
      </c>
      <c r="P1344">
        <v>10</v>
      </c>
      <c r="Q1344">
        <v>1.896393654790044</v>
      </c>
      <c r="R1344">
        <v>5.4072428699584574</v>
      </c>
      <c r="S1344">
        <v>2</v>
      </c>
      <c r="T1344">
        <v>1</v>
      </c>
      <c r="U1344">
        <v>1</v>
      </c>
      <c r="V1344">
        <v>0.1015814713489681</v>
      </c>
      <c r="W1344">
        <v>6.8619581685355566</v>
      </c>
      <c r="X1344">
        <v>1</v>
      </c>
      <c r="Y1344">
        <v>1</v>
      </c>
      <c r="Z1344">
        <v>0</v>
      </c>
      <c r="AA1344">
        <v>0</v>
      </c>
      <c r="AB1344">
        <v>6.8752320872765758</v>
      </c>
      <c r="AC1344">
        <v>1</v>
      </c>
      <c r="AD1344">
        <v>1</v>
      </c>
      <c r="AE1344">
        <v>0</v>
      </c>
      <c r="AF1344">
        <v>0</v>
      </c>
      <c r="AG1344">
        <v>6.874198495453296</v>
      </c>
      <c r="AH1344">
        <v>1.561625006693378E-2</v>
      </c>
      <c r="AI1344">
        <v>-2.2132692159906809E-2</v>
      </c>
      <c r="AJ1344">
        <v>-1.059986056121129E-2</v>
      </c>
      <c r="AK1344">
        <v>5.9460971435477128E-2</v>
      </c>
      <c r="AL1344">
        <v>2130.7627996151682</v>
      </c>
      <c r="AM1344">
        <v>4037.0081609746749</v>
      </c>
      <c r="AN1344">
        <v>123487</v>
      </c>
      <c r="AO1344">
        <v>118.7288448279737</v>
      </c>
      <c r="AP1344">
        <v>1876.23557673448</v>
      </c>
      <c r="AQ1344">
        <v>1.023711340206185</v>
      </c>
      <c r="AR1344">
        <v>4.0453608247422679</v>
      </c>
      <c r="AS1344">
        <v>964</v>
      </c>
      <c r="AT1344">
        <v>235.44329896907209</v>
      </c>
      <c r="AU1344">
        <v>1.8940772185162769E-2</v>
      </c>
      <c r="AV1344">
        <v>1.563831109633507E-2</v>
      </c>
      <c r="AW1344">
        <v>0.38762886597938151</v>
      </c>
      <c r="AX1344">
        <v>82.428276573787414</v>
      </c>
      <c r="AY1344">
        <v>63</v>
      </c>
      <c r="AZ1344">
        <v>126</v>
      </c>
      <c r="BA1344">
        <v>0.57051779888725407</v>
      </c>
      <c r="BB1344">
        <v>0.49381443298969069</v>
      </c>
      <c r="BC1344">
        <v>5.193500190528014</v>
      </c>
      <c r="BD1344" t="s">
        <v>5162</v>
      </c>
      <c r="BE1344" t="s">
        <v>68</v>
      </c>
    </row>
    <row r="1345" spans="1:57" x14ac:dyDescent="0.3">
      <c r="A1345" t="s">
        <v>5163</v>
      </c>
      <c r="B1345">
        <v>2179</v>
      </c>
      <c r="C1345" t="s">
        <v>5164</v>
      </c>
      <c r="D1345" t="s">
        <v>5165</v>
      </c>
      <c r="E1345" t="s">
        <v>10622</v>
      </c>
      <c r="F1345">
        <v>64</v>
      </c>
      <c r="G1345">
        <v>129.59375</v>
      </c>
      <c r="H1345">
        <v>142</v>
      </c>
      <c r="I1345">
        <v>4724.4287109375</v>
      </c>
      <c r="J1345">
        <v>68.734479782257026</v>
      </c>
      <c r="K1345">
        <v>-0.12281083673823739</v>
      </c>
      <c r="L1345">
        <v>-1.0897461130609669</v>
      </c>
      <c r="M1345">
        <v>5.875</v>
      </c>
      <c r="N1345">
        <v>2</v>
      </c>
      <c r="O1345">
        <v>1</v>
      </c>
      <c r="P1345">
        <v>1</v>
      </c>
      <c r="Q1345">
        <v>0.24944382578492941</v>
      </c>
      <c r="R1345">
        <v>4.072239685789679</v>
      </c>
      <c r="S1345">
        <v>1</v>
      </c>
      <c r="T1345">
        <v>1</v>
      </c>
      <c r="U1345">
        <v>0</v>
      </c>
      <c r="V1345">
        <v>0</v>
      </c>
      <c r="W1345">
        <v>4.1431347263915326</v>
      </c>
      <c r="X1345">
        <v>1</v>
      </c>
      <c r="Y1345">
        <v>1</v>
      </c>
      <c r="Z1345">
        <v>0</v>
      </c>
      <c r="AA1345">
        <v>0</v>
      </c>
      <c r="AB1345">
        <v>4.1271343850450908</v>
      </c>
      <c r="AC1345">
        <v>1</v>
      </c>
      <c r="AD1345">
        <v>1</v>
      </c>
      <c r="AE1345">
        <v>0</v>
      </c>
      <c r="AF1345">
        <v>0</v>
      </c>
      <c r="AG1345">
        <v>4.1108738641733096</v>
      </c>
      <c r="AH1345">
        <v>-3.509056064049576E-2</v>
      </c>
      <c r="AI1345">
        <v>-0.1076600244635233</v>
      </c>
      <c r="AJ1345">
        <v>-0.22724705329265379</v>
      </c>
      <c r="AK1345">
        <v>0.17090527309332831</v>
      </c>
      <c r="AL1345">
        <v>599.91729470917016</v>
      </c>
      <c r="AM1345">
        <v>1008.6194721047329</v>
      </c>
      <c r="AN1345">
        <v>8294</v>
      </c>
      <c r="AO1345">
        <v>60.223381539538117</v>
      </c>
      <c r="AP1345">
        <v>477.19766131292698</v>
      </c>
      <c r="AQ1345">
        <v>1.359375</v>
      </c>
      <c r="AR1345">
        <v>4.328125</v>
      </c>
      <c r="AS1345">
        <v>64</v>
      </c>
      <c r="AT1345">
        <v>3.5000000000000009</v>
      </c>
      <c r="AU1345">
        <v>8.7851405622489942E-2</v>
      </c>
      <c r="AV1345">
        <v>-3.5459969561408129E-2</v>
      </c>
      <c r="AW1345">
        <v>0.375</v>
      </c>
      <c r="AX1345">
        <v>84.634920634920633</v>
      </c>
      <c r="AY1345">
        <v>52.5</v>
      </c>
      <c r="AZ1345">
        <v>118.75</v>
      </c>
      <c r="BA1345">
        <v>0.53038421823781645</v>
      </c>
      <c r="BB1345">
        <v>0.53125</v>
      </c>
      <c r="BC1345">
        <v>4.0111066919991618</v>
      </c>
      <c r="BD1345" t="s">
        <v>5166</v>
      </c>
      <c r="BE1345" t="s">
        <v>62</v>
      </c>
    </row>
    <row r="1346" spans="1:57" x14ac:dyDescent="0.3">
      <c r="A1346" t="s">
        <v>5167</v>
      </c>
      <c r="B1346">
        <v>3266</v>
      </c>
      <c r="C1346" t="s">
        <v>5168</v>
      </c>
      <c r="D1346" t="s">
        <v>5169</v>
      </c>
      <c r="E1346" t="s">
        <v>115</v>
      </c>
      <c r="F1346">
        <v>3360</v>
      </c>
      <c r="G1346">
        <v>125.74375000000001</v>
      </c>
      <c r="H1346">
        <v>123</v>
      </c>
      <c r="I1346">
        <v>5499.5893954613102</v>
      </c>
      <c r="J1346">
        <v>74.159216524052553</v>
      </c>
      <c r="K1346">
        <v>4.6516673375580728E-2</v>
      </c>
      <c r="L1346">
        <v>-1.203620352643171</v>
      </c>
      <c r="M1346">
        <v>7.946870959301096</v>
      </c>
      <c r="N1346">
        <v>27</v>
      </c>
      <c r="O1346">
        <v>4</v>
      </c>
      <c r="P1346">
        <v>23</v>
      </c>
      <c r="Q1346">
        <v>3.5355339059327382</v>
      </c>
      <c r="R1346">
        <v>5.5083511997132621</v>
      </c>
      <c r="S1346">
        <v>3</v>
      </c>
      <c r="T1346">
        <v>1</v>
      </c>
      <c r="U1346">
        <v>2</v>
      </c>
      <c r="V1346">
        <v>0.16000524436367619</v>
      </c>
      <c r="W1346">
        <v>8.0845751378475335</v>
      </c>
      <c r="X1346">
        <v>1</v>
      </c>
      <c r="Y1346">
        <v>1</v>
      </c>
      <c r="Z1346">
        <v>0</v>
      </c>
      <c r="AA1346">
        <v>0</v>
      </c>
      <c r="AB1346">
        <v>8.119100837637486</v>
      </c>
      <c r="AC1346">
        <v>1</v>
      </c>
      <c r="AD1346">
        <v>1</v>
      </c>
      <c r="AE1346">
        <v>0</v>
      </c>
      <c r="AF1346">
        <v>0</v>
      </c>
      <c r="AG1346">
        <v>8.1188029969800333</v>
      </c>
      <c r="AH1346">
        <v>-1.812678937765963E-2</v>
      </c>
      <c r="AI1346">
        <v>6.5755078029180007E-3</v>
      </c>
      <c r="AJ1346">
        <v>-1.3619100657855879E-2</v>
      </c>
      <c r="AK1346">
        <v>7.4562160587771429E-5</v>
      </c>
      <c r="AL1346">
        <v>3947.2950027082989</v>
      </c>
      <c r="AM1346">
        <v>7484.9242589083069</v>
      </c>
      <c r="AN1346">
        <v>422499</v>
      </c>
      <c r="AO1346">
        <v>49.504021370944749</v>
      </c>
      <c r="AP1346">
        <v>3626.7119061235621</v>
      </c>
      <c r="AQ1346">
        <v>1.006845238095238</v>
      </c>
      <c r="AR1346">
        <v>3.9934523809523812</v>
      </c>
      <c r="AS1346">
        <v>3347</v>
      </c>
      <c r="AT1346">
        <v>243.8095238095238</v>
      </c>
      <c r="AU1346">
        <v>2.0868347338935559E-2</v>
      </c>
      <c r="AV1346">
        <v>-1.8135122749434612E-2</v>
      </c>
      <c r="AW1346">
        <v>0.38482142857142859</v>
      </c>
      <c r="AX1346">
        <v>86.74188746650789</v>
      </c>
      <c r="AY1346">
        <v>64</v>
      </c>
      <c r="AZ1346">
        <v>130</v>
      </c>
      <c r="BA1346">
        <v>0.58976463262828216</v>
      </c>
      <c r="BB1346">
        <v>0.48988095238095242</v>
      </c>
      <c r="BC1346">
        <v>5.3293385890045357</v>
      </c>
      <c r="BD1346" t="s">
        <v>5170</v>
      </c>
      <c r="BE1346" t="s">
        <v>62</v>
      </c>
    </row>
    <row r="1347" spans="1:57" x14ac:dyDescent="0.3">
      <c r="A1347" t="s">
        <v>5171</v>
      </c>
      <c r="B1347">
        <v>568</v>
      </c>
      <c r="C1347" t="s">
        <v>5172</v>
      </c>
      <c r="D1347" t="s">
        <v>5173</v>
      </c>
      <c r="E1347" t="s">
        <v>10622</v>
      </c>
      <c r="F1347">
        <v>64</v>
      </c>
      <c r="G1347">
        <v>130.78125</v>
      </c>
      <c r="H1347">
        <v>136.5</v>
      </c>
      <c r="I1347">
        <v>4605.6396484375</v>
      </c>
      <c r="J1347">
        <v>67.864863135775195</v>
      </c>
      <c r="K1347">
        <v>-9.389776303130877E-2</v>
      </c>
      <c r="L1347">
        <v>-0.89602490253475953</v>
      </c>
      <c r="M1347">
        <v>5.75</v>
      </c>
      <c r="N1347">
        <v>2</v>
      </c>
      <c r="O1347">
        <v>1</v>
      </c>
      <c r="P1347">
        <v>1</v>
      </c>
      <c r="Q1347">
        <v>0.3499271061118826</v>
      </c>
      <c r="R1347">
        <v>3.985596288219686</v>
      </c>
      <c r="S1347">
        <v>1</v>
      </c>
      <c r="T1347">
        <v>1</v>
      </c>
      <c r="U1347">
        <v>0</v>
      </c>
      <c r="V1347">
        <v>0</v>
      </c>
      <c r="W1347">
        <v>4.1431347263915326</v>
      </c>
      <c r="X1347">
        <v>1</v>
      </c>
      <c r="Y1347">
        <v>1</v>
      </c>
      <c r="Z1347">
        <v>0</v>
      </c>
      <c r="AA1347">
        <v>0</v>
      </c>
      <c r="AB1347">
        <v>4.1271343850450908</v>
      </c>
      <c r="AC1347">
        <v>1</v>
      </c>
      <c r="AD1347">
        <v>1</v>
      </c>
      <c r="AE1347">
        <v>0</v>
      </c>
      <c r="AF1347">
        <v>0</v>
      </c>
      <c r="AG1347">
        <v>4.1108738641733096</v>
      </c>
      <c r="AH1347">
        <v>-3.3171005237295062E-2</v>
      </c>
      <c r="AI1347">
        <v>-4.519150185266662E-2</v>
      </c>
      <c r="AJ1347">
        <v>4.9975493249296302E-2</v>
      </c>
      <c r="AK1347">
        <v>-0.1186657951093842</v>
      </c>
      <c r="AL1347">
        <v>622.51700331037125</v>
      </c>
      <c r="AM1347">
        <v>1000.935852384894</v>
      </c>
      <c r="AN1347">
        <v>8370</v>
      </c>
      <c r="AO1347">
        <v>22.403499019917021</v>
      </c>
      <c r="AP1347">
        <v>470.72173810780612</v>
      </c>
      <c r="AQ1347">
        <v>1.359375</v>
      </c>
      <c r="AR1347">
        <v>4.046875</v>
      </c>
      <c r="AS1347">
        <v>64</v>
      </c>
      <c r="AT1347">
        <v>6</v>
      </c>
      <c r="AU1347">
        <v>9.381225099601595E-2</v>
      </c>
      <c r="AV1347">
        <v>-3.4641901976180008E-2</v>
      </c>
      <c r="AW1347">
        <v>0.359375</v>
      </c>
      <c r="AX1347">
        <v>81.126984126984127</v>
      </c>
      <c r="AY1347">
        <v>60</v>
      </c>
      <c r="AZ1347">
        <v>110.25</v>
      </c>
      <c r="BA1347">
        <v>0.51891890569768373</v>
      </c>
      <c r="BB1347">
        <v>0.515625</v>
      </c>
      <c r="BC1347">
        <v>3.8844722778225189</v>
      </c>
      <c r="BD1347" t="s">
        <v>5174</v>
      </c>
      <c r="BE1347" t="s">
        <v>62</v>
      </c>
    </row>
    <row r="1348" spans="1:57" x14ac:dyDescent="0.3">
      <c r="A1348" t="s">
        <v>5175</v>
      </c>
      <c r="B1348">
        <v>3522</v>
      </c>
      <c r="C1348" t="s">
        <v>5176</v>
      </c>
      <c r="D1348" t="s">
        <v>5177</v>
      </c>
      <c r="E1348" t="s">
        <v>106</v>
      </c>
      <c r="F1348">
        <v>3566</v>
      </c>
      <c r="G1348">
        <v>128.3872686483455</v>
      </c>
      <c r="H1348">
        <v>130.5</v>
      </c>
      <c r="I1348">
        <v>5478.3960128986637</v>
      </c>
      <c r="J1348">
        <v>74.01618750583323</v>
      </c>
      <c r="K1348">
        <v>-2.5536985266356459E-2</v>
      </c>
      <c r="L1348">
        <v>-1.2066708311741789</v>
      </c>
      <c r="M1348">
        <v>7.9428543774302716</v>
      </c>
      <c r="N1348">
        <v>29</v>
      </c>
      <c r="O1348">
        <v>5</v>
      </c>
      <c r="P1348">
        <v>24</v>
      </c>
      <c r="Q1348">
        <v>3.916478795084144</v>
      </c>
      <c r="R1348">
        <v>5.5055671173140093</v>
      </c>
      <c r="S1348">
        <v>3</v>
      </c>
      <c r="T1348">
        <v>1</v>
      </c>
      <c r="U1348">
        <v>2</v>
      </c>
      <c r="V1348">
        <v>0.15804467084099749</v>
      </c>
      <c r="W1348">
        <v>8.1455724837648873</v>
      </c>
      <c r="X1348">
        <v>2</v>
      </c>
      <c r="Y1348">
        <v>1</v>
      </c>
      <c r="Z1348">
        <v>1</v>
      </c>
      <c r="AA1348">
        <v>1.675062959458521E-2</v>
      </c>
      <c r="AB1348">
        <v>8.1782498171089024</v>
      </c>
      <c r="AC1348">
        <v>1</v>
      </c>
      <c r="AD1348">
        <v>1</v>
      </c>
      <c r="AE1348">
        <v>0</v>
      </c>
      <c r="AF1348">
        <v>0</v>
      </c>
      <c r="AG1348">
        <v>8.1783581656058359</v>
      </c>
      <c r="AH1348">
        <v>3.0418874210746589E-2</v>
      </c>
      <c r="AI1348">
        <v>-2.4377030850375288E-2</v>
      </c>
      <c r="AJ1348">
        <v>3.4368871836280819E-3</v>
      </c>
      <c r="AK1348">
        <v>1.1914744917281599E-2</v>
      </c>
      <c r="AL1348">
        <v>4044.2977931315741</v>
      </c>
      <c r="AM1348">
        <v>7871.4058693775351</v>
      </c>
      <c r="AN1348">
        <v>457829</v>
      </c>
      <c r="AO1348">
        <v>81.399948153436284</v>
      </c>
      <c r="AP1348">
        <v>3669.0126599463761</v>
      </c>
      <c r="AQ1348">
        <v>1.006449803701627</v>
      </c>
      <c r="AR1348">
        <v>4.0070106561974201</v>
      </c>
      <c r="AS1348">
        <v>3556</v>
      </c>
      <c r="AT1348">
        <v>281.89680314077401</v>
      </c>
      <c r="AU1348">
        <v>1.554001297658714E-2</v>
      </c>
      <c r="AV1348">
        <v>3.0420870769344719E-2</v>
      </c>
      <c r="AW1348">
        <v>0.36371284352215372</v>
      </c>
      <c r="AX1348">
        <v>84.626647966339405</v>
      </c>
      <c r="AY1348">
        <v>65.5</v>
      </c>
      <c r="AZ1348">
        <v>131</v>
      </c>
      <c r="BA1348">
        <v>0.57650722135513754</v>
      </c>
      <c r="BB1348">
        <v>0.50673022994952333</v>
      </c>
      <c r="BC1348">
        <v>5.3012336491951118</v>
      </c>
      <c r="BD1348" t="s">
        <v>5178</v>
      </c>
      <c r="BE1348" t="s">
        <v>68</v>
      </c>
    </row>
    <row r="1349" spans="1:57" x14ac:dyDescent="0.3">
      <c r="A1349" t="s">
        <v>5179</v>
      </c>
      <c r="B1349">
        <v>1608</v>
      </c>
      <c r="C1349" t="s">
        <v>5180</v>
      </c>
      <c r="D1349" t="s">
        <v>5181</v>
      </c>
      <c r="E1349" t="s">
        <v>106</v>
      </c>
      <c r="F1349">
        <v>1624</v>
      </c>
      <c r="G1349">
        <v>128.64408866995069</v>
      </c>
      <c r="H1349">
        <v>131</v>
      </c>
      <c r="I1349">
        <v>5227.2846571744039</v>
      </c>
      <c r="J1349">
        <v>72.299963050989206</v>
      </c>
      <c r="K1349">
        <v>-8.7289406100993037E-3</v>
      </c>
      <c r="L1349">
        <v>-1.182152605489118</v>
      </c>
      <c r="M1349">
        <v>7.8690201876429242</v>
      </c>
      <c r="N1349">
        <v>16</v>
      </c>
      <c r="O1349">
        <v>1</v>
      </c>
      <c r="P1349">
        <v>15</v>
      </c>
      <c r="Q1349">
        <v>2.6415600111638158</v>
      </c>
      <c r="R1349">
        <v>5.4543891568339902</v>
      </c>
      <c r="S1349">
        <v>2</v>
      </c>
      <c r="T1349">
        <v>1</v>
      </c>
      <c r="U1349">
        <v>1</v>
      </c>
      <c r="V1349">
        <v>0.1190309177272863</v>
      </c>
      <c r="W1349">
        <v>7.3723859912325471</v>
      </c>
      <c r="X1349">
        <v>2</v>
      </c>
      <c r="Y1349">
        <v>1</v>
      </c>
      <c r="Z1349">
        <v>1</v>
      </c>
      <c r="AA1349">
        <v>2.482987266810377E-2</v>
      </c>
      <c r="AB1349">
        <v>7.3905605525784903</v>
      </c>
      <c r="AC1349">
        <v>1</v>
      </c>
      <c r="AD1349">
        <v>1</v>
      </c>
      <c r="AE1349">
        <v>0</v>
      </c>
      <c r="AF1349">
        <v>0</v>
      </c>
      <c r="AG1349">
        <v>7.3907985217356771</v>
      </c>
      <c r="AH1349">
        <v>2.8243265876935629E-3</v>
      </c>
      <c r="AI1349">
        <v>4.7532475568110534E-3</v>
      </c>
      <c r="AJ1349">
        <v>-1.580630349757085E-2</v>
      </c>
      <c r="AK1349">
        <v>-5.3079738121427952E-2</v>
      </c>
      <c r="AL1349">
        <v>2722.9377289653362</v>
      </c>
      <c r="AM1349">
        <v>5286.8503027962788</v>
      </c>
      <c r="AN1349">
        <v>208918</v>
      </c>
      <c r="AO1349">
        <v>111.9158625235963</v>
      </c>
      <c r="AP1349">
        <v>2472.0347687357312</v>
      </c>
      <c r="AQ1349">
        <v>1.014162561576355</v>
      </c>
      <c r="AR1349">
        <v>4.0350985221674884</v>
      </c>
      <c r="AS1349">
        <v>1615</v>
      </c>
      <c r="AT1349">
        <v>279.39285714285722</v>
      </c>
      <c r="AU1349">
        <v>2.0617212402202271E-2</v>
      </c>
      <c r="AV1349">
        <v>2.825941036334394E-3</v>
      </c>
      <c r="AW1349">
        <v>0.37746305418719212</v>
      </c>
      <c r="AX1349">
        <v>84.175600739371532</v>
      </c>
      <c r="AY1349">
        <v>62</v>
      </c>
      <c r="AZ1349">
        <v>125</v>
      </c>
      <c r="BA1349">
        <v>0.56201543186707925</v>
      </c>
      <c r="BB1349">
        <v>0.50800492610837433</v>
      </c>
      <c r="BC1349">
        <v>5.260498012522997</v>
      </c>
      <c r="BD1349" t="s">
        <v>5182</v>
      </c>
      <c r="BE1349" t="s">
        <v>68</v>
      </c>
    </row>
    <row r="1350" spans="1:57" x14ac:dyDescent="0.3">
      <c r="A1350" t="s">
        <v>5183</v>
      </c>
      <c r="B1350">
        <v>145</v>
      </c>
      <c r="C1350" t="s">
        <v>5184</v>
      </c>
      <c r="D1350" t="s">
        <v>5185</v>
      </c>
      <c r="E1350" t="s">
        <v>60</v>
      </c>
      <c r="F1350">
        <v>256</v>
      </c>
      <c r="G1350">
        <v>125.1328125</v>
      </c>
      <c r="H1350">
        <v>125</v>
      </c>
      <c r="I1350">
        <v>6105.8651733398438</v>
      </c>
      <c r="J1350">
        <v>78.140035662519651</v>
      </c>
      <c r="K1350">
        <v>4.6546402886898222E-2</v>
      </c>
      <c r="L1350">
        <v>-1.2620180852445499</v>
      </c>
      <c r="M1350">
        <v>7.1105943730115158</v>
      </c>
      <c r="N1350">
        <v>5</v>
      </c>
      <c r="O1350">
        <v>1</v>
      </c>
      <c r="P1350">
        <v>4</v>
      </c>
      <c r="Q1350">
        <v>0.86193519558828779</v>
      </c>
      <c r="R1350">
        <v>4.928688441758343</v>
      </c>
      <c r="S1350">
        <v>2</v>
      </c>
      <c r="T1350">
        <v>1</v>
      </c>
      <c r="U1350">
        <v>1</v>
      </c>
      <c r="V1350">
        <v>6.2621943781838052E-2</v>
      </c>
      <c r="W1350">
        <v>5.5358270966834446</v>
      </c>
      <c r="X1350">
        <v>1</v>
      </c>
      <c r="Y1350">
        <v>1</v>
      </c>
      <c r="Z1350">
        <v>0</v>
      </c>
      <c r="AA1350">
        <v>0</v>
      </c>
      <c r="AB1350">
        <v>5.5373342670185366</v>
      </c>
      <c r="AC1350">
        <v>1</v>
      </c>
      <c r="AD1350">
        <v>1</v>
      </c>
      <c r="AE1350">
        <v>0</v>
      </c>
      <c r="AF1350">
        <v>0</v>
      </c>
      <c r="AG1350">
        <v>5.5333894887275203</v>
      </c>
      <c r="AH1350">
        <v>2.5588768314574808E-2</v>
      </c>
      <c r="AI1350">
        <v>-5.3879856527354802E-2</v>
      </c>
      <c r="AJ1350">
        <v>-6.8277562997436633E-2</v>
      </c>
      <c r="AK1350">
        <v>4.3384661184052202E-2</v>
      </c>
      <c r="AL1350">
        <v>1212.7437673553529</v>
      </c>
      <c r="AM1350">
        <v>2025.0576670161131</v>
      </c>
      <c r="AN1350">
        <v>32034</v>
      </c>
      <c r="AO1350">
        <v>79.224080055846784</v>
      </c>
      <c r="AP1350">
        <v>975.00659472208395</v>
      </c>
      <c r="AQ1350">
        <v>1.08984375</v>
      </c>
      <c r="AR1350">
        <v>3.94921875</v>
      </c>
      <c r="AS1350">
        <v>256</v>
      </c>
      <c r="AT1350">
        <v>70.625000000000014</v>
      </c>
      <c r="AU1350">
        <v>7.0036764705882354E-2</v>
      </c>
      <c r="AV1350">
        <v>2.559791796458169E-2</v>
      </c>
      <c r="AW1350">
        <v>0.33984375</v>
      </c>
      <c r="AX1350">
        <v>88.69019607843137</v>
      </c>
      <c r="AY1350">
        <v>69</v>
      </c>
      <c r="AZ1350">
        <v>138.25</v>
      </c>
      <c r="BA1350">
        <v>0.62445679995021008</v>
      </c>
      <c r="BB1350">
        <v>0.4921875</v>
      </c>
      <c r="BC1350">
        <v>4.8601965283616382</v>
      </c>
      <c r="BD1350" t="s">
        <v>5186</v>
      </c>
      <c r="BE1350" t="s">
        <v>62</v>
      </c>
    </row>
    <row r="1351" spans="1:57" x14ac:dyDescent="0.3">
      <c r="A1351" t="s">
        <v>5187</v>
      </c>
      <c r="B1351">
        <v>1521</v>
      </c>
      <c r="C1351" t="s">
        <v>5188</v>
      </c>
      <c r="D1351" t="s">
        <v>5189</v>
      </c>
      <c r="E1351" t="s">
        <v>85</v>
      </c>
      <c r="F1351">
        <v>8</v>
      </c>
      <c r="G1351">
        <v>104.25</v>
      </c>
      <c r="H1351">
        <v>93.5</v>
      </c>
      <c r="I1351">
        <v>3260.1875</v>
      </c>
      <c r="J1351">
        <v>57.098051630506617</v>
      </c>
      <c r="K1351">
        <v>0.13001637227066201</v>
      </c>
      <c r="L1351">
        <v>-1.042302144644345</v>
      </c>
      <c r="M1351">
        <v>3</v>
      </c>
      <c r="N1351">
        <v>1</v>
      </c>
      <c r="O1351">
        <v>1</v>
      </c>
      <c r="P1351">
        <v>0</v>
      </c>
      <c r="Q1351">
        <v>0</v>
      </c>
      <c r="R1351">
        <v>2.0794415416798362</v>
      </c>
      <c r="S1351">
        <v>1</v>
      </c>
      <c r="T1351">
        <v>1</v>
      </c>
      <c r="U1351">
        <v>0</v>
      </c>
      <c r="V1351">
        <v>0</v>
      </c>
      <c r="W1351">
        <v>1.945910149055313</v>
      </c>
      <c r="X1351">
        <v>1</v>
      </c>
      <c r="Y1351">
        <v>1</v>
      </c>
      <c r="Z1351">
        <v>0</v>
      </c>
      <c r="AA1351">
        <v>0</v>
      </c>
      <c r="AB1351">
        <v>1.791759469228055</v>
      </c>
      <c r="AC1351">
        <v>1</v>
      </c>
      <c r="AD1351">
        <v>1</v>
      </c>
      <c r="AE1351">
        <v>0</v>
      </c>
      <c r="AF1351">
        <v>0</v>
      </c>
      <c r="AG1351">
        <v>1.6094379124341009</v>
      </c>
      <c r="AH1351">
        <v>-0.1789894177865537</v>
      </c>
      <c r="AI1351">
        <v>-0.37786841247627628</v>
      </c>
      <c r="AJ1351">
        <v>0.10160218929126009</v>
      </c>
      <c r="AK1351">
        <v>0</v>
      </c>
      <c r="AL1351">
        <v>248.31893141427031</v>
      </c>
      <c r="AM1351">
        <v>226.63562893171701</v>
      </c>
      <c r="AN1351">
        <v>834</v>
      </c>
      <c r="AO1351">
        <v>90.108060495586159</v>
      </c>
      <c r="AP1351">
        <v>183.87267162143269</v>
      </c>
      <c r="AQ1351">
        <v>3.5</v>
      </c>
      <c r="AR1351">
        <v>3.875</v>
      </c>
      <c r="AS1351">
        <v>8</v>
      </c>
      <c r="AT1351">
        <v>0</v>
      </c>
      <c r="AU1351">
        <v>0.2074742268041237</v>
      </c>
      <c r="AV1351">
        <v>-0.19156410726077161</v>
      </c>
      <c r="AW1351">
        <v>0.5</v>
      </c>
      <c r="AX1351">
        <v>85.857142857142861</v>
      </c>
      <c r="AY1351">
        <v>43</v>
      </c>
      <c r="AZ1351">
        <v>74.75</v>
      </c>
      <c r="BA1351">
        <v>0.54770313314634655</v>
      </c>
      <c r="BB1351">
        <v>0.375</v>
      </c>
      <c r="BC1351">
        <v>1.945910149055313</v>
      </c>
      <c r="BD1351" t="s">
        <v>5188</v>
      </c>
      <c r="BE1351" t="s">
        <v>68</v>
      </c>
    </row>
    <row r="1352" spans="1:57" x14ac:dyDescent="0.3">
      <c r="A1352" t="s">
        <v>5190</v>
      </c>
      <c r="B1352">
        <v>2327</v>
      </c>
      <c r="C1352" t="s">
        <v>5191</v>
      </c>
      <c r="D1352" t="s">
        <v>5192</v>
      </c>
      <c r="E1352" t="s">
        <v>66</v>
      </c>
      <c r="F1352">
        <v>70</v>
      </c>
      <c r="G1352">
        <v>116.3</v>
      </c>
      <c r="H1352">
        <v>100.5</v>
      </c>
      <c r="I1352">
        <v>5179.01</v>
      </c>
      <c r="J1352">
        <v>71.965338879213235</v>
      </c>
      <c r="K1352">
        <v>0.26436479165192239</v>
      </c>
      <c r="L1352">
        <v>-1.2555742327559629</v>
      </c>
      <c r="M1352">
        <v>5.8613560526283486</v>
      </c>
      <c r="N1352">
        <v>3</v>
      </c>
      <c r="O1352">
        <v>1</v>
      </c>
      <c r="P1352">
        <v>2</v>
      </c>
      <c r="Q1352">
        <v>0.39819533775380711</v>
      </c>
      <c r="R1352">
        <v>4.0627824221373086</v>
      </c>
      <c r="S1352">
        <v>2</v>
      </c>
      <c r="T1352">
        <v>1</v>
      </c>
      <c r="U1352">
        <v>1</v>
      </c>
      <c r="V1352">
        <v>0.1203728348804772</v>
      </c>
      <c r="W1352">
        <v>4.2140152819723324</v>
      </c>
      <c r="X1352">
        <v>1</v>
      </c>
      <c r="Y1352">
        <v>1</v>
      </c>
      <c r="Z1352">
        <v>0</v>
      </c>
      <c r="AA1352">
        <v>0</v>
      </c>
      <c r="AB1352">
        <v>4.2195077051761087</v>
      </c>
      <c r="AC1352">
        <v>1</v>
      </c>
      <c r="AD1352">
        <v>1</v>
      </c>
      <c r="AE1352">
        <v>0</v>
      </c>
      <c r="AF1352">
        <v>0</v>
      </c>
      <c r="AG1352">
        <v>4.2046926193909648</v>
      </c>
      <c r="AH1352">
        <v>5.1536904322861489E-2</v>
      </c>
      <c r="AI1352">
        <v>4.8397611567792757E-2</v>
      </c>
      <c r="AJ1352">
        <v>0.16423946992627109</v>
      </c>
      <c r="AK1352">
        <v>7.0008967516406187E-2</v>
      </c>
      <c r="AL1352">
        <v>658.80843724251031</v>
      </c>
      <c r="AM1352">
        <v>935.57492645863556</v>
      </c>
      <c r="AN1352">
        <v>8141</v>
      </c>
      <c r="AO1352">
        <v>113.2820121013731</v>
      </c>
      <c r="AP1352">
        <v>555.47372458244695</v>
      </c>
      <c r="AQ1352">
        <v>1.328571428571429</v>
      </c>
      <c r="AR1352">
        <v>3.6428571428571428</v>
      </c>
      <c r="AS1352">
        <v>70</v>
      </c>
      <c r="AT1352">
        <v>8.4285714285714288</v>
      </c>
      <c r="AU1352">
        <v>0.15630252100840339</v>
      </c>
      <c r="AV1352">
        <v>5.2362031560746272E-2</v>
      </c>
      <c r="AW1352">
        <v>0.48571428571428571</v>
      </c>
      <c r="AX1352">
        <v>84.188405797101453</v>
      </c>
      <c r="AY1352">
        <v>62</v>
      </c>
      <c r="AZ1352">
        <v>119.75</v>
      </c>
      <c r="BA1352">
        <v>0.61879053206546208</v>
      </c>
      <c r="BB1352">
        <v>0.47142857142857142</v>
      </c>
      <c r="BC1352">
        <v>3.9577539976104821</v>
      </c>
      <c r="BD1352" t="s">
        <v>5193</v>
      </c>
      <c r="BE1352" t="s">
        <v>68</v>
      </c>
    </row>
    <row r="1353" spans="1:57" x14ac:dyDescent="0.3">
      <c r="A1353" t="s">
        <v>5194</v>
      </c>
      <c r="B1353">
        <v>2793</v>
      </c>
      <c r="C1353" t="s">
        <v>5195</v>
      </c>
      <c r="D1353" t="s">
        <v>5196</v>
      </c>
      <c r="E1353" t="s">
        <v>98</v>
      </c>
      <c r="F1353">
        <v>16</v>
      </c>
      <c r="G1353">
        <v>130</v>
      </c>
      <c r="H1353">
        <v>152</v>
      </c>
      <c r="I1353">
        <v>4719</v>
      </c>
      <c r="J1353">
        <v>68.694977982382383</v>
      </c>
      <c r="K1353">
        <v>-0.65466137157177617</v>
      </c>
      <c r="L1353">
        <v>-0.93966401261379007</v>
      </c>
      <c r="M1353">
        <v>4</v>
      </c>
      <c r="N1353">
        <v>1</v>
      </c>
      <c r="O1353">
        <v>1</v>
      </c>
      <c r="P1353">
        <v>0</v>
      </c>
      <c r="Q1353">
        <v>0</v>
      </c>
      <c r="R1353">
        <v>2.7725887222397811</v>
      </c>
      <c r="S1353">
        <v>1</v>
      </c>
      <c r="T1353">
        <v>1</v>
      </c>
      <c r="U1353">
        <v>0</v>
      </c>
      <c r="V1353">
        <v>0</v>
      </c>
      <c r="W1353">
        <v>2.7080502011022101</v>
      </c>
      <c r="X1353">
        <v>1</v>
      </c>
      <c r="Y1353">
        <v>1</v>
      </c>
      <c r="Z1353">
        <v>0</v>
      </c>
      <c r="AA1353">
        <v>0</v>
      </c>
      <c r="AB1353">
        <v>2.639057329615258</v>
      </c>
      <c r="AC1353">
        <v>1</v>
      </c>
      <c r="AD1353">
        <v>1</v>
      </c>
      <c r="AE1353">
        <v>0</v>
      </c>
      <c r="AF1353">
        <v>0</v>
      </c>
      <c r="AG1353">
        <v>2.5649493574615372</v>
      </c>
      <c r="AH1353">
        <v>-5.7877728332273788E-2</v>
      </c>
      <c r="AI1353">
        <v>-0.27738927738927738</v>
      </c>
      <c r="AJ1353">
        <v>0.33790262767535489</v>
      </c>
      <c r="AK1353">
        <v>-2.1124708624708621E-2</v>
      </c>
      <c r="AL1353">
        <v>372.26711819914601</v>
      </c>
      <c r="AM1353">
        <v>455.32537015600508</v>
      </c>
      <c r="AN1353">
        <v>2080</v>
      </c>
      <c r="AO1353">
        <v>57.967838792462807</v>
      </c>
      <c r="AP1353">
        <v>294.27877939124318</v>
      </c>
      <c r="AQ1353">
        <v>2.3125</v>
      </c>
      <c r="AR1353">
        <v>4.3125</v>
      </c>
      <c r="AS1353">
        <v>16</v>
      </c>
      <c r="AT1353">
        <v>0</v>
      </c>
      <c r="AU1353">
        <v>0.23532863849765259</v>
      </c>
      <c r="AV1353">
        <v>-5.9875826230318993E-2</v>
      </c>
      <c r="AW1353">
        <v>0.1875</v>
      </c>
      <c r="AX1353">
        <v>88.266666666666666</v>
      </c>
      <c r="AY1353">
        <v>45.5</v>
      </c>
      <c r="AZ1353">
        <v>90.25</v>
      </c>
      <c r="BA1353">
        <v>0.52842290755678756</v>
      </c>
      <c r="BB1353">
        <v>0.625</v>
      </c>
      <c r="BC1353">
        <v>2.488327743368588</v>
      </c>
      <c r="BD1353" t="s">
        <v>5195</v>
      </c>
      <c r="BE1353" t="s">
        <v>62</v>
      </c>
    </row>
    <row r="1354" spans="1:57" x14ac:dyDescent="0.3">
      <c r="A1354" t="s">
        <v>5197</v>
      </c>
      <c r="B1354">
        <v>153</v>
      </c>
      <c r="C1354" t="s">
        <v>5198</v>
      </c>
      <c r="D1354" t="s">
        <v>5199</v>
      </c>
      <c r="E1354" t="s">
        <v>60</v>
      </c>
      <c r="F1354">
        <v>512</v>
      </c>
      <c r="G1354">
        <v>127.158203125</v>
      </c>
      <c r="H1354">
        <v>124</v>
      </c>
      <c r="I1354">
        <v>5445.7503623962402</v>
      </c>
      <c r="J1354">
        <v>73.795327510596763</v>
      </c>
      <c r="K1354">
        <v>4.8222055228544017E-2</v>
      </c>
      <c r="L1354">
        <v>-1.1850319312946811</v>
      </c>
      <c r="M1354">
        <v>7.6480489268810086</v>
      </c>
      <c r="N1354">
        <v>7</v>
      </c>
      <c r="O1354">
        <v>1</v>
      </c>
      <c r="P1354">
        <v>6</v>
      </c>
      <c r="Q1354">
        <v>1.15895751332728</v>
      </c>
      <c r="R1354">
        <v>5.301223550452085</v>
      </c>
      <c r="S1354">
        <v>2</v>
      </c>
      <c r="T1354">
        <v>1</v>
      </c>
      <c r="U1354">
        <v>1</v>
      </c>
      <c r="V1354">
        <v>4.4237310481092057E-2</v>
      </c>
      <c r="W1354">
        <v>6.2336566853874222</v>
      </c>
      <c r="X1354">
        <v>1</v>
      </c>
      <c r="Y1354">
        <v>1</v>
      </c>
      <c r="Z1354">
        <v>0</v>
      </c>
      <c r="AA1354">
        <v>0</v>
      </c>
      <c r="AB1354">
        <v>6.2344107257183694</v>
      </c>
      <c r="AC1354">
        <v>1</v>
      </c>
      <c r="AD1354">
        <v>1</v>
      </c>
      <c r="AE1354">
        <v>0</v>
      </c>
      <c r="AF1354">
        <v>0</v>
      </c>
      <c r="AG1354">
        <v>6.2324480165505216</v>
      </c>
      <c r="AH1354">
        <v>-5.9028574378249413E-3</v>
      </c>
      <c r="AI1354">
        <v>3.916925874147268E-2</v>
      </c>
      <c r="AJ1354">
        <v>3.7177455513492221E-3</v>
      </c>
      <c r="AK1354">
        <v>-3.6630564149428411E-2</v>
      </c>
      <c r="AL1354">
        <v>1614.3762431401281</v>
      </c>
      <c r="AM1354">
        <v>2908.7193652163769</v>
      </c>
      <c r="AN1354">
        <v>65105</v>
      </c>
      <c r="AO1354">
        <v>116.909170398619</v>
      </c>
      <c r="AP1354">
        <v>1448.5113057683011</v>
      </c>
      <c r="AQ1354">
        <v>1.044921875</v>
      </c>
      <c r="AR1354">
        <v>3.98046875</v>
      </c>
      <c r="AS1354">
        <v>512</v>
      </c>
      <c r="AT1354">
        <v>136.375</v>
      </c>
      <c r="AU1354">
        <v>3.5026041666666667E-2</v>
      </c>
      <c r="AV1354">
        <v>-5.9169370776056534E-3</v>
      </c>
      <c r="AW1354">
        <v>0.390625</v>
      </c>
      <c r="AX1354">
        <v>85.700587084148722</v>
      </c>
      <c r="AY1354">
        <v>64</v>
      </c>
      <c r="AZ1354">
        <v>128.75</v>
      </c>
      <c r="BA1354">
        <v>0.58034264166232308</v>
      </c>
      <c r="BB1354">
        <v>0.484375</v>
      </c>
      <c r="BC1354">
        <v>5.108320376164901</v>
      </c>
      <c r="BD1354" t="s">
        <v>5200</v>
      </c>
      <c r="BE1354" t="s">
        <v>62</v>
      </c>
    </row>
    <row r="1355" spans="1:57" x14ac:dyDescent="0.3">
      <c r="A1355" t="s">
        <v>5201</v>
      </c>
      <c r="B1355">
        <v>1101</v>
      </c>
      <c r="C1355" t="s">
        <v>5202</v>
      </c>
      <c r="D1355" t="s">
        <v>5203</v>
      </c>
      <c r="E1355" t="s">
        <v>10622</v>
      </c>
      <c r="F1355">
        <v>64</v>
      </c>
      <c r="G1355">
        <v>121.96875</v>
      </c>
      <c r="H1355">
        <v>123</v>
      </c>
      <c r="I1355">
        <v>5074.3115234375</v>
      </c>
      <c r="J1355">
        <v>71.234201921812115</v>
      </c>
      <c r="K1355">
        <v>8.7330658251820778E-2</v>
      </c>
      <c r="L1355">
        <v>-1.19552166843701</v>
      </c>
      <c r="M1355">
        <v>5.738204882778696</v>
      </c>
      <c r="N1355">
        <v>3</v>
      </c>
      <c r="O1355">
        <v>1</v>
      </c>
      <c r="P1355">
        <v>2</v>
      </c>
      <c r="Q1355">
        <v>0.3976974544878587</v>
      </c>
      <c r="R1355">
        <v>3.9774205359733652</v>
      </c>
      <c r="S1355">
        <v>1</v>
      </c>
      <c r="T1355">
        <v>1</v>
      </c>
      <c r="U1355">
        <v>0</v>
      </c>
      <c r="V1355">
        <v>0</v>
      </c>
      <c r="W1355">
        <v>4.1431347263915326</v>
      </c>
      <c r="X1355">
        <v>1</v>
      </c>
      <c r="Y1355">
        <v>1</v>
      </c>
      <c r="Z1355">
        <v>0</v>
      </c>
      <c r="AA1355">
        <v>0</v>
      </c>
      <c r="AB1355">
        <v>4.1271343850450908</v>
      </c>
      <c r="AC1355">
        <v>1</v>
      </c>
      <c r="AD1355">
        <v>1</v>
      </c>
      <c r="AE1355">
        <v>0</v>
      </c>
      <c r="AF1355">
        <v>0</v>
      </c>
      <c r="AG1355">
        <v>4.1108738641733096</v>
      </c>
      <c r="AH1355">
        <v>0.17618788424287851</v>
      </c>
      <c r="AI1355">
        <v>0.1068320476723386</v>
      </c>
      <c r="AJ1355">
        <v>-0.23971705254137959</v>
      </c>
      <c r="AK1355">
        <v>-0.14101987285644321</v>
      </c>
      <c r="AL1355">
        <v>621.47704899891073</v>
      </c>
      <c r="AM1355">
        <v>943.72150424137601</v>
      </c>
      <c r="AN1355">
        <v>7806</v>
      </c>
      <c r="AO1355">
        <v>76.851463220487318</v>
      </c>
      <c r="AP1355">
        <v>493.68282252927941</v>
      </c>
      <c r="AQ1355">
        <v>1.359375</v>
      </c>
      <c r="AR1355">
        <v>4.03125</v>
      </c>
      <c r="AS1355">
        <v>64</v>
      </c>
      <c r="AT1355">
        <v>7.75</v>
      </c>
      <c r="AU1355">
        <v>7.0899209486166015E-2</v>
      </c>
      <c r="AV1355">
        <v>0.17805661939813461</v>
      </c>
      <c r="AW1355">
        <v>0.375</v>
      </c>
      <c r="AX1355">
        <v>74.666666666666671</v>
      </c>
      <c r="AY1355">
        <v>59.5</v>
      </c>
      <c r="AZ1355">
        <v>120.75</v>
      </c>
      <c r="BA1355">
        <v>0.58403650051191081</v>
      </c>
      <c r="BB1355">
        <v>0.515625</v>
      </c>
      <c r="BC1355">
        <v>3.9504862950187052</v>
      </c>
      <c r="BD1355" t="s">
        <v>5204</v>
      </c>
      <c r="BE1355" t="s">
        <v>62</v>
      </c>
    </row>
    <row r="1356" spans="1:57" x14ac:dyDescent="0.3">
      <c r="A1356" t="s">
        <v>5205</v>
      </c>
      <c r="B1356">
        <v>2396</v>
      </c>
      <c r="C1356" t="s">
        <v>5206</v>
      </c>
      <c r="D1356" t="s">
        <v>5207</v>
      </c>
      <c r="E1356" t="s">
        <v>128</v>
      </c>
      <c r="F1356">
        <v>32</v>
      </c>
      <c r="G1356">
        <v>128.6875</v>
      </c>
      <c r="H1356">
        <v>109.5</v>
      </c>
      <c r="I1356">
        <v>6459.52734375</v>
      </c>
      <c r="J1356">
        <v>80.371184785033492</v>
      </c>
      <c r="K1356">
        <v>4.9343591620709767E-2</v>
      </c>
      <c r="L1356">
        <v>-1.496882784150467</v>
      </c>
      <c r="M1356">
        <v>5</v>
      </c>
      <c r="N1356">
        <v>1</v>
      </c>
      <c r="O1356">
        <v>1</v>
      </c>
      <c r="P1356">
        <v>0</v>
      </c>
      <c r="Q1356">
        <v>0</v>
      </c>
      <c r="R1356">
        <v>3.465735902799727</v>
      </c>
      <c r="S1356">
        <v>1</v>
      </c>
      <c r="T1356">
        <v>1</v>
      </c>
      <c r="U1356">
        <v>0</v>
      </c>
      <c r="V1356">
        <v>0</v>
      </c>
      <c r="W1356">
        <v>3.4339872044851458</v>
      </c>
      <c r="X1356">
        <v>1</v>
      </c>
      <c r="Y1356">
        <v>1</v>
      </c>
      <c r="Z1356">
        <v>0</v>
      </c>
      <c r="AA1356">
        <v>0</v>
      </c>
      <c r="AB1356">
        <v>3.401197381662155</v>
      </c>
      <c r="AC1356">
        <v>1</v>
      </c>
      <c r="AD1356">
        <v>1</v>
      </c>
      <c r="AE1356">
        <v>0</v>
      </c>
      <c r="AF1356">
        <v>0</v>
      </c>
      <c r="AG1356">
        <v>3.3672958299864728</v>
      </c>
      <c r="AH1356">
        <v>2.2316369382918519E-2</v>
      </c>
      <c r="AI1356">
        <v>-0.142700167630299</v>
      </c>
      <c r="AJ1356">
        <v>0.33551312816763512</v>
      </c>
      <c r="AK1356">
        <v>0.18277791434527119</v>
      </c>
      <c r="AL1356">
        <v>531.59074926567109</v>
      </c>
      <c r="AM1356">
        <v>673.83326965590129</v>
      </c>
      <c r="AN1356">
        <v>4118</v>
      </c>
      <c r="AO1356">
        <v>151.70340392656519</v>
      </c>
      <c r="AP1356">
        <v>490.22402721956468</v>
      </c>
      <c r="AQ1356">
        <v>1.71875</v>
      </c>
      <c r="AR1356">
        <v>3.9375</v>
      </c>
      <c r="AS1356">
        <v>32</v>
      </c>
      <c r="AT1356">
        <v>0</v>
      </c>
      <c r="AU1356">
        <v>0.1359561752988048</v>
      </c>
      <c r="AV1356">
        <v>2.257298448100364E-2</v>
      </c>
      <c r="AW1356">
        <v>0.40625</v>
      </c>
      <c r="AX1356">
        <v>88.774193548387103</v>
      </c>
      <c r="AY1356">
        <v>79.5</v>
      </c>
      <c r="AZ1356">
        <v>142.75</v>
      </c>
      <c r="BA1356">
        <v>0.62454538929603487</v>
      </c>
      <c r="BB1356">
        <v>0.46875</v>
      </c>
      <c r="BC1356">
        <v>3.2551105127277409</v>
      </c>
      <c r="BD1356" t="s">
        <v>5208</v>
      </c>
      <c r="BE1356" t="s">
        <v>62</v>
      </c>
    </row>
    <row r="1357" spans="1:57" x14ac:dyDescent="0.3">
      <c r="A1357" t="s">
        <v>5209</v>
      </c>
      <c r="B1357">
        <v>1380</v>
      </c>
      <c r="C1357" t="s">
        <v>5210</v>
      </c>
      <c r="D1357" t="s">
        <v>5211</v>
      </c>
      <c r="E1357" t="s">
        <v>106</v>
      </c>
      <c r="F1357">
        <v>1388</v>
      </c>
      <c r="G1357">
        <v>125.73054755043231</v>
      </c>
      <c r="H1357">
        <v>123</v>
      </c>
      <c r="I1357">
        <v>5469.9706230431284</v>
      </c>
      <c r="J1357">
        <v>73.959249746351048</v>
      </c>
      <c r="K1357">
        <v>3.9804889017328149E-2</v>
      </c>
      <c r="L1357">
        <v>-1.225026543663382</v>
      </c>
      <c r="M1357">
        <v>7.857124245228384</v>
      </c>
      <c r="N1357">
        <v>14</v>
      </c>
      <c r="O1357">
        <v>1</v>
      </c>
      <c r="P1357">
        <v>13</v>
      </c>
      <c r="Q1357">
        <v>2.3738158989983962</v>
      </c>
      <c r="R1357">
        <v>5.4461435178892339</v>
      </c>
      <c r="S1357">
        <v>2</v>
      </c>
      <c r="T1357">
        <v>1</v>
      </c>
      <c r="U1357">
        <v>1</v>
      </c>
      <c r="V1357">
        <v>0.1039875729529595</v>
      </c>
      <c r="W1357">
        <v>7.2199060515932736</v>
      </c>
      <c r="X1357">
        <v>1</v>
      </c>
      <c r="Y1357">
        <v>1</v>
      </c>
      <c r="Z1357">
        <v>0</v>
      </c>
      <c r="AA1357">
        <v>0</v>
      </c>
      <c r="AB1357">
        <v>7.2341771797498504</v>
      </c>
      <c r="AC1357">
        <v>1</v>
      </c>
      <c r="AD1357">
        <v>1</v>
      </c>
      <c r="AE1357">
        <v>0</v>
      </c>
      <c r="AF1357">
        <v>0</v>
      </c>
      <c r="AG1357">
        <v>7.233455418621439</v>
      </c>
      <c r="AH1357">
        <v>-1.412667090352252E-2</v>
      </c>
      <c r="AI1357">
        <v>1.003347228640237E-2</v>
      </c>
      <c r="AJ1357">
        <v>1.6751284521566039E-2</v>
      </c>
      <c r="AK1357">
        <v>-1.5831217677271001E-2</v>
      </c>
      <c r="AL1357">
        <v>2572.7499812575061</v>
      </c>
      <c r="AM1357">
        <v>4786.9632893870721</v>
      </c>
      <c r="AN1357">
        <v>174514</v>
      </c>
      <c r="AO1357">
        <v>85.259248383272663</v>
      </c>
      <c r="AP1357">
        <v>2330.257951799013</v>
      </c>
      <c r="AQ1357">
        <v>1.01657060518732</v>
      </c>
      <c r="AR1357">
        <v>3.9762247838616709</v>
      </c>
      <c r="AS1357">
        <v>1383</v>
      </c>
      <c r="AT1357">
        <v>263.98847262247841</v>
      </c>
      <c r="AU1357">
        <v>2.4925128552862049E-2</v>
      </c>
      <c r="AV1357">
        <v>-1.4138433320147409E-2</v>
      </c>
      <c r="AW1357">
        <v>0.38760806916426521</v>
      </c>
      <c r="AX1357">
        <v>86.348233597692868</v>
      </c>
      <c r="AY1357">
        <v>65</v>
      </c>
      <c r="AZ1357">
        <v>131</v>
      </c>
      <c r="BA1357">
        <v>0.58823612230500277</v>
      </c>
      <c r="BB1357">
        <v>0.49063400576368882</v>
      </c>
      <c r="BC1357">
        <v>5.2532368591800012</v>
      </c>
      <c r="BD1357" t="s">
        <v>5212</v>
      </c>
      <c r="BE1357" t="s">
        <v>68</v>
      </c>
    </row>
    <row r="1358" spans="1:57" x14ac:dyDescent="0.3">
      <c r="A1358" t="s">
        <v>5213</v>
      </c>
      <c r="B1358">
        <v>632</v>
      </c>
      <c r="C1358" t="s">
        <v>5214</v>
      </c>
      <c r="D1358" t="s">
        <v>5215</v>
      </c>
      <c r="E1358" t="s">
        <v>98</v>
      </c>
      <c r="F1358">
        <v>16</v>
      </c>
      <c r="G1358">
        <v>131.625</v>
      </c>
      <c r="H1358">
        <v>100</v>
      </c>
      <c r="I1358">
        <v>4803.734375</v>
      </c>
      <c r="J1358">
        <v>69.308977593093957</v>
      </c>
      <c r="K1358">
        <v>0.22065261205990441</v>
      </c>
      <c r="L1358">
        <v>-1.4790773904279719</v>
      </c>
      <c r="M1358">
        <v>3.7028195311147831</v>
      </c>
      <c r="N1358">
        <v>3</v>
      </c>
      <c r="O1358">
        <v>1</v>
      </c>
      <c r="P1358">
        <v>2</v>
      </c>
      <c r="Q1358">
        <v>0.51507875363771272</v>
      </c>
      <c r="R1358">
        <v>2.566598918114511</v>
      </c>
      <c r="S1358">
        <v>1</v>
      </c>
      <c r="T1358">
        <v>1</v>
      </c>
      <c r="U1358">
        <v>0</v>
      </c>
      <c r="V1358">
        <v>0</v>
      </c>
      <c r="W1358">
        <v>2.7080502011022101</v>
      </c>
      <c r="X1358">
        <v>1</v>
      </c>
      <c r="Y1358">
        <v>1</v>
      </c>
      <c r="Z1358">
        <v>0</v>
      </c>
      <c r="AA1358">
        <v>0</v>
      </c>
      <c r="AB1358">
        <v>2.639057329615258</v>
      </c>
      <c r="AC1358">
        <v>1</v>
      </c>
      <c r="AD1358">
        <v>1</v>
      </c>
      <c r="AE1358">
        <v>0</v>
      </c>
      <c r="AF1358">
        <v>0</v>
      </c>
      <c r="AG1358">
        <v>2.5649493574615372</v>
      </c>
      <c r="AH1358">
        <v>-3.0212700730876691E-2</v>
      </c>
      <c r="AI1358">
        <v>-0.48547069499965839</v>
      </c>
      <c r="AJ1358">
        <v>0.34195137084104488</v>
      </c>
      <c r="AK1358">
        <v>-1.665411675161577E-2</v>
      </c>
      <c r="AL1358">
        <v>378.5141743894398</v>
      </c>
      <c r="AM1358">
        <v>459.11765353368918</v>
      </c>
      <c r="AN1358">
        <v>2106</v>
      </c>
      <c r="AO1358">
        <v>84</v>
      </c>
      <c r="AP1358">
        <v>228.41287539176761</v>
      </c>
      <c r="AQ1358">
        <v>2.3125</v>
      </c>
      <c r="AR1358">
        <v>4.0625</v>
      </c>
      <c r="AS1358">
        <v>16</v>
      </c>
      <c r="AT1358">
        <v>3.25</v>
      </c>
      <c r="AU1358">
        <v>0.25946969696969702</v>
      </c>
      <c r="AV1358">
        <v>-2.9716560629613541E-2</v>
      </c>
      <c r="AW1358">
        <v>0.5</v>
      </c>
      <c r="AX1358">
        <v>77.86666666666666</v>
      </c>
      <c r="AY1358">
        <v>54.5</v>
      </c>
      <c r="AZ1358">
        <v>126.75</v>
      </c>
      <c r="BA1358">
        <v>0.52656393233119814</v>
      </c>
      <c r="BB1358">
        <v>0.4375</v>
      </c>
      <c r="BC1358">
        <v>2.615630577027551</v>
      </c>
      <c r="BD1358" t="s">
        <v>5214</v>
      </c>
      <c r="BE1358" t="s">
        <v>62</v>
      </c>
    </row>
    <row r="1359" spans="1:57" x14ac:dyDescent="0.3">
      <c r="A1359" t="s">
        <v>5216</v>
      </c>
      <c r="B1359">
        <v>2111</v>
      </c>
      <c r="C1359" t="s">
        <v>5217</v>
      </c>
      <c r="D1359" t="s">
        <v>5218</v>
      </c>
      <c r="E1359" t="s">
        <v>115</v>
      </c>
      <c r="F1359">
        <v>2180</v>
      </c>
      <c r="G1359">
        <v>128.26651376146791</v>
      </c>
      <c r="H1359">
        <v>130</v>
      </c>
      <c r="I1359">
        <v>5523.5321814241233</v>
      </c>
      <c r="J1359">
        <v>74.320469464503006</v>
      </c>
      <c r="K1359">
        <v>-3.8404410417460579E-4</v>
      </c>
      <c r="L1359">
        <v>-1.228533946835987</v>
      </c>
      <c r="M1359">
        <v>7.9183888757867296</v>
      </c>
      <c r="N1359">
        <v>21</v>
      </c>
      <c r="O1359">
        <v>2</v>
      </c>
      <c r="P1359">
        <v>19</v>
      </c>
      <c r="Q1359">
        <v>2.8558721713996582</v>
      </c>
      <c r="R1359">
        <v>5.4886089238288207</v>
      </c>
      <c r="S1359">
        <v>3</v>
      </c>
      <c r="T1359">
        <v>1</v>
      </c>
      <c r="U1359">
        <v>2</v>
      </c>
      <c r="V1359">
        <v>0.13887275247161349</v>
      </c>
      <c r="W1359">
        <v>7.6609329354087974</v>
      </c>
      <c r="X1359">
        <v>1</v>
      </c>
      <c r="Y1359">
        <v>1</v>
      </c>
      <c r="Z1359">
        <v>0</v>
      </c>
      <c r="AA1359">
        <v>0</v>
      </c>
      <c r="AB1359">
        <v>7.6861623034929067</v>
      </c>
      <c r="AC1359">
        <v>1</v>
      </c>
      <c r="AD1359">
        <v>1</v>
      </c>
      <c r="AE1359">
        <v>0</v>
      </c>
      <c r="AF1359">
        <v>0</v>
      </c>
      <c r="AG1359">
        <v>7.6857030612345456</v>
      </c>
      <c r="AH1359">
        <v>1.091721968261505E-3</v>
      </c>
      <c r="AI1359">
        <v>9.6676756698169317E-3</v>
      </c>
      <c r="AJ1359">
        <v>-7.1412296380873189E-3</v>
      </c>
      <c r="AK1359">
        <v>2.425792112618258E-2</v>
      </c>
      <c r="AL1359">
        <v>3187.9965308249762</v>
      </c>
      <c r="AM1359">
        <v>6143.6136857266592</v>
      </c>
      <c r="AN1359">
        <v>279621</v>
      </c>
      <c r="AO1359">
        <v>102.9724720123712</v>
      </c>
      <c r="AP1359">
        <v>2874.4888475610392</v>
      </c>
      <c r="AQ1359">
        <v>1.010550458715596</v>
      </c>
      <c r="AR1359">
        <v>4.0541284403669726</v>
      </c>
      <c r="AS1359">
        <v>2172</v>
      </c>
      <c r="AT1359">
        <v>245.18899082568811</v>
      </c>
      <c r="AU1359">
        <v>1.584817413203821E-2</v>
      </c>
      <c r="AV1359">
        <v>1.092873613559321E-3</v>
      </c>
      <c r="AW1359">
        <v>0.36788990825688073</v>
      </c>
      <c r="AX1359">
        <v>85.530518586507569</v>
      </c>
      <c r="AY1359">
        <v>65.5</v>
      </c>
      <c r="AZ1359">
        <v>131</v>
      </c>
      <c r="BA1359">
        <v>0.57942223020666028</v>
      </c>
      <c r="BB1359">
        <v>0.50550458715596325</v>
      </c>
      <c r="BC1359">
        <v>5.304656009915643</v>
      </c>
      <c r="BD1359" t="s">
        <v>5219</v>
      </c>
      <c r="BE1359" t="s">
        <v>68</v>
      </c>
    </row>
    <row r="1360" spans="1:57" x14ac:dyDescent="0.3">
      <c r="A1360" t="s">
        <v>5220</v>
      </c>
      <c r="B1360">
        <v>141</v>
      </c>
      <c r="C1360" t="s">
        <v>5221</v>
      </c>
      <c r="D1360" t="s">
        <v>5222</v>
      </c>
      <c r="E1360" t="s">
        <v>60</v>
      </c>
      <c r="F1360">
        <v>256</v>
      </c>
      <c r="G1360">
        <v>130.28125</v>
      </c>
      <c r="H1360">
        <v>129.5</v>
      </c>
      <c r="I1360">
        <v>5356.1943359375</v>
      </c>
      <c r="J1360">
        <v>73.186025550903494</v>
      </c>
      <c r="K1360">
        <v>3.1222095361775851E-2</v>
      </c>
      <c r="L1360">
        <v>-1.196773385127526</v>
      </c>
      <c r="M1360">
        <v>7.1668067149082457</v>
      </c>
      <c r="N1360">
        <v>5</v>
      </c>
      <c r="O1360">
        <v>1</v>
      </c>
      <c r="P1360">
        <v>4</v>
      </c>
      <c r="Q1360">
        <v>0.81501476334180933</v>
      </c>
      <c r="R1360">
        <v>4.9676518680567341</v>
      </c>
      <c r="S1360">
        <v>2</v>
      </c>
      <c r="T1360">
        <v>1</v>
      </c>
      <c r="U1360">
        <v>1</v>
      </c>
      <c r="V1360">
        <v>6.2621943781838038E-2</v>
      </c>
      <c r="W1360">
        <v>5.5358270966834446</v>
      </c>
      <c r="X1360">
        <v>1</v>
      </c>
      <c r="Y1360">
        <v>1</v>
      </c>
      <c r="Z1360">
        <v>0</v>
      </c>
      <c r="AA1360">
        <v>0</v>
      </c>
      <c r="AB1360">
        <v>5.5373342670185366</v>
      </c>
      <c r="AC1360">
        <v>1</v>
      </c>
      <c r="AD1360">
        <v>1</v>
      </c>
      <c r="AE1360">
        <v>0</v>
      </c>
      <c r="AF1360">
        <v>0</v>
      </c>
      <c r="AG1360">
        <v>5.5333894887275203</v>
      </c>
      <c r="AH1360">
        <v>-8.0122567530739361E-2</v>
      </c>
      <c r="AI1360">
        <v>8.3856161024773626E-2</v>
      </c>
      <c r="AJ1360">
        <v>-9.9010510981325836E-2</v>
      </c>
      <c r="AK1360">
        <v>-7.9989689694667555E-3</v>
      </c>
      <c r="AL1360">
        <v>1155.2881289124</v>
      </c>
      <c r="AM1360">
        <v>2093.2356148303238</v>
      </c>
      <c r="AN1360">
        <v>33352</v>
      </c>
      <c r="AO1360">
        <v>31.193746423720391</v>
      </c>
      <c r="AP1360">
        <v>891.58333239806154</v>
      </c>
      <c r="AQ1360">
        <v>1.08984375</v>
      </c>
      <c r="AR1360">
        <v>4.05859375</v>
      </c>
      <c r="AS1360">
        <v>254</v>
      </c>
      <c r="AT1360">
        <v>67.257812500000014</v>
      </c>
      <c r="AU1360">
        <v>3.9954478346456698E-2</v>
      </c>
      <c r="AV1360">
        <v>-8.025678055840367E-2</v>
      </c>
      <c r="AW1360">
        <v>0.390625</v>
      </c>
      <c r="AX1360">
        <v>89.650980392156868</v>
      </c>
      <c r="AY1360">
        <v>65</v>
      </c>
      <c r="AZ1360">
        <v>128</v>
      </c>
      <c r="BA1360">
        <v>0.56175409393833342</v>
      </c>
      <c r="BB1360">
        <v>0.49609375</v>
      </c>
      <c r="BC1360">
        <v>4.8979099950026743</v>
      </c>
      <c r="BD1360" t="s">
        <v>5223</v>
      </c>
      <c r="BE1360" t="s">
        <v>62</v>
      </c>
    </row>
    <row r="1361" spans="1:57" x14ac:dyDescent="0.3">
      <c r="A1361" t="s">
        <v>5224</v>
      </c>
      <c r="B1361">
        <v>2211</v>
      </c>
      <c r="C1361" t="s">
        <v>5225</v>
      </c>
      <c r="D1361" t="s">
        <v>5226</v>
      </c>
      <c r="E1361" t="s">
        <v>106</v>
      </c>
      <c r="F1361">
        <v>2227</v>
      </c>
      <c r="G1361">
        <v>124.8347552761563</v>
      </c>
      <c r="H1361">
        <v>122</v>
      </c>
      <c r="I1361">
        <v>5454.9488953487316</v>
      </c>
      <c r="J1361">
        <v>73.857625844246655</v>
      </c>
      <c r="K1361">
        <v>4.3797531325016133E-2</v>
      </c>
      <c r="L1361">
        <v>-1.1818917212412769</v>
      </c>
      <c r="M1361">
        <v>7.9245129218828714</v>
      </c>
      <c r="N1361">
        <v>21</v>
      </c>
      <c r="O1361">
        <v>3</v>
      </c>
      <c r="P1361">
        <v>18</v>
      </c>
      <c r="Q1361">
        <v>2.831077425583489</v>
      </c>
      <c r="R1361">
        <v>5.4928537891139708</v>
      </c>
      <c r="S1361">
        <v>3</v>
      </c>
      <c r="T1361">
        <v>1</v>
      </c>
      <c r="U1361">
        <v>2</v>
      </c>
      <c r="V1361">
        <v>0.1236288011537687</v>
      </c>
      <c r="W1361">
        <v>7.6877977098680166</v>
      </c>
      <c r="X1361">
        <v>1</v>
      </c>
      <c r="Y1361">
        <v>1</v>
      </c>
      <c r="Z1361">
        <v>0</v>
      </c>
      <c r="AA1361">
        <v>0</v>
      </c>
      <c r="AB1361">
        <v>7.7075121946003424</v>
      </c>
      <c r="AC1361">
        <v>1</v>
      </c>
      <c r="AD1361">
        <v>1</v>
      </c>
      <c r="AE1361">
        <v>0</v>
      </c>
      <c r="AF1361">
        <v>0</v>
      </c>
      <c r="AG1361">
        <v>7.7070626553704722</v>
      </c>
      <c r="AH1361">
        <v>-5.6704327223001004E-3</v>
      </c>
      <c r="AI1361">
        <v>1.4817345812917659E-2</v>
      </c>
      <c r="AJ1361">
        <v>-1.35602558838514E-2</v>
      </c>
      <c r="AK1361">
        <v>-1.1312816166935739E-2</v>
      </c>
      <c r="AL1361">
        <v>3196.7507522087799</v>
      </c>
      <c r="AM1361">
        <v>6052.5937934287813</v>
      </c>
      <c r="AN1361">
        <v>278007</v>
      </c>
      <c r="AO1361">
        <v>106.05051897017201</v>
      </c>
      <c r="AP1361">
        <v>2797.7501034103739</v>
      </c>
      <c r="AQ1361">
        <v>1.010327795240233</v>
      </c>
      <c r="AR1361">
        <v>3.9977548271216889</v>
      </c>
      <c r="AS1361">
        <v>2221</v>
      </c>
      <c r="AT1361">
        <v>235.8648405927257</v>
      </c>
      <c r="AU1361">
        <v>2.646310432569976E-2</v>
      </c>
      <c r="AV1361">
        <v>-5.6712872743256712E-3</v>
      </c>
      <c r="AW1361">
        <v>0.38482263134261341</v>
      </c>
      <c r="AX1361">
        <v>85.082659478885887</v>
      </c>
      <c r="AY1361">
        <v>63</v>
      </c>
      <c r="AZ1361">
        <v>126</v>
      </c>
      <c r="BA1361">
        <v>0.5916431340043139</v>
      </c>
      <c r="BB1361">
        <v>0.48944768747193529</v>
      </c>
      <c r="BC1361">
        <v>5.3047191271879761</v>
      </c>
      <c r="BD1361" t="s">
        <v>5227</v>
      </c>
      <c r="BE1361" t="s">
        <v>68</v>
      </c>
    </row>
    <row r="1362" spans="1:57" x14ac:dyDescent="0.3">
      <c r="A1362" t="s">
        <v>5228</v>
      </c>
      <c r="B1362">
        <v>2091</v>
      </c>
      <c r="C1362" t="s">
        <v>5229</v>
      </c>
      <c r="D1362" t="s">
        <v>5230</v>
      </c>
      <c r="E1362" t="s">
        <v>72</v>
      </c>
      <c r="F1362">
        <v>2112</v>
      </c>
      <c r="G1362">
        <v>128.11979166666671</v>
      </c>
      <c r="H1362">
        <v>128</v>
      </c>
      <c r="I1362">
        <v>5424.5817673808397</v>
      </c>
      <c r="J1362">
        <v>73.651760110542099</v>
      </c>
      <c r="K1362">
        <v>-5.8330046483778663E-3</v>
      </c>
      <c r="L1362">
        <v>-1.206615677097693</v>
      </c>
      <c r="M1362">
        <v>7.9031789183020136</v>
      </c>
      <c r="N1362">
        <v>17</v>
      </c>
      <c r="O1362">
        <v>2</v>
      </c>
      <c r="P1362">
        <v>15</v>
      </c>
      <c r="Q1362">
        <v>3</v>
      </c>
      <c r="R1362">
        <v>5.4780661846818539</v>
      </c>
      <c r="S1362">
        <v>3</v>
      </c>
      <c r="T1362">
        <v>1</v>
      </c>
      <c r="U1362">
        <v>2</v>
      </c>
      <c r="V1362">
        <v>0.15082549714030929</v>
      </c>
      <c r="W1362">
        <v>7.6244609660125686</v>
      </c>
      <c r="X1362">
        <v>1</v>
      </c>
      <c r="Y1362">
        <v>1</v>
      </c>
      <c r="Z1362">
        <v>0</v>
      </c>
      <c r="AA1362">
        <v>0</v>
      </c>
      <c r="AB1362">
        <v>7.6544432264701134</v>
      </c>
      <c r="AC1362">
        <v>1</v>
      </c>
      <c r="AD1362">
        <v>1</v>
      </c>
      <c r="AE1362">
        <v>0</v>
      </c>
      <c r="AF1362">
        <v>0</v>
      </c>
      <c r="AG1362">
        <v>7.6539691804787759</v>
      </c>
      <c r="AH1362">
        <v>-3.0536925482303871E-3</v>
      </c>
      <c r="AI1362">
        <v>6.1508666762933326E-3</v>
      </c>
      <c r="AJ1362">
        <v>2.3996780774875891E-2</v>
      </c>
      <c r="AK1362">
        <v>-2.288250643984989E-2</v>
      </c>
      <c r="AL1362">
        <v>3139.9174503479162</v>
      </c>
      <c r="AM1362">
        <v>6022.0794917537096</v>
      </c>
      <c r="AN1362">
        <v>270589</v>
      </c>
      <c r="AO1362">
        <v>57.310211273589317</v>
      </c>
      <c r="AP1362">
        <v>2796.0576870849009</v>
      </c>
      <c r="AQ1362">
        <v>1.010890151515152</v>
      </c>
      <c r="AR1362">
        <v>4.0232007575757578</v>
      </c>
      <c r="AS1362">
        <v>2103</v>
      </c>
      <c r="AT1362">
        <v>279.27272727272731</v>
      </c>
      <c r="AU1362">
        <v>1.2589126559714781E-2</v>
      </c>
      <c r="AV1362">
        <v>-3.055653558141332E-3</v>
      </c>
      <c r="AW1362">
        <v>0.37547348484848492</v>
      </c>
      <c r="AX1362">
        <v>85.810516342965414</v>
      </c>
      <c r="AY1362">
        <v>65</v>
      </c>
      <c r="AZ1362">
        <v>129</v>
      </c>
      <c r="BA1362">
        <v>0.57486637429261689</v>
      </c>
      <c r="BB1362">
        <v>0.49479166666666669</v>
      </c>
      <c r="BC1362">
        <v>5.2701209212276048</v>
      </c>
      <c r="BD1362" t="s">
        <v>5231</v>
      </c>
      <c r="BE1362" t="s">
        <v>62</v>
      </c>
    </row>
    <row r="1363" spans="1:57" x14ac:dyDescent="0.3">
      <c r="A1363" t="s">
        <v>5232</v>
      </c>
      <c r="B1363">
        <v>134</v>
      </c>
      <c r="C1363" t="s">
        <v>5233</v>
      </c>
      <c r="D1363" t="s">
        <v>5234</v>
      </c>
      <c r="E1363" t="s">
        <v>60</v>
      </c>
      <c r="F1363">
        <v>512</v>
      </c>
      <c r="G1363">
        <v>134.541015625</v>
      </c>
      <c r="H1363">
        <v>135</v>
      </c>
      <c r="I1363">
        <v>5330.5100364685059</v>
      </c>
      <c r="J1363">
        <v>73.010341982958181</v>
      </c>
      <c r="K1363">
        <v>-0.1232669637880463</v>
      </c>
      <c r="L1363">
        <v>-1.132651655205408</v>
      </c>
      <c r="M1363">
        <v>7.5824501907713726</v>
      </c>
      <c r="N1363">
        <v>7</v>
      </c>
      <c r="O1363">
        <v>1</v>
      </c>
      <c r="P1363">
        <v>6</v>
      </c>
      <c r="Q1363">
        <v>1.3198491008207109</v>
      </c>
      <c r="R1363">
        <v>5.2557539714693959</v>
      </c>
      <c r="S1363">
        <v>1</v>
      </c>
      <c r="T1363">
        <v>1</v>
      </c>
      <c r="U1363">
        <v>0</v>
      </c>
      <c r="V1363">
        <v>0</v>
      </c>
      <c r="W1363">
        <v>6.2363695902037044</v>
      </c>
      <c r="X1363">
        <v>1</v>
      </c>
      <c r="Y1363">
        <v>1</v>
      </c>
      <c r="Z1363">
        <v>0</v>
      </c>
      <c r="AA1363">
        <v>0</v>
      </c>
      <c r="AB1363">
        <v>6.2344107257183694</v>
      </c>
      <c r="AC1363">
        <v>1</v>
      </c>
      <c r="AD1363">
        <v>1</v>
      </c>
      <c r="AE1363">
        <v>0</v>
      </c>
      <c r="AF1363">
        <v>0</v>
      </c>
      <c r="AG1363">
        <v>6.2324480165505216</v>
      </c>
      <c r="AH1363">
        <v>-4.960045027765031E-2</v>
      </c>
      <c r="AI1363">
        <v>-6.6420576294077008E-2</v>
      </c>
      <c r="AJ1363">
        <v>-4.3663282122321082E-2</v>
      </c>
      <c r="AK1363">
        <v>-2.1069911007027601E-2</v>
      </c>
      <c r="AL1363">
        <v>1598.969475910078</v>
      </c>
      <c r="AM1363">
        <v>3072.5194246917049</v>
      </c>
      <c r="AN1363">
        <v>68885</v>
      </c>
      <c r="AO1363">
        <v>60.75651849205429</v>
      </c>
      <c r="AP1363">
        <v>1355.8393393778799</v>
      </c>
      <c r="AQ1363">
        <v>1.044921875</v>
      </c>
      <c r="AR1363">
        <v>4.01171875</v>
      </c>
      <c r="AS1363">
        <v>509</v>
      </c>
      <c r="AT1363">
        <v>169.19531250000011</v>
      </c>
      <c r="AU1363">
        <v>5.5897671568627461E-2</v>
      </c>
      <c r="AV1363">
        <v>-4.9603303846691288E-2</v>
      </c>
      <c r="AW1363">
        <v>0.361328125</v>
      </c>
      <c r="AX1363">
        <v>88.18199608610567</v>
      </c>
      <c r="AY1363">
        <v>62</v>
      </c>
      <c r="AZ1363">
        <v>123</v>
      </c>
      <c r="BA1363">
        <v>0.54266233716011603</v>
      </c>
      <c r="BB1363">
        <v>0.509765625</v>
      </c>
      <c r="BC1363">
        <v>5.0963569352721994</v>
      </c>
      <c r="BD1363" t="s">
        <v>5235</v>
      </c>
      <c r="BE1363" t="s">
        <v>62</v>
      </c>
    </row>
    <row r="1364" spans="1:57" x14ac:dyDescent="0.3">
      <c r="A1364" t="s">
        <v>5236</v>
      </c>
      <c r="B1364">
        <v>2424</v>
      </c>
      <c r="C1364" t="s">
        <v>5237</v>
      </c>
      <c r="D1364" t="s">
        <v>5238</v>
      </c>
      <c r="E1364" t="s">
        <v>10622</v>
      </c>
      <c r="F1364">
        <v>64</v>
      </c>
      <c r="G1364">
        <v>115.6875</v>
      </c>
      <c r="H1364">
        <v>112</v>
      </c>
      <c r="I1364">
        <v>5429.77734375</v>
      </c>
      <c r="J1364">
        <v>73.687022899218832</v>
      </c>
      <c r="K1364">
        <v>0.19237080485698191</v>
      </c>
      <c r="L1364">
        <v>-1.119351252245119</v>
      </c>
      <c r="M1364">
        <v>5.738204882778696</v>
      </c>
      <c r="N1364">
        <v>3</v>
      </c>
      <c r="O1364">
        <v>1</v>
      </c>
      <c r="P1364">
        <v>2</v>
      </c>
      <c r="Q1364">
        <v>0.3976974544878587</v>
      </c>
      <c r="R1364">
        <v>3.9774205359733652</v>
      </c>
      <c r="S1364">
        <v>1</v>
      </c>
      <c r="T1364">
        <v>1</v>
      </c>
      <c r="U1364">
        <v>0</v>
      </c>
      <c r="V1364">
        <v>0</v>
      </c>
      <c r="W1364">
        <v>4.1431347263915326</v>
      </c>
      <c r="X1364">
        <v>1</v>
      </c>
      <c r="Y1364">
        <v>1</v>
      </c>
      <c r="Z1364">
        <v>0</v>
      </c>
      <c r="AA1364">
        <v>0</v>
      </c>
      <c r="AB1364">
        <v>4.1271343850450908</v>
      </c>
      <c r="AC1364">
        <v>1</v>
      </c>
      <c r="AD1364">
        <v>1</v>
      </c>
      <c r="AE1364">
        <v>0</v>
      </c>
      <c r="AF1364">
        <v>0</v>
      </c>
      <c r="AG1364">
        <v>4.1108738641733096</v>
      </c>
      <c r="AH1364">
        <v>-5.3879965025758557E-2</v>
      </c>
      <c r="AI1364">
        <v>-5.8294381639728263E-2</v>
      </c>
      <c r="AJ1364">
        <v>0.1198802443376836</v>
      </c>
      <c r="AK1364">
        <v>0.27933177634470802</v>
      </c>
      <c r="AL1364">
        <v>636.85458959943276</v>
      </c>
      <c r="AM1364">
        <v>893.57273442408598</v>
      </c>
      <c r="AN1364">
        <v>7404</v>
      </c>
      <c r="AO1364">
        <v>119.4939521980433</v>
      </c>
      <c r="AP1364">
        <v>479.50444745212599</v>
      </c>
      <c r="AQ1364">
        <v>1.359375</v>
      </c>
      <c r="AR1364">
        <v>4</v>
      </c>
      <c r="AS1364">
        <v>64</v>
      </c>
      <c r="AT1364">
        <v>7.7500000000000018</v>
      </c>
      <c r="AU1364">
        <v>0.1153186274509804</v>
      </c>
      <c r="AV1364">
        <v>-5.3976978874439092E-2</v>
      </c>
      <c r="AW1364">
        <v>0.4375</v>
      </c>
      <c r="AX1364">
        <v>87.904761904761898</v>
      </c>
      <c r="AY1364">
        <v>61.5</v>
      </c>
      <c r="AZ1364">
        <v>121.75</v>
      </c>
      <c r="BA1364">
        <v>0.6369488743314432</v>
      </c>
      <c r="BB1364">
        <v>0.5</v>
      </c>
      <c r="BC1364">
        <v>3.9670973472017059</v>
      </c>
      <c r="BD1364" t="s">
        <v>5239</v>
      </c>
      <c r="BE1364" t="s">
        <v>62</v>
      </c>
    </row>
    <row r="1365" spans="1:57" x14ac:dyDescent="0.3">
      <c r="A1365" t="s">
        <v>5240</v>
      </c>
      <c r="B1365">
        <v>1564</v>
      </c>
      <c r="C1365" t="s">
        <v>5241</v>
      </c>
      <c r="D1365" t="s">
        <v>5242</v>
      </c>
      <c r="E1365" t="s">
        <v>85</v>
      </c>
      <c r="F1365">
        <v>8</v>
      </c>
      <c r="G1365">
        <v>82.375</v>
      </c>
      <c r="H1365">
        <v>94.5</v>
      </c>
      <c r="I1365">
        <v>2811.734375</v>
      </c>
      <c r="J1365">
        <v>53.025789715948598</v>
      </c>
      <c r="K1365">
        <v>0.11730733619231409</v>
      </c>
      <c r="L1365">
        <v>-0.90988208238600032</v>
      </c>
      <c r="M1365">
        <v>3</v>
      </c>
      <c r="N1365">
        <v>1</v>
      </c>
      <c r="O1365">
        <v>1</v>
      </c>
      <c r="P1365">
        <v>0</v>
      </c>
      <c r="Q1365">
        <v>0</v>
      </c>
      <c r="R1365">
        <v>2.0794415416798362</v>
      </c>
      <c r="S1365">
        <v>1</v>
      </c>
      <c r="T1365">
        <v>1</v>
      </c>
      <c r="U1365">
        <v>0</v>
      </c>
      <c r="V1365">
        <v>0</v>
      </c>
      <c r="W1365">
        <v>1.945910149055313</v>
      </c>
      <c r="X1365">
        <v>1</v>
      </c>
      <c r="Y1365">
        <v>1</v>
      </c>
      <c r="Z1365">
        <v>0</v>
      </c>
      <c r="AA1365">
        <v>0</v>
      </c>
      <c r="AB1365">
        <v>1.791759469228055</v>
      </c>
      <c r="AC1365">
        <v>1</v>
      </c>
      <c r="AD1365">
        <v>1</v>
      </c>
      <c r="AE1365">
        <v>0</v>
      </c>
      <c r="AF1365">
        <v>0</v>
      </c>
      <c r="AG1365">
        <v>1.6094379124341009</v>
      </c>
      <c r="AH1365">
        <v>0.12964015204138901</v>
      </c>
      <c r="AI1365">
        <v>-0.60948952770476406</v>
      </c>
      <c r="AJ1365">
        <v>0.22006198909703201</v>
      </c>
      <c r="AK1365">
        <v>0</v>
      </c>
      <c r="AL1365">
        <v>202.05862046426961</v>
      </c>
      <c r="AM1365">
        <v>189.60831705406869</v>
      </c>
      <c r="AN1365">
        <v>659</v>
      </c>
      <c r="AO1365">
        <v>17</v>
      </c>
      <c r="AP1365">
        <v>147.28720895883879</v>
      </c>
      <c r="AQ1365">
        <v>3.5</v>
      </c>
      <c r="AR1365">
        <v>3.125</v>
      </c>
      <c r="AS1365">
        <v>8</v>
      </c>
      <c r="AT1365">
        <v>0</v>
      </c>
      <c r="AU1365">
        <v>0.23295454545454539</v>
      </c>
      <c r="AV1365">
        <v>0.13209230067888789</v>
      </c>
      <c r="AW1365">
        <v>0.75</v>
      </c>
      <c r="AX1365">
        <v>67.571428571428569</v>
      </c>
      <c r="AY1365">
        <v>40</v>
      </c>
      <c r="AZ1365">
        <v>77</v>
      </c>
      <c r="BA1365">
        <v>0.64371216650620455</v>
      </c>
      <c r="BB1365">
        <v>0.5</v>
      </c>
      <c r="BC1365">
        <v>1.945910149055313</v>
      </c>
      <c r="BD1365" t="s">
        <v>5241</v>
      </c>
      <c r="BE1365" t="s">
        <v>68</v>
      </c>
    </row>
    <row r="1366" spans="1:57" x14ac:dyDescent="0.3">
      <c r="A1366" t="s">
        <v>5243</v>
      </c>
      <c r="B1366">
        <v>154</v>
      </c>
      <c r="C1366" t="s">
        <v>5244</v>
      </c>
      <c r="D1366" t="s">
        <v>5245</v>
      </c>
      <c r="E1366" t="s">
        <v>60</v>
      </c>
      <c r="F1366">
        <v>512</v>
      </c>
      <c r="G1366">
        <v>127.376953125</v>
      </c>
      <c r="H1366">
        <v>125</v>
      </c>
      <c r="I1366">
        <v>5565.5864219665527</v>
      </c>
      <c r="J1366">
        <v>74.602858001329636</v>
      </c>
      <c r="K1366">
        <v>-7.9614979869782718E-4</v>
      </c>
      <c r="L1366">
        <v>-1.208516010188871</v>
      </c>
      <c r="M1366">
        <v>7.6411310265968151</v>
      </c>
      <c r="N1366">
        <v>6</v>
      </c>
      <c r="O1366">
        <v>1</v>
      </c>
      <c r="P1366">
        <v>5</v>
      </c>
      <c r="Q1366">
        <v>1.1522789970280349</v>
      </c>
      <c r="R1366">
        <v>5.2964284273747024</v>
      </c>
      <c r="S1366">
        <v>2</v>
      </c>
      <c r="T1366">
        <v>1</v>
      </c>
      <c r="U1366">
        <v>1</v>
      </c>
      <c r="V1366">
        <v>4.4237310481092057E-2</v>
      </c>
      <c r="W1366">
        <v>6.2336566853874222</v>
      </c>
      <c r="X1366">
        <v>1</v>
      </c>
      <c r="Y1366">
        <v>1</v>
      </c>
      <c r="Z1366">
        <v>0</v>
      </c>
      <c r="AA1366">
        <v>0</v>
      </c>
      <c r="AB1366">
        <v>6.2344107257183694</v>
      </c>
      <c r="AC1366">
        <v>1</v>
      </c>
      <c r="AD1366">
        <v>1</v>
      </c>
      <c r="AE1366">
        <v>0</v>
      </c>
      <c r="AF1366">
        <v>0</v>
      </c>
      <c r="AG1366">
        <v>6.2324480165505216</v>
      </c>
      <c r="AH1366">
        <v>9.5641664691305198E-3</v>
      </c>
      <c r="AI1366">
        <v>-4.2112306733883872E-2</v>
      </c>
      <c r="AJ1366">
        <v>-9.1768441605575929E-2</v>
      </c>
      <c r="AK1366">
        <v>2.403153383326443E-2</v>
      </c>
      <c r="AL1366">
        <v>1623.938871625425</v>
      </c>
      <c r="AM1366">
        <v>2918.8260553215459</v>
      </c>
      <c r="AN1366">
        <v>65217</v>
      </c>
      <c r="AO1366">
        <v>54.593453242387938</v>
      </c>
      <c r="AP1366">
        <v>1434.8206453161699</v>
      </c>
      <c r="AQ1366">
        <v>1.044921875</v>
      </c>
      <c r="AR1366">
        <v>3.9609375</v>
      </c>
      <c r="AS1366">
        <v>510</v>
      </c>
      <c r="AT1366">
        <v>132.453125</v>
      </c>
      <c r="AU1366">
        <v>2.228860294117652E-2</v>
      </c>
      <c r="AV1366">
        <v>9.6218017387458693E-3</v>
      </c>
      <c r="AW1366">
        <v>0.384765625</v>
      </c>
      <c r="AX1366">
        <v>85.898238747553819</v>
      </c>
      <c r="AY1366">
        <v>64.5</v>
      </c>
      <c r="AZ1366">
        <v>128</v>
      </c>
      <c r="BA1366">
        <v>0.58568568466321314</v>
      </c>
      <c r="BB1366">
        <v>0.490234375</v>
      </c>
      <c r="BC1366">
        <v>5.1114843056316861</v>
      </c>
      <c r="BD1366" t="s">
        <v>5246</v>
      </c>
      <c r="BE1366" t="s">
        <v>62</v>
      </c>
    </row>
    <row r="1367" spans="1:57" x14ac:dyDescent="0.3">
      <c r="A1367" t="s">
        <v>5247</v>
      </c>
      <c r="B1367">
        <v>1687</v>
      </c>
      <c r="C1367" t="s">
        <v>5248</v>
      </c>
      <c r="D1367" t="s">
        <v>5249</v>
      </c>
      <c r="E1367" t="s">
        <v>93</v>
      </c>
      <c r="F1367">
        <v>1793</v>
      </c>
      <c r="G1367">
        <v>126.3251533742331</v>
      </c>
      <c r="H1367">
        <v>127</v>
      </c>
      <c r="I1367">
        <v>5484.652222857123</v>
      </c>
      <c r="J1367">
        <v>74.058437891013625</v>
      </c>
      <c r="K1367">
        <v>3.160494894085385E-3</v>
      </c>
      <c r="L1367">
        <v>-1.209198748832407</v>
      </c>
      <c r="M1367">
        <v>7.9008630994534093</v>
      </c>
      <c r="N1367">
        <v>16</v>
      </c>
      <c r="O1367">
        <v>2</v>
      </c>
      <c r="P1367">
        <v>14</v>
      </c>
      <c r="Q1367">
        <v>2.574663277248296</v>
      </c>
      <c r="R1367">
        <v>5.4764609813762419</v>
      </c>
      <c r="S1367">
        <v>2</v>
      </c>
      <c r="T1367">
        <v>1</v>
      </c>
      <c r="U1367">
        <v>1</v>
      </c>
      <c r="V1367">
        <v>0.1029633962605291</v>
      </c>
      <c r="W1367">
        <v>7.476389160018539</v>
      </c>
      <c r="X1367">
        <v>1</v>
      </c>
      <c r="Y1367">
        <v>1</v>
      </c>
      <c r="Z1367">
        <v>0</v>
      </c>
      <c r="AA1367">
        <v>0</v>
      </c>
      <c r="AB1367">
        <v>7.4905294020607096</v>
      </c>
      <c r="AC1367">
        <v>1</v>
      </c>
      <c r="AD1367">
        <v>1</v>
      </c>
      <c r="AE1367">
        <v>0</v>
      </c>
      <c r="AF1367">
        <v>0</v>
      </c>
      <c r="AG1367">
        <v>7.4899708988347999</v>
      </c>
      <c r="AH1367">
        <v>-3.0082930177183911E-2</v>
      </c>
      <c r="AI1367">
        <v>-1.535456799383908E-2</v>
      </c>
      <c r="AJ1367">
        <v>-2.8378273224046121E-2</v>
      </c>
      <c r="AK1367">
        <v>1.8671413668373171E-2</v>
      </c>
      <c r="AL1367">
        <v>2924.1321705960672</v>
      </c>
      <c r="AM1367">
        <v>5467.7423173449861</v>
      </c>
      <c r="AN1367">
        <v>226501</v>
      </c>
      <c r="AO1367">
        <v>43.839332287105051</v>
      </c>
      <c r="AP1367">
        <v>2656.6711392182829</v>
      </c>
      <c r="AQ1367">
        <v>1.012827663134412</v>
      </c>
      <c r="AR1367">
        <v>3.9972113775794762</v>
      </c>
      <c r="AS1367">
        <v>1784</v>
      </c>
      <c r="AT1367">
        <v>242.29280535415509</v>
      </c>
      <c r="AU1367">
        <v>1.500388219984033E-2</v>
      </c>
      <c r="AV1367">
        <v>-3.0102463937010219E-2</v>
      </c>
      <c r="AW1367">
        <v>0.36140546569994431</v>
      </c>
      <c r="AX1367">
        <v>87.111049107142861</v>
      </c>
      <c r="AY1367">
        <v>65</v>
      </c>
      <c r="AZ1367">
        <v>129</v>
      </c>
      <c r="BA1367">
        <v>0.58625250722331224</v>
      </c>
      <c r="BB1367">
        <v>0.50250976017847182</v>
      </c>
      <c r="BC1367">
        <v>5.2980009270104382</v>
      </c>
      <c r="BD1367" t="s">
        <v>5250</v>
      </c>
      <c r="BE1367" t="s">
        <v>68</v>
      </c>
    </row>
    <row r="1368" spans="1:57" x14ac:dyDescent="0.3">
      <c r="A1368" t="s">
        <v>5251</v>
      </c>
      <c r="B1368">
        <v>1857</v>
      </c>
      <c r="C1368" t="s">
        <v>5252</v>
      </c>
      <c r="D1368" t="s">
        <v>5253</v>
      </c>
      <c r="E1368" t="s">
        <v>106</v>
      </c>
      <c r="F1368">
        <v>1873</v>
      </c>
      <c r="G1368">
        <v>127.34009610250931</v>
      </c>
      <c r="H1368">
        <v>128</v>
      </c>
      <c r="I1368">
        <v>5493.8976822118002</v>
      </c>
      <c r="J1368">
        <v>74.120831634647757</v>
      </c>
      <c r="K1368">
        <v>-3.2929971418453768E-3</v>
      </c>
      <c r="L1368">
        <v>-1.159708921003183</v>
      </c>
      <c r="M1368">
        <v>7.9103604578674984</v>
      </c>
      <c r="N1368">
        <v>15</v>
      </c>
      <c r="O1368">
        <v>1</v>
      </c>
      <c r="P1368">
        <v>14</v>
      </c>
      <c r="Q1368">
        <v>2.529027646144054</v>
      </c>
      <c r="R1368">
        <v>5.4830440485837251</v>
      </c>
      <c r="S1368">
        <v>2</v>
      </c>
      <c r="T1368">
        <v>1</v>
      </c>
      <c r="U1368">
        <v>1</v>
      </c>
      <c r="V1368">
        <v>0.1108351193946655</v>
      </c>
      <c r="W1368">
        <v>7.5177301942673651</v>
      </c>
      <c r="X1368">
        <v>1</v>
      </c>
      <c r="Y1368">
        <v>1</v>
      </c>
      <c r="Z1368">
        <v>0</v>
      </c>
      <c r="AA1368">
        <v>0</v>
      </c>
      <c r="AB1368">
        <v>7.5342283262740892</v>
      </c>
      <c r="AC1368">
        <v>1</v>
      </c>
      <c r="AD1368">
        <v>1</v>
      </c>
      <c r="AE1368">
        <v>0</v>
      </c>
      <c r="AF1368">
        <v>0</v>
      </c>
      <c r="AG1368">
        <v>7.5336937098486292</v>
      </c>
      <c r="AH1368">
        <v>-5.5952660764089744E-3</v>
      </c>
      <c r="AI1368">
        <v>1.5500976796647409E-2</v>
      </c>
      <c r="AJ1368">
        <v>8.6752873838186161E-3</v>
      </c>
      <c r="AK1368">
        <v>1.010316420042174E-2</v>
      </c>
      <c r="AL1368">
        <v>2982.4816260724851</v>
      </c>
      <c r="AM1368">
        <v>5636.1782574844119</v>
      </c>
      <c r="AN1368">
        <v>238508</v>
      </c>
      <c r="AO1368">
        <v>152.51765839019399</v>
      </c>
      <c r="AP1368">
        <v>2675.2213592029002</v>
      </c>
      <c r="AQ1368">
        <v>1.0122797650827551</v>
      </c>
      <c r="AR1368">
        <v>3.9701014415376399</v>
      </c>
      <c r="AS1368">
        <v>1864</v>
      </c>
      <c r="AT1368">
        <v>223.79444741057131</v>
      </c>
      <c r="AU1368">
        <v>1.588308574898201E-2</v>
      </c>
      <c r="AV1368">
        <v>-5.5997343306509462E-3</v>
      </c>
      <c r="AW1368">
        <v>0.35878270154831821</v>
      </c>
      <c r="AX1368">
        <v>86.057158119658126</v>
      </c>
      <c r="AY1368">
        <v>63</v>
      </c>
      <c r="AZ1368">
        <v>126</v>
      </c>
      <c r="BA1368">
        <v>0.58206985783158316</v>
      </c>
      <c r="BB1368">
        <v>0.50293646556326743</v>
      </c>
      <c r="BC1368">
        <v>5.2816671125767716</v>
      </c>
      <c r="BD1368" t="s">
        <v>5254</v>
      </c>
      <c r="BE1368" t="s">
        <v>68</v>
      </c>
    </row>
    <row r="1369" spans="1:57" x14ac:dyDescent="0.3">
      <c r="A1369" t="s">
        <v>5255</v>
      </c>
      <c r="B1369">
        <v>939</v>
      </c>
      <c r="C1369" t="s">
        <v>5256</v>
      </c>
      <c r="D1369" t="s">
        <v>5257</v>
      </c>
      <c r="E1369" t="s">
        <v>93</v>
      </c>
      <c r="F1369">
        <v>939</v>
      </c>
      <c r="G1369">
        <v>125.4962726304579</v>
      </c>
      <c r="H1369">
        <v>124</v>
      </c>
      <c r="I1369">
        <v>5314.3713918575149</v>
      </c>
      <c r="J1369">
        <v>72.8997351974444</v>
      </c>
      <c r="K1369">
        <v>1.01568273898922E-2</v>
      </c>
      <c r="L1369">
        <v>-1.1698350268899049</v>
      </c>
      <c r="M1369">
        <v>7.8008565640109788</v>
      </c>
      <c r="N1369">
        <v>10</v>
      </c>
      <c r="O1369">
        <v>1</v>
      </c>
      <c r="P1369">
        <v>9</v>
      </c>
      <c r="Q1369">
        <v>1.7912185796267299</v>
      </c>
      <c r="R1369">
        <v>5.4071417332967551</v>
      </c>
      <c r="S1369">
        <v>2</v>
      </c>
      <c r="T1369">
        <v>1</v>
      </c>
      <c r="U1369">
        <v>1</v>
      </c>
      <c r="V1369">
        <v>8.6384400699819966E-2</v>
      </c>
      <c r="W1369">
        <v>6.8334044686993591</v>
      </c>
      <c r="X1369">
        <v>1</v>
      </c>
      <c r="Y1369">
        <v>1</v>
      </c>
      <c r="Z1369">
        <v>0</v>
      </c>
      <c r="AA1369">
        <v>0</v>
      </c>
      <c r="AB1369">
        <v>6.8426832822384238</v>
      </c>
      <c r="AC1369">
        <v>1</v>
      </c>
      <c r="AD1369">
        <v>1</v>
      </c>
      <c r="AE1369">
        <v>0</v>
      </c>
      <c r="AF1369">
        <v>0</v>
      </c>
      <c r="AG1369">
        <v>6.8416154764775907</v>
      </c>
      <c r="AH1369">
        <v>-1.6054749440024389E-2</v>
      </c>
      <c r="AI1369">
        <v>-2.0545634099408901E-2</v>
      </c>
      <c r="AJ1369">
        <v>3.9961919862734799E-2</v>
      </c>
      <c r="AK1369">
        <v>-1.4425486076503371E-2</v>
      </c>
      <c r="AL1369">
        <v>2112.21730409361</v>
      </c>
      <c r="AM1369">
        <v>3913.7372242253982</v>
      </c>
      <c r="AN1369">
        <v>117841</v>
      </c>
      <c r="AO1369">
        <v>121.58800970229581</v>
      </c>
      <c r="AP1369">
        <v>1806.7826030916781</v>
      </c>
      <c r="AQ1369">
        <v>1.0244941427050049</v>
      </c>
      <c r="AR1369">
        <v>4.0319488817891376</v>
      </c>
      <c r="AS1369">
        <v>935</v>
      </c>
      <c r="AT1369">
        <v>213.55591054313101</v>
      </c>
      <c r="AU1369">
        <v>2.8728935663722369E-2</v>
      </c>
      <c r="AV1369">
        <v>-1.6066776937113069E-2</v>
      </c>
      <c r="AW1369">
        <v>0.37167199148029822</v>
      </c>
      <c r="AX1369">
        <v>85.233475479744143</v>
      </c>
      <c r="AY1369">
        <v>61</v>
      </c>
      <c r="AZ1369">
        <v>120</v>
      </c>
      <c r="BA1369">
        <v>0.58089163661544185</v>
      </c>
      <c r="BB1369">
        <v>0.49414270500532481</v>
      </c>
      <c r="BC1369">
        <v>5.2227296960116254</v>
      </c>
      <c r="BD1369" t="s">
        <v>5258</v>
      </c>
      <c r="BE1369" t="s">
        <v>68</v>
      </c>
    </row>
    <row r="1370" spans="1:57" x14ac:dyDescent="0.3">
      <c r="A1370" t="s">
        <v>5259</v>
      </c>
      <c r="B1370">
        <v>2918</v>
      </c>
      <c r="C1370" t="s">
        <v>5260</v>
      </c>
      <c r="D1370" t="s">
        <v>5261</v>
      </c>
      <c r="E1370" t="s">
        <v>72</v>
      </c>
      <c r="F1370">
        <v>2936</v>
      </c>
      <c r="G1370">
        <v>128.68460490463221</v>
      </c>
      <c r="H1370">
        <v>129</v>
      </c>
      <c r="I1370">
        <v>5331.7506621736002</v>
      </c>
      <c r="J1370">
        <v>73.01883772132777</v>
      </c>
      <c r="K1370">
        <v>-1.4948944335307491E-2</v>
      </c>
      <c r="L1370">
        <v>-1.171893247864271</v>
      </c>
      <c r="M1370">
        <v>7.9353238433105391</v>
      </c>
      <c r="N1370">
        <v>22</v>
      </c>
      <c r="O1370">
        <v>4</v>
      </c>
      <c r="P1370">
        <v>18</v>
      </c>
      <c r="Q1370">
        <v>3.4116928990605242</v>
      </c>
      <c r="R1370">
        <v>5.5003473488207959</v>
      </c>
      <c r="S1370">
        <v>3</v>
      </c>
      <c r="T1370">
        <v>1</v>
      </c>
      <c r="U1370">
        <v>2</v>
      </c>
      <c r="V1370">
        <v>0.16827186544159009</v>
      </c>
      <c r="W1370">
        <v>7.9475583335441282</v>
      </c>
      <c r="X1370">
        <v>1</v>
      </c>
      <c r="Y1370">
        <v>1</v>
      </c>
      <c r="Z1370">
        <v>0</v>
      </c>
      <c r="AA1370">
        <v>0</v>
      </c>
      <c r="AB1370">
        <v>7.9841219587029268</v>
      </c>
      <c r="AC1370">
        <v>1</v>
      </c>
      <c r="AD1370">
        <v>1</v>
      </c>
      <c r="AE1370">
        <v>0</v>
      </c>
      <c r="AF1370">
        <v>0</v>
      </c>
      <c r="AG1370">
        <v>7.9837810689774509</v>
      </c>
      <c r="AH1370">
        <v>8.9734737666055126E-3</v>
      </c>
      <c r="AI1370">
        <v>7.553365402715416E-3</v>
      </c>
      <c r="AJ1370">
        <v>-1.7327386738754211E-2</v>
      </c>
      <c r="AK1370">
        <v>-2.573705771084356E-3</v>
      </c>
      <c r="AL1370">
        <v>3630.894164637928</v>
      </c>
      <c r="AM1370">
        <v>7147.7260415602259</v>
      </c>
      <c r="AN1370">
        <v>377817.99999999988</v>
      </c>
      <c r="AO1370">
        <v>64.929293044478584</v>
      </c>
      <c r="AP1370">
        <v>3278.5514139051311</v>
      </c>
      <c r="AQ1370">
        <v>1.00783378746594</v>
      </c>
      <c r="AR1370">
        <v>4.0061307901907357</v>
      </c>
      <c r="AS1370">
        <v>2924</v>
      </c>
      <c r="AT1370">
        <v>259.81471389645782</v>
      </c>
      <c r="AU1370">
        <v>1.867286424106426E-2</v>
      </c>
      <c r="AV1370">
        <v>8.9772322974335031E-3</v>
      </c>
      <c r="AW1370">
        <v>0.375</v>
      </c>
      <c r="AX1370">
        <v>84.080408858603064</v>
      </c>
      <c r="AY1370">
        <v>62</v>
      </c>
      <c r="AZ1370">
        <v>124</v>
      </c>
      <c r="BA1370">
        <v>0.5674248118136731</v>
      </c>
      <c r="BB1370">
        <v>0.50068119891008178</v>
      </c>
      <c r="BC1370">
        <v>5.2997795585475416</v>
      </c>
      <c r="BD1370" t="s">
        <v>5262</v>
      </c>
      <c r="BE1370" t="s">
        <v>68</v>
      </c>
    </row>
    <row r="1371" spans="1:57" x14ac:dyDescent="0.3">
      <c r="A1371" t="s">
        <v>5263</v>
      </c>
      <c r="B1371">
        <v>524</v>
      </c>
      <c r="C1371" t="s">
        <v>5264</v>
      </c>
      <c r="D1371" t="s">
        <v>5265</v>
      </c>
      <c r="E1371" t="s">
        <v>72</v>
      </c>
      <c r="F1371">
        <v>528</v>
      </c>
      <c r="G1371">
        <v>124.3541666666667</v>
      </c>
      <c r="H1371">
        <v>124</v>
      </c>
      <c r="I1371">
        <v>5813.3120659722217</v>
      </c>
      <c r="J1371">
        <v>76.245078962331874</v>
      </c>
      <c r="K1371">
        <v>4.3116931733204987E-2</v>
      </c>
      <c r="L1371">
        <v>-1.293344701823393</v>
      </c>
      <c r="M1371">
        <v>7.5991305572017689</v>
      </c>
      <c r="N1371">
        <v>6</v>
      </c>
      <c r="O1371">
        <v>1</v>
      </c>
      <c r="P1371">
        <v>5</v>
      </c>
      <c r="Q1371">
        <v>1.273811433667289</v>
      </c>
      <c r="R1371">
        <v>5.26731592043134</v>
      </c>
      <c r="S1371">
        <v>2</v>
      </c>
      <c r="T1371">
        <v>1</v>
      </c>
      <c r="U1371">
        <v>1</v>
      </c>
      <c r="V1371">
        <v>4.3560605465359691E-2</v>
      </c>
      <c r="W1371">
        <v>6.264570008956694</v>
      </c>
      <c r="X1371">
        <v>1</v>
      </c>
      <c r="Y1371">
        <v>1</v>
      </c>
      <c r="Z1371">
        <v>0</v>
      </c>
      <c r="AA1371">
        <v>0</v>
      </c>
      <c r="AB1371">
        <v>6.2653012127377092</v>
      </c>
      <c r="AC1371">
        <v>1</v>
      </c>
      <c r="AD1371">
        <v>1</v>
      </c>
      <c r="AE1371">
        <v>0</v>
      </c>
      <c r="AF1371">
        <v>0</v>
      </c>
      <c r="AG1371">
        <v>6.2633982625916236</v>
      </c>
      <c r="AH1371">
        <v>-5.4874286145393256E-3</v>
      </c>
      <c r="AI1371">
        <v>-1.1907549774524529E-2</v>
      </c>
      <c r="AJ1371">
        <v>-7.677671133492648E-3</v>
      </c>
      <c r="AK1371">
        <v>-5.0587657921592588E-2</v>
      </c>
      <c r="AL1371">
        <v>1676.5805341394671</v>
      </c>
      <c r="AM1371">
        <v>2902.3226410143679</v>
      </c>
      <c r="AN1371">
        <v>65659</v>
      </c>
      <c r="AO1371">
        <v>48.789095885404812</v>
      </c>
      <c r="AP1371">
        <v>1462.724408453973</v>
      </c>
      <c r="AQ1371">
        <v>1.043560606060606</v>
      </c>
      <c r="AR1371">
        <v>3.9015151515151509</v>
      </c>
      <c r="AS1371">
        <v>524</v>
      </c>
      <c r="AT1371">
        <v>151.45454545454541</v>
      </c>
      <c r="AU1371">
        <v>4.745989304812831E-2</v>
      </c>
      <c r="AV1371">
        <v>-5.5048194525628624E-3</v>
      </c>
      <c r="AW1371">
        <v>0.36931818181818182</v>
      </c>
      <c r="AX1371">
        <v>88.971537001897531</v>
      </c>
      <c r="AY1371">
        <v>68.5</v>
      </c>
      <c r="AZ1371">
        <v>138</v>
      </c>
      <c r="BA1371">
        <v>0.61312846208609983</v>
      </c>
      <c r="BB1371">
        <v>0.5</v>
      </c>
      <c r="BC1371">
        <v>5.0947802130957367</v>
      </c>
      <c r="BD1371" t="s">
        <v>5266</v>
      </c>
      <c r="BE1371" t="s">
        <v>62</v>
      </c>
    </row>
    <row r="1372" spans="1:57" x14ac:dyDescent="0.3">
      <c r="A1372" t="s">
        <v>5267</v>
      </c>
      <c r="B1372">
        <v>2103</v>
      </c>
      <c r="C1372" t="s">
        <v>5268</v>
      </c>
      <c r="D1372" t="s">
        <v>5269</v>
      </c>
      <c r="E1372" t="s">
        <v>72</v>
      </c>
      <c r="F1372">
        <v>2104</v>
      </c>
      <c r="G1372">
        <v>129.2447718631179</v>
      </c>
      <c r="H1372">
        <v>132</v>
      </c>
      <c r="I1372">
        <v>5529.7086228566995</v>
      </c>
      <c r="J1372">
        <v>74.3620106160175</v>
      </c>
      <c r="K1372">
        <v>-4.6437431484663748E-2</v>
      </c>
      <c r="L1372">
        <v>-1.2049389625959031</v>
      </c>
      <c r="M1372">
        <v>7.9211556127835534</v>
      </c>
      <c r="N1372">
        <v>18</v>
      </c>
      <c r="O1372">
        <v>1</v>
      </c>
      <c r="P1372">
        <v>17</v>
      </c>
      <c r="Q1372">
        <v>2.6924010543565009</v>
      </c>
      <c r="R1372">
        <v>5.4905266797775027</v>
      </c>
      <c r="S1372">
        <v>3</v>
      </c>
      <c r="T1372">
        <v>1</v>
      </c>
      <c r="U1372">
        <v>2</v>
      </c>
      <c r="V1372">
        <v>0.15111209439272361</v>
      </c>
      <c r="W1372">
        <v>7.6205482362089851</v>
      </c>
      <c r="X1372">
        <v>2</v>
      </c>
      <c r="Y1372">
        <v>1</v>
      </c>
      <c r="Z1372">
        <v>1</v>
      </c>
      <c r="AA1372">
        <v>3.084597093466979E-2</v>
      </c>
      <c r="AB1372">
        <v>7.6493255273064316</v>
      </c>
      <c r="AC1372">
        <v>1</v>
      </c>
      <c r="AD1372">
        <v>1</v>
      </c>
      <c r="AE1372">
        <v>0</v>
      </c>
      <c r="AF1372">
        <v>0</v>
      </c>
      <c r="AG1372">
        <v>7.6501687008449997</v>
      </c>
      <c r="AH1372">
        <v>-1.2879124003498209E-2</v>
      </c>
      <c r="AI1372">
        <v>-4.1223595924878613E-2</v>
      </c>
      <c r="AJ1372">
        <v>3.1305705932045862E-3</v>
      </c>
      <c r="AK1372">
        <v>9.2334975020702242E-3</v>
      </c>
      <c r="AL1372">
        <v>3118.7145159912652</v>
      </c>
      <c r="AM1372">
        <v>6087.1821697518917</v>
      </c>
      <c r="AN1372">
        <v>271931</v>
      </c>
      <c r="AO1372">
        <v>81.887850417626836</v>
      </c>
      <c r="AP1372">
        <v>2708.2757515859139</v>
      </c>
      <c r="AQ1372">
        <v>1.0109315589353609</v>
      </c>
      <c r="AR1372">
        <v>4.0095057034220529</v>
      </c>
      <c r="AS1372">
        <v>2095</v>
      </c>
      <c r="AT1372">
        <v>225.79467680608369</v>
      </c>
      <c r="AU1372">
        <v>2.6927234772235908E-2</v>
      </c>
      <c r="AV1372">
        <v>-1.288550218221589E-2</v>
      </c>
      <c r="AW1372">
        <v>0.34648288973384028</v>
      </c>
      <c r="AX1372">
        <v>87.239657631954344</v>
      </c>
      <c r="AY1372">
        <v>65</v>
      </c>
      <c r="AZ1372">
        <v>129</v>
      </c>
      <c r="BA1372">
        <v>0.57535797807569133</v>
      </c>
      <c r="BB1372">
        <v>0.50903041825095052</v>
      </c>
      <c r="BC1372">
        <v>5.3055385990235484</v>
      </c>
      <c r="BD1372" t="s">
        <v>5270</v>
      </c>
      <c r="BE1372" t="s">
        <v>68</v>
      </c>
    </row>
    <row r="1373" spans="1:57" x14ac:dyDescent="0.3">
      <c r="A1373" t="s">
        <v>5271</v>
      </c>
      <c r="B1373">
        <v>3542</v>
      </c>
      <c r="C1373" t="s">
        <v>5272</v>
      </c>
      <c r="D1373" t="s">
        <v>5273</v>
      </c>
      <c r="E1373" t="s">
        <v>128</v>
      </c>
      <c r="F1373">
        <v>32</v>
      </c>
      <c r="G1373">
        <v>111.6875</v>
      </c>
      <c r="H1373">
        <v>121.5</v>
      </c>
      <c r="I1373">
        <v>4253.65234375</v>
      </c>
      <c r="J1373">
        <v>65.220030234200294</v>
      </c>
      <c r="K1373">
        <v>0.14043660806311051</v>
      </c>
      <c r="L1373">
        <v>-0.90473578727494974</v>
      </c>
      <c r="M1373">
        <v>4.875</v>
      </c>
      <c r="N1373">
        <v>2</v>
      </c>
      <c r="O1373">
        <v>1</v>
      </c>
      <c r="P1373">
        <v>1</v>
      </c>
      <c r="Q1373">
        <v>0.24944382578492941</v>
      </c>
      <c r="R1373">
        <v>3.3790925052297318</v>
      </c>
      <c r="S1373">
        <v>1</v>
      </c>
      <c r="T1373">
        <v>1</v>
      </c>
      <c r="U1373">
        <v>0</v>
      </c>
      <c r="V1373">
        <v>0</v>
      </c>
      <c r="W1373">
        <v>3.4339872044851458</v>
      </c>
      <c r="X1373">
        <v>1</v>
      </c>
      <c r="Y1373">
        <v>1</v>
      </c>
      <c r="Z1373">
        <v>0</v>
      </c>
      <c r="AA1373">
        <v>0</v>
      </c>
      <c r="AB1373">
        <v>3.401197381662155</v>
      </c>
      <c r="AC1373">
        <v>1</v>
      </c>
      <c r="AD1373">
        <v>1</v>
      </c>
      <c r="AE1373">
        <v>0</v>
      </c>
      <c r="AF1373">
        <v>0</v>
      </c>
      <c r="AG1373">
        <v>3.3672958299864728</v>
      </c>
      <c r="AH1373">
        <v>7.6564917786644746E-2</v>
      </c>
      <c r="AI1373">
        <v>-0.18850120760192299</v>
      </c>
      <c r="AJ1373">
        <v>-0.2711120555864216</v>
      </c>
      <c r="AK1373">
        <v>-1.213858035603594E-3</v>
      </c>
      <c r="AL1373">
        <v>441.57204535758922</v>
      </c>
      <c r="AM1373">
        <v>583.35420522930599</v>
      </c>
      <c r="AN1373">
        <v>3574</v>
      </c>
      <c r="AO1373">
        <v>68.394908802987274</v>
      </c>
      <c r="AP1373">
        <v>354.50294854815542</v>
      </c>
      <c r="AQ1373">
        <v>1.65625</v>
      </c>
      <c r="AR1373">
        <v>3.71875</v>
      </c>
      <c r="AS1373">
        <v>32</v>
      </c>
      <c r="AT1373">
        <v>1.75</v>
      </c>
      <c r="AU1373">
        <v>0.17380478087649401</v>
      </c>
      <c r="AV1373">
        <v>7.9012675917194283E-2</v>
      </c>
      <c r="AW1373">
        <v>0.375</v>
      </c>
      <c r="AX1373">
        <v>69.483870967741936</v>
      </c>
      <c r="AY1373">
        <v>52</v>
      </c>
      <c r="AZ1373">
        <v>112.5</v>
      </c>
      <c r="BA1373">
        <v>0.58395102615959971</v>
      </c>
      <c r="BB1373">
        <v>0.53125</v>
      </c>
      <c r="BC1373">
        <v>3.2551105127277409</v>
      </c>
      <c r="BD1373" t="s">
        <v>5274</v>
      </c>
      <c r="BE1373" t="s">
        <v>62</v>
      </c>
    </row>
    <row r="1374" spans="1:57" x14ac:dyDescent="0.3">
      <c r="A1374" t="s">
        <v>5275</v>
      </c>
      <c r="B1374">
        <v>3815</v>
      </c>
      <c r="C1374" t="s">
        <v>5276</v>
      </c>
      <c r="D1374" t="s">
        <v>5277</v>
      </c>
      <c r="E1374" t="s">
        <v>93</v>
      </c>
      <c r="F1374">
        <v>3939</v>
      </c>
      <c r="G1374">
        <v>125.03808073115</v>
      </c>
      <c r="H1374">
        <v>124</v>
      </c>
      <c r="I1374">
        <v>5502.0244447550967</v>
      </c>
      <c r="J1374">
        <v>74.175632418976363</v>
      </c>
      <c r="K1374">
        <v>2.875502749569768E-2</v>
      </c>
      <c r="L1374">
        <v>-1.2234314421549071</v>
      </c>
      <c r="M1374">
        <v>7.9460920000019577</v>
      </c>
      <c r="N1374">
        <v>28</v>
      </c>
      <c r="O1374">
        <v>5</v>
      </c>
      <c r="P1374">
        <v>23</v>
      </c>
      <c r="Q1374">
        <v>4.1639800501921762</v>
      </c>
      <c r="R1374">
        <v>5.5078112662712968</v>
      </c>
      <c r="S1374">
        <v>3</v>
      </c>
      <c r="T1374">
        <v>1</v>
      </c>
      <c r="U1374">
        <v>2</v>
      </c>
      <c r="V1374">
        <v>0.1701611815494769</v>
      </c>
      <c r="W1374">
        <v>8.2394392099327654</v>
      </c>
      <c r="X1374">
        <v>1</v>
      </c>
      <c r="Y1374">
        <v>1</v>
      </c>
      <c r="Z1374">
        <v>0</v>
      </c>
      <c r="AA1374">
        <v>0</v>
      </c>
      <c r="AB1374">
        <v>8.2781742909437384</v>
      </c>
      <c r="AC1374">
        <v>1</v>
      </c>
      <c r="AD1374">
        <v>1</v>
      </c>
      <c r="AE1374">
        <v>0</v>
      </c>
      <c r="AF1374">
        <v>0</v>
      </c>
      <c r="AG1374">
        <v>8.2779202581721449</v>
      </c>
      <c r="AH1374">
        <v>-1.02605493482676E-2</v>
      </c>
      <c r="AI1374">
        <v>1.18323814800389E-2</v>
      </c>
      <c r="AJ1374">
        <v>-7.2092618068008403E-3</v>
      </c>
      <c r="AK1374">
        <v>1.365114865778844E-2</v>
      </c>
      <c r="AL1374">
        <v>4269.3661035146442</v>
      </c>
      <c r="AM1374">
        <v>8064.0788732601204</v>
      </c>
      <c r="AN1374">
        <v>492525</v>
      </c>
      <c r="AO1374">
        <v>121.6892381923515</v>
      </c>
      <c r="AP1374">
        <v>3879.153337152999</v>
      </c>
      <c r="AQ1374">
        <v>1.005839045443006</v>
      </c>
      <c r="AR1374">
        <v>3.9903528814419902</v>
      </c>
      <c r="AS1374">
        <v>3920</v>
      </c>
      <c r="AT1374">
        <v>288.47702462553951</v>
      </c>
      <c r="AU1374">
        <v>2.1994235622657291E-2</v>
      </c>
      <c r="AV1374">
        <v>-1.026439975293251E-2</v>
      </c>
      <c r="AW1374">
        <v>0.37699923838537702</v>
      </c>
      <c r="AX1374">
        <v>86.039614017267652</v>
      </c>
      <c r="AY1374">
        <v>65</v>
      </c>
      <c r="AZ1374">
        <v>130</v>
      </c>
      <c r="BA1374">
        <v>0.59322433602019775</v>
      </c>
      <c r="BB1374">
        <v>0.49428789032749432</v>
      </c>
      <c r="BC1374">
        <v>5.3337702860596927</v>
      </c>
      <c r="BD1374" t="s">
        <v>5278</v>
      </c>
      <c r="BE1374" t="s">
        <v>68</v>
      </c>
    </row>
    <row r="1375" spans="1:57" x14ac:dyDescent="0.3">
      <c r="A1375" t="s">
        <v>5279</v>
      </c>
      <c r="B1375">
        <v>1029</v>
      </c>
      <c r="C1375" t="s">
        <v>5280</v>
      </c>
      <c r="D1375" t="s">
        <v>5281</v>
      </c>
      <c r="E1375" t="s">
        <v>93</v>
      </c>
      <c r="F1375">
        <v>1037</v>
      </c>
      <c r="G1375">
        <v>128.3770491803279</v>
      </c>
      <c r="H1375">
        <v>129</v>
      </c>
      <c r="I1375">
        <v>5463.5752881104063</v>
      </c>
      <c r="J1375">
        <v>73.916001570095816</v>
      </c>
      <c r="K1375">
        <v>8.8009260811546895E-3</v>
      </c>
      <c r="L1375">
        <v>-1.2122254643241801</v>
      </c>
      <c r="M1375">
        <v>7.7754235066143469</v>
      </c>
      <c r="N1375">
        <v>11</v>
      </c>
      <c r="O1375">
        <v>1</v>
      </c>
      <c r="P1375">
        <v>10</v>
      </c>
      <c r="Q1375">
        <v>2.063498993535259</v>
      </c>
      <c r="R1375">
        <v>5.389512881269269</v>
      </c>
      <c r="S1375">
        <v>2</v>
      </c>
      <c r="T1375">
        <v>1</v>
      </c>
      <c r="U1375">
        <v>1</v>
      </c>
      <c r="V1375">
        <v>8.7872294090554193E-2</v>
      </c>
      <c r="W1375">
        <v>6.932417447057885</v>
      </c>
      <c r="X1375">
        <v>1</v>
      </c>
      <c r="Y1375">
        <v>1</v>
      </c>
      <c r="Z1375">
        <v>0</v>
      </c>
      <c r="AA1375">
        <v>0</v>
      </c>
      <c r="AB1375">
        <v>6.9421567056994693</v>
      </c>
      <c r="AC1375">
        <v>1</v>
      </c>
      <c r="AD1375">
        <v>1</v>
      </c>
      <c r="AE1375">
        <v>0</v>
      </c>
      <c r="AF1375">
        <v>0</v>
      </c>
      <c r="AG1375">
        <v>6.9411900550683736</v>
      </c>
      <c r="AH1375">
        <v>6.1446576351010416E-3</v>
      </c>
      <c r="AI1375">
        <v>-1.9258931299099679E-2</v>
      </c>
      <c r="AJ1375">
        <v>-1.782843269734312E-3</v>
      </c>
      <c r="AK1375">
        <v>-6.7488379737083463E-3</v>
      </c>
      <c r="AL1375">
        <v>2217.2991019165961</v>
      </c>
      <c r="AM1375">
        <v>4223.7144426014238</v>
      </c>
      <c r="AN1375">
        <v>133127</v>
      </c>
      <c r="AO1375">
        <v>184.65104952603079</v>
      </c>
      <c r="AP1375">
        <v>1970.306041899184</v>
      </c>
      <c r="AQ1375">
        <v>1.022179363548698</v>
      </c>
      <c r="AR1375">
        <v>3.9797492767598839</v>
      </c>
      <c r="AS1375">
        <v>1032</v>
      </c>
      <c r="AT1375">
        <v>254.58244937319191</v>
      </c>
      <c r="AU1375">
        <v>1.472195435551271E-2</v>
      </c>
      <c r="AV1375">
        <v>6.1514415505877018E-3</v>
      </c>
      <c r="AW1375">
        <v>0.37801350048216009</v>
      </c>
      <c r="AX1375">
        <v>84.956563706563713</v>
      </c>
      <c r="AY1375">
        <v>65</v>
      </c>
      <c r="AZ1375">
        <v>132</v>
      </c>
      <c r="BA1375">
        <v>0.5757727104808894</v>
      </c>
      <c r="BB1375">
        <v>0.50048216007714563</v>
      </c>
      <c r="BC1375">
        <v>5.2019833312854891</v>
      </c>
      <c r="BD1375" t="s">
        <v>5282</v>
      </c>
      <c r="BE1375" t="s">
        <v>68</v>
      </c>
    </row>
    <row r="1376" spans="1:57" x14ac:dyDescent="0.3">
      <c r="A1376" t="s">
        <v>5283</v>
      </c>
      <c r="B1376">
        <v>152</v>
      </c>
      <c r="C1376" t="s">
        <v>5284</v>
      </c>
      <c r="D1376" t="s">
        <v>5285</v>
      </c>
      <c r="E1376" t="s">
        <v>60</v>
      </c>
      <c r="F1376">
        <v>512</v>
      </c>
      <c r="G1376">
        <v>127.51953125</v>
      </c>
      <c r="H1376">
        <v>128.5</v>
      </c>
      <c r="I1376">
        <v>5125.6207122802734</v>
      </c>
      <c r="J1376">
        <v>71.593440427739424</v>
      </c>
      <c r="K1376">
        <v>2.3675737612435199E-2</v>
      </c>
      <c r="L1376">
        <v>-1.1284235241094049</v>
      </c>
      <c r="M1376">
        <v>7.6210324053947556</v>
      </c>
      <c r="N1376">
        <v>9</v>
      </c>
      <c r="O1376">
        <v>1</v>
      </c>
      <c r="P1376">
        <v>8</v>
      </c>
      <c r="Q1376">
        <v>1.31916224776061</v>
      </c>
      <c r="R1376">
        <v>5.282497124755352</v>
      </c>
      <c r="S1376">
        <v>1</v>
      </c>
      <c r="T1376">
        <v>1</v>
      </c>
      <c r="U1376">
        <v>0</v>
      </c>
      <c r="V1376">
        <v>0</v>
      </c>
      <c r="W1376">
        <v>6.2363695902037044</v>
      </c>
      <c r="X1376">
        <v>1</v>
      </c>
      <c r="Y1376">
        <v>1</v>
      </c>
      <c r="Z1376">
        <v>0</v>
      </c>
      <c r="AA1376">
        <v>0</v>
      </c>
      <c r="AB1376">
        <v>6.2344107257183694</v>
      </c>
      <c r="AC1376">
        <v>1</v>
      </c>
      <c r="AD1376">
        <v>1</v>
      </c>
      <c r="AE1376">
        <v>0</v>
      </c>
      <c r="AF1376">
        <v>0</v>
      </c>
      <c r="AG1376">
        <v>6.2324480165505216</v>
      </c>
      <c r="AH1376">
        <v>-1.654131384790071E-2</v>
      </c>
      <c r="AI1376">
        <v>-4.8274661810435862E-3</v>
      </c>
      <c r="AJ1376">
        <v>4.0783478609313674E-3</v>
      </c>
      <c r="AK1376">
        <v>1.2280230159811121E-2</v>
      </c>
      <c r="AL1376">
        <v>1550.578926669943</v>
      </c>
      <c r="AM1376">
        <v>2923.3154109960642</v>
      </c>
      <c r="AN1376">
        <v>65290</v>
      </c>
      <c r="AO1376">
        <v>81.112759851145057</v>
      </c>
      <c r="AP1376">
        <v>1363.840586724737</v>
      </c>
      <c r="AQ1376">
        <v>1.044921875</v>
      </c>
      <c r="AR1376">
        <v>3.978515625</v>
      </c>
      <c r="AS1376">
        <v>512</v>
      </c>
      <c r="AT1376">
        <v>179.796875</v>
      </c>
      <c r="AU1376">
        <v>3.4214154411764668E-2</v>
      </c>
      <c r="AV1376">
        <v>-1.6564637516615049E-2</v>
      </c>
      <c r="AW1376">
        <v>0.375</v>
      </c>
      <c r="AX1376">
        <v>84.25244618395304</v>
      </c>
      <c r="AY1376">
        <v>59.5</v>
      </c>
      <c r="AZ1376">
        <v>121</v>
      </c>
      <c r="BA1376">
        <v>0.56143117627511996</v>
      </c>
      <c r="BB1376">
        <v>0.505859375</v>
      </c>
      <c r="BC1376">
        <v>5.0418239674549277</v>
      </c>
      <c r="BD1376" t="s">
        <v>5286</v>
      </c>
      <c r="BE1376" t="s">
        <v>62</v>
      </c>
    </row>
    <row r="1377" spans="1:57" x14ac:dyDescent="0.3">
      <c r="A1377" t="s">
        <v>5287</v>
      </c>
      <c r="B1377">
        <v>3351</v>
      </c>
      <c r="C1377" t="s">
        <v>5288</v>
      </c>
      <c r="D1377" t="s">
        <v>5289</v>
      </c>
      <c r="E1377" t="s">
        <v>106</v>
      </c>
      <c r="F1377">
        <v>3395</v>
      </c>
      <c r="G1377">
        <v>126.6344624447717</v>
      </c>
      <c r="H1377">
        <v>125</v>
      </c>
      <c r="I1377">
        <v>5436.2690332530074</v>
      </c>
      <c r="J1377">
        <v>73.73105881006326</v>
      </c>
      <c r="K1377">
        <v>1.047040892642309E-2</v>
      </c>
      <c r="L1377">
        <v>-1.1968910695141759</v>
      </c>
      <c r="M1377">
        <v>7.9354959148596453</v>
      </c>
      <c r="N1377">
        <v>29</v>
      </c>
      <c r="O1377">
        <v>3</v>
      </c>
      <c r="P1377">
        <v>26</v>
      </c>
      <c r="Q1377">
        <v>3.9703317929234121</v>
      </c>
      <c r="R1377">
        <v>5.5004666197299308</v>
      </c>
      <c r="S1377">
        <v>3</v>
      </c>
      <c r="T1377">
        <v>1</v>
      </c>
      <c r="U1377">
        <v>2</v>
      </c>
      <c r="V1377">
        <v>0.15543735776516579</v>
      </c>
      <c r="W1377">
        <v>8.096933922213335</v>
      </c>
      <c r="X1377">
        <v>2</v>
      </c>
      <c r="Y1377">
        <v>1</v>
      </c>
      <c r="Z1377">
        <v>1</v>
      </c>
      <c r="AA1377">
        <v>1.7167539341439469E-2</v>
      </c>
      <c r="AB1377">
        <v>8.1290611899651566</v>
      </c>
      <c r="AC1377">
        <v>1</v>
      </c>
      <c r="AD1377">
        <v>1</v>
      </c>
      <c r="AE1377">
        <v>0</v>
      </c>
      <c r="AF1377">
        <v>0</v>
      </c>
      <c r="AG1377">
        <v>8.1291749969117912</v>
      </c>
      <c r="AH1377">
        <v>3.9397703203181023E-3</v>
      </c>
      <c r="AI1377">
        <v>2.929993008402175E-2</v>
      </c>
      <c r="AJ1377">
        <v>-1.7929389710698931E-2</v>
      </c>
      <c r="AK1377">
        <v>4.0893620025824976E-3</v>
      </c>
      <c r="AL1377">
        <v>3925.704400805394</v>
      </c>
      <c r="AM1377">
        <v>7582.095551857491</v>
      </c>
      <c r="AN1377">
        <v>429924</v>
      </c>
      <c r="AO1377">
        <v>114.0248663473873</v>
      </c>
      <c r="AP1377">
        <v>3548.6988413874292</v>
      </c>
      <c r="AQ1377">
        <v>1.0067746686303389</v>
      </c>
      <c r="AR1377">
        <v>3.992930780559647</v>
      </c>
      <c r="AS1377">
        <v>3382</v>
      </c>
      <c r="AT1377">
        <v>304.29425625920481</v>
      </c>
      <c r="AU1377">
        <v>1.5212683011348821E-2</v>
      </c>
      <c r="AV1377">
        <v>3.9414305679135913E-3</v>
      </c>
      <c r="AW1377">
        <v>0.37555228276877761</v>
      </c>
      <c r="AX1377">
        <v>85.233058338243964</v>
      </c>
      <c r="AY1377">
        <v>64</v>
      </c>
      <c r="AZ1377">
        <v>127</v>
      </c>
      <c r="BA1377">
        <v>0.58223533615281942</v>
      </c>
      <c r="BB1377">
        <v>0.49425625920471278</v>
      </c>
      <c r="BC1377">
        <v>5.3152036209877433</v>
      </c>
      <c r="BD1377" t="s">
        <v>5290</v>
      </c>
      <c r="BE1377" t="s">
        <v>68</v>
      </c>
    </row>
    <row r="1378" spans="1:57" x14ac:dyDescent="0.3">
      <c r="A1378" t="s">
        <v>5291</v>
      </c>
      <c r="B1378">
        <v>2339</v>
      </c>
      <c r="C1378" t="s">
        <v>5292</v>
      </c>
      <c r="D1378" t="s">
        <v>5293</v>
      </c>
      <c r="E1378" t="s">
        <v>106</v>
      </c>
      <c r="F1378">
        <v>2365</v>
      </c>
      <c r="G1378">
        <v>130.0503171247357</v>
      </c>
      <c r="H1378">
        <v>131</v>
      </c>
      <c r="I1378">
        <v>5432.1450368973174</v>
      </c>
      <c r="J1378">
        <v>73.703087024203526</v>
      </c>
      <c r="K1378">
        <v>-3.1573868530110287E-2</v>
      </c>
      <c r="L1378">
        <v>-1.1799080275752809</v>
      </c>
      <c r="M1378">
        <v>7.9034477171071513</v>
      </c>
      <c r="N1378">
        <v>19</v>
      </c>
      <c r="O1378">
        <v>1</v>
      </c>
      <c r="P1378">
        <v>18</v>
      </c>
      <c r="Q1378">
        <v>3.3356882042388851</v>
      </c>
      <c r="R1378">
        <v>5.4782525018157529</v>
      </c>
      <c r="S1378">
        <v>3</v>
      </c>
      <c r="T1378">
        <v>1</v>
      </c>
      <c r="U1378">
        <v>2</v>
      </c>
      <c r="V1378">
        <v>0.1425261190203071</v>
      </c>
      <c r="W1378">
        <v>7.7409137673773936</v>
      </c>
      <c r="X1378">
        <v>1</v>
      </c>
      <c r="Y1378">
        <v>1</v>
      </c>
      <c r="Z1378">
        <v>0</v>
      </c>
      <c r="AA1378">
        <v>0</v>
      </c>
      <c r="AB1378">
        <v>7.7676872771869068</v>
      </c>
      <c r="AC1378">
        <v>1</v>
      </c>
      <c r="AD1378">
        <v>1</v>
      </c>
      <c r="AE1378">
        <v>0</v>
      </c>
      <c r="AF1378">
        <v>0</v>
      </c>
      <c r="AG1378">
        <v>7.7672639967573067</v>
      </c>
      <c r="AH1378">
        <v>-5.3617420962466106E-3</v>
      </c>
      <c r="AI1378">
        <v>5.3572317115370563E-3</v>
      </c>
      <c r="AJ1378">
        <v>5.5201467929463406E-3</v>
      </c>
      <c r="AK1378">
        <v>-1.50787717480395E-2</v>
      </c>
      <c r="AL1378">
        <v>3311.916214015966</v>
      </c>
      <c r="AM1378">
        <v>6471.2966236557386</v>
      </c>
      <c r="AN1378">
        <v>307569</v>
      </c>
      <c r="AO1378">
        <v>19.338860387729891</v>
      </c>
      <c r="AP1378">
        <v>3063.0039358764111</v>
      </c>
      <c r="AQ1378">
        <v>1.0097251585623681</v>
      </c>
      <c r="AR1378">
        <v>4.0232558139534884</v>
      </c>
      <c r="AS1378">
        <v>2358</v>
      </c>
      <c r="AT1378">
        <v>308.33276955602531</v>
      </c>
      <c r="AU1378">
        <v>2.2650582431704171E-2</v>
      </c>
      <c r="AV1378">
        <v>-5.3622116932338822E-3</v>
      </c>
      <c r="AW1378">
        <v>0.36025369978858351</v>
      </c>
      <c r="AX1378">
        <v>85.2593062605753</v>
      </c>
      <c r="AY1378">
        <v>63</v>
      </c>
      <c r="AZ1378">
        <v>125</v>
      </c>
      <c r="BA1378">
        <v>0.56672746867285506</v>
      </c>
      <c r="BB1378">
        <v>0.5010570824524313</v>
      </c>
      <c r="BC1378">
        <v>5.2991193144547104</v>
      </c>
      <c r="BD1378" t="s">
        <v>5294</v>
      </c>
      <c r="BE1378" t="s">
        <v>68</v>
      </c>
    </row>
    <row r="1379" spans="1:57" x14ac:dyDescent="0.3">
      <c r="A1379" t="s">
        <v>5295</v>
      </c>
      <c r="B1379">
        <v>1687</v>
      </c>
      <c r="C1379" t="s">
        <v>5296</v>
      </c>
      <c r="D1379" t="s">
        <v>5297</v>
      </c>
      <c r="E1379" t="s">
        <v>98</v>
      </c>
      <c r="F1379">
        <v>16</v>
      </c>
      <c r="G1379">
        <v>138.3125</v>
      </c>
      <c r="H1379">
        <v>142.5</v>
      </c>
      <c r="I1379">
        <v>6789.08984375</v>
      </c>
      <c r="J1379">
        <v>82.395933417554048</v>
      </c>
      <c r="K1379">
        <v>-6.6424836431853665E-2</v>
      </c>
      <c r="L1379">
        <v>-1.432471326899655</v>
      </c>
      <c r="M1379">
        <v>4</v>
      </c>
      <c r="N1379">
        <v>1</v>
      </c>
      <c r="O1379">
        <v>1</v>
      </c>
      <c r="P1379">
        <v>0</v>
      </c>
      <c r="Q1379">
        <v>0</v>
      </c>
      <c r="R1379">
        <v>2.7725887222397811</v>
      </c>
      <c r="S1379">
        <v>1</v>
      </c>
      <c r="T1379">
        <v>1</v>
      </c>
      <c r="U1379">
        <v>0</v>
      </c>
      <c r="V1379">
        <v>0</v>
      </c>
      <c r="W1379">
        <v>2.7080502011022101</v>
      </c>
      <c r="X1379">
        <v>1</v>
      </c>
      <c r="Y1379">
        <v>1</v>
      </c>
      <c r="Z1379">
        <v>0</v>
      </c>
      <c r="AA1379">
        <v>0</v>
      </c>
      <c r="AB1379">
        <v>2.639057329615258</v>
      </c>
      <c r="AC1379">
        <v>1</v>
      </c>
      <c r="AD1379">
        <v>1</v>
      </c>
      <c r="AE1379">
        <v>0</v>
      </c>
      <c r="AF1379">
        <v>0</v>
      </c>
      <c r="AG1379">
        <v>2.5649493574615372</v>
      </c>
      <c r="AH1379">
        <v>3.017105224547427E-5</v>
      </c>
      <c r="AI1379">
        <v>-0.10548296123088111</v>
      </c>
      <c r="AJ1379">
        <v>0.19620932913388731</v>
      </c>
      <c r="AK1379">
        <v>0.1197724606402621</v>
      </c>
      <c r="AL1379">
        <v>423.30298532457738</v>
      </c>
      <c r="AM1379">
        <v>485.30978005321572</v>
      </c>
      <c r="AN1379">
        <v>2213</v>
      </c>
      <c r="AO1379">
        <v>149.816532348534</v>
      </c>
      <c r="AP1379">
        <v>305.90563190080258</v>
      </c>
      <c r="AQ1379">
        <v>2.3125</v>
      </c>
      <c r="AR1379">
        <v>4.3125</v>
      </c>
      <c r="AS1379">
        <v>16</v>
      </c>
      <c r="AT1379">
        <v>0</v>
      </c>
      <c r="AU1379">
        <v>0.1240196078431373</v>
      </c>
      <c r="AV1379">
        <v>7.9852514172490691E-3</v>
      </c>
      <c r="AW1379">
        <v>0.3125</v>
      </c>
      <c r="AX1379">
        <v>95.266666666666666</v>
      </c>
      <c r="AY1379">
        <v>79.5</v>
      </c>
      <c r="AZ1379">
        <v>147.5</v>
      </c>
      <c r="BA1379">
        <v>0.59572297093577264</v>
      </c>
      <c r="BB1379">
        <v>0.5</v>
      </c>
      <c r="BC1379">
        <v>2.7080502011022101</v>
      </c>
      <c r="BD1379" t="s">
        <v>5296</v>
      </c>
      <c r="BE1379" t="s">
        <v>62</v>
      </c>
    </row>
    <row r="1380" spans="1:57" x14ac:dyDescent="0.3">
      <c r="A1380" t="s">
        <v>5298</v>
      </c>
      <c r="B1380">
        <v>3853</v>
      </c>
      <c r="C1380" t="s">
        <v>5299</v>
      </c>
      <c r="D1380" t="s">
        <v>5300</v>
      </c>
      <c r="E1380" t="s">
        <v>10622</v>
      </c>
      <c r="F1380">
        <v>64</v>
      </c>
      <c r="G1380">
        <v>129.09375</v>
      </c>
      <c r="H1380">
        <v>139.5</v>
      </c>
      <c r="I1380">
        <v>4644.4599609375</v>
      </c>
      <c r="J1380">
        <v>68.150274841246969</v>
      </c>
      <c r="K1380">
        <v>-7.4007593325858323E-2</v>
      </c>
      <c r="L1380">
        <v>-0.95893099941358217</v>
      </c>
      <c r="M1380">
        <v>5.695159765557392</v>
      </c>
      <c r="N1380">
        <v>3</v>
      </c>
      <c r="O1380">
        <v>1</v>
      </c>
      <c r="P1380">
        <v>2</v>
      </c>
      <c r="Q1380">
        <v>0.45780648407324248</v>
      </c>
      <c r="R1380">
        <v>3.947583934334546</v>
      </c>
      <c r="S1380">
        <v>1</v>
      </c>
      <c r="T1380">
        <v>1</v>
      </c>
      <c r="U1380">
        <v>0</v>
      </c>
      <c r="V1380">
        <v>0</v>
      </c>
      <c r="W1380">
        <v>4.1431347263915326</v>
      </c>
      <c r="X1380">
        <v>1</v>
      </c>
      <c r="Y1380">
        <v>1</v>
      </c>
      <c r="Z1380">
        <v>0</v>
      </c>
      <c r="AA1380">
        <v>0</v>
      </c>
      <c r="AB1380">
        <v>4.1271343850450908</v>
      </c>
      <c r="AC1380">
        <v>1</v>
      </c>
      <c r="AD1380">
        <v>1</v>
      </c>
      <c r="AE1380">
        <v>0</v>
      </c>
      <c r="AF1380">
        <v>0</v>
      </c>
      <c r="AG1380">
        <v>4.1108738641733096</v>
      </c>
      <c r="AH1380">
        <v>0.1633549798756373</v>
      </c>
      <c r="AI1380">
        <v>2.7046403098701891E-2</v>
      </c>
      <c r="AJ1380">
        <v>7.0531002026523959E-2</v>
      </c>
      <c r="AK1380">
        <v>-0.17888697750196761</v>
      </c>
      <c r="AL1380">
        <v>593.44290851414041</v>
      </c>
      <c r="AM1380">
        <v>1005.80490868472</v>
      </c>
      <c r="AN1380">
        <v>8262</v>
      </c>
      <c r="AO1380">
        <v>2</v>
      </c>
      <c r="AP1380">
        <v>445.60772233325741</v>
      </c>
      <c r="AQ1380">
        <v>1.359375</v>
      </c>
      <c r="AR1380">
        <v>4.046875</v>
      </c>
      <c r="AS1380">
        <v>63</v>
      </c>
      <c r="AT1380">
        <v>9.9062500000000036</v>
      </c>
      <c r="AU1380">
        <v>9.8713235294117685E-2</v>
      </c>
      <c r="AV1380">
        <v>0.1681189866195166</v>
      </c>
      <c r="AW1380">
        <v>0.375</v>
      </c>
      <c r="AX1380">
        <v>72.142857142857139</v>
      </c>
      <c r="AY1380">
        <v>46.5</v>
      </c>
      <c r="AZ1380">
        <v>105.75</v>
      </c>
      <c r="BA1380">
        <v>0.52791304645846115</v>
      </c>
      <c r="BB1380">
        <v>0.546875</v>
      </c>
      <c r="BC1380">
        <v>3.9807964935089331</v>
      </c>
      <c r="BD1380" t="s">
        <v>5301</v>
      </c>
      <c r="BE1380" t="s">
        <v>62</v>
      </c>
    </row>
    <row r="1381" spans="1:57" x14ac:dyDescent="0.3">
      <c r="A1381" t="s">
        <v>5302</v>
      </c>
      <c r="B1381">
        <v>2572</v>
      </c>
      <c r="C1381" t="s">
        <v>5303</v>
      </c>
      <c r="D1381" t="s">
        <v>5304</v>
      </c>
      <c r="E1381" t="s">
        <v>106</v>
      </c>
      <c r="F1381">
        <v>2610</v>
      </c>
      <c r="G1381">
        <v>127.0157088122605</v>
      </c>
      <c r="H1381">
        <v>126</v>
      </c>
      <c r="I1381">
        <v>5445.8330865665512</v>
      </c>
      <c r="J1381">
        <v>73.795888005813381</v>
      </c>
      <c r="K1381">
        <v>-5.2365350948795223E-3</v>
      </c>
      <c r="L1381">
        <v>-1.2062261223364761</v>
      </c>
      <c r="M1381">
        <v>7.9262738231968166</v>
      </c>
      <c r="N1381">
        <v>20</v>
      </c>
      <c r="O1381">
        <v>3</v>
      </c>
      <c r="P1381">
        <v>17</v>
      </c>
      <c r="Q1381">
        <v>3.2187405187967162</v>
      </c>
      <c r="R1381">
        <v>5.4940743528949767</v>
      </c>
      <c r="S1381">
        <v>3</v>
      </c>
      <c r="T1381">
        <v>1</v>
      </c>
      <c r="U1381">
        <v>2</v>
      </c>
      <c r="V1381">
        <v>0.14120435455914551</v>
      </c>
      <c r="W1381">
        <v>7.8399541877048549</v>
      </c>
      <c r="X1381">
        <v>1</v>
      </c>
      <c r="Y1381">
        <v>1</v>
      </c>
      <c r="Z1381">
        <v>0</v>
      </c>
      <c r="AA1381">
        <v>0</v>
      </c>
      <c r="AB1381">
        <v>7.866338923046543</v>
      </c>
      <c r="AC1381">
        <v>1</v>
      </c>
      <c r="AD1381">
        <v>1</v>
      </c>
      <c r="AE1381">
        <v>0</v>
      </c>
      <c r="AF1381">
        <v>0</v>
      </c>
      <c r="AG1381">
        <v>7.8659554139335022</v>
      </c>
      <c r="AH1381">
        <v>1.555620666320544E-2</v>
      </c>
      <c r="AI1381">
        <v>-3.9608913345232519E-2</v>
      </c>
      <c r="AJ1381">
        <v>-1.024129114244449E-2</v>
      </c>
      <c r="AK1381">
        <v>-7.3071059010343404E-3</v>
      </c>
      <c r="AL1381">
        <v>3460.8859937282418</v>
      </c>
      <c r="AM1381">
        <v>6659.0537720021221</v>
      </c>
      <c r="AN1381">
        <v>331511</v>
      </c>
      <c r="AO1381">
        <v>46.075521620244203</v>
      </c>
      <c r="AP1381">
        <v>3196.2659709895079</v>
      </c>
      <c r="AQ1381">
        <v>1.0088122605363981</v>
      </c>
      <c r="AR1381">
        <v>3.983141762452107</v>
      </c>
      <c r="AS1381">
        <v>2602</v>
      </c>
      <c r="AT1381">
        <v>260.14252873563208</v>
      </c>
      <c r="AU1381">
        <v>1.1809781383817891E-2</v>
      </c>
      <c r="AV1381">
        <v>1.556216844905284E-2</v>
      </c>
      <c r="AW1381">
        <v>0.36781609195402298</v>
      </c>
      <c r="AX1381">
        <v>84.120735914143353</v>
      </c>
      <c r="AY1381">
        <v>63</v>
      </c>
      <c r="AZ1381">
        <v>128</v>
      </c>
      <c r="BA1381">
        <v>0.58099811980650085</v>
      </c>
      <c r="BB1381">
        <v>0.49578544061302682</v>
      </c>
      <c r="BC1381">
        <v>5.2959407289994411</v>
      </c>
      <c r="BD1381" t="s">
        <v>5305</v>
      </c>
      <c r="BE1381" t="s">
        <v>68</v>
      </c>
    </row>
    <row r="1382" spans="1:57" x14ac:dyDescent="0.3">
      <c r="A1382" t="s">
        <v>5306</v>
      </c>
      <c r="B1382">
        <v>1509</v>
      </c>
      <c r="C1382" t="s">
        <v>5307</v>
      </c>
      <c r="D1382" t="s">
        <v>5308</v>
      </c>
      <c r="E1382" t="s">
        <v>115</v>
      </c>
      <c r="F1382">
        <v>1557</v>
      </c>
      <c r="G1382">
        <v>128.75144508670519</v>
      </c>
      <c r="H1382">
        <v>128</v>
      </c>
      <c r="I1382">
        <v>5515.8489462097341</v>
      </c>
      <c r="J1382">
        <v>74.268761577191626</v>
      </c>
      <c r="K1382">
        <v>-5.1941199905940066E-3</v>
      </c>
      <c r="L1382">
        <v>-1.2256174586487329</v>
      </c>
      <c r="M1382">
        <v>7.8725810405375602</v>
      </c>
      <c r="N1382">
        <v>13</v>
      </c>
      <c r="O1382">
        <v>1</v>
      </c>
      <c r="P1382">
        <v>12</v>
      </c>
      <c r="Q1382">
        <v>2.5165680249147719</v>
      </c>
      <c r="R1382">
        <v>5.4568573519782966</v>
      </c>
      <c r="S1382">
        <v>2</v>
      </c>
      <c r="T1382">
        <v>1</v>
      </c>
      <c r="U1382">
        <v>1</v>
      </c>
      <c r="V1382">
        <v>0.1013985521867176</v>
      </c>
      <c r="W1382">
        <v>7.3356187498682086</v>
      </c>
      <c r="X1382">
        <v>1</v>
      </c>
      <c r="Y1382">
        <v>1</v>
      </c>
      <c r="Z1382">
        <v>0</v>
      </c>
      <c r="AA1382">
        <v>0</v>
      </c>
      <c r="AB1382">
        <v>7.3492308246133344</v>
      </c>
      <c r="AC1382">
        <v>1</v>
      </c>
      <c r="AD1382">
        <v>1</v>
      </c>
      <c r="AE1382">
        <v>0</v>
      </c>
      <c r="AF1382">
        <v>0</v>
      </c>
      <c r="AG1382">
        <v>7.348587530927591</v>
      </c>
      <c r="AH1382">
        <v>-3.6154256646226977E-2</v>
      </c>
      <c r="AI1382">
        <v>-2.7793589001336799E-2</v>
      </c>
      <c r="AJ1382">
        <v>-5.5195839273629949E-2</v>
      </c>
      <c r="AK1382">
        <v>-1.2034160237859471E-3</v>
      </c>
      <c r="AL1382">
        <v>2742.4976801624862</v>
      </c>
      <c r="AM1382">
        <v>5184.3196732361503</v>
      </c>
      <c r="AN1382">
        <v>200466</v>
      </c>
      <c r="AO1382">
        <v>73.25188750212439</v>
      </c>
      <c r="AP1382">
        <v>2455.763602394858</v>
      </c>
      <c r="AQ1382">
        <v>1.014771997430957</v>
      </c>
      <c r="AR1382">
        <v>4.0012845215157364</v>
      </c>
      <c r="AS1382">
        <v>1553</v>
      </c>
      <c r="AT1382">
        <v>266.56840077071291</v>
      </c>
      <c r="AU1382">
        <v>1.883713022781364E-2</v>
      </c>
      <c r="AV1382">
        <v>-3.6159994357190667E-2</v>
      </c>
      <c r="AW1382">
        <v>0.37251123956326271</v>
      </c>
      <c r="AX1382">
        <v>87.467866323907458</v>
      </c>
      <c r="AY1382">
        <v>65</v>
      </c>
      <c r="AZ1382">
        <v>129</v>
      </c>
      <c r="BA1382">
        <v>0.57683827569606505</v>
      </c>
      <c r="BB1382">
        <v>0.49775208734746312</v>
      </c>
      <c r="BC1382">
        <v>5.2889445004460729</v>
      </c>
      <c r="BD1382" t="s">
        <v>5309</v>
      </c>
      <c r="BE1382" t="s">
        <v>68</v>
      </c>
    </row>
    <row r="1383" spans="1:57" x14ac:dyDescent="0.3">
      <c r="A1383" t="s">
        <v>5310</v>
      </c>
      <c r="B1383">
        <v>3680</v>
      </c>
      <c r="C1383" t="s">
        <v>5311</v>
      </c>
      <c r="D1383" t="s">
        <v>5312</v>
      </c>
      <c r="E1383" t="s">
        <v>98</v>
      </c>
      <c r="F1383">
        <v>16</v>
      </c>
      <c r="G1383">
        <v>113.4375</v>
      </c>
      <c r="H1383">
        <v>94</v>
      </c>
      <c r="I1383">
        <v>6703.24609375</v>
      </c>
      <c r="J1383">
        <v>81.873353991087967</v>
      </c>
      <c r="K1383">
        <v>0.49022301687059022</v>
      </c>
      <c r="L1383">
        <v>-1.065541938281455</v>
      </c>
      <c r="M1383">
        <v>4</v>
      </c>
      <c r="N1383">
        <v>1</v>
      </c>
      <c r="O1383">
        <v>1</v>
      </c>
      <c r="P1383">
        <v>0</v>
      </c>
      <c r="Q1383">
        <v>0</v>
      </c>
      <c r="R1383">
        <v>2.7725887222397811</v>
      </c>
      <c r="S1383">
        <v>1</v>
      </c>
      <c r="T1383">
        <v>1</v>
      </c>
      <c r="U1383">
        <v>0</v>
      </c>
      <c r="V1383">
        <v>0</v>
      </c>
      <c r="W1383">
        <v>2.7080502011022101</v>
      </c>
      <c r="X1383">
        <v>1</v>
      </c>
      <c r="Y1383">
        <v>1</v>
      </c>
      <c r="Z1383">
        <v>0</v>
      </c>
      <c r="AA1383">
        <v>0</v>
      </c>
      <c r="AB1383">
        <v>2.639057329615258</v>
      </c>
      <c r="AC1383">
        <v>1</v>
      </c>
      <c r="AD1383">
        <v>1</v>
      </c>
      <c r="AE1383">
        <v>0</v>
      </c>
      <c r="AF1383">
        <v>0</v>
      </c>
      <c r="AG1383">
        <v>2.5649493574615372</v>
      </c>
      <c r="AH1383">
        <v>0.40761905670701748</v>
      </c>
      <c r="AI1383">
        <v>-6.3788547526239331E-2</v>
      </c>
      <c r="AJ1383">
        <v>0.2254380529838913</v>
      </c>
      <c r="AK1383">
        <v>6.8823785817389077E-3</v>
      </c>
      <c r="AL1383">
        <v>345.27826632985011</v>
      </c>
      <c r="AM1383">
        <v>440.36793570859942</v>
      </c>
      <c r="AN1383">
        <v>1815</v>
      </c>
      <c r="AO1383">
        <v>5.3845930592404114</v>
      </c>
      <c r="AP1383">
        <v>200.4829771616206</v>
      </c>
      <c r="AQ1383">
        <v>2.25</v>
      </c>
      <c r="AR1383">
        <v>4</v>
      </c>
      <c r="AS1383">
        <v>16</v>
      </c>
      <c r="AT1383">
        <v>0</v>
      </c>
      <c r="AU1383">
        <v>0.2390873015873016</v>
      </c>
      <c r="AV1383">
        <v>0.47407898946710342</v>
      </c>
      <c r="AW1383">
        <v>0.5</v>
      </c>
      <c r="AX1383">
        <v>62.733333333333327</v>
      </c>
      <c r="AY1383">
        <v>60</v>
      </c>
      <c r="AZ1383">
        <v>124.75</v>
      </c>
      <c r="BA1383">
        <v>0.72174857512804824</v>
      </c>
      <c r="BB1383">
        <v>0.375</v>
      </c>
      <c r="BC1383">
        <v>2.7080502011022101</v>
      </c>
      <c r="BD1383" t="s">
        <v>5311</v>
      </c>
      <c r="BE1383" t="s">
        <v>62</v>
      </c>
    </row>
    <row r="1384" spans="1:57" x14ac:dyDescent="0.3">
      <c r="A1384" t="s">
        <v>5313</v>
      </c>
      <c r="B1384">
        <v>1369</v>
      </c>
      <c r="C1384" t="s">
        <v>5314</v>
      </c>
      <c r="D1384" t="s">
        <v>5315</v>
      </c>
      <c r="E1384" t="s">
        <v>128</v>
      </c>
      <c r="F1384">
        <v>32</v>
      </c>
      <c r="G1384">
        <v>130.375</v>
      </c>
      <c r="H1384">
        <v>116.5</v>
      </c>
      <c r="I1384">
        <v>4262.171875</v>
      </c>
      <c r="J1384">
        <v>65.285311326515099</v>
      </c>
      <c r="K1384">
        <v>0.28132672362991717</v>
      </c>
      <c r="L1384">
        <v>-0.97080889824414829</v>
      </c>
      <c r="M1384">
        <v>5</v>
      </c>
      <c r="N1384">
        <v>1</v>
      </c>
      <c r="O1384">
        <v>1</v>
      </c>
      <c r="P1384">
        <v>0</v>
      </c>
      <c r="Q1384">
        <v>0</v>
      </c>
      <c r="R1384">
        <v>3.465735902799727</v>
      </c>
      <c r="S1384">
        <v>1</v>
      </c>
      <c r="T1384">
        <v>1</v>
      </c>
      <c r="U1384">
        <v>0</v>
      </c>
      <c r="V1384">
        <v>0</v>
      </c>
      <c r="W1384">
        <v>3.4339872044851458</v>
      </c>
      <c r="X1384">
        <v>1</v>
      </c>
      <c r="Y1384">
        <v>1</v>
      </c>
      <c r="Z1384">
        <v>0</v>
      </c>
      <c r="AA1384">
        <v>0</v>
      </c>
      <c r="AB1384">
        <v>3.401197381662155</v>
      </c>
      <c r="AC1384">
        <v>1</v>
      </c>
      <c r="AD1384">
        <v>1</v>
      </c>
      <c r="AE1384">
        <v>0</v>
      </c>
      <c r="AF1384">
        <v>0</v>
      </c>
      <c r="AG1384">
        <v>3.3672958299864728</v>
      </c>
      <c r="AH1384">
        <v>-0.1299688804856679</v>
      </c>
      <c r="AI1384">
        <v>-9.690926537600035E-2</v>
      </c>
      <c r="AJ1384">
        <v>2.3262764912254971E-2</v>
      </c>
      <c r="AK1384">
        <v>0.17094401511846591</v>
      </c>
      <c r="AL1384">
        <v>446.88495522837309</v>
      </c>
      <c r="AM1384">
        <v>693.25885265933323</v>
      </c>
      <c r="AN1384">
        <v>4172</v>
      </c>
      <c r="AO1384">
        <v>97.836199431886513</v>
      </c>
      <c r="AP1384">
        <v>341.75925533855298</v>
      </c>
      <c r="AQ1384">
        <v>1.65625</v>
      </c>
      <c r="AR1384">
        <v>3.96875</v>
      </c>
      <c r="AS1384">
        <v>32</v>
      </c>
      <c r="AT1384">
        <v>0</v>
      </c>
      <c r="AU1384">
        <v>0.18622967479674801</v>
      </c>
      <c r="AV1384">
        <v>-0.1448545376638509</v>
      </c>
      <c r="AW1384">
        <v>0.5</v>
      </c>
      <c r="AX1384">
        <v>83.612903225806448</v>
      </c>
      <c r="AY1384">
        <v>35</v>
      </c>
      <c r="AZ1384">
        <v>108.25</v>
      </c>
      <c r="BA1384">
        <v>0.50075023069234981</v>
      </c>
      <c r="BB1384">
        <v>0.4375</v>
      </c>
      <c r="BC1384">
        <v>3.2829507132875908</v>
      </c>
      <c r="BD1384" t="s">
        <v>5316</v>
      </c>
      <c r="BE1384" t="s">
        <v>62</v>
      </c>
    </row>
    <row r="1385" spans="1:57" x14ac:dyDescent="0.3">
      <c r="A1385" t="s">
        <v>5317</v>
      </c>
      <c r="B1385">
        <v>129</v>
      </c>
      <c r="C1385" t="s">
        <v>5318</v>
      </c>
      <c r="D1385" t="s">
        <v>5319</v>
      </c>
      <c r="E1385" t="s">
        <v>60</v>
      </c>
      <c r="F1385">
        <v>512</v>
      </c>
      <c r="G1385">
        <v>128.419921875</v>
      </c>
      <c r="H1385">
        <v>130.5</v>
      </c>
      <c r="I1385">
        <v>5617.0795249938956</v>
      </c>
      <c r="J1385">
        <v>74.947178232365076</v>
      </c>
      <c r="K1385">
        <v>-5.0774190824918443E-2</v>
      </c>
      <c r="L1385">
        <v>-1.2483081492986909</v>
      </c>
      <c r="M1385">
        <v>7.5720161399797963</v>
      </c>
      <c r="N1385">
        <v>7</v>
      </c>
      <c r="O1385">
        <v>1</v>
      </c>
      <c r="P1385">
        <v>6</v>
      </c>
      <c r="Q1385">
        <v>1.2623733424236629</v>
      </c>
      <c r="R1385">
        <v>5.248521638581396</v>
      </c>
      <c r="S1385">
        <v>1</v>
      </c>
      <c r="T1385">
        <v>1</v>
      </c>
      <c r="U1385">
        <v>0</v>
      </c>
      <c r="V1385">
        <v>0</v>
      </c>
      <c r="W1385">
        <v>6.2363695902037044</v>
      </c>
      <c r="X1385">
        <v>1</v>
      </c>
      <c r="Y1385">
        <v>1</v>
      </c>
      <c r="Z1385">
        <v>0</v>
      </c>
      <c r="AA1385">
        <v>0</v>
      </c>
      <c r="AB1385">
        <v>6.2344107257183694</v>
      </c>
      <c r="AC1385">
        <v>1</v>
      </c>
      <c r="AD1385">
        <v>1</v>
      </c>
      <c r="AE1385">
        <v>0</v>
      </c>
      <c r="AF1385">
        <v>0</v>
      </c>
      <c r="AG1385">
        <v>6.2324480165505216</v>
      </c>
      <c r="AH1385">
        <v>4.1995251238959808E-2</v>
      </c>
      <c r="AI1385">
        <v>-2.9029951714613891E-2</v>
      </c>
      <c r="AJ1385">
        <v>-1.402499021628598E-2</v>
      </c>
      <c r="AK1385">
        <v>7.9009965653961789E-2</v>
      </c>
      <c r="AL1385">
        <v>1656.5185248248331</v>
      </c>
      <c r="AM1385">
        <v>2928.4175550819518</v>
      </c>
      <c r="AN1385">
        <v>65751</v>
      </c>
      <c r="AO1385">
        <v>87.380659906625112</v>
      </c>
      <c r="AP1385">
        <v>1426.207833671145</v>
      </c>
      <c r="AQ1385">
        <v>1.044921875</v>
      </c>
      <c r="AR1385">
        <v>4.046875</v>
      </c>
      <c r="AS1385">
        <v>510</v>
      </c>
      <c r="AT1385">
        <v>149.27734375</v>
      </c>
      <c r="AU1385">
        <v>2.7826286764705891E-2</v>
      </c>
      <c r="AV1385">
        <v>4.2158456881665252E-2</v>
      </c>
      <c r="AW1385">
        <v>0.349609375</v>
      </c>
      <c r="AX1385">
        <v>84.293542074363998</v>
      </c>
      <c r="AY1385">
        <v>65.5</v>
      </c>
      <c r="AZ1385">
        <v>132.25</v>
      </c>
      <c r="BA1385">
        <v>0.58361021512936562</v>
      </c>
      <c r="BB1385">
        <v>0.515625</v>
      </c>
      <c r="BC1385">
        <v>5.1083990795549301</v>
      </c>
      <c r="BD1385" t="s">
        <v>5320</v>
      </c>
      <c r="BE1385" t="s">
        <v>62</v>
      </c>
    </row>
    <row r="1386" spans="1:57" x14ac:dyDescent="0.3">
      <c r="A1386" t="s">
        <v>5321</v>
      </c>
      <c r="B1386">
        <v>2678</v>
      </c>
      <c r="C1386" t="s">
        <v>5322</v>
      </c>
      <c r="D1386" t="s">
        <v>5323</v>
      </c>
      <c r="E1386" t="s">
        <v>93</v>
      </c>
      <c r="F1386">
        <v>2820</v>
      </c>
      <c r="G1386">
        <v>127.4255319148936</v>
      </c>
      <c r="H1386">
        <v>127</v>
      </c>
      <c r="I1386">
        <v>5466.7373623057192</v>
      </c>
      <c r="J1386">
        <v>73.937388122016586</v>
      </c>
      <c r="K1386">
        <v>-1.5979577476085271E-3</v>
      </c>
      <c r="L1386">
        <v>-1.2017765993352389</v>
      </c>
      <c r="M1386">
        <v>7.9373040846448459</v>
      </c>
      <c r="N1386">
        <v>20</v>
      </c>
      <c r="O1386">
        <v>3</v>
      </c>
      <c r="P1386">
        <v>17</v>
      </c>
      <c r="Q1386">
        <v>3.201523990129544</v>
      </c>
      <c r="R1386">
        <v>5.501719947518513</v>
      </c>
      <c r="S1386">
        <v>2</v>
      </c>
      <c r="T1386">
        <v>1</v>
      </c>
      <c r="U1386">
        <v>1</v>
      </c>
      <c r="V1386">
        <v>0.1506347713898272</v>
      </c>
      <c r="W1386">
        <v>7.9126643307339517</v>
      </c>
      <c r="X1386">
        <v>2</v>
      </c>
      <c r="Y1386">
        <v>1</v>
      </c>
      <c r="Z1386">
        <v>1</v>
      </c>
      <c r="AA1386">
        <v>1.8837769487286611E-2</v>
      </c>
      <c r="AB1386">
        <v>7.9432907498180603</v>
      </c>
      <c r="AC1386">
        <v>1</v>
      </c>
      <c r="AD1386">
        <v>1</v>
      </c>
      <c r="AE1386">
        <v>0</v>
      </c>
      <c r="AF1386">
        <v>0</v>
      </c>
      <c r="AG1386">
        <v>7.9434277678763756</v>
      </c>
      <c r="AH1386">
        <v>1.24666388074442E-3</v>
      </c>
      <c r="AI1386">
        <v>8.2131952172987133E-3</v>
      </c>
      <c r="AJ1386">
        <v>1.6205162121857399E-3</v>
      </c>
      <c r="AK1386">
        <v>-5.1432925051328633E-4</v>
      </c>
      <c r="AL1386">
        <v>3594.2630541615372</v>
      </c>
      <c r="AM1386">
        <v>6948.8533656632426</v>
      </c>
      <c r="AN1386">
        <v>359340</v>
      </c>
      <c r="AO1386">
        <v>80.735252681396574</v>
      </c>
      <c r="AP1386">
        <v>3220.5971493771822</v>
      </c>
      <c r="AQ1386">
        <v>1.008156028368794</v>
      </c>
      <c r="AR1386">
        <v>4.0031914893617024</v>
      </c>
      <c r="AS1386">
        <v>2814</v>
      </c>
      <c r="AT1386">
        <v>238.20141843971629</v>
      </c>
      <c r="AU1386">
        <v>9.0529828952857772E-3</v>
      </c>
      <c r="AV1386">
        <v>1.246810765428444E-3</v>
      </c>
      <c r="AW1386">
        <v>0.37304964539007091</v>
      </c>
      <c r="AX1386">
        <v>85.845689960979072</v>
      </c>
      <c r="AY1386">
        <v>64</v>
      </c>
      <c r="AZ1386">
        <v>128</v>
      </c>
      <c r="BA1386">
        <v>0.580239980252927</v>
      </c>
      <c r="BB1386">
        <v>0.49964539007092201</v>
      </c>
      <c r="BC1386">
        <v>5.3071837842497551</v>
      </c>
      <c r="BD1386" t="s">
        <v>5324</v>
      </c>
      <c r="BE1386" t="s">
        <v>68</v>
      </c>
    </row>
    <row r="1387" spans="1:57" x14ac:dyDescent="0.3">
      <c r="A1387" t="s">
        <v>5325</v>
      </c>
      <c r="B1387">
        <v>2067</v>
      </c>
      <c r="C1387" t="s">
        <v>5326</v>
      </c>
      <c r="D1387" t="s">
        <v>5327</v>
      </c>
      <c r="E1387" t="s">
        <v>10622</v>
      </c>
      <c r="F1387">
        <v>64</v>
      </c>
      <c r="G1387">
        <v>129.875</v>
      </c>
      <c r="H1387">
        <v>125</v>
      </c>
      <c r="I1387">
        <v>5373.421875</v>
      </c>
      <c r="J1387">
        <v>73.303627979793745</v>
      </c>
      <c r="K1387">
        <v>-3.6953790740637267E-2</v>
      </c>
      <c r="L1387">
        <v>-1.0981240166112021</v>
      </c>
      <c r="M1387">
        <v>5.84375</v>
      </c>
      <c r="N1387">
        <v>2</v>
      </c>
      <c r="O1387">
        <v>1</v>
      </c>
      <c r="P1387">
        <v>1</v>
      </c>
      <c r="Q1387">
        <v>0.27850299534160988</v>
      </c>
      <c r="R1387">
        <v>4.0505788363971806</v>
      </c>
      <c r="S1387">
        <v>1</v>
      </c>
      <c r="T1387">
        <v>1</v>
      </c>
      <c r="U1387">
        <v>0</v>
      </c>
      <c r="V1387">
        <v>0</v>
      </c>
      <c r="W1387">
        <v>4.1431347263915326</v>
      </c>
      <c r="X1387">
        <v>1</v>
      </c>
      <c r="Y1387">
        <v>1</v>
      </c>
      <c r="Z1387">
        <v>0</v>
      </c>
      <c r="AA1387">
        <v>0</v>
      </c>
      <c r="AB1387">
        <v>4.1271343850450908</v>
      </c>
      <c r="AC1387">
        <v>1</v>
      </c>
      <c r="AD1387">
        <v>1</v>
      </c>
      <c r="AE1387">
        <v>0</v>
      </c>
      <c r="AF1387">
        <v>0</v>
      </c>
      <c r="AG1387">
        <v>4.1108738641733096</v>
      </c>
      <c r="AH1387">
        <v>0.11075849122852929</v>
      </c>
      <c r="AI1387">
        <v>-6.0523765698649893E-3</v>
      </c>
      <c r="AJ1387">
        <v>-0.1026153845315049</v>
      </c>
      <c r="AK1387">
        <v>0.27448820365863241</v>
      </c>
      <c r="AL1387">
        <v>619.22133546100486</v>
      </c>
      <c r="AM1387">
        <v>1019.796517796511</v>
      </c>
      <c r="AN1387">
        <v>8312</v>
      </c>
      <c r="AO1387">
        <v>90.756363644231996</v>
      </c>
      <c r="AP1387">
        <v>425.72485854545363</v>
      </c>
      <c r="AQ1387">
        <v>1.359375</v>
      </c>
      <c r="AR1387">
        <v>4.015625</v>
      </c>
      <c r="AS1387">
        <v>64</v>
      </c>
      <c r="AT1387">
        <v>4.2187499999999991</v>
      </c>
      <c r="AU1387">
        <v>8.1200787401574825E-2</v>
      </c>
      <c r="AV1387">
        <v>0.1132235220618992</v>
      </c>
      <c r="AW1387">
        <v>0.40625</v>
      </c>
      <c r="AX1387">
        <v>82</v>
      </c>
      <c r="AY1387">
        <v>63</v>
      </c>
      <c r="AZ1387">
        <v>123.5</v>
      </c>
      <c r="BA1387">
        <v>0.56441676981554378</v>
      </c>
      <c r="BB1387">
        <v>0.46875</v>
      </c>
      <c r="BC1387">
        <v>3.9367871487114772</v>
      </c>
      <c r="BD1387" t="s">
        <v>5328</v>
      </c>
      <c r="BE1387" t="s">
        <v>62</v>
      </c>
    </row>
    <row r="1388" spans="1:57" x14ac:dyDescent="0.3">
      <c r="A1388" t="s">
        <v>5329</v>
      </c>
      <c r="B1388">
        <v>3823</v>
      </c>
      <c r="C1388" t="s">
        <v>5330</v>
      </c>
      <c r="D1388" t="s">
        <v>5331</v>
      </c>
      <c r="E1388" t="s">
        <v>128</v>
      </c>
      <c r="F1388">
        <v>32</v>
      </c>
      <c r="G1388">
        <v>107.59375</v>
      </c>
      <c r="H1388">
        <v>98.5</v>
      </c>
      <c r="I1388">
        <v>4363.8662109375</v>
      </c>
      <c r="J1388">
        <v>66.0595656278294</v>
      </c>
      <c r="K1388">
        <v>0.57807041457798802</v>
      </c>
      <c r="L1388">
        <v>-0.64936053791291748</v>
      </c>
      <c r="M1388">
        <v>4.9375</v>
      </c>
      <c r="N1388">
        <v>2</v>
      </c>
      <c r="O1388">
        <v>1</v>
      </c>
      <c r="P1388">
        <v>1</v>
      </c>
      <c r="Q1388">
        <v>0.1766846959694085</v>
      </c>
      <c r="R1388">
        <v>3.422414204014729</v>
      </c>
      <c r="S1388">
        <v>1</v>
      </c>
      <c r="T1388">
        <v>1</v>
      </c>
      <c r="U1388">
        <v>0</v>
      </c>
      <c r="V1388">
        <v>0</v>
      </c>
      <c r="W1388">
        <v>3.4339872044851458</v>
      </c>
      <c r="X1388">
        <v>1</v>
      </c>
      <c r="Y1388">
        <v>1</v>
      </c>
      <c r="Z1388">
        <v>0</v>
      </c>
      <c r="AA1388">
        <v>0</v>
      </c>
      <c r="AB1388">
        <v>3.401197381662155</v>
      </c>
      <c r="AC1388">
        <v>1</v>
      </c>
      <c r="AD1388">
        <v>1</v>
      </c>
      <c r="AE1388">
        <v>0</v>
      </c>
      <c r="AF1388">
        <v>0</v>
      </c>
      <c r="AG1388">
        <v>3.3672958299864728</v>
      </c>
      <c r="AH1388">
        <v>5.5255062884362639E-2</v>
      </c>
      <c r="AI1388">
        <v>-8.3571075632429756E-3</v>
      </c>
      <c r="AJ1388">
        <v>4.1972746939253222E-4</v>
      </c>
      <c r="AK1388">
        <v>-0.110735336175835</v>
      </c>
      <c r="AL1388">
        <v>457.21614661191052</v>
      </c>
      <c r="AM1388">
        <v>548.67330468809587</v>
      </c>
      <c r="AN1388">
        <v>3443</v>
      </c>
      <c r="AO1388">
        <v>101</v>
      </c>
      <c r="AP1388">
        <v>401.95671973364261</v>
      </c>
      <c r="AQ1388">
        <v>1.65625</v>
      </c>
      <c r="AR1388">
        <v>3.9375</v>
      </c>
      <c r="AS1388">
        <v>32</v>
      </c>
      <c r="AT1388">
        <v>0.93749999999999978</v>
      </c>
      <c r="AU1388">
        <v>0.2270144628099173</v>
      </c>
      <c r="AV1388">
        <v>5.5723104229478078E-2</v>
      </c>
      <c r="AW1388">
        <v>0.5625</v>
      </c>
      <c r="AX1388">
        <v>73.258064516129039</v>
      </c>
      <c r="AY1388">
        <v>45.5</v>
      </c>
      <c r="AZ1388">
        <v>100.75</v>
      </c>
      <c r="BA1388">
        <v>0.61397214641026454</v>
      </c>
      <c r="BB1388">
        <v>0.4375</v>
      </c>
      <c r="BC1388">
        <v>3.3445488586064429</v>
      </c>
      <c r="BD1388" t="s">
        <v>5332</v>
      </c>
      <c r="BE1388" t="s">
        <v>62</v>
      </c>
    </row>
    <row r="1389" spans="1:57" x14ac:dyDescent="0.3">
      <c r="A1389" t="s">
        <v>5333</v>
      </c>
      <c r="B1389">
        <v>2612</v>
      </c>
      <c r="C1389" t="s">
        <v>5334</v>
      </c>
      <c r="D1389" t="s">
        <v>5335</v>
      </c>
      <c r="E1389" t="s">
        <v>115</v>
      </c>
      <c r="F1389">
        <v>2748</v>
      </c>
      <c r="G1389">
        <v>125.95014556040761</v>
      </c>
      <c r="H1389">
        <v>126</v>
      </c>
      <c r="I1389">
        <v>5534.4381986687686</v>
      </c>
      <c r="J1389">
        <v>74.393804840650333</v>
      </c>
      <c r="K1389">
        <v>1.8630542680439319E-2</v>
      </c>
      <c r="L1389">
        <v>-1.23339784046683</v>
      </c>
      <c r="M1389">
        <v>7.9359546228810673</v>
      </c>
      <c r="N1389">
        <v>20</v>
      </c>
      <c r="O1389">
        <v>3</v>
      </c>
      <c r="P1389">
        <v>17</v>
      </c>
      <c r="Q1389">
        <v>3.1622390579105502</v>
      </c>
      <c r="R1389">
        <v>5.5007845719016721</v>
      </c>
      <c r="S1389">
        <v>2</v>
      </c>
      <c r="T1389">
        <v>1</v>
      </c>
      <c r="U1389">
        <v>1</v>
      </c>
      <c r="V1389">
        <v>0.14017811692314411</v>
      </c>
      <c r="W1389">
        <v>7.8910131769942629</v>
      </c>
      <c r="X1389">
        <v>2</v>
      </c>
      <c r="Y1389">
        <v>1</v>
      </c>
      <c r="Z1389">
        <v>1</v>
      </c>
      <c r="AA1389">
        <v>1.9083134213054711E-2</v>
      </c>
      <c r="AB1389">
        <v>7.9173957449728096</v>
      </c>
      <c r="AC1389">
        <v>1</v>
      </c>
      <c r="AD1389">
        <v>1</v>
      </c>
      <c r="AE1389">
        <v>0</v>
      </c>
      <c r="AF1389">
        <v>0</v>
      </c>
      <c r="AG1389">
        <v>7.9175363539436292</v>
      </c>
      <c r="AH1389">
        <v>6.1971586989402073E-3</v>
      </c>
      <c r="AI1389">
        <v>-4.1581765927437217E-2</v>
      </c>
      <c r="AJ1389">
        <v>-1.973850336463441E-2</v>
      </c>
      <c r="AK1389">
        <v>-1.3746860040255819E-2</v>
      </c>
      <c r="AL1389">
        <v>3585.9361019631301</v>
      </c>
      <c r="AM1389">
        <v>6778.0844840292066</v>
      </c>
      <c r="AN1389">
        <v>346111</v>
      </c>
      <c r="AO1389">
        <v>204.8716148479545</v>
      </c>
      <c r="AP1389">
        <v>3286.4005242735489</v>
      </c>
      <c r="AQ1389">
        <v>1.008369723435226</v>
      </c>
      <c r="AR1389">
        <v>4.0061863173216894</v>
      </c>
      <c r="AS1389">
        <v>2737</v>
      </c>
      <c r="AT1389">
        <v>238.48034934497821</v>
      </c>
      <c r="AU1389">
        <v>1.896138368010963E-2</v>
      </c>
      <c r="AV1389">
        <v>6.2028708749323168E-3</v>
      </c>
      <c r="AW1389">
        <v>0.37008733624454149</v>
      </c>
      <c r="AX1389">
        <v>85.676738259919915</v>
      </c>
      <c r="AY1389">
        <v>65</v>
      </c>
      <c r="AZ1389">
        <v>130</v>
      </c>
      <c r="BA1389">
        <v>0.59066072936747782</v>
      </c>
      <c r="BB1389">
        <v>0.50181950509461426</v>
      </c>
      <c r="BC1389">
        <v>5.31202442236326</v>
      </c>
      <c r="BD1389" t="s">
        <v>5336</v>
      </c>
      <c r="BE1389" t="s">
        <v>68</v>
      </c>
    </row>
    <row r="1390" spans="1:57" x14ac:dyDescent="0.3">
      <c r="A1390" t="s">
        <v>5337</v>
      </c>
      <c r="B1390">
        <v>726</v>
      </c>
      <c r="C1390" t="s">
        <v>5338</v>
      </c>
      <c r="D1390" t="s">
        <v>5339</v>
      </c>
      <c r="E1390" t="s">
        <v>93</v>
      </c>
      <c r="F1390">
        <v>744</v>
      </c>
      <c r="G1390">
        <v>127.2809139784946</v>
      </c>
      <c r="H1390">
        <v>126.5</v>
      </c>
      <c r="I1390">
        <v>5993.0649045409873</v>
      </c>
      <c r="J1390">
        <v>77.414888132328826</v>
      </c>
      <c r="K1390">
        <v>3.5665445918341761E-2</v>
      </c>
      <c r="L1390">
        <v>-1.304738205378617</v>
      </c>
      <c r="M1390">
        <v>7.7464571728993734</v>
      </c>
      <c r="N1390">
        <v>8</v>
      </c>
      <c r="O1390">
        <v>1</v>
      </c>
      <c r="P1390">
        <v>7</v>
      </c>
      <c r="Q1390">
        <v>1.5761868061813</v>
      </c>
      <c r="R1390">
        <v>5.3694349487235584</v>
      </c>
      <c r="S1390">
        <v>2</v>
      </c>
      <c r="T1390">
        <v>1</v>
      </c>
      <c r="U1390">
        <v>1</v>
      </c>
      <c r="V1390">
        <v>5.1882274728046122E-2</v>
      </c>
      <c r="W1390">
        <v>6.606964431363469</v>
      </c>
      <c r="X1390">
        <v>1</v>
      </c>
      <c r="Y1390">
        <v>1</v>
      </c>
      <c r="Z1390">
        <v>0</v>
      </c>
      <c r="AA1390">
        <v>0</v>
      </c>
      <c r="AB1390">
        <v>6.6093492431673821</v>
      </c>
      <c r="AC1390">
        <v>1</v>
      </c>
      <c r="AD1390">
        <v>1</v>
      </c>
      <c r="AE1390">
        <v>0</v>
      </c>
      <c r="AF1390">
        <v>0</v>
      </c>
      <c r="AG1390">
        <v>6.6080006252960857</v>
      </c>
      <c r="AH1390">
        <v>-1.7611947218820988E-2</v>
      </c>
      <c r="AI1390">
        <v>-6.6982840870979041E-2</v>
      </c>
      <c r="AJ1390">
        <v>3.5078810851495189E-2</v>
      </c>
      <c r="AK1390">
        <v>-4.2856053324782123E-2</v>
      </c>
      <c r="AL1390">
        <v>1976.880202684762</v>
      </c>
      <c r="AM1390">
        <v>3550.1979753575802</v>
      </c>
      <c r="AN1390">
        <v>94697</v>
      </c>
      <c r="AO1390">
        <v>15.155146794620441</v>
      </c>
      <c r="AP1390">
        <v>1716.0513400684731</v>
      </c>
      <c r="AQ1390">
        <v>1.030913978494624</v>
      </c>
      <c r="AR1390">
        <v>4.080645161290323</v>
      </c>
      <c r="AS1390">
        <v>741</v>
      </c>
      <c r="AT1390">
        <v>200.43548387096769</v>
      </c>
      <c r="AU1390">
        <v>3.5230866540164441E-2</v>
      </c>
      <c r="AV1390">
        <v>-1.7640903965899409E-2</v>
      </c>
      <c r="AW1390">
        <v>0.353494623655914</v>
      </c>
      <c r="AX1390">
        <v>90.9421265141319</v>
      </c>
      <c r="AY1390">
        <v>69.5</v>
      </c>
      <c r="AZ1390">
        <v>138.5</v>
      </c>
      <c r="BA1390">
        <v>0.60822071206535211</v>
      </c>
      <c r="BB1390">
        <v>0.49865591397849462</v>
      </c>
      <c r="BC1390">
        <v>5.226332441711496</v>
      </c>
      <c r="BD1390" t="s">
        <v>5340</v>
      </c>
      <c r="BE1390" t="s">
        <v>68</v>
      </c>
    </row>
    <row r="1391" spans="1:57" x14ac:dyDescent="0.3">
      <c r="A1391" t="s">
        <v>5341</v>
      </c>
      <c r="B1391">
        <v>2899</v>
      </c>
      <c r="C1391" t="s">
        <v>5342</v>
      </c>
      <c r="D1391" t="s">
        <v>5343</v>
      </c>
      <c r="E1391" t="s">
        <v>66</v>
      </c>
      <c r="F1391">
        <v>71</v>
      </c>
      <c r="G1391">
        <v>118.78873239436621</v>
      </c>
      <c r="H1391">
        <v>122</v>
      </c>
      <c r="I1391">
        <v>5840.9835350128951</v>
      </c>
      <c r="J1391">
        <v>76.426327499186399</v>
      </c>
      <c r="K1391">
        <v>0.143448552848147</v>
      </c>
      <c r="L1391">
        <v>-1.1767329642511539</v>
      </c>
      <c r="M1391">
        <v>5.952564020913127</v>
      </c>
      <c r="N1391">
        <v>2</v>
      </c>
      <c r="O1391">
        <v>1</v>
      </c>
      <c r="P1391">
        <v>1</v>
      </c>
      <c r="Q1391">
        <v>0.31210913055372153</v>
      </c>
      <c r="R1391">
        <v>4.1260029681985104</v>
      </c>
      <c r="S1391">
        <v>1</v>
      </c>
      <c r="T1391">
        <v>1</v>
      </c>
      <c r="U1391">
        <v>0</v>
      </c>
      <c r="V1391">
        <v>0</v>
      </c>
      <c r="W1391">
        <v>4.2484952420493576</v>
      </c>
      <c r="X1391">
        <v>1</v>
      </c>
      <c r="Y1391">
        <v>1</v>
      </c>
      <c r="Z1391">
        <v>0</v>
      </c>
      <c r="AA1391">
        <v>0</v>
      </c>
      <c r="AB1391">
        <v>4.2341065045972579</v>
      </c>
      <c r="AC1391">
        <v>1</v>
      </c>
      <c r="AD1391">
        <v>1</v>
      </c>
      <c r="AE1391">
        <v>0</v>
      </c>
      <c r="AF1391">
        <v>0</v>
      </c>
      <c r="AG1391">
        <v>4.2195077051761087</v>
      </c>
      <c r="AH1391">
        <v>9.9431777514551803E-2</v>
      </c>
      <c r="AI1391">
        <v>-1.0583586664878301E-2</v>
      </c>
      <c r="AJ1391">
        <v>3.8693341766728513E-2</v>
      </c>
      <c r="AK1391">
        <v>0.12099450326201799</v>
      </c>
      <c r="AL1391">
        <v>680.97728101202097</v>
      </c>
      <c r="AM1391">
        <v>976.13725609950745</v>
      </c>
      <c r="AN1391">
        <v>8434</v>
      </c>
      <c r="AO1391">
        <v>113.4412430385314</v>
      </c>
      <c r="AP1391">
        <v>531.26502887943855</v>
      </c>
      <c r="AQ1391">
        <v>1.323943661971831</v>
      </c>
      <c r="AR1391">
        <v>3.71830985915493</v>
      </c>
      <c r="AS1391">
        <v>70</v>
      </c>
      <c r="AT1391">
        <v>5.6197183098591541</v>
      </c>
      <c r="AU1391">
        <v>8.2318612872453845E-2</v>
      </c>
      <c r="AV1391">
        <v>0.1000872967078222</v>
      </c>
      <c r="AW1391">
        <v>0.38028169014084512</v>
      </c>
      <c r="AX1391">
        <v>85.742857142857147</v>
      </c>
      <c r="AY1391">
        <v>65</v>
      </c>
      <c r="AZ1391">
        <v>124.5</v>
      </c>
      <c r="BA1391">
        <v>0.64338027655231622</v>
      </c>
      <c r="BB1391">
        <v>0.52112676056338025</v>
      </c>
      <c r="BC1391">
        <v>3.988419859696041</v>
      </c>
      <c r="BD1391" t="s">
        <v>5344</v>
      </c>
      <c r="BE1391" t="s">
        <v>68</v>
      </c>
    </row>
    <row r="1392" spans="1:57" x14ac:dyDescent="0.3">
      <c r="A1392" t="s">
        <v>5345</v>
      </c>
      <c r="B1392">
        <v>3484</v>
      </c>
      <c r="C1392" t="s">
        <v>5346</v>
      </c>
      <c r="D1392" t="s">
        <v>5347</v>
      </c>
      <c r="E1392" t="s">
        <v>66</v>
      </c>
      <c r="F1392">
        <v>71</v>
      </c>
      <c r="G1392">
        <v>115.4366197183099</v>
      </c>
      <c r="H1392">
        <v>111</v>
      </c>
      <c r="I1392">
        <v>5994.3868280103152</v>
      </c>
      <c r="J1392">
        <v>77.423425576567681</v>
      </c>
      <c r="K1392">
        <v>0.21457852019498111</v>
      </c>
      <c r="L1392">
        <v>-1.284474906233859</v>
      </c>
      <c r="M1392">
        <v>5.8010867321502619</v>
      </c>
      <c r="N1392">
        <v>3</v>
      </c>
      <c r="O1392">
        <v>1</v>
      </c>
      <c r="P1392">
        <v>2</v>
      </c>
      <c r="Q1392">
        <v>0.44262931719324061</v>
      </c>
      <c r="R1392">
        <v>4.0210069125736636</v>
      </c>
      <c r="S1392">
        <v>1</v>
      </c>
      <c r="T1392">
        <v>1</v>
      </c>
      <c r="U1392">
        <v>0</v>
      </c>
      <c r="V1392">
        <v>0</v>
      </c>
      <c r="W1392">
        <v>4.2484952420493576</v>
      </c>
      <c r="X1392">
        <v>1</v>
      </c>
      <c r="Y1392">
        <v>1</v>
      </c>
      <c r="Z1392">
        <v>0</v>
      </c>
      <c r="AA1392">
        <v>0</v>
      </c>
      <c r="AB1392">
        <v>4.2341065045972579</v>
      </c>
      <c r="AC1392">
        <v>1</v>
      </c>
      <c r="AD1392">
        <v>1</v>
      </c>
      <c r="AE1392">
        <v>0</v>
      </c>
      <c r="AF1392">
        <v>0</v>
      </c>
      <c r="AG1392">
        <v>4.2195077051761087</v>
      </c>
      <c r="AH1392">
        <v>1.6700721695755989E-2</v>
      </c>
      <c r="AI1392">
        <v>-7.9624251744028443E-2</v>
      </c>
      <c r="AJ1392">
        <v>8.3535377934195854E-2</v>
      </c>
      <c r="AK1392">
        <v>-7.7571529628020566E-3</v>
      </c>
      <c r="AL1392">
        <v>693.43936076997568</v>
      </c>
      <c r="AM1392">
        <v>943.8547838173663</v>
      </c>
      <c r="AN1392">
        <v>8196</v>
      </c>
      <c r="AO1392">
        <v>85.052089475824857</v>
      </c>
      <c r="AP1392">
        <v>571.18619292874007</v>
      </c>
      <c r="AQ1392">
        <v>1.323943661971831</v>
      </c>
      <c r="AR1392">
        <v>3.71830985915493</v>
      </c>
      <c r="AS1392">
        <v>71</v>
      </c>
      <c r="AT1392">
        <v>9.6056338028169037</v>
      </c>
      <c r="AU1392">
        <v>0.13568262162617131</v>
      </c>
      <c r="AV1392">
        <v>1.675303463746422E-2</v>
      </c>
      <c r="AW1392">
        <v>0.40845070422535212</v>
      </c>
      <c r="AX1392">
        <v>85.871428571428567</v>
      </c>
      <c r="AY1392">
        <v>67</v>
      </c>
      <c r="AZ1392">
        <v>133</v>
      </c>
      <c r="BA1392">
        <v>0.67070073400882202</v>
      </c>
      <c r="BB1392">
        <v>0.47887323943661969</v>
      </c>
      <c r="BC1392">
        <v>4.0108447801430929</v>
      </c>
      <c r="BD1392" t="s">
        <v>5348</v>
      </c>
      <c r="BE1392" t="s">
        <v>68</v>
      </c>
    </row>
    <row r="1393" spans="1:57" x14ac:dyDescent="0.3">
      <c r="A1393" t="s">
        <v>5349</v>
      </c>
      <c r="B1393">
        <v>2778</v>
      </c>
      <c r="C1393" t="s">
        <v>5350</v>
      </c>
      <c r="D1393" t="s">
        <v>5351</v>
      </c>
      <c r="E1393" t="s">
        <v>106</v>
      </c>
      <c r="F1393">
        <v>2806</v>
      </c>
      <c r="G1393">
        <v>129.53777619387029</v>
      </c>
      <c r="H1393">
        <v>132</v>
      </c>
      <c r="I1393">
        <v>5567.3462208565406</v>
      </c>
      <c r="J1393">
        <v>74.61465151601621</v>
      </c>
      <c r="K1393">
        <v>-4.9155590310305149E-2</v>
      </c>
      <c r="L1393">
        <v>-1.2305753770665979</v>
      </c>
      <c r="M1393">
        <v>7.9408005906340424</v>
      </c>
      <c r="N1393">
        <v>19</v>
      </c>
      <c r="O1393">
        <v>4</v>
      </c>
      <c r="P1393">
        <v>15</v>
      </c>
      <c r="Q1393">
        <v>3.1247558498375119</v>
      </c>
      <c r="R1393">
        <v>5.5041435407867363</v>
      </c>
      <c r="S1393">
        <v>3</v>
      </c>
      <c r="T1393">
        <v>1</v>
      </c>
      <c r="U1393">
        <v>2</v>
      </c>
      <c r="V1393">
        <v>0.14381794696069641</v>
      </c>
      <c r="W1393">
        <v>7.9112958117655392</v>
      </c>
      <c r="X1393">
        <v>2</v>
      </c>
      <c r="Y1393">
        <v>1</v>
      </c>
      <c r="Z1393">
        <v>1</v>
      </c>
      <c r="AA1393">
        <v>2.670704772857917E-2</v>
      </c>
      <c r="AB1393">
        <v>7.9378134504646676</v>
      </c>
      <c r="AC1393">
        <v>1</v>
      </c>
      <c r="AD1393">
        <v>1</v>
      </c>
      <c r="AE1393">
        <v>0</v>
      </c>
      <c r="AF1393">
        <v>0</v>
      </c>
      <c r="AG1393">
        <v>7.9384455511647882</v>
      </c>
      <c r="AH1393">
        <v>-2.092324622035531E-2</v>
      </c>
      <c r="AI1393">
        <v>8.6212733637826573E-3</v>
      </c>
      <c r="AJ1393">
        <v>-2.8085607570534708E-2</v>
      </c>
      <c r="AK1393">
        <v>1.461136602362538E-2</v>
      </c>
      <c r="AL1393">
        <v>3631.6096186752152</v>
      </c>
      <c r="AM1393">
        <v>7036.9144216443092</v>
      </c>
      <c r="AN1393">
        <v>363483</v>
      </c>
      <c r="AO1393">
        <v>62.416937899455441</v>
      </c>
      <c r="AP1393">
        <v>3298.260274908766</v>
      </c>
      <c r="AQ1393">
        <v>1.0081967213114751</v>
      </c>
      <c r="AR1393">
        <v>4.0167498218104063</v>
      </c>
      <c r="AS1393">
        <v>2792</v>
      </c>
      <c r="AT1393">
        <v>228.0470420527441</v>
      </c>
      <c r="AU1393">
        <v>2.6219725238634251E-2</v>
      </c>
      <c r="AV1393">
        <v>-2.0924042280857359E-2</v>
      </c>
      <c r="AW1393">
        <v>0.35566642908054169</v>
      </c>
      <c r="AX1393">
        <v>86.855614973262036</v>
      </c>
      <c r="AY1393">
        <v>65</v>
      </c>
      <c r="AZ1393">
        <v>129</v>
      </c>
      <c r="BA1393">
        <v>0.57600688932891353</v>
      </c>
      <c r="BB1393">
        <v>0.51069137562366362</v>
      </c>
      <c r="BC1393">
        <v>5.3254682037501873</v>
      </c>
      <c r="BD1393" t="s">
        <v>5352</v>
      </c>
      <c r="BE1393" t="s">
        <v>68</v>
      </c>
    </row>
    <row r="1394" spans="1:57" x14ac:dyDescent="0.3">
      <c r="A1394" t="s">
        <v>5353</v>
      </c>
      <c r="B1394">
        <v>2525</v>
      </c>
      <c r="C1394" t="s">
        <v>5354</v>
      </c>
      <c r="D1394" t="s">
        <v>5355</v>
      </c>
      <c r="E1394" t="s">
        <v>93</v>
      </c>
      <c r="F1394">
        <v>2533</v>
      </c>
      <c r="G1394">
        <v>128.240426371891</v>
      </c>
      <c r="H1394">
        <v>129</v>
      </c>
      <c r="I1394">
        <v>5498.5868852505</v>
      </c>
      <c r="J1394">
        <v>74.152457041223528</v>
      </c>
      <c r="K1394">
        <v>-8.970527054054548E-3</v>
      </c>
      <c r="L1394">
        <v>-1.20574320072751</v>
      </c>
      <c r="M1394">
        <v>7.9243896571875814</v>
      </c>
      <c r="N1394">
        <v>19</v>
      </c>
      <c r="O1394">
        <v>1</v>
      </c>
      <c r="P1394">
        <v>18</v>
      </c>
      <c r="Q1394">
        <v>3.1636067380086041</v>
      </c>
      <c r="R1394">
        <v>5.492768348537969</v>
      </c>
      <c r="S1394">
        <v>2</v>
      </c>
      <c r="T1394">
        <v>1</v>
      </c>
      <c r="U1394">
        <v>1</v>
      </c>
      <c r="V1394">
        <v>0.12723343229016851</v>
      </c>
      <c r="W1394">
        <v>7.8143168887909571</v>
      </c>
      <c r="X1394">
        <v>1</v>
      </c>
      <c r="Y1394">
        <v>1</v>
      </c>
      <c r="Z1394">
        <v>0</v>
      </c>
      <c r="AA1394">
        <v>0</v>
      </c>
      <c r="AB1394">
        <v>7.8363697605451232</v>
      </c>
      <c r="AC1394">
        <v>1</v>
      </c>
      <c r="AD1394">
        <v>1</v>
      </c>
      <c r="AE1394">
        <v>0</v>
      </c>
      <c r="AF1394">
        <v>0</v>
      </c>
      <c r="AG1394">
        <v>7.8359745817215654</v>
      </c>
      <c r="AH1394">
        <v>1.3962172906113251E-2</v>
      </c>
      <c r="AI1394">
        <v>2.0342920705335121E-2</v>
      </c>
      <c r="AJ1394">
        <v>9.3782608489941001E-3</v>
      </c>
      <c r="AK1394">
        <v>2.7746012584168891E-2</v>
      </c>
      <c r="AL1394">
        <v>3429.156976122475</v>
      </c>
      <c r="AM1394">
        <v>6620.0850019550771</v>
      </c>
      <c r="AN1394">
        <v>324833</v>
      </c>
      <c r="AO1394">
        <v>92.592457769330039</v>
      </c>
      <c r="AP1394">
        <v>3086.1942138874779</v>
      </c>
      <c r="AQ1394">
        <v>1.0090801421239639</v>
      </c>
      <c r="AR1394">
        <v>4.0063166206079748</v>
      </c>
      <c r="AS1394">
        <v>2529</v>
      </c>
      <c r="AT1394">
        <v>258.94630872483219</v>
      </c>
      <c r="AU1394">
        <v>1.408080010527701E-2</v>
      </c>
      <c r="AV1394">
        <v>1.396360184379038E-2</v>
      </c>
      <c r="AW1394">
        <v>0.36715357283853139</v>
      </c>
      <c r="AX1394">
        <v>85.593601895734594</v>
      </c>
      <c r="AY1394">
        <v>64</v>
      </c>
      <c r="AZ1394">
        <v>127</v>
      </c>
      <c r="BA1394">
        <v>0.57822996335168908</v>
      </c>
      <c r="BB1394">
        <v>0.50098697196999609</v>
      </c>
      <c r="BC1394">
        <v>5.3012522337612333</v>
      </c>
      <c r="BD1394" t="s">
        <v>5356</v>
      </c>
      <c r="BE1394" t="s">
        <v>68</v>
      </c>
    </row>
    <row r="1395" spans="1:57" x14ac:dyDescent="0.3">
      <c r="A1395" t="s">
        <v>5357</v>
      </c>
      <c r="B1395">
        <v>143</v>
      </c>
      <c r="C1395" t="s">
        <v>5358</v>
      </c>
      <c r="D1395" t="s">
        <v>5359</v>
      </c>
      <c r="E1395" t="s">
        <v>60</v>
      </c>
      <c r="F1395">
        <v>256</v>
      </c>
      <c r="G1395">
        <v>127.68359375</v>
      </c>
      <c r="H1395">
        <v>127.5</v>
      </c>
      <c r="I1395">
        <v>5760.9194183349609</v>
      </c>
      <c r="J1395">
        <v>75.900720802473018</v>
      </c>
      <c r="K1395">
        <v>-8.2038022130124198E-3</v>
      </c>
      <c r="L1395">
        <v>-1.216472923201396</v>
      </c>
      <c r="M1395">
        <v>7.19883691389348</v>
      </c>
      <c r="N1395">
        <v>4</v>
      </c>
      <c r="O1395">
        <v>1</v>
      </c>
      <c r="P1395">
        <v>3</v>
      </c>
      <c r="Q1395">
        <v>0.75102649715433123</v>
      </c>
      <c r="R1395">
        <v>4.9898535101761228</v>
      </c>
      <c r="S1395">
        <v>2</v>
      </c>
      <c r="T1395">
        <v>1</v>
      </c>
      <c r="U1395">
        <v>1</v>
      </c>
      <c r="V1395">
        <v>6.2621943781838052E-2</v>
      </c>
      <c r="W1395">
        <v>5.5358270966834446</v>
      </c>
      <c r="X1395">
        <v>1</v>
      </c>
      <c r="Y1395">
        <v>1</v>
      </c>
      <c r="Z1395">
        <v>0</v>
      </c>
      <c r="AA1395">
        <v>0</v>
      </c>
      <c r="AB1395">
        <v>5.5373342670185366</v>
      </c>
      <c r="AC1395">
        <v>1</v>
      </c>
      <c r="AD1395">
        <v>1</v>
      </c>
      <c r="AE1395">
        <v>0</v>
      </c>
      <c r="AF1395">
        <v>0</v>
      </c>
      <c r="AG1395">
        <v>5.5333894887275203</v>
      </c>
      <c r="AH1395">
        <v>-6.8532019806048172E-2</v>
      </c>
      <c r="AI1395">
        <v>2.6911974380205001E-2</v>
      </c>
      <c r="AJ1395">
        <v>-2.3816336767300859E-2</v>
      </c>
      <c r="AK1395">
        <v>-2.63571901760325E-2</v>
      </c>
      <c r="AL1395">
        <v>1219.561287529689</v>
      </c>
      <c r="AM1395">
        <v>2039.8674628413789</v>
      </c>
      <c r="AN1395">
        <v>32687</v>
      </c>
      <c r="AO1395">
        <v>131.38529552175399</v>
      </c>
      <c r="AP1395">
        <v>1041.335557420226</v>
      </c>
      <c r="AQ1395">
        <v>1.08984375</v>
      </c>
      <c r="AR1395">
        <v>4.15625</v>
      </c>
      <c r="AS1395">
        <v>256</v>
      </c>
      <c r="AT1395">
        <v>58.5390625</v>
      </c>
      <c r="AU1395">
        <v>3.8265931372549022E-2</v>
      </c>
      <c r="AV1395">
        <v>-6.900159695011801E-2</v>
      </c>
      <c r="AW1395">
        <v>0.3515625</v>
      </c>
      <c r="AX1395">
        <v>90.517647058823528</v>
      </c>
      <c r="AY1395">
        <v>64.5</v>
      </c>
      <c r="AZ1395">
        <v>128.5</v>
      </c>
      <c r="BA1395">
        <v>0.59444380106565586</v>
      </c>
      <c r="BB1395">
        <v>0.5</v>
      </c>
      <c r="BC1395">
        <v>4.8537350618351862</v>
      </c>
      <c r="BD1395" t="s">
        <v>5360</v>
      </c>
      <c r="BE1395" t="s">
        <v>62</v>
      </c>
    </row>
    <row r="1396" spans="1:57" x14ac:dyDescent="0.3">
      <c r="A1396" t="s">
        <v>5361</v>
      </c>
      <c r="B1396">
        <v>1195</v>
      </c>
      <c r="C1396" t="s">
        <v>5362</v>
      </c>
      <c r="D1396" t="s">
        <v>5363</v>
      </c>
      <c r="E1396" t="s">
        <v>115</v>
      </c>
      <c r="F1396">
        <v>1241</v>
      </c>
      <c r="G1396">
        <v>130.9629331184529</v>
      </c>
      <c r="H1396">
        <v>134</v>
      </c>
      <c r="I1396">
        <v>5378.3870225007649</v>
      </c>
      <c r="J1396">
        <v>73.337487156983812</v>
      </c>
      <c r="K1396">
        <v>-6.4797944601158827E-2</v>
      </c>
      <c r="L1396">
        <v>-1.159632082686848</v>
      </c>
      <c r="M1396">
        <v>7.8344297298882166</v>
      </c>
      <c r="N1396">
        <v>11</v>
      </c>
      <c r="O1396">
        <v>1</v>
      </c>
      <c r="P1396">
        <v>10</v>
      </c>
      <c r="Q1396">
        <v>2.2469732728470291</v>
      </c>
      <c r="R1396">
        <v>5.430412878567024</v>
      </c>
      <c r="S1396">
        <v>2</v>
      </c>
      <c r="T1396">
        <v>1</v>
      </c>
      <c r="U1396">
        <v>1</v>
      </c>
      <c r="V1396">
        <v>9.4182042328139454E-2</v>
      </c>
      <c r="W1396">
        <v>7.1105688860407597</v>
      </c>
      <c r="X1396">
        <v>1</v>
      </c>
      <c r="Y1396">
        <v>1</v>
      </c>
      <c r="Z1396">
        <v>0</v>
      </c>
      <c r="AA1396">
        <v>0</v>
      </c>
      <c r="AB1396">
        <v>7.1220598816291432</v>
      </c>
      <c r="AC1396">
        <v>1</v>
      </c>
      <c r="AD1396">
        <v>1</v>
      </c>
      <c r="AE1396">
        <v>0</v>
      </c>
      <c r="AF1396">
        <v>0</v>
      </c>
      <c r="AG1396">
        <v>7.1212524532445416</v>
      </c>
      <c r="AH1396">
        <v>-2.4469344631944012E-2</v>
      </c>
      <c r="AI1396">
        <v>2.6063003473438141E-2</v>
      </c>
      <c r="AJ1396">
        <v>1.40416039044257E-3</v>
      </c>
      <c r="AK1396">
        <v>-1.4716615782547229E-3</v>
      </c>
      <c r="AL1396">
        <v>2437.6217974245269</v>
      </c>
      <c r="AM1396">
        <v>4692.262670899916</v>
      </c>
      <c r="AN1396">
        <v>162525</v>
      </c>
      <c r="AO1396">
        <v>94.063359028739995</v>
      </c>
      <c r="AP1396">
        <v>2201.8997441700212</v>
      </c>
      <c r="AQ1396">
        <v>1.01853344077357</v>
      </c>
      <c r="AR1396">
        <v>3.995165189363417</v>
      </c>
      <c r="AS1396">
        <v>1233</v>
      </c>
      <c r="AT1396">
        <v>264.54794520547938</v>
      </c>
      <c r="AU1396">
        <v>3.7765243083534739E-2</v>
      </c>
      <c r="AV1396">
        <v>-2.4487532527271341E-2</v>
      </c>
      <c r="AW1396">
        <v>0.35213537469782441</v>
      </c>
      <c r="AX1396">
        <v>86.162903225806446</v>
      </c>
      <c r="AY1396">
        <v>64</v>
      </c>
      <c r="AZ1396">
        <v>126</v>
      </c>
      <c r="BA1396">
        <v>0.55998659628867498</v>
      </c>
      <c r="BB1396">
        <v>0.5132957292506044</v>
      </c>
      <c r="BC1396">
        <v>5.2590511032776064</v>
      </c>
      <c r="BD1396" t="s">
        <v>5364</v>
      </c>
      <c r="BE1396" t="s">
        <v>68</v>
      </c>
    </row>
    <row r="1397" spans="1:57" x14ac:dyDescent="0.3">
      <c r="A1397" t="s">
        <v>5365</v>
      </c>
      <c r="B1397">
        <v>2210</v>
      </c>
      <c r="C1397" t="s">
        <v>5366</v>
      </c>
      <c r="D1397" t="s">
        <v>5367</v>
      </c>
      <c r="E1397" t="s">
        <v>93</v>
      </c>
      <c r="F1397">
        <v>2210</v>
      </c>
      <c r="G1397">
        <v>129.5579185520362</v>
      </c>
      <c r="H1397">
        <v>131</v>
      </c>
      <c r="I1397">
        <v>5470.0249259843158</v>
      </c>
      <c r="J1397">
        <v>73.959616859366676</v>
      </c>
      <c r="K1397">
        <v>-3.9478103817971559E-2</v>
      </c>
      <c r="L1397">
        <v>-1.2006656702877221</v>
      </c>
      <c r="M1397">
        <v>7.9150053771754374</v>
      </c>
      <c r="N1397">
        <v>18</v>
      </c>
      <c r="O1397">
        <v>2</v>
      </c>
      <c r="P1397">
        <v>16</v>
      </c>
      <c r="Q1397">
        <v>2.911107751328307</v>
      </c>
      <c r="R1397">
        <v>5.4862636613059603</v>
      </c>
      <c r="S1397">
        <v>2</v>
      </c>
      <c r="T1397">
        <v>1</v>
      </c>
      <c r="U1397">
        <v>1</v>
      </c>
      <c r="V1397">
        <v>0.12764205428063929</v>
      </c>
      <c r="W1397">
        <v>7.6777028100292988</v>
      </c>
      <c r="X1397">
        <v>1</v>
      </c>
      <c r="Y1397">
        <v>1</v>
      </c>
      <c r="Z1397">
        <v>0</v>
      </c>
      <c r="AA1397">
        <v>0</v>
      </c>
      <c r="AB1397">
        <v>7.6998424073969858</v>
      </c>
      <c r="AC1397">
        <v>1</v>
      </c>
      <c r="AD1397">
        <v>1</v>
      </c>
      <c r="AE1397">
        <v>0</v>
      </c>
      <c r="AF1397">
        <v>0</v>
      </c>
      <c r="AG1397">
        <v>7.6993894062567367</v>
      </c>
      <c r="AH1397">
        <v>1.1538532521094441E-2</v>
      </c>
      <c r="AI1397">
        <v>1.161484071604385E-2</v>
      </c>
      <c r="AJ1397">
        <v>2.5840467693334378E-2</v>
      </c>
      <c r="AK1397">
        <v>3.6517853876409267E-2</v>
      </c>
      <c r="AL1397">
        <v>3199.8496640710782</v>
      </c>
      <c r="AM1397">
        <v>6240.6032662991984</v>
      </c>
      <c r="AN1397">
        <v>286323</v>
      </c>
      <c r="AO1397">
        <v>51.298809130775837</v>
      </c>
      <c r="AP1397">
        <v>2860.0619584988181</v>
      </c>
      <c r="AQ1397">
        <v>1.010407239819004</v>
      </c>
      <c r="AR1397">
        <v>4.0343891402714931</v>
      </c>
      <c r="AS1397">
        <v>2203</v>
      </c>
      <c r="AT1397">
        <v>251.30678733031681</v>
      </c>
      <c r="AU1397">
        <v>2.4585218702865671E-2</v>
      </c>
      <c r="AV1397">
        <v>1.1544566435952679E-2</v>
      </c>
      <c r="AW1397">
        <v>0.35972850678733032</v>
      </c>
      <c r="AX1397">
        <v>84.769578995020368</v>
      </c>
      <c r="AY1397">
        <v>63</v>
      </c>
      <c r="AZ1397">
        <v>126</v>
      </c>
      <c r="BA1397">
        <v>0.57086141616007224</v>
      </c>
      <c r="BB1397">
        <v>0.50633484162895925</v>
      </c>
      <c r="BC1397">
        <v>5.2867254856537116</v>
      </c>
      <c r="BD1397" t="s">
        <v>5368</v>
      </c>
      <c r="BE1397" t="s">
        <v>68</v>
      </c>
    </row>
    <row r="1398" spans="1:57" x14ac:dyDescent="0.3">
      <c r="A1398" t="s">
        <v>5369</v>
      </c>
      <c r="B1398">
        <v>2909</v>
      </c>
      <c r="C1398" t="s">
        <v>5370</v>
      </c>
      <c r="D1398" t="s">
        <v>5371</v>
      </c>
      <c r="E1398" t="s">
        <v>98</v>
      </c>
      <c r="F1398">
        <v>16</v>
      </c>
      <c r="G1398">
        <v>130.6875</v>
      </c>
      <c r="H1398">
        <v>129</v>
      </c>
      <c r="I1398">
        <v>6347.96484375</v>
      </c>
      <c r="J1398">
        <v>79.674116523184622</v>
      </c>
      <c r="K1398">
        <v>-1.414370423169142E-2</v>
      </c>
      <c r="L1398">
        <v>-1.3954856990385029</v>
      </c>
      <c r="M1398">
        <v>4</v>
      </c>
      <c r="N1398">
        <v>1</v>
      </c>
      <c r="O1398">
        <v>1</v>
      </c>
      <c r="P1398">
        <v>0</v>
      </c>
      <c r="Q1398">
        <v>0</v>
      </c>
      <c r="R1398">
        <v>2.7725887222397811</v>
      </c>
      <c r="S1398">
        <v>1</v>
      </c>
      <c r="T1398">
        <v>1</v>
      </c>
      <c r="U1398">
        <v>0</v>
      </c>
      <c r="V1398">
        <v>0</v>
      </c>
      <c r="W1398">
        <v>2.7080502011022101</v>
      </c>
      <c r="X1398">
        <v>1</v>
      </c>
      <c r="Y1398">
        <v>1</v>
      </c>
      <c r="Z1398">
        <v>0</v>
      </c>
      <c r="AA1398">
        <v>0</v>
      </c>
      <c r="AB1398">
        <v>2.639057329615258</v>
      </c>
      <c r="AC1398">
        <v>1</v>
      </c>
      <c r="AD1398">
        <v>1</v>
      </c>
      <c r="AE1398">
        <v>0</v>
      </c>
      <c r="AF1398">
        <v>0</v>
      </c>
      <c r="AG1398">
        <v>2.5649493574615372</v>
      </c>
      <c r="AH1398">
        <v>0.212517322234796</v>
      </c>
      <c r="AI1398">
        <v>-0.24393098735507629</v>
      </c>
      <c r="AJ1398">
        <v>0.13821678053805381</v>
      </c>
      <c r="AK1398">
        <v>4.9798425184252579E-2</v>
      </c>
      <c r="AL1398">
        <v>401.85427309535828</v>
      </c>
      <c r="AM1398">
        <v>461.89624721900611</v>
      </c>
      <c r="AN1398">
        <v>2091</v>
      </c>
      <c r="AO1398">
        <v>165.00275900026321</v>
      </c>
      <c r="AP1398">
        <v>212.85996259015661</v>
      </c>
      <c r="AQ1398">
        <v>2.3125</v>
      </c>
      <c r="AR1398">
        <v>3.625</v>
      </c>
      <c r="AS1398">
        <v>16</v>
      </c>
      <c r="AT1398">
        <v>0</v>
      </c>
      <c r="AU1398">
        <v>0.13035714285714289</v>
      </c>
      <c r="AV1398">
        <v>0.22135513383577721</v>
      </c>
      <c r="AW1398">
        <v>0.3125</v>
      </c>
      <c r="AX1398">
        <v>81.466666666666669</v>
      </c>
      <c r="AY1398">
        <v>73</v>
      </c>
      <c r="AZ1398">
        <v>136.25</v>
      </c>
      <c r="BA1398">
        <v>0.60965368932135533</v>
      </c>
      <c r="BB1398">
        <v>0.5</v>
      </c>
      <c r="BC1398">
        <v>2.7080502011022101</v>
      </c>
      <c r="BD1398" t="s">
        <v>5370</v>
      </c>
      <c r="BE1398" t="s">
        <v>62</v>
      </c>
    </row>
    <row r="1399" spans="1:57" x14ac:dyDescent="0.3">
      <c r="A1399" t="s">
        <v>5372</v>
      </c>
      <c r="B1399">
        <v>1508</v>
      </c>
      <c r="C1399" t="s">
        <v>5373</v>
      </c>
      <c r="D1399" t="s">
        <v>5374</v>
      </c>
      <c r="E1399" t="s">
        <v>93</v>
      </c>
      <c r="F1399">
        <v>1552</v>
      </c>
      <c r="G1399">
        <v>127.20618556701029</v>
      </c>
      <c r="H1399">
        <v>128</v>
      </c>
      <c r="I1399">
        <v>5599.6675390583478</v>
      </c>
      <c r="J1399">
        <v>74.830926354404752</v>
      </c>
      <c r="K1399">
        <v>-1.4961581777131579E-2</v>
      </c>
      <c r="L1399">
        <v>-1.2243394319176051</v>
      </c>
      <c r="M1399">
        <v>7.8761892836550889</v>
      </c>
      <c r="N1399">
        <v>14</v>
      </c>
      <c r="O1399">
        <v>1</v>
      </c>
      <c r="P1399">
        <v>13</v>
      </c>
      <c r="Q1399">
        <v>2.4399469303006538</v>
      </c>
      <c r="R1399">
        <v>5.4593583955219858</v>
      </c>
      <c r="S1399">
        <v>2</v>
      </c>
      <c r="T1399">
        <v>1</v>
      </c>
      <c r="U1399">
        <v>1</v>
      </c>
      <c r="V1399">
        <v>0.13433825684881959</v>
      </c>
      <c r="W1399">
        <v>7.3216285725180228</v>
      </c>
      <c r="X1399">
        <v>1</v>
      </c>
      <c r="Y1399">
        <v>1</v>
      </c>
      <c r="Z1399">
        <v>0</v>
      </c>
      <c r="AA1399">
        <v>0</v>
      </c>
      <c r="AB1399">
        <v>7.3460102099132918</v>
      </c>
      <c r="AC1399">
        <v>1</v>
      </c>
      <c r="AD1399">
        <v>1</v>
      </c>
      <c r="AE1399">
        <v>0</v>
      </c>
      <c r="AF1399">
        <v>0</v>
      </c>
      <c r="AG1399">
        <v>7.3453648404168677</v>
      </c>
      <c r="AH1399">
        <v>-5.6093577538872313E-2</v>
      </c>
      <c r="AI1399">
        <v>-9.1955810335628066E-3</v>
      </c>
      <c r="AJ1399">
        <v>2.8884842006069542E-2</v>
      </c>
      <c r="AK1399">
        <v>-6.2510993359714315E-2</v>
      </c>
      <c r="AL1399">
        <v>2750.0358623487709</v>
      </c>
      <c r="AM1399">
        <v>5122.6497787566586</v>
      </c>
      <c r="AN1399">
        <v>197424</v>
      </c>
      <c r="AO1399">
        <v>99.057878287851452</v>
      </c>
      <c r="AP1399">
        <v>2522.111275375109</v>
      </c>
      <c r="AQ1399">
        <v>1.0148195876288659</v>
      </c>
      <c r="AR1399">
        <v>3.980670103092784</v>
      </c>
      <c r="AS1399">
        <v>1545</v>
      </c>
      <c r="AT1399">
        <v>249.430412371134</v>
      </c>
      <c r="AU1399">
        <v>1.6317970487163949E-2</v>
      </c>
      <c r="AV1399">
        <v>-5.6117337454265961E-2</v>
      </c>
      <c r="AW1399">
        <v>0.35695876288659789</v>
      </c>
      <c r="AX1399">
        <v>89.835589941972927</v>
      </c>
      <c r="AY1399">
        <v>66</v>
      </c>
      <c r="AZ1399">
        <v>132</v>
      </c>
      <c r="BA1399">
        <v>0.58826483964480603</v>
      </c>
      <c r="BB1399">
        <v>0.50128865979381443</v>
      </c>
      <c r="BC1399">
        <v>5.3020932819914854</v>
      </c>
      <c r="BD1399" t="s">
        <v>5375</v>
      </c>
      <c r="BE1399" t="s">
        <v>62</v>
      </c>
    </row>
    <row r="1400" spans="1:57" x14ac:dyDescent="0.3">
      <c r="A1400" t="s">
        <v>5376</v>
      </c>
      <c r="B1400">
        <v>2997</v>
      </c>
      <c r="C1400" t="s">
        <v>5377</v>
      </c>
      <c r="D1400" t="s">
        <v>5378</v>
      </c>
      <c r="E1400" t="s">
        <v>72</v>
      </c>
      <c r="F1400">
        <v>3008</v>
      </c>
      <c r="G1400">
        <v>128.35671542553189</v>
      </c>
      <c r="H1400">
        <v>127</v>
      </c>
      <c r="I1400">
        <v>5602.0798684668889</v>
      </c>
      <c r="J1400">
        <v>74.847043151128474</v>
      </c>
      <c r="K1400">
        <v>-1.7729728357203559E-2</v>
      </c>
      <c r="L1400">
        <v>-1.251760334603915</v>
      </c>
      <c r="M1400">
        <v>7.938056675795389</v>
      </c>
      <c r="N1400">
        <v>21</v>
      </c>
      <c r="O1400">
        <v>3</v>
      </c>
      <c r="P1400">
        <v>18</v>
      </c>
      <c r="Q1400">
        <v>3.390012905580154</v>
      </c>
      <c r="R1400">
        <v>5.5022416039526227</v>
      </c>
      <c r="S1400">
        <v>3</v>
      </c>
      <c r="T1400">
        <v>1</v>
      </c>
      <c r="U1400">
        <v>2</v>
      </c>
      <c r="V1400">
        <v>0.1413222515470495</v>
      </c>
      <c r="W1400">
        <v>7.98253290845902</v>
      </c>
      <c r="X1400">
        <v>1</v>
      </c>
      <c r="Y1400">
        <v>1</v>
      </c>
      <c r="Z1400">
        <v>0</v>
      </c>
      <c r="AA1400">
        <v>0</v>
      </c>
      <c r="AB1400">
        <v>8.0083655703129217</v>
      </c>
      <c r="AC1400">
        <v>1</v>
      </c>
      <c r="AD1400">
        <v>1</v>
      </c>
      <c r="AE1400">
        <v>0</v>
      </c>
      <c r="AF1400">
        <v>0</v>
      </c>
      <c r="AG1400">
        <v>8.0080328469693107</v>
      </c>
      <c r="AH1400">
        <v>-2.167288755259484E-2</v>
      </c>
      <c r="AI1400">
        <v>3.5217761917068553E-2</v>
      </c>
      <c r="AJ1400">
        <v>3.2334505938252919E-2</v>
      </c>
      <c r="AK1400">
        <v>2.289292530364901E-2</v>
      </c>
      <c r="AL1400">
        <v>3770.383215157025</v>
      </c>
      <c r="AM1400">
        <v>7224.5006340135496</v>
      </c>
      <c r="AN1400">
        <v>386097</v>
      </c>
      <c r="AO1400">
        <v>38.111877622096493</v>
      </c>
      <c r="AP1400">
        <v>3419.6935565168528</v>
      </c>
      <c r="AQ1400">
        <v>1.007646276595745</v>
      </c>
      <c r="AR1400">
        <v>4.0006648936170217</v>
      </c>
      <c r="AS1400">
        <v>3000</v>
      </c>
      <c r="AT1400">
        <v>250.38297872340419</v>
      </c>
      <c r="AU1400">
        <v>2.4408114309553589E-2</v>
      </c>
      <c r="AV1400">
        <v>-2.1676023871762259E-2</v>
      </c>
      <c r="AW1400">
        <v>0.36868351063829791</v>
      </c>
      <c r="AX1400">
        <v>87.332224808779515</v>
      </c>
      <c r="AY1400">
        <v>67</v>
      </c>
      <c r="AZ1400">
        <v>135</v>
      </c>
      <c r="BA1400">
        <v>0.58311746995857117</v>
      </c>
      <c r="BB1400">
        <v>0.49734042553191488</v>
      </c>
      <c r="BC1400">
        <v>5.3358870343863103</v>
      </c>
      <c r="BD1400" t="s">
        <v>5379</v>
      </c>
      <c r="BE1400" t="s">
        <v>62</v>
      </c>
    </row>
    <row r="1401" spans="1:57" x14ac:dyDescent="0.3">
      <c r="A1401" t="s">
        <v>5380</v>
      </c>
      <c r="B1401">
        <v>3366</v>
      </c>
      <c r="C1401" t="s">
        <v>5381</v>
      </c>
      <c r="D1401" t="s">
        <v>5382</v>
      </c>
      <c r="E1401" t="s">
        <v>98</v>
      </c>
      <c r="F1401">
        <v>16</v>
      </c>
      <c r="G1401">
        <v>103.4375</v>
      </c>
      <c r="H1401">
        <v>95.5</v>
      </c>
      <c r="I1401">
        <v>2616.87109375</v>
      </c>
      <c r="J1401">
        <v>51.155362316672139</v>
      </c>
      <c r="K1401">
        <v>0.71792781934152949</v>
      </c>
      <c r="L1401">
        <v>-7.8859934813821919E-2</v>
      </c>
      <c r="M1401">
        <v>4</v>
      </c>
      <c r="N1401">
        <v>1</v>
      </c>
      <c r="O1401">
        <v>1</v>
      </c>
      <c r="P1401">
        <v>0</v>
      </c>
      <c r="Q1401">
        <v>0</v>
      </c>
      <c r="R1401">
        <v>2.7725887222397811</v>
      </c>
      <c r="S1401">
        <v>1</v>
      </c>
      <c r="T1401">
        <v>1</v>
      </c>
      <c r="U1401">
        <v>0</v>
      </c>
      <c r="V1401">
        <v>0</v>
      </c>
      <c r="W1401">
        <v>2.7080502011022101</v>
      </c>
      <c r="X1401">
        <v>1</v>
      </c>
      <c r="Y1401">
        <v>1</v>
      </c>
      <c r="Z1401">
        <v>0</v>
      </c>
      <c r="AA1401">
        <v>0</v>
      </c>
      <c r="AB1401">
        <v>2.639057329615258</v>
      </c>
      <c r="AC1401">
        <v>1</v>
      </c>
      <c r="AD1401">
        <v>1</v>
      </c>
      <c r="AE1401">
        <v>0</v>
      </c>
      <c r="AF1401">
        <v>0</v>
      </c>
      <c r="AG1401">
        <v>2.5649493574615372</v>
      </c>
      <c r="AH1401">
        <v>1.866932793367556E-2</v>
      </c>
      <c r="AI1401">
        <v>0.2355745619992865</v>
      </c>
      <c r="AJ1401">
        <v>0.2543765552253332</v>
      </c>
      <c r="AK1401">
        <v>4.6085795446912242E-3</v>
      </c>
      <c r="AL1401">
        <v>276.62427376250298</v>
      </c>
      <c r="AM1401">
        <v>369.51050210429452</v>
      </c>
      <c r="AN1401">
        <v>1655</v>
      </c>
      <c r="AO1401">
        <v>19.416487838947599</v>
      </c>
      <c r="AP1401">
        <v>208.36524441998131</v>
      </c>
      <c r="AQ1401">
        <v>2.25</v>
      </c>
      <c r="AR1401">
        <v>4.5</v>
      </c>
      <c r="AS1401">
        <v>16</v>
      </c>
      <c r="AT1401">
        <v>0</v>
      </c>
      <c r="AU1401">
        <v>0.37118544600938969</v>
      </c>
      <c r="AV1401">
        <v>1.4455906137977091E-2</v>
      </c>
      <c r="AW1401">
        <v>0.75</v>
      </c>
      <c r="AX1401">
        <v>56.733333333333327</v>
      </c>
      <c r="AY1401">
        <v>28.5</v>
      </c>
      <c r="AZ1401">
        <v>53.75</v>
      </c>
      <c r="BA1401">
        <v>0.49455335170196629</v>
      </c>
      <c r="BB1401">
        <v>0.5</v>
      </c>
      <c r="BC1401">
        <v>2.7080502011022101</v>
      </c>
      <c r="BD1401" t="s">
        <v>5381</v>
      </c>
      <c r="BE1401" t="s">
        <v>62</v>
      </c>
    </row>
    <row r="1402" spans="1:57" x14ac:dyDescent="0.3">
      <c r="A1402" t="s">
        <v>5383</v>
      </c>
      <c r="B1402">
        <v>153</v>
      </c>
      <c r="C1402" t="s">
        <v>5384</v>
      </c>
      <c r="D1402" t="s">
        <v>5385</v>
      </c>
      <c r="E1402" t="s">
        <v>60</v>
      </c>
      <c r="F1402">
        <v>256</v>
      </c>
      <c r="G1402">
        <v>122.26953125</v>
      </c>
      <c r="H1402">
        <v>113.5</v>
      </c>
      <c r="I1402">
        <v>5256.3921966552734</v>
      </c>
      <c r="J1402">
        <v>72.500980659955715</v>
      </c>
      <c r="K1402">
        <v>0.1028327084997613</v>
      </c>
      <c r="L1402">
        <v>-1.2192992840819661</v>
      </c>
      <c r="M1402">
        <v>7.2345605350955369</v>
      </c>
      <c r="N1402">
        <v>5</v>
      </c>
      <c r="O1402">
        <v>1</v>
      </c>
      <c r="P1402">
        <v>4</v>
      </c>
      <c r="Q1402">
        <v>0.76339140675625694</v>
      </c>
      <c r="R1402">
        <v>5.0146152374917197</v>
      </c>
      <c r="S1402">
        <v>1</v>
      </c>
      <c r="T1402">
        <v>1</v>
      </c>
      <c r="U1402">
        <v>0</v>
      </c>
      <c r="V1402">
        <v>0</v>
      </c>
      <c r="W1402">
        <v>5.541263545158424</v>
      </c>
      <c r="X1402">
        <v>1</v>
      </c>
      <c r="Y1402">
        <v>1</v>
      </c>
      <c r="Z1402">
        <v>0</v>
      </c>
      <c r="AA1402">
        <v>0</v>
      </c>
      <c r="AB1402">
        <v>5.5373342670185366</v>
      </c>
      <c r="AC1402">
        <v>1</v>
      </c>
      <c r="AD1402">
        <v>1</v>
      </c>
      <c r="AE1402">
        <v>0</v>
      </c>
      <c r="AF1402">
        <v>0</v>
      </c>
      <c r="AG1402">
        <v>5.5333894887275203</v>
      </c>
      <c r="AH1402">
        <v>6.4524662319868174E-3</v>
      </c>
      <c r="AI1402">
        <v>7.3429418625978377E-4</v>
      </c>
      <c r="AJ1402">
        <v>-8.0583803890378808E-2</v>
      </c>
      <c r="AK1402">
        <v>-6.5032338412184089E-3</v>
      </c>
      <c r="AL1402">
        <v>1156.459599845102</v>
      </c>
      <c r="AM1402">
        <v>1958.416756956012</v>
      </c>
      <c r="AN1402">
        <v>31301</v>
      </c>
      <c r="AO1402">
        <v>65.35638762746683</v>
      </c>
      <c r="AP1402">
        <v>961.11470977077602</v>
      </c>
      <c r="AQ1402">
        <v>1.08984375</v>
      </c>
      <c r="AR1402">
        <v>3.8515625</v>
      </c>
      <c r="AS1402">
        <v>256</v>
      </c>
      <c r="AT1402">
        <v>64.25</v>
      </c>
      <c r="AU1402">
        <v>6.0922181372549011E-2</v>
      </c>
      <c r="AV1402">
        <v>6.4620708925455508E-3</v>
      </c>
      <c r="AW1402">
        <v>0.421875</v>
      </c>
      <c r="AX1402">
        <v>83.152941176470591</v>
      </c>
      <c r="AY1402">
        <v>64</v>
      </c>
      <c r="AZ1402">
        <v>127.5</v>
      </c>
      <c r="BA1402">
        <v>0.59296032232033047</v>
      </c>
      <c r="BB1402">
        <v>0.47265625</v>
      </c>
      <c r="BC1402">
        <v>4.8176255934005541</v>
      </c>
      <c r="BD1402" t="s">
        <v>5386</v>
      </c>
      <c r="BE1402" t="s">
        <v>62</v>
      </c>
    </row>
    <row r="1403" spans="1:57" x14ac:dyDescent="0.3">
      <c r="A1403" t="s">
        <v>5387</v>
      </c>
      <c r="B1403">
        <v>1754</v>
      </c>
      <c r="C1403" t="s">
        <v>5388</v>
      </c>
      <c r="D1403" t="s">
        <v>5389</v>
      </c>
      <c r="E1403" t="s">
        <v>10622</v>
      </c>
      <c r="F1403">
        <v>64</v>
      </c>
      <c r="G1403">
        <v>119.109375</v>
      </c>
      <c r="H1403">
        <v>120</v>
      </c>
      <c r="I1403">
        <v>6309.066162109375</v>
      </c>
      <c r="J1403">
        <v>79.429630252880912</v>
      </c>
      <c r="K1403">
        <v>5.3117249727292482E-2</v>
      </c>
      <c r="L1403">
        <v>-1.469099366460886</v>
      </c>
      <c r="M1403">
        <v>5.6875</v>
      </c>
      <c r="N1403">
        <v>2</v>
      </c>
      <c r="O1403">
        <v>1</v>
      </c>
      <c r="P1403">
        <v>1</v>
      </c>
      <c r="Q1403">
        <v>0.38844772154450058</v>
      </c>
      <c r="R1403">
        <v>3.9422745894346898</v>
      </c>
      <c r="S1403">
        <v>1</v>
      </c>
      <c r="T1403">
        <v>1</v>
      </c>
      <c r="U1403">
        <v>0</v>
      </c>
      <c r="V1403">
        <v>0</v>
      </c>
      <c r="W1403">
        <v>4.1431347263915326</v>
      </c>
      <c r="X1403">
        <v>1</v>
      </c>
      <c r="Y1403">
        <v>1</v>
      </c>
      <c r="Z1403">
        <v>0</v>
      </c>
      <c r="AA1403">
        <v>0</v>
      </c>
      <c r="AB1403">
        <v>4.1271343850450908</v>
      </c>
      <c r="AC1403">
        <v>1</v>
      </c>
      <c r="AD1403">
        <v>1</v>
      </c>
      <c r="AE1403">
        <v>0</v>
      </c>
      <c r="AF1403">
        <v>0</v>
      </c>
      <c r="AG1403">
        <v>4.1108738641733096</v>
      </c>
      <c r="AH1403">
        <v>0.10546804000455071</v>
      </c>
      <c r="AI1403">
        <v>2.5177931480363219E-2</v>
      </c>
      <c r="AJ1403">
        <v>-8.4979426971122707E-2</v>
      </c>
      <c r="AK1403">
        <v>0.1024735703324848</v>
      </c>
      <c r="AL1403">
        <v>672.85551412806853</v>
      </c>
      <c r="AM1403">
        <v>926.83140705710457</v>
      </c>
      <c r="AN1403">
        <v>7623</v>
      </c>
      <c r="AO1403">
        <v>77</v>
      </c>
      <c r="AP1403">
        <v>544.19061869676636</v>
      </c>
      <c r="AQ1403">
        <v>1.359375</v>
      </c>
      <c r="AR1403">
        <v>3.9375</v>
      </c>
      <c r="AS1403">
        <v>64</v>
      </c>
      <c r="AT1403">
        <v>6.8749999999999991</v>
      </c>
      <c r="AU1403">
        <v>0.12423780487804879</v>
      </c>
      <c r="AV1403">
        <v>0.1062686879188916</v>
      </c>
      <c r="AW1403">
        <v>0.359375</v>
      </c>
      <c r="AX1403">
        <v>88.19047619047619</v>
      </c>
      <c r="AY1403">
        <v>74.5</v>
      </c>
      <c r="AZ1403">
        <v>147.5</v>
      </c>
      <c r="BA1403">
        <v>0.66686295896423697</v>
      </c>
      <c r="BB1403">
        <v>0.515625</v>
      </c>
      <c r="BC1403">
        <v>3.9670973472017059</v>
      </c>
      <c r="BD1403" t="s">
        <v>5390</v>
      </c>
      <c r="BE1403" t="s">
        <v>62</v>
      </c>
    </row>
    <row r="1404" spans="1:57" x14ac:dyDescent="0.3">
      <c r="A1404" t="s">
        <v>5391</v>
      </c>
      <c r="B1404">
        <v>688</v>
      </c>
      <c r="C1404" t="s">
        <v>5392</v>
      </c>
      <c r="D1404" t="s">
        <v>5393</v>
      </c>
      <c r="E1404" t="s">
        <v>72</v>
      </c>
      <c r="F1404">
        <v>712</v>
      </c>
      <c r="G1404">
        <v>125.90308988764041</v>
      </c>
      <c r="H1404">
        <v>124.5</v>
      </c>
      <c r="I1404">
        <v>5281.7026870818072</v>
      </c>
      <c r="J1404">
        <v>72.675323783811294</v>
      </c>
      <c r="K1404">
        <v>4.1698786346304549E-2</v>
      </c>
      <c r="L1404">
        <v>-1.13228558457742</v>
      </c>
      <c r="M1404">
        <v>7.7393117307634389</v>
      </c>
      <c r="N1404">
        <v>9</v>
      </c>
      <c r="O1404">
        <v>1</v>
      </c>
      <c r="P1404">
        <v>8</v>
      </c>
      <c r="Q1404">
        <v>1.5633662249564739</v>
      </c>
      <c r="R1404">
        <v>5.3644821056531988</v>
      </c>
      <c r="S1404">
        <v>2</v>
      </c>
      <c r="T1404">
        <v>1</v>
      </c>
      <c r="U1404">
        <v>1</v>
      </c>
      <c r="V1404">
        <v>5.3036941260826982E-2</v>
      </c>
      <c r="W1404">
        <v>6.5627728676059984</v>
      </c>
      <c r="X1404">
        <v>1</v>
      </c>
      <c r="Y1404">
        <v>1</v>
      </c>
      <c r="Z1404">
        <v>0</v>
      </c>
      <c r="AA1404">
        <v>0</v>
      </c>
      <c r="AB1404">
        <v>6.5652649700353596</v>
      </c>
      <c r="AC1404">
        <v>1</v>
      </c>
      <c r="AD1404">
        <v>1</v>
      </c>
      <c r="AE1404">
        <v>0</v>
      </c>
      <c r="AF1404">
        <v>0</v>
      </c>
      <c r="AG1404">
        <v>6.5638555265321283</v>
      </c>
      <c r="AH1404">
        <v>3.3871941024828981E-3</v>
      </c>
      <c r="AI1404">
        <v>2.2461591867275012E-2</v>
      </c>
      <c r="AJ1404">
        <v>-1.212793504143353E-2</v>
      </c>
      <c r="AK1404">
        <v>6.8945926056154239E-2</v>
      </c>
      <c r="AL1404">
        <v>1852.656068820741</v>
      </c>
      <c r="AM1404">
        <v>3408.0153301682308</v>
      </c>
      <c r="AN1404">
        <v>89643</v>
      </c>
      <c r="AO1404">
        <v>65.756385423201579</v>
      </c>
      <c r="AP1404">
        <v>1652.4139118753351</v>
      </c>
      <c r="AQ1404">
        <v>1.032303370786517</v>
      </c>
      <c r="AR1404">
        <v>4.0280898876404496</v>
      </c>
      <c r="AS1404">
        <v>710</v>
      </c>
      <c r="AT1404">
        <v>207.73595505617979</v>
      </c>
      <c r="AU1404">
        <v>3.3482044503194468E-2</v>
      </c>
      <c r="AV1404">
        <v>3.3873659069410941E-3</v>
      </c>
      <c r="AW1404">
        <v>0.3848314606741573</v>
      </c>
      <c r="AX1404">
        <v>83.751054852320678</v>
      </c>
      <c r="AY1404">
        <v>62.5</v>
      </c>
      <c r="AZ1404">
        <v>123.25</v>
      </c>
      <c r="BA1404">
        <v>0.57723224941237627</v>
      </c>
      <c r="BB1404">
        <v>0.4943820224719101</v>
      </c>
      <c r="BC1404">
        <v>5.1620912971539177</v>
      </c>
      <c r="BD1404" t="s">
        <v>5394</v>
      </c>
      <c r="BE1404" t="s">
        <v>68</v>
      </c>
    </row>
    <row r="1405" spans="1:57" x14ac:dyDescent="0.3">
      <c r="A1405" t="s">
        <v>5395</v>
      </c>
      <c r="B1405">
        <v>2954</v>
      </c>
      <c r="C1405" t="s">
        <v>5396</v>
      </c>
      <c r="D1405" t="s">
        <v>5397</v>
      </c>
      <c r="E1405" t="s">
        <v>98</v>
      </c>
      <c r="F1405">
        <v>16</v>
      </c>
      <c r="G1405">
        <v>133.875</v>
      </c>
      <c r="H1405">
        <v>150</v>
      </c>
      <c r="I1405">
        <v>6387.859375</v>
      </c>
      <c r="J1405">
        <v>79.924085074525564</v>
      </c>
      <c r="K1405">
        <v>-0.14428840082603381</v>
      </c>
      <c r="L1405">
        <v>-1.574102213533159</v>
      </c>
      <c r="M1405">
        <v>3.875</v>
      </c>
      <c r="N1405">
        <v>2</v>
      </c>
      <c r="O1405">
        <v>1</v>
      </c>
      <c r="P1405">
        <v>1</v>
      </c>
      <c r="Q1405">
        <v>0.24944382578492949</v>
      </c>
      <c r="R1405">
        <v>2.6859453246697882</v>
      </c>
      <c r="S1405">
        <v>1</v>
      </c>
      <c r="T1405">
        <v>1</v>
      </c>
      <c r="U1405">
        <v>0</v>
      </c>
      <c r="V1405">
        <v>0</v>
      </c>
      <c r="W1405">
        <v>2.7080502011022101</v>
      </c>
      <c r="X1405">
        <v>1</v>
      </c>
      <c r="Y1405">
        <v>1</v>
      </c>
      <c r="Z1405">
        <v>0</v>
      </c>
      <c r="AA1405">
        <v>0</v>
      </c>
      <c r="AB1405">
        <v>2.639057329615258</v>
      </c>
      <c r="AC1405">
        <v>1</v>
      </c>
      <c r="AD1405">
        <v>1</v>
      </c>
      <c r="AE1405">
        <v>0</v>
      </c>
      <c r="AF1405">
        <v>0</v>
      </c>
      <c r="AG1405">
        <v>2.5649493574615372</v>
      </c>
      <c r="AH1405">
        <v>-0.28406195957663832</v>
      </c>
      <c r="AI1405">
        <v>-6.2918732556632093E-2</v>
      </c>
      <c r="AJ1405">
        <v>-1.4414856796217429E-3</v>
      </c>
      <c r="AK1405">
        <v>0.1301366972993202</v>
      </c>
      <c r="AL1405">
        <v>425.80011780458329</v>
      </c>
      <c r="AM1405">
        <v>455.69755285452538</v>
      </c>
      <c r="AN1405">
        <v>2142</v>
      </c>
      <c r="AO1405">
        <v>144.59364175377951</v>
      </c>
      <c r="AP1405">
        <v>325.01511965021422</v>
      </c>
      <c r="AQ1405">
        <v>2.3125</v>
      </c>
      <c r="AR1405">
        <v>4.25</v>
      </c>
      <c r="AS1405">
        <v>16</v>
      </c>
      <c r="AT1405">
        <v>0.87499999999999989</v>
      </c>
      <c r="AU1405">
        <v>0.22289156626506021</v>
      </c>
      <c r="AV1405">
        <v>-0.29567084138101679</v>
      </c>
      <c r="AW1405">
        <v>0.375</v>
      </c>
      <c r="AX1405">
        <v>113.2</v>
      </c>
      <c r="AY1405">
        <v>71.5</v>
      </c>
      <c r="AZ1405">
        <v>142.75</v>
      </c>
      <c r="BA1405">
        <v>0.5970053040113954</v>
      </c>
      <c r="BB1405">
        <v>0.5</v>
      </c>
      <c r="BC1405">
        <v>2.615630577027551</v>
      </c>
      <c r="BD1405" t="s">
        <v>5396</v>
      </c>
      <c r="BE1405" t="s">
        <v>62</v>
      </c>
    </row>
    <row r="1406" spans="1:57" x14ac:dyDescent="0.3">
      <c r="A1406" t="s">
        <v>5398</v>
      </c>
      <c r="B1406">
        <v>964</v>
      </c>
      <c r="C1406" t="s">
        <v>5399</v>
      </c>
      <c r="D1406" t="s">
        <v>5400</v>
      </c>
      <c r="E1406" t="s">
        <v>93</v>
      </c>
      <c r="F1406">
        <v>968</v>
      </c>
      <c r="G1406">
        <v>131.43904958677689</v>
      </c>
      <c r="H1406">
        <v>132</v>
      </c>
      <c r="I1406">
        <v>5531.1305825677891</v>
      </c>
      <c r="J1406">
        <v>74.371571064270171</v>
      </c>
      <c r="K1406">
        <v>-1.7654354223456719E-2</v>
      </c>
      <c r="L1406">
        <v>-1.2227697820791521</v>
      </c>
      <c r="M1406">
        <v>7.7793520022936242</v>
      </c>
      <c r="N1406">
        <v>11</v>
      </c>
      <c r="O1406">
        <v>1</v>
      </c>
      <c r="P1406">
        <v>10</v>
      </c>
      <c r="Q1406">
        <v>1.8619851650014689</v>
      </c>
      <c r="R1406">
        <v>5.3922359069731769</v>
      </c>
      <c r="S1406">
        <v>2</v>
      </c>
      <c r="T1406">
        <v>1</v>
      </c>
      <c r="U1406">
        <v>1</v>
      </c>
      <c r="V1406">
        <v>7.1906127257884658E-2</v>
      </c>
      <c r="W1406">
        <v>6.8670304791083119</v>
      </c>
      <c r="X1406">
        <v>1</v>
      </c>
      <c r="Y1406">
        <v>1</v>
      </c>
      <c r="Z1406">
        <v>0</v>
      </c>
      <c r="AA1406">
        <v>0</v>
      </c>
      <c r="AB1406">
        <v>6.8731638342125194</v>
      </c>
      <c r="AC1406">
        <v>1</v>
      </c>
      <c r="AD1406">
        <v>1</v>
      </c>
      <c r="AE1406">
        <v>0</v>
      </c>
      <c r="AF1406">
        <v>0</v>
      </c>
      <c r="AG1406">
        <v>6.8721281013389852</v>
      </c>
      <c r="AH1406">
        <v>-1.700021182461775E-2</v>
      </c>
      <c r="AI1406">
        <v>-4.1973175488647187E-2</v>
      </c>
      <c r="AJ1406">
        <v>2.7470739416659541E-2</v>
      </c>
      <c r="AK1406">
        <v>-1.3532241742386229E-2</v>
      </c>
      <c r="AL1406">
        <v>2176.717050520022</v>
      </c>
      <c r="AM1406">
        <v>4164.0631457718573</v>
      </c>
      <c r="AN1406">
        <v>127233</v>
      </c>
      <c r="AO1406">
        <v>74.476650659459395</v>
      </c>
      <c r="AP1406">
        <v>1921.173406322185</v>
      </c>
      <c r="AQ1406">
        <v>1.0237603305785119</v>
      </c>
      <c r="AR1406">
        <v>4.0723140495867769</v>
      </c>
      <c r="AS1406">
        <v>966</v>
      </c>
      <c r="AT1406">
        <v>214.98553719008271</v>
      </c>
      <c r="AU1406">
        <v>3.6821422783989588E-2</v>
      </c>
      <c r="AV1406">
        <v>-1.70247205398582E-2</v>
      </c>
      <c r="AW1406">
        <v>0.37603305785123969</v>
      </c>
      <c r="AX1406">
        <v>87.758014477766281</v>
      </c>
      <c r="AY1406">
        <v>65</v>
      </c>
      <c r="AZ1406">
        <v>128.25</v>
      </c>
      <c r="BA1406">
        <v>0.56582553889488985</v>
      </c>
      <c r="BB1406">
        <v>0.50103305785123964</v>
      </c>
      <c r="BC1406">
        <v>5.2338908867933549</v>
      </c>
      <c r="BD1406" t="s">
        <v>5401</v>
      </c>
      <c r="BE1406" t="s">
        <v>68</v>
      </c>
    </row>
    <row r="1407" spans="1:57" x14ac:dyDescent="0.3">
      <c r="A1407" t="s">
        <v>5402</v>
      </c>
      <c r="B1407">
        <v>3201</v>
      </c>
      <c r="C1407" t="s">
        <v>5403</v>
      </c>
      <c r="D1407" t="s">
        <v>5404</v>
      </c>
      <c r="E1407" t="s">
        <v>85</v>
      </c>
      <c r="F1407">
        <v>8</v>
      </c>
      <c r="G1407">
        <v>157.125</v>
      </c>
      <c r="H1407">
        <v>157.5</v>
      </c>
      <c r="I1407">
        <v>3908.109375</v>
      </c>
      <c r="J1407">
        <v>62.514873230296168</v>
      </c>
      <c r="K1407">
        <v>-1.698491133028467E-2</v>
      </c>
      <c r="L1407">
        <v>-1.818917276134119</v>
      </c>
      <c r="M1407">
        <v>3</v>
      </c>
      <c r="N1407">
        <v>1</v>
      </c>
      <c r="O1407">
        <v>1</v>
      </c>
      <c r="P1407">
        <v>0</v>
      </c>
      <c r="Q1407">
        <v>0</v>
      </c>
      <c r="R1407">
        <v>2.0794415416798362</v>
      </c>
      <c r="S1407">
        <v>1</v>
      </c>
      <c r="T1407">
        <v>1</v>
      </c>
      <c r="U1407">
        <v>0</v>
      </c>
      <c r="V1407">
        <v>0</v>
      </c>
      <c r="W1407">
        <v>1.945910149055313</v>
      </c>
      <c r="X1407">
        <v>1</v>
      </c>
      <c r="Y1407">
        <v>1</v>
      </c>
      <c r="Z1407">
        <v>0</v>
      </c>
      <c r="AA1407">
        <v>0</v>
      </c>
      <c r="AB1407">
        <v>1.791759469228055</v>
      </c>
      <c r="AC1407">
        <v>1</v>
      </c>
      <c r="AD1407">
        <v>1</v>
      </c>
      <c r="AE1407">
        <v>0</v>
      </c>
      <c r="AF1407">
        <v>0</v>
      </c>
      <c r="AG1407">
        <v>1.6094379124341009</v>
      </c>
      <c r="AH1407">
        <v>0.1894413259288579</v>
      </c>
      <c r="AI1407">
        <v>-0.62184100368224726</v>
      </c>
      <c r="AJ1407">
        <v>5.5419120498642643E-2</v>
      </c>
      <c r="AK1407">
        <v>0</v>
      </c>
      <c r="AL1407">
        <v>266.73687901213373</v>
      </c>
      <c r="AM1407">
        <v>397.01692328522512</v>
      </c>
      <c r="AN1407">
        <v>1257</v>
      </c>
      <c r="AO1407">
        <v>5</v>
      </c>
      <c r="AP1407">
        <v>63.968722047143238</v>
      </c>
      <c r="AQ1407">
        <v>3.5</v>
      </c>
      <c r="AR1407">
        <v>4.625</v>
      </c>
      <c r="AS1407">
        <v>8</v>
      </c>
      <c r="AT1407">
        <v>0</v>
      </c>
      <c r="AU1407">
        <v>0.33333333333333343</v>
      </c>
      <c r="AV1407">
        <v>0.2656951979881127</v>
      </c>
      <c r="AW1407">
        <v>0.5</v>
      </c>
      <c r="AX1407">
        <v>57.142857142857153</v>
      </c>
      <c r="AY1407">
        <v>63</v>
      </c>
      <c r="AZ1407">
        <v>121.5</v>
      </c>
      <c r="BA1407">
        <v>0.39786713273060409</v>
      </c>
      <c r="BB1407">
        <v>0.5</v>
      </c>
      <c r="BC1407">
        <v>1.945910149055313</v>
      </c>
      <c r="BD1407" t="s">
        <v>5403</v>
      </c>
      <c r="BE1407" t="s">
        <v>68</v>
      </c>
    </row>
    <row r="1408" spans="1:57" x14ac:dyDescent="0.3">
      <c r="A1408" t="s">
        <v>5405</v>
      </c>
      <c r="B1408">
        <v>1031</v>
      </c>
      <c r="C1408" t="s">
        <v>5406</v>
      </c>
      <c r="D1408" t="s">
        <v>5407</v>
      </c>
      <c r="E1408" t="s">
        <v>10622</v>
      </c>
      <c r="F1408">
        <v>64</v>
      </c>
      <c r="G1408">
        <v>116.25</v>
      </c>
      <c r="H1408">
        <v>113.5</v>
      </c>
      <c r="I1408">
        <v>5699.78125</v>
      </c>
      <c r="J1408">
        <v>75.496895631542358</v>
      </c>
      <c r="K1408">
        <v>0.1076192751861148</v>
      </c>
      <c r="L1408">
        <v>-1.253001199812285</v>
      </c>
      <c r="M1408">
        <v>5.71875</v>
      </c>
      <c r="N1408">
        <v>2</v>
      </c>
      <c r="O1408">
        <v>1</v>
      </c>
      <c r="P1408">
        <v>1</v>
      </c>
      <c r="Q1408">
        <v>0.36994527180683279</v>
      </c>
      <c r="R1408">
        <v>3.9639354388271881</v>
      </c>
      <c r="S1408">
        <v>1</v>
      </c>
      <c r="T1408">
        <v>1</v>
      </c>
      <c r="U1408">
        <v>0</v>
      </c>
      <c r="V1408">
        <v>0</v>
      </c>
      <c r="W1408">
        <v>4.1431347263915326</v>
      </c>
      <c r="X1408">
        <v>1</v>
      </c>
      <c r="Y1408">
        <v>1</v>
      </c>
      <c r="Z1408">
        <v>0</v>
      </c>
      <c r="AA1408">
        <v>0</v>
      </c>
      <c r="AB1408">
        <v>4.1271343850450908</v>
      </c>
      <c r="AC1408">
        <v>1</v>
      </c>
      <c r="AD1408">
        <v>1</v>
      </c>
      <c r="AE1408">
        <v>0</v>
      </c>
      <c r="AF1408">
        <v>0</v>
      </c>
      <c r="AG1408">
        <v>4.1108738641733096</v>
      </c>
      <c r="AH1408">
        <v>-0.18627787935940521</v>
      </c>
      <c r="AI1408">
        <v>-0.1646455044875626</v>
      </c>
      <c r="AJ1408">
        <v>-1.043574177737084E-2</v>
      </c>
      <c r="AK1408">
        <v>8.6579871486296076E-2</v>
      </c>
      <c r="AL1408">
        <v>655.03902921906683</v>
      </c>
      <c r="AM1408">
        <v>894.76805385515547</v>
      </c>
      <c r="AN1408">
        <v>7440</v>
      </c>
      <c r="AO1408">
        <v>92.466407696322975</v>
      </c>
      <c r="AP1408">
        <v>484.28004159577608</v>
      </c>
      <c r="AQ1408">
        <v>1.359375</v>
      </c>
      <c r="AR1408">
        <v>3.84375</v>
      </c>
      <c r="AS1408">
        <v>64</v>
      </c>
      <c r="AT1408">
        <v>6.4687500000000044</v>
      </c>
      <c r="AU1408">
        <v>9.6774193548387094E-2</v>
      </c>
      <c r="AV1408">
        <v>-0.18646641332635211</v>
      </c>
      <c r="AW1408">
        <v>0.34375</v>
      </c>
      <c r="AX1408">
        <v>98.857142857142861</v>
      </c>
      <c r="AY1408">
        <v>68.5</v>
      </c>
      <c r="AZ1408">
        <v>133.5</v>
      </c>
      <c r="BA1408">
        <v>0.64943566134660091</v>
      </c>
      <c r="BB1408">
        <v>0.484375</v>
      </c>
      <c r="BC1408">
        <v>3.9230880024042492</v>
      </c>
      <c r="BD1408" t="s">
        <v>5408</v>
      </c>
      <c r="BE1408" t="s">
        <v>62</v>
      </c>
    </row>
    <row r="1409" spans="1:57" x14ac:dyDescent="0.3">
      <c r="A1409" t="s">
        <v>5409</v>
      </c>
      <c r="B1409">
        <v>1824</v>
      </c>
      <c r="C1409" t="s">
        <v>5410</v>
      </c>
      <c r="D1409" t="s">
        <v>5411</v>
      </c>
      <c r="E1409" t="s">
        <v>93</v>
      </c>
      <c r="F1409">
        <v>1832</v>
      </c>
      <c r="G1409">
        <v>127.22762008733621</v>
      </c>
      <c r="H1409">
        <v>129</v>
      </c>
      <c r="I1409">
        <v>5267.6747174801194</v>
      </c>
      <c r="J1409">
        <v>72.578748387390362</v>
      </c>
      <c r="K1409">
        <v>-7.4973585107329117E-3</v>
      </c>
      <c r="L1409">
        <v>-1.1501597317503529</v>
      </c>
      <c r="M1409">
        <v>7.9151085272845902</v>
      </c>
      <c r="N1409">
        <v>15</v>
      </c>
      <c r="O1409">
        <v>2</v>
      </c>
      <c r="P1409">
        <v>13</v>
      </c>
      <c r="Q1409">
        <v>2.454070279657858</v>
      </c>
      <c r="R1409">
        <v>5.4863351595133096</v>
      </c>
      <c r="S1409">
        <v>2</v>
      </c>
      <c r="T1409">
        <v>1</v>
      </c>
      <c r="U1409">
        <v>1</v>
      </c>
      <c r="V1409">
        <v>0.1144782916560125</v>
      </c>
      <c r="W1409">
        <v>7.4944465645178298</v>
      </c>
      <c r="X1409">
        <v>1</v>
      </c>
      <c r="Y1409">
        <v>1</v>
      </c>
      <c r="Z1409">
        <v>0</v>
      </c>
      <c r="AA1409">
        <v>0</v>
      </c>
      <c r="AB1409">
        <v>7.5120712458354681</v>
      </c>
      <c r="AC1409">
        <v>1</v>
      </c>
      <c r="AD1409">
        <v>1</v>
      </c>
      <c r="AE1409">
        <v>0</v>
      </c>
      <c r="AF1409">
        <v>0</v>
      </c>
      <c r="AG1409">
        <v>7.5115246483908669</v>
      </c>
      <c r="AH1409">
        <v>-5.485822684735216E-3</v>
      </c>
      <c r="AI1409">
        <v>5.1046628268664782E-2</v>
      </c>
      <c r="AJ1409">
        <v>-5.0914875794745421E-4</v>
      </c>
      <c r="AK1409">
        <v>-6.5770656658027359E-3</v>
      </c>
      <c r="AL1409">
        <v>2877.3351746079588</v>
      </c>
      <c r="AM1409">
        <v>5570.0685177979431</v>
      </c>
      <c r="AN1409">
        <v>233081</v>
      </c>
      <c r="AO1409">
        <v>90.560092906899257</v>
      </c>
      <c r="AP1409">
        <v>2548.681785969758</v>
      </c>
      <c r="AQ1409">
        <v>1.0125545851528379</v>
      </c>
      <c r="AR1409">
        <v>3.9639737991266371</v>
      </c>
      <c r="AS1409">
        <v>1825</v>
      </c>
      <c r="AT1409">
        <v>215.44104803493451</v>
      </c>
      <c r="AU1409">
        <v>2.0960698689956311E-2</v>
      </c>
      <c r="AV1409">
        <v>-5.4904069463210733E-3</v>
      </c>
      <c r="AW1409">
        <v>0.37227074235807861</v>
      </c>
      <c r="AX1409">
        <v>84.396504642271978</v>
      </c>
      <c r="AY1409">
        <v>61.5</v>
      </c>
      <c r="AZ1409">
        <v>123</v>
      </c>
      <c r="BA1409">
        <v>0.57046377459209086</v>
      </c>
      <c r="BB1409">
        <v>0.50491266375545851</v>
      </c>
      <c r="BC1409">
        <v>5.2786671597633328</v>
      </c>
      <c r="BD1409" t="s">
        <v>5412</v>
      </c>
      <c r="BE1409" t="s">
        <v>68</v>
      </c>
    </row>
    <row r="1410" spans="1:57" x14ac:dyDescent="0.3">
      <c r="A1410" t="s">
        <v>5413</v>
      </c>
      <c r="B1410">
        <v>1374</v>
      </c>
      <c r="C1410" t="s">
        <v>5414</v>
      </c>
      <c r="D1410" t="s">
        <v>5415</v>
      </c>
      <c r="E1410" t="s">
        <v>115</v>
      </c>
      <c r="F1410">
        <v>1424</v>
      </c>
      <c r="G1410">
        <v>123.1025280898876</v>
      </c>
      <c r="H1410">
        <v>120</v>
      </c>
      <c r="I1410">
        <v>5721.1158924851661</v>
      </c>
      <c r="J1410">
        <v>75.63805849230377</v>
      </c>
      <c r="K1410">
        <v>8.1335837973774222E-2</v>
      </c>
      <c r="L1410">
        <v>-1.254205368370273</v>
      </c>
      <c r="M1410">
        <v>7.8577065129861863</v>
      </c>
      <c r="N1410">
        <v>15</v>
      </c>
      <c r="O1410">
        <v>1</v>
      </c>
      <c r="P1410">
        <v>14</v>
      </c>
      <c r="Q1410">
        <v>2.4025617495498111</v>
      </c>
      <c r="R1410">
        <v>5.4465471151438987</v>
      </c>
      <c r="S1410">
        <v>2</v>
      </c>
      <c r="T1410">
        <v>1</v>
      </c>
      <c r="U1410">
        <v>1</v>
      </c>
      <c r="V1410">
        <v>0.10603017028555239</v>
      </c>
      <c r="W1410">
        <v>7.2449353108249763</v>
      </c>
      <c r="X1410">
        <v>1</v>
      </c>
      <c r="Y1410">
        <v>1</v>
      </c>
      <c r="Z1410">
        <v>0</v>
      </c>
      <c r="AA1410">
        <v>0</v>
      </c>
      <c r="AB1410">
        <v>7.2598196103631878</v>
      </c>
      <c r="AC1410">
        <v>1</v>
      </c>
      <c r="AD1410">
        <v>1</v>
      </c>
      <c r="AE1410">
        <v>0</v>
      </c>
      <c r="AF1410">
        <v>0</v>
      </c>
      <c r="AG1410">
        <v>7.2591161280971006</v>
      </c>
      <c r="AH1410">
        <v>-8.5237741209355901E-4</v>
      </c>
      <c r="AI1410">
        <v>-2.0693359178336229E-2</v>
      </c>
      <c r="AJ1410">
        <v>-3.6542370287876908E-3</v>
      </c>
      <c r="AK1410">
        <v>1.208354163329434E-2</v>
      </c>
      <c r="AL1410">
        <v>2657.0688861698031</v>
      </c>
      <c r="AM1410">
        <v>4760.9327798392997</v>
      </c>
      <c r="AN1410">
        <v>175298</v>
      </c>
      <c r="AO1410">
        <v>99.870354932462178</v>
      </c>
      <c r="AP1410">
        <v>2356.218119735679</v>
      </c>
      <c r="AQ1410">
        <v>1.016151685393258</v>
      </c>
      <c r="AR1410">
        <v>3.895365168539326</v>
      </c>
      <c r="AS1410">
        <v>1419</v>
      </c>
      <c r="AT1410">
        <v>263.58426966292137</v>
      </c>
      <c r="AU1410">
        <v>4.3718330028640673E-2</v>
      </c>
      <c r="AV1410">
        <v>-8.527971467047823E-4</v>
      </c>
      <c r="AW1410">
        <v>0.3862359550561798</v>
      </c>
      <c r="AX1410">
        <v>87.068165846802529</v>
      </c>
      <c r="AY1410">
        <v>66</v>
      </c>
      <c r="AZ1410">
        <v>134</v>
      </c>
      <c r="BA1410">
        <v>0.61443139849308359</v>
      </c>
      <c r="BB1410">
        <v>0.48174157303370779</v>
      </c>
      <c r="BC1410">
        <v>5.2774482057335739</v>
      </c>
      <c r="BD1410" t="s">
        <v>5416</v>
      </c>
      <c r="BE1410" t="s">
        <v>62</v>
      </c>
    </row>
    <row r="1411" spans="1:57" x14ac:dyDescent="0.3">
      <c r="A1411" t="s">
        <v>5417</v>
      </c>
      <c r="B1411">
        <v>3405</v>
      </c>
      <c r="C1411" t="s">
        <v>5418</v>
      </c>
      <c r="D1411" t="s">
        <v>5419</v>
      </c>
      <c r="E1411" t="s">
        <v>115</v>
      </c>
      <c r="F1411">
        <v>3517</v>
      </c>
      <c r="G1411">
        <v>126.2726755757748</v>
      </c>
      <c r="H1411">
        <v>124</v>
      </c>
      <c r="I1411">
        <v>5411.3697765489997</v>
      </c>
      <c r="J1411">
        <v>73.562013135510369</v>
      </c>
      <c r="K1411">
        <v>3.468638640935004E-2</v>
      </c>
      <c r="L1411">
        <v>-1.170806787364894</v>
      </c>
      <c r="M1411">
        <v>7.9436182187466224</v>
      </c>
      <c r="N1411">
        <v>26</v>
      </c>
      <c r="O1411">
        <v>6</v>
      </c>
      <c r="P1411">
        <v>20</v>
      </c>
      <c r="Q1411">
        <v>3.8209255483322928</v>
      </c>
      <c r="R1411">
        <v>5.5060965717688326</v>
      </c>
      <c r="S1411">
        <v>3</v>
      </c>
      <c r="T1411">
        <v>1</v>
      </c>
      <c r="U1411">
        <v>2</v>
      </c>
      <c r="V1411">
        <v>0.1719597815494493</v>
      </c>
      <c r="W1411">
        <v>8.1247137090388559</v>
      </c>
      <c r="X1411">
        <v>2</v>
      </c>
      <c r="Y1411">
        <v>1</v>
      </c>
      <c r="Z1411">
        <v>1</v>
      </c>
      <c r="AA1411">
        <v>2.3853508300753341E-2</v>
      </c>
      <c r="AB1411">
        <v>8.1640060165570745</v>
      </c>
      <c r="AC1411">
        <v>1</v>
      </c>
      <c r="AD1411">
        <v>1</v>
      </c>
      <c r="AE1411">
        <v>0</v>
      </c>
      <c r="AF1411">
        <v>0</v>
      </c>
      <c r="AG1411">
        <v>8.1645102687470423</v>
      </c>
      <c r="AH1411">
        <v>9.0103548179839375E-3</v>
      </c>
      <c r="AI1411">
        <v>-6.1779324458349294E-3</v>
      </c>
      <c r="AJ1411">
        <v>2.248320995647108E-2</v>
      </c>
      <c r="AK1411">
        <v>4.9938057148223294E-3</v>
      </c>
      <c r="AL1411">
        <v>3999.86514349859</v>
      </c>
      <c r="AM1411">
        <v>7688.3475359679851</v>
      </c>
      <c r="AN1411">
        <v>444101</v>
      </c>
      <c r="AO1411">
        <v>192.57638335188531</v>
      </c>
      <c r="AP1411">
        <v>3690.621884420535</v>
      </c>
      <c r="AQ1411">
        <v>1.006539664486779</v>
      </c>
      <c r="AR1411">
        <v>3.998294000568666</v>
      </c>
      <c r="AS1411">
        <v>3507</v>
      </c>
      <c r="AT1411">
        <v>272.04748365083879</v>
      </c>
      <c r="AU1411">
        <v>1.8025612292116189E-2</v>
      </c>
      <c r="AV1411">
        <v>9.0125147698010971E-3</v>
      </c>
      <c r="AW1411">
        <v>0.38669320443559851</v>
      </c>
      <c r="AX1411">
        <v>83.62201365187714</v>
      </c>
      <c r="AY1411">
        <v>62</v>
      </c>
      <c r="AZ1411">
        <v>124</v>
      </c>
      <c r="BA1411">
        <v>0.58256477737629497</v>
      </c>
      <c r="BB1411">
        <v>0.48791583736138749</v>
      </c>
      <c r="BC1411">
        <v>5.3135731773632369</v>
      </c>
      <c r="BD1411" t="s">
        <v>5420</v>
      </c>
      <c r="BE1411" t="s">
        <v>68</v>
      </c>
    </row>
    <row r="1412" spans="1:57" x14ac:dyDescent="0.3">
      <c r="A1412" t="s">
        <v>5421</v>
      </c>
      <c r="B1412">
        <v>1114</v>
      </c>
      <c r="C1412" t="s">
        <v>5422</v>
      </c>
      <c r="D1412" t="s">
        <v>5423</v>
      </c>
      <c r="E1412" t="s">
        <v>106</v>
      </c>
      <c r="F1412">
        <v>1130</v>
      </c>
      <c r="G1412">
        <v>129.24955752212389</v>
      </c>
      <c r="H1412">
        <v>133.5</v>
      </c>
      <c r="I1412">
        <v>5249.6580750254516</v>
      </c>
      <c r="J1412">
        <v>72.454524186039976</v>
      </c>
      <c r="K1412">
        <v>-7.6120599220529717E-2</v>
      </c>
      <c r="L1412">
        <v>-1.18755695462664</v>
      </c>
      <c r="M1412">
        <v>7.8165631279061643</v>
      </c>
      <c r="N1412">
        <v>12</v>
      </c>
      <c r="O1412">
        <v>1</v>
      </c>
      <c r="P1412">
        <v>11</v>
      </c>
      <c r="Q1412">
        <v>2.0557087642848559</v>
      </c>
      <c r="R1412">
        <v>5.4180286937769786</v>
      </c>
      <c r="S1412">
        <v>2</v>
      </c>
      <c r="T1412">
        <v>1</v>
      </c>
      <c r="U1412">
        <v>1</v>
      </c>
      <c r="V1412">
        <v>7.8739671171318318E-2</v>
      </c>
      <c r="W1412">
        <v>7.020492293531559</v>
      </c>
      <c r="X1412">
        <v>1</v>
      </c>
      <c r="Y1412">
        <v>1</v>
      </c>
      <c r="Z1412">
        <v>0</v>
      </c>
      <c r="AA1412">
        <v>0</v>
      </c>
      <c r="AB1412">
        <v>7.0282014320580046</v>
      </c>
      <c r="AC1412">
        <v>1</v>
      </c>
      <c r="AD1412">
        <v>1</v>
      </c>
      <c r="AE1412">
        <v>0</v>
      </c>
      <c r="AF1412">
        <v>0</v>
      </c>
      <c r="AG1412">
        <v>7.0273145140397766</v>
      </c>
      <c r="AH1412">
        <v>-6.9195898038939357E-2</v>
      </c>
      <c r="AI1412">
        <v>-1.4250727867750021E-2</v>
      </c>
      <c r="AJ1412">
        <v>-2.1517982422206119E-2</v>
      </c>
      <c r="AK1412">
        <v>-2.9508194197678441E-2</v>
      </c>
      <c r="AL1412">
        <v>2269.226120198261</v>
      </c>
      <c r="AM1412">
        <v>4433.9466410197074</v>
      </c>
      <c r="AN1412">
        <v>146052</v>
      </c>
      <c r="AO1412">
        <v>24.03751959862301</v>
      </c>
      <c r="AP1412">
        <v>2008.806448437055</v>
      </c>
      <c r="AQ1412">
        <v>1.0203539823008849</v>
      </c>
      <c r="AR1412">
        <v>4.0663716814159292</v>
      </c>
      <c r="AS1412">
        <v>1124</v>
      </c>
      <c r="AT1412">
        <v>237.49026548672569</v>
      </c>
      <c r="AU1412">
        <v>3.7324310255075488E-2</v>
      </c>
      <c r="AV1412">
        <v>-6.9247155257313397E-2</v>
      </c>
      <c r="AW1412">
        <v>0.3433628318584071</v>
      </c>
      <c r="AX1412">
        <v>87.176262178919401</v>
      </c>
      <c r="AY1412">
        <v>61.5</v>
      </c>
      <c r="AZ1412">
        <v>124.75</v>
      </c>
      <c r="BA1412">
        <v>0.56057850854644353</v>
      </c>
      <c r="BB1412">
        <v>0.51238938053097349</v>
      </c>
      <c r="BC1412">
        <v>5.2351751977013663</v>
      </c>
      <c r="BD1412" t="s">
        <v>5424</v>
      </c>
      <c r="BE1412" t="s">
        <v>68</v>
      </c>
    </row>
    <row r="1413" spans="1:57" x14ac:dyDescent="0.3">
      <c r="A1413" t="s">
        <v>5425</v>
      </c>
      <c r="B1413">
        <v>2085</v>
      </c>
      <c r="C1413" t="s">
        <v>5426</v>
      </c>
      <c r="D1413" t="s">
        <v>5427</v>
      </c>
      <c r="E1413" t="s">
        <v>72</v>
      </c>
      <c r="F1413">
        <v>2088</v>
      </c>
      <c r="G1413">
        <v>128.07327586206901</v>
      </c>
      <c r="H1413">
        <v>127</v>
      </c>
      <c r="I1413">
        <v>5307.7853394602989</v>
      </c>
      <c r="J1413">
        <v>72.854549202231013</v>
      </c>
      <c r="K1413">
        <v>-8.8207210724490104E-3</v>
      </c>
      <c r="L1413">
        <v>-1.1855951138639369</v>
      </c>
      <c r="M1413">
        <v>7.9172770223296496</v>
      </c>
      <c r="N1413">
        <v>16</v>
      </c>
      <c r="O1413">
        <v>2</v>
      </c>
      <c r="P1413">
        <v>14</v>
      </c>
      <c r="Q1413">
        <v>2.6457251542243578</v>
      </c>
      <c r="R1413">
        <v>5.4878382457398391</v>
      </c>
      <c r="S1413">
        <v>3</v>
      </c>
      <c r="T1413">
        <v>1</v>
      </c>
      <c r="U1413">
        <v>2</v>
      </c>
      <c r="V1413">
        <v>0.13674294046423549</v>
      </c>
      <c r="W1413">
        <v>7.6186548574819906</v>
      </c>
      <c r="X1413">
        <v>1</v>
      </c>
      <c r="Y1413">
        <v>1</v>
      </c>
      <c r="Z1413">
        <v>0</v>
      </c>
      <c r="AA1413">
        <v>0</v>
      </c>
      <c r="AB1413">
        <v>7.6430036355607189</v>
      </c>
      <c r="AC1413">
        <v>1</v>
      </c>
      <c r="AD1413">
        <v>1</v>
      </c>
      <c r="AE1413">
        <v>0</v>
      </c>
      <c r="AF1413">
        <v>0</v>
      </c>
      <c r="AG1413">
        <v>7.642524134232902</v>
      </c>
      <c r="AH1413">
        <v>-2.176650417282968E-2</v>
      </c>
      <c r="AI1413">
        <v>7.6576634246643682E-3</v>
      </c>
      <c r="AJ1413">
        <v>9.2727866118495197E-4</v>
      </c>
      <c r="AK1413">
        <v>-4.4464559489717208E-3</v>
      </c>
      <c r="AL1413">
        <v>3076.7467269098402</v>
      </c>
      <c r="AM1413">
        <v>5988.7608550057821</v>
      </c>
      <c r="AN1413">
        <v>267417</v>
      </c>
      <c r="AO1413">
        <v>145.33042503078519</v>
      </c>
      <c r="AP1413">
        <v>2751.842448744213</v>
      </c>
      <c r="AQ1413">
        <v>1.0110153256704979</v>
      </c>
      <c r="AR1413">
        <v>4.0033524904214559</v>
      </c>
      <c r="AS1413">
        <v>2079</v>
      </c>
      <c r="AT1413">
        <v>217.9913793103448</v>
      </c>
      <c r="AU1413">
        <v>1.432274059048907E-2</v>
      </c>
      <c r="AV1413">
        <v>-2.1768427020074661E-2</v>
      </c>
      <c r="AW1413">
        <v>0.38266283524904221</v>
      </c>
      <c r="AX1413">
        <v>85.618591279348351</v>
      </c>
      <c r="AY1413">
        <v>63</v>
      </c>
      <c r="AZ1413">
        <v>126</v>
      </c>
      <c r="BA1413">
        <v>0.56885051711094792</v>
      </c>
      <c r="BB1413">
        <v>0.49568965517241381</v>
      </c>
      <c r="BC1413">
        <v>5.2867022659127176</v>
      </c>
      <c r="BD1413" t="s">
        <v>5428</v>
      </c>
      <c r="BE1413" t="s">
        <v>68</v>
      </c>
    </row>
    <row r="1414" spans="1:57" x14ac:dyDescent="0.3">
      <c r="A1414" t="s">
        <v>5429</v>
      </c>
      <c r="B1414">
        <v>2746</v>
      </c>
      <c r="C1414" t="s">
        <v>5430</v>
      </c>
      <c r="D1414" t="s">
        <v>5431</v>
      </c>
      <c r="E1414" t="s">
        <v>85</v>
      </c>
      <c r="F1414">
        <v>8</v>
      </c>
      <c r="G1414">
        <v>153.125</v>
      </c>
      <c r="H1414">
        <v>170.5</v>
      </c>
      <c r="I1414">
        <v>6405.109375</v>
      </c>
      <c r="J1414">
        <v>80.031927222827761</v>
      </c>
      <c r="K1414">
        <v>-0.52967328560104932</v>
      </c>
      <c r="L1414">
        <v>-1.1453659318204861</v>
      </c>
      <c r="M1414">
        <v>3</v>
      </c>
      <c r="N1414">
        <v>1</v>
      </c>
      <c r="O1414">
        <v>1</v>
      </c>
      <c r="P1414">
        <v>0</v>
      </c>
      <c r="Q1414">
        <v>0</v>
      </c>
      <c r="R1414">
        <v>2.0794415416798362</v>
      </c>
      <c r="S1414">
        <v>1</v>
      </c>
      <c r="T1414">
        <v>1</v>
      </c>
      <c r="U1414">
        <v>0</v>
      </c>
      <c r="V1414">
        <v>0</v>
      </c>
      <c r="W1414">
        <v>1.945910149055313</v>
      </c>
      <c r="X1414">
        <v>1</v>
      </c>
      <c r="Y1414">
        <v>1</v>
      </c>
      <c r="Z1414">
        <v>0</v>
      </c>
      <c r="AA1414">
        <v>0</v>
      </c>
      <c r="AB1414">
        <v>1.791759469228055</v>
      </c>
      <c r="AC1414">
        <v>1</v>
      </c>
      <c r="AD1414">
        <v>1</v>
      </c>
      <c r="AE1414">
        <v>0</v>
      </c>
      <c r="AF1414">
        <v>0</v>
      </c>
      <c r="AG1414">
        <v>1.6094379124341009</v>
      </c>
      <c r="AH1414">
        <v>0.1346870906283314</v>
      </c>
      <c r="AI1414">
        <v>-0.42800608401007978</v>
      </c>
      <c r="AJ1414">
        <v>0.24099748247858771</v>
      </c>
      <c r="AK1414">
        <v>0</v>
      </c>
      <c r="AL1414">
        <v>348.20545493672972</v>
      </c>
      <c r="AM1414">
        <v>342.88768008242158</v>
      </c>
      <c r="AN1414">
        <v>1225</v>
      </c>
      <c r="AO1414">
        <v>17</v>
      </c>
      <c r="AP1414">
        <v>273.58284906171201</v>
      </c>
      <c r="AQ1414">
        <v>3.5</v>
      </c>
      <c r="AR1414">
        <v>4.5</v>
      </c>
      <c r="AS1414">
        <v>8</v>
      </c>
      <c r="AT1414">
        <v>0</v>
      </c>
      <c r="AU1414">
        <v>0.2324380165289256</v>
      </c>
      <c r="AV1414">
        <v>0.13740320281401761</v>
      </c>
      <c r="AW1414">
        <v>0.25</v>
      </c>
      <c r="AX1414">
        <v>89.571428571428569</v>
      </c>
      <c r="AY1414">
        <v>57.5</v>
      </c>
      <c r="AZ1414">
        <v>117.5</v>
      </c>
      <c r="BA1414">
        <v>0.52265748390418132</v>
      </c>
      <c r="BB1414">
        <v>0.625</v>
      </c>
      <c r="BC1414">
        <v>1.945910149055313</v>
      </c>
      <c r="BD1414" t="s">
        <v>5430</v>
      </c>
      <c r="BE1414" t="s">
        <v>68</v>
      </c>
    </row>
    <row r="1415" spans="1:57" x14ac:dyDescent="0.3">
      <c r="A1415" t="s">
        <v>5432</v>
      </c>
      <c r="B1415">
        <v>3056</v>
      </c>
      <c r="C1415" t="s">
        <v>5433</v>
      </c>
      <c r="D1415" t="s">
        <v>5434</v>
      </c>
      <c r="E1415" t="s">
        <v>10622</v>
      </c>
      <c r="F1415">
        <v>64</v>
      </c>
      <c r="G1415">
        <v>133.765625</v>
      </c>
      <c r="H1415">
        <v>138.5</v>
      </c>
      <c r="I1415">
        <v>5131.085693359375</v>
      </c>
      <c r="J1415">
        <v>71.631597032031721</v>
      </c>
      <c r="K1415">
        <v>-0.1337056016544366</v>
      </c>
      <c r="L1415">
        <v>-1.228915650635668</v>
      </c>
      <c r="M1415">
        <v>5.90625</v>
      </c>
      <c r="N1415">
        <v>2</v>
      </c>
      <c r="O1415">
        <v>1</v>
      </c>
      <c r="P1415">
        <v>1</v>
      </c>
      <c r="Q1415">
        <v>0.2162443599716872</v>
      </c>
      <c r="R1415">
        <v>4.0939005351821782</v>
      </c>
      <c r="S1415">
        <v>1</v>
      </c>
      <c r="T1415">
        <v>1</v>
      </c>
      <c r="U1415">
        <v>0</v>
      </c>
      <c r="V1415">
        <v>0</v>
      </c>
      <c r="W1415">
        <v>4.1431347263915326</v>
      </c>
      <c r="X1415">
        <v>1</v>
      </c>
      <c r="Y1415">
        <v>1</v>
      </c>
      <c r="Z1415">
        <v>0</v>
      </c>
      <c r="AA1415">
        <v>0</v>
      </c>
      <c r="AB1415">
        <v>4.1271343850450908</v>
      </c>
      <c r="AC1415">
        <v>1</v>
      </c>
      <c r="AD1415">
        <v>1</v>
      </c>
      <c r="AE1415">
        <v>0</v>
      </c>
      <c r="AF1415">
        <v>0</v>
      </c>
      <c r="AG1415">
        <v>4.1108738641733096</v>
      </c>
      <c r="AH1415">
        <v>0.10301574937073341</v>
      </c>
      <c r="AI1415">
        <v>6.0150324010260867E-2</v>
      </c>
      <c r="AJ1415">
        <v>0.1045111124892331</v>
      </c>
      <c r="AK1415">
        <v>-0.12696523884057839</v>
      </c>
      <c r="AL1415">
        <v>637.45134505434771</v>
      </c>
      <c r="AM1415">
        <v>1033.059912438966</v>
      </c>
      <c r="AN1415">
        <v>8561</v>
      </c>
      <c r="AO1415">
        <v>31.306320282232019</v>
      </c>
      <c r="AP1415">
        <v>521.10960525159987</v>
      </c>
      <c r="AQ1415">
        <v>1.359375</v>
      </c>
      <c r="AR1415">
        <v>4.109375</v>
      </c>
      <c r="AS1415">
        <v>64</v>
      </c>
      <c r="AT1415">
        <v>2.7187499999999991</v>
      </c>
      <c r="AU1415">
        <v>7.3875000000000024E-2</v>
      </c>
      <c r="AV1415">
        <v>0.1050573050301247</v>
      </c>
      <c r="AW1415">
        <v>0.328125</v>
      </c>
      <c r="AX1415">
        <v>79.158730158730165</v>
      </c>
      <c r="AY1415">
        <v>62</v>
      </c>
      <c r="AZ1415">
        <v>121</v>
      </c>
      <c r="BA1415">
        <v>0.53550078379278476</v>
      </c>
      <c r="BB1415">
        <v>0.515625</v>
      </c>
      <c r="BC1415">
        <v>3.9670973472017059</v>
      </c>
      <c r="BD1415" t="s">
        <v>5435</v>
      </c>
      <c r="BE1415" t="s">
        <v>62</v>
      </c>
    </row>
    <row r="1416" spans="1:57" x14ac:dyDescent="0.3">
      <c r="A1416" t="s">
        <v>5436</v>
      </c>
      <c r="B1416">
        <v>3022</v>
      </c>
      <c r="C1416" t="s">
        <v>5437</v>
      </c>
      <c r="D1416" t="s">
        <v>5438</v>
      </c>
      <c r="E1416" t="s">
        <v>10622</v>
      </c>
      <c r="F1416">
        <v>64</v>
      </c>
      <c r="G1416">
        <v>129.375</v>
      </c>
      <c r="H1416">
        <v>138</v>
      </c>
      <c r="I1416">
        <v>5726.578125</v>
      </c>
      <c r="J1416">
        <v>75.67415757707515</v>
      </c>
      <c r="K1416">
        <v>-0.14343185744721049</v>
      </c>
      <c r="L1416">
        <v>-1.185578664470357</v>
      </c>
      <c r="M1416">
        <v>5.831954882778696</v>
      </c>
      <c r="N1416">
        <v>3</v>
      </c>
      <c r="O1416">
        <v>1</v>
      </c>
      <c r="P1416">
        <v>2</v>
      </c>
      <c r="Q1416">
        <v>0.33385958650156289</v>
      </c>
      <c r="R1416">
        <v>4.0424030841508598</v>
      </c>
      <c r="S1416">
        <v>1</v>
      </c>
      <c r="T1416">
        <v>1</v>
      </c>
      <c r="U1416">
        <v>0</v>
      </c>
      <c r="V1416">
        <v>0</v>
      </c>
      <c r="W1416">
        <v>4.1431347263915326</v>
      </c>
      <c r="X1416">
        <v>1</v>
      </c>
      <c r="Y1416">
        <v>1</v>
      </c>
      <c r="Z1416">
        <v>0</v>
      </c>
      <c r="AA1416">
        <v>0</v>
      </c>
      <c r="AB1416">
        <v>4.1271343850450908</v>
      </c>
      <c r="AC1416">
        <v>1</v>
      </c>
      <c r="AD1416">
        <v>1</v>
      </c>
      <c r="AE1416">
        <v>0</v>
      </c>
      <c r="AF1416">
        <v>0</v>
      </c>
      <c r="AG1416">
        <v>4.1108738641733096</v>
      </c>
      <c r="AH1416">
        <v>7.4206098687315994E-2</v>
      </c>
      <c r="AI1416">
        <v>-1.3889542593335351E-2</v>
      </c>
      <c r="AJ1416">
        <v>6.2041227377278643E-2</v>
      </c>
      <c r="AK1416">
        <v>-6.3198753209404615E-2</v>
      </c>
      <c r="AL1416">
        <v>674.04834127425136</v>
      </c>
      <c r="AM1416">
        <v>991.65761915362225</v>
      </c>
      <c r="AN1416">
        <v>8280</v>
      </c>
      <c r="AO1416">
        <v>38</v>
      </c>
      <c r="AP1416">
        <v>556.87073221239302</v>
      </c>
      <c r="AQ1416">
        <v>1.359375</v>
      </c>
      <c r="AR1416">
        <v>3.9375</v>
      </c>
      <c r="AS1416">
        <v>64</v>
      </c>
      <c r="AT1416">
        <v>6.0625</v>
      </c>
      <c r="AU1416">
        <v>6.115196078431373E-2</v>
      </c>
      <c r="AV1416">
        <v>7.5639632298492854E-2</v>
      </c>
      <c r="AW1416">
        <v>0.3125</v>
      </c>
      <c r="AX1416">
        <v>81.555555555555557</v>
      </c>
      <c r="AY1416">
        <v>58.5</v>
      </c>
      <c r="AZ1416">
        <v>131.5</v>
      </c>
      <c r="BA1416">
        <v>0.58492102475033936</v>
      </c>
      <c r="BB1416">
        <v>0.53125</v>
      </c>
      <c r="BC1416">
        <v>3.9450926748029782</v>
      </c>
      <c r="BD1416" t="s">
        <v>5439</v>
      </c>
      <c r="BE1416" t="s">
        <v>62</v>
      </c>
    </row>
    <row r="1417" spans="1:57" x14ac:dyDescent="0.3">
      <c r="A1417" t="s">
        <v>5440</v>
      </c>
      <c r="B1417">
        <v>2075</v>
      </c>
      <c r="C1417" t="s">
        <v>5441</v>
      </c>
      <c r="D1417" t="s">
        <v>5442</v>
      </c>
      <c r="E1417" t="s">
        <v>10622</v>
      </c>
      <c r="F1417">
        <v>64</v>
      </c>
      <c r="G1417">
        <v>119.4375</v>
      </c>
      <c r="H1417">
        <v>121.5</v>
      </c>
      <c r="I1417">
        <v>5736.27734375</v>
      </c>
      <c r="J1417">
        <v>75.738215873824231</v>
      </c>
      <c r="K1417">
        <v>6.0439003714861092E-2</v>
      </c>
      <c r="L1417">
        <v>-1.146142803009222</v>
      </c>
      <c r="M1417">
        <v>5.726409765557392</v>
      </c>
      <c r="N1417">
        <v>3</v>
      </c>
      <c r="O1417">
        <v>1</v>
      </c>
      <c r="P1417">
        <v>2</v>
      </c>
      <c r="Q1417">
        <v>0.44031528592635538</v>
      </c>
      <c r="R1417">
        <v>3.969244783727043</v>
      </c>
      <c r="S1417">
        <v>1</v>
      </c>
      <c r="T1417">
        <v>1</v>
      </c>
      <c r="U1417">
        <v>0</v>
      </c>
      <c r="V1417">
        <v>0</v>
      </c>
      <c r="W1417">
        <v>4.1431347263915326</v>
      </c>
      <c r="X1417">
        <v>1</v>
      </c>
      <c r="Y1417">
        <v>1</v>
      </c>
      <c r="Z1417">
        <v>0</v>
      </c>
      <c r="AA1417">
        <v>0</v>
      </c>
      <c r="AB1417">
        <v>4.1271343850450908</v>
      </c>
      <c r="AC1417">
        <v>1</v>
      </c>
      <c r="AD1417">
        <v>1</v>
      </c>
      <c r="AE1417">
        <v>0</v>
      </c>
      <c r="AF1417">
        <v>0</v>
      </c>
      <c r="AG1417">
        <v>4.1108738641733096</v>
      </c>
      <c r="AH1417">
        <v>-0.104092522184398</v>
      </c>
      <c r="AI1417">
        <v>-0.16287854863543219</v>
      </c>
      <c r="AJ1417">
        <v>1.3365233655456259E-2</v>
      </c>
      <c r="AK1417">
        <v>-5.6181740968765811E-2</v>
      </c>
      <c r="AL1417">
        <v>624.37077029119132</v>
      </c>
      <c r="AM1417">
        <v>943.53756745875478</v>
      </c>
      <c r="AN1417">
        <v>7644</v>
      </c>
      <c r="AO1417">
        <v>29.93389632351656</v>
      </c>
      <c r="AP1417">
        <v>516.25235257185795</v>
      </c>
      <c r="AQ1417">
        <v>1.359375</v>
      </c>
      <c r="AR1417">
        <v>3.765625</v>
      </c>
      <c r="AS1417">
        <v>64</v>
      </c>
      <c r="AT1417">
        <v>9.5</v>
      </c>
      <c r="AU1417">
        <v>8.3500000000000005E-2</v>
      </c>
      <c r="AV1417">
        <v>-0.1052969132554122</v>
      </c>
      <c r="AW1417">
        <v>0.34375</v>
      </c>
      <c r="AX1417">
        <v>91.095238095238102</v>
      </c>
      <c r="AY1417">
        <v>60</v>
      </c>
      <c r="AZ1417">
        <v>119.25</v>
      </c>
      <c r="BA1417">
        <v>0.63412425640041215</v>
      </c>
      <c r="BB1417">
        <v>0.5</v>
      </c>
      <c r="BC1417">
        <v>3.9807964935089331</v>
      </c>
      <c r="BD1417" t="s">
        <v>5443</v>
      </c>
      <c r="BE1417" t="s">
        <v>62</v>
      </c>
    </row>
    <row r="1418" spans="1:57" x14ac:dyDescent="0.3">
      <c r="A1418" t="s">
        <v>5444</v>
      </c>
      <c r="B1418">
        <v>1234</v>
      </c>
      <c r="C1418" t="s">
        <v>5445</v>
      </c>
      <c r="D1418" t="s">
        <v>5446</v>
      </c>
      <c r="E1418" t="s">
        <v>10622</v>
      </c>
      <c r="F1418">
        <v>64</v>
      </c>
      <c r="G1418">
        <v>125.8125</v>
      </c>
      <c r="H1418">
        <v>123</v>
      </c>
      <c r="I1418">
        <v>5638.93359375</v>
      </c>
      <c r="J1418">
        <v>75.092833171681576</v>
      </c>
      <c r="K1418">
        <v>9.9230339869086082E-3</v>
      </c>
      <c r="L1418">
        <v>-1.2288209024012511</v>
      </c>
      <c r="M1418">
        <v>5.769454882778696</v>
      </c>
      <c r="N1418">
        <v>3</v>
      </c>
      <c r="O1418">
        <v>1</v>
      </c>
      <c r="P1418">
        <v>2</v>
      </c>
      <c r="Q1418">
        <v>0.37790630225505301</v>
      </c>
      <c r="R1418">
        <v>3.9990813853658631</v>
      </c>
      <c r="S1418">
        <v>1</v>
      </c>
      <c r="T1418">
        <v>1</v>
      </c>
      <c r="U1418">
        <v>0</v>
      </c>
      <c r="V1418">
        <v>0</v>
      </c>
      <c r="W1418">
        <v>4.1431347263915326</v>
      </c>
      <c r="X1418">
        <v>1</v>
      </c>
      <c r="Y1418">
        <v>1</v>
      </c>
      <c r="Z1418">
        <v>0</v>
      </c>
      <c r="AA1418">
        <v>0</v>
      </c>
      <c r="AB1418">
        <v>4.1271343850450908</v>
      </c>
      <c r="AC1418">
        <v>1</v>
      </c>
      <c r="AD1418">
        <v>1</v>
      </c>
      <c r="AE1418">
        <v>0</v>
      </c>
      <c r="AF1418">
        <v>0</v>
      </c>
      <c r="AG1418">
        <v>4.1108738641733096</v>
      </c>
      <c r="AH1418">
        <v>-5.218143018301194E-2</v>
      </c>
      <c r="AI1418">
        <v>-0.2561097138200028</v>
      </c>
      <c r="AJ1418">
        <v>-0.28981956024555838</v>
      </c>
      <c r="AK1418">
        <v>8.192109805086982E-2</v>
      </c>
      <c r="AL1418">
        <v>644.6293723488717</v>
      </c>
      <c r="AM1418">
        <v>978.97240630423278</v>
      </c>
      <c r="AN1418">
        <v>8052</v>
      </c>
      <c r="AO1418">
        <v>40.667716265349178</v>
      </c>
      <c r="AP1418">
        <v>514.2002873513452</v>
      </c>
      <c r="AQ1418">
        <v>1.359375</v>
      </c>
      <c r="AR1418">
        <v>4.15625</v>
      </c>
      <c r="AS1418">
        <v>64</v>
      </c>
      <c r="AT1418">
        <v>7.25</v>
      </c>
      <c r="AU1418">
        <v>6.2747035573122556E-2</v>
      </c>
      <c r="AV1418">
        <v>-5.2531276719064837E-2</v>
      </c>
      <c r="AW1418">
        <v>0.421875</v>
      </c>
      <c r="AX1418">
        <v>86.80952380952381</v>
      </c>
      <c r="AY1418">
        <v>67</v>
      </c>
      <c r="AZ1418">
        <v>128</v>
      </c>
      <c r="BA1418">
        <v>0.59686305551262053</v>
      </c>
      <c r="BB1418">
        <v>0.453125</v>
      </c>
      <c r="BC1418">
        <v>3.9670973472017059</v>
      </c>
      <c r="BD1418" t="s">
        <v>5447</v>
      </c>
      <c r="BE1418" t="s">
        <v>62</v>
      </c>
    </row>
    <row r="1419" spans="1:57" x14ac:dyDescent="0.3">
      <c r="A1419" t="s">
        <v>5448</v>
      </c>
      <c r="B1419">
        <v>3825</v>
      </c>
      <c r="C1419" t="s">
        <v>5449</v>
      </c>
      <c r="D1419" t="s">
        <v>5450</v>
      </c>
      <c r="E1419" t="s">
        <v>85</v>
      </c>
      <c r="F1419">
        <v>8</v>
      </c>
      <c r="G1419">
        <v>173.5</v>
      </c>
      <c r="H1419">
        <v>181.5</v>
      </c>
      <c r="I1419">
        <v>2443.25</v>
      </c>
      <c r="J1419">
        <v>49.429242357131074</v>
      </c>
      <c r="K1419">
        <v>-0.44480327244102502</v>
      </c>
      <c r="L1419">
        <v>-0.37146947987818318</v>
      </c>
      <c r="M1419">
        <v>3</v>
      </c>
      <c r="N1419">
        <v>1</v>
      </c>
      <c r="O1419">
        <v>1</v>
      </c>
      <c r="P1419">
        <v>0</v>
      </c>
      <c r="Q1419">
        <v>0</v>
      </c>
      <c r="R1419">
        <v>2.0794415416798362</v>
      </c>
      <c r="S1419">
        <v>1</v>
      </c>
      <c r="T1419">
        <v>1</v>
      </c>
      <c r="U1419">
        <v>0</v>
      </c>
      <c r="V1419">
        <v>0</v>
      </c>
      <c r="W1419">
        <v>1.945910149055313</v>
      </c>
      <c r="X1419">
        <v>1</v>
      </c>
      <c r="Y1419">
        <v>1</v>
      </c>
      <c r="Z1419">
        <v>0</v>
      </c>
      <c r="AA1419">
        <v>0</v>
      </c>
      <c r="AB1419">
        <v>1.791759469228055</v>
      </c>
      <c r="AC1419">
        <v>1</v>
      </c>
      <c r="AD1419">
        <v>1</v>
      </c>
      <c r="AE1419">
        <v>0</v>
      </c>
      <c r="AF1419">
        <v>0</v>
      </c>
      <c r="AG1419">
        <v>1.6094379124341009</v>
      </c>
      <c r="AH1419">
        <v>-0.55339967256727718</v>
      </c>
      <c r="AI1419">
        <v>0.31686790136089232</v>
      </c>
      <c r="AJ1419">
        <v>4.4766192571370098E-4</v>
      </c>
      <c r="AK1419">
        <v>0</v>
      </c>
      <c r="AL1419">
        <v>288.63190464157532</v>
      </c>
      <c r="AM1419">
        <v>420.77978043505908</v>
      </c>
      <c r="AN1419">
        <v>1388</v>
      </c>
      <c r="AO1419">
        <v>48.041648597857247</v>
      </c>
      <c r="AP1419">
        <v>146.24298498422189</v>
      </c>
      <c r="AQ1419">
        <v>3.5</v>
      </c>
      <c r="AR1419">
        <v>4.375</v>
      </c>
      <c r="AS1419">
        <v>8</v>
      </c>
      <c r="AT1419">
        <v>0</v>
      </c>
      <c r="AU1419">
        <v>0.34910358565737049</v>
      </c>
      <c r="AV1419">
        <v>-0.59162621280342909</v>
      </c>
      <c r="AW1419">
        <v>0.125</v>
      </c>
      <c r="AX1419">
        <v>69.857142857142861</v>
      </c>
      <c r="AY1419">
        <v>26.5</v>
      </c>
      <c r="AZ1419">
        <v>52.5</v>
      </c>
      <c r="BA1419">
        <v>0.28489476862899749</v>
      </c>
      <c r="BB1419">
        <v>0.625</v>
      </c>
      <c r="BC1419">
        <v>1.945910149055313</v>
      </c>
      <c r="BD1419" t="s">
        <v>5449</v>
      </c>
      <c r="BE1419" t="s">
        <v>68</v>
      </c>
    </row>
    <row r="1420" spans="1:57" x14ac:dyDescent="0.3">
      <c r="A1420" t="s">
        <v>5451</v>
      </c>
      <c r="B1420">
        <v>130</v>
      </c>
      <c r="C1420" t="s">
        <v>5452</v>
      </c>
      <c r="D1420" t="s">
        <v>5453</v>
      </c>
      <c r="E1420" t="s">
        <v>60</v>
      </c>
      <c r="F1420">
        <v>256</v>
      </c>
      <c r="G1420">
        <v>130.1015625</v>
      </c>
      <c r="H1420">
        <v>130.5</v>
      </c>
      <c r="I1420">
        <v>5220.6849975585938</v>
      </c>
      <c r="J1420">
        <v>72.254307813158064</v>
      </c>
      <c r="K1420">
        <v>-1.5640510125364951E-2</v>
      </c>
      <c r="L1420">
        <v>-1.151606077080003</v>
      </c>
      <c r="M1420">
        <v>7.1482329356029206</v>
      </c>
      <c r="N1420">
        <v>5</v>
      </c>
      <c r="O1420">
        <v>1</v>
      </c>
      <c r="P1420">
        <v>4</v>
      </c>
      <c r="Q1420">
        <v>0.82349118507335406</v>
      </c>
      <c r="R1420">
        <v>4.9547775052989049</v>
      </c>
      <c r="S1420">
        <v>2</v>
      </c>
      <c r="T1420">
        <v>1</v>
      </c>
      <c r="U1420">
        <v>1</v>
      </c>
      <c r="V1420">
        <v>6.2621943781838052E-2</v>
      </c>
      <c r="W1420">
        <v>5.5358270966834446</v>
      </c>
      <c r="X1420">
        <v>1</v>
      </c>
      <c r="Y1420">
        <v>1</v>
      </c>
      <c r="Z1420">
        <v>0</v>
      </c>
      <c r="AA1420">
        <v>0</v>
      </c>
      <c r="AB1420">
        <v>5.5373342670185366</v>
      </c>
      <c r="AC1420">
        <v>1</v>
      </c>
      <c r="AD1420">
        <v>1</v>
      </c>
      <c r="AE1420">
        <v>0</v>
      </c>
      <c r="AF1420">
        <v>0</v>
      </c>
      <c r="AG1420">
        <v>5.5333894887275203</v>
      </c>
      <c r="AH1420">
        <v>1.7196309223500509E-3</v>
      </c>
      <c r="AI1420">
        <v>1.527341371926878E-2</v>
      </c>
      <c r="AJ1420">
        <v>3.947230315297403E-2</v>
      </c>
      <c r="AK1420">
        <v>-6.770627817909558E-2</v>
      </c>
      <c r="AL1420">
        <v>1148.797880356778</v>
      </c>
      <c r="AM1420">
        <v>2085.6465256816109</v>
      </c>
      <c r="AN1420">
        <v>33306</v>
      </c>
      <c r="AO1420">
        <v>56.260905024005403</v>
      </c>
      <c r="AP1420">
        <v>927.97875905735032</v>
      </c>
      <c r="AQ1420">
        <v>1.08984375</v>
      </c>
      <c r="AR1420">
        <v>3.9765625</v>
      </c>
      <c r="AS1420">
        <v>255</v>
      </c>
      <c r="AT1420">
        <v>66.968749999999986</v>
      </c>
      <c r="AU1420">
        <v>5.0395256916996027E-2</v>
      </c>
      <c r="AV1420">
        <v>1.7213425074645359E-3</v>
      </c>
      <c r="AW1420">
        <v>0.37109375</v>
      </c>
      <c r="AX1420">
        <v>84.921568627450981</v>
      </c>
      <c r="AY1420">
        <v>56.5</v>
      </c>
      <c r="AZ1420">
        <v>112</v>
      </c>
      <c r="BA1420">
        <v>0.55536848616370815</v>
      </c>
      <c r="BB1420">
        <v>0.5</v>
      </c>
      <c r="BC1420">
        <v>4.8284984903505137</v>
      </c>
      <c r="BD1420" t="s">
        <v>5454</v>
      </c>
      <c r="BE1420" t="s">
        <v>62</v>
      </c>
    </row>
    <row r="1421" spans="1:57" x14ac:dyDescent="0.3">
      <c r="A1421" t="s">
        <v>5455</v>
      </c>
      <c r="B1421">
        <v>1722</v>
      </c>
      <c r="C1421" t="s">
        <v>5456</v>
      </c>
      <c r="D1421" t="s">
        <v>5457</v>
      </c>
      <c r="E1421" t="s">
        <v>10622</v>
      </c>
      <c r="F1421">
        <v>64</v>
      </c>
      <c r="G1421">
        <v>130.921875</v>
      </c>
      <c r="H1421">
        <v>141.5</v>
      </c>
      <c r="I1421">
        <v>5729.947021484375</v>
      </c>
      <c r="J1421">
        <v>75.696413531186366</v>
      </c>
      <c r="K1421">
        <v>-0.15375458234569239</v>
      </c>
      <c r="L1421">
        <v>-1.120951455531904</v>
      </c>
      <c r="M1421">
        <v>5.78125</v>
      </c>
      <c r="N1421">
        <v>2</v>
      </c>
      <c r="O1421">
        <v>1</v>
      </c>
      <c r="P1421">
        <v>1</v>
      </c>
      <c r="Q1421">
        <v>0.32821556024332821</v>
      </c>
      <c r="R1421">
        <v>4.0072571376121839</v>
      </c>
      <c r="S1421">
        <v>1</v>
      </c>
      <c r="T1421">
        <v>1</v>
      </c>
      <c r="U1421">
        <v>0</v>
      </c>
      <c r="V1421">
        <v>0</v>
      </c>
      <c r="W1421">
        <v>4.1431347263915326</v>
      </c>
      <c r="X1421">
        <v>1</v>
      </c>
      <c r="Y1421">
        <v>1</v>
      </c>
      <c r="Z1421">
        <v>0</v>
      </c>
      <c r="AA1421">
        <v>0</v>
      </c>
      <c r="AB1421">
        <v>4.1271343850450908</v>
      </c>
      <c r="AC1421">
        <v>1</v>
      </c>
      <c r="AD1421">
        <v>1</v>
      </c>
      <c r="AE1421">
        <v>0</v>
      </c>
      <c r="AF1421">
        <v>0</v>
      </c>
      <c r="AG1421">
        <v>4.1108738641733096</v>
      </c>
      <c r="AH1421">
        <v>9.8906909229721535E-2</v>
      </c>
      <c r="AI1421">
        <v>5.1288932481199402E-2</v>
      </c>
      <c r="AJ1421">
        <v>-0.30963934272326182</v>
      </c>
      <c r="AK1421">
        <v>2.45571562880448E-2</v>
      </c>
      <c r="AL1421">
        <v>634.16006997616375</v>
      </c>
      <c r="AM1421">
        <v>1030.31645898133</v>
      </c>
      <c r="AN1421">
        <v>8379</v>
      </c>
      <c r="AO1421">
        <v>20.09356108551755</v>
      </c>
      <c r="AP1421">
        <v>422.84096557228202</v>
      </c>
      <c r="AQ1421">
        <v>1.359375</v>
      </c>
      <c r="AR1421">
        <v>3.828125</v>
      </c>
      <c r="AS1421">
        <v>64</v>
      </c>
      <c r="AT1421">
        <v>5.4687499999999991</v>
      </c>
      <c r="AU1421">
        <v>9.8214285714285698E-2</v>
      </c>
      <c r="AV1421">
        <v>9.9564092501752355E-2</v>
      </c>
      <c r="AW1421">
        <v>0.28125</v>
      </c>
      <c r="AX1421">
        <v>83.507936507936506</v>
      </c>
      <c r="AY1421">
        <v>62</v>
      </c>
      <c r="AZ1421">
        <v>126.5</v>
      </c>
      <c r="BA1421">
        <v>0.578180029358626</v>
      </c>
      <c r="BB1421">
        <v>0.5625</v>
      </c>
      <c r="BC1421">
        <v>3.9807964935089331</v>
      </c>
      <c r="BD1421" t="s">
        <v>5458</v>
      </c>
      <c r="BE1421" t="s">
        <v>62</v>
      </c>
    </row>
    <row r="1422" spans="1:57" x14ac:dyDescent="0.3">
      <c r="A1422" t="s">
        <v>5459</v>
      </c>
      <c r="B1422">
        <v>1328</v>
      </c>
      <c r="C1422" t="s">
        <v>5460</v>
      </c>
      <c r="D1422" t="s">
        <v>5461</v>
      </c>
      <c r="E1422" t="s">
        <v>106</v>
      </c>
      <c r="F1422">
        <v>1354</v>
      </c>
      <c r="G1422">
        <v>131.91654357459379</v>
      </c>
      <c r="H1422">
        <v>133.5</v>
      </c>
      <c r="I1422">
        <v>5332.067628821218</v>
      </c>
      <c r="J1422">
        <v>73.02100813342156</v>
      </c>
      <c r="K1422">
        <v>-6.7739415665510394E-2</v>
      </c>
      <c r="L1422">
        <v>-1.1850826769108</v>
      </c>
      <c r="M1422">
        <v>7.8523207067424847</v>
      </c>
      <c r="N1422">
        <v>13</v>
      </c>
      <c r="O1422">
        <v>1</v>
      </c>
      <c r="P1422">
        <v>12</v>
      </c>
      <c r="Q1422">
        <v>2.3166282887463661</v>
      </c>
      <c r="R1422">
        <v>5.4428139587310422</v>
      </c>
      <c r="S1422">
        <v>2</v>
      </c>
      <c r="T1422">
        <v>1</v>
      </c>
      <c r="U1422">
        <v>1</v>
      </c>
      <c r="V1422">
        <v>0.1153314824301694</v>
      </c>
      <c r="W1422">
        <v>7.1916366876680851</v>
      </c>
      <c r="X1422">
        <v>1</v>
      </c>
      <c r="Y1422">
        <v>1</v>
      </c>
      <c r="Z1422">
        <v>0</v>
      </c>
      <c r="AA1422">
        <v>0</v>
      </c>
      <c r="AB1422">
        <v>7.2093402566029097</v>
      </c>
      <c r="AC1422">
        <v>1</v>
      </c>
      <c r="AD1422">
        <v>1</v>
      </c>
      <c r="AE1422">
        <v>0</v>
      </c>
      <c r="AF1422">
        <v>0</v>
      </c>
      <c r="AG1422">
        <v>7.2086003379601973</v>
      </c>
      <c r="AH1422">
        <v>-2.8053500541420869E-2</v>
      </c>
      <c r="AI1422">
        <v>-4.6646308415667553E-2</v>
      </c>
      <c r="AJ1422">
        <v>4.3641392965089593E-2</v>
      </c>
      <c r="AK1422">
        <v>2.2268274687223599E-2</v>
      </c>
      <c r="AL1422">
        <v>2513.1733309625988</v>
      </c>
      <c r="AM1422">
        <v>4946.296878326084</v>
      </c>
      <c r="AN1422">
        <v>178615</v>
      </c>
      <c r="AO1422">
        <v>126.3419008444161</v>
      </c>
      <c r="AP1422">
        <v>2284.205107767044</v>
      </c>
      <c r="AQ1422">
        <v>1.01698670605613</v>
      </c>
      <c r="AR1422">
        <v>4.0428360413589361</v>
      </c>
      <c r="AS1422">
        <v>1351</v>
      </c>
      <c r="AT1422">
        <v>257.73559822747421</v>
      </c>
      <c r="AU1422">
        <v>3.156370376806561E-2</v>
      </c>
      <c r="AV1422">
        <v>-2.8074169261243329E-2</v>
      </c>
      <c r="AW1422">
        <v>0.37223042836041359</v>
      </c>
      <c r="AX1422">
        <v>85.349593495934954</v>
      </c>
      <c r="AY1422">
        <v>61.5</v>
      </c>
      <c r="AZ1422">
        <v>123</v>
      </c>
      <c r="BA1422">
        <v>0.55353942845031379</v>
      </c>
      <c r="BB1422">
        <v>0.50738552437223039</v>
      </c>
      <c r="BC1422">
        <v>5.2537878773527549</v>
      </c>
      <c r="BD1422" t="s">
        <v>5462</v>
      </c>
      <c r="BE1422" t="s">
        <v>68</v>
      </c>
    </row>
    <row r="1423" spans="1:57" x14ac:dyDescent="0.3">
      <c r="A1423" t="s">
        <v>5463</v>
      </c>
      <c r="B1423">
        <v>2373</v>
      </c>
      <c r="C1423" t="s">
        <v>5464</v>
      </c>
      <c r="D1423" t="s">
        <v>5465</v>
      </c>
      <c r="E1423" t="s">
        <v>93</v>
      </c>
      <c r="F1423">
        <v>2373</v>
      </c>
      <c r="G1423">
        <v>127.3013063632533</v>
      </c>
      <c r="H1423">
        <v>127</v>
      </c>
      <c r="I1423">
        <v>5563.9239637380006</v>
      </c>
      <c r="J1423">
        <v>74.59171511460238</v>
      </c>
      <c r="K1423">
        <v>1.384057178760564E-2</v>
      </c>
      <c r="L1423">
        <v>-1.201534333728622</v>
      </c>
      <c r="M1423">
        <v>7.9286810963157732</v>
      </c>
      <c r="N1423">
        <v>17</v>
      </c>
      <c r="O1423">
        <v>3</v>
      </c>
      <c r="P1423">
        <v>14</v>
      </c>
      <c r="Q1423">
        <v>2.8942307536327232</v>
      </c>
      <c r="R1423">
        <v>5.4957429474702142</v>
      </c>
      <c r="S1423">
        <v>2</v>
      </c>
      <c r="T1423">
        <v>1</v>
      </c>
      <c r="U1423">
        <v>1</v>
      </c>
      <c r="V1423">
        <v>0.1248788783576566</v>
      </c>
      <c r="W1423">
        <v>7.749864438295762</v>
      </c>
      <c r="X1423">
        <v>1</v>
      </c>
      <c r="Y1423">
        <v>1</v>
      </c>
      <c r="Z1423">
        <v>0</v>
      </c>
      <c r="AA1423">
        <v>0</v>
      </c>
      <c r="AB1423">
        <v>7.7710670860654059</v>
      </c>
      <c r="AC1423">
        <v>1</v>
      </c>
      <c r="AD1423">
        <v>1</v>
      </c>
      <c r="AE1423">
        <v>0</v>
      </c>
      <c r="AF1423">
        <v>0</v>
      </c>
      <c r="AG1423">
        <v>7.7706452341291747</v>
      </c>
      <c r="AH1423">
        <v>2.4985314179526881E-3</v>
      </c>
      <c r="AI1423">
        <v>2.0478881404512879E-2</v>
      </c>
      <c r="AJ1423">
        <v>2.4304714798100619E-3</v>
      </c>
      <c r="AK1423">
        <v>1.334784104117862E-2</v>
      </c>
      <c r="AL1423">
        <v>3346.298449089802</v>
      </c>
      <c r="AM1423">
        <v>6360.9292316153924</v>
      </c>
      <c r="AN1423">
        <v>302086</v>
      </c>
      <c r="AO1423">
        <v>110.5542211130077</v>
      </c>
      <c r="AP1423">
        <v>2987.506971865163</v>
      </c>
      <c r="AQ1423">
        <v>1.0096923725242311</v>
      </c>
      <c r="AR1423">
        <v>4.0113780025284447</v>
      </c>
      <c r="AS1423">
        <v>2361</v>
      </c>
      <c r="AT1423">
        <v>231.338811630847</v>
      </c>
      <c r="AU1423">
        <v>1.6033315981259792E-2</v>
      </c>
      <c r="AV1423">
        <v>2.4987493478319132E-3</v>
      </c>
      <c r="AW1423">
        <v>0.37041719342604301</v>
      </c>
      <c r="AX1423">
        <v>85.943507588532881</v>
      </c>
      <c r="AY1423">
        <v>65</v>
      </c>
      <c r="AZ1423">
        <v>131</v>
      </c>
      <c r="BA1423">
        <v>0.58594618740011606</v>
      </c>
      <c r="BB1423">
        <v>0.49726085124315211</v>
      </c>
      <c r="BC1423">
        <v>5.3001613034663659</v>
      </c>
      <c r="BD1423" t="s">
        <v>5466</v>
      </c>
      <c r="BE1423" t="s">
        <v>68</v>
      </c>
    </row>
    <row r="1424" spans="1:57" x14ac:dyDescent="0.3">
      <c r="A1424" t="s">
        <v>5467</v>
      </c>
      <c r="B1424">
        <v>1287</v>
      </c>
      <c r="C1424" t="s">
        <v>5468</v>
      </c>
      <c r="D1424" t="s">
        <v>5469</v>
      </c>
      <c r="E1424" t="s">
        <v>66</v>
      </c>
      <c r="F1424">
        <v>71</v>
      </c>
      <c r="G1424">
        <v>131.78873239436621</v>
      </c>
      <c r="H1424">
        <v>140</v>
      </c>
      <c r="I1424">
        <v>5164.4201547312023</v>
      </c>
      <c r="J1424">
        <v>71.863900219311802</v>
      </c>
      <c r="K1424">
        <v>-0.13596281852974421</v>
      </c>
      <c r="L1424">
        <v>-1.0149392037050919</v>
      </c>
      <c r="M1424">
        <v>5.9525640209131296</v>
      </c>
      <c r="N1424">
        <v>2</v>
      </c>
      <c r="O1424">
        <v>1</v>
      </c>
      <c r="P1424">
        <v>1</v>
      </c>
      <c r="Q1424">
        <v>0.31210913055372153</v>
      </c>
      <c r="R1424">
        <v>4.1260029681985104</v>
      </c>
      <c r="S1424">
        <v>1</v>
      </c>
      <c r="T1424">
        <v>1</v>
      </c>
      <c r="U1424">
        <v>0</v>
      </c>
      <c r="V1424">
        <v>0</v>
      </c>
      <c r="W1424">
        <v>4.2484952420493576</v>
      </c>
      <c r="X1424">
        <v>1</v>
      </c>
      <c r="Y1424">
        <v>1</v>
      </c>
      <c r="Z1424">
        <v>0</v>
      </c>
      <c r="AA1424">
        <v>0</v>
      </c>
      <c r="AB1424">
        <v>4.2341065045972579</v>
      </c>
      <c r="AC1424">
        <v>1</v>
      </c>
      <c r="AD1424">
        <v>1</v>
      </c>
      <c r="AE1424">
        <v>0</v>
      </c>
      <c r="AF1424">
        <v>0</v>
      </c>
      <c r="AG1424">
        <v>4.2195077051761087</v>
      </c>
      <c r="AH1424">
        <v>0.12046511732635989</v>
      </c>
      <c r="AI1424">
        <v>3.443443583823818E-2</v>
      </c>
      <c r="AJ1424">
        <v>-0.22459254554400479</v>
      </c>
      <c r="AK1424">
        <v>-0.1118437566818162</v>
      </c>
      <c r="AL1424">
        <v>657.52733026697956</v>
      </c>
      <c r="AM1424">
        <v>1080.499333619405</v>
      </c>
      <c r="AN1424">
        <v>9357</v>
      </c>
      <c r="AO1424">
        <v>40.128737350263478</v>
      </c>
      <c r="AP1424">
        <v>542.56281391982577</v>
      </c>
      <c r="AQ1424">
        <v>1.323943661971831</v>
      </c>
      <c r="AR1424">
        <v>3.802816901408451</v>
      </c>
      <c r="AS1424">
        <v>71</v>
      </c>
      <c r="AT1424">
        <v>5.6197183098591541</v>
      </c>
      <c r="AU1424">
        <v>7.6222038111019075E-2</v>
      </c>
      <c r="AV1424">
        <v>0.1218089567608882</v>
      </c>
      <c r="AW1424">
        <v>0.352112676056338</v>
      </c>
      <c r="AX1424">
        <v>77.857142857142861</v>
      </c>
      <c r="AY1424">
        <v>57</v>
      </c>
      <c r="AZ1424">
        <v>115.5</v>
      </c>
      <c r="BA1424">
        <v>0.54529623977462194</v>
      </c>
      <c r="BB1424">
        <v>0.53521126760563376</v>
      </c>
      <c r="BC1424">
        <v>4.0429782169784536</v>
      </c>
      <c r="BD1424" t="s">
        <v>5470</v>
      </c>
      <c r="BE1424" t="s">
        <v>68</v>
      </c>
    </row>
    <row r="1425" spans="1:57" x14ac:dyDescent="0.3">
      <c r="A1425" t="s">
        <v>5471</v>
      </c>
      <c r="B1425">
        <v>1338</v>
      </c>
      <c r="C1425" t="s">
        <v>5472</v>
      </c>
      <c r="D1425" t="s">
        <v>5473</v>
      </c>
      <c r="E1425" t="s">
        <v>115</v>
      </c>
      <c r="F1425">
        <v>1360</v>
      </c>
      <c r="G1425">
        <v>126.9698529411765</v>
      </c>
      <c r="H1425">
        <v>126</v>
      </c>
      <c r="I1425">
        <v>5397.7792382136677</v>
      </c>
      <c r="J1425">
        <v>73.469580359586018</v>
      </c>
      <c r="K1425">
        <v>8.3533925177560649E-3</v>
      </c>
      <c r="L1425">
        <v>-1.1701433358180631</v>
      </c>
      <c r="M1425">
        <v>7.8555453719099164</v>
      </c>
      <c r="N1425">
        <v>12</v>
      </c>
      <c r="O1425">
        <v>1</v>
      </c>
      <c r="P1425">
        <v>11</v>
      </c>
      <c r="Q1425">
        <v>2.2860760684740291</v>
      </c>
      <c r="R1425">
        <v>5.4450491263000806</v>
      </c>
      <c r="S1425">
        <v>2</v>
      </c>
      <c r="T1425">
        <v>1</v>
      </c>
      <c r="U1425">
        <v>1</v>
      </c>
      <c r="V1425">
        <v>6.6444896069941001E-2</v>
      </c>
      <c r="W1425">
        <v>7.2083839092455353</v>
      </c>
      <c r="X1425">
        <v>1</v>
      </c>
      <c r="Y1425">
        <v>1</v>
      </c>
      <c r="Z1425">
        <v>0</v>
      </c>
      <c r="AA1425">
        <v>0</v>
      </c>
      <c r="AB1425">
        <v>7.2137683081186417</v>
      </c>
      <c r="AC1425">
        <v>1</v>
      </c>
      <c r="AD1425">
        <v>1</v>
      </c>
      <c r="AE1425">
        <v>0</v>
      </c>
      <c r="AF1425">
        <v>0</v>
      </c>
      <c r="AG1425">
        <v>7.2130316598348703</v>
      </c>
      <c r="AH1425">
        <v>8.8141096477762065E-3</v>
      </c>
      <c r="AI1425">
        <v>1.316353586240171E-2</v>
      </c>
      <c r="AJ1425">
        <v>7.9839247483358897E-3</v>
      </c>
      <c r="AK1425">
        <v>-4.7196868340716083E-2</v>
      </c>
      <c r="AL1425">
        <v>2509.404001546061</v>
      </c>
      <c r="AM1425">
        <v>4792.5878768181819</v>
      </c>
      <c r="AN1425">
        <v>172679</v>
      </c>
      <c r="AO1425">
        <v>86.699870619424473</v>
      </c>
      <c r="AP1425">
        <v>2272.1651739961758</v>
      </c>
      <c r="AQ1425">
        <v>1.0169117647058821</v>
      </c>
      <c r="AR1425">
        <v>3.990441176470588</v>
      </c>
      <c r="AS1425">
        <v>1357</v>
      </c>
      <c r="AT1425">
        <v>249.875</v>
      </c>
      <c r="AU1425">
        <v>1.764705882352946E-2</v>
      </c>
      <c r="AV1425">
        <v>8.8216955962416629E-3</v>
      </c>
      <c r="AW1425">
        <v>0.37941176470588228</v>
      </c>
      <c r="AX1425">
        <v>84.306843267108164</v>
      </c>
      <c r="AY1425">
        <v>63.5</v>
      </c>
      <c r="AZ1425">
        <v>127</v>
      </c>
      <c r="BA1425">
        <v>0.57863798892185492</v>
      </c>
      <c r="BB1425">
        <v>0.49779411764705878</v>
      </c>
      <c r="BC1425">
        <v>5.2373705907868287</v>
      </c>
      <c r="BD1425" t="s">
        <v>5474</v>
      </c>
      <c r="BE1425" t="s">
        <v>62</v>
      </c>
    </row>
    <row r="1426" spans="1:57" x14ac:dyDescent="0.3">
      <c r="A1426" t="s">
        <v>5475</v>
      </c>
      <c r="B1426">
        <v>1854</v>
      </c>
      <c r="C1426" t="s">
        <v>5476</v>
      </c>
      <c r="D1426" t="s">
        <v>5477</v>
      </c>
      <c r="E1426" t="s">
        <v>72</v>
      </c>
      <c r="F1426">
        <v>1856</v>
      </c>
      <c r="G1426">
        <v>129.95096982758619</v>
      </c>
      <c r="H1426">
        <v>132.5</v>
      </c>
      <c r="I1426">
        <v>5332.2847727663311</v>
      </c>
      <c r="J1426">
        <v>73.02249497768706</v>
      </c>
      <c r="K1426">
        <v>-5.9837122952993017E-2</v>
      </c>
      <c r="L1426">
        <v>-1.177944580186844</v>
      </c>
      <c r="M1426">
        <v>7.8883493382314338</v>
      </c>
      <c r="N1426">
        <v>17</v>
      </c>
      <c r="O1426">
        <v>1</v>
      </c>
      <c r="P1426">
        <v>16</v>
      </c>
      <c r="Q1426">
        <v>2.840829544340878</v>
      </c>
      <c r="R1426">
        <v>5.4677871030670318</v>
      </c>
      <c r="S1426">
        <v>2</v>
      </c>
      <c r="T1426">
        <v>1</v>
      </c>
      <c r="U1426">
        <v>1</v>
      </c>
      <c r="V1426">
        <v>0.1183779546410564</v>
      </c>
      <c r="W1426">
        <v>7.5062094341309589</v>
      </c>
      <c r="X1426">
        <v>1</v>
      </c>
      <c r="Y1426">
        <v>1</v>
      </c>
      <c r="Z1426">
        <v>0</v>
      </c>
      <c r="AA1426">
        <v>0</v>
      </c>
      <c r="AB1426">
        <v>7.5251007461257977</v>
      </c>
      <c r="AC1426">
        <v>1</v>
      </c>
      <c r="AD1426">
        <v>1</v>
      </c>
      <c r="AE1426">
        <v>0</v>
      </c>
      <c r="AF1426">
        <v>0</v>
      </c>
      <c r="AG1426">
        <v>7.5245612262853587</v>
      </c>
      <c r="AH1426">
        <v>4.2726279313340361E-3</v>
      </c>
      <c r="AI1426">
        <v>-8.1436309744139748E-2</v>
      </c>
      <c r="AJ1426">
        <v>6.859990381421239E-3</v>
      </c>
      <c r="AK1426">
        <v>-2.8440563733039461E-2</v>
      </c>
      <c r="AL1426">
        <v>2933.59188614299</v>
      </c>
      <c r="AM1426">
        <v>5712.5741698078646</v>
      </c>
      <c r="AN1426">
        <v>241189</v>
      </c>
      <c r="AO1426">
        <v>55.373203356587418</v>
      </c>
      <c r="AP1426">
        <v>2628.007466020757</v>
      </c>
      <c r="AQ1426">
        <v>1.0123922413793101</v>
      </c>
      <c r="AR1426">
        <v>4.046875</v>
      </c>
      <c r="AS1426">
        <v>1848</v>
      </c>
      <c r="AT1426">
        <v>284.9655172413793</v>
      </c>
      <c r="AU1426">
        <v>2.4338657876943889E-2</v>
      </c>
      <c r="AV1426">
        <v>4.2755861185348213E-3</v>
      </c>
      <c r="AW1426">
        <v>0.35614224137931028</v>
      </c>
      <c r="AX1426">
        <v>84.556334231805934</v>
      </c>
      <c r="AY1426">
        <v>62.5</v>
      </c>
      <c r="AZ1426">
        <v>125</v>
      </c>
      <c r="BA1426">
        <v>0.56192343215730056</v>
      </c>
      <c r="BB1426">
        <v>0.51077586206896552</v>
      </c>
      <c r="BC1426">
        <v>5.2745186776362427</v>
      </c>
      <c r="BD1426" t="s">
        <v>5478</v>
      </c>
      <c r="BE1426" t="s">
        <v>62</v>
      </c>
    </row>
    <row r="1427" spans="1:57" x14ac:dyDescent="0.3">
      <c r="A1427" t="s">
        <v>5479</v>
      </c>
      <c r="B1427">
        <v>2260</v>
      </c>
      <c r="C1427" t="s">
        <v>5480</v>
      </c>
      <c r="D1427" t="s">
        <v>5481</v>
      </c>
      <c r="E1427" t="s">
        <v>66</v>
      </c>
      <c r="F1427">
        <v>71</v>
      </c>
      <c r="G1427">
        <v>121.1267605633803</v>
      </c>
      <c r="H1427">
        <v>128</v>
      </c>
      <c r="I1427">
        <v>6089.8008331680212</v>
      </c>
      <c r="J1427">
        <v>78.037175968688288</v>
      </c>
      <c r="K1427">
        <v>8.3214181431754783E-2</v>
      </c>
      <c r="L1427">
        <v>-1.347701356547625</v>
      </c>
      <c r="M1427">
        <v>5.8680569786596068</v>
      </c>
      <c r="N1427">
        <v>4</v>
      </c>
      <c r="O1427">
        <v>1</v>
      </c>
      <c r="P1427">
        <v>3</v>
      </c>
      <c r="Q1427">
        <v>0.46996136401075678</v>
      </c>
      <c r="R1427">
        <v>4.067427150123021</v>
      </c>
      <c r="S1427">
        <v>1</v>
      </c>
      <c r="T1427">
        <v>1</v>
      </c>
      <c r="U1427">
        <v>0</v>
      </c>
      <c r="V1427">
        <v>0</v>
      </c>
      <c r="W1427">
        <v>4.2484952420493576</v>
      </c>
      <c r="X1427">
        <v>1</v>
      </c>
      <c r="Y1427">
        <v>1</v>
      </c>
      <c r="Z1427">
        <v>0</v>
      </c>
      <c r="AA1427">
        <v>0</v>
      </c>
      <c r="AB1427">
        <v>4.2341065045972579</v>
      </c>
      <c r="AC1427">
        <v>1</v>
      </c>
      <c r="AD1427">
        <v>1</v>
      </c>
      <c r="AE1427">
        <v>0</v>
      </c>
      <c r="AF1427">
        <v>0</v>
      </c>
      <c r="AG1427">
        <v>4.2195077051761087</v>
      </c>
      <c r="AH1427">
        <v>0.28377986142973449</v>
      </c>
      <c r="AI1427">
        <v>2.10009548392351E-2</v>
      </c>
      <c r="AJ1427">
        <v>-0.2545491264422638</v>
      </c>
      <c r="AK1427">
        <v>-7.3180409365101326E-2</v>
      </c>
      <c r="AL1427">
        <v>717.129091542482</v>
      </c>
      <c r="AM1427">
        <v>979.68967845101554</v>
      </c>
      <c r="AN1427">
        <v>8600</v>
      </c>
      <c r="AO1427">
        <v>105.0108144405859</v>
      </c>
      <c r="AP1427">
        <v>564.31784154233321</v>
      </c>
      <c r="AQ1427">
        <v>1.323943661971831</v>
      </c>
      <c r="AR1427">
        <v>3.563380281690141</v>
      </c>
      <c r="AS1427">
        <v>70</v>
      </c>
      <c r="AT1427">
        <v>11.957746478873229</v>
      </c>
      <c r="AU1427">
        <v>0.11378507264056779</v>
      </c>
      <c r="AV1427">
        <v>0.28794013214951197</v>
      </c>
      <c r="AW1427">
        <v>0.352112676056338</v>
      </c>
      <c r="AX1427">
        <v>72.542857142857144</v>
      </c>
      <c r="AY1427">
        <v>70</v>
      </c>
      <c r="AZ1427">
        <v>138.5</v>
      </c>
      <c r="BA1427">
        <v>0.6442604062531242</v>
      </c>
      <c r="BB1427">
        <v>0.50704225352112675</v>
      </c>
      <c r="BC1427">
        <v>4.0033698066607419</v>
      </c>
      <c r="BD1427" t="s">
        <v>5482</v>
      </c>
      <c r="BE1427" t="s">
        <v>68</v>
      </c>
    </row>
    <row r="1428" spans="1:57" x14ac:dyDescent="0.3">
      <c r="A1428" t="s">
        <v>5483</v>
      </c>
      <c r="B1428">
        <v>2890</v>
      </c>
      <c r="C1428" t="s">
        <v>5484</v>
      </c>
      <c r="D1428" t="s">
        <v>5485</v>
      </c>
      <c r="E1428" t="s">
        <v>10622</v>
      </c>
      <c r="F1428">
        <v>64</v>
      </c>
      <c r="G1428">
        <v>147.859375</v>
      </c>
      <c r="H1428">
        <v>149</v>
      </c>
      <c r="I1428">
        <v>4599.277099609375</v>
      </c>
      <c r="J1428">
        <v>67.817970329473695</v>
      </c>
      <c r="K1428">
        <v>-0.29295991492789603</v>
      </c>
      <c r="L1428">
        <v>-1.047314501607733</v>
      </c>
      <c r="M1428">
        <v>5.800704882778696</v>
      </c>
      <c r="N1428">
        <v>3</v>
      </c>
      <c r="O1428">
        <v>1</v>
      </c>
      <c r="P1428">
        <v>2</v>
      </c>
      <c r="Q1428">
        <v>0.35669242871684831</v>
      </c>
      <c r="R1428">
        <v>4.0207422347583606</v>
      </c>
      <c r="S1428">
        <v>1</v>
      </c>
      <c r="T1428">
        <v>1</v>
      </c>
      <c r="U1428">
        <v>0</v>
      </c>
      <c r="V1428">
        <v>0</v>
      </c>
      <c r="W1428">
        <v>4.1431347263915326</v>
      </c>
      <c r="X1428">
        <v>1</v>
      </c>
      <c r="Y1428">
        <v>1</v>
      </c>
      <c r="Z1428">
        <v>0</v>
      </c>
      <c r="AA1428">
        <v>0</v>
      </c>
      <c r="AB1428">
        <v>4.1271343850450908</v>
      </c>
      <c r="AC1428">
        <v>1</v>
      </c>
      <c r="AD1428">
        <v>1</v>
      </c>
      <c r="AE1428">
        <v>0</v>
      </c>
      <c r="AF1428">
        <v>0</v>
      </c>
      <c r="AG1428">
        <v>4.1108738641733096</v>
      </c>
      <c r="AH1428">
        <v>-9.5104655151839787E-2</v>
      </c>
      <c r="AI1428">
        <v>8.133047555877046E-2</v>
      </c>
      <c r="AJ1428">
        <v>4.9275888341774578E-2</v>
      </c>
      <c r="AK1428">
        <v>3.5596804193232863E-2</v>
      </c>
      <c r="AL1428">
        <v>645.21369294959936</v>
      </c>
      <c r="AM1428">
        <v>1130.153215466974</v>
      </c>
      <c r="AN1428">
        <v>9463</v>
      </c>
      <c r="AO1428">
        <v>116.1785593042774</v>
      </c>
      <c r="AP1428">
        <v>490.89312577663497</v>
      </c>
      <c r="AQ1428">
        <v>1.359375</v>
      </c>
      <c r="AR1428">
        <v>4.109375</v>
      </c>
      <c r="AS1428">
        <v>64</v>
      </c>
      <c r="AT1428">
        <v>6.6875000000000018</v>
      </c>
      <c r="AU1428">
        <v>0.13075000000000001</v>
      </c>
      <c r="AV1428">
        <v>-9.5403166846939252E-2</v>
      </c>
      <c r="AW1428">
        <v>0.34375</v>
      </c>
      <c r="AX1428">
        <v>85.428571428571431</v>
      </c>
      <c r="AY1428">
        <v>57.5</v>
      </c>
      <c r="AZ1428">
        <v>105.75</v>
      </c>
      <c r="BA1428">
        <v>0.45866533880231602</v>
      </c>
      <c r="BB1428">
        <v>0.5</v>
      </c>
      <c r="BC1428">
        <v>3.9450926748029782</v>
      </c>
      <c r="BD1428" t="s">
        <v>5486</v>
      </c>
      <c r="BE1428" t="s">
        <v>62</v>
      </c>
    </row>
    <row r="1429" spans="1:57" x14ac:dyDescent="0.3">
      <c r="A1429" t="s">
        <v>5487</v>
      </c>
      <c r="B1429">
        <v>2165</v>
      </c>
      <c r="C1429" t="s">
        <v>5488</v>
      </c>
      <c r="D1429" t="s">
        <v>5489</v>
      </c>
      <c r="E1429" t="s">
        <v>115</v>
      </c>
      <c r="F1429">
        <v>2223</v>
      </c>
      <c r="G1429">
        <v>129.88798920377869</v>
      </c>
      <c r="H1429">
        <v>130</v>
      </c>
      <c r="I1429">
        <v>5384.9181778280436</v>
      </c>
      <c r="J1429">
        <v>73.382001729497972</v>
      </c>
      <c r="K1429">
        <v>3.1265347166099188E-3</v>
      </c>
      <c r="L1429">
        <v>-1.156254524769222</v>
      </c>
      <c r="M1429">
        <v>7.9086823740561396</v>
      </c>
      <c r="N1429">
        <v>18</v>
      </c>
      <c r="O1429">
        <v>2</v>
      </c>
      <c r="P1429">
        <v>16</v>
      </c>
      <c r="Q1429">
        <v>2.9768193239088649</v>
      </c>
      <c r="R1429">
        <v>5.4818808895211504</v>
      </c>
      <c r="S1429">
        <v>2</v>
      </c>
      <c r="T1429">
        <v>1</v>
      </c>
      <c r="U1429">
        <v>1</v>
      </c>
      <c r="V1429">
        <v>0.12548920634962549</v>
      </c>
      <c r="W1429">
        <v>7.6843266503799539</v>
      </c>
      <c r="X1429">
        <v>1</v>
      </c>
      <c r="Y1429">
        <v>1</v>
      </c>
      <c r="Z1429">
        <v>0</v>
      </c>
      <c r="AA1429">
        <v>0</v>
      </c>
      <c r="AB1429">
        <v>7.7057128238944257</v>
      </c>
      <c r="AC1429">
        <v>1</v>
      </c>
      <c r="AD1429">
        <v>1</v>
      </c>
      <c r="AE1429">
        <v>0</v>
      </c>
      <c r="AF1429">
        <v>0</v>
      </c>
      <c r="AG1429">
        <v>7.7052624748663261</v>
      </c>
      <c r="AH1429">
        <v>2.2748475705106502E-2</v>
      </c>
      <c r="AI1429">
        <v>3.7163098713346712E-3</v>
      </c>
      <c r="AJ1429">
        <v>-2.0307732430025691E-3</v>
      </c>
      <c r="AK1429">
        <v>-3.842415809187608E-3</v>
      </c>
      <c r="AL1429">
        <v>3195.2754242578621</v>
      </c>
      <c r="AM1429">
        <v>6266.169161707473</v>
      </c>
      <c r="AN1429">
        <v>288741</v>
      </c>
      <c r="AO1429">
        <v>107.33697549051961</v>
      </c>
      <c r="AP1429">
        <v>2920.8253711027919</v>
      </c>
      <c r="AQ1429">
        <v>1.0103463787674309</v>
      </c>
      <c r="AR1429">
        <v>4.0440845704003596</v>
      </c>
      <c r="AS1429">
        <v>2207</v>
      </c>
      <c r="AT1429">
        <v>259.20647773279347</v>
      </c>
      <c r="AU1429">
        <v>2.5042999656002759E-2</v>
      </c>
      <c r="AV1429">
        <v>2.2770893481410641E-2</v>
      </c>
      <c r="AW1429">
        <v>0.37112010796221317</v>
      </c>
      <c r="AX1429">
        <v>83.101260126012605</v>
      </c>
      <c r="AY1429">
        <v>61</v>
      </c>
      <c r="AZ1429">
        <v>121</v>
      </c>
      <c r="BA1429">
        <v>0.56496372127503192</v>
      </c>
      <c r="BB1429">
        <v>0.50067476383265852</v>
      </c>
      <c r="BC1429">
        <v>5.2758482973244103</v>
      </c>
      <c r="BD1429" t="s">
        <v>5490</v>
      </c>
      <c r="BE1429" t="s">
        <v>68</v>
      </c>
    </row>
    <row r="1430" spans="1:57" x14ac:dyDescent="0.3">
      <c r="A1430" t="s">
        <v>5491</v>
      </c>
      <c r="B1430">
        <v>3813</v>
      </c>
      <c r="C1430" t="s">
        <v>5492</v>
      </c>
      <c r="D1430" t="s">
        <v>5493</v>
      </c>
      <c r="E1430" t="s">
        <v>128</v>
      </c>
      <c r="F1430">
        <v>32</v>
      </c>
      <c r="G1430">
        <v>136.40625</v>
      </c>
      <c r="H1430">
        <v>133</v>
      </c>
      <c r="I1430">
        <v>5630.7412109375</v>
      </c>
      <c r="J1430">
        <v>75.038264978192956</v>
      </c>
      <c r="K1430">
        <v>-7.6769551648172563E-2</v>
      </c>
      <c r="L1430">
        <v>-1.2655200315100501</v>
      </c>
      <c r="M1430">
        <v>5</v>
      </c>
      <c r="N1430">
        <v>1</v>
      </c>
      <c r="O1430">
        <v>1</v>
      </c>
      <c r="P1430">
        <v>0</v>
      </c>
      <c r="Q1430">
        <v>0</v>
      </c>
      <c r="R1430">
        <v>3.465735902799727</v>
      </c>
      <c r="S1430">
        <v>1</v>
      </c>
      <c r="T1430">
        <v>1</v>
      </c>
      <c r="U1430">
        <v>0</v>
      </c>
      <c r="V1430">
        <v>0</v>
      </c>
      <c r="W1430">
        <v>3.4339872044851458</v>
      </c>
      <c r="X1430">
        <v>1</v>
      </c>
      <c r="Y1430">
        <v>1</v>
      </c>
      <c r="Z1430">
        <v>0</v>
      </c>
      <c r="AA1430">
        <v>0</v>
      </c>
      <c r="AB1430">
        <v>3.401197381662155</v>
      </c>
      <c r="AC1430">
        <v>1</v>
      </c>
      <c r="AD1430">
        <v>1</v>
      </c>
      <c r="AE1430">
        <v>0</v>
      </c>
      <c r="AF1430">
        <v>0</v>
      </c>
      <c r="AG1430">
        <v>3.3672958299864728</v>
      </c>
      <c r="AH1430">
        <v>0.18102404139074019</v>
      </c>
      <c r="AI1430">
        <v>-0.15869212005662969</v>
      </c>
      <c r="AJ1430">
        <v>-1.3974002272680371E-2</v>
      </c>
      <c r="AK1430">
        <v>-0.11533017125402729</v>
      </c>
      <c r="AL1430">
        <v>503.50120576428071</v>
      </c>
      <c r="AM1430">
        <v>722.55348299895104</v>
      </c>
      <c r="AN1430">
        <v>4365</v>
      </c>
      <c r="AO1430">
        <v>85.354401690659316</v>
      </c>
      <c r="AP1430">
        <v>371.58156270105701</v>
      </c>
      <c r="AQ1430">
        <v>1.65625</v>
      </c>
      <c r="AR1430">
        <v>4.25</v>
      </c>
      <c r="AS1430">
        <v>32</v>
      </c>
      <c r="AT1430">
        <v>0</v>
      </c>
      <c r="AU1430">
        <v>0.1007221115537849</v>
      </c>
      <c r="AV1430">
        <v>0.1897802229127567</v>
      </c>
      <c r="AW1430">
        <v>0.34375</v>
      </c>
      <c r="AX1430">
        <v>79.903225806451616</v>
      </c>
      <c r="AY1430">
        <v>70</v>
      </c>
      <c r="AZ1430">
        <v>124.75</v>
      </c>
      <c r="BA1430">
        <v>0.55010870087105945</v>
      </c>
      <c r="BB1430">
        <v>0.5</v>
      </c>
      <c r="BC1430">
        <v>3.3892680315457948</v>
      </c>
      <c r="BD1430" t="s">
        <v>5494</v>
      </c>
      <c r="BE1430" t="s">
        <v>62</v>
      </c>
    </row>
    <row r="1431" spans="1:57" x14ac:dyDescent="0.3">
      <c r="A1431" t="s">
        <v>5495</v>
      </c>
      <c r="B1431">
        <v>2908</v>
      </c>
      <c r="C1431" t="s">
        <v>5496</v>
      </c>
      <c r="D1431" t="s">
        <v>5497</v>
      </c>
      <c r="E1431" t="s">
        <v>72</v>
      </c>
      <c r="F1431">
        <v>2912</v>
      </c>
      <c r="G1431">
        <v>126.0655906593407</v>
      </c>
      <c r="H1431">
        <v>125</v>
      </c>
      <c r="I1431">
        <v>5409.6752995137585</v>
      </c>
      <c r="J1431">
        <v>73.550494896457081</v>
      </c>
      <c r="K1431">
        <v>2.3648652092028741E-2</v>
      </c>
      <c r="L1431">
        <v>-1.205951365283046</v>
      </c>
      <c r="M1431">
        <v>7.9250636759106783</v>
      </c>
      <c r="N1431">
        <v>20</v>
      </c>
      <c r="O1431">
        <v>2</v>
      </c>
      <c r="P1431">
        <v>18</v>
      </c>
      <c r="Q1431">
        <v>3.5849075999249971</v>
      </c>
      <c r="R1431">
        <v>5.4932355427155271</v>
      </c>
      <c r="S1431">
        <v>3</v>
      </c>
      <c r="T1431">
        <v>1</v>
      </c>
      <c r="U1431">
        <v>2</v>
      </c>
      <c r="V1431">
        <v>0.14712971477626349</v>
      </c>
      <c r="W1431">
        <v>7.9470223992000788</v>
      </c>
      <c r="X1431">
        <v>1</v>
      </c>
      <c r="Y1431">
        <v>1</v>
      </c>
      <c r="Z1431">
        <v>0</v>
      </c>
      <c r="AA1431">
        <v>0</v>
      </c>
      <c r="AB1431">
        <v>7.9759083601655378</v>
      </c>
      <c r="AC1431">
        <v>1</v>
      </c>
      <c r="AD1431">
        <v>1</v>
      </c>
      <c r="AE1431">
        <v>0</v>
      </c>
      <c r="AF1431">
        <v>0</v>
      </c>
      <c r="AG1431">
        <v>7.9755646584952018</v>
      </c>
      <c r="AH1431">
        <v>-1.54715974351291E-2</v>
      </c>
      <c r="AI1431">
        <v>1.120414921026746E-2</v>
      </c>
      <c r="AJ1431">
        <v>1.0291254120571259E-2</v>
      </c>
      <c r="AK1431">
        <v>2.1229254711141451E-2</v>
      </c>
      <c r="AL1431">
        <v>3646.4110045282159</v>
      </c>
      <c r="AM1431">
        <v>6981.0971763796206</v>
      </c>
      <c r="AN1431">
        <v>367103</v>
      </c>
      <c r="AO1431">
        <v>18.06953301054396</v>
      </c>
      <c r="AP1431">
        <v>3353.803089292735</v>
      </c>
      <c r="AQ1431">
        <v>1.007898351648352</v>
      </c>
      <c r="AR1431">
        <v>3.9728708791208791</v>
      </c>
      <c r="AS1431">
        <v>2904</v>
      </c>
      <c r="AT1431">
        <v>289.23076923076928</v>
      </c>
      <c r="AU1431">
        <v>1.638924800689506E-2</v>
      </c>
      <c r="AV1431">
        <v>-1.547576169009556E-2</v>
      </c>
      <c r="AW1431">
        <v>0.38118131868131871</v>
      </c>
      <c r="AX1431">
        <v>85.766746822397806</v>
      </c>
      <c r="AY1431">
        <v>64</v>
      </c>
      <c r="AZ1431">
        <v>127.25</v>
      </c>
      <c r="BA1431">
        <v>0.58343037550355903</v>
      </c>
      <c r="BB1431">
        <v>0.49313186813186821</v>
      </c>
      <c r="BC1431">
        <v>5.311209435470845</v>
      </c>
      <c r="BD1431" t="s">
        <v>5498</v>
      </c>
      <c r="BE1431" t="s">
        <v>62</v>
      </c>
    </row>
    <row r="1432" spans="1:57" x14ac:dyDescent="0.3">
      <c r="A1432" t="s">
        <v>5499</v>
      </c>
      <c r="B1432">
        <v>1044</v>
      </c>
      <c r="C1432" t="s">
        <v>5500</v>
      </c>
      <c r="D1432" t="s">
        <v>5501</v>
      </c>
      <c r="E1432" t="s">
        <v>93</v>
      </c>
      <c r="F1432">
        <v>1047</v>
      </c>
      <c r="G1432">
        <v>128.87392550143269</v>
      </c>
      <c r="H1432">
        <v>127</v>
      </c>
      <c r="I1432">
        <v>5625.6803802924451</v>
      </c>
      <c r="J1432">
        <v>75.004535731463903</v>
      </c>
      <c r="K1432">
        <v>1.39944945417598E-2</v>
      </c>
      <c r="L1432">
        <v>-1.2448196614504361</v>
      </c>
      <c r="M1432">
        <v>7.8224606059128936</v>
      </c>
      <c r="N1432">
        <v>11</v>
      </c>
      <c r="O1432">
        <v>1</v>
      </c>
      <c r="P1432">
        <v>10</v>
      </c>
      <c r="Q1432">
        <v>1.882646126808404</v>
      </c>
      <c r="R1432">
        <v>5.4221165140297574</v>
      </c>
      <c r="S1432">
        <v>2</v>
      </c>
      <c r="T1432">
        <v>1</v>
      </c>
      <c r="U1432">
        <v>1</v>
      </c>
      <c r="V1432">
        <v>7.5736033336596995E-2</v>
      </c>
      <c r="W1432">
        <v>6.9447766693220778</v>
      </c>
      <c r="X1432">
        <v>1</v>
      </c>
      <c r="Y1432">
        <v>1</v>
      </c>
      <c r="Z1432">
        <v>0</v>
      </c>
      <c r="AA1432">
        <v>0</v>
      </c>
      <c r="AB1432">
        <v>6.9517721643989114</v>
      </c>
      <c r="AC1432">
        <v>1</v>
      </c>
      <c r="AD1432">
        <v>1</v>
      </c>
      <c r="AE1432">
        <v>0</v>
      </c>
      <c r="AF1432">
        <v>0</v>
      </c>
      <c r="AG1432">
        <v>6.9508147684425854</v>
      </c>
      <c r="AH1432">
        <v>-4.0321261928402893E-2</v>
      </c>
      <c r="AI1432">
        <v>-1.4397117232960379E-2</v>
      </c>
      <c r="AJ1432">
        <v>5.867508641112653E-2</v>
      </c>
      <c r="AK1432">
        <v>4.0231273783028539E-3</v>
      </c>
      <c r="AL1432">
        <v>2276.2305519183719</v>
      </c>
      <c r="AM1432">
        <v>4254.1684821494064</v>
      </c>
      <c r="AN1432">
        <v>134931</v>
      </c>
      <c r="AO1432">
        <v>53.14626129581616</v>
      </c>
      <c r="AP1432">
        <v>2010.868204924466</v>
      </c>
      <c r="AQ1432">
        <v>1.021967526265521</v>
      </c>
      <c r="AR1432">
        <v>4.0324737344794652</v>
      </c>
      <c r="AS1432">
        <v>1044</v>
      </c>
      <c r="AT1432">
        <v>213.27411652340021</v>
      </c>
      <c r="AU1432">
        <v>3.1496151469183609E-2</v>
      </c>
      <c r="AV1432">
        <v>-4.0398558618748463E-2</v>
      </c>
      <c r="AW1432">
        <v>0.37726838586437439</v>
      </c>
      <c r="AX1432">
        <v>90.004780114722749</v>
      </c>
      <c r="AY1432">
        <v>66</v>
      </c>
      <c r="AZ1432">
        <v>132.5</v>
      </c>
      <c r="BA1432">
        <v>0.58199931009807016</v>
      </c>
      <c r="BB1432">
        <v>0.49570200573065898</v>
      </c>
      <c r="BC1432">
        <v>5.2429070915377718</v>
      </c>
      <c r="BD1432" t="s">
        <v>5502</v>
      </c>
      <c r="BE1432" t="s">
        <v>68</v>
      </c>
    </row>
    <row r="1433" spans="1:57" x14ac:dyDescent="0.3">
      <c r="A1433" t="s">
        <v>5503</v>
      </c>
      <c r="B1433">
        <v>1664</v>
      </c>
      <c r="C1433" t="s">
        <v>5504</v>
      </c>
      <c r="D1433" t="s">
        <v>5505</v>
      </c>
      <c r="E1433" t="s">
        <v>128</v>
      </c>
      <c r="F1433">
        <v>32</v>
      </c>
      <c r="G1433">
        <v>143.59375</v>
      </c>
      <c r="H1433">
        <v>138.5</v>
      </c>
      <c r="I1433">
        <v>3934.1787109375</v>
      </c>
      <c r="J1433">
        <v>62.723031742235641</v>
      </c>
      <c r="K1433">
        <v>-0.11074210138243849</v>
      </c>
      <c r="L1433">
        <v>-1.249492085264857</v>
      </c>
      <c r="M1433">
        <v>5</v>
      </c>
      <c r="N1433">
        <v>1</v>
      </c>
      <c r="O1433">
        <v>1</v>
      </c>
      <c r="P1433">
        <v>0</v>
      </c>
      <c r="Q1433">
        <v>0</v>
      </c>
      <c r="R1433">
        <v>3.465735902799727</v>
      </c>
      <c r="S1433">
        <v>1</v>
      </c>
      <c r="T1433">
        <v>1</v>
      </c>
      <c r="U1433">
        <v>0</v>
      </c>
      <c r="V1433">
        <v>0</v>
      </c>
      <c r="W1433">
        <v>3.4339872044851458</v>
      </c>
      <c r="X1433">
        <v>1</v>
      </c>
      <c r="Y1433">
        <v>1</v>
      </c>
      <c r="Z1433">
        <v>0</v>
      </c>
      <c r="AA1433">
        <v>0</v>
      </c>
      <c r="AB1433">
        <v>3.401197381662155</v>
      </c>
      <c r="AC1433">
        <v>1</v>
      </c>
      <c r="AD1433">
        <v>1</v>
      </c>
      <c r="AE1433">
        <v>0</v>
      </c>
      <c r="AF1433">
        <v>0</v>
      </c>
      <c r="AG1433">
        <v>3.3672958299864728</v>
      </c>
      <c r="AH1433">
        <v>-4.1899251141649989E-2</v>
      </c>
      <c r="AI1433">
        <v>1.2912786181995281E-2</v>
      </c>
      <c r="AJ1433">
        <v>0.1022170719274865</v>
      </c>
      <c r="AK1433">
        <v>0.20090016094925309</v>
      </c>
      <c r="AL1433">
        <v>446.46289833526208</v>
      </c>
      <c r="AM1433">
        <v>765.75314587018011</v>
      </c>
      <c r="AN1433">
        <v>4595</v>
      </c>
      <c r="AO1433">
        <v>48.974102529678518</v>
      </c>
      <c r="AP1433">
        <v>301.32036393686542</v>
      </c>
      <c r="AQ1433">
        <v>1.71875</v>
      </c>
      <c r="AR1433">
        <v>3.9375</v>
      </c>
      <c r="AS1433">
        <v>32</v>
      </c>
      <c r="AT1433">
        <v>0</v>
      </c>
      <c r="AU1433">
        <v>0.10488197424892701</v>
      </c>
      <c r="AV1433">
        <v>-4.2497404237814368E-2</v>
      </c>
      <c r="AW1433">
        <v>0.375</v>
      </c>
      <c r="AX1433">
        <v>75.129032258064512</v>
      </c>
      <c r="AY1433">
        <v>61</v>
      </c>
      <c r="AZ1433">
        <v>122</v>
      </c>
      <c r="BA1433">
        <v>0.43680892617008499</v>
      </c>
      <c r="BB1433">
        <v>0.46875</v>
      </c>
      <c r="BC1433">
        <v>3.2998296856670919</v>
      </c>
      <c r="BD1433" t="s">
        <v>5506</v>
      </c>
      <c r="BE1433" t="s">
        <v>62</v>
      </c>
    </row>
    <row r="1434" spans="1:57" x14ac:dyDescent="0.3">
      <c r="A1434" t="s">
        <v>5507</v>
      </c>
      <c r="B1434">
        <v>1657</v>
      </c>
      <c r="C1434" t="s">
        <v>5508</v>
      </c>
      <c r="D1434" t="s">
        <v>5509</v>
      </c>
      <c r="E1434" t="s">
        <v>66</v>
      </c>
      <c r="F1434">
        <v>70</v>
      </c>
      <c r="G1434">
        <v>125.2571428571429</v>
      </c>
      <c r="H1434">
        <v>123.5</v>
      </c>
      <c r="I1434">
        <v>5043.6481632653058</v>
      </c>
      <c r="J1434">
        <v>71.01864658852142</v>
      </c>
      <c r="K1434">
        <v>2.1204040056135579E-2</v>
      </c>
      <c r="L1434">
        <v>-1.0578532704554451</v>
      </c>
      <c r="M1434">
        <v>5.7648576597402998</v>
      </c>
      <c r="N1434">
        <v>3</v>
      </c>
      <c r="O1434">
        <v>1</v>
      </c>
      <c r="P1434">
        <v>2</v>
      </c>
      <c r="Q1434">
        <v>0.48275862068965519</v>
      </c>
      <c r="R1434">
        <v>3.995894833178391</v>
      </c>
      <c r="S1434">
        <v>2</v>
      </c>
      <c r="T1434">
        <v>1</v>
      </c>
      <c r="U1434">
        <v>1</v>
      </c>
      <c r="V1434">
        <v>0.1203728348804772</v>
      </c>
      <c r="W1434">
        <v>4.2140152819723324</v>
      </c>
      <c r="X1434">
        <v>1</v>
      </c>
      <c r="Y1434">
        <v>1</v>
      </c>
      <c r="Z1434">
        <v>0</v>
      </c>
      <c r="AA1434">
        <v>0</v>
      </c>
      <c r="AB1434">
        <v>4.2195077051761087</v>
      </c>
      <c r="AC1434">
        <v>1</v>
      </c>
      <c r="AD1434">
        <v>1</v>
      </c>
      <c r="AE1434">
        <v>0</v>
      </c>
      <c r="AF1434">
        <v>0</v>
      </c>
      <c r="AG1434">
        <v>4.2046926193909648</v>
      </c>
      <c r="AH1434">
        <v>0.12398894335427479</v>
      </c>
      <c r="AI1434">
        <v>0.11613211714978031</v>
      </c>
      <c r="AJ1434">
        <v>4.66930746574458E-2</v>
      </c>
      <c r="AK1434">
        <v>-0.20964361420743091</v>
      </c>
      <c r="AL1434">
        <v>652.60458790250823</v>
      </c>
      <c r="AM1434">
        <v>1012.628881599077</v>
      </c>
      <c r="AN1434">
        <v>8768</v>
      </c>
      <c r="AO1434">
        <v>122.48275221877169</v>
      </c>
      <c r="AP1434">
        <v>555.4149149302923</v>
      </c>
      <c r="AQ1434">
        <v>1.328571428571429</v>
      </c>
      <c r="AR1434">
        <v>3.8142857142857149</v>
      </c>
      <c r="AS1434">
        <v>69</v>
      </c>
      <c r="AT1434">
        <v>11.2</v>
      </c>
      <c r="AU1434">
        <v>7.460317460317456E-2</v>
      </c>
      <c r="AV1434">
        <v>0.1258782512522203</v>
      </c>
      <c r="AW1434">
        <v>0.44285714285714278</v>
      </c>
      <c r="AX1434">
        <v>72.94202898550725</v>
      </c>
      <c r="AY1434">
        <v>52.5</v>
      </c>
      <c r="AZ1434">
        <v>102</v>
      </c>
      <c r="BA1434">
        <v>0.56698280807441825</v>
      </c>
      <c r="BB1434">
        <v>0.48571428571428571</v>
      </c>
      <c r="BC1434">
        <v>3.8974803297357039</v>
      </c>
      <c r="BD1434" t="s">
        <v>5510</v>
      </c>
      <c r="BE1434" t="s">
        <v>68</v>
      </c>
    </row>
    <row r="1435" spans="1:57" x14ac:dyDescent="0.3">
      <c r="A1435" t="s">
        <v>5511</v>
      </c>
      <c r="B1435">
        <v>2429</v>
      </c>
      <c r="C1435" t="s">
        <v>5512</v>
      </c>
      <c r="D1435" t="s">
        <v>5513</v>
      </c>
      <c r="E1435" t="s">
        <v>115</v>
      </c>
      <c r="F1435">
        <v>2464</v>
      </c>
      <c r="G1435">
        <v>126.7930194805195</v>
      </c>
      <c r="H1435">
        <v>126</v>
      </c>
      <c r="I1435">
        <v>5423.8857304931271</v>
      </c>
      <c r="J1435">
        <v>73.647034770539989</v>
      </c>
      <c r="K1435">
        <v>2.8723841408786858E-2</v>
      </c>
      <c r="L1435">
        <v>-1.17824303873805</v>
      </c>
      <c r="M1435">
        <v>7.9277200245334623</v>
      </c>
      <c r="N1435">
        <v>19</v>
      </c>
      <c r="O1435">
        <v>2</v>
      </c>
      <c r="P1435">
        <v>17</v>
      </c>
      <c r="Q1435">
        <v>3.0103986446980739</v>
      </c>
      <c r="R1435">
        <v>5.4950767832740004</v>
      </c>
      <c r="S1435">
        <v>2</v>
      </c>
      <c r="T1435">
        <v>1</v>
      </c>
      <c r="U1435">
        <v>1</v>
      </c>
      <c r="V1435">
        <v>0.1225513614754441</v>
      </c>
      <c r="W1435">
        <v>7.7883100260696114</v>
      </c>
      <c r="X1435">
        <v>1</v>
      </c>
      <c r="Y1435">
        <v>1</v>
      </c>
      <c r="Z1435">
        <v>0</v>
      </c>
      <c r="AA1435">
        <v>0</v>
      </c>
      <c r="AB1435">
        <v>7.8087293067444019</v>
      </c>
      <c r="AC1435">
        <v>1</v>
      </c>
      <c r="AD1435">
        <v>1</v>
      </c>
      <c r="AE1435">
        <v>0</v>
      </c>
      <c r="AF1435">
        <v>0</v>
      </c>
      <c r="AG1435">
        <v>7.8083230503910546</v>
      </c>
      <c r="AH1435">
        <v>2.8764056229975878E-3</v>
      </c>
      <c r="AI1435">
        <v>-2.4910923775130548E-4</v>
      </c>
      <c r="AJ1435">
        <v>-3.4773642710695073E-2</v>
      </c>
      <c r="AK1435">
        <v>3.4105534150569182E-2</v>
      </c>
      <c r="AL1435">
        <v>3380.6239405615129</v>
      </c>
      <c r="AM1435">
        <v>6445.7938046839772</v>
      </c>
      <c r="AN1435">
        <v>312418</v>
      </c>
      <c r="AO1435">
        <v>80.033296247105937</v>
      </c>
      <c r="AP1435">
        <v>3069.010112479315</v>
      </c>
      <c r="AQ1435">
        <v>1.0093344155844159</v>
      </c>
      <c r="AR1435">
        <v>4.0040584415584419</v>
      </c>
      <c r="AS1435">
        <v>2452</v>
      </c>
      <c r="AT1435">
        <v>241.03896103896099</v>
      </c>
      <c r="AU1435">
        <v>1.769957983193271E-2</v>
      </c>
      <c r="AV1435">
        <v>2.8773999961243242E-3</v>
      </c>
      <c r="AW1435">
        <v>0.37459415584415579</v>
      </c>
      <c r="AX1435">
        <v>85.239139261063741</v>
      </c>
      <c r="AY1435">
        <v>62</v>
      </c>
      <c r="AZ1435">
        <v>124</v>
      </c>
      <c r="BA1435">
        <v>0.58084455336955787</v>
      </c>
      <c r="BB1435">
        <v>0.49837662337662342</v>
      </c>
      <c r="BC1435">
        <v>5.298150207795377</v>
      </c>
      <c r="BD1435" t="s">
        <v>5514</v>
      </c>
      <c r="BE1435" t="s">
        <v>62</v>
      </c>
    </row>
    <row r="1436" spans="1:57" x14ac:dyDescent="0.3">
      <c r="A1436" t="s">
        <v>5515</v>
      </c>
      <c r="B1436">
        <v>1357</v>
      </c>
      <c r="C1436" t="s">
        <v>5516</v>
      </c>
      <c r="D1436" t="s">
        <v>5517</v>
      </c>
      <c r="E1436" t="s">
        <v>106</v>
      </c>
      <c r="F1436">
        <v>1379</v>
      </c>
      <c r="G1436">
        <v>127.1718636693256</v>
      </c>
      <c r="H1436">
        <v>127</v>
      </c>
      <c r="I1436">
        <v>5668.9980190793112</v>
      </c>
      <c r="J1436">
        <v>75.292748781534812</v>
      </c>
      <c r="K1436">
        <v>2.945471577885066E-3</v>
      </c>
      <c r="L1436">
        <v>-1.240799142252474</v>
      </c>
      <c r="M1436">
        <v>7.8528357045756367</v>
      </c>
      <c r="N1436">
        <v>14</v>
      </c>
      <c r="O1436">
        <v>1</v>
      </c>
      <c r="P1436">
        <v>13</v>
      </c>
      <c r="Q1436">
        <v>2.3574307748899939</v>
      </c>
      <c r="R1436">
        <v>5.4431709280270733</v>
      </c>
      <c r="S1436">
        <v>2</v>
      </c>
      <c r="T1436">
        <v>1</v>
      </c>
      <c r="U1436">
        <v>1</v>
      </c>
      <c r="V1436">
        <v>9.3314526319930827E-2</v>
      </c>
      <c r="W1436">
        <v>7.2163162220137789</v>
      </c>
      <c r="X1436">
        <v>1</v>
      </c>
      <c r="Y1436">
        <v>1</v>
      </c>
      <c r="Z1436">
        <v>0</v>
      </c>
      <c r="AA1436">
        <v>0</v>
      </c>
      <c r="AB1436">
        <v>7.2276624987286553</v>
      </c>
      <c r="AC1436">
        <v>1</v>
      </c>
      <c r="AD1436">
        <v>1</v>
      </c>
      <c r="AE1436">
        <v>0</v>
      </c>
      <c r="AF1436">
        <v>0</v>
      </c>
      <c r="AG1436">
        <v>7.2269360184932907</v>
      </c>
      <c r="AH1436">
        <v>4.2369916145160828E-2</v>
      </c>
      <c r="AI1436">
        <v>3.1034861104163161E-2</v>
      </c>
      <c r="AJ1436">
        <v>-5.8339438275095648E-2</v>
      </c>
      <c r="AK1436">
        <v>-2.737521010304287E-2</v>
      </c>
      <c r="AL1436">
        <v>2600.4220035869621</v>
      </c>
      <c r="AM1436">
        <v>4832.958038640596</v>
      </c>
      <c r="AN1436">
        <v>175369.99999999991</v>
      </c>
      <c r="AO1436">
        <v>69.066601305495112</v>
      </c>
      <c r="AP1436">
        <v>2280.8540369622851</v>
      </c>
      <c r="AQ1436">
        <v>1.0166787527193619</v>
      </c>
      <c r="AR1436">
        <v>3.9361856417693981</v>
      </c>
      <c r="AS1436">
        <v>1373</v>
      </c>
      <c r="AT1436">
        <v>264.11530094271211</v>
      </c>
      <c r="AU1436">
        <v>2.3654537957314911E-2</v>
      </c>
      <c r="AV1436">
        <v>4.2377687280692723E-2</v>
      </c>
      <c r="AW1436">
        <v>0.35823060188542422</v>
      </c>
      <c r="AX1436">
        <v>85.03193033381713</v>
      </c>
      <c r="AY1436">
        <v>66</v>
      </c>
      <c r="AZ1436">
        <v>132</v>
      </c>
      <c r="BA1436">
        <v>0.59205508678643159</v>
      </c>
      <c r="BB1436">
        <v>0.49746192893401009</v>
      </c>
      <c r="BC1436">
        <v>5.2652357946592456</v>
      </c>
      <c r="BD1436" t="s">
        <v>5518</v>
      </c>
      <c r="BE1436" t="s">
        <v>68</v>
      </c>
    </row>
    <row r="1437" spans="1:57" x14ac:dyDescent="0.3">
      <c r="A1437" t="s">
        <v>5519</v>
      </c>
      <c r="B1437">
        <v>1183</v>
      </c>
      <c r="C1437" t="s">
        <v>5520</v>
      </c>
      <c r="D1437" t="s">
        <v>5521</v>
      </c>
      <c r="E1437" t="s">
        <v>98</v>
      </c>
      <c r="F1437">
        <v>16</v>
      </c>
      <c r="G1437">
        <v>107.875</v>
      </c>
      <c r="H1437">
        <v>127</v>
      </c>
      <c r="I1437">
        <v>5441.734375</v>
      </c>
      <c r="J1437">
        <v>73.768112182703987</v>
      </c>
      <c r="K1437">
        <v>-0.14541603942604719</v>
      </c>
      <c r="L1437">
        <v>-1.485234704945914</v>
      </c>
      <c r="M1437">
        <v>3.875</v>
      </c>
      <c r="N1437">
        <v>2</v>
      </c>
      <c r="O1437">
        <v>1</v>
      </c>
      <c r="P1437">
        <v>1</v>
      </c>
      <c r="Q1437">
        <v>0.24944382578492941</v>
      </c>
      <c r="R1437">
        <v>2.6859453246697882</v>
      </c>
      <c r="S1437">
        <v>1</v>
      </c>
      <c r="T1437">
        <v>1</v>
      </c>
      <c r="U1437">
        <v>0</v>
      </c>
      <c r="V1437">
        <v>0</v>
      </c>
      <c r="W1437">
        <v>2.7080502011022101</v>
      </c>
      <c r="X1437">
        <v>1</v>
      </c>
      <c r="Y1437">
        <v>1</v>
      </c>
      <c r="Z1437">
        <v>0</v>
      </c>
      <c r="AA1437">
        <v>0</v>
      </c>
      <c r="AB1437">
        <v>2.639057329615258</v>
      </c>
      <c r="AC1437">
        <v>1</v>
      </c>
      <c r="AD1437">
        <v>1</v>
      </c>
      <c r="AE1437">
        <v>0</v>
      </c>
      <c r="AF1437">
        <v>0</v>
      </c>
      <c r="AG1437">
        <v>2.5649493574615372</v>
      </c>
      <c r="AH1437">
        <v>0.30242953763017882</v>
      </c>
      <c r="AI1437">
        <v>7.8164346155723555E-2</v>
      </c>
      <c r="AJ1437">
        <v>-0.37852509252851951</v>
      </c>
      <c r="AK1437">
        <v>2.6154201756677991E-3</v>
      </c>
      <c r="AL1437">
        <v>353.68874437241749</v>
      </c>
      <c r="AM1437">
        <v>384.92112452327513</v>
      </c>
      <c r="AN1437">
        <v>1726</v>
      </c>
      <c r="AO1437">
        <v>55.803225713214808</v>
      </c>
      <c r="AP1437">
        <v>314.496682997167</v>
      </c>
      <c r="AQ1437">
        <v>2.3125</v>
      </c>
      <c r="AR1437">
        <v>3.4375</v>
      </c>
      <c r="AS1437">
        <v>16</v>
      </c>
      <c r="AT1437">
        <v>0.875</v>
      </c>
      <c r="AU1437">
        <v>0.2283333333333333</v>
      </c>
      <c r="AV1437">
        <v>0.33747182766069539</v>
      </c>
      <c r="AW1437">
        <v>0.25</v>
      </c>
      <c r="AX1437">
        <v>54.733333333333327</v>
      </c>
      <c r="AY1437">
        <v>59.5</v>
      </c>
      <c r="AZ1437">
        <v>135</v>
      </c>
      <c r="BA1437">
        <v>0.68382954514673455</v>
      </c>
      <c r="BB1437">
        <v>0.5</v>
      </c>
      <c r="BC1437">
        <v>2.523210952952891</v>
      </c>
      <c r="BD1437" t="s">
        <v>5520</v>
      </c>
      <c r="BE1437" t="s">
        <v>62</v>
      </c>
    </row>
    <row r="1438" spans="1:57" x14ac:dyDescent="0.3">
      <c r="A1438" t="s">
        <v>5522</v>
      </c>
      <c r="B1438">
        <v>1905</v>
      </c>
      <c r="C1438" t="s">
        <v>5523</v>
      </c>
      <c r="D1438" t="s">
        <v>5524</v>
      </c>
      <c r="E1438" t="s">
        <v>128</v>
      </c>
      <c r="F1438">
        <v>32</v>
      </c>
      <c r="G1438">
        <v>128.90625</v>
      </c>
      <c r="H1438">
        <v>123.5</v>
      </c>
      <c r="I1438">
        <v>6537.3974609375</v>
      </c>
      <c r="J1438">
        <v>80.854174047710728</v>
      </c>
      <c r="K1438">
        <v>0.1192863048332041</v>
      </c>
      <c r="L1438">
        <v>-1.3208490284848351</v>
      </c>
      <c r="M1438">
        <v>4.9375</v>
      </c>
      <c r="N1438">
        <v>2</v>
      </c>
      <c r="O1438">
        <v>1</v>
      </c>
      <c r="P1438">
        <v>1</v>
      </c>
      <c r="Q1438">
        <v>0.1766846959694085</v>
      </c>
      <c r="R1438">
        <v>3.422414204014729</v>
      </c>
      <c r="S1438">
        <v>1</v>
      </c>
      <c r="T1438">
        <v>1</v>
      </c>
      <c r="U1438">
        <v>0</v>
      </c>
      <c r="V1438">
        <v>0</v>
      </c>
      <c r="W1438">
        <v>3.4339872044851458</v>
      </c>
      <c r="X1438">
        <v>1</v>
      </c>
      <c r="Y1438">
        <v>1</v>
      </c>
      <c r="Z1438">
        <v>0</v>
      </c>
      <c r="AA1438">
        <v>0</v>
      </c>
      <c r="AB1438">
        <v>3.401197381662155</v>
      </c>
      <c r="AC1438">
        <v>1</v>
      </c>
      <c r="AD1438">
        <v>1</v>
      </c>
      <c r="AE1438">
        <v>0</v>
      </c>
      <c r="AF1438">
        <v>0</v>
      </c>
      <c r="AG1438">
        <v>3.3672958299864728</v>
      </c>
      <c r="AH1438">
        <v>-6.5731683657502399E-2</v>
      </c>
      <c r="AI1438">
        <v>-0.29530974695617679</v>
      </c>
      <c r="AJ1438">
        <v>-0.1739460848752557</v>
      </c>
      <c r="AK1438">
        <v>-0.14001949607837719</v>
      </c>
      <c r="AL1438">
        <v>541.1494533171541</v>
      </c>
      <c r="AM1438">
        <v>669.39694440185883</v>
      </c>
      <c r="AN1438">
        <v>4125</v>
      </c>
      <c r="AO1438">
        <v>90.884024877715461</v>
      </c>
      <c r="AP1438">
        <v>466.81879730631471</v>
      </c>
      <c r="AQ1438">
        <v>1.71875</v>
      </c>
      <c r="AR1438">
        <v>3.90625</v>
      </c>
      <c r="AS1438">
        <v>32</v>
      </c>
      <c r="AT1438">
        <v>0.93749999999999978</v>
      </c>
      <c r="AU1438">
        <v>0.13179347826086951</v>
      </c>
      <c r="AV1438">
        <v>-7.2518435796875946E-2</v>
      </c>
      <c r="AW1438">
        <v>0.375</v>
      </c>
      <c r="AX1438">
        <v>97.032258064516128</v>
      </c>
      <c r="AY1438">
        <v>67</v>
      </c>
      <c r="AZ1438">
        <v>132.5</v>
      </c>
      <c r="BA1438">
        <v>0.62723238049133168</v>
      </c>
      <c r="BB1438">
        <v>0.5</v>
      </c>
      <c r="BC1438">
        <v>3.3445488586064429</v>
      </c>
      <c r="BD1438" t="s">
        <v>5525</v>
      </c>
      <c r="BE1438" t="s">
        <v>62</v>
      </c>
    </row>
    <row r="1439" spans="1:57" x14ac:dyDescent="0.3">
      <c r="A1439" t="s">
        <v>5526</v>
      </c>
      <c r="B1439">
        <v>2362</v>
      </c>
      <c r="C1439" t="s">
        <v>5527</v>
      </c>
      <c r="D1439" t="s">
        <v>5528</v>
      </c>
      <c r="E1439" t="s">
        <v>128</v>
      </c>
      <c r="F1439">
        <v>32</v>
      </c>
      <c r="G1439">
        <v>135.5</v>
      </c>
      <c r="H1439">
        <v>136.5</v>
      </c>
      <c r="I1439">
        <v>5837.3125</v>
      </c>
      <c r="J1439">
        <v>76.40230690234425</v>
      </c>
      <c r="K1439">
        <v>-7.9340755619561859E-2</v>
      </c>
      <c r="L1439">
        <v>-1.185518061508376</v>
      </c>
      <c r="M1439">
        <v>4.601409765557392</v>
      </c>
      <c r="N1439">
        <v>3</v>
      </c>
      <c r="O1439">
        <v>1</v>
      </c>
      <c r="P1439">
        <v>2</v>
      </c>
      <c r="Q1439">
        <v>0.50441834802323082</v>
      </c>
      <c r="R1439">
        <v>3.1894542055971051</v>
      </c>
      <c r="S1439">
        <v>2</v>
      </c>
      <c r="T1439">
        <v>1</v>
      </c>
      <c r="U1439">
        <v>1</v>
      </c>
      <c r="V1439">
        <v>0.17950549357115009</v>
      </c>
      <c r="W1439">
        <v>3.3892680315457948</v>
      </c>
      <c r="X1439">
        <v>1</v>
      </c>
      <c r="Y1439">
        <v>1</v>
      </c>
      <c r="Z1439">
        <v>0</v>
      </c>
      <c r="AA1439">
        <v>0</v>
      </c>
      <c r="AB1439">
        <v>3.401197381662155</v>
      </c>
      <c r="AC1439">
        <v>1</v>
      </c>
      <c r="AD1439">
        <v>1</v>
      </c>
      <c r="AE1439">
        <v>0</v>
      </c>
      <c r="AF1439">
        <v>0</v>
      </c>
      <c r="AG1439">
        <v>3.3672958299864728</v>
      </c>
      <c r="AH1439">
        <v>-9.7446920136621089E-3</v>
      </c>
      <c r="AI1439">
        <v>4.0298403588980368E-2</v>
      </c>
      <c r="AJ1439">
        <v>6.086517768236667E-2</v>
      </c>
      <c r="AK1439">
        <v>-2.1435378010000321E-2</v>
      </c>
      <c r="AL1439">
        <v>522.21800747160262</v>
      </c>
      <c r="AM1439">
        <v>708.24455710749316</v>
      </c>
      <c r="AN1439">
        <v>4336</v>
      </c>
      <c r="AO1439">
        <v>172.04325469624709</v>
      </c>
      <c r="AP1439">
        <v>414.51076264888428</v>
      </c>
      <c r="AQ1439">
        <v>1.71875</v>
      </c>
      <c r="AR1439">
        <v>4.21875</v>
      </c>
      <c r="AS1439">
        <v>31</v>
      </c>
      <c r="AT1439">
        <v>5.375</v>
      </c>
      <c r="AU1439">
        <v>0.1072134387351779</v>
      </c>
      <c r="AV1439">
        <v>-9.6044589811020483E-3</v>
      </c>
      <c r="AW1439">
        <v>0.28125</v>
      </c>
      <c r="AX1439">
        <v>92.967741935483872</v>
      </c>
      <c r="AY1439">
        <v>60.5</v>
      </c>
      <c r="AZ1439">
        <v>118.5</v>
      </c>
      <c r="BA1439">
        <v>0.56385466348593538</v>
      </c>
      <c r="BB1439">
        <v>0.5</v>
      </c>
      <c r="BC1439">
        <v>3.1319142220900349</v>
      </c>
      <c r="BD1439" t="s">
        <v>5529</v>
      </c>
      <c r="BE1439" t="s">
        <v>62</v>
      </c>
    </row>
    <row r="1440" spans="1:57" x14ac:dyDescent="0.3">
      <c r="A1440" t="s">
        <v>5530</v>
      </c>
      <c r="B1440">
        <v>2745</v>
      </c>
      <c r="C1440" t="s">
        <v>5531</v>
      </c>
      <c r="D1440" t="s">
        <v>5532</v>
      </c>
      <c r="E1440" t="s">
        <v>85</v>
      </c>
      <c r="F1440">
        <v>8</v>
      </c>
      <c r="G1440">
        <v>91.625</v>
      </c>
      <c r="H1440">
        <v>79.5</v>
      </c>
      <c r="I1440">
        <v>5268.484375</v>
      </c>
      <c r="J1440">
        <v>72.584325959534823</v>
      </c>
      <c r="K1440">
        <v>1.172843130119315</v>
      </c>
      <c r="L1440">
        <v>0.42396917959255459</v>
      </c>
      <c r="M1440">
        <v>3</v>
      </c>
      <c r="N1440">
        <v>1</v>
      </c>
      <c r="O1440">
        <v>1</v>
      </c>
      <c r="P1440">
        <v>0</v>
      </c>
      <c r="Q1440">
        <v>0</v>
      </c>
      <c r="R1440">
        <v>2.0794415416798362</v>
      </c>
      <c r="S1440">
        <v>1</v>
      </c>
      <c r="T1440">
        <v>1</v>
      </c>
      <c r="U1440">
        <v>0</v>
      </c>
      <c r="V1440">
        <v>0</v>
      </c>
      <c r="W1440">
        <v>1.945910149055313</v>
      </c>
      <c r="X1440">
        <v>1</v>
      </c>
      <c r="Y1440">
        <v>1</v>
      </c>
      <c r="Z1440">
        <v>0</v>
      </c>
      <c r="AA1440">
        <v>0</v>
      </c>
      <c r="AB1440">
        <v>1.791759469228055</v>
      </c>
      <c r="AC1440">
        <v>1</v>
      </c>
      <c r="AD1440">
        <v>1</v>
      </c>
      <c r="AE1440">
        <v>0</v>
      </c>
      <c r="AF1440">
        <v>0</v>
      </c>
      <c r="AG1440">
        <v>1.6094379124341009</v>
      </c>
      <c r="AH1440">
        <v>-0.29968629794503282</v>
      </c>
      <c r="AI1440">
        <v>-9.9658790627048216E-2</v>
      </c>
      <c r="AJ1440">
        <v>-0.33881490170026368</v>
      </c>
      <c r="AK1440">
        <v>0</v>
      </c>
      <c r="AL1440">
        <v>272.11439776000088</v>
      </c>
      <c r="AM1440">
        <v>187.7837973087988</v>
      </c>
      <c r="AN1440">
        <v>733</v>
      </c>
      <c r="AO1440">
        <v>115.3499062711164</v>
      </c>
      <c r="AP1440">
        <v>227.55384238444361</v>
      </c>
      <c r="AQ1440">
        <v>3.5</v>
      </c>
      <c r="AR1440">
        <v>3.75</v>
      </c>
      <c r="AS1440">
        <v>8</v>
      </c>
      <c r="AT1440">
        <v>0</v>
      </c>
      <c r="AU1440">
        <v>0.44685039370078738</v>
      </c>
      <c r="AV1440">
        <v>-0.35596742296817052</v>
      </c>
      <c r="AW1440">
        <v>0.5</v>
      </c>
      <c r="AX1440">
        <v>86.714285714285708</v>
      </c>
      <c r="AY1440">
        <v>46.5</v>
      </c>
      <c r="AZ1440">
        <v>71</v>
      </c>
      <c r="BA1440">
        <v>0.792189096420571</v>
      </c>
      <c r="BB1440">
        <v>0.375</v>
      </c>
      <c r="BC1440">
        <v>1.945910149055313</v>
      </c>
      <c r="BD1440" t="s">
        <v>5531</v>
      </c>
      <c r="BE1440" t="s">
        <v>68</v>
      </c>
    </row>
    <row r="1441" spans="1:57" x14ac:dyDescent="0.3">
      <c r="A1441" t="s">
        <v>5533</v>
      </c>
      <c r="B1441">
        <v>1043</v>
      </c>
      <c r="C1441" t="s">
        <v>5534</v>
      </c>
      <c r="D1441" t="s">
        <v>5535</v>
      </c>
      <c r="E1441" t="s">
        <v>115</v>
      </c>
      <c r="F1441">
        <v>1102</v>
      </c>
      <c r="G1441">
        <v>128.5426497277677</v>
      </c>
      <c r="H1441">
        <v>130</v>
      </c>
      <c r="I1441">
        <v>5561.6220466994509</v>
      </c>
      <c r="J1441">
        <v>74.576283406317927</v>
      </c>
      <c r="K1441">
        <v>-1.6197933665135989E-2</v>
      </c>
      <c r="L1441">
        <v>-1.203203077305175</v>
      </c>
      <c r="M1441">
        <v>7.8233274617410107</v>
      </c>
      <c r="N1441">
        <v>11</v>
      </c>
      <c r="O1441">
        <v>1</v>
      </c>
      <c r="P1441">
        <v>10</v>
      </c>
      <c r="Q1441">
        <v>2.0245874633054122</v>
      </c>
      <c r="R1441">
        <v>5.4227173727029623</v>
      </c>
      <c r="S1441">
        <v>2</v>
      </c>
      <c r="T1441">
        <v>1</v>
      </c>
      <c r="U1441">
        <v>1</v>
      </c>
      <c r="V1441">
        <v>7.3820238823602627E-2</v>
      </c>
      <c r="W1441">
        <v>6.9964193990598993</v>
      </c>
      <c r="X1441">
        <v>1</v>
      </c>
      <c r="Y1441">
        <v>1</v>
      </c>
      <c r="Z1441">
        <v>0</v>
      </c>
      <c r="AA1441">
        <v>0</v>
      </c>
      <c r="AB1441">
        <v>7.0030654587864642</v>
      </c>
      <c r="AC1441">
        <v>1</v>
      </c>
      <c r="AD1441">
        <v>1</v>
      </c>
      <c r="AE1441">
        <v>0</v>
      </c>
      <c r="AF1441">
        <v>0</v>
      </c>
      <c r="AG1441">
        <v>7.002155954403622</v>
      </c>
      <c r="AH1441">
        <v>-1.9266601779514579E-2</v>
      </c>
      <c r="AI1441">
        <v>-7.9541870147098598E-3</v>
      </c>
      <c r="AJ1441">
        <v>-2.9107458211219829E-2</v>
      </c>
      <c r="AK1441">
        <v>-8.4584655422182699E-4</v>
      </c>
      <c r="AL1441">
        <v>2323.1224899949539</v>
      </c>
      <c r="AM1441">
        <v>4352.0788017313807</v>
      </c>
      <c r="AN1441">
        <v>141654</v>
      </c>
      <c r="AO1441">
        <v>59.4876760780935</v>
      </c>
      <c r="AP1441">
        <v>2089.073906856112</v>
      </c>
      <c r="AQ1441">
        <v>1.020871143375681</v>
      </c>
      <c r="AR1441">
        <v>3.9872958257713251</v>
      </c>
      <c r="AS1441">
        <v>1097</v>
      </c>
      <c r="AT1441">
        <v>236.20689655172421</v>
      </c>
      <c r="AU1441">
        <v>1.6486957759510371E-2</v>
      </c>
      <c r="AV1441">
        <v>-1.9296235660048931E-2</v>
      </c>
      <c r="AW1441">
        <v>0.35662431941923772</v>
      </c>
      <c r="AX1441">
        <v>87.102633969118983</v>
      </c>
      <c r="AY1441">
        <v>64</v>
      </c>
      <c r="AZ1441">
        <v>129</v>
      </c>
      <c r="BA1441">
        <v>0.58016762190804605</v>
      </c>
      <c r="BB1441">
        <v>0.50907441016333943</v>
      </c>
      <c r="BC1441">
        <v>5.2494070489249154</v>
      </c>
      <c r="BD1441" t="s">
        <v>5536</v>
      </c>
      <c r="BE1441" t="s">
        <v>68</v>
      </c>
    </row>
    <row r="1442" spans="1:57" x14ac:dyDescent="0.3">
      <c r="A1442" t="s">
        <v>5537</v>
      </c>
      <c r="B1442">
        <v>2866</v>
      </c>
      <c r="C1442" t="s">
        <v>5538</v>
      </c>
      <c r="D1442" t="s">
        <v>5539</v>
      </c>
      <c r="E1442" t="s">
        <v>93</v>
      </c>
      <c r="F1442">
        <v>2884</v>
      </c>
      <c r="G1442">
        <v>130.26213592233009</v>
      </c>
      <c r="H1442">
        <v>132</v>
      </c>
      <c r="I1442">
        <v>5568.8570822616921</v>
      </c>
      <c r="J1442">
        <v>74.624775257696371</v>
      </c>
      <c r="K1442">
        <v>-4.4514468633248969E-2</v>
      </c>
      <c r="L1442">
        <v>-1.219319167695887</v>
      </c>
      <c r="M1442">
        <v>7.9388105731564016</v>
      </c>
      <c r="N1442">
        <v>22</v>
      </c>
      <c r="O1442">
        <v>3</v>
      </c>
      <c r="P1442">
        <v>19</v>
      </c>
      <c r="Q1442">
        <v>3.255966578356571</v>
      </c>
      <c r="R1442">
        <v>5.5027641657828399</v>
      </c>
      <c r="S1442">
        <v>3</v>
      </c>
      <c r="T1442">
        <v>1</v>
      </c>
      <c r="U1442">
        <v>2</v>
      </c>
      <c r="V1442">
        <v>0.17085702281187551</v>
      </c>
      <c r="W1442">
        <v>7.9293160198651913</v>
      </c>
      <c r="X1442">
        <v>2</v>
      </c>
      <c r="Y1442">
        <v>1</v>
      </c>
      <c r="Z1442">
        <v>1</v>
      </c>
      <c r="AA1442">
        <v>2.6343162136653699E-2</v>
      </c>
      <c r="AB1442">
        <v>7.965277740222815</v>
      </c>
      <c r="AC1442">
        <v>1</v>
      </c>
      <c r="AD1442">
        <v>1</v>
      </c>
      <c r="AE1442">
        <v>0</v>
      </c>
      <c r="AF1442">
        <v>0</v>
      </c>
      <c r="AG1442">
        <v>7.9658927350845294</v>
      </c>
      <c r="AH1442">
        <v>2.0953603724506469E-4</v>
      </c>
      <c r="AI1442">
        <v>-2.5861447970007841E-2</v>
      </c>
      <c r="AJ1442">
        <v>1.2610706379857719E-2</v>
      </c>
      <c r="AK1442">
        <v>-5.2937143747831591E-3</v>
      </c>
      <c r="AL1442">
        <v>3686.3574578957109</v>
      </c>
      <c r="AM1442">
        <v>7169.9170631616571</v>
      </c>
      <c r="AN1442">
        <v>375676</v>
      </c>
      <c r="AO1442">
        <v>75.466983371270743</v>
      </c>
      <c r="AP1442">
        <v>3319.489723934731</v>
      </c>
      <c r="AQ1442">
        <v>1.0079750346740639</v>
      </c>
      <c r="AR1442">
        <v>4.0804438280166444</v>
      </c>
      <c r="AS1442">
        <v>2868</v>
      </c>
      <c r="AT1442">
        <v>240.90429958391121</v>
      </c>
      <c r="AU1442">
        <v>2.809279051426394E-2</v>
      </c>
      <c r="AV1442">
        <v>2.09492091393227E-4</v>
      </c>
      <c r="AW1442">
        <v>0.36269070735090148</v>
      </c>
      <c r="AX1442">
        <v>86.111342351716957</v>
      </c>
      <c r="AY1442">
        <v>65</v>
      </c>
      <c r="AZ1442">
        <v>131</v>
      </c>
      <c r="BA1442">
        <v>0.57288155709493382</v>
      </c>
      <c r="BB1442">
        <v>0.50450762829403606</v>
      </c>
      <c r="BC1442">
        <v>5.3255112809456513</v>
      </c>
      <c r="BD1442" t="s">
        <v>5540</v>
      </c>
      <c r="BE1442" t="s">
        <v>68</v>
      </c>
    </row>
    <row r="1443" spans="1:57" x14ac:dyDescent="0.3">
      <c r="A1443" t="s">
        <v>5541</v>
      </c>
      <c r="B1443">
        <v>704</v>
      </c>
      <c r="C1443" t="s">
        <v>5542</v>
      </c>
      <c r="D1443" t="s">
        <v>5543</v>
      </c>
      <c r="E1443" t="s">
        <v>106</v>
      </c>
      <c r="F1443">
        <v>708</v>
      </c>
      <c r="G1443">
        <v>133.93220338983051</v>
      </c>
      <c r="H1443">
        <v>132.5</v>
      </c>
      <c r="I1443">
        <v>5145.8428612467687</v>
      </c>
      <c r="J1443">
        <v>71.734530466482937</v>
      </c>
      <c r="K1443">
        <v>-7.5441948319646457E-2</v>
      </c>
      <c r="L1443">
        <v>-1.1572920119534491</v>
      </c>
      <c r="M1443">
        <v>7.7025760692104157</v>
      </c>
      <c r="N1443">
        <v>10</v>
      </c>
      <c r="O1443">
        <v>1</v>
      </c>
      <c r="P1443">
        <v>9</v>
      </c>
      <c r="Q1443">
        <v>1.6271380955269019</v>
      </c>
      <c r="R1443">
        <v>5.3390188854217024</v>
      </c>
      <c r="S1443">
        <v>2</v>
      </c>
      <c r="T1443">
        <v>1</v>
      </c>
      <c r="U1443">
        <v>1</v>
      </c>
      <c r="V1443">
        <v>0.1128172327943268</v>
      </c>
      <c r="W1443">
        <v>6.5433833543688804</v>
      </c>
      <c r="X1443">
        <v>1</v>
      </c>
      <c r="Y1443">
        <v>1</v>
      </c>
      <c r="Z1443">
        <v>0</v>
      </c>
      <c r="AA1443">
        <v>0</v>
      </c>
      <c r="AB1443">
        <v>6.559615237493241</v>
      </c>
      <c r="AC1443">
        <v>1</v>
      </c>
      <c r="AD1443">
        <v>1</v>
      </c>
      <c r="AE1443">
        <v>0</v>
      </c>
      <c r="AF1443">
        <v>0</v>
      </c>
      <c r="AG1443">
        <v>6.5581978028122698</v>
      </c>
      <c r="AH1443">
        <v>-3.5601701785210549E-2</v>
      </c>
      <c r="AI1443">
        <v>-4.7201321953632608E-2</v>
      </c>
      <c r="AJ1443">
        <v>2.7669970732592052E-2</v>
      </c>
      <c r="AK1443">
        <v>3.5767813253653052E-2</v>
      </c>
      <c r="AL1443">
        <v>1829.5707407818691</v>
      </c>
      <c r="AM1443">
        <v>3604.9847301306122</v>
      </c>
      <c r="AN1443">
        <v>94824</v>
      </c>
      <c r="AO1443">
        <v>114.5200634667255</v>
      </c>
      <c r="AP1443">
        <v>1625.5598789239759</v>
      </c>
      <c r="AQ1443">
        <v>1.032485875706215</v>
      </c>
      <c r="AR1443">
        <v>4.1313559322033901</v>
      </c>
      <c r="AS1443">
        <v>705</v>
      </c>
      <c r="AT1443">
        <v>217.19491525423729</v>
      </c>
      <c r="AU1443">
        <v>5.2558989697573888E-2</v>
      </c>
      <c r="AV1443">
        <v>-3.5689881766420468E-2</v>
      </c>
      <c r="AW1443">
        <v>0.37146892655367231</v>
      </c>
      <c r="AX1443">
        <v>84.15983026874116</v>
      </c>
      <c r="AY1443">
        <v>60.5</v>
      </c>
      <c r="AZ1443">
        <v>122</v>
      </c>
      <c r="BA1443">
        <v>0.53560330264774658</v>
      </c>
      <c r="BB1443">
        <v>0.49293785310734461</v>
      </c>
      <c r="BC1443">
        <v>5.1721071040212081</v>
      </c>
      <c r="BD1443" t="s">
        <v>5544</v>
      </c>
      <c r="BE1443" t="s">
        <v>68</v>
      </c>
    </row>
    <row r="1444" spans="1:57" x14ac:dyDescent="0.3">
      <c r="A1444" t="s">
        <v>5545</v>
      </c>
      <c r="B1444">
        <v>2823</v>
      </c>
      <c r="C1444" t="s">
        <v>5546</v>
      </c>
      <c r="D1444" t="s">
        <v>5547</v>
      </c>
      <c r="E1444" t="s">
        <v>93</v>
      </c>
      <c r="F1444">
        <v>2824</v>
      </c>
      <c r="G1444">
        <v>127.2857648725212</v>
      </c>
      <c r="H1444">
        <v>129</v>
      </c>
      <c r="I1444">
        <v>5330.9795990608618</v>
      </c>
      <c r="J1444">
        <v>73.013557638707496</v>
      </c>
      <c r="K1444">
        <v>-1.414790219992039E-2</v>
      </c>
      <c r="L1444">
        <v>-1.1567766234954791</v>
      </c>
      <c r="M1444">
        <v>7.9257128414037439</v>
      </c>
      <c r="N1444">
        <v>21</v>
      </c>
      <c r="O1444">
        <v>3</v>
      </c>
      <c r="P1444">
        <v>18</v>
      </c>
      <c r="Q1444">
        <v>3.4841998274352748</v>
      </c>
      <c r="R1444">
        <v>5.4936855099467632</v>
      </c>
      <c r="S1444">
        <v>2</v>
      </c>
      <c r="T1444">
        <v>1</v>
      </c>
      <c r="U1444">
        <v>1</v>
      </c>
      <c r="V1444">
        <v>0.1356968448604135</v>
      </c>
      <c r="W1444">
        <v>7.9200197191574082</v>
      </c>
      <c r="X1444">
        <v>1</v>
      </c>
      <c r="Y1444">
        <v>1</v>
      </c>
      <c r="Z1444">
        <v>0</v>
      </c>
      <c r="AA1444">
        <v>0</v>
      </c>
      <c r="AB1444">
        <v>7.9452011324127589</v>
      </c>
      <c r="AC1444">
        <v>1</v>
      </c>
      <c r="AD1444">
        <v>1</v>
      </c>
      <c r="AE1444">
        <v>0</v>
      </c>
      <c r="AF1444">
        <v>0</v>
      </c>
      <c r="AG1444">
        <v>7.9448467110019969</v>
      </c>
      <c r="AH1444">
        <v>-7.6847341506047781E-3</v>
      </c>
      <c r="AI1444">
        <v>-2.1396910553790109E-2</v>
      </c>
      <c r="AJ1444">
        <v>2.994789165457187E-2</v>
      </c>
      <c r="AK1444">
        <v>2.4023007274499259E-2</v>
      </c>
      <c r="AL1444">
        <v>3551.6298190447751</v>
      </c>
      <c r="AM1444">
        <v>6942.1982562061676</v>
      </c>
      <c r="AN1444">
        <v>359455</v>
      </c>
      <c r="AO1444">
        <v>95.246420653036353</v>
      </c>
      <c r="AP1444">
        <v>3220.1285408044091</v>
      </c>
      <c r="AQ1444">
        <v>1.0081444759206799</v>
      </c>
      <c r="AR1444">
        <v>4.0007082152974496</v>
      </c>
      <c r="AS1444">
        <v>2810</v>
      </c>
      <c r="AT1444">
        <v>281.72237960339942</v>
      </c>
      <c r="AU1444">
        <v>1.4816974948619671E-2</v>
      </c>
      <c r="AV1444">
        <v>-7.6880051385334039E-3</v>
      </c>
      <c r="AW1444">
        <v>0.36614730878186968</v>
      </c>
      <c r="AX1444">
        <v>84.704215373715911</v>
      </c>
      <c r="AY1444">
        <v>62</v>
      </c>
      <c r="AZ1444">
        <v>125</v>
      </c>
      <c r="BA1444">
        <v>0.57361919230977443</v>
      </c>
      <c r="BB1444">
        <v>0.50566572237960339</v>
      </c>
      <c r="BC1444">
        <v>5.3006669388450636</v>
      </c>
      <c r="BD1444" t="s">
        <v>5548</v>
      </c>
      <c r="BE1444" t="s">
        <v>68</v>
      </c>
    </row>
    <row r="1445" spans="1:57" x14ac:dyDescent="0.3">
      <c r="A1445" t="s">
        <v>5549</v>
      </c>
      <c r="B1445">
        <v>1124</v>
      </c>
      <c r="C1445" t="s">
        <v>5550</v>
      </c>
      <c r="D1445" t="s">
        <v>5551</v>
      </c>
      <c r="E1445" t="s">
        <v>72</v>
      </c>
      <c r="F1445">
        <v>1128</v>
      </c>
      <c r="G1445">
        <v>124.1950354609929</v>
      </c>
      <c r="H1445">
        <v>124</v>
      </c>
      <c r="I1445">
        <v>5583.3147980483882</v>
      </c>
      <c r="J1445">
        <v>74.721581875977364</v>
      </c>
      <c r="K1445">
        <v>2.8919272432157622E-2</v>
      </c>
      <c r="L1445">
        <v>-1.255827593077405</v>
      </c>
      <c r="M1445">
        <v>7.8467036408225272</v>
      </c>
      <c r="N1445">
        <v>11</v>
      </c>
      <c r="O1445">
        <v>1</v>
      </c>
      <c r="P1445">
        <v>10</v>
      </c>
      <c r="Q1445">
        <v>1.9626500927037021</v>
      </c>
      <c r="R1445">
        <v>5.4389205053256067</v>
      </c>
      <c r="S1445">
        <v>2</v>
      </c>
      <c r="T1445">
        <v>1</v>
      </c>
      <c r="U1445">
        <v>1</v>
      </c>
      <c r="V1445">
        <v>5.9575168953438042E-2</v>
      </c>
      <c r="W1445">
        <v>7.0223942146214284</v>
      </c>
      <c r="X1445">
        <v>1</v>
      </c>
      <c r="Y1445">
        <v>1</v>
      </c>
      <c r="Z1445">
        <v>0</v>
      </c>
      <c r="AA1445">
        <v>0</v>
      </c>
      <c r="AB1445">
        <v>7.0264268086996378</v>
      </c>
      <c r="AC1445">
        <v>1</v>
      </c>
      <c r="AD1445">
        <v>1</v>
      </c>
      <c r="AE1445">
        <v>0</v>
      </c>
      <c r="AF1445">
        <v>0</v>
      </c>
      <c r="AG1445">
        <v>7.0255383146385206</v>
      </c>
      <c r="AH1445">
        <v>-1.1503426479616901E-2</v>
      </c>
      <c r="AI1445">
        <v>1.6406804411970319E-2</v>
      </c>
      <c r="AJ1445">
        <v>1.8196856175163249E-2</v>
      </c>
      <c r="AK1445">
        <v>-1.7301883678827311E-2</v>
      </c>
      <c r="AL1445">
        <v>2356.6723929826112</v>
      </c>
      <c r="AM1445">
        <v>4259.4371966438957</v>
      </c>
      <c r="AN1445">
        <v>140092</v>
      </c>
      <c r="AO1445">
        <v>150.67764503257561</v>
      </c>
      <c r="AP1445">
        <v>2093.8482461730032</v>
      </c>
      <c r="AQ1445">
        <v>1.020390070921986</v>
      </c>
      <c r="AR1445">
        <v>3.9033687943262412</v>
      </c>
      <c r="AS1445">
        <v>1126</v>
      </c>
      <c r="AT1445">
        <v>222.05319148936169</v>
      </c>
      <c r="AU1445">
        <v>3.2373800584063417E-2</v>
      </c>
      <c r="AV1445">
        <v>-1.151622458478657E-2</v>
      </c>
      <c r="AW1445">
        <v>0.36170212765957449</v>
      </c>
      <c r="AX1445">
        <v>86.74977817213842</v>
      </c>
      <c r="AY1445">
        <v>66</v>
      </c>
      <c r="AZ1445">
        <v>132</v>
      </c>
      <c r="BA1445">
        <v>0.60164709159768193</v>
      </c>
      <c r="BB1445">
        <v>0.49822695035461001</v>
      </c>
      <c r="BC1445">
        <v>5.2357949120025769</v>
      </c>
      <c r="BD1445" t="s">
        <v>5552</v>
      </c>
      <c r="BE1445" t="s">
        <v>68</v>
      </c>
    </row>
    <row r="1446" spans="1:57" x14ac:dyDescent="0.3">
      <c r="A1446" t="s">
        <v>5553</v>
      </c>
      <c r="B1446">
        <v>628</v>
      </c>
      <c r="C1446" t="s">
        <v>5554</v>
      </c>
      <c r="D1446" t="s">
        <v>5555</v>
      </c>
      <c r="E1446" t="s">
        <v>66</v>
      </c>
      <c r="F1446">
        <v>71</v>
      </c>
      <c r="G1446">
        <v>109.07042253521131</v>
      </c>
      <c r="H1446">
        <v>97</v>
      </c>
      <c r="I1446">
        <v>5292.9950406665348</v>
      </c>
      <c r="J1446">
        <v>72.752972727350013</v>
      </c>
      <c r="K1446">
        <v>0.149739805354625</v>
      </c>
      <c r="L1446">
        <v>-1.135796321598058</v>
      </c>
      <c r="M1446">
        <v>5.7553809223215806</v>
      </c>
      <c r="N1446">
        <v>4</v>
      </c>
      <c r="O1446">
        <v>1</v>
      </c>
      <c r="P1446">
        <v>3</v>
      </c>
      <c r="Q1446">
        <v>0.52663877066556086</v>
      </c>
      <c r="R1446">
        <v>3.9893260593557041</v>
      </c>
      <c r="S1446">
        <v>1</v>
      </c>
      <c r="T1446">
        <v>1</v>
      </c>
      <c r="U1446">
        <v>0</v>
      </c>
      <c r="V1446">
        <v>0</v>
      </c>
      <c r="W1446">
        <v>4.2484952420493576</v>
      </c>
      <c r="X1446">
        <v>1</v>
      </c>
      <c r="Y1446">
        <v>1</v>
      </c>
      <c r="Z1446">
        <v>0</v>
      </c>
      <c r="AA1446">
        <v>0</v>
      </c>
      <c r="AB1446">
        <v>4.2341065045972579</v>
      </c>
      <c r="AC1446">
        <v>1</v>
      </c>
      <c r="AD1446">
        <v>1</v>
      </c>
      <c r="AE1446">
        <v>0</v>
      </c>
      <c r="AF1446">
        <v>0</v>
      </c>
      <c r="AG1446">
        <v>4.2195077051761087</v>
      </c>
      <c r="AH1446">
        <v>0.1106382945636331</v>
      </c>
      <c r="AI1446">
        <v>4.6877702507573588E-2</v>
      </c>
      <c r="AJ1446">
        <v>-5.9934355737038078E-2</v>
      </c>
      <c r="AK1446">
        <v>-5.4943826566699633E-2</v>
      </c>
      <c r="AL1446">
        <v>626.68800487410817</v>
      </c>
      <c r="AM1446">
        <v>909.7835701676031</v>
      </c>
      <c r="AN1446">
        <v>7744</v>
      </c>
      <c r="AO1446">
        <v>13.46706776572757</v>
      </c>
      <c r="AP1446">
        <v>454.28363139035872</v>
      </c>
      <c r="AQ1446">
        <v>1.323943661971831</v>
      </c>
      <c r="AR1446">
        <v>3.535211267605634</v>
      </c>
      <c r="AS1446">
        <v>70</v>
      </c>
      <c r="AT1446">
        <v>13.140845070422539</v>
      </c>
      <c r="AU1446">
        <v>0.10354175260769639</v>
      </c>
      <c r="AV1446">
        <v>0.11255497480671239</v>
      </c>
      <c r="AW1446">
        <v>0.42253521126760563</v>
      </c>
      <c r="AX1446">
        <v>77.385714285714286</v>
      </c>
      <c r="AY1446">
        <v>64</v>
      </c>
      <c r="AZ1446">
        <v>116.5</v>
      </c>
      <c r="BA1446">
        <v>0.66702751338350352</v>
      </c>
      <c r="BB1446">
        <v>0.47887323943661969</v>
      </c>
      <c r="BC1446">
        <v>3.8845445757076091</v>
      </c>
      <c r="BD1446" t="s">
        <v>5556</v>
      </c>
      <c r="BE1446" t="s">
        <v>68</v>
      </c>
    </row>
    <row r="1447" spans="1:57" x14ac:dyDescent="0.3">
      <c r="A1447" t="s">
        <v>5557</v>
      </c>
      <c r="B1447">
        <v>2948</v>
      </c>
      <c r="C1447" t="s">
        <v>5558</v>
      </c>
      <c r="D1447" t="s">
        <v>5559</v>
      </c>
      <c r="E1447" t="s">
        <v>72</v>
      </c>
      <c r="F1447">
        <v>2952</v>
      </c>
      <c r="G1447">
        <v>128.86856368563679</v>
      </c>
      <c r="H1447">
        <v>129</v>
      </c>
      <c r="I1447">
        <v>5602.0979006470279</v>
      </c>
      <c r="J1447">
        <v>74.847163611235317</v>
      </c>
      <c r="K1447">
        <v>-3.1494418306000263E-2</v>
      </c>
      <c r="L1447">
        <v>-1.24470776697774</v>
      </c>
      <c r="M1447">
        <v>7.9305917537476631</v>
      </c>
      <c r="N1447">
        <v>27</v>
      </c>
      <c r="O1447">
        <v>2</v>
      </c>
      <c r="P1447">
        <v>25</v>
      </c>
      <c r="Q1447">
        <v>3.5486297971893319</v>
      </c>
      <c r="R1447">
        <v>5.497067314282142</v>
      </c>
      <c r="S1447">
        <v>3</v>
      </c>
      <c r="T1447">
        <v>1</v>
      </c>
      <c r="U1447">
        <v>2</v>
      </c>
      <c r="V1447">
        <v>0.150692598340946</v>
      </c>
      <c r="W1447">
        <v>7.9591869447102876</v>
      </c>
      <c r="X1447">
        <v>1</v>
      </c>
      <c r="Y1447">
        <v>1</v>
      </c>
      <c r="Z1447">
        <v>0</v>
      </c>
      <c r="AA1447">
        <v>0</v>
      </c>
      <c r="AB1447">
        <v>7.989560449333867</v>
      </c>
      <c r="AC1447">
        <v>1</v>
      </c>
      <c r="AD1447">
        <v>1</v>
      </c>
      <c r="AE1447">
        <v>0</v>
      </c>
      <c r="AF1447">
        <v>0</v>
      </c>
      <c r="AG1447">
        <v>7.9892214088152764</v>
      </c>
      <c r="AH1447">
        <v>-2.652632293558713E-2</v>
      </c>
      <c r="AI1447">
        <v>-2.7397660192941611E-3</v>
      </c>
      <c r="AJ1447">
        <v>-1.2398003858569699E-2</v>
      </c>
      <c r="AK1447">
        <v>3.4009346747933218E-2</v>
      </c>
      <c r="AL1447">
        <v>3726.8179234347481</v>
      </c>
      <c r="AM1447">
        <v>7188.3517001859</v>
      </c>
      <c r="AN1447">
        <v>380420</v>
      </c>
      <c r="AO1447">
        <v>73.172705639120878</v>
      </c>
      <c r="AP1447">
        <v>3384.32429905549</v>
      </c>
      <c r="AQ1447">
        <v>1.0077913279132791</v>
      </c>
      <c r="AR1447">
        <v>3.9922086720867211</v>
      </c>
      <c r="AS1447">
        <v>2938</v>
      </c>
      <c r="AT1447">
        <v>279.56639566395671</v>
      </c>
      <c r="AU1447">
        <v>2.2955523672883778E-2</v>
      </c>
      <c r="AV1447">
        <v>-2.654057050828303E-2</v>
      </c>
      <c r="AW1447">
        <v>0.36246612466124661</v>
      </c>
      <c r="AX1447">
        <v>87.62148424262962</v>
      </c>
      <c r="AY1447">
        <v>66</v>
      </c>
      <c r="AZ1447">
        <v>133</v>
      </c>
      <c r="BA1447">
        <v>0.58080234209654247</v>
      </c>
      <c r="BB1447">
        <v>0.50338753387533874</v>
      </c>
      <c r="BC1447">
        <v>5.3302221936602567</v>
      </c>
      <c r="BD1447" t="s">
        <v>5560</v>
      </c>
      <c r="BE1447" t="s">
        <v>68</v>
      </c>
    </row>
    <row r="1448" spans="1:57" x14ac:dyDescent="0.3">
      <c r="A1448" t="s">
        <v>5561</v>
      </c>
      <c r="B1448">
        <v>709</v>
      </c>
      <c r="C1448" t="s">
        <v>5562</v>
      </c>
      <c r="D1448" t="s">
        <v>5563</v>
      </c>
      <c r="E1448" t="s">
        <v>72</v>
      </c>
      <c r="F1448">
        <v>712</v>
      </c>
      <c r="G1448">
        <v>129.88904494382021</v>
      </c>
      <c r="H1448">
        <v>130.5</v>
      </c>
      <c r="I1448">
        <v>5559.7559474024747</v>
      </c>
      <c r="J1448">
        <v>74.56377101114505</v>
      </c>
      <c r="K1448">
        <v>1.1716532337019791E-2</v>
      </c>
      <c r="L1448">
        <v>-1.2313311870528461</v>
      </c>
      <c r="M1448">
        <v>7.7254307753468243</v>
      </c>
      <c r="N1448">
        <v>7</v>
      </c>
      <c r="O1448">
        <v>1</v>
      </c>
      <c r="P1448">
        <v>6</v>
      </c>
      <c r="Q1448">
        <v>1.550004247423461</v>
      </c>
      <c r="R1448">
        <v>5.3548605605426944</v>
      </c>
      <c r="S1448">
        <v>2</v>
      </c>
      <c r="T1448">
        <v>1</v>
      </c>
      <c r="U1448">
        <v>1</v>
      </c>
      <c r="V1448">
        <v>6.4956397104897853E-2</v>
      </c>
      <c r="W1448">
        <v>6.5608230865073756</v>
      </c>
      <c r="X1448">
        <v>1</v>
      </c>
      <c r="Y1448">
        <v>1</v>
      </c>
      <c r="Z1448">
        <v>0</v>
      </c>
      <c r="AA1448">
        <v>0</v>
      </c>
      <c r="AB1448">
        <v>6.5652649700353596</v>
      </c>
      <c r="AC1448">
        <v>1</v>
      </c>
      <c r="AD1448">
        <v>1</v>
      </c>
      <c r="AE1448">
        <v>0</v>
      </c>
      <c r="AF1448">
        <v>0</v>
      </c>
      <c r="AG1448">
        <v>6.5638555265321283</v>
      </c>
      <c r="AH1448">
        <v>2.8989093716365728E-4</v>
      </c>
      <c r="AI1448">
        <v>-6.8348298134320723E-2</v>
      </c>
      <c r="AJ1448">
        <v>-8.3969180277338861E-3</v>
      </c>
      <c r="AK1448">
        <v>8.5472732432067905E-2</v>
      </c>
      <c r="AL1448">
        <v>1884.5856524440089</v>
      </c>
      <c r="AM1448">
        <v>3524.0817128157219</v>
      </c>
      <c r="AN1448">
        <v>92481</v>
      </c>
      <c r="AO1448">
        <v>43.237057288110009</v>
      </c>
      <c r="AP1448">
        <v>1656.0330411773341</v>
      </c>
      <c r="AQ1448">
        <v>1.032303370786517</v>
      </c>
      <c r="AR1448">
        <v>4.0435393258426968</v>
      </c>
      <c r="AS1448">
        <v>709</v>
      </c>
      <c r="AT1448">
        <v>199.25</v>
      </c>
      <c r="AU1448">
        <v>4.0295219211279987E-2</v>
      </c>
      <c r="AV1448">
        <v>2.9280331523920931E-4</v>
      </c>
      <c r="AW1448">
        <v>0.3792134831460674</v>
      </c>
      <c r="AX1448">
        <v>86.153305203938118</v>
      </c>
      <c r="AY1448">
        <v>66.5</v>
      </c>
      <c r="AZ1448">
        <v>133</v>
      </c>
      <c r="BA1448">
        <v>0.57405742757901912</v>
      </c>
      <c r="BB1448">
        <v>0.5014044943820225</v>
      </c>
      <c r="BC1448">
        <v>5.1482617477274921</v>
      </c>
      <c r="BD1448" t="s">
        <v>5564</v>
      </c>
      <c r="BE1448" t="s">
        <v>68</v>
      </c>
    </row>
    <row r="1449" spans="1:57" x14ac:dyDescent="0.3">
      <c r="A1449" t="s">
        <v>5565</v>
      </c>
      <c r="B1449">
        <v>2604</v>
      </c>
      <c r="C1449" t="s">
        <v>5566</v>
      </c>
      <c r="D1449" t="s">
        <v>5567</v>
      </c>
      <c r="E1449" t="s">
        <v>66</v>
      </c>
      <c r="F1449">
        <v>72</v>
      </c>
      <c r="G1449">
        <v>113.2916666666667</v>
      </c>
      <c r="H1449">
        <v>107.5</v>
      </c>
      <c r="I1449">
        <v>5962.8732638888887</v>
      </c>
      <c r="J1449">
        <v>77.219642992498279</v>
      </c>
      <c r="K1449">
        <v>8.7162023552678075E-2</v>
      </c>
      <c r="L1449">
        <v>-1.319965245587102</v>
      </c>
      <c r="M1449">
        <v>5.9372182305789343</v>
      </c>
      <c r="N1449">
        <v>3</v>
      </c>
      <c r="O1449">
        <v>1</v>
      </c>
      <c r="P1449">
        <v>2</v>
      </c>
      <c r="Q1449">
        <v>0.375</v>
      </c>
      <c r="R1449">
        <v>4.115366076894893</v>
      </c>
      <c r="S1449">
        <v>2</v>
      </c>
      <c r="T1449">
        <v>1</v>
      </c>
      <c r="U1449">
        <v>1</v>
      </c>
      <c r="V1449">
        <v>0.16776575221435111</v>
      </c>
      <c r="W1449">
        <v>4.2236293316576567</v>
      </c>
      <c r="X1449">
        <v>2</v>
      </c>
      <c r="Y1449">
        <v>1</v>
      </c>
      <c r="Z1449">
        <v>1</v>
      </c>
      <c r="AA1449">
        <v>0.11951030798891769</v>
      </c>
      <c r="AB1449">
        <v>4.2286910368905044</v>
      </c>
      <c r="AC1449">
        <v>1</v>
      </c>
      <c r="AD1449">
        <v>1</v>
      </c>
      <c r="AE1449">
        <v>0</v>
      </c>
      <c r="AF1449">
        <v>0</v>
      </c>
      <c r="AG1449">
        <v>4.2341065045972579</v>
      </c>
      <c r="AH1449">
        <v>0.218735138031806</v>
      </c>
      <c r="AI1449">
        <v>0.23694765562434861</v>
      </c>
      <c r="AJ1449">
        <v>7.8509312947415907E-2</v>
      </c>
      <c r="AK1449">
        <v>-1.1545536318400249E-2</v>
      </c>
      <c r="AL1449">
        <v>694.84050648041432</v>
      </c>
      <c r="AM1449">
        <v>933.08288514688843</v>
      </c>
      <c r="AN1449">
        <v>8157</v>
      </c>
      <c r="AO1449">
        <v>149.7593187942841</v>
      </c>
      <c r="AP1449">
        <v>545.38619280371358</v>
      </c>
      <c r="AQ1449">
        <v>1.319444444444444</v>
      </c>
      <c r="AR1449">
        <v>3.708333333333333</v>
      </c>
      <c r="AS1449">
        <v>72</v>
      </c>
      <c r="AT1449">
        <v>7.9999999999999982</v>
      </c>
      <c r="AU1449">
        <v>0.1344771241830065</v>
      </c>
      <c r="AV1449">
        <v>0.22175053925800159</v>
      </c>
      <c r="AW1449">
        <v>0.30555555555555558</v>
      </c>
      <c r="AX1449">
        <v>74.028169014084511</v>
      </c>
      <c r="AY1449">
        <v>74.5</v>
      </c>
      <c r="AZ1449">
        <v>148.75</v>
      </c>
      <c r="BA1449">
        <v>0.68160037948508956</v>
      </c>
      <c r="BB1449">
        <v>0.4861111111111111</v>
      </c>
      <c r="BC1449">
        <v>4.0014816398818347</v>
      </c>
      <c r="BD1449" t="s">
        <v>5568</v>
      </c>
      <c r="BE1449" t="s">
        <v>68</v>
      </c>
    </row>
    <row r="1450" spans="1:57" x14ac:dyDescent="0.3">
      <c r="A1450" t="s">
        <v>5569</v>
      </c>
      <c r="B1450">
        <v>532</v>
      </c>
      <c r="C1450" t="s">
        <v>5570</v>
      </c>
      <c r="D1450" t="s">
        <v>5571</v>
      </c>
      <c r="E1450" t="s">
        <v>10622</v>
      </c>
      <c r="F1450">
        <v>64</v>
      </c>
      <c r="G1450">
        <v>141.90625</v>
      </c>
      <c r="H1450">
        <v>159</v>
      </c>
      <c r="I1450">
        <v>5977.7099609375</v>
      </c>
      <c r="J1450">
        <v>77.315651461638083</v>
      </c>
      <c r="K1450">
        <v>-0.26700895849381712</v>
      </c>
      <c r="L1450">
        <v>-1.2220041280738869</v>
      </c>
      <c r="M1450">
        <v>5.831954882778696</v>
      </c>
      <c r="N1450">
        <v>3</v>
      </c>
      <c r="O1450">
        <v>1</v>
      </c>
      <c r="P1450">
        <v>2</v>
      </c>
      <c r="Q1450">
        <v>0.33385958650156278</v>
      </c>
      <c r="R1450">
        <v>4.0424030841508598</v>
      </c>
      <c r="S1450">
        <v>1</v>
      </c>
      <c r="T1450">
        <v>1</v>
      </c>
      <c r="U1450">
        <v>0</v>
      </c>
      <c r="V1450">
        <v>0</v>
      </c>
      <c r="W1450">
        <v>4.1431347263915326</v>
      </c>
      <c r="X1450">
        <v>1</v>
      </c>
      <c r="Y1450">
        <v>1</v>
      </c>
      <c r="Z1450">
        <v>0</v>
      </c>
      <c r="AA1450">
        <v>0</v>
      </c>
      <c r="AB1450">
        <v>4.1271343850450908</v>
      </c>
      <c r="AC1450">
        <v>1</v>
      </c>
      <c r="AD1450">
        <v>1</v>
      </c>
      <c r="AE1450">
        <v>0</v>
      </c>
      <c r="AF1450">
        <v>0</v>
      </c>
      <c r="AG1450">
        <v>4.1108738641733096</v>
      </c>
      <c r="AH1450">
        <v>1.5328079882538891E-2</v>
      </c>
      <c r="AI1450">
        <v>-1.154260109374426E-2</v>
      </c>
      <c r="AJ1450">
        <v>-4.6305167104354963E-3</v>
      </c>
      <c r="AK1450">
        <v>-5.5054120532414118E-2</v>
      </c>
      <c r="AL1450">
        <v>694.92981845804309</v>
      </c>
      <c r="AM1450">
        <v>1090.1552859193371</v>
      </c>
      <c r="AN1450">
        <v>9082</v>
      </c>
      <c r="AO1450">
        <v>111.5153239286026</v>
      </c>
      <c r="AP1450">
        <v>636.43549946265875</v>
      </c>
      <c r="AQ1450">
        <v>1.359375</v>
      </c>
      <c r="AR1450">
        <v>4.140625</v>
      </c>
      <c r="AS1450">
        <v>64</v>
      </c>
      <c r="AT1450">
        <v>6.0625000000000009</v>
      </c>
      <c r="AU1450">
        <v>0.1023622047244095</v>
      </c>
      <c r="AV1450">
        <v>1.5994639192371551E-2</v>
      </c>
      <c r="AW1450">
        <v>0.28125</v>
      </c>
      <c r="AX1450">
        <v>86.793650793650798</v>
      </c>
      <c r="AY1450">
        <v>66</v>
      </c>
      <c r="AZ1450">
        <v>135</v>
      </c>
      <c r="BA1450">
        <v>0.54483612569311135</v>
      </c>
      <c r="BB1450">
        <v>0.5625</v>
      </c>
      <c r="BC1450">
        <v>3.9891020196004332</v>
      </c>
      <c r="BD1450" t="s">
        <v>5572</v>
      </c>
      <c r="BE1450" t="s">
        <v>62</v>
      </c>
    </row>
    <row r="1451" spans="1:57" x14ac:dyDescent="0.3">
      <c r="A1451" t="s">
        <v>5573</v>
      </c>
      <c r="B1451">
        <v>2002</v>
      </c>
      <c r="C1451" t="s">
        <v>5574</v>
      </c>
      <c r="D1451" t="s">
        <v>5575</v>
      </c>
      <c r="E1451" t="s">
        <v>115</v>
      </c>
      <c r="F1451">
        <v>2062</v>
      </c>
      <c r="G1451">
        <v>125.5945683802134</v>
      </c>
      <c r="H1451">
        <v>124</v>
      </c>
      <c r="I1451">
        <v>5483.8336853374676</v>
      </c>
      <c r="J1451">
        <v>74.052911390015367</v>
      </c>
      <c r="K1451">
        <v>4.2094986615643572E-2</v>
      </c>
      <c r="L1451">
        <v>-1.2166461330310629</v>
      </c>
      <c r="M1451">
        <v>7.9021141215303023</v>
      </c>
      <c r="N1451">
        <v>16</v>
      </c>
      <c r="O1451">
        <v>1</v>
      </c>
      <c r="P1451">
        <v>15</v>
      </c>
      <c r="Q1451">
        <v>2.9095977861800328</v>
      </c>
      <c r="R1451">
        <v>5.4773281238016596</v>
      </c>
      <c r="S1451">
        <v>2</v>
      </c>
      <c r="T1451">
        <v>1</v>
      </c>
      <c r="U1451">
        <v>1</v>
      </c>
      <c r="V1451">
        <v>0.13576135724189661</v>
      </c>
      <c r="W1451">
        <v>7.605386568409843</v>
      </c>
      <c r="X1451">
        <v>1</v>
      </c>
      <c r="Y1451">
        <v>1</v>
      </c>
      <c r="Z1451">
        <v>0</v>
      </c>
      <c r="AA1451">
        <v>0</v>
      </c>
      <c r="AB1451">
        <v>7.6304612617836236</v>
      </c>
      <c r="AC1451">
        <v>1</v>
      </c>
      <c r="AD1451">
        <v>1</v>
      </c>
      <c r="AE1451">
        <v>0</v>
      </c>
      <c r="AF1451">
        <v>0</v>
      </c>
      <c r="AG1451">
        <v>7.6299757070277909</v>
      </c>
      <c r="AH1451">
        <v>6.0000608561716186E-3</v>
      </c>
      <c r="AI1451">
        <v>-7.155650940309153E-3</v>
      </c>
      <c r="AJ1451">
        <v>2.990849158641912E-2</v>
      </c>
      <c r="AK1451">
        <v>4.629378629751222E-2</v>
      </c>
      <c r="AL1451">
        <v>3087.6172847775888</v>
      </c>
      <c r="AM1451">
        <v>5856.6426818393702</v>
      </c>
      <c r="AN1451">
        <v>258975.99999999991</v>
      </c>
      <c r="AO1451">
        <v>57.160653377301458</v>
      </c>
      <c r="AP1451">
        <v>2734.8759307332248</v>
      </c>
      <c r="AQ1451">
        <v>1.0111542192046561</v>
      </c>
      <c r="AR1451">
        <v>4.0106692531522796</v>
      </c>
      <c r="AS1451">
        <v>2050</v>
      </c>
      <c r="AT1451">
        <v>269.0649854510184</v>
      </c>
      <c r="AU1451">
        <v>2.3208002890778009E-2</v>
      </c>
      <c r="AV1451">
        <v>6.0091125140899733E-3</v>
      </c>
      <c r="AW1451">
        <v>0.3816682832201746</v>
      </c>
      <c r="AX1451">
        <v>84.911693352741381</v>
      </c>
      <c r="AY1451">
        <v>64</v>
      </c>
      <c r="AZ1451">
        <v>127</v>
      </c>
      <c r="BA1451">
        <v>0.58961874183789886</v>
      </c>
      <c r="BB1451">
        <v>0.49224054316197868</v>
      </c>
      <c r="BC1451">
        <v>5.2857656039501482</v>
      </c>
      <c r="BD1451" t="s">
        <v>5576</v>
      </c>
      <c r="BE1451" t="s">
        <v>68</v>
      </c>
    </row>
    <row r="1452" spans="1:57" x14ac:dyDescent="0.3">
      <c r="A1452" t="s">
        <v>5577</v>
      </c>
      <c r="B1452">
        <v>147</v>
      </c>
      <c r="C1452" t="s">
        <v>5578</v>
      </c>
      <c r="D1452" t="s">
        <v>5579</v>
      </c>
      <c r="E1452" t="s">
        <v>60</v>
      </c>
      <c r="F1452">
        <v>512</v>
      </c>
      <c r="G1452">
        <v>124.052734375</v>
      </c>
      <c r="H1452">
        <v>124</v>
      </c>
      <c r="I1452">
        <v>5536.2726097106934</v>
      </c>
      <c r="J1452">
        <v>74.406132877006129</v>
      </c>
      <c r="K1452">
        <v>6.8609504087309078E-2</v>
      </c>
      <c r="L1452">
        <v>-1.225907373916979</v>
      </c>
      <c r="M1452">
        <v>7.5777378268089048</v>
      </c>
      <c r="N1452">
        <v>7</v>
      </c>
      <c r="O1452">
        <v>1</v>
      </c>
      <c r="P1452">
        <v>6</v>
      </c>
      <c r="Q1452">
        <v>1.323242328072493</v>
      </c>
      <c r="R1452">
        <v>5.2524876096750379</v>
      </c>
      <c r="S1452">
        <v>2</v>
      </c>
      <c r="T1452">
        <v>1</v>
      </c>
      <c r="U1452">
        <v>1</v>
      </c>
      <c r="V1452">
        <v>6.2560641760670582E-2</v>
      </c>
      <c r="W1452">
        <v>6.230943780571141</v>
      </c>
      <c r="X1452">
        <v>1</v>
      </c>
      <c r="Y1452">
        <v>1</v>
      </c>
      <c r="Z1452">
        <v>0</v>
      </c>
      <c r="AA1452">
        <v>0</v>
      </c>
      <c r="AB1452">
        <v>6.2344107257183694</v>
      </c>
      <c r="AC1452">
        <v>1</v>
      </c>
      <c r="AD1452">
        <v>1</v>
      </c>
      <c r="AE1452">
        <v>0</v>
      </c>
      <c r="AF1452">
        <v>0</v>
      </c>
      <c r="AG1452">
        <v>6.2324480165505216</v>
      </c>
      <c r="AH1452">
        <v>7.5202829949347324E-3</v>
      </c>
      <c r="AI1452">
        <v>2.365258309730758E-2</v>
      </c>
      <c r="AJ1452">
        <v>-7.6373132161320273E-2</v>
      </c>
      <c r="AK1452">
        <v>2.8581714510679711E-2</v>
      </c>
      <c r="AL1452">
        <v>1619.4925342672341</v>
      </c>
      <c r="AM1452">
        <v>2844.472698313818</v>
      </c>
      <c r="AN1452">
        <v>63515</v>
      </c>
      <c r="AO1452">
        <v>120.127629260647</v>
      </c>
      <c r="AP1452">
        <v>1438.6089216957339</v>
      </c>
      <c r="AQ1452">
        <v>1.044921875</v>
      </c>
      <c r="AR1452">
        <v>3.9296875</v>
      </c>
      <c r="AS1452">
        <v>511</v>
      </c>
      <c r="AT1452">
        <v>170.06640625</v>
      </c>
      <c r="AU1452">
        <v>4.1574754901960782E-2</v>
      </c>
      <c r="AV1452">
        <v>7.5295759661799851E-3</v>
      </c>
      <c r="AW1452">
        <v>0.37109375</v>
      </c>
      <c r="AX1452">
        <v>85.154598825831698</v>
      </c>
      <c r="AY1452">
        <v>64.5</v>
      </c>
      <c r="AZ1452">
        <v>129</v>
      </c>
      <c r="BA1452">
        <v>0.59979437980047445</v>
      </c>
      <c r="BB1452">
        <v>0.494140625</v>
      </c>
      <c r="BC1452">
        <v>5.0712445078377133</v>
      </c>
      <c r="BD1452" t="s">
        <v>5580</v>
      </c>
      <c r="BE1452" t="s">
        <v>62</v>
      </c>
    </row>
    <row r="1453" spans="1:57" x14ac:dyDescent="0.3">
      <c r="A1453" t="s">
        <v>5581</v>
      </c>
      <c r="B1453">
        <v>2701</v>
      </c>
      <c r="C1453" t="s">
        <v>5582</v>
      </c>
      <c r="D1453" t="s">
        <v>5583</v>
      </c>
      <c r="E1453" t="s">
        <v>85</v>
      </c>
      <c r="F1453">
        <v>8</v>
      </c>
      <c r="G1453">
        <v>124.5</v>
      </c>
      <c r="H1453">
        <v>103.5</v>
      </c>
      <c r="I1453">
        <v>5535.75</v>
      </c>
      <c r="J1453">
        <v>74.40262092157775</v>
      </c>
      <c r="K1453">
        <v>0.63814613926047992</v>
      </c>
      <c r="L1453">
        <v>-1.0379422815756409</v>
      </c>
      <c r="M1453">
        <v>3</v>
      </c>
      <c r="N1453">
        <v>1</v>
      </c>
      <c r="O1453">
        <v>1</v>
      </c>
      <c r="P1453">
        <v>0</v>
      </c>
      <c r="Q1453">
        <v>0</v>
      </c>
      <c r="R1453">
        <v>2.0794415416798362</v>
      </c>
      <c r="S1453">
        <v>1</v>
      </c>
      <c r="T1453">
        <v>1</v>
      </c>
      <c r="U1453">
        <v>0</v>
      </c>
      <c r="V1453">
        <v>0</v>
      </c>
      <c r="W1453">
        <v>1.945910149055313</v>
      </c>
      <c r="X1453">
        <v>1</v>
      </c>
      <c r="Y1453">
        <v>1</v>
      </c>
      <c r="Z1453">
        <v>0</v>
      </c>
      <c r="AA1453">
        <v>0</v>
      </c>
      <c r="AB1453">
        <v>1.791759469228055</v>
      </c>
      <c r="AC1453">
        <v>1</v>
      </c>
      <c r="AD1453">
        <v>1</v>
      </c>
      <c r="AE1453">
        <v>0</v>
      </c>
      <c r="AF1453">
        <v>0</v>
      </c>
      <c r="AG1453">
        <v>1.6094379124341009</v>
      </c>
      <c r="AH1453">
        <v>0.2036027186921375</v>
      </c>
      <c r="AI1453">
        <v>-0.38495235514609583</v>
      </c>
      <c r="AJ1453">
        <v>5.8511719279230448E-2</v>
      </c>
      <c r="AK1453">
        <v>0</v>
      </c>
      <c r="AL1453">
        <v>306.47842645412749</v>
      </c>
      <c r="AM1453">
        <v>272.68841947945282</v>
      </c>
      <c r="AN1453">
        <v>996</v>
      </c>
      <c r="AO1453">
        <v>83.028557688769112</v>
      </c>
      <c r="AP1453">
        <v>264.82069405543058</v>
      </c>
      <c r="AQ1453">
        <v>3.5</v>
      </c>
      <c r="AR1453">
        <v>4</v>
      </c>
      <c r="AS1453">
        <v>8</v>
      </c>
      <c r="AT1453">
        <v>0</v>
      </c>
      <c r="AU1453">
        <v>0.34183673469387749</v>
      </c>
      <c r="AV1453">
        <v>0.20841480741789201</v>
      </c>
      <c r="AW1453">
        <v>0.625</v>
      </c>
      <c r="AX1453">
        <v>76</v>
      </c>
      <c r="AY1453">
        <v>42.5</v>
      </c>
      <c r="AZ1453">
        <v>91.25</v>
      </c>
      <c r="BA1453">
        <v>0.59761141302472087</v>
      </c>
      <c r="BB1453">
        <v>0.375</v>
      </c>
      <c r="BC1453">
        <v>1.945910149055313</v>
      </c>
      <c r="BD1453" t="s">
        <v>5582</v>
      </c>
      <c r="BE1453" t="s">
        <v>68</v>
      </c>
    </row>
    <row r="1454" spans="1:57" x14ac:dyDescent="0.3">
      <c r="A1454" t="s">
        <v>5584</v>
      </c>
      <c r="B1454">
        <v>3437</v>
      </c>
      <c r="C1454" t="s">
        <v>5585</v>
      </c>
      <c r="D1454" t="s">
        <v>5586</v>
      </c>
      <c r="E1454" t="s">
        <v>115</v>
      </c>
      <c r="F1454">
        <v>3508</v>
      </c>
      <c r="G1454">
        <v>126.8172748004561</v>
      </c>
      <c r="H1454">
        <v>127</v>
      </c>
      <c r="I1454">
        <v>5481.2998498138804</v>
      </c>
      <c r="J1454">
        <v>74.035801135760536</v>
      </c>
      <c r="K1454">
        <v>-4.2298723878377437E-3</v>
      </c>
      <c r="L1454">
        <v>-1.2087672815124919</v>
      </c>
      <c r="M1454">
        <v>7.9465119179913559</v>
      </c>
      <c r="N1454">
        <v>27</v>
      </c>
      <c r="O1454">
        <v>5</v>
      </c>
      <c r="P1454">
        <v>22</v>
      </c>
      <c r="Q1454">
        <v>3.749707019805014</v>
      </c>
      <c r="R1454">
        <v>5.5081023312417026</v>
      </c>
      <c r="S1454">
        <v>3</v>
      </c>
      <c r="T1454">
        <v>1</v>
      </c>
      <c r="U1454">
        <v>2</v>
      </c>
      <c r="V1454">
        <v>0.17464102701947889</v>
      </c>
      <c r="W1454">
        <v>8.1208612298774607</v>
      </c>
      <c r="X1454">
        <v>2</v>
      </c>
      <c r="Y1454">
        <v>1</v>
      </c>
      <c r="Z1454">
        <v>1</v>
      </c>
      <c r="AA1454">
        <v>1.6888614649870171E-2</v>
      </c>
      <c r="AB1454">
        <v>8.1618356592173118</v>
      </c>
      <c r="AC1454">
        <v>1</v>
      </c>
      <c r="AD1454">
        <v>1</v>
      </c>
      <c r="AE1454">
        <v>0</v>
      </c>
      <c r="AF1454">
        <v>0</v>
      </c>
      <c r="AG1454">
        <v>8.1619457994686897</v>
      </c>
      <c r="AH1454">
        <v>9.6368145751202E-4</v>
      </c>
      <c r="AI1454">
        <v>1.87997222631354E-2</v>
      </c>
      <c r="AJ1454">
        <v>-4.0002722866666019E-3</v>
      </c>
      <c r="AK1454">
        <v>-6.0449742270973703E-3</v>
      </c>
      <c r="AL1454">
        <v>4012.0501435199171</v>
      </c>
      <c r="AM1454">
        <v>7716.8444746464729</v>
      </c>
      <c r="AN1454">
        <v>444875</v>
      </c>
      <c r="AO1454">
        <v>60.110264467580997</v>
      </c>
      <c r="AP1454">
        <v>3654.676373434907</v>
      </c>
      <c r="AQ1454">
        <v>1.0065564424173321</v>
      </c>
      <c r="AR1454">
        <v>3.98660205245154</v>
      </c>
      <c r="AS1454">
        <v>3495</v>
      </c>
      <c r="AT1454">
        <v>262.67274800456102</v>
      </c>
      <c r="AU1454">
        <v>1.293290406242315E-2</v>
      </c>
      <c r="AV1454">
        <v>9.6377564119930659E-4</v>
      </c>
      <c r="AW1454">
        <v>0.36402508551881407</v>
      </c>
      <c r="AX1454">
        <v>85.681779298545763</v>
      </c>
      <c r="AY1454">
        <v>64</v>
      </c>
      <c r="AZ1454">
        <v>128</v>
      </c>
      <c r="BA1454">
        <v>0.58379902306096754</v>
      </c>
      <c r="BB1454">
        <v>0.50484606613454963</v>
      </c>
      <c r="BC1454">
        <v>5.3239776191980086</v>
      </c>
      <c r="BD1454" t="s">
        <v>5587</v>
      </c>
      <c r="BE1454" t="s">
        <v>68</v>
      </c>
    </row>
    <row r="1455" spans="1:57" x14ac:dyDescent="0.3">
      <c r="A1455" t="s">
        <v>5588</v>
      </c>
      <c r="B1455">
        <v>144</v>
      </c>
      <c r="C1455" t="s">
        <v>5589</v>
      </c>
      <c r="D1455" t="s">
        <v>5590</v>
      </c>
      <c r="E1455" t="s">
        <v>60</v>
      </c>
      <c r="F1455">
        <v>256</v>
      </c>
      <c r="G1455">
        <v>127.40234375</v>
      </c>
      <c r="H1455">
        <v>117</v>
      </c>
      <c r="I1455">
        <v>5912.0764007568359</v>
      </c>
      <c r="J1455">
        <v>76.890027966940139</v>
      </c>
      <c r="K1455">
        <v>3.4491446711591559E-2</v>
      </c>
      <c r="L1455">
        <v>-1.253702790151709</v>
      </c>
      <c r="M1455">
        <v>7.1942268321295506</v>
      </c>
      <c r="N1455">
        <v>5</v>
      </c>
      <c r="O1455">
        <v>1</v>
      </c>
      <c r="P1455">
        <v>4</v>
      </c>
      <c r="Q1455">
        <v>0.80543218175406672</v>
      </c>
      <c r="R1455">
        <v>4.9866580449993041</v>
      </c>
      <c r="S1455">
        <v>1</v>
      </c>
      <c r="T1455">
        <v>1</v>
      </c>
      <c r="U1455">
        <v>0</v>
      </c>
      <c r="V1455">
        <v>0</v>
      </c>
      <c r="W1455">
        <v>5.541263545158424</v>
      </c>
      <c r="X1455">
        <v>1</v>
      </c>
      <c r="Y1455">
        <v>1</v>
      </c>
      <c r="Z1455">
        <v>0</v>
      </c>
      <c r="AA1455">
        <v>0</v>
      </c>
      <c r="AB1455">
        <v>5.5373342670185366</v>
      </c>
      <c r="AC1455">
        <v>1</v>
      </c>
      <c r="AD1455">
        <v>1</v>
      </c>
      <c r="AE1455">
        <v>0</v>
      </c>
      <c r="AF1455">
        <v>0</v>
      </c>
      <c r="AG1455">
        <v>5.5333894887275203</v>
      </c>
      <c r="AH1455">
        <v>-1.448898649680498E-2</v>
      </c>
      <c r="AI1455">
        <v>-0.11428481647542151</v>
      </c>
      <c r="AJ1455">
        <v>-1.6993565540671409E-2</v>
      </c>
      <c r="AK1455">
        <v>1.299871385694929E-2</v>
      </c>
      <c r="AL1455">
        <v>1218.7904870763271</v>
      </c>
      <c r="AM1455">
        <v>2045.304072408856</v>
      </c>
      <c r="AN1455">
        <v>32615</v>
      </c>
      <c r="AO1455">
        <v>184.9577361155059</v>
      </c>
      <c r="AP1455">
        <v>1031.6029523553059</v>
      </c>
      <c r="AQ1455">
        <v>1.08984375</v>
      </c>
      <c r="AR1455">
        <v>4.05078125</v>
      </c>
      <c r="AS1455">
        <v>255</v>
      </c>
      <c r="AT1455">
        <v>68.156249999999986</v>
      </c>
      <c r="AU1455">
        <v>5.3002450980392142E-2</v>
      </c>
      <c r="AV1455">
        <v>-1.466334976246105E-2</v>
      </c>
      <c r="AW1455">
        <v>0.3828125</v>
      </c>
      <c r="AX1455">
        <v>91.086274509803928</v>
      </c>
      <c r="AY1455">
        <v>66</v>
      </c>
      <c r="AZ1455">
        <v>130.25</v>
      </c>
      <c r="BA1455">
        <v>0.60352129877469496</v>
      </c>
      <c r="BB1455">
        <v>0.47265625</v>
      </c>
      <c r="BC1455">
        <v>4.8797499368716331</v>
      </c>
      <c r="BD1455" t="s">
        <v>5591</v>
      </c>
      <c r="BE1455" t="s">
        <v>62</v>
      </c>
    </row>
    <row r="1456" spans="1:57" x14ac:dyDescent="0.3">
      <c r="A1456" t="s">
        <v>5592</v>
      </c>
      <c r="B1456">
        <v>878</v>
      </c>
      <c r="C1456" t="s">
        <v>5593</v>
      </c>
      <c r="D1456" t="s">
        <v>5594</v>
      </c>
      <c r="E1456" t="s">
        <v>128</v>
      </c>
      <c r="F1456">
        <v>32</v>
      </c>
      <c r="G1456">
        <v>112.625</v>
      </c>
      <c r="H1456">
        <v>103.5</v>
      </c>
      <c r="I1456">
        <v>4590.984375</v>
      </c>
      <c r="J1456">
        <v>67.7568031639628</v>
      </c>
      <c r="K1456">
        <v>0.13240903633256099</v>
      </c>
      <c r="L1456">
        <v>-1.1068120988787851</v>
      </c>
      <c r="M1456">
        <v>5</v>
      </c>
      <c r="N1456">
        <v>1</v>
      </c>
      <c r="O1456">
        <v>1</v>
      </c>
      <c r="P1456">
        <v>0</v>
      </c>
      <c r="Q1456">
        <v>0</v>
      </c>
      <c r="R1456">
        <v>3.465735902799727</v>
      </c>
      <c r="S1456">
        <v>1</v>
      </c>
      <c r="T1456">
        <v>1</v>
      </c>
      <c r="U1456">
        <v>0</v>
      </c>
      <c r="V1456">
        <v>0</v>
      </c>
      <c r="W1456">
        <v>3.4339872044851458</v>
      </c>
      <c r="X1456">
        <v>1</v>
      </c>
      <c r="Y1456">
        <v>1</v>
      </c>
      <c r="Z1456">
        <v>0</v>
      </c>
      <c r="AA1456">
        <v>0</v>
      </c>
      <c r="AB1456">
        <v>3.401197381662155</v>
      </c>
      <c r="AC1456">
        <v>1</v>
      </c>
      <c r="AD1456">
        <v>1</v>
      </c>
      <c r="AE1456">
        <v>0</v>
      </c>
      <c r="AF1456">
        <v>0</v>
      </c>
      <c r="AG1456">
        <v>3.3672958299864728</v>
      </c>
      <c r="AH1456">
        <v>0.2240676146863928</v>
      </c>
      <c r="AI1456">
        <v>9.6880392276983085E-2</v>
      </c>
      <c r="AJ1456">
        <v>4.5406907389823122E-2</v>
      </c>
      <c r="AK1456">
        <v>2.3972553203799572E-2</v>
      </c>
      <c r="AL1456">
        <v>471.30022682621399</v>
      </c>
      <c r="AM1456">
        <v>575.05486363786122</v>
      </c>
      <c r="AN1456">
        <v>3604</v>
      </c>
      <c r="AO1456">
        <v>147.89951418319501</v>
      </c>
      <c r="AP1456">
        <v>371.07978677198048</v>
      </c>
      <c r="AQ1456">
        <v>1.65625</v>
      </c>
      <c r="AR1456">
        <v>3.625</v>
      </c>
      <c r="AS1456">
        <v>32</v>
      </c>
      <c r="AT1456">
        <v>0</v>
      </c>
      <c r="AU1456">
        <v>0.13008130081300809</v>
      </c>
      <c r="AV1456">
        <v>0.22924987932489571</v>
      </c>
      <c r="AW1456">
        <v>0.40625</v>
      </c>
      <c r="AX1456">
        <v>67.806451612903231</v>
      </c>
      <c r="AY1456">
        <v>53.5</v>
      </c>
      <c r="AZ1456">
        <v>110.5</v>
      </c>
      <c r="BA1456">
        <v>0.60161423453019136</v>
      </c>
      <c r="BB1456">
        <v>0.5</v>
      </c>
      <c r="BC1456">
        <v>3.3892680315457948</v>
      </c>
      <c r="BD1456" t="s">
        <v>5595</v>
      </c>
      <c r="BE1456" t="s">
        <v>62</v>
      </c>
    </row>
    <row r="1457" spans="1:57" x14ac:dyDescent="0.3">
      <c r="A1457" t="s">
        <v>5596</v>
      </c>
      <c r="B1457">
        <v>159</v>
      </c>
      <c r="C1457" t="s">
        <v>5597</v>
      </c>
      <c r="D1457" t="s">
        <v>5598</v>
      </c>
      <c r="E1457" t="s">
        <v>60</v>
      </c>
      <c r="F1457">
        <v>256</v>
      </c>
      <c r="G1457">
        <v>119.88671875</v>
      </c>
      <c r="H1457">
        <v>116</v>
      </c>
      <c r="I1457">
        <v>5724.7332611083984</v>
      </c>
      <c r="J1457">
        <v>75.66196707136551</v>
      </c>
      <c r="K1457">
        <v>9.20694235356906E-2</v>
      </c>
      <c r="L1457">
        <v>-1.2500015945399361</v>
      </c>
      <c r="M1457">
        <v>7.12852441389348</v>
      </c>
      <c r="N1457">
        <v>4</v>
      </c>
      <c r="O1457">
        <v>1</v>
      </c>
      <c r="P1457">
        <v>3</v>
      </c>
      <c r="Q1457">
        <v>0.80023007868344798</v>
      </c>
      <c r="R1457">
        <v>4.9411165990430019</v>
      </c>
      <c r="S1457">
        <v>1</v>
      </c>
      <c r="T1457">
        <v>1</v>
      </c>
      <c r="U1457">
        <v>0</v>
      </c>
      <c r="V1457">
        <v>0</v>
      </c>
      <c r="W1457">
        <v>5.541263545158424</v>
      </c>
      <c r="X1457">
        <v>1</v>
      </c>
      <c r="Y1457">
        <v>1</v>
      </c>
      <c r="Z1457">
        <v>0</v>
      </c>
      <c r="AA1457">
        <v>0</v>
      </c>
      <c r="AB1457">
        <v>5.5373342670185366</v>
      </c>
      <c r="AC1457">
        <v>1</v>
      </c>
      <c r="AD1457">
        <v>1</v>
      </c>
      <c r="AE1457">
        <v>0</v>
      </c>
      <c r="AF1457">
        <v>0</v>
      </c>
      <c r="AG1457">
        <v>5.5333894887275203</v>
      </c>
      <c r="AH1457">
        <v>-1.347804412134305E-2</v>
      </c>
      <c r="AI1457">
        <v>-2.9519324771108369E-3</v>
      </c>
      <c r="AJ1457">
        <v>-6.3644657046471681E-2</v>
      </c>
      <c r="AK1457">
        <v>1.330321919673544E-2</v>
      </c>
      <c r="AL1457">
        <v>1212.286341061935</v>
      </c>
      <c r="AM1457">
        <v>1917.1168006343969</v>
      </c>
      <c r="AN1457">
        <v>30691</v>
      </c>
      <c r="AO1457">
        <v>28.35795755587888</v>
      </c>
      <c r="AP1457">
        <v>1077.2474818615819</v>
      </c>
      <c r="AQ1457">
        <v>1.08984375</v>
      </c>
      <c r="AR1457">
        <v>3.91796875</v>
      </c>
      <c r="AS1457">
        <v>255</v>
      </c>
      <c r="AT1457">
        <v>60.875000000000007</v>
      </c>
      <c r="AU1457">
        <v>6.1795343137254898E-2</v>
      </c>
      <c r="AV1457">
        <v>-1.3504511157144119E-2</v>
      </c>
      <c r="AW1457">
        <v>0.37890625</v>
      </c>
      <c r="AX1457">
        <v>89.184313725490199</v>
      </c>
      <c r="AY1457">
        <v>70</v>
      </c>
      <c r="AZ1457">
        <v>139.25</v>
      </c>
      <c r="BA1457">
        <v>0.63111216872273856</v>
      </c>
      <c r="BB1457">
        <v>0.49609375</v>
      </c>
      <c r="BC1457">
        <v>4.862626221222671</v>
      </c>
      <c r="BD1457" t="s">
        <v>5599</v>
      </c>
      <c r="BE1457" t="s">
        <v>62</v>
      </c>
    </row>
    <row r="1458" spans="1:57" x14ac:dyDescent="0.3">
      <c r="A1458" t="s">
        <v>5600</v>
      </c>
      <c r="B1458">
        <v>2187</v>
      </c>
      <c r="C1458" t="s">
        <v>5601</v>
      </c>
      <c r="D1458" t="s">
        <v>5602</v>
      </c>
      <c r="E1458" t="s">
        <v>93</v>
      </c>
      <c r="F1458">
        <v>2269</v>
      </c>
      <c r="G1458">
        <v>127.89334508594089</v>
      </c>
      <c r="H1458">
        <v>130</v>
      </c>
      <c r="I1458">
        <v>5592.7775185151149</v>
      </c>
      <c r="J1458">
        <v>74.784874931466689</v>
      </c>
      <c r="K1458">
        <v>-4.0012197612275757E-2</v>
      </c>
      <c r="L1458">
        <v>-1.213889547680117</v>
      </c>
      <c r="M1458">
        <v>7.9085204229670776</v>
      </c>
      <c r="N1458">
        <v>18</v>
      </c>
      <c r="O1458">
        <v>2</v>
      </c>
      <c r="P1458">
        <v>16</v>
      </c>
      <c r="Q1458">
        <v>3.1063284973419081</v>
      </c>
      <c r="R1458">
        <v>5.4817686335803923</v>
      </c>
      <c r="S1458">
        <v>3</v>
      </c>
      <c r="T1458">
        <v>1</v>
      </c>
      <c r="U1458">
        <v>2</v>
      </c>
      <c r="V1458">
        <v>0.124265631046729</v>
      </c>
      <c r="W1458">
        <v>7.7062520060907129</v>
      </c>
      <c r="X1458">
        <v>1</v>
      </c>
      <c r="Y1458">
        <v>1</v>
      </c>
      <c r="Z1458">
        <v>0</v>
      </c>
      <c r="AA1458">
        <v>0</v>
      </c>
      <c r="AB1458">
        <v>7.7262126505075273</v>
      </c>
      <c r="AC1458">
        <v>1</v>
      </c>
      <c r="AD1458">
        <v>1</v>
      </c>
      <c r="AE1458">
        <v>0</v>
      </c>
      <c r="AF1458">
        <v>0</v>
      </c>
      <c r="AG1458">
        <v>7.7257714415879528</v>
      </c>
      <c r="AH1458">
        <v>3.0834043920908979E-2</v>
      </c>
      <c r="AI1458">
        <v>1.393472739167931E-2</v>
      </c>
      <c r="AJ1458">
        <v>-1.720160078192946E-2</v>
      </c>
      <c r="AK1458">
        <v>-7.9494438606056584E-3</v>
      </c>
      <c r="AL1458">
        <v>3288.62978140734</v>
      </c>
      <c r="AM1458">
        <v>6244.0608710069992</v>
      </c>
      <c r="AN1458">
        <v>290190</v>
      </c>
      <c r="AO1458">
        <v>46.960241224447763</v>
      </c>
      <c r="AP1458">
        <v>2966.0587916126919</v>
      </c>
      <c r="AQ1458">
        <v>1.0101366240634639</v>
      </c>
      <c r="AR1458">
        <v>3.967827236668136</v>
      </c>
      <c r="AS1458">
        <v>2257</v>
      </c>
      <c r="AT1458">
        <v>278.70207139709117</v>
      </c>
      <c r="AU1458">
        <v>1.8895773382072101E-2</v>
      </c>
      <c r="AV1458">
        <v>3.084819655207028E-2</v>
      </c>
      <c r="AW1458">
        <v>0.34728955486998681</v>
      </c>
      <c r="AX1458">
        <v>84.790123456790127</v>
      </c>
      <c r="AY1458">
        <v>65</v>
      </c>
      <c r="AZ1458">
        <v>129</v>
      </c>
      <c r="BA1458">
        <v>0.58474406843618987</v>
      </c>
      <c r="BB1458">
        <v>0.51167915381225204</v>
      </c>
      <c r="BC1458">
        <v>5.2885457807673033</v>
      </c>
      <c r="BD1458" t="s">
        <v>5603</v>
      </c>
      <c r="BE1458" t="s">
        <v>68</v>
      </c>
    </row>
    <row r="1459" spans="1:57" x14ac:dyDescent="0.3">
      <c r="A1459" t="s">
        <v>5604</v>
      </c>
      <c r="B1459">
        <v>1359</v>
      </c>
      <c r="C1459" t="s">
        <v>5605</v>
      </c>
      <c r="D1459" t="s">
        <v>5606</v>
      </c>
      <c r="E1459" t="s">
        <v>128</v>
      </c>
      <c r="F1459">
        <v>32</v>
      </c>
      <c r="G1459">
        <v>139.625</v>
      </c>
      <c r="H1459">
        <v>151.5</v>
      </c>
      <c r="I1459">
        <v>6300.796875</v>
      </c>
      <c r="J1459">
        <v>79.377559013867383</v>
      </c>
      <c r="K1459">
        <v>-0.32004216409936059</v>
      </c>
      <c r="L1459">
        <v>-1.3646431476549179</v>
      </c>
      <c r="M1459">
        <v>4.8125</v>
      </c>
      <c r="N1459">
        <v>2</v>
      </c>
      <c r="O1459">
        <v>1</v>
      </c>
      <c r="P1459">
        <v>1</v>
      </c>
      <c r="Q1459">
        <v>0.30454347814923599</v>
      </c>
      <c r="R1459">
        <v>3.335770806444736</v>
      </c>
      <c r="S1459">
        <v>1</v>
      </c>
      <c r="T1459">
        <v>1</v>
      </c>
      <c r="U1459">
        <v>0</v>
      </c>
      <c r="V1459">
        <v>0</v>
      </c>
      <c r="W1459">
        <v>3.4339872044851458</v>
      </c>
      <c r="X1459">
        <v>1</v>
      </c>
      <c r="Y1459">
        <v>1</v>
      </c>
      <c r="Z1459">
        <v>0</v>
      </c>
      <c r="AA1459">
        <v>0</v>
      </c>
      <c r="AB1459">
        <v>3.401197381662155</v>
      </c>
      <c r="AC1459">
        <v>1</v>
      </c>
      <c r="AD1459">
        <v>1</v>
      </c>
      <c r="AE1459">
        <v>0</v>
      </c>
      <c r="AF1459">
        <v>0</v>
      </c>
      <c r="AG1459">
        <v>3.3672958299864728</v>
      </c>
      <c r="AH1459">
        <v>-0.13568665979749589</v>
      </c>
      <c r="AI1459">
        <v>-2.271073103352503E-3</v>
      </c>
      <c r="AJ1459">
        <v>5.496413834063648E-2</v>
      </c>
      <c r="AK1459">
        <v>0.16061506977044071</v>
      </c>
      <c r="AL1459">
        <v>545.45209539656071</v>
      </c>
      <c r="AM1459">
        <v>726.60306332102766</v>
      </c>
      <c r="AN1459">
        <v>4468</v>
      </c>
      <c r="AO1459">
        <v>70.181720896762101</v>
      </c>
      <c r="AP1459">
        <v>427.85511566416972</v>
      </c>
      <c r="AQ1459">
        <v>1.71875</v>
      </c>
      <c r="AR1459">
        <v>4.09375</v>
      </c>
      <c r="AS1459">
        <v>32</v>
      </c>
      <c r="AT1459">
        <v>2.4375</v>
      </c>
      <c r="AU1459">
        <v>0.13640873015873009</v>
      </c>
      <c r="AV1459">
        <v>-0.14403764502912531</v>
      </c>
      <c r="AW1459">
        <v>0.25</v>
      </c>
      <c r="AX1459">
        <v>102.258064516129</v>
      </c>
      <c r="AY1459">
        <v>66.5</v>
      </c>
      <c r="AZ1459">
        <v>143.75</v>
      </c>
      <c r="BA1459">
        <v>0.56850534656306095</v>
      </c>
      <c r="BB1459">
        <v>0.59375</v>
      </c>
      <c r="BC1459">
        <v>3.2829507132875908</v>
      </c>
      <c r="BD1459" t="s">
        <v>5607</v>
      </c>
      <c r="BE1459" t="s">
        <v>62</v>
      </c>
    </row>
    <row r="1460" spans="1:57" x14ac:dyDescent="0.3">
      <c r="A1460" t="s">
        <v>5608</v>
      </c>
      <c r="B1460">
        <v>3177</v>
      </c>
      <c r="C1460" t="s">
        <v>5609</v>
      </c>
      <c r="D1460" t="s">
        <v>5610</v>
      </c>
      <c r="E1460" t="s">
        <v>93</v>
      </c>
      <c r="F1460">
        <v>3187</v>
      </c>
      <c r="G1460">
        <v>127.8089112017571</v>
      </c>
      <c r="H1460">
        <v>127</v>
      </c>
      <c r="I1460">
        <v>5361.7353708571918</v>
      </c>
      <c r="J1460">
        <v>73.223871591559487</v>
      </c>
      <c r="K1460">
        <v>-1.7446127850718099E-2</v>
      </c>
      <c r="L1460">
        <v>-1.197574279805748</v>
      </c>
      <c r="M1460">
        <v>7.9502349352905677</v>
      </c>
      <c r="N1460">
        <v>24</v>
      </c>
      <c r="O1460">
        <v>2</v>
      </c>
      <c r="P1460">
        <v>22</v>
      </c>
      <c r="Q1460">
        <v>3.2363534671986058</v>
      </c>
      <c r="R1460">
        <v>5.5106829301858422</v>
      </c>
      <c r="S1460">
        <v>3</v>
      </c>
      <c r="T1460">
        <v>1</v>
      </c>
      <c r="U1460">
        <v>2</v>
      </c>
      <c r="V1460">
        <v>0.14503009578625181</v>
      </c>
      <c r="W1460">
        <v>8.0380744152607786</v>
      </c>
      <c r="X1460">
        <v>1</v>
      </c>
      <c r="Y1460">
        <v>1</v>
      </c>
      <c r="Z1460">
        <v>0</v>
      </c>
      <c r="AA1460">
        <v>0</v>
      </c>
      <c r="AB1460">
        <v>8.0662075680062646</v>
      </c>
      <c r="AC1460">
        <v>1</v>
      </c>
      <c r="AD1460">
        <v>1</v>
      </c>
      <c r="AE1460">
        <v>0</v>
      </c>
      <c r="AF1460">
        <v>0</v>
      </c>
      <c r="AG1460">
        <v>8.0658935469642739</v>
      </c>
      <c r="AH1460">
        <v>3.7900215506056719E-3</v>
      </c>
      <c r="AI1460">
        <v>9.409568297884776E-3</v>
      </c>
      <c r="AJ1460">
        <v>-4.1382670222932731E-2</v>
      </c>
      <c r="AK1460">
        <v>1.6034175889871528E-2</v>
      </c>
      <c r="AL1460">
        <v>3785.5576039598791</v>
      </c>
      <c r="AM1460">
        <v>7403.8790256933253</v>
      </c>
      <c r="AN1460">
        <v>407327</v>
      </c>
      <c r="AO1460">
        <v>34.069433837632403</v>
      </c>
      <c r="AP1460">
        <v>3405.3998738695109</v>
      </c>
      <c r="AQ1460">
        <v>1.007216818324443</v>
      </c>
      <c r="AR1460">
        <v>4.020395356134296</v>
      </c>
      <c r="AS1460">
        <v>3179</v>
      </c>
      <c r="AT1460">
        <v>215.38217759648569</v>
      </c>
      <c r="AU1460">
        <v>1.360674800199335E-2</v>
      </c>
      <c r="AV1460">
        <v>3.791029090719932E-3</v>
      </c>
      <c r="AW1460">
        <v>0.37433322874176339</v>
      </c>
      <c r="AX1460">
        <v>84.591650973006907</v>
      </c>
      <c r="AY1460">
        <v>63</v>
      </c>
      <c r="AZ1460">
        <v>124</v>
      </c>
      <c r="BA1460">
        <v>0.57291679354007974</v>
      </c>
      <c r="BB1460">
        <v>0.4989017885158456</v>
      </c>
      <c r="BC1460">
        <v>5.3002580492628546</v>
      </c>
      <c r="BD1460" t="s">
        <v>5611</v>
      </c>
      <c r="BE1460" t="s">
        <v>68</v>
      </c>
    </row>
    <row r="1461" spans="1:57" x14ac:dyDescent="0.3">
      <c r="A1461" t="s">
        <v>5612</v>
      </c>
      <c r="B1461">
        <v>761</v>
      </c>
      <c r="C1461" t="s">
        <v>5613</v>
      </c>
      <c r="D1461" t="s">
        <v>5614</v>
      </c>
      <c r="E1461" t="s">
        <v>93</v>
      </c>
      <c r="F1461">
        <v>761</v>
      </c>
      <c r="G1461">
        <v>128.21550591327201</v>
      </c>
      <c r="H1461">
        <v>129</v>
      </c>
      <c r="I1461">
        <v>5455.3569737585067</v>
      </c>
      <c r="J1461">
        <v>73.860388394311244</v>
      </c>
      <c r="K1461">
        <v>-8.3246948521605718E-3</v>
      </c>
      <c r="L1461">
        <v>-1.2449828008560631</v>
      </c>
      <c r="M1461">
        <v>7.7419457284582851</v>
      </c>
      <c r="N1461">
        <v>7</v>
      </c>
      <c r="O1461">
        <v>1</v>
      </c>
      <c r="P1461">
        <v>6</v>
      </c>
      <c r="Q1461">
        <v>1.5238300166163601</v>
      </c>
      <c r="R1461">
        <v>5.3663078537289666</v>
      </c>
      <c r="S1461">
        <v>2</v>
      </c>
      <c r="T1461">
        <v>1</v>
      </c>
      <c r="U1461">
        <v>1</v>
      </c>
      <c r="V1461">
        <v>7.2546609528053377E-2</v>
      </c>
      <c r="W1461">
        <v>6.626022147169218</v>
      </c>
      <c r="X1461">
        <v>1</v>
      </c>
      <c r="Y1461">
        <v>1</v>
      </c>
      <c r="Z1461">
        <v>0</v>
      </c>
      <c r="AA1461">
        <v>0</v>
      </c>
      <c r="AB1461">
        <v>6.6320017773956286</v>
      </c>
      <c r="AC1461">
        <v>1</v>
      </c>
      <c r="AD1461">
        <v>1</v>
      </c>
      <c r="AE1461">
        <v>0</v>
      </c>
      <c r="AF1461">
        <v>0</v>
      </c>
      <c r="AG1461">
        <v>6.6306833856423726</v>
      </c>
      <c r="AH1461">
        <v>-2.7220147969585928E-4</v>
      </c>
      <c r="AI1461">
        <v>-1.040974424609689E-2</v>
      </c>
      <c r="AJ1461">
        <v>0.107339295155325</v>
      </c>
      <c r="AK1461">
        <v>-5.8151959310830031E-2</v>
      </c>
      <c r="AL1461">
        <v>1913.9797725324911</v>
      </c>
      <c r="AM1461">
        <v>3605.336521094318</v>
      </c>
      <c r="AN1461">
        <v>97572</v>
      </c>
      <c r="AO1461">
        <v>81.17658046406406</v>
      </c>
      <c r="AP1461">
        <v>1638.2573032501191</v>
      </c>
      <c r="AQ1461">
        <v>1.030223390275953</v>
      </c>
      <c r="AR1461">
        <v>4.0236530880420496</v>
      </c>
      <c r="AS1461">
        <v>758</v>
      </c>
      <c r="AT1461">
        <v>178.69776609724039</v>
      </c>
      <c r="AU1461">
        <v>2.255030790239887E-2</v>
      </c>
      <c r="AV1461">
        <v>-2.7388808442374172E-4</v>
      </c>
      <c r="AW1461">
        <v>0.37450722733245728</v>
      </c>
      <c r="AX1461">
        <v>85.267105263157902</v>
      </c>
      <c r="AY1461">
        <v>66</v>
      </c>
      <c r="AZ1461">
        <v>131</v>
      </c>
      <c r="BA1461">
        <v>0.57606439929560582</v>
      </c>
      <c r="BB1461">
        <v>0.50459921156373189</v>
      </c>
      <c r="BC1461">
        <v>5.1851004583093454</v>
      </c>
      <c r="BD1461" t="s">
        <v>5615</v>
      </c>
      <c r="BE1461" t="s">
        <v>68</v>
      </c>
    </row>
    <row r="1462" spans="1:57" x14ac:dyDescent="0.3">
      <c r="A1462" t="s">
        <v>5616</v>
      </c>
      <c r="B1462">
        <v>745</v>
      </c>
      <c r="C1462" t="s">
        <v>5617</v>
      </c>
      <c r="D1462" t="s">
        <v>5618</v>
      </c>
      <c r="E1462" t="s">
        <v>72</v>
      </c>
      <c r="F1462">
        <v>752</v>
      </c>
      <c r="G1462">
        <v>126.69547872340419</v>
      </c>
      <c r="H1462">
        <v>126.5</v>
      </c>
      <c r="I1462">
        <v>5547.0229582814627</v>
      </c>
      <c r="J1462">
        <v>74.478338852860176</v>
      </c>
      <c r="K1462">
        <v>2.159516590029191E-2</v>
      </c>
      <c r="L1462">
        <v>-1.184029164072167</v>
      </c>
      <c r="M1462">
        <v>7.7374394755901381</v>
      </c>
      <c r="N1462">
        <v>8</v>
      </c>
      <c r="O1462">
        <v>1</v>
      </c>
      <c r="P1462">
        <v>7</v>
      </c>
      <c r="Q1462">
        <v>1.5426312239574831</v>
      </c>
      <c r="R1462">
        <v>5.3631843572585316</v>
      </c>
      <c r="S1462">
        <v>2</v>
      </c>
      <c r="T1462">
        <v>1</v>
      </c>
      <c r="U1462">
        <v>1</v>
      </c>
      <c r="V1462">
        <v>6.3202923281138038E-2</v>
      </c>
      <c r="W1462">
        <v>6.6158678580446146</v>
      </c>
      <c r="X1462">
        <v>1</v>
      </c>
      <c r="Y1462">
        <v>1</v>
      </c>
      <c r="Z1462">
        <v>0</v>
      </c>
      <c r="AA1462">
        <v>0</v>
      </c>
      <c r="AB1462">
        <v>6.6200732065303551</v>
      </c>
      <c r="AC1462">
        <v>1</v>
      </c>
      <c r="AD1462">
        <v>1</v>
      </c>
      <c r="AE1462">
        <v>0</v>
      </c>
      <c r="AF1462">
        <v>0</v>
      </c>
      <c r="AG1462">
        <v>6.6187389835172183</v>
      </c>
      <c r="AH1462">
        <v>2.5142947076015179E-2</v>
      </c>
      <c r="AI1462">
        <v>8.0378789688419754E-3</v>
      </c>
      <c r="AJ1462">
        <v>-9.1373332327664855E-2</v>
      </c>
      <c r="AK1462">
        <v>2.6414436946143149E-2</v>
      </c>
      <c r="AL1462">
        <v>1946.836363468022</v>
      </c>
      <c r="AM1462">
        <v>3528.7534872641081</v>
      </c>
      <c r="AN1462">
        <v>95275</v>
      </c>
      <c r="AO1462">
        <v>33.000000000000057</v>
      </c>
      <c r="AP1462">
        <v>1755.0656313544589</v>
      </c>
      <c r="AQ1462">
        <v>1.030585106382979</v>
      </c>
      <c r="AR1462">
        <v>3.9760638297872339</v>
      </c>
      <c r="AS1462">
        <v>752</v>
      </c>
      <c r="AT1462">
        <v>183.79787234042561</v>
      </c>
      <c r="AU1462">
        <v>2.1302670004171881E-2</v>
      </c>
      <c r="AV1462">
        <v>2.5171762000085571E-2</v>
      </c>
      <c r="AW1462">
        <v>0.37101063829787229</v>
      </c>
      <c r="AX1462">
        <v>84.745672436750993</v>
      </c>
      <c r="AY1462">
        <v>63.5</v>
      </c>
      <c r="AZ1462">
        <v>127.5</v>
      </c>
      <c r="BA1462">
        <v>0.58785317047862351</v>
      </c>
      <c r="BB1462">
        <v>0.5</v>
      </c>
      <c r="BC1462">
        <v>5.1391190966306883</v>
      </c>
      <c r="BD1462" t="s">
        <v>5619</v>
      </c>
      <c r="BE1462" t="s">
        <v>62</v>
      </c>
    </row>
    <row r="1463" spans="1:57" x14ac:dyDescent="0.3">
      <c r="A1463" t="s">
        <v>5620</v>
      </c>
      <c r="B1463">
        <v>825</v>
      </c>
      <c r="C1463" t="s">
        <v>5621</v>
      </c>
      <c r="D1463" t="s">
        <v>5622</v>
      </c>
      <c r="E1463" t="s">
        <v>128</v>
      </c>
      <c r="F1463">
        <v>32</v>
      </c>
      <c r="G1463">
        <v>140.875</v>
      </c>
      <c r="H1463">
        <v>122</v>
      </c>
      <c r="I1463">
        <v>4940.734375</v>
      </c>
      <c r="J1463">
        <v>70.290357624641516</v>
      </c>
      <c r="K1463">
        <v>-4.5150929728583568E-2</v>
      </c>
      <c r="L1463">
        <v>-1.1795728409023509</v>
      </c>
      <c r="M1463">
        <v>4.875</v>
      </c>
      <c r="N1463">
        <v>2</v>
      </c>
      <c r="O1463">
        <v>1</v>
      </c>
      <c r="P1463">
        <v>1</v>
      </c>
      <c r="Q1463">
        <v>0.24944382578492941</v>
      </c>
      <c r="R1463">
        <v>3.3790925052297318</v>
      </c>
      <c r="S1463">
        <v>1</v>
      </c>
      <c r="T1463">
        <v>1</v>
      </c>
      <c r="U1463">
        <v>0</v>
      </c>
      <c r="V1463">
        <v>0</v>
      </c>
      <c r="W1463">
        <v>3.4339872044851458</v>
      </c>
      <c r="X1463">
        <v>1</v>
      </c>
      <c r="Y1463">
        <v>1</v>
      </c>
      <c r="Z1463">
        <v>0</v>
      </c>
      <c r="AA1463">
        <v>0</v>
      </c>
      <c r="AB1463">
        <v>3.401197381662155</v>
      </c>
      <c r="AC1463">
        <v>1</v>
      </c>
      <c r="AD1463">
        <v>1</v>
      </c>
      <c r="AE1463">
        <v>0</v>
      </c>
      <c r="AF1463">
        <v>0</v>
      </c>
      <c r="AG1463">
        <v>3.3672958299864728</v>
      </c>
      <c r="AH1463">
        <v>-0.24420800693849279</v>
      </c>
      <c r="AI1463">
        <v>8.5182135436596917E-2</v>
      </c>
      <c r="AJ1463">
        <v>-0.2342505265538081</v>
      </c>
      <c r="AK1463">
        <v>0.1122672410794195</v>
      </c>
      <c r="AL1463">
        <v>503.07487141738142</v>
      </c>
      <c r="AM1463">
        <v>734.90385340422949</v>
      </c>
      <c r="AN1463">
        <v>4508</v>
      </c>
      <c r="AO1463">
        <v>84.246497333616915</v>
      </c>
      <c r="AP1463">
        <v>390.39805405305191</v>
      </c>
      <c r="AQ1463">
        <v>1.65625</v>
      </c>
      <c r="AR1463">
        <v>4.4375</v>
      </c>
      <c r="AS1463">
        <v>32</v>
      </c>
      <c r="AT1463">
        <v>1.75</v>
      </c>
      <c r="AU1463">
        <v>0.1158596837944664</v>
      </c>
      <c r="AV1463">
        <v>-0.25816285016322221</v>
      </c>
      <c r="AW1463">
        <v>0.4375</v>
      </c>
      <c r="AX1463">
        <v>92.032258064516128</v>
      </c>
      <c r="AY1463">
        <v>57.5</v>
      </c>
      <c r="AZ1463">
        <v>115.5</v>
      </c>
      <c r="BA1463">
        <v>0.49895551108884839</v>
      </c>
      <c r="BB1463">
        <v>0.4375</v>
      </c>
      <c r="BC1463">
        <v>3.3445488586064429</v>
      </c>
      <c r="BD1463" t="s">
        <v>5623</v>
      </c>
      <c r="BE1463" t="s">
        <v>62</v>
      </c>
    </row>
    <row r="1464" spans="1:57" x14ac:dyDescent="0.3">
      <c r="A1464" t="s">
        <v>5624</v>
      </c>
      <c r="B1464">
        <v>1013</v>
      </c>
      <c r="C1464" t="s">
        <v>5625</v>
      </c>
      <c r="D1464" t="s">
        <v>5626</v>
      </c>
      <c r="E1464" t="s">
        <v>85</v>
      </c>
      <c r="F1464">
        <v>8</v>
      </c>
      <c r="G1464">
        <v>93.5</v>
      </c>
      <c r="H1464">
        <v>73.5</v>
      </c>
      <c r="I1464">
        <v>5492.25</v>
      </c>
      <c r="J1464">
        <v>74.109715962213755</v>
      </c>
      <c r="K1464">
        <v>0.56800977400346098</v>
      </c>
      <c r="L1464">
        <v>-1.1436643245397859</v>
      </c>
      <c r="M1464">
        <v>3</v>
      </c>
      <c r="N1464">
        <v>1</v>
      </c>
      <c r="O1464">
        <v>1</v>
      </c>
      <c r="P1464">
        <v>0</v>
      </c>
      <c r="Q1464">
        <v>0</v>
      </c>
      <c r="R1464">
        <v>2.0794415416798362</v>
      </c>
      <c r="S1464">
        <v>1</v>
      </c>
      <c r="T1464">
        <v>1</v>
      </c>
      <c r="U1464">
        <v>0</v>
      </c>
      <c r="V1464">
        <v>0</v>
      </c>
      <c r="W1464">
        <v>1.945910149055313</v>
      </c>
      <c r="X1464">
        <v>1</v>
      </c>
      <c r="Y1464">
        <v>1</v>
      </c>
      <c r="Z1464">
        <v>0</v>
      </c>
      <c r="AA1464">
        <v>0</v>
      </c>
      <c r="AB1464">
        <v>1.791759469228055</v>
      </c>
      <c r="AC1464">
        <v>1</v>
      </c>
      <c r="AD1464">
        <v>1</v>
      </c>
      <c r="AE1464">
        <v>0</v>
      </c>
      <c r="AF1464">
        <v>0</v>
      </c>
      <c r="AG1464">
        <v>1.6094379124341009</v>
      </c>
      <c r="AH1464">
        <v>-8.7378806500068282E-2</v>
      </c>
      <c r="AI1464">
        <v>-0.45403750739678639</v>
      </c>
      <c r="AJ1464">
        <v>0.17377327142792109</v>
      </c>
      <c r="AK1464">
        <v>0</v>
      </c>
      <c r="AL1464">
        <v>274.10733566772728</v>
      </c>
      <c r="AM1464">
        <v>196.82776362378311</v>
      </c>
      <c r="AN1464">
        <v>748</v>
      </c>
      <c r="AO1464">
        <v>44</v>
      </c>
      <c r="AP1464">
        <v>269.94073423623928</v>
      </c>
      <c r="AQ1464">
        <v>3.5</v>
      </c>
      <c r="AR1464">
        <v>4.75</v>
      </c>
      <c r="AS1464">
        <v>8</v>
      </c>
      <c r="AT1464">
        <v>0</v>
      </c>
      <c r="AU1464">
        <v>0.3211883408071749</v>
      </c>
      <c r="AV1464">
        <v>-8.01732125373463E-2</v>
      </c>
      <c r="AW1464">
        <v>0.375</v>
      </c>
      <c r="AX1464">
        <v>83.142857142857139</v>
      </c>
      <c r="AY1464">
        <v>52</v>
      </c>
      <c r="AZ1464">
        <v>115.75</v>
      </c>
      <c r="BA1464">
        <v>0.7926172830183289</v>
      </c>
      <c r="BB1464">
        <v>0.375</v>
      </c>
      <c r="BC1464">
        <v>1.945910149055313</v>
      </c>
      <c r="BD1464" t="s">
        <v>5625</v>
      </c>
      <c r="BE1464" t="s">
        <v>68</v>
      </c>
    </row>
    <row r="1465" spans="1:57" x14ac:dyDescent="0.3">
      <c r="A1465" t="s">
        <v>5627</v>
      </c>
      <c r="B1465">
        <v>874</v>
      </c>
      <c r="C1465" t="s">
        <v>5628</v>
      </c>
      <c r="D1465" t="s">
        <v>5629</v>
      </c>
      <c r="E1465" t="s">
        <v>85</v>
      </c>
      <c r="F1465">
        <v>8</v>
      </c>
      <c r="G1465">
        <v>129.875</v>
      </c>
      <c r="H1465">
        <v>121</v>
      </c>
      <c r="I1465">
        <v>5620.109375</v>
      </c>
      <c r="J1465">
        <v>74.967388743372936</v>
      </c>
      <c r="K1465">
        <v>-0.120500424028069</v>
      </c>
      <c r="L1465">
        <v>-1.1881332132926301</v>
      </c>
      <c r="M1465">
        <v>3</v>
      </c>
      <c r="N1465">
        <v>1</v>
      </c>
      <c r="O1465">
        <v>1</v>
      </c>
      <c r="P1465">
        <v>0</v>
      </c>
      <c r="Q1465">
        <v>0</v>
      </c>
      <c r="R1465">
        <v>2.0794415416798362</v>
      </c>
      <c r="S1465">
        <v>1</v>
      </c>
      <c r="T1465">
        <v>1</v>
      </c>
      <c r="U1465">
        <v>0</v>
      </c>
      <c r="V1465">
        <v>0</v>
      </c>
      <c r="W1465">
        <v>1.945910149055313</v>
      </c>
      <c r="X1465">
        <v>1</v>
      </c>
      <c r="Y1465">
        <v>1</v>
      </c>
      <c r="Z1465">
        <v>0</v>
      </c>
      <c r="AA1465">
        <v>0</v>
      </c>
      <c r="AB1465">
        <v>1.791759469228055</v>
      </c>
      <c r="AC1465">
        <v>1</v>
      </c>
      <c r="AD1465">
        <v>1</v>
      </c>
      <c r="AE1465">
        <v>0</v>
      </c>
      <c r="AF1465">
        <v>0</v>
      </c>
      <c r="AG1465">
        <v>1.6094379124341009</v>
      </c>
      <c r="AH1465">
        <v>-0.41034600916908309</v>
      </c>
      <c r="AI1465">
        <v>-1.269784562689227E-2</v>
      </c>
      <c r="AJ1465">
        <v>0.1898327573696019</v>
      </c>
      <c r="AK1465">
        <v>0</v>
      </c>
      <c r="AL1465">
        <v>305.99747482933577</v>
      </c>
      <c r="AM1465">
        <v>293.71167051731192</v>
      </c>
      <c r="AN1465">
        <v>1039</v>
      </c>
      <c r="AO1465">
        <v>83</v>
      </c>
      <c r="AP1465">
        <v>185.80788400231589</v>
      </c>
      <c r="AQ1465">
        <v>3.5</v>
      </c>
      <c r="AR1465">
        <v>3.875</v>
      </c>
      <c r="AS1465">
        <v>8</v>
      </c>
      <c r="AT1465">
        <v>0</v>
      </c>
      <c r="AU1465">
        <v>0.22898230088495569</v>
      </c>
      <c r="AV1465">
        <v>-0.43393863383702008</v>
      </c>
      <c r="AW1465">
        <v>0.375</v>
      </c>
      <c r="AX1465">
        <v>117.8571428571429</v>
      </c>
      <c r="AY1465">
        <v>61</v>
      </c>
      <c r="AZ1465">
        <v>128</v>
      </c>
      <c r="BA1465">
        <v>0.57722724730219777</v>
      </c>
      <c r="BB1465">
        <v>0.5</v>
      </c>
      <c r="BC1465">
        <v>1.945910149055313</v>
      </c>
      <c r="BD1465" t="s">
        <v>5628</v>
      </c>
      <c r="BE1465" t="s">
        <v>68</v>
      </c>
    </row>
    <row r="1466" spans="1:57" x14ac:dyDescent="0.3">
      <c r="A1466" t="s">
        <v>5630</v>
      </c>
      <c r="B1466">
        <v>2276</v>
      </c>
      <c r="C1466" t="s">
        <v>5631</v>
      </c>
      <c r="D1466" t="s">
        <v>5632</v>
      </c>
      <c r="E1466" t="s">
        <v>93</v>
      </c>
      <c r="F1466">
        <v>2360</v>
      </c>
      <c r="G1466">
        <v>127.8830508474576</v>
      </c>
      <c r="H1466">
        <v>128</v>
      </c>
      <c r="I1466">
        <v>5492.9134415397866</v>
      </c>
      <c r="J1466">
        <v>74.114191903708871</v>
      </c>
      <c r="K1466">
        <v>-1.010123295734432E-2</v>
      </c>
      <c r="L1466">
        <v>-1.2175113018311221</v>
      </c>
      <c r="M1466">
        <v>7.9269353362218649</v>
      </c>
      <c r="N1466">
        <v>18</v>
      </c>
      <c r="O1466">
        <v>2</v>
      </c>
      <c r="P1466">
        <v>16</v>
      </c>
      <c r="Q1466">
        <v>2.9045694065558152</v>
      </c>
      <c r="R1466">
        <v>5.4945328787831826</v>
      </c>
      <c r="S1466">
        <v>2</v>
      </c>
      <c r="T1466">
        <v>1</v>
      </c>
      <c r="U1466">
        <v>1</v>
      </c>
      <c r="V1466">
        <v>0.15125637840384989</v>
      </c>
      <c r="W1466">
        <v>7.7342593382035743</v>
      </c>
      <c r="X1466">
        <v>1</v>
      </c>
      <c r="Y1466">
        <v>1</v>
      </c>
      <c r="Z1466">
        <v>0</v>
      </c>
      <c r="AA1466">
        <v>0</v>
      </c>
      <c r="AB1466">
        <v>7.7655690810973166</v>
      </c>
      <c r="AC1466">
        <v>1</v>
      </c>
      <c r="AD1466">
        <v>1</v>
      </c>
      <c r="AE1466">
        <v>0</v>
      </c>
      <c r="AF1466">
        <v>0</v>
      </c>
      <c r="AG1466">
        <v>7.7651449029361324</v>
      </c>
      <c r="AH1466">
        <v>-3.299822345422729E-3</v>
      </c>
      <c r="AI1466">
        <v>1.0222426138229461E-2</v>
      </c>
      <c r="AJ1466">
        <v>7.5348281898587272E-3</v>
      </c>
      <c r="AK1466">
        <v>-9.810434884764593E-3</v>
      </c>
      <c r="AL1466">
        <v>3327.920648800899</v>
      </c>
      <c r="AM1466">
        <v>6362.6909523632066</v>
      </c>
      <c r="AN1466">
        <v>301804</v>
      </c>
      <c r="AO1466">
        <v>100.8966449097132</v>
      </c>
      <c r="AP1466">
        <v>3063.8324971213119</v>
      </c>
      <c r="AQ1466">
        <v>1.009745762711864</v>
      </c>
      <c r="AR1466">
        <v>3.9961864406779659</v>
      </c>
      <c r="AS1466">
        <v>2350</v>
      </c>
      <c r="AT1466">
        <v>234.27796610169489</v>
      </c>
      <c r="AU1466">
        <v>1.46394150880691E-2</v>
      </c>
      <c r="AV1466">
        <v>-3.3007970875988941E-3</v>
      </c>
      <c r="AW1466">
        <v>0.3677966101694915</v>
      </c>
      <c r="AX1466">
        <v>86.520135650699444</v>
      </c>
      <c r="AY1466">
        <v>64</v>
      </c>
      <c r="AZ1466">
        <v>129</v>
      </c>
      <c r="BA1466">
        <v>0.57954663587213207</v>
      </c>
      <c r="BB1466">
        <v>0.50169491525423726</v>
      </c>
      <c r="BC1466">
        <v>5.2976825812388544</v>
      </c>
      <c r="BD1466" t="s">
        <v>5633</v>
      </c>
      <c r="BE1466" t="s">
        <v>68</v>
      </c>
    </row>
    <row r="1467" spans="1:57" x14ac:dyDescent="0.3">
      <c r="A1467" t="s">
        <v>5634</v>
      </c>
      <c r="B1467">
        <v>1418</v>
      </c>
      <c r="C1467" t="s">
        <v>5635</v>
      </c>
      <c r="D1467" t="s">
        <v>5636</v>
      </c>
      <c r="E1467" t="s">
        <v>93</v>
      </c>
      <c r="F1467">
        <v>1420</v>
      </c>
      <c r="G1467">
        <v>123.86408450704231</v>
      </c>
      <c r="H1467">
        <v>122</v>
      </c>
      <c r="I1467">
        <v>5575.2892734576471</v>
      </c>
      <c r="J1467">
        <v>74.667859708563014</v>
      </c>
      <c r="K1467">
        <v>5.7762221091266303E-2</v>
      </c>
      <c r="L1467">
        <v>-1.1780447023960119</v>
      </c>
      <c r="M1467">
        <v>7.8630781229035094</v>
      </c>
      <c r="N1467">
        <v>14</v>
      </c>
      <c r="O1467">
        <v>1</v>
      </c>
      <c r="P1467">
        <v>13</v>
      </c>
      <c r="Q1467">
        <v>2.3811085095759501</v>
      </c>
      <c r="R1467">
        <v>5.4502704314131378</v>
      </c>
      <c r="S1467">
        <v>2</v>
      </c>
      <c r="T1467">
        <v>1</v>
      </c>
      <c r="U1467">
        <v>1</v>
      </c>
      <c r="V1467">
        <v>9.5711013193756536E-2</v>
      </c>
      <c r="W1467">
        <v>7.2450073059869906</v>
      </c>
      <c r="X1467">
        <v>1</v>
      </c>
      <c r="Y1467">
        <v>1</v>
      </c>
      <c r="Z1467">
        <v>0</v>
      </c>
      <c r="AA1467">
        <v>0</v>
      </c>
      <c r="AB1467">
        <v>7.2570027070920728</v>
      </c>
      <c r="AC1467">
        <v>1</v>
      </c>
      <c r="AD1467">
        <v>1</v>
      </c>
      <c r="AE1467">
        <v>0</v>
      </c>
      <c r="AF1467">
        <v>0</v>
      </c>
      <c r="AG1467">
        <v>7.2562972396906797</v>
      </c>
      <c r="AH1467">
        <v>-2.2365596955216231E-2</v>
      </c>
      <c r="AI1467">
        <v>-1.1970456445832041E-2</v>
      </c>
      <c r="AJ1467">
        <v>4.6806567846953917E-2</v>
      </c>
      <c r="AK1467">
        <v>-4.436680781798358E-3</v>
      </c>
      <c r="AL1467">
        <v>2607.2093286121012</v>
      </c>
      <c r="AM1467">
        <v>4785.9641157031292</v>
      </c>
      <c r="AN1467">
        <v>175887</v>
      </c>
      <c r="AO1467">
        <v>137.7141814263116</v>
      </c>
      <c r="AP1467">
        <v>2342.0311327286909</v>
      </c>
      <c r="AQ1467">
        <v>1.0161971830985921</v>
      </c>
      <c r="AR1467">
        <v>3.950704225352113</v>
      </c>
      <c r="AS1467">
        <v>1415</v>
      </c>
      <c r="AT1467">
        <v>261.66760563380279</v>
      </c>
      <c r="AU1467">
        <v>3.1262082297707772E-2</v>
      </c>
      <c r="AV1467">
        <v>-2.237807538538791E-2</v>
      </c>
      <c r="AW1467">
        <v>0.38943661971830978</v>
      </c>
      <c r="AX1467">
        <v>87.866807610993661</v>
      </c>
      <c r="AY1467">
        <v>64</v>
      </c>
      <c r="AZ1467">
        <v>128</v>
      </c>
      <c r="BA1467">
        <v>0.60282090652611897</v>
      </c>
      <c r="BB1467">
        <v>0.4943661971830986</v>
      </c>
      <c r="BC1467">
        <v>5.2747826965571711</v>
      </c>
      <c r="BD1467" t="s">
        <v>5637</v>
      </c>
      <c r="BE1467" t="s">
        <v>68</v>
      </c>
    </row>
    <row r="1468" spans="1:57" x14ac:dyDescent="0.3">
      <c r="A1468" t="s">
        <v>5638</v>
      </c>
      <c r="B1468">
        <v>3812</v>
      </c>
      <c r="C1468" t="s">
        <v>5639</v>
      </c>
      <c r="D1468" t="s">
        <v>5640</v>
      </c>
      <c r="E1468" t="s">
        <v>10622</v>
      </c>
      <c r="F1468">
        <v>64</v>
      </c>
      <c r="G1468">
        <v>127.796875</v>
      </c>
      <c r="H1468">
        <v>133</v>
      </c>
      <c r="I1468">
        <v>5507.880615234375</v>
      </c>
      <c r="J1468">
        <v>74.215096949572029</v>
      </c>
      <c r="K1468">
        <v>-5.9988395280923458E-2</v>
      </c>
      <c r="L1468">
        <v>-1.3384771666011981</v>
      </c>
      <c r="M1468">
        <v>5.9375</v>
      </c>
      <c r="N1468">
        <v>2</v>
      </c>
      <c r="O1468">
        <v>1</v>
      </c>
      <c r="P1468">
        <v>1</v>
      </c>
      <c r="Q1468">
        <v>0.17668469596940839</v>
      </c>
      <c r="R1468">
        <v>4.1155613845746766</v>
      </c>
      <c r="S1468">
        <v>1</v>
      </c>
      <c r="T1468">
        <v>1</v>
      </c>
      <c r="U1468">
        <v>0</v>
      </c>
      <c r="V1468">
        <v>0</v>
      </c>
      <c r="W1468">
        <v>4.1431347263915326</v>
      </c>
      <c r="X1468">
        <v>1</v>
      </c>
      <c r="Y1468">
        <v>1</v>
      </c>
      <c r="Z1468">
        <v>0</v>
      </c>
      <c r="AA1468">
        <v>0</v>
      </c>
      <c r="AB1468">
        <v>4.1271343850450908</v>
      </c>
      <c r="AC1468">
        <v>1</v>
      </c>
      <c r="AD1468">
        <v>1</v>
      </c>
      <c r="AE1468">
        <v>0</v>
      </c>
      <c r="AF1468">
        <v>0</v>
      </c>
      <c r="AG1468">
        <v>4.1108738641733096</v>
      </c>
      <c r="AH1468">
        <v>3.8279950322201238E-2</v>
      </c>
      <c r="AI1468">
        <v>-4.9724530501152053E-2</v>
      </c>
      <c r="AJ1468">
        <v>-6.6158720959301962E-2</v>
      </c>
      <c r="AK1468">
        <v>2.3256343316942131E-2</v>
      </c>
      <c r="AL1468">
        <v>656.80749475113544</v>
      </c>
      <c r="AM1468">
        <v>983.03556132966878</v>
      </c>
      <c r="AN1468">
        <v>8179</v>
      </c>
      <c r="AO1468">
        <v>116.7824840660364</v>
      </c>
      <c r="AP1468">
        <v>520.11047991701571</v>
      </c>
      <c r="AQ1468">
        <v>1.359375</v>
      </c>
      <c r="AR1468">
        <v>3.859375</v>
      </c>
      <c r="AS1468">
        <v>64</v>
      </c>
      <c r="AT1468">
        <v>1.875</v>
      </c>
      <c r="AU1468">
        <v>8.1122448979591866E-2</v>
      </c>
      <c r="AV1468">
        <v>3.8913679205971101E-2</v>
      </c>
      <c r="AW1468">
        <v>0.34375</v>
      </c>
      <c r="AX1468">
        <v>81.269841269841265</v>
      </c>
      <c r="AY1468">
        <v>68.5</v>
      </c>
      <c r="AZ1468">
        <v>140.5</v>
      </c>
      <c r="BA1468">
        <v>0.58072700877523042</v>
      </c>
      <c r="BB1468">
        <v>0.546875</v>
      </c>
      <c r="BC1468">
        <v>3.7910599680118779</v>
      </c>
      <c r="BD1468" t="s">
        <v>5641</v>
      </c>
      <c r="BE1468" t="s">
        <v>62</v>
      </c>
    </row>
    <row r="1469" spans="1:57" x14ac:dyDescent="0.3">
      <c r="A1469" t="s">
        <v>5642</v>
      </c>
      <c r="B1469">
        <v>152</v>
      </c>
      <c r="C1469" t="s">
        <v>5643</v>
      </c>
      <c r="D1469" t="s">
        <v>5644</v>
      </c>
      <c r="E1469" t="s">
        <v>60</v>
      </c>
      <c r="F1469">
        <v>512</v>
      </c>
      <c r="G1469">
        <v>130.65234375</v>
      </c>
      <c r="H1469">
        <v>132.5</v>
      </c>
      <c r="I1469">
        <v>5259.9103851318359</v>
      </c>
      <c r="J1469">
        <v>72.525239642015904</v>
      </c>
      <c r="K1469">
        <v>7.8932134456487172E-3</v>
      </c>
      <c r="L1469">
        <v>-1.155874991999539</v>
      </c>
      <c r="M1469">
        <v>7.5482389927312488</v>
      </c>
      <c r="N1469">
        <v>7</v>
      </c>
      <c r="O1469">
        <v>1</v>
      </c>
      <c r="P1469">
        <v>6</v>
      </c>
      <c r="Q1469">
        <v>1.3232468336162231</v>
      </c>
      <c r="R1469">
        <v>5.2320405760043061</v>
      </c>
      <c r="S1469">
        <v>2</v>
      </c>
      <c r="T1469">
        <v>1</v>
      </c>
      <c r="U1469">
        <v>1</v>
      </c>
      <c r="V1469">
        <v>6.2560641760670568E-2</v>
      </c>
      <c r="W1469">
        <v>6.2309437805711401</v>
      </c>
      <c r="X1469">
        <v>1</v>
      </c>
      <c r="Y1469">
        <v>1</v>
      </c>
      <c r="Z1469">
        <v>0</v>
      </c>
      <c r="AA1469">
        <v>0</v>
      </c>
      <c r="AB1469">
        <v>6.2344107257183694</v>
      </c>
      <c r="AC1469">
        <v>1</v>
      </c>
      <c r="AD1469">
        <v>1</v>
      </c>
      <c r="AE1469">
        <v>0</v>
      </c>
      <c r="AF1469">
        <v>0</v>
      </c>
      <c r="AG1469">
        <v>6.2324480165505216</v>
      </c>
      <c r="AH1469">
        <v>-6.4330372632946913E-4</v>
      </c>
      <c r="AI1469">
        <v>2.6521374716602691E-2</v>
      </c>
      <c r="AJ1469">
        <v>-3.2340041673960531E-3</v>
      </c>
      <c r="AK1469">
        <v>-6.0780230531076521E-2</v>
      </c>
      <c r="AL1469">
        <v>1571.634031896238</v>
      </c>
      <c r="AM1469">
        <v>2993.8100256672219</v>
      </c>
      <c r="AN1469">
        <v>66894</v>
      </c>
      <c r="AO1469">
        <v>107.7316953038497</v>
      </c>
      <c r="AP1469">
        <v>1344.689053505077</v>
      </c>
      <c r="AQ1469">
        <v>1.044921875</v>
      </c>
      <c r="AR1469">
        <v>4.091796875</v>
      </c>
      <c r="AS1469">
        <v>507</v>
      </c>
      <c r="AT1469">
        <v>161.0390625</v>
      </c>
      <c r="AU1469">
        <v>3.8166360294117629E-2</v>
      </c>
      <c r="AV1469">
        <v>-6.4879786242211571E-4</v>
      </c>
      <c r="AW1469">
        <v>0.390625</v>
      </c>
      <c r="AX1469">
        <v>84.407045009784738</v>
      </c>
      <c r="AY1469">
        <v>58.5</v>
      </c>
      <c r="AZ1469">
        <v>116.25</v>
      </c>
      <c r="BA1469">
        <v>0.55510094622405814</v>
      </c>
      <c r="BB1469">
        <v>0.50390625</v>
      </c>
      <c r="BC1469">
        <v>5.089255285037698</v>
      </c>
      <c r="BD1469" t="s">
        <v>5645</v>
      </c>
      <c r="BE1469" t="s">
        <v>62</v>
      </c>
    </row>
    <row r="1470" spans="1:57" x14ac:dyDescent="0.3">
      <c r="A1470" t="s">
        <v>5646</v>
      </c>
      <c r="B1470">
        <v>3569</v>
      </c>
      <c r="C1470" t="s">
        <v>5647</v>
      </c>
      <c r="D1470" t="s">
        <v>5648</v>
      </c>
      <c r="E1470" t="s">
        <v>66</v>
      </c>
      <c r="F1470">
        <v>70</v>
      </c>
      <c r="G1470">
        <v>129.67142857142861</v>
      </c>
      <c r="H1470">
        <v>119.5</v>
      </c>
      <c r="I1470">
        <v>5439.1634693877559</v>
      </c>
      <c r="J1470">
        <v>73.75068453504521</v>
      </c>
      <c r="K1470">
        <v>4.1036614703223839E-2</v>
      </c>
      <c r="L1470">
        <v>-1.1163246742144439</v>
      </c>
      <c r="M1470">
        <v>5.832784624056921</v>
      </c>
      <c r="N1470">
        <v>3</v>
      </c>
      <c r="O1470">
        <v>1</v>
      </c>
      <c r="P1470">
        <v>2</v>
      </c>
      <c r="Q1470">
        <v>0.41499665326629109</v>
      </c>
      <c r="R1470">
        <v>4.0429782169784536</v>
      </c>
      <c r="S1470">
        <v>2</v>
      </c>
      <c r="T1470">
        <v>1</v>
      </c>
      <c r="U1470">
        <v>1</v>
      </c>
      <c r="V1470">
        <v>0.1203728348804772</v>
      </c>
      <c r="W1470">
        <v>4.2140152819723324</v>
      </c>
      <c r="X1470">
        <v>1</v>
      </c>
      <c r="Y1470">
        <v>1</v>
      </c>
      <c r="Z1470">
        <v>0</v>
      </c>
      <c r="AA1470">
        <v>0</v>
      </c>
      <c r="AB1470">
        <v>4.2195077051761087</v>
      </c>
      <c r="AC1470">
        <v>1</v>
      </c>
      <c r="AD1470">
        <v>1</v>
      </c>
      <c r="AE1470">
        <v>0</v>
      </c>
      <c r="AF1470">
        <v>0</v>
      </c>
      <c r="AG1470">
        <v>4.2046926193909648</v>
      </c>
      <c r="AH1470">
        <v>-5.4802790883204062E-2</v>
      </c>
      <c r="AI1470">
        <v>8.546523138121688E-2</v>
      </c>
      <c r="AJ1470">
        <v>-6.0454779031119989E-2</v>
      </c>
      <c r="AK1470">
        <v>-8.1903940521380354E-3</v>
      </c>
      <c r="AL1470">
        <v>652.68528290923166</v>
      </c>
      <c r="AM1470">
        <v>1063.8472265667169</v>
      </c>
      <c r="AN1470">
        <v>9077</v>
      </c>
      <c r="AO1470">
        <v>84.233139577837036</v>
      </c>
      <c r="AP1470">
        <v>486.45393380840272</v>
      </c>
      <c r="AQ1470">
        <v>1.328571428571429</v>
      </c>
      <c r="AR1470">
        <v>4.0999999999999996</v>
      </c>
      <c r="AS1470">
        <v>70</v>
      </c>
      <c r="AT1470">
        <v>8.8571428571428559</v>
      </c>
      <c r="AU1470">
        <v>6.9187675070027987E-2</v>
      </c>
      <c r="AV1470">
        <v>-5.5798294511144812E-2</v>
      </c>
      <c r="AW1470">
        <v>0.44285714285714278</v>
      </c>
      <c r="AX1470">
        <v>89.043478260869563</v>
      </c>
      <c r="AY1470">
        <v>58.5</v>
      </c>
      <c r="AZ1470">
        <v>119.25</v>
      </c>
      <c r="BA1470">
        <v>0.56875045912230526</v>
      </c>
      <c r="BB1470">
        <v>0.47142857142857142</v>
      </c>
      <c r="BC1470">
        <v>3.977845220235408</v>
      </c>
      <c r="BD1470" t="s">
        <v>5649</v>
      </c>
      <c r="BE1470" t="s">
        <v>68</v>
      </c>
    </row>
    <row r="1471" spans="1:57" x14ac:dyDescent="0.3">
      <c r="A1471" t="s">
        <v>5650</v>
      </c>
      <c r="B1471">
        <v>774</v>
      </c>
      <c r="C1471" t="s">
        <v>5651</v>
      </c>
      <c r="D1471" t="s">
        <v>5652</v>
      </c>
      <c r="E1471" t="s">
        <v>128</v>
      </c>
      <c r="F1471">
        <v>32</v>
      </c>
      <c r="G1471">
        <v>138.0625</v>
      </c>
      <c r="H1471">
        <v>163</v>
      </c>
      <c r="I1471">
        <v>5246.93359375</v>
      </c>
      <c r="J1471">
        <v>72.435720426803243</v>
      </c>
      <c r="K1471">
        <v>-0.44456669476148708</v>
      </c>
      <c r="L1471">
        <v>-0.9771545118623286</v>
      </c>
      <c r="M1471">
        <v>4.9375</v>
      </c>
      <c r="N1471">
        <v>2</v>
      </c>
      <c r="O1471">
        <v>1</v>
      </c>
      <c r="P1471">
        <v>1</v>
      </c>
      <c r="Q1471">
        <v>0.1766846959694085</v>
      </c>
      <c r="R1471">
        <v>3.422414204014729</v>
      </c>
      <c r="S1471">
        <v>1</v>
      </c>
      <c r="T1471">
        <v>1</v>
      </c>
      <c r="U1471">
        <v>0</v>
      </c>
      <c r="V1471">
        <v>0</v>
      </c>
      <c r="W1471">
        <v>3.4339872044851458</v>
      </c>
      <c r="X1471">
        <v>1</v>
      </c>
      <c r="Y1471">
        <v>1</v>
      </c>
      <c r="Z1471">
        <v>0</v>
      </c>
      <c r="AA1471">
        <v>0</v>
      </c>
      <c r="AB1471">
        <v>3.401197381662155</v>
      </c>
      <c r="AC1471">
        <v>1</v>
      </c>
      <c r="AD1471">
        <v>1</v>
      </c>
      <c r="AE1471">
        <v>0</v>
      </c>
      <c r="AF1471">
        <v>0</v>
      </c>
      <c r="AG1471">
        <v>3.3672958299864728</v>
      </c>
      <c r="AH1471">
        <v>-0.25537946736002798</v>
      </c>
      <c r="AI1471">
        <v>0.22217510785689559</v>
      </c>
      <c r="AJ1471">
        <v>-0.1447047987477805</v>
      </c>
      <c r="AK1471">
        <v>-0.26813712808448392</v>
      </c>
      <c r="AL1471">
        <v>498.05556858584953</v>
      </c>
      <c r="AM1471">
        <v>727.87543618439702</v>
      </c>
      <c r="AN1471">
        <v>4418</v>
      </c>
      <c r="AO1471">
        <v>62.554843348684962</v>
      </c>
      <c r="AP1471">
        <v>362.13809520678711</v>
      </c>
      <c r="AQ1471">
        <v>1.71875</v>
      </c>
      <c r="AR1471">
        <v>4</v>
      </c>
      <c r="AS1471">
        <v>32</v>
      </c>
      <c r="AT1471">
        <v>0.93749999999999978</v>
      </c>
      <c r="AU1471">
        <v>0.17383603238866399</v>
      </c>
      <c r="AV1471">
        <v>-0.26110271851678152</v>
      </c>
      <c r="AW1471">
        <v>0.25</v>
      </c>
      <c r="AX1471">
        <v>96.032258064516128</v>
      </c>
      <c r="AY1471">
        <v>49.5</v>
      </c>
      <c r="AZ1471">
        <v>112.5</v>
      </c>
      <c r="BA1471">
        <v>0.52465890757304301</v>
      </c>
      <c r="BB1471">
        <v>0.5625</v>
      </c>
      <c r="BC1471">
        <v>3.3445488586064429</v>
      </c>
      <c r="BD1471" t="s">
        <v>5653</v>
      </c>
      <c r="BE1471" t="s">
        <v>62</v>
      </c>
    </row>
    <row r="1472" spans="1:57" x14ac:dyDescent="0.3">
      <c r="A1472" t="s">
        <v>5654</v>
      </c>
      <c r="B1472">
        <v>2069</v>
      </c>
      <c r="C1472" t="s">
        <v>5655</v>
      </c>
      <c r="D1472" t="s">
        <v>5656</v>
      </c>
      <c r="E1472" t="s">
        <v>106</v>
      </c>
      <c r="F1472">
        <v>2129</v>
      </c>
      <c r="G1472">
        <v>127.5462658525129</v>
      </c>
      <c r="H1472">
        <v>127</v>
      </c>
      <c r="I1472">
        <v>5554.0656142853577</v>
      </c>
      <c r="J1472">
        <v>74.525603749888248</v>
      </c>
      <c r="K1472">
        <v>3.0306772205871212E-2</v>
      </c>
      <c r="L1472">
        <v>-1.2084245984007269</v>
      </c>
      <c r="M1472">
        <v>7.9026988830736382</v>
      </c>
      <c r="N1472">
        <v>16</v>
      </c>
      <c r="O1472">
        <v>1</v>
      </c>
      <c r="P1472">
        <v>15</v>
      </c>
      <c r="Q1472">
        <v>3.002193920279125</v>
      </c>
      <c r="R1472">
        <v>5.4777334496167116</v>
      </c>
      <c r="S1472">
        <v>2</v>
      </c>
      <c r="T1472">
        <v>1</v>
      </c>
      <c r="U1472">
        <v>1</v>
      </c>
      <c r="V1472">
        <v>0.1226135756046489</v>
      </c>
      <c r="W1472">
        <v>7.6420913187153712</v>
      </c>
      <c r="X1472">
        <v>1</v>
      </c>
      <c r="Y1472">
        <v>1</v>
      </c>
      <c r="Z1472">
        <v>0</v>
      </c>
      <c r="AA1472">
        <v>0</v>
      </c>
      <c r="AB1472">
        <v>7.6624678152002339</v>
      </c>
      <c r="AC1472">
        <v>1</v>
      </c>
      <c r="AD1472">
        <v>1</v>
      </c>
      <c r="AE1472">
        <v>0</v>
      </c>
      <c r="AF1472">
        <v>0</v>
      </c>
      <c r="AG1472">
        <v>7.6619975589018932</v>
      </c>
      <c r="AH1472">
        <v>-3.0276405849925841E-2</v>
      </c>
      <c r="AI1472">
        <v>-1.021146264394875E-2</v>
      </c>
      <c r="AJ1472">
        <v>8.1373078933641915E-3</v>
      </c>
      <c r="AK1472">
        <v>-6.4790047860881208E-3</v>
      </c>
      <c r="AL1472">
        <v>3176.8134978340108</v>
      </c>
      <c r="AM1472">
        <v>6030.5173907368526</v>
      </c>
      <c r="AN1472">
        <v>271546</v>
      </c>
      <c r="AO1472">
        <v>28.980771157519079</v>
      </c>
      <c r="AP1472">
        <v>2855.7941433038659</v>
      </c>
      <c r="AQ1472">
        <v>1.010803193987788</v>
      </c>
      <c r="AR1472">
        <v>4.003287928604979</v>
      </c>
      <c r="AS1472">
        <v>2121</v>
      </c>
      <c r="AT1472">
        <v>277.44809769844989</v>
      </c>
      <c r="AU1472">
        <v>1.4522145166192321E-2</v>
      </c>
      <c r="AV1472">
        <v>-3.030379607758216E-2</v>
      </c>
      <c r="AW1472">
        <v>0.37482386096759041</v>
      </c>
      <c r="AX1472">
        <v>87.855733082706763</v>
      </c>
      <c r="AY1472">
        <v>66</v>
      </c>
      <c r="AZ1472">
        <v>131</v>
      </c>
      <c r="BA1472">
        <v>0.584302513693857</v>
      </c>
      <c r="BB1472">
        <v>0.49506810709253168</v>
      </c>
      <c r="BC1472">
        <v>5.3097137286877842</v>
      </c>
      <c r="BD1472" t="s">
        <v>5657</v>
      </c>
      <c r="BE1472" t="s">
        <v>68</v>
      </c>
    </row>
    <row r="1473" spans="1:57" x14ac:dyDescent="0.3">
      <c r="A1473" t="s">
        <v>5658</v>
      </c>
      <c r="B1473">
        <v>2381</v>
      </c>
      <c r="C1473" t="s">
        <v>5659</v>
      </c>
      <c r="D1473" t="s">
        <v>5660</v>
      </c>
      <c r="E1473" t="s">
        <v>85</v>
      </c>
      <c r="F1473">
        <v>8</v>
      </c>
      <c r="G1473">
        <v>152.5</v>
      </c>
      <c r="H1473">
        <v>142.5</v>
      </c>
      <c r="I1473">
        <v>7086.75</v>
      </c>
      <c r="J1473">
        <v>84.182836730535513</v>
      </c>
      <c r="K1473">
        <v>-0.21117775650641379</v>
      </c>
      <c r="L1473">
        <v>-1.210886054353177</v>
      </c>
      <c r="M1473">
        <v>2.75</v>
      </c>
      <c r="N1473">
        <v>2</v>
      </c>
      <c r="O1473">
        <v>1</v>
      </c>
      <c r="P1473">
        <v>1</v>
      </c>
      <c r="Q1473">
        <v>0.3499271061118826</v>
      </c>
      <c r="R1473">
        <v>1.9061547465398501</v>
      </c>
      <c r="S1473">
        <v>1</v>
      </c>
      <c r="T1473">
        <v>1</v>
      </c>
      <c r="U1473">
        <v>0</v>
      </c>
      <c r="V1473">
        <v>0</v>
      </c>
      <c r="W1473">
        <v>1.945910149055313</v>
      </c>
      <c r="X1473">
        <v>1</v>
      </c>
      <c r="Y1473">
        <v>1</v>
      </c>
      <c r="Z1473">
        <v>0</v>
      </c>
      <c r="AA1473">
        <v>0</v>
      </c>
      <c r="AB1473">
        <v>1.791759469228055</v>
      </c>
      <c r="AC1473">
        <v>1</v>
      </c>
      <c r="AD1473">
        <v>1</v>
      </c>
      <c r="AE1473">
        <v>0</v>
      </c>
      <c r="AF1473">
        <v>0</v>
      </c>
      <c r="AG1473">
        <v>1.6094379124341009</v>
      </c>
      <c r="AH1473">
        <v>-0.4435875048506015</v>
      </c>
      <c r="AI1473">
        <v>0.34879352312414008</v>
      </c>
      <c r="AJ1473">
        <v>-0.3195532155078139</v>
      </c>
      <c r="AK1473">
        <v>0</v>
      </c>
      <c r="AL1473">
        <v>344.44944594941859</v>
      </c>
      <c r="AM1473">
        <v>352.27628246184628</v>
      </c>
      <c r="AN1473">
        <v>1220</v>
      </c>
      <c r="AO1473">
        <v>112.9804499632337</v>
      </c>
      <c r="AP1473">
        <v>203.9086669172205</v>
      </c>
      <c r="AQ1473">
        <v>3.5</v>
      </c>
      <c r="AR1473">
        <v>4.5</v>
      </c>
      <c r="AS1473">
        <v>8</v>
      </c>
      <c r="AT1473">
        <v>0.74999999999999989</v>
      </c>
      <c r="AU1473">
        <v>0.31175889328063239</v>
      </c>
      <c r="AV1473">
        <v>-0.61182797729004346</v>
      </c>
      <c r="AW1473">
        <v>0.375</v>
      </c>
      <c r="AX1473">
        <v>125.5714285714286</v>
      </c>
      <c r="AY1473">
        <v>79</v>
      </c>
      <c r="AZ1473">
        <v>146.75</v>
      </c>
      <c r="BA1473">
        <v>0.55201860151170823</v>
      </c>
      <c r="BB1473">
        <v>0.5</v>
      </c>
      <c r="BC1473">
        <v>1.7478680974667571</v>
      </c>
      <c r="BD1473" t="s">
        <v>5659</v>
      </c>
      <c r="BE1473" t="s">
        <v>68</v>
      </c>
    </row>
    <row r="1474" spans="1:57" x14ac:dyDescent="0.3">
      <c r="A1474" t="s">
        <v>5661</v>
      </c>
      <c r="B1474">
        <v>2984</v>
      </c>
      <c r="C1474" t="s">
        <v>5662</v>
      </c>
      <c r="D1474" t="s">
        <v>5663</v>
      </c>
      <c r="E1474" t="s">
        <v>93</v>
      </c>
      <c r="F1474">
        <v>3000</v>
      </c>
      <c r="G1474">
        <v>127.2626666666667</v>
      </c>
      <c r="H1474">
        <v>128</v>
      </c>
      <c r="I1474">
        <v>5500.0343395555556</v>
      </c>
      <c r="J1474">
        <v>74.162216387831577</v>
      </c>
      <c r="K1474">
        <v>1.200263951129214E-2</v>
      </c>
      <c r="L1474">
        <v>-1.1905897558431959</v>
      </c>
      <c r="M1474">
        <v>7.9386308110154431</v>
      </c>
      <c r="N1474">
        <v>24</v>
      </c>
      <c r="O1474">
        <v>4</v>
      </c>
      <c r="P1474">
        <v>20</v>
      </c>
      <c r="Q1474">
        <v>3.3702223127710731</v>
      </c>
      <c r="R1474">
        <v>5.5026395641616572</v>
      </c>
      <c r="S1474">
        <v>3</v>
      </c>
      <c r="T1474">
        <v>1</v>
      </c>
      <c r="U1474">
        <v>2</v>
      </c>
      <c r="V1474">
        <v>0.14268433783888251</v>
      </c>
      <c r="W1474">
        <v>7.9793368546838668</v>
      </c>
      <c r="X1474">
        <v>1</v>
      </c>
      <c r="Y1474">
        <v>1</v>
      </c>
      <c r="Z1474">
        <v>0</v>
      </c>
      <c r="AA1474">
        <v>0</v>
      </c>
      <c r="AB1474">
        <v>8.005700678662544</v>
      </c>
      <c r="AC1474">
        <v>1</v>
      </c>
      <c r="AD1474">
        <v>1</v>
      </c>
      <c r="AE1474">
        <v>0</v>
      </c>
      <c r="AF1474">
        <v>0</v>
      </c>
      <c r="AG1474">
        <v>8.0053670673166639</v>
      </c>
      <c r="AH1474">
        <v>-5.1971798941758407E-3</v>
      </c>
      <c r="AI1474">
        <v>-5.8640083694807277E-2</v>
      </c>
      <c r="AJ1474">
        <v>8.3613701204389799E-3</v>
      </c>
      <c r="AK1474">
        <v>8.9699602013463848E-3</v>
      </c>
      <c r="AL1474">
        <v>3743.1098521491672</v>
      </c>
      <c r="AM1474">
        <v>7146.7888337870891</v>
      </c>
      <c r="AN1474">
        <v>381788</v>
      </c>
      <c r="AO1474">
        <v>128.37350610853551</v>
      </c>
      <c r="AP1474">
        <v>3419.8479004751289</v>
      </c>
      <c r="AQ1474">
        <v>1.0076666666666669</v>
      </c>
      <c r="AR1474">
        <v>4.0199999999999996</v>
      </c>
      <c r="AS1474">
        <v>2983</v>
      </c>
      <c r="AT1474">
        <v>248.12799999999999</v>
      </c>
      <c r="AU1474">
        <v>1.1254901960784269E-2</v>
      </c>
      <c r="AV1474">
        <v>-5.1994118045949073E-3</v>
      </c>
      <c r="AW1474">
        <v>0.36699999999999999</v>
      </c>
      <c r="AX1474">
        <v>85.720906968989667</v>
      </c>
      <c r="AY1474">
        <v>64</v>
      </c>
      <c r="AZ1474">
        <v>129</v>
      </c>
      <c r="BA1474">
        <v>0.58274919369779754</v>
      </c>
      <c r="BB1474">
        <v>0.502</v>
      </c>
      <c r="BC1474">
        <v>5.3211202807249087</v>
      </c>
      <c r="BD1474" t="s">
        <v>5664</v>
      </c>
      <c r="BE1474" t="s">
        <v>68</v>
      </c>
    </row>
    <row r="1475" spans="1:57" x14ac:dyDescent="0.3">
      <c r="A1475" t="s">
        <v>5665</v>
      </c>
      <c r="B1475">
        <v>2746</v>
      </c>
      <c r="C1475" t="s">
        <v>5666</v>
      </c>
      <c r="D1475" t="s">
        <v>5667</v>
      </c>
      <c r="E1475" t="s">
        <v>128</v>
      </c>
      <c r="F1475">
        <v>32</v>
      </c>
      <c r="G1475">
        <v>141.90625</v>
      </c>
      <c r="H1475">
        <v>143.5</v>
      </c>
      <c r="I1475">
        <v>4791.8349609375</v>
      </c>
      <c r="J1475">
        <v>69.223081128605514</v>
      </c>
      <c r="K1475">
        <v>-0.24048307170995001</v>
      </c>
      <c r="L1475">
        <v>-1.037871959541105</v>
      </c>
      <c r="M1475">
        <v>4.8125</v>
      </c>
      <c r="N1475">
        <v>2</v>
      </c>
      <c r="O1475">
        <v>1</v>
      </c>
      <c r="P1475">
        <v>1</v>
      </c>
      <c r="Q1475">
        <v>0.3045434781492361</v>
      </c>
      <c r="R1475">
        <v>3.335770806444736</v>
      </c>
      <c r="S1475">
        <v>1</v>
      </c>
      <c r="T1475">
        <v>1</v>
      </c>
      <c r="U1475">
        <v>0</v>
      </c>
      <c r="V1475">
        <v>0</v>
      </c>
      <c r="W1475">
        <v>3.4339872044851458</v>
      </c>
      <c r="X1475">
        <v>1</v>
      </c>
      <c r="Y1475">
        <v>1</v>
      </c>
      <c r="Z1475">
        <v>0</v>
      </c>
      <c r="AA1475">
        <v>0</v>
      </c>
      <c r="AB1475">
        <v>3.401197381662155</v>
      </c>
      <c r="AC1475">
        <v>1</v>
      </c>
      <c r="AD1475">
        <v>1</v>
      </c>
      <c r="AE1475">
        <v>0</v>
      </c>
      <c r="AF1475">
        <v>0</v>
      </c>
      <c r="AG1475">
        <v>3.3672958299864728</v>
      </c>
      <c r="AH1475">
        <v>4.656372845124937E-2</v>
      </c>
      <c r="AI1475">
        <v>-0.16134818413646751</v>
      </c>
      <c r="AJ1475">
        <v>-5.0315571032593487E-2</v>
      </c>
      <c r="AK1475">
        <v>3.3614690638922532E-3</v>
      </c>
      <c r="AL1475">
        <v>481.83535915878372</v>
      </c>
      <c r="AM1475">
        <v>752.04367337563986</v>
      </c>
      <c r="AN1475">
        <v>4541</v>
      </c>
      <c r="AO1475">
        <v>42.060177111537953</v>
      </c>
      <c r="AP1475">
        <v>291.22819352151117</v>
      </c>
      <c r="AQ1475">
        <v>1.71875</v>
      </c>
      <c r="AR1475">
        <v>4.15625</v>
      </c>
      <c r="AS1475">
        <v>32</v>
      </c>
      <c r="AT1475">
        <v>2.4375</v>
      </c>
      <c r="AU1475">
        <v>0.13533464566929129</v>
      </c>
      <c r="AV1475">
        <v>4.7297037194571803E-2</v>
      </c>
      <c r="AW1475">
        <v>0.375</v>
      </c>
      <c r="AX1475">
        <v>83.612903225806448</v>
      </c>
      <c r="AY1475">
        <v>58.5</v>
      </c>
      <c r="AZ1475">
        <v>118.75</v>
      </c>
      <c r="BA1475">
        <v>0.48780854351803049</v>
      </c>
      <c r="BB1475">
        <v>0.5</v>
      </c>
      <c r="BC1475">
        <v>3.3445488586064429</v>
      </c>
      <c r="BD1475" t="s">
        <v>5668</v>
      </c>
      <c r="BE1475" t="s">
        <v>62</v>
      </c>
    </row>
    <row r="1476" spans="1:57" x14ac:dyDescent="0.3">
      <c r="A1476" t="s">
        <v>5669</v>
      </c>
      <c r="B1476">
        <v>1102</v>
      </c>
      <c r="C1476" t="s">
        <v>5670</v>
      </c>
      <c r="D1476" t="s">
        <v>5671</v>
      </c>
      <c r="E1476" t="s">
        <v>98</v>
      </c>
      <c r="F1476">
        <v>16</v>
      </c>
      <c r="G1476">
        <v>132.5625</v>
      </c>
      <c r="H1476">
        <v>122.5</v>
      </c>
      <c r="I1476">
        <v>5603.62109375</v>
      </c>
      <c r="J1476">
        <v>74.857338275883151</v>
      </c>
      <c r="K1476">
        <v>-0.19940531003808959</v>
      </c>
      <c r="L1476">
        <v>-1.182179127056546</v>
      </c>
      <c r="M1476">
        <v>4</v>
      </c>
      <c r="N1476">
        <v>1</v>
      </c>
      <c r="O1476">
        <v>1</v>
      </c>
      <c r="P1476">
        <v>0</v>
      </c>
      <c r="Q1476">
        <v>0</v>
      </c>
      <c r="R1476">
        <v>2.7725887222397811</v>
      </c>
      <c r="S1476">
        <v>1</v>
      </c>
      <c r="T1476">
        <v>1</v>
      </c>
      <c r="U1476">
        <v>0</v>
      </c>
      <c r="V1476">
        <v>0</v>
      </c>
      <c r="W1476">
        <v>2.7080502011022101</v>
      </c>
      <c r="X1476">
        <v>1</v>
      </c>
      <c r="Y1476">
        <v>1</v>
      </c>
      <c r="Z1476">
        <v>0</v>
      </c>
      <c r="AA1476">
        <v>0</v>
      </c>
      <c r="AB1476">
        <v>2.639057329615258</v>
      </c>
      <c r="AC1476">
        <v>1</v>
      </c>
      <c r="AD1476">
        <v>1</v>
      </c>
      <c r="AE1476">
        <v>0</v>
      </c>
      <c r="AF1476">
        <v>0</v>
      </c>
      <c r="AG1476">
        <v>2.5649493574615372</v>
      </c>
      <c r="AH1476">
        <v>6.1125330858185313E-2</v>
      </c>
      <c r="AI1476">
        <v>-0.33783757642763079</v>
      </c>
      <c r="AJ1476">
        <v>0.21795176214877801</v>
      </c>
      <c r="AK1476">
        <v>8.1929008655814775E-2</v>
      </c>
      <c r="AL1476">
        <v>383.46015568364368</v>
      </c>
      <c r="AM1476">
        <v>473.0552916975729</v>
      </c>
      <c r="AN1476">
        <v>2121</v>
      </c>
      <c r="AO1476">
        <v>73.419678821173903</v>
      </c>
      <c r="AP1476">
        <v>274.28688410819052</v>
      </c>
      <c r="AQ1476">
        <v>2.3125</v>
      </c>
      <c r="AR1476">
        <v>3.75</v>
      </c>
      <c r="AS1476">
        <v>16</v>
      </c>
      <c r="AT1476">
        <v>0</v>
      </c>
      <c r="AU1476">
        <v>0.15</v>
      </c>
      <c r="AV1476">
        <v>6.3057376973251464E-2</v>
      </c>
      <c r="AW1476">
        <v>0.4375</v>
      </c>
      <c r="AX1476">
        <v>85.2</v>
      </c>
      <c r="AY1476">
        <v>73.5</v>
      </c>
      <c r="AZ1476">
        <v>111.25</v>
      </c>
      <c r="BA1476">
        <v>0.56469467817733632</v>
      </c>
      <c r="BB1476">
        <v>0.4375</v>
      </c>
      <c r="BC1476">
        <v>2.615630577027551</v>
      </c>
      <c r="BD1476" t="s">
        <v>5670</v>
      </c>
      <c r="BE1476" t="s">
        <v>62</v>
      </c>
    </row>
    <row r="1477" spans="1:57" x14ac:dyDescent="0.3">
      <c r="A1477" t="s">
        <v>5672</v>
      </c>
      <c r="B1477">
        <v>1336</v>
      </c>
      <c r="C1477" t="s">
        <v>5673</v>
      </c>
      <c r="D1477" t="s">
        <v>5674</v>
      </c>
      <c r="E1477" t="s">
        <v>66</v>
      </c>
      <c r="F1477">
        <v>72</v>
      </c>
      <c r="G1477">
        <v>117.1527777777778</v>
      </c>
      <c r="H1477">
        <v>120.5</v>
      </c>
      <c r="I1477">
        <v>5507.5738811728406</v>
      </c>
      <c r="J1477">
        <v>74.213030400144959</v>
      </c>
      <c r="K1477">
        <v>2.1711390105972461E-2</v>
      </c>
      <c r="L1477">
        <v>-1.104326882723023</v>
      </c>
      <c r="M1477">
        <v>5.8365916681089827</v>
      </c>
      <c r="N1477">
        <v>2</v>
      </c>
      <c r="O1477">
        <v>1</v>
      </c>
      <c r="P1477">
        <v>1</v>
      </c>
      <c r="Q1477">
        <v>0.4</v>
      </c>
      <c r="R1477">
        <v>4.0456170588294054</v>
      </c>
      <c r="S1477">
        <v>2</v>
      </c>
      <c r="T1477">
        <v>1</v>
      </c>
      <c r="U1477">
        <v>1</v>
      </c>
      <c r="V1477">
        <v>0.16776575221435111</v>
      </c>
      <c r="W1477">
        <v>4.2236293316576567</v>
      </c>
      <c r="X1477">
        <v>2</v>
      </c>
      <c r="Y1477">
        <v>1</v>
      </c>
      <c r="Z1477">
        <v>1</v>
      </c>
      <c r="AA1477">
        <v>0.11951030798891769</v>
      </c>
      <c r="AB1477">
        <v>4.2286910368905044</v>
      </c>
      <c r="AC1477">
        <v>1</v>
      </c>
      <c r="AD1477">
        <v>1</v>
      </c>
      <c r="AE1477">
        <v>0</v>
      </c>
      <c r="AF1477">
        <v>0</v>
      </c>
      <c r="AG1477">
        <v>4.2341065045972579</v>
      </c>
      <c r="AH1477">
        <v>8.6580594331131466E-2</v>
      </c>
      <c r="AI1477">
        <v>4.1275149155008961E-2</v>
      </c>
      <c r="AJ1477">
        <v>-6.2018671565519802E-2</v>
      </c>
      <c r="AK1477">
        <v>-5.3177640707367448E-2</v>
      </c>
      <c r="AL1477">
        <v>679.06628674365652</v>
      </c>
      <c r="AM1477">
        <v>961.04005026230914</v>
      </c>
      <c r="AN1477">
        <v>8435</v>
      </c>
      <c r="AO1477">
        <v>115.33344895844181</v>
      </c>
      <c r="AP1477">
        <v>562.18878858750088</v>
      </c>
      <c r="AQ1477">
        <v>1.319444444444444</v>
      </c>
      <c r="AR1477">
        <v>3.541666666666667</v>
      </c>
      <c r="AS1477">
        <v>72</v>
      </c>
      <c r="AT1477">
        <v>7.9999999999999991</v>
      </c>
      <c r="AU1477">
        <v>9.8529411764705865E-2</v>
      </c>
      <c r="AV1477">
        <v>8.8053727824002087E-2</v>
      </c>
      <c r="AW1477">
        <v>0.375</v>
      </c>
      <c r="AX1477">
        <v>80.281690140845072</v>
      </c>
      <c r="AY1477">
        <v>59</v>
      </c>
      <c r="AZ1477">
        <v>118.25</v>
      </c>
      <c r="BA1477">
        <v>0.63347222155429017</v>
      </c>
      <c r="BB1477">
        <v>0.51388888888888884</v>
      </c>
      <c r="BC1477">
        <v>3.896485584256991</v>
      </c>
      <c r="BD1477" t="s">
        <v>5675</v>
      </c>
      <c r="BE1477" t="s">
        <v>68</v>
      </c>
    </row>
    <row r="1478" spans="1:57" x14ac:dyDescent="0.3">
      <c r="A1478" t="s">
        <v>5676</v>
      </c>
      <c r="B1478">
        <v>2329</v>
      </c>
      <c r="C1478" t="s">
        <v>5677</v>
      </c>
      <c r="D1478" t="s">
        <v>5678</v>
      </c>
      <c r="E1478" t="s">
        <v>93</v>
      </c>
      <c r="F1478">
        <v>2329</v>
      </c>
      <c r="G1478">
        <v>127.0360669815371</v>
      </c>
      <c r="H1478">
        <v>128</v>
      </c>
      <c r="I1478">
        <v>5411.3374711779961</v>
      </c>
      <c r="J1478">
        <v>73.561793556016539</v>
      </c>
      <c r="K1478">
        <v>-1.8682115946697629E-2</v>
      </c>
      <c r="L1478">
        <v>-1.1916324870910491</v>
      </c>
      <c r="M1478">
        <v>7.9151371318288231</v>
      </c>
      <c r="N1478">
        <v>18</v>
      </c>
      <c r="O1478">
        <v>2</v>
      </c>
      <c r="P1478">
        <v>16</v>
      </c>
      <c r="Q1478">
        <v>3.060942584700983</v>
      </c>
      <c r="R1478">
        <v>5.4863549866724801</v>
      </c>
      <c r="S1478">
        <v>2</v>
      </c>
      <c r="T1478">
        <v>1</v>
      </c>
      <c r="U1478">
        <v>1</v>
      </c>
      <c r="V1478">
        <v>0.14053974958297419</v>
      </c>
      <c r="W1478">
        <v>7.7253723944993027</v>
      </c>
      <c r="X1478">
        <v>2</v>
      </c>
      <c r="Y1478">
        <v>1</v>
      </c>
      <c r="Z1478">
        <v>1</v>
      </c>
      <c r="AA1478">
        <v>2.0730117714946161E-2</v>
      </c>
      <c r="AB1478">
        <v>7.7517394201303453</v>
      </c>
      <c r="AC1478">
        <v>1</v>
      </c>
      <c r="AD1478">
        <v>1</v>
      </c>
      <c r="AE1478">
        <v>0</v>
      </c>
      <c r="AF1478">
        <v>0</v>
      </c>
      <c r="AG1478">
        <v>7.7519053330786081</v>
      </c>
      <c r="AH1478">
        <v>-5.1738905642212119E-3</v>
      </c>
      <c r="AI1478">
        <v>-5.8805909715462581E-3</v>
      </c>
      <c r="AJ1478">
        <v>-3.5613998986878989E-2</v>
      </c>
      <c r="AK1478">
        <v>1.5657109265322731E-2</v>
      </c>
      <c r="AL1478">
        <v>3264.9275213680312</v>
      </c>
      <c r="AM1478">
        <v>6287.2118844694278</v>
      </c>
      <c r="AN1478">
        <v>295867</v>
      </c>
      <c r="AO1478">
        <v>117.1978953633861</v>
      </c>
      <c r="AP1478">
        <v>2957.3886977020102</v>
      </c>
      <c r="AQ1478">
        <v>1.009875483039931</v>
      </c>
      <c r="AR1478">
        <v>4.0030055817947616</v>
      </c>
      <c r="AS1478">
        <v>2323</v>
      </c>
      <c r="AT1478">
        <v>263.64577071704588</v>
      </c>
      <c r="AU1478">
        <v>1.348218119364542E-2</v>
      </c>
      <c r="AV1478">
        <v>-5.1772083022807881E-3</v>
      </c>
      <c r="AW1478">
        <v>0.36324602833834257</v>
      </c>
      <c r="AX1478">
        <v>85.075601374570454</v>
      </c>
      <c r="AY1478">
        <v>65</v>
      </c>
      <c r="AZ1478">
        <v>128</v>
      </c>
      <c r="BA1478">
        <v>0.57906227187203207</v>
      </c>
      <c r="BB1478">
        <v>0.50279089738085014</v>
      </c>
      <c r="BC1478">
        <v>5.2958257626254417</v>
      </c>
      <c r="BD1478" t="s">
        <v>5679</v>
      </c>
      <c r="BE1478" t="s">
        <v>68</v>
      </c>
    </row>
    <row r="1479" spans="1:57" x14ac:dyDescent="0.3">
      <c r="A1479" t="s">
        <v>5680</v>
      </c>
      <c r="B1479">
        <v>808</v>
      </c>
      <c r="C1479" t="s">
        <v>5681</v>
      </c>
      <c r="D1479" t="s">
        <v>5682</v>
      </c>
      <c r="E1479" t="s">
        <v>128</v>
      </c>
      <c r="F1479">
        <v>32</v>
      </c>
      <c r="G1479">
        <v>108.71875</v>
      </c>
      <c r="H1479">
        <v>104.5</v>
      </c>
      <c r="I1479">
        <v>4491.4521484375</v>
      </c>
      <c r="J1479">
        <v>67.018297116813557</v>
      </c>
      <c r="K1479">
        <v>0.2205573141590064</v>
      </c>
      <c r="L1479">
        <v>-1.2330313703090301</v>
      </c>
      <c r="M1479">
        <v>4.875</v>
      </c>
      <c r="N1479">
        <v>2</v>
      </c>
      <c r="O1479">
        <v>1</v>
      </c>
      <c r="P1479">
        <v>1</v>
      </c>
      <c r="Q1479">
        <v>0.24944382578492941</v>
      </c>
      <c r="R1479">
        <v>3.3790925052297318</v>
      </c>
      <c r="S1479">
        <v>1</v>
      </c>
      <c r="T1479">
        <v>1</v>
      </c>
      <c r="U1479">
        <v>0</v>
      </c>
      <c r="V1479">
        <v>0</v>
      </c>
      <c r="W1479">
        <v>3.4339872044851458</v>
      </c>
      <c r="X1479">
        <v>1</v>
      </c>
      <c r="Y1479">
        <v>1</v>
      </c>
      <c r="Z1479">
        <v>0</v>
      </c>
      <c r="AA1479">
        <v>0</v>
      </c>
      <c r="AB1479">
        <v>3.401197381662155</v>
      </c>
      <c r="AC1479">
        <v>1</v>
      </c>
      <c r="AD1479">
        <v>1</v>
      </c>
      <c r="AE1479">
        <v>0</v>
      </c>
      <c r="AF1479">
        <v>0</v>
      </c>
      <c r="AG1479">
        <v>3.3672958299864728</v>
      </c>
      <c r="AH1479">
        <v>2.4841559661831599E-2</v>
      </c>
      <c r="AI1479">
        <v>-0.2323328280694644</v>
      </c>
      <c r="AJ1479">
        <v>-3.9828836383434069E-2</v>
      </c>
      <c r="AK1479">
        <v>3.2828566828439522E-2</v>
      </c>
      <c r="AL1479">
        <v>429.40826231392418</v>
      </c>
      <c r="AM1479">
        <v>581.00563186301042</v>
      </c>
      <c r="AN1479">
        <v>3479</v>
      </c>
      <c r="AO1479">
        <v>64.078068260697094</v>
      </c>
      <c r="AP1479">
        <v>373.05015015617829</v>
      </c>
      <c r="AQ1479">
        <v>1.65625</v>
      </c>
      <c r="AR1479">
        <v>3.625</v>
      </c>
      <c r="AS1479">
        <v>32</v>
      </c>
      <c r="AT1479">
        <v>1.75</v>
      </c>
      <c r="AU1479">
        <v>0.1205357142857143</v>
      </c>
      <c r="AV1479">
        <v>2.4766083944922811E-2</v>
      </c>
      <c r="AW1479">
        <v>0.5</v>
      </c>
      <c r="AX1479">
        <v>75.483870967741936</v>
      </c>
      <c r="AY1479">
        <v>60.5</v>
      </c>
      <c r="AZ1479">
        <v>124.5</v>
      </c>
      <c r="BA1479">
        <v>0.61643734053982002</v>
      </c>
      <c r="BB1479">
        <v>0.4375</v>
      </c>
      <c r="BC1479">
        <v>3.2998296856670919</v>
      </c>
      <c r="BD1479" t="s">
        <v>5683</v>
      </c>
      <c r="BE1479" t="s">
        <v>62</v>
      </c>
    </row>
    <row r="1480" spans="1:57" x14ac:dyDescent="0.3">
      <c r="A1480" t="s">
        <v>5499</v>
      </c>
      <c r="B1480">
        <v>1044</v>
      </c>
      <c r="C1480" t="s">
        <v>5500</v>
      </c>
      <c r="D1480" t="s">
        <v>5501</v>
      </c>
      <c r="E1480" t="s">
        <v>93</v>
      </c>
      <c r="F1480">
        <v>1047</v>
      </c>
      <c r="G1480">
        <v>128.87392550143269</v>
      </c>
      <c r="H1480">
        <v>127</v>
      </c>
      <c r="I1480">
        <v>5625.6803802924451</v>
      </c>
      <c r="J1480">
        <v>75.004535731463903</v>
      </c>
      <c r="K1480">
        <v>1.39944945417598E-2</v>
      </c>
      <c r="L1480">
        <v>-1.2448196614504361</v>
      </c>
      <c r="M1480">
        <v>7.8224606059128936</v>
      </c>
      <c r="N1480">
        <v>11</v>
      </c>
      <c r="O1480">
        <v>1</v>
      </c>
      <c r="P1480">
        <v>10</v>
      </c>
      <c r="Q1480">
        <v>1.882646126808404</v>
      </c>
      <c r="R1480">
        <v>5.4221165140297574</v>
      </c>
      <c r="S1480">
        <v>2</v>
      </c>
      <c r="T1480">
        <v>1</v>
      </c>
      <c r="U1480">
        <v>1</v>
      </c>
      <c r="V1480">
        <v>7.5736033336596995E-2</v>
      </c>
      <c r="W1480">
        <v>6.9447766693220778</v>
      </c>
      <c r="X1480">
        <v>1</v>
      </c>
      <c r="Y1480">
        <v>1</v>
      </c>
      <c r="Z1480">
        <v>0</v>
      </c>
      <c r="AA1480">
        <v>0</v>
      </c>
      <c r="AB1480">
        <v>6.9517721643989114</v>
      </c>
      <c r="AC1480">
        <v>1</v>
      </c>
      <c r="AD1480">
        <v>1</v>
      </c>
      <c r="AE1480">
        <v>0</v>
      </c>
      <c r="AF1480">
        <v>0</v>
      </c>
      <c r="AG1480">
        <v>6.9508147684425854</v>
      </c>
      <c r="AH1480">
        <v>-4.0321261928402893E-2</v>
      </c>
      <c r="AI1480">
        <v>-1.4397117232960379E-2</v>
      </c>
      <c r="AJ1480">
        <v>5.867508641112653E-2</v>
      </c>
      <c r="AK1480">
        <v>4.0231273783028539E-3</v>
      </c>
      <c r="AL1480">
        <v>2276.2305519183719</v>
      </c>
      <c r="AM1480">
        <v>4254.1684821494064</v>
      </c>
      <c r="AN1480">
        <v>134931</v>
      </c>
      <c r="AO1480">
        <v>53.14626129581616</v>
      </c>
      <c r="AP1480">
        <v>2010.868204924466</v>
      </c>
      <c r="AQ1480">
        <v>1.021967526265521</v>
      </c>
      <c r="AR1480">
        <v>4.0324737344794652</v>
      </c>
      <c r="AS1480">
        <v>1044</v>
      </c>
      <c r="AT1480">
        <v>213.27411652340021</v>
      </c>
      <c r="AU1480">
        <v>3.1496151469183609E-2</v>
      </c>
      <c r="AV1480">
        <v>-4.0398558618748463E-2</v>
      </c>
      <c r="AW1480">
        <v>0.37726838586437439</v>
      </c>
      <c r="AX1480">
        <v>90.004780114722749</v>
      </c>
      <c r="AY1480">
        <v>66</v>
      </c>
      <c r="AZ1480">
        <v>132.5</v>
      </c>
      <c r="BA1480">
        <v>0.58199931009807016</v>
      </c>
      <c r="BB1480">
        <v>0.49570200573065898</v>
      </c>
      <c r="BC1480">
        <v>5.2429070915377718</v>
      </c>
      <c r="BD1480" t="s">
        <v>5502</v>
      </c>
      <c r="BE1480" t="s">
        <v>68</v>
      </c>
    </row>
    <row r="1481" spans="1:57" x14ac:dyDescent="0.3">
      <c r="A1481" t="s">
        <v>5684</v>
      </c>
      <c r="B1481">
        <v>3423</v>
      </c>
      <c r="C1481" t="s">
        <v>5685</v>
      </c>
      <c r="D1481" t="s">
        <v>5686</v>
      </c>
      <c r="E1481" t="s">
        <v>106</v>
      </c>
      <c r="F1481">
        <v>3453</v>
      </c>
      <c r="G1481">
        <v>127.1074428033594</v>
      </c>
      <c r="H1481">
        <v>126</v>
      </c>
      <c r="I1481">
        <v>5479.9163448363606</v>
      </c>
      <c r="J1481">
        <v>74.026457059867184</v>
      </c>
      <c r="K1481">
        <v>1.6541965667452391E-2</v>
      </c>
      <c r="L1481">
        <v>-1.212310925064608</v>
      </c>
      <c r="M1481">
        <v>7.9446727488139928</v>
      </c>
      <c r="N1481">
        <v>25</v>
      </c>
      <c r="O1481">
        <v>4</v>
      </c>
      <c r="P1481">
        <v>21</v>
      </c>
      <c r="Q1481">
        <v>3.7280424046540079</v>
      </c>
      <c r="R1481">
        <v>5.5068275163118363</v>
      </c>
      <c r="S1481">
        <v>3</v>
      </c>
      <c r="T1481">
        <v>1</v>
      </c>
      <c r="U1481">
        <v>2</v>
      </c>
      <c r="V1481">
        <v>0.16500446637258789</v>
      </c>
      <c r="W1481">
        <v>8.109611042537388</v>
      </c>
      <c r="X1481">
        <v>1</v>
      </c>
      <c r="Y1481">
        <v>1</v>
      </c>
      <c r="Z1481">
        <v>0</v>
      </c>
      <c r="AA1481">
        <v>0</v>
      </c>
      <c r="AB1481">
        <v>8.1464193230980015</v>
      </c>
      <c r="AC1481">
        <v>1</v>
      </c>
      <c r="AD1481">
        <v>1</v>
      </c>
      <c r="AE1481">
        <v>0</v>
      </c>
      <c r="AF1481">
        <v>0</v>
      </c>
      <c r="AG1481">
        <v>8.146129510025407</v>
      </c>
      <c r="AH1481">
        <v>-1.064996401672443E-2</v>
      </c>
      <c r="AI1481">
        <v>-1.136934581142874E-2</v>
      </c>
      <c r="AJ1481">
        <v>1.8667566705345001E-2</v>
      </c>
      <c r="AK1481">
        <v>-8.7659656500909417E-3</v>
      </c>
      <c r="AL1481">
        <v>3975.7643017746859</v>
      </c>
      <c r="AM1481">
        <v>7674.8394261205249</v>
      </c>
      <c r="AN1481">
        <v>438902</v>
      </c>
      <c r="AO1481">
        <v>132.42402956792751</v>
      </c>
      <c r="AP1481">
        <v>3600.5428490590248</v>
      </c>
      <c r="AQ1481">
        <v>1.006660874601796</v>
      </c>
      <c r="AR1481">
        <v>3.9713292788879242</v>
      </c>
      <c r="AS1481">
        <v>3440</v>
      </c>
      <c r="AT1481">
        <v>263.78192875760209</v>
      </c>
      <c r="AU1481">
        <v>1.434387829849576E-2</v>
      </c>
      <c r="AV1481">
        <v>-1.065273873125902E-2</v>
      </c>
      <c r="AW1481">
        <v>0.38024905878945842</v>
      </c>
      <c r="AX1481">
        <v>85.728563151796067</v>
      </c>
      <c r="AY1481">
        <v>66</v>
      </c>
      <c r="AZ1481">
        <v>131</v>
      </c>
      <c r="BA1481">
        <v>0.58239278068389155</v>
      </c>
      <c r="BB1481">
        <v>0.49609035621198949</v>
      </c>
      <c r="BC1481">
        <v>5.3196431802116733</v>
      </c>
      <c r="BD1481" t="s">
        <v>5687</v>
      </c>
      <c r="BE1481" t="s">
        <v>68</v>
      </c>
    </row>
    <row r="1482" spans="1:57" x14ac:dyDescent="0.3">
      <c r="A1482" t="s">
        <v>5688</v>
      </c>
      <c r="B1482">
        <v>3798</v>
      </c>
      <c r="C1482" t="s">
        <v>5689</v>
      </c>
      <c r="D1482" t="s">
        <v>5690</v>
      </c>
      <c r="E1482" t="s">
        <v>10622</v>
      </c>
      <c r="F1482">
        <v>64</v>
      </c>
      <c r="G1482">
        <v>130.5625</v>
      </c>
      <c r="H1482">
        <v>126.5</v>
      </c>
      <c r="I1482">
        <v>5798.58984375</v>
      </c>
      <c r="J1482">
        <v>76.148472366489401</v>
      </c>
      <c r="K1482">
        <v>5.7456654309567541E-2</v>
      </c>
      <c r="L1482">
        <v>-1.2639987381680451</v>
      </c>
      <c r="M1482">
        <v>5.84375</v>
      </c>
      <c r="N1482">
        <v>2</v>
      </c>
      <c r="O1482">
        <v>1</v>
      </c>
      <c r="P1482">
        <v>1</v>
      </c>
      <c r="Q1482">
        <v>0.27850299534160988</v>
      </c>
      <c r="R1482">
        <v>4.0505788363971806</v>
      </c>
      <c r="S1482">
        <v>1</v>
      </c>
      <c r="T1482">
        <v>1</v>
      </c>
      <c r="U1482">
        <v>0</v>
      </c>
      <c r="V1482">
        <v>0</v>
      </c>
      <c r="W1482">
        <v>4.1431347263915326</v>
      </c>
      <c r="X1482">
        <v>1</v>
      </c>
      <c r="Y1482">
        <v>1</v>
      </c>
      <c r="Z1482">
        <v>0</v>
      </c>
      <c r="AA1482">
        <v>0</v>
      </c>
      <c r="AB1482">
        <v>4.1271343850450908</v>
      </c>
      <c r="AC1482">
        <v>1</v>
      </c>
      <c r="AD1482">
        <v>1</v>
      </c>
      <c r="AE1482">
        <v>0</v>
      </c>
      <c r="AF1482">
        <v>0</v>
      </c>
      <c r="AG1482">
        <v>4.1108738641733096</v>
      </c>
      <c r="AH1482">
        <v>2.4217555840960789E-2</v>
      </c>
      <c r="AI1482">
        <v>-1.4548614830248999E-2</v>
      </c>
      <c r="AJ1482">
        <v>-0.13340297454122399</v>
      </c>
      <c r="AK1482">
        <v>3.9833629910019881E-2</v>
      </c>
      <c r="AL1482">
        <v>689.31668623213886</v>
      </c>
      <c r="AM1482">
        <v>993.44476750443619</v>
      </c>
      <c r="AN1482">
        <v>8356</v>
      </c>
      <c r="AO1482">
        <v>89.669624382593653</v>
      </c>
      <c r="AP1482">
        <v>595.33842313301432</v>
      </c>
      <c r="AQ1482">
        <v>1.359375</v>
      </c>
      <c r="AR1482">
        <v>4.0625</v>
      </c>
      <c r="AS1482">
        <v>64</v>
      </c>
      <c r="AT1482">
        <v>4.2187499999999991</v>
      </c>
      <c r="AU1482">
        <v>9.9431818181818232E-2</v>
      </c>
      <c r="AV1482">
        <v>2.4299256222778402E-2</v>
      </c>
      <c r="AW1482">
        <v>0.375</v>
      </c>
      <c r="AX1482">
        <v>85.857142857142861</v>
      </c>
      <c r="AY1482">
        <v>71</v>
      </c>
      <c r="AZ1482">
        <v>140.75</v>
      </c>
      <c r="BA1482">
        <v>0.5832338716437675</v>
      </c>
      <c r="BB1482">
        <v>0.484375</v>
      </c>
      <c r="BC1482">
        <v>3.89277780391402</v>
      </c>
      <c r="BD1482" t="s">
        <v>5691</v>
      </c>
      <c r="BE1482" t="s">
        <v>62</v>
      </c>
    </row>
    <row r="1483" spans="1:57" x14ac:dyDescent="0.3">
      <c r="A1483" t="s">
        <v>5692</v>
      </c>
      <c r="B1483">
        <v>2196</v>
      </c>
      <c r="C1483" t="s">
        <v>5693</v>
      </c>
      <c r="D1483" t="s">
        <v>5694</v>
      </c>
      <c r="E1483" t="s">
        <v>93</v>
      </c>
      <c r="F1483">
        <v>2206</v>
      </c>
      <c r="G1483">
        <v>126.98050770625569</v>
      </c>
      <c r="H1483">
        <v>123.5</v>
      </c>
      <c r="I1483">
        <v>5534.2811250368859</v>
      </c>
      <c r="J1483">
        <v>74.3927491428895</v>
      </c>
      <c r="K1483">
        <v>4.0831278537691487E-2</v>
      </c>
      <c r="L1483">
        <v>-1.206343082565549</v>
      </c>
      <c r="M1483">
        <v>7.9073602854362743</v>
      </c>
      <c r="N1483">
        <v>21</v>
      </c>
      <c r="O1483">
        <v>1</v>
      </c>
      <c r="P1483">
        <v>20</v>
      </c>
      <c r="Q1483">
        <v>3.042976271653091</v>
      </c>
      <c r="R1483">
        <v>5.4809644875218533</v>
      </c>
      <c r="S1483">
        <v>2</v>
      </c>
      <c r="T1483">
        <v>1</v>
      </c>
      <c r="U1483">
        <v>1</v>
      </c>
      <c r="V1483">
        <v>0.12597176896623641</v>
      </c>
      <c r="W1483">
        <v>7.6764781154822179</v>
      </c>
      <c r="X1483">
        <v>1</v>
      </c>
      <c r="Y1483">
        <v>1</v>
      </c>
      <c r="Z1483">
        <v>0</v>
      </c>
      <c r="AA1483">
        <v>0</v>
      </c>
      <c r="AB1483">
        <v>7.6980291702728039</v>
      </c>
      <c r="AC1483">
        <v>1</v>
      </c>
      <c r="AD1483">
        <v>1</v>
      </c>
      <c r="AE1483">
        <v>0</v>
      </c>
      <c r="AF1483">
        <v>0</v>
      </c>
      <c r="AG1483">
        <v>7.6975753468023438</v>
      </c>
      <c r="AH1483">
        <v>4.1172753095517878E-2</v>
      </c>
      <c r="AI1483">
        <v>2.3314728643170791E-2</v>
      </c>
      <c r="AJ1483">
        <v>-2.3164437267404459E-2</v>
      </c>
      <c r="AK1483">
        <v>-4.8811630201887793E-2</v>
      </c>
      <c r="AL1483">
        <v>3205.781376593472</v>
      </c>
      <c r="AM1483">
        <v>6123.8258274943173</v>
      </c>
      <c r="AN1483">
        <v>280119</v>
      </c>
      <c r="AO1483">
        <v>105.6558832470476</v>
      </c>
      <c r="AP1483">
        <v>2796.7200895295168</v>
      </c>
      <c r="AQ1483">
        <v>1.0104261106074339</v>
      </c>
      <c r="AR1483">
        <v>4.0167724388032644</v>
      </c>
      <c r="AS1483">
        <v>2194</v>
      </c>
      <c r="AT1483">
        <v>275.08794197642789</v>
      </c>
      <c r="AU1483">
        <v>1.8164364567223031E-2</v>
      </c>
      <c r="AV1483">
        <v>4.1199151450945562E-2</v>
      </c>
      <c r="AW1483">
        <v>0.38667271078875792</v>
      </c>
      <c r="AX1483">
        <v>83.632653061224488</v>
      </c>
      <c r="AY1483">
        <v>63.5</v>
      </c>
      <c r="AZ1483">
        <v>130</v>
      </c>
      <c r="BA1483">
        <v>0.58585959756108741</v>
      </c>
      <c r="BB1483">
        <v>0.49048050770625568</v>
      </c>
      <c r="BC1483">
        <v>5.2871507803098794</v>
      </c>
      <c r="BD1483" t="s">
        <v>5695</v>
      </c>
      <c r="BE1483" t="s">
        <v>68</v>
      </c>
    </row>
    <row r="1484" spans="1:57" x14ac:dyDescent="0.3">
      <c r="A1484" t="s">
        <v>5696</v>
      </c>
      <c r="B1484">
        <v>1928</v>
      </c>
      <c r="C1484" t="s">
        <v>5697</v>
      </c>
      <c r="D1484" t="s">
        <v>5698</v>
      </c>
      <c r="E1484" t="s">
        <v>85</v>
      </c>
      <c r="F1484">
        <v>8</v>
      </c>
      <c r="G1484">
        <v>102.375</v>
      </c>
      <c r="H1484">
        <v>66.5</v>
      </c>
      <c r="I1484">
        <v>5359.234375</v>
      </c>
      <c r="J1484">
        <v>73.206791863870123</v>
      </c>
      <c r="K1484">
        <v>1.0619789008381331</v>
      </c>
      <c r="L1484">
        <v>-0.31516346562834002</v>
      </c>
      <c r="M1484">
        <v>3</v>
      </c>
      <c r="N1484">
        <v>1</v>
      </c>
      <c r="O1484">
        <v>1</v>
      </c>
      <c r="P1484">
        <v>0</v>
      </c>
      <c r="Q1484">
        <v>0</v>
      </c>
      <c r="R1484">
        <v>2.0794415416798362</v>
      </c>
      <c r="S1484">
        <v>1</v>
      </c>
      <c r="T1484">
        <v>1</v>
      </c>
      <c r="U1484">
        <v>0</v>
      </c>
      <c r="V1484">
        <v>0</v>
      </c>
      <c r="W1484">
        <v>1.945910149055313</v>
      </c>
      <c r="X1484">
        <v>1</v>
      </c>
      <c r="Y1484">
        <v>1</v>
      </c>
      <c r="Z1484">
        <v>0</v>
      </c>
      <c r="AA1484">
        <v>0</v>
      </c>
      <c r="AB1484">
        <v>1.791759469228055</v>
      </c>
      <c r="AC1484">
        <v>1</v>
      </c>
      <c r="AD1484">
        <v>1</v>
      </c>
      <c r="AE1484">
        <v>0</v>
      </c>
      <c r="AF1484">
        <v>0</v>
      </c>
      <c r="AG1484">
        <v>1.6094379124341009</v>
      </c>
      <c r="AH1484">
        <v>-0.63059708563781558</v>
      </c>
      <c r="AI1484">
        <v>0.35206390255137893</v>
      </c>
      <c r="AJ1484">
        <v>0.1239314588429434</v>
      </c>
      <c r="AK1484">
        <v>0</v>
      </c>
      <c r="AL1484">
        <v>273.66411106043432</v>
      </c>
      <c r="AM1484">
        <v>227.65534106957011</v>
      </c>
      <c r="AN1484">
        <v>819</v>
      </c>
      <c r="AO1484">
        <v>71.700767080973407</v>
      </c>
      <c r="AP1484">
        <v>228.97783858038181</v>
      </c>
      <c r="AQ1484">
        <v>3.5</v>
      </c>
      <c r="AR1484">
        <v>4.125</v>
      </c>
      <c r="AS1484">
        <v>8</v>
      </c>
      <c r="AT1484">
        <v>0</v>
      </c>
      <c r="AU1484">
        <v>0.49114173228346458</v>
      </c>
      <c r="AV1484">
        <v>-0.66974083283059804</v>
      </c>
      <c r="AW1484">
        <v>0.75</v>
      </c>
      <c r="AX1484">
        <v>119</v>
      </c>
      <c r="AY1484">
        <v>28</v>
      </c>
      <c r="AZ1484">
        <v>79.5</v>
      </c>
      <c r="BA1484">
        <v>0.71508465801094134</v>
      </c>
      <c r="BB1484">
        <v>0.375</v>
      </c>
      <c r="BC1484">
        <v>1.945910149055313</v>
      </c>
      <c r="BD1484" t="s">
        <v>5697</v>
      </c>
      <c r="BE1484" t="s">
        <v>68</v>
      </c>
    </row>
    <row r="1485" spans="1:57" x14ac:dyDescent="0.3">
      <c r="A1485" t="s">
        <v>5699</v>
      </c>
      <c r="B1485">
        <v>937</v>
      </c>
      <c r="C1485" t="s">
        <v>5700</v>
      </c>
      <c r="D1485" t="s">
        <v>5701</v>
      </c>
      <c r="E1485" t="s">
        <v>85</v>
      </c>
      <c r="F1485">
        <v>8</v>
      </c>
      <c r="G1485">
        <v>91.5</v>
      </c>
      <c r="H1485">
        <v>56</v>
      </c>
      <c r="I1485">
        <v>8367.5</v>
      </c>
      <c r="J1485">
        <v>91.474040033224725</v>
      </c>
      <c r="K1485">
        <v>0.96948212777333054</v>
      </c>
      <c r="L1485">
        <v>-0.79216096555660487</v>
      </c>
      <c r="M1485">
        <v>3</v>
      </c>
      <c r="N1485">
        <v>1</v>
      </c>
      <c r="O1485">
        <v>1</v>
      </c>
      <c r="P1485">
        <v>0</v>
      </c>
      <c r="Q1485">
        <v>0</v>
      </c>
      <c r="R1485">
        <v>2.0794415416798362</v>
      </c>
      <c r="S1485">
        <v>1</v>
      </c>
      <c r="T1485">
        <v>1</v>
      </c>
      <c r="U1485">
        <v>0</v>
      </c>
      <c r="V1485">
        <v>0</v>
      </c>
      <c r="W1485">
        <v>1.945910149055313</v>
      </c>
      <c r="X1485">
        <v>1</v>
      </c>
      <c r="Y1485">
        <v>1</v>
      </c>
      <c r="Z1485">
        <v>0</v>
      </c>
      <c r="AA1485">
        <v>0</v>
      </c>
      <c r="AB1485">
        <v>1.791759469228055</v>
      </c>
      <c r="AC1485">
        <v>1</v>
      </c>
      <c r="AD1485">
        <v>1</v>
      </c>
      <c r="AE1485">
        <v>0</v>
      </c>
      <c r="AF1485">
        <v>0</v>
      </c>
      <c r="AG1485">
        <v>1.6094379124341009</v>
      </c>
      <c r="AH1485">
        <v>-0.17030549746041229</v>
      </c>
      <c r="AI1485">
        <v>-0.33829548849716162</v>
      </c>
      <c r="AJ1485">
        <v>-0.1077121302659098</v>
      </c>
      <c r="AK1485">
        <v>0</v>
      </c>
      <c r="AL1485">
        <v>282.00680301814168</v>
      </c>
      <c r="AM1485">
        <v>233.2169870560183</v>
      </c>
      <c r="AN1485">
        <v>732</v>
      </c>
      <c r="AO1485">
        <v>69.340862379150792</v>
      </c>
      <c r="AP1485">
        <v>207.2486758088292</v>
      </c>
      <c r="AQ1485">
        <v>3.5</v>
      </c>
      <c r="AR1485">
        <v>3.625</v>
      </c>
      <c r="AS1485">
        <v>8</v>
      </c>
      <c r="AT1485">
        <v>0</v>
      </c>
      <c r="AU1485">
        <v>0.47</v>
      </c>
      <c r="AV1485">
        <v>-0.2089988307056079</v>
      </c>
      <c r="AW1485">
        <v>0.5</v>
      </c>
      <c r="AX1485">
        <v>106</v>
      </c>
      <c r="AY1485">
        <v>27.5</v>
      </c>
      <c r="AZ1485">
        <v>82.25</v>
      </c>
      <c r="BA1485">
        <v>0.99971628451611716</v>
      </c>
      <c r="BB1485">
        <v>0.25</v>
      </c>
      <c r="BC1485">
        <v>1.945910149055313</v>
      </c>
      <c r="BD1485" t="s">
        <v>5700</v>
      </c>
      <c r="BE1485" t="s">
        <v>68</v>
      </c>
    </row>
    <row r="1486" spans="1:57" x14ac:dyDescent="0.3">
      <c r="A1486" t="s">
        <v>5702</v>
      </c>
      <c r="B1486">
        <v>151</v>
      </c>
      <c r="C1486" t="s">
        <v>5703</v>
      </c>
      <c r="D1486" t="s">
        <v>5704</v>
      </c>
      <c r="E1486" t="s">
        <v>60</v>
      </c>
      <c r="F1486">
        <v>256</v>
      </c>
      <c r="G1486">
        <v>138.2734375</v>
      </c>
      <c r="H1486">
        <v>143.5</v>
      </c>
      <c r="I1486">
        <v>5113.8939819335938</v>
      </c>
      <c r="J1486">
        <v>71.511495453064001</v>
      </c>
      <c r="K1486">
        <v>-9.4802128474247641E-2</v>
      </c>
      <c r="L1486">
        <v>-1.140587073803184</v>
      </c>
      <c r="M1486">
        <v>7.180263134588154</v>
      </c>
      <c r="N1486">
        <v>4</v>
      </c>
      <c r="O1486">
        <v>1</v>
      </c>
      <c r="P1486">
        <v>3</v>
      </c>
      <c r="Q1486">
        <v>0.80618259096810818</v>
      </c>
      <c r="R1486">
        <v>4.9769791474182927</v>
      </c>
      <c r="S1486">
        <v>1</v>
      </c>
      <c r="T1486">
        <v>1</v>
      </c>
      <c r="U1486">
        <v>0</v>
      </c>
      <c r="V1486">
        <v>0</v>
      </c>
      <c r="W1486">
        <v>5.541263545158424</v>
      </c>
      <c r="X1486">
        <v>1</v>
      </c>
      <c r="Y1486">
        <v>1</v>
      </c>
      <c r="Z1486">
        <v>0</v>
      </c>
      <c r="AA1486">
        <v>0</v>
      </c>
      <c r="AB1486">
        <v>5.5373342670185366</v>
      </c>
      <c r="AC1486">
        <v>1</v>
      </c>
      <c r="AD1486">
        <v>1</v>
      </c>
      <c r="AE1486">
        <v>0</v>
      </c>
      <c r="AF1486">
        <v>0</v>
      </c>
      <c r="AG1486">
        <v>5.5333894887275203</v>
      </c>
      <c r="AH1486">
        <v>-8.9623592125607582E-2</v>
      </c>
      <c r="AI1486">
        <v>-2.4598102439387311E-2</v>
      </c>
      <c r="AJ1486">
        <v>-1.518794110533439E-2</v>
      </c>
      <c r="AK1486">
        <v>-4.1155888173237308E-2</v>
      </c>
      <c r="AL1486">
        <v>1158.344252934043</v>
      </c>
      <c r="AM1486">
        <v>2204.9940117140168</v>
      </c>
      <c r="AN1486">
        <v>35398</v>
      </c>
      <c r="AO1486">
        <v>127.0672427873133</v>
      </c>
      <c r="AP1486">
        <v>996.1075007680937</v>
      </c>
      <c r="AQ1486">
        <v>1.08984375</v>
      </c>
      <c r="AR1486">
        <v>4.109375</v>
      </c>
      <c r="AS1486">
        <v>256</v>
      </c>
      <c r="AT1486">
        <v>67.453125</v>
      </c>
      <c r="AU1486">
        <v>8.4239130434782594E-2</v>
      </c>
      <c r="AV1486">
        <v>-8.9844316780001876E-2</v>
      </c>
      <c r="AW1486">
        <v>0.33984375</v>
      </c>
      <c r="AX1486">
        <v>85.6</v>
      </c>
      <c r="AY1486">
        <v>60.5</v>
      </c>
      <c r="AZ1486">
        <v>118.75</v>
      </c>
      <c r="BA1486">
        <v>0.51717449675078775</v>
      </c>
      <c r="BB1486">
        <v>0.53125</v>
      </c>
      <c r="BC1486">
        <v>4.8713769487251888</v>
      </c>
      <c r="BD1486" t="s">
        <v>5705</v>
      </c>
      <c r="BE1486" t="s">
        <v>62</v>
      </c>
    </row>
    <row r="1487" spans="1:57" x14ac:dyDescent="0.3">
      <c r="A1487" t="s">
        <v>5706</v>
      </c>
      <c r="B1487">
        <v>1205</v>
      </c>
      <c r="C1487" t="s">
        <v>5707</v>
      </c>
      <c r="D1487" t="s">
        <v>5708</v>
      </c>
      <c r="E1487" t="s">
        <v>98</v>
      </c>
      <c r="F1487">
        <v>16</v>
      </c>
      <c r="G1487">
        <v>150.5625</v>
      </c>
      <c r="H1487">
        <v>180</v>
      </c>
      <c r="I1487">
        <v>4867.24609375</v>
      </c>
      <c r="J1487">
        <v>69.765651245795738</v>
      </c>
      <c r="K1487">
        <v>-0.36986807790982063</v>
      </c>
      <c r="L1487">
        <v>-1.1311697040236299</v>
      </c>
      <c r="M1487">
        <v>3.875</v>
      </c>
      <c r="N1487">
        <v>2</v>
      </c>
      <c r="O1487">
        <v>1</v>
      </c>
      <c r="P1487">
        <v>1</v>
      </c>
      <c r="Q1487">
        <v>0.24944382578492949</v>
      </c>
      <c r="R1487">
        <v>2.6859453246697882</v>
      </c>
      <c r="S1487">
        <v>1</v>
      </c>
      <c r="T1487">
        <v>1</v>
      </c>
      <c r="U1487">
        <v>0</v>
      </c>
      <c r="V1487">
        <v>0</v>
      </c>
      <c r="W1487">
        <v>2.7080502011022101</v>
      </c>
      <c r="X1487">
        <v>1</v>
      </c>
      <c r="Y1487">
        <v>1</v>
      </c>
      <c r="Z1487">
        <v>0</v>
      </c>
      <c r="AA1487">
        <v>0</v>
      </c>
      <c r="AB1487">
        <v>2.639057329615258</v>
      </c>
      <c r="AC1487">
        <v>1</v>
      </c>
      <c r="AD1487">
        <v>1</v>
      </c>
      <c r="AE1487">
        <v>0</v>
      </c>
      <c r="AF1487">
        <v>0</v>
      </c>
      <c r="AG1487">
        <v>2.5649493574615372</v>
      </c>
      <c r="AH1487">
        <v>4.4710035593471991E-3</v>
      </c>
      <c r="AI1487">
        <v>-9.9647375834159294E-2</v>
      </c>
      <c r="AJ1487">
        <v>7.3793403369943375E-2</v>
      </c>
      <c r="AK1487">
        <v>9.4819384196819456E-2</v>
      </c>
      <c r="AL1487">
        <v>403.99776909367478</v>
      </c>
      <c r="AM1487">
        <v>526.6562470600096</v>
      </c>
      <c r="AN1487">
        <v>2409</v>
      </c>
      <c r="AO1487">
        <v>37</v>
      </c>
      <c r="AP1487">
        <v>298.05515118261889</v>
      </c>
      <c r="AQ1487">
        <v>2.3125</v>
      </c>
      <c r="AR1487">
        <v>4.125</v>
      </c>
      <c r="AS1487">
        <v>15</v>
      </c>
      <c r="AT1487">
        <v>0.875</v>
      </c>
      <c r="AU1487">
        <v>0.19264705882352939</v>
      </c>
      <c r="AV1487">
        <v>6.6924507517686803E-3</v>
      </c>
      <c r="AW1487">
        <v>0.3125</v>
      </c>
      <c r="AX1487">
        <v>69.400000000000006</v>
      </c>
      <c r="AY1487">
        <v>32.5</v>
      </c>
      <c r="AZ1487">
        <v>112.25</v>
      </c>
      <c r="BA1487">
        <v>0.46336671645194338</v>
      </c>
      <c r="BB1487">
        <v>0.5625</v>
      </c>
      <c r="BC1487">
        <v>2.615630577027551</v>
      </c>
      <c r="BD1487" t="s">
        <v>5707</v>
      </c>
      <c r="BE1487" t="s">
        <v>62</v>
      </c>
    </row>
    <row r="1488" spans="1:57" x14ac:dyDescent="0.3">
      <c r="A1488" t="s">
        <v>5709</v>
      </c>
      <c r="B1488">
        <v>2614</v>
      </c>
      <c r="C1488" t="s">
        <v>5710</v>
      </c>
      <c r="D1488" t="s">
        <v>5711</v>
      </c>
      <c r="E1488" t="s">
        <v>85</v>
      </c>
      <c r="F1488">
        <v>8</v>
      </c>
      <c r="G1488">
        <v>130</v>
      </c>
      <c r="H1488">
        <v>121.5</v>
      </c>
      <c r="I1488">
        <v>4603.25</v>
      </c>
      <c r="J1488">
        <v>67.847254918677436</v>
      </c>
      <c r="K1488">
        <v>-8.6068560425300228E-2</v>
      </c>
      <c r="L1488">
        <v>-0.67913967333905312</v>
      </c>
      <c r="M1488">
        <v>3</v>
      </c>
      <c r="N1488">
        <v>1</v>
      </c>
      <c r="O1488">
        <v>1</v>
      </c>
      <c r="P1488">
        <v>0</v>
      </c>
      <c r="Q1488">
        <v>0</v>
      </c>
      <c r="R1488">
        <v>2.0794415416798362</v>
      </c>
      <c r="S1488">
        <v>1</v>
      </c>
      <c r="T1488">
        <v>1</v>
      </c>
      <c r="U1488">
        <v>0</v>
      </c>
      <c r="V1488">
        <v>0</v>
      </c>
      <c r="W1488">
        <v>1.945910149055313</v>
      </c>
      <c r="X1488">
        <v>1</v>
      </c>
      <c r="Y1488">
        <v>1</v>
      </c>
      <c r="Z1488">
        <v>0</v>
      </c>
      <c r="AA1488">
        <v>0</v>
      </c>
      <c r="AB1488">
        <v>1.791759469228055</v>
      </c>
      <c r="AC1488">
        <v>1</v>
      </c>
      <c r="AD1488">
        <v>1</v>
      </c>
      <c r="AE1488">
        <v>0</v>
      </c>
      <c r="AF1488">
        <v>0</v>
      </c>
      <c r="AG1488">
        <v>1.6094379124341009</v>
      </c>
      <c r="AH1488">
        <v>-9.2108836148373438E-2</v>
      </c>
      <c r="AI1488">
        <v>-0.74539727366534514</v>
      </c>
      <c r="AJ1488">
        <v>-9.0289469396621955E-2</v>
      </c>
      <c r="AK1488">
        <v>0</v>
      </c>
      <c r="AL1488">
        <v>269.20041637732089</v>
      </c>
      <c r="AM1488">
        <v>315.52675928085262</v>
      </c>
      <c r="AN1488">
        <v>1040</v>
      </c>
      <c r="AO1488">
        <v>8</v>
      </c>
      <c r="AP1488">
        <v>148.719189717202</v>
      </c>
      <c r="AQ1488">
        <v>3.5</v>
      </c>
      <c r="AR1488">
        <v>3.125</v>
      </c>
      <c r="AS1488">
        <v>8</v>
      </c>
      <c r="AT1488">
        <v>0</v>
      </c>
      <c r="AU1488">
        <v>0.17375518672199169</v>
      </c>
      <c r="AV1488">
        <v>-9.8365894739580975E-2</v>
      </c>
      <c r="AW1488">
        <v>0.375</v>
      </c>
      <c r="AX1488">
        <v>89.285714285714292</v>
      </c>
      <c r="AY1488">
        <v>47.5</v>
      </c>
      <c r="AZ1488">
        <v>87.25</v>
      </c>
      <c r="BA1488">
        <v>0.52190196091290331</v>
      </c>
      <c r="BB1488">
        <v>0.375</v>
      </c>
      <c r="BC1488">
        <v>1.945910149055313</v>
      </c>
      <c r="BD1488" t="s">
        <v>5710</v>
      </c>
      <c r="BE1488" t="s">
        <v>68</v>
      </c>
    </row>
    <row r="1489" spans="1:57" x14ac:dyDescent="0.3">
      <c r="A1489" t="s">
        <v>5712</v>
      </c>
      <c r="B1489">
        <v>3469</v>
      </c>
      <c r="C1489" t="s">
        <v>5713</v>
      </c>
      <c r="D1489" t="s">
        <v>5714</v>
      </c>
      <c r="E1489" t="s">
        <v>10622</v>
      </c>
      <c r="F1489">
        <v>64</v>
      </c>
      <c r="G1489">
        <v>122.578125</v>
      </c>
      <c r="H1489">
        <v>128</v>
      </c>
      <c r="I1489">
        <v>4827.181396484375</v>
      </c>
      <c r="J1489">
        <v>69.477920208396966</v>
      </c>
      <c r="K1489">
        <v>-2.2745413197929821E-2</v>
      </c>
      <c r="L1489">
        <v>-0.92135495074282536</v>
      </c>
      <c r="M1489">
        <v>5.84375</v>
      </c>
      <c r="N1489">
        <v>2</v>
      </c>
      <c r="O1489">
        <v>1</v>
      </c>
      <c r="P1489">
        <v>1</v>
      </c>
      <c r="Q1489">
        <v>0.27850299534160988</v>
      </c>
      <c r="R1489">
        <v>4.0505788363971806</v>
      </c>
      <c r="S1489">
        <v>1</v>
      </c>
      <c r="T1489">
        <v>1</v>
      </c>
      <c r="U1489">
        <v>0</v>
      </c>
      <c r="V1489">
        <v>0</v>
      </c>
      <c r="W1489">
        <v>4.1431347263915326</v>
      </c>
      <c r="X1489">
        <v>1</v>
      </c>
      <c r="Y1489">
        <v>1</v>
      </c>
      <c r="Z1489">
        <v>0</v>
      </c>
      <c r="AA1489">
        <v>0</v>
      </c>
      <c r="AB1489">
        <v>4.1271343850450908</v>
      </c>
      <c r="AC1489">
        <v>1</v>
      </c>
      <c r="AD1489">
        <v>1</v>
      </c>
      <c r="AE1489">
        <v>0</v>
      </c>
      <c r="AF1489">
        <v>0</v>
      </c>
      <c r="AG1489">
        <v>4.1108738641733096</v>
      </c>
      <c r="AH1489">
        <v>0.1151847592268109</v>
      </c>
      <c r="AI1489">
        <v>0.39232800194566753</v>
      </c>
      <c r="AJ1489">
        <v>0.1135356423003889</v>
      </c>
      <c r="AK1489">
        <v>0.16117971548090279</v>
      </c>
      <c r="AL1489">
        <v>611.67687523931374</v>
      </c>
      <c r="AM1489">
        <v>946.79269129914019</v>
      </c>
      <c r="AN1489">
        <v>7845</v>
      </c>
      <c r="AO1489">
        <v>130.9541491560467</v>
      </c>
      <c r="AP1489">
        <v>447.96018961008218</v>
      </c>
      <c r="AQ1489">
        <v>1.359375</v>
      </c>
      <c r="AR1489">
        <v>3.984375</v>
      </c>
      <c r="AS1489">
        <v>63</v>
      </c>
      <c r="AT1489">
        <v>4.2187499999999991</v>
      </c>
      <c r="AU1489">
        <v>0.1193405511811023</v>
      </c>
      <c r="AV1489">
        <v>0.11675333624121351</v>
      </c>
      <c r="AW1489">
        <v>0.34375</v>
      </c>
      <c r="AX1489">
        <v>74.777777777777771</v>
      </c>
      <c r="AY1489">
        <v>55</v>
      </c>
      <c r="AZ1489">
        <v>104.5</v>
      </c>
      <c r="BA1489">
        <v>0.56680521266251194</v>
      </c>
      <c r="BB1489">
        <v>0.5625</v>
      </c>
      <c r="BC1489">
        <v>3.8707731315152909</v>
      </c>
      <c r="BD1489" t="s">
        <v>5715</v>
      </c>
      <c r="BE1489" t="s">
        <v>62</v>
      </c>
    </row>
    <row r="1490" spans="1:57" x14ac:dyDescent="0.3">
      <c r="A1490" t="s">
        <v>5716</v>
      </c>
      <c r="B1490">
        <v>1687</v>
      </c>
      <c r="C1490" t="s">
        <v>5717</v>
      </c>
      <c r="D1490" t="s">
        <v>5718</v>
      </c>
      <c r="E1490" t="s">
        <v>10622</v>
      </c>
      <c r="F1490">
        <v>64</v>
      </c>
      <c r="G1490">
        <v>138.46875</v>
      </c>
      <c r="H1490">
        <v>147</v>
      </c>
      <c r="I1490">
        <v>5616.8740234375</v>
      </c>
      <c r="J1490">
        <v>74.945807243884559</v>
      </c>
      <c r="K1490">
        <v>-0.2193756902863373</v>
      </c>
      <c r="L1490">
        <v>-1.1365124118305361</v>
      </c>
      <c r="M1490">
        <v>5.78125</v>
      </c>
      <c r="N1490">
        <v>2</v>
      </c>
      <c r="O1490">
        <v>1</v>
      </c>
      <c r="P1490">
        <v>1</v>
      </c>
      <c r="Q1490">
        <v>0.32821556024332821</v>
      </c>
      <c r="R1490">
        <v>4.0072571376121839</v>
      </c>
      <c r="S1490">
        <v>1</v>
      </c>
      <c r="T1490">
        <v>1</v>
      </c>
      <c r="U1490">
        <v>0</v>
      </c>
      <c r="V1490">
        <v>0</v>
      </c>
      <c r="W1490">
        <v>4.1431347263915326</v>
      </c>
      <c r="X1490">
        <v>1</v>
      </c>
      <c r="Y1490">
        <v>1</v>
      </c>
      <c r="Z1490">
        <v>0</v>
      </c>
      <c r="AA1490">
        <v>0</v>
      </c>
      <c r="AB1490">
        <v>4.1271343850450908</v>
      </c>
      <c r="AC1490">
        <v>1</v>
      </c>
      <c r="AD1490">
        <v>1</v>
      </c>
      <c r="AE1490">
        <v>0</v>
      </c>
      <c r="AF1490">
        <v>0</v>
      </c>
      <c r="AG1490">
        <v>4.1108738641733096</v>
      </c>
      <c r="AH1490">
        <v>4.0323874885055302E-2</v>
      </c>
      <c r="AI1490">
        <v>0.14839918374269501</v>
      </c>
      <c r="AJ1490">
        <v>6.459129966658432E-2</v>
      </c>
      <c r="AK1490">
        <v>4.685889872331192E-2</v>
      </c>
      <c r="AL1490">
        <v>674.733873128455</v>
      </c>
      <c r="AM1490">
        <v>1063.637250406864</v>
      </c>
      <c r="AN1490">
        <v>8862</v>
      </c>
      <c r="AO1490">
        <v>74.537626882682517</v>
      </c>
      <c r="AP1490">
        <v>472.49609671436008</v>
      </c>
      <c r="AQ1490">
        <v>1.359375</v>
      </c>
      <c r="AR1490">
        <v>4.234375</v>
      </c>
      <c r="AS1490">
        <v>64</v>
      </c>
      <c r="AT1490">
        <v>5.46875</v>
      </c>
      <c r="AU1490">
        <v>0.109744094488189</v>
      </c>
      <c r="AV1490">
        <v>4.1154694131273352E-2</v>
      </c>
      <c r="AW1490">
        <v>0.28125</v>
      </c>
      <c r="AX1490">
        <v>88.492063492063494</v>
      </c>
      <c r="AY1490">
        <v>64.5</v>
      </c>
      <c r="AZ1490">
        <v>127</v>
      </c>
      <c r="BA1490">
        <v>0.54124708458684401</v>
      </c>
      <c r="BB1490">
        <v>0.5625</v>
      </c>
      <c r="BC1490">
        <v>3.8790786576067919</v>
      </c>
      <c r="BD1490" t="s">
        <v>5719</v>
      </c>
      <c r="BE1490" t="s">
        <v>62</v>
      </c>
    </row>
    <row r="1491" spans="1:57" x14ac:dyDescent="0.3">
      <c r="A1491" t="s">
        <v>5720</v>
      </c>
      <c r="B1491">
        <v>2593</v>
      </c>
      <c r="C1491" t="s">
        <v>5721</v>
      </c>
      <c r="D1491" t="s">
        <v>5722</v>
      </c>
      <c r="E1491" t="s">
        <v>128</v>
      </c>
      <c r="F1491">
        <v>32</v>
      </c>
      <c r="G1491">
        <v>120.78125</v>
      </c>
      <c r="H1491">
        <v>115.5</v>
      </c>
      <c r="I1491">
        <v>4865.0458984375</v>
      </c>
      <c r="J1491">
        <v>69.749880992281987</v>
      </c>
      <c r="K1491">
        <v>0.1531348605958015</v>
      </c>
      <c r="L1491">
        <v>-0.92354064757020993</v>
      </c>
      <c r="M1491">
        <v>4.875</v>
      </c>
      <c r="N1491">
        <v>2</v>
      </c>
      <c r="O1491">
        <v>1</v>
      </c>
      <c r="P1491">
        <v>1</v>
      </c>
      <c r="Q1491">
        <v>0.24944382578492941</v>
      </c>
      <c r="R1491">
        <v>3.3790925052297318</v>
      </c>
      <c r="S1491">
        <v>1</v>
      </c>
      <c r="T1491">
        <v>1</v>
      </c>
      <c r="U1491">
        <v>0</v>
      </c>
      <c r="V1491">
        <v>0</v>
      </c>
      <c r="W1491">
        <v>3.4339872044851458</v>
      </c>
      <c r="X1491">
        <v>1</v>
      </c>
      <c r="Y1491">
        <v>1</v>
      </c>
      <c r="Z1491">
        <v>0</v>
      </c>
      <c r="AA1491">
        <v>0</v>
      </c>
      <c r="AB1491">
        <v>3.401197381662155</v>
      </c>
      <c r="AC1491">
        <v>1</v>
      </c>
      <c r="AD1491">
        <v>1</v>
      </c>
      <c r="AE1491">
        <v>0</v>
      </c>
      <c r="AF1491">
        <v>0</v>
      </c>
      <c r="AG1491">
        <v>3.3672958299864728</v>
      </c>
      <c r="AH1491">
        <v>0.46164563756685068</v>
      </c>
      <c r="AI1491">
        <v>0.41972740764545868</v>
      </c>
      <c r="AJ1491">
        <v>-0.2358689640626383</v>
      </c>
      <c r="AK1491">
        <v>6.3735445291236689E-2</v>
      </c>
      <c r="AL1491">
        <v>437.48576784390679</v>
      </c>
      <c r="AM1491">
        <v>656.58754399853433</v>
      </c>
      <c r="AN1491">
        <v>3865</v>
      </c>
      <c r="AO1491">
        <v>28.45504578063851</v>
      </c>
      <c r="AP1491">
        <v>316.61915432581071</v>
      </c>
      <c r="AQ1491">
        <v>1.65625</v>
      </c>
      <c r="AR1491">
        <v>3.8125</v>
      </c>
      <c r="AS1491">
        <v>32</v>
      </c>
      <c r="AT1491">
        <v>1.75</v>
      </c>
      <c r="AU1491">
        <v>0.17650691699604751</v>
      </c>
      <c r="AV1491">
        <v>0.46216771124361211</v>
      </c>
      <c r="AW1491">
        <v>0.40625</v>
      </c>
      <c r="AX1491">
        <v>58.903225806451623</v>
      </c>
      <c r="AY1491">
        <v>47.5</v>
      </c>
      <c r="AZ1491">
        <v>93.75</v>
      </c>
      <c r="BA1491">
        <v>0.57748931222587929</v>
      </c>
      <c r="BB1491">
        <v>0.4375</v>
      </c>
      <c r="BC1491">
        <v>3.2382315403482398</v>
      </c>
      <c r="BD1491" t="s">
        <v>5723</v>
      </c>
      <c r="BE1491" t="s">
        <v>62</v>
      </c>
    </row>
    <row r="1492" spans="1:57" x14ac:dyDescent="0.3">
      <c r="A1492" t="s">
        <v>5724</v>
      </c>
      <c r="B1492">
        <v>2195</v>
      </c>
      <c r="C1492" t="s">
        <v>5725</v>
      </c>
      <c r="D1492" t="s">
        <v>5726</v>
      </c>
      <c r="E1492" t="s">
        <v>72</v>
      </c>
      <c r="F1492">
        <v>2200</v>
      </c>
      <c r="G1492">
        <v>128.60499999999999</v>
      </c>
      <c r="H1492">
        <v>130</v>
      </c>
      <c r="I1492">
        <v>5513.4998840909084</v>
      </c>
      <c r="J1492">
        <v>74.25294528899785</v>
      </c>
      <c r="K1492">
        <v>-1.432776878150736E-2</v>
      </c>
      <c r="L1492">
        <v>-1.202982121916381</v>
      </c>
      <c r="M1492">
        <v>7.9077083786242506</v>
      </c>
      <c r="N1492">
        <v>17</v>
      </c>
      <c r="O1492">
        <v>2</v>
      </c>
      <c r="P1492">
        <v>15</v>
      </c>
      <c r="Q1492">
        <v>3.0218927739911621</v>
      </c>
      <c r="R1492">
        <v>5.4812057673336509</v>
      </c>
      <c r="S1492">
        <v>2</v>
      </c>
      <c r="T1492">
        <v>1</v>
      </c>
      <c r="U1492">
        <v>1</v>
      </c>
      <c r="V1492">
        <v>0.14770658069594109</v>
      </c>
      <c r="W1492">
        <v>7.6654978135043974</v>
      </c>
      <c r="X1492">
        <v>2</v>
      </c>
      <c r="Y1492">
        <v>1</v>
      </c>
      <c r="Z1492">
        <v>1</v>
      </c>
      <c r="AA1492">
        <v>2.1329766980172939E-2</v>
      </c>
      <c r="AB1492">
        <v>7.6946724277929004</v>
      </c>
      <c r="AC1492">
        <v>1</v>
      </c>
      <c r="AD1492">
        <v>1</v>
      </c>
      <c r="AE1492">
        <v>0</v>
      </c>
      <c r="AF1492">
        <v>0</v>
      </c>
      <c r="AG1492">
        <v>7.6948480723846089</v>
      </c>
      <c r="AH1492">
        <v>-2.3791445962539778E-2</v>
      </c>
      <c r="AI1492">
        <v>-5.3168630226468989E-3</v>
      </c>
      <c r="AJ1492">
        <v>-2.5168022419585458E-2</v>
      </c>
      <c r="AK1492">
        <v>3.1412582793491138E-3</v>
      </c>
      <c r="AL1492">
        <v>3220.259934708406</v>
      </c>
      <c r="AM1492">
        <v>6176.242138461851</v>
      </c>
      <c r="AN1492">
        <v>282931</v>
      </c>
      <c r="AO1492">
        <v>62.554773360703052</v>
      </c>
      <c r="AP1492">
        <v>2926.0267295613889</v>
      </c>
      <c r="AQ1492">
        <v>1.0104545454545451</v>
      </c>
      <c r="AR1492">
        <v>4.038636363636364</v>
      </c>
      <c r="AS1492">
        <v>2193</v>
      </c>
      <c r="AT1492">
        <v>272.02909090909088</v>
      </c>
      <c r="AU1492">
        <v>1.6559714795008899E-2</v>
      </c>
      <c r="AV1492">
        <v>-2.3802348430510951E-2</v>
      </c>
      <c r="AW1492">
        <v>0.36</v>
      </c>
      <c r="AX1492">
        <v>87.642110050022737</v>
      </c>
      <c r="AY1492">
        <v>65</v>
      </c>
      <c r="AZ1492">
        <v>130</v>
      </c>
      <c r="BA1492">
        <v>0.57737214951983096</v>
      </c>
      <c r="BB1492">
        <v>0.50636363636363635</v>
      </c>
      <c r="BC1492">
        <v>5.3036980897211787</v>
      </c>
      <c r="BD1492" t="s">
        <v>5727</v>
      </c>
      <c r="BE1492" t="s">
        <v>68</v>
      </c>
    </row>
    <row r="1493" spans="1:57" x14ac:dyDescent="0.3">
      <c r="A1493" t="s">
        <v>5728</v>
      </c>
      <c r="B1493">
        <v>1047</v>
      </c>
      <c r="C1493" t="s">
        <v>5729</v>
      </c>
      <c r="D1493" t="s">
        <v>5730</v>
      </c>
      <c r="E1493" t="s">
        <v>66</v>
      </c>
      <c r="F1493">
        <v>71</v>
      </c>
      <c r="G1493">
        <v>107.4507042253521</v>
      </c>
      <c r="H1493">
        <v>96</v>
      </c>
      <c r="I1493">
        <v>5925.6278516167422</v>
      </c>
      <c r="J1493">
        <v>76.978099818173888</v>
      </c>
      <c r="K1493">
        <v>0.33042250498326797</v>
      </c>
      <c r="L1493">
        <v>-1.2261402797611121</v>
      </c>
      <c r="M1493">
        <v>5.8292557462347698</v>
      </c>
      <c r="N1493">
        <v>3</v>
      </c>
      <c r="O1493">
        <v>1</v>
      </c>
      <c r="P1493">
        <v>2</v>
      </c>
      <c r="Q1493">
        <v>0.42784992176644798</v>
      </c>
      <c r="R1493">
        <v>4.0405321852654943</v>
      </c>
      <c r="S1493">
        <v>1</v>
      </c>
      <c r="T1493">
        <v>1</v>
      </c>
      <c r="U1493">
        <v>0</v>
      </c>
      <c r="V1493">
        <v>0</v>
      </c>
      <c r="W1493">
        <v>4.2484952420493576</v>
      </c>
      <c r="X1493">
        <v>1</v>
      </c>
      <c r="Y1493">
        <v>1</v>
      </c>
      <c r="Z1493">
        <v>0</v>
      </c>
      <c r="AA1493">
        <v>0</v>
      </c>
      <c r="AB1493">
        <v>4.2341065045972579</v>
      </c>
      <c r="AC1493">
        <v>1</v>
      </c>
      <c r="AD1493">
        <v>1</v>
      </c>
      <c r="AE1493">
        <v>0</v>
      </c>
      <c r="AF1493">
        <v>0</v>
      </c>
      <c r="AG1493">
        <v>4.2195077051761087</v>
      </c>
      <c r="AH1493">
        <v>8.907761911148164E-2</v>
      </c>
      <c r="AI1493">
        <v>0.14589016185648321</v>
      </c>
      <c r="AJ1493">
        <v>-7.8779854122365683E-2</v>
      </c>
      <c r="AK1493">
        <v>-0.27328253590184082</v>
      </c>
      <c r="AL1493">
        <v>669.59624054757262</v>
      </c>
      <c r="AM1493">
        <v>890.00105317047655</v>
      </c>
      <c r="AN1493">
        <v>7629</v>
      </c>
      <c r="AO1493">
        <v>26.522192575896739</v>
      </c>
      <c r="AP1493">
        <v>586.95821249310802</v>
      </c>
      <c r="AQ1493">
        <v>1.323943661971831</v>
      </c>
      <c r="AR1493">
        <v>3.605633802816901</v>
      </c>
      <c r="AS1493">
        <v>71</v>
      </c>
      <c r="AT1493">
        <v>9.2816901408450754</v>
      </c>
      <c r="AU1493">
        <v>0.18099972383319529</v>
      </c>
      <c r="AV1493">
        <v>8.9623890627823444E-2</v>
      </c>
      <c r="AW1493">
        <v>0.36619718309859162</v>
      </c>
      <c r="AX1493">
        <v>83.771428571428572</v>
      </c>
      <c r="AY1493">
        <v>63</v>
      </c>
      <c r="AZ1493">
        <v>133.5</v>
      </c>
      <c r="BA1493">
        <v>0.71640386513177956</v>
      </c>
      <c r="BB1493">
        <v>0.46478873239436619</v>
      </c>
      <c r="BC1493">
        <v>4.0825866272961644</v>
      </c>
      <c r="BD1493" t="s">
        <v>5731</v>
      </c>
      <c r="BE1493" t="s">
        <v>68</v>
      </c>
    </row>
    <row r="1494" spans="1:57" x14ac:dyDescent="0.3">
      <c r="A1494" t="s">
        <v>5732</v>
      </c>
      <c r="B1494">
        <v>643</v>
      </c>
      <c r="C1494" t="s">
        <v>5733</v>
      </c>
      <c r="D1494" t="s">
        <v>5734</v>
      </c>
      <c r="E1494" t="s">
        <v>93</v>
      </c>
      <c r="F1494">
        <v>643</v>
      </c>
      <c r="G1494">
        <v>130.1321928460342</v>
      </c>
      <c r="H1494">
        <v>131</v>
      </c>
      <c r="I1494">
        <v>5373.016739670431</v>
      </c>
      <c r="J1494">
        <v>73.300864521985218</v>
      </c>
      <c r="K1494">
        <v>6.2466400286789403E-2</v>
      </c>
      <c r="L1494">
        <v>-1.206144869596218</v>
      </c>
      <c r="M1494">
        <v>7.6551911856723978</v>
      </c>
      <c r="N1494">
        <v>11</v>
      </c>
      <c r="O1494">
        <v>1</v>
      </c>
      <c r="P1494">
        <v>10</v>
      </c>
      <c r="Q1494">
        <v>1.589383064028022</v>
      </c>
      <c r="R1494">
        <v>5.3061741869961576</v>
      </c>
      <c r="S1494">
        <v>2</v>
      </c>
      <c r="T1494">
        <v>1</v>
      </c>
      <c r="U1494">
        <v>1</v>
      </c>
      <c r="V1494">
        <v>8.8247845039593056E-2</v>
      </c>
      <c r="W1494">
        <v>6.4537916186345097</v>
      </c>
      <c r="X1494">
        <v>1</v>
      </c>
      <c r="Y1494">
        <v>1</v>
      </c>
      <c r="Z1494">
        <v>0</v>
      </c>
      <c r="AA1494">
        <v>0</v>
      </c>
      <c r="AB1494">
        <v>6.4630294569206708</v>
      </c>
      <c r="AC1494">
        <v>1</v>
      </c>
      <c r="AD1494">
        <v>1</v>
      </c>
      <c r="AE1494">
        <v>0</v>
      </c>
      <c r="AF1494">
        <v>0</v>
      </c>
      <c r="AG1494">
        <v>6.4614681763537174</v>
      </c>
      <c r="AH1494">
        <v>-4.7456166529897183E-2</v>
      </c>
      <c r="AI1494">
        <v>-8.2363336627930633E-2</v>
      </c>
      <c r="AJ1494">
        <v>-3.1699427390170593E-2</v>
      </c>
      <c r="AK1494">
        <v>-1.35244729976659E-2</v>
      </c>
      <c r="AL1494">
        <v>1754.581994726271</v>
      </c>
      <c r="AM1494">
        <v>3356.352636982946</v>
      </c>
      <c r="AN1494">
        <v>83675</v>
      </c>
      <c r="AO1494">
        <v>95.551351855583803</v>
      </c>
      <c r="AP1494">
        <v>1499.9336925839179</v>
      </c>
      <c r="AQ1494">
        <v>1.0357698289269051</v>
      </c>
      <c r="AR1494">
        <v>4.0357698289269051</v>
      </c>
      <c r="AS1494">
        <v>641</v>
      </c>
      <c r="AT1494">
        <v>216.96111975116639</v>
      </c>
      <c r="AU1494">
        <v>4.0882428576676753E-2</v>
      </c>
      <c r="AV1494">
        <v>-4.7478815168128449E-2</v>
      </c>
      <c r="AW1494">
        <v>0.38102643856920682</v>
      </c>
      <c r="AX1494">
        <v>86.839563862928344</v>
      </c>
      <c r="AY1494">
        <v>62</v>
      </c>
      <c r="AZ1494">
        <v>125.5</v>
      </c>
      <c r="BA1494">
        <v>0.56328002255914555</v>
      </c>
      <c r="BB1494">
        <v>0.50233281493001558</v>
      </c>
      <c r="BC1494">
        <v>5.1414909821508816</v>
      </c>
      <c r="BD1494" t="s">
        <v>5735</v>
      </c>
      <c r="BE1494" t="s">
        <v>68</v>
      </c>
    </row>
    <row r="1495" spans="1:57" x14ac:dyDescent="0.3">
      <c r="A1495" t="s">
        <v>5736</v>
      </c>
      <c r="B1495">
        <v>1386</v>
      </c>
      <c r="C1495" t="s">
        <v>5737</v>
      </c>
      <c r="D1495" t="s">
        <v>5738</v>
      </c>
      <c r="E1495" t="s">
        <v>93</v>
      </c>
      <c r="F1495">
        <v>1396</v>
      </c>
      <c r="G1495">
        <v>128.22851002865329</v>
      </c>
      <c r="H1495">
        <v>129</v>
      </c>
      <c r="I1495">
        <v>5427.5344593845703</v>
      </c>
      <c r="J1495">
        <v>73.671802335660075</v>
      </c>
      <c r="K1495">
        <v>-1.9560339396326482E-2</v>
      </c>
      <c r="L1495">
        <v>-1.181190354778338</v>
      </c>
      <c r="M1495">
        <v>7.8551940052621916</v>
      </c>
      <c r="N1495">
        <v>14</v>
      </c>
      <c r="O1495">
        <v>1</v>
      </c>
      <c r="P1495">
        <v>13</v>
      </c>
      <c r="Q1495">
        <v>2.3710544636325261</v>
      </c>
      <c r="R1495">
        <v>5.4448055774988688</v>
      </c>
      <c r="S1495">
        <v>3</v>
      </c>
      <c r="T1495">
        <v>1</v>
      </c>
      <c r="U1495">
        <v>2</v>
      </c>
      <c r="V1495">
        <v>0.1198059005217213</v>
      </c>
      <c r="W1495">
        <v>7.2223869368046234</v>
      </c>
      <c r="X1495">
        <v>1</v>
      </c>
      <c r="Y1495">
        <v>1</v>
      </c>
      <c r="Z1495">
        <v>0</v>
      </c>
      <c r="AA1495">
        <v>0</v>
      </c>
      <c r="AB1495">
        <v>7.2399325913204713</v>
      </c>
      <c r="AC1495">
        <v>1</v>
      </c>
      <c r="AD1495">
        <v>1</v>
      </c>
      <c r="AE1495">
        <v>0</v>
      </c>
      <c r="AF1495">
        <v>0</v>
      </c>
      <c r="AG1495">
        <v>7.2392149737798039</v>
      </c>
      <c r="AH1495">
        <v>-8.94663355723797E-3</v>
      </c>
      <c r="AI1495">
        <v>5.8092205726986798E-2</v>
      </c>
      <c r="AJ1495">
        <v>-1.6717661592048839E-2</v>
      </c>
      <c r="AK1495">
        <v>-5.4721223777819232E-3</v>
      </c>
      <c r="AL1495">
        <v>2547.5388740767462</v>
      </c>
      <c r="AM1495">
        <v>4903.1300905715107</v>
      </c>
      <c r="AN1495">
        <v>179007</v>
      </c>
      <c r="AO1495">
        <v>15.98073267101689</v>
      </c>
      <c r="AP1495">
        <v>2285.0208123745711</v>
      </c>
      <c r="AQ1495">
        <v>1.0164756446991401</v>
      </c>
      <c r="AR1495">
        <v>3.9914040114613178</v>
      </c>
      <c r="AS1495">
        <v>1384</v>
      </c>
      <c r="AT1495">
        <v>261.86532951289399</v>
      </c>
      <c r="AU1495">
        <v>1.8352154615427829E-2</v>
      </c>
      <c r="AV1495">
        <v>-8.9552861247803213E-3</v>
      </c>
      <c r="AW1495">
        <v>0.3653295128939828</v>
      </c>
      <c r="AX1495">
        <v>84.740501792114699</v>
      </c>
      <c r="AY1495">
        <v>63</v>
      </c>
      <c r="AZ1495">
        <v>126</v>
      </c>
      <c r="BA1495">
        <v>0.57453527549526817</v>
      </c>
      <c r="BB1495">
        <v>0.50071633237822355</v>
      </c>
      <c r="BC1495">
        <v>5.2636489167675506</v>
      </c>
      <c r="BD1495" t="s">
        <v>5739</v>
      </c>
      <c r="BE1495" t="s">
        <v>68</v>
      </c>
    </row>
    <row r="1496" spans="1:57" x14ac:dyDescent="0.3">
      <c r="A1496" t="s">
        <v>5740</v>
      </c>
      <c r="B1496">
        <v>145</v>
      </c>
      <c r="C1496" t="s">
        <v>5741</v>
      </c>
      <c r="D1496" t="s">
        <v>5742</v>
      </c>
      <c r="E1496" t="s">
        <v>60</v>
      </c>
      <c r="F1496">
        <v>512</v>
      </c>
      <c r="G1496">
        <v>124.77734375</v>
      </c>
      <c r="H1496">
        <v>123</v>
      </c>
      <c r="I1496">
        <v>5398.5519866943359</v>
      </c>
      <c r="J1496">
        <v>73.474839140309356</v>
      </c>
      <c r="K1496">
        <v>5.1929354992839002E-2</v>
      </c>
      <c r="L1496">
        <v>-1.2535224318119591</v>
      </c>
      <c r="M1496">
        <v>7.5896694045920814</v>
      </c>
      <c r="N1496">
        <v>7</v>
      </c>
      <c r="O1496">
        <v>1</v>
      </c>
      <c r="P1496">
        <v>6</v>
      </c>
      <c r="Q1496">
        <v>1.268416000143364</v>
      </c>
      <c r="R1496">
        <v>5.2607579491750789</v>
      </c>
      <c r="S1496">
        <v>2</v>
      </c>
      <c r="T1496">
        <v>1</v>
      </c>
      <c r="U1496">
        <v>1</v>
      </c>
      <c r="V1496">
        <v>6.2560641760670568E-2</v>
      </c>
      <c r="W1496">
        <v>6.2309437805711401</v>
      </c>
      <c r="X1496">
        <v>1</v>
      </c>
      <c r="Y1496">
        <v>1</v>
      </c>
      <c r="Z1496">
        <v>0</v>
      </c>
      <c r="AA1496">
        <v>0</v>
      </c>
      <c r="AB1496">
        <v>6.2344107257183694</v>
      </c>
      <c r="AC1496">
        <v>1</v>
      </c>
      <c r="AD1496">
        <v>1</v>
      </c>
      <c r="AE1496">
        <v>0</v>
      </c>
      <c r="AF1496">
        <v>0</v>
      </c>
      <c r="AG1496">
        <v>6.2324480165505216</v>
      </c>
      <c r="AH1496">
        <v>-3.9341289989610652E-2</v>
      </c>
      <c r="AI1496">
        <v>-1.252172389684292E-2</v>
      </c>
      <c r="AJ1496">
        <v>3.4117421503230251E-2</v>
      </c>
      <c r="AK1496">
        <v>-4.5347268215442493E-2</v>
      </c>
      <c r="AL1496">
        <v>1602.047636753942</v>
      </c>
      <c r="AM1496">
        <v>2858.1510403705238</v>
      </c>
      <c r="AN1496">
        <v>63886</v>
      </c>
      <c r="AO1496">
        <v>135.52004859802261</v>
      </c>
      <c r="AP1496">
        <v>1394.778835514792</v>
      </c>
      <c r="AQ1496">
        <v>1.044921875</v>
      </c>
      <c r="AR1496">
        <v>3.984375</v>
      </c>
      <c r="AS1496">
        <v>509</v>
      </c>
      <c r="AT1496">
        <v>154.8671875</v>
      </c>
      <c r="AU1496">
        <v>4.1938361220472453E-2</v>
      </c>
      <c r="AV1496">
        <v>-3.9351794862185582E-2</v>
      </c>
      <c r="AW1496">
        <v>0.38671875</v>
      </c>
      <c r="AX1496">
        <v>86.819960861056757</v>
      </c>
      <c r="AY1496">
        <v>64.5</v>
      </c>
      <c r="AZ1496">
        <v>130</v>
      </c>
      <c r="BA1496">
        <v>0.5888475979062453</v>
      </c>
      <c r="BB1496">
        <v>0.498046875</v>
      </c>
      <c r="BC1496">
        <v>5.0766446513928827</v>
      </c>
      <c r="BD1496" t="s">
        <v>5743</v>
      </c>
      <c r="BE1496" t="s">
        <v>62</v>
      </c>
    </row>
    <row r="1497" spans="1:57" x14ac:dyDescent="0.3">
      <c r="A1497" t="s">
        <v>5744</v>
      </c>
      <c r="B1497">
        <v>2013</v>
      </c>
      <c r="C1497" t="s">
        <v>5745</v>
      </c>
      <c r="D1497" t="s">
        <v>5746</v>
      </c>
      <c r="E1497" t="s">
        <v>72</v>
      </c>
      <c r="F1497">
        <v>2032</v>
      </c>
      <c r="G1497">
        <v>126.6727362204724</v>
      </c>
      <c r="H1497">
        <v>127</v>
      </c>
      <c r="I1497">
        <v>5370.2034299146726</v>
      </c>
      <c r="J1497">
        <v>73.281671855346431</v>
      </c>
      <c r="K1497">
        <v>1.7386974467465639E-2</v>
      </c>
      <c r="L1497">
        <v>-1.199620677669589</v>
      </c>
      <c r="M1497">
        <v>7.9041456976558582</v>
      </c>
      <c r="N1497">
        <v>17</v>
      </c>
      <c r="O1497">
        <v>1</v>
      </c>
      <c r="P1497">
        <v>16</v>
      </c>
      <c r="Q1497">
        <v>2.8428913538860399</v>
      </c>
      <c r="R1497">
        <v>5.4787363050651772</v>
      </c>
      <c r="S1497">
        <v>3</v>
      </c>
      <c r="T1497">
        <v>1</v>
      </c>
      <c r="U1497">
        <v>2</v>
      </c>
      <c r="V1497">
        <v>0.1488891116365966</v>
      </c>
      <c r="W1497">
        <v>7.5866755331845592</v>
      </c>
      <c r="X1497">
        <v>2</v>
      </c>
      <c r="Y1497">
        <v>1</v>
      </c>
      <c r="Z1497">
        <v>1</v>
      </c>
      <c r="AA1497">
        <v>7.688381507718324E-2</v>
      </c>
      <c r="AB1497">
        <v>7.6075962285218202</v>
      </c>
      <c r="AC1497">
        <v>2</v>
      </c>
      <c r="AD1497">
        <v>1</v>
      </c>
      <c r="AE1497">
        <v>1</v>
      </c>
      <c r="AF1497">
        <v>7.0202673164544871E-2</v>
      </c>
      <c r="AG1497">
        <v>7.6084659378488837</v>
      </c>
      <c r="AH1497">
        <v>3.924746338897854E-3</v>
      </c>
      <c r="AI1497">
        <v>2.0490236677549209E-3</v>
      </c>
      <c r="AJ1497">
        <v>-9.7057399686468707E-3</v>
      </c>
      <c r="AK1497">
        <v>-1.8248935962205538E-2</v>
      </c>
      <c r="AL1497">
        <v>3047.961986993459</v>
      </c>
      <c r="AM1497">
        <v>5850.4373106497678</v>
      </c>
      <c r="AN1497">
        <v>257399</v>
      </c>
      <c r="AO1497">
        <v>45.250896509298443</v>
      </c>
      <c r="AP1497">
        <v>2733.4980513557239</v>
      </c>
      <c r="AQ1497">
        <v>1.0113188976377949</v>
      </c>
      <c r="AR1497">
        <v>3.997047244094488</v>
      </c>
      <c r="AS1497">
        <v>2025</v>
      </c>
      <c r="AT1497">
        <v>260.66141732283472</v>
      </c>
      <c r="AU1497">
        <v>1.5985409911996259E-2</v>
      </c>
      <c r="AV1497">
        <v>3.9248655246705158E-3</v>
      </c>
      <c r="AW1497">
        <v>0.37007874015748032</v>
      </c>
      <c r="AX1497">
        <v>84.197932053175776</v>
      </c>
      <c r="AY1497">
        <v>64</v>
      </c>
      <c r="AZ1497">
        <v>128</v>
      </c>
      <c r="BA1497">
        <v>0.57851179379121109</v>
      </c>
      <c r="BB1497">
        <v>0.50196850393700787</v>
      </c>
      <c r="BC1497">
        <v>5.2843667352215418</v>
      </c>
      <c r="BD1497" t="s">
        <v>5747</v>
      </c>
      <c r="BE1497" t="s">
        <v>62</v>
      </c>
    </row>
    <row r="1498" spans="1:57" x14ac:dyDescent="0.3">
      <c r="A1498" t="s">
        <v>5748</v>
      </c>
      <c r="B1498">
        <v>2888</v>
      </c>
      <c r="C1498" t="s">
        <v>5749</v>
      </c>
      <c r="D1498" t="s">
        <v>5750</v>
      </c>
      <c r="E1498" t="s">
        <v>93</v>
      </c>
      <c r="F1498">
        <v>2888</v>
      </c>
      <c r="G1498">
        <v>127.064404432133</v>
      </c>
      <c r="H1498">
        <v>126</v>
      </c>
      <c r="I1498">
        <v>5474.2707828170442</v>
      </c>
      <c r="J1498">
        <v>73.988315177580873</v>
      </c>
      <c r="K1498">
        <v>2.7471845676882552E-2</v>
      </c>
      <c r="L1498">
        <v>-1.213790279742931</v>
      </c>
      <c r="M1498">
        <v>7.937397268233477</v>
      </c>
      <c r="N1498">
        <v>22</v>
      </c>
      <c r="O1498">
        <v>4</v>
      </c>
      <c r="P1498">
        <v>18</v>
      </c>
      <c r="Q1498">
        <v>3.2785703343835708</v>
      </c>
      <c r="R1498">
        <v>5.5017845374602441</v>
      </c>
      <c r="S1498">
        <v>3</v>
      </c>
      <c r="T1498">
        <v>1</v>
      </c>
      <c r="U1498">
        <v>2</v>
      </c>
      <c r="V1498">
        <v>0.14773987050707871</v>
      </c>
      <c r="W1498">
        <v>7.9385006461776282</v>
      </c>
      <c r="X1498">
        <v>1</v>
      </c>
      <c r="Y1498">
        <v>1</v>
      </c>
      <c r="Z1498">
        <v>0</v>
      </c>
      <c r="AA1498">
        <v>0</v>
      </c>
      <c r="AB1498">
        <v>7.9676267393338156</v>
      </c>
      <c r="AC1498">
        <v>1</v>
      </c>
      <c r="AD1498">
        <v>1</v>
      </c>
      <c r="AE1498">
        <v>0</v>
      </c>
      <c r="AF1498">
        <v>0</v>
      </c>
      <c r="AG1498">
        <v>7.9672801789422021</v>
      </c>
      <c r="AH1498">
        <v>-2.3999015953419661E-2</v>
      </c>
      <c r="AI1498">
        <v>-2.4638780735494411E-2</v>
      </c>
      <c r="AJ1498">
        <v>3.071022989743398E-2</v>
      </c>
      <c r="AK1498">
        <v>-1.204248861314235E-3</v>
      </c>
      <c r="AL1498">
        <v>3614.3028586897831</v>
      </c>
      <c r="AM1498">
        <v>7026.6860500286248</v>
      </c>
      <c r="AN1498">
        <v>366962</v>
      </c>
      <c r="AO1498">
        <v>125.9195628998213</v>
      </c>
      <c r="AP1498">
        <v>3222.2505303935682</v>
      </c>
      <c r="AQ1498">
        <v>1.0079639889196681</v>
      </c>
      <c r="AR1498">
        <v>3.9712603878116339</v>
      </c>
      <c r="AS1498">
        <v>2871</v>
      </c>
      <c r="AT1498">
        <v>243.92243767313019</v>
      </c>
      <c r="AU1498">
        <v>1.6051545271848381E-2</v>
      </c>
      <c r="AV1498">
        <v>-2.4012462766461861E-2</v>
      </c>
      <c r="AW1498">
        <v>0.38019390581717449</v>
      </c>
      <c r="AX1498">
        <v>86.313474194665744</v>
      </c>
      <c r="AY1498">
        <v>64</v>
      </c>
      <c r="AZ1498">
        <v>128</v>
      </c>
      <c r="BA1498">
        <v>0.58228986716023334</v>
      </c>
      <c r="BB1498">
        <v>0.49480609418282551</v>
      </c>
      <c r="BC1498">
        <v>5.3228431505951779</v>
      </c>
      <c r="BD1498" t="s">
        <v>5751</v>
      </c>
      <c r="BE1498" t="s">
        <v>68</v>
      </c>
    </row>
    <row r="1499" spans="1:57" x14ac:dyDescent="0.3">
      <c r="A1499" t="s">
        <v>5752</v>
      </c>
      <c r="B1499">
        <v>900</v>
      </c>
      <c r="C1499" t="s">
        <v>5753</v>
      </c>
      <c r="D1499" t="s">
        <v>5754</v>
      </c>
      <c r="E1499" t="s">
        <v>66</v>
      </c>
      <c r="F1499">
        <v>72</v>
      </c>
      <c r="G1499">
        <v>104.1388888888889</v>
      </c>
      <c r="H1499">
        <v>96</v>
      </c>
      <c r="I1499">
        <v>5032.3973765432102</v>
      </c>
      <c r="J1499">
        <v>70.939392276387665</v>
      </c>
      <c r="K1499">
        <v>0.30294305673149252</v>
      </c>
      <c r="L1499">
        <v>-0.94001007763453215</v>
      </c>
      <c r="M1499">
        <v>5.6489559041599966</v>
      </c>
      <c r="N1499">
        <v>4</v>
      </c>
      <c r="O1499">
        <v>1</v>
      </c>
      <c r="P1499">
        <v>3</v>
      </c>
      <c r="Q1499">
        <v>0.62878605330147574</v>
      </c>
      <c r="R1499">
        <v>3.9155578580759549</v>
      </c>
      <c r="S1499">
        <v>3</v>
      </c>
      <c r="T1499">
        <v>1</v>
      </c>
      <c r="U1499">
        <v>2</v>
      </c>
      <c r="V1499">
        <v>0.26755007939206249</v>
      </c>
      <c r="W1499">
        <v>4.19673436680013</v>
      </c>
      <c r="X1499">
        <v>2</v>
      </c>
      <c r="Y1499">
        <v>1</v>
      </c>
      <c r="Z1499">
        <v>1</v>
      </c>
      <c r="AA1499">
        <v>0.11951030798891769</v>
      </c>
      <c r="AB1499">
        <v>4.2286910368905044</v>
      </c>
      <c r="AC1499">
        <v>1</v>
      </c>
      <c r="AD1499">
        <v>1</v>
      </c>
      <c r="AE1499">
        <v>0</v>
      </c>
      <c r="AF1499">
        <v>0</v>
      </c>
      <c r="AG1499">
        <v>4.2341065045972579</v>
      </c>
      <c r="AH1499">
        <v>4.8600549614370263E-2</v>
      </c>
      <c r="AI1499">
        <v>0.32020369031026208</v>
      </c>
      <c r="AJ1499">
        <v>-0.19761941201525099</v>
      </c>
      <c r="AK1499">
        <v>0.13915345550026051</v>
      </c>
      <c r="AL1499">
        <v>624.92304456300656</v>
      </c>
      <c r="AM1499">
        <v>867.54664910545443</v>
      </c>
      <c r="AN1499">
        <v>7498</v>
      </c>
      <c r="AO1499">
        <v>96.756912964294841</v>
      </c>
      <c r="AP1499">
        <v>462.32566732489067</v>
      </c>
      <c r="AQ1499">
        <v>1.291666666666667</v>
      </c>
      <c r="AR1499">
        <v>3.5555555555555549</v>
      </c>
      <c r="AS1499">
        <v>71</v>
      </c>
      <c r="AT1499">
        <v>16.611111111111111</v>
      </c>
      <c r="AU1499">
        <v>0.15752032520325199</v>
      </c>
      <c r="AV1499">
        <v>4.8924619511801513E-2</v>
      </c>
      <c r="AW1499">
        <v>0.40277777777777779</v>
      </c>
      <c r="AX1499">
        <v>78.605633802816897</v>
      </c>
      <c r="AY1499">
        <v>58</v>
      </c>
      <c r="AZ1499">
        <v>116.25</v>
      </c>
      <c r="BA1499">
        <v>0.6811998191384252</v>
      </c>
      <c r="BB1499">
        <v>0.47222222222222221</v>
      </c>
      <c r="BC1499">
        <v>3.9233805491145182</v>
      </c>
      <c r="BD1499" t="s">
        <v>5755</v>
      </c>
      <c r="BE1499" t="s">
        <v>68</v>
      </c>
    </row>
    <row r="1500" spans="1:57" x14ac:dyDescent="0.3">
      <c r="A1500" t="s">
        <v>449</v>
      </c>
      <c r="B1500">
        <v>3600</v>
      </c>
      <c r="C1500" t="s">
        <v>450</v>
      </c>
      <c r="D1500" t="s">
        <v>451</v>
      </c>
      <c r="E1500" t="s">
        <v>93</v>
      </c>
      <c r="F1500">
        <v>3600</v>
      </c>
      <c r="G1500">
        <v>127.8175</v>
      </c>
      <c r="H1500">
        <v>129</v>
      </c>
      <c r="I1500">
        <v>5350.1480826388888</v>
      </c>
      <c r="J1500">
        <v>73.144706456714204</v>
      </c>
      <c r="K1500">
        <v>-2.738006663955915E-2</v>
      </c>
      <c r="L1500">
        <v>-1.1920200208622509</v>
      </c>
      <c r="M1500">
        <v>7.9568345475659097</v>
      </c>
      <c r="N1500">
        <v>22</v>
      </c>
      <c r="O1500">
        <v>5</v>
      </c>
      <c r="P1500">
        <v>17</v>
      </c>
      <c r="Q1500">
        <v>3.4089725358236609</v>
      </c>
      <c r="R1500">
        <v>5.5152574328272781</v>
      </c>
      <c r="S1500">
        <v>2</v>
      </c>
      <c r="T1500">
        <v>1</v>
      </c>
      <c r="U1500">
        <v>1</v>
      </c>
      <c r="V1500">
        <v>0.16494984114310179</v>
      </c>
      <c r="W1500">
        <v>8.1506628092210853</v>
      </c>
      <c r="X1500">
        <v>2</v>
      </c>
      <c r="Y1500">
        <v>1</v>
      </c>
      <c r="Z1500">
        <v>1</v>
      </c>
      <c r="AA1500">
        <v>1.667129758194601E-2</v>
      </c>
      <c r="AB1500">
        <v>8.1877481186902656</v>
      </c>
      <c r="AC1500">
        <v>1</v>
      </c>
      <c r="AD1500">
        <v>1</v>
      </c>
      <c r="AE1500">
        <v>0</v>
      </c>
      <c r="AF1500">
        <v>0</v>
      </c>
      <c r="AG1500">
        <v>8.187855443695625</v>
      </c>
      <c r="AH1500">
        <v>1.1715145969819381E-2</v>
      </c>
      <c r="AI1500">
        <v>-1.46033074572068E-2</v>
      </c>
      <c r="AJ1500">
        <v>2.4047705410026741E-2</v>
      </c>
      <c r="AK1500">
        <v>-6.7556505265884571E-3</v>
      </c>
      <c r="AL1500">
        <v>4020.908048238794</v>
      </c>
      <c r="AM1500">
        <v>7868.1102856790521</v>
      </c>
      <c r="AN1500">
        <v>460143</v>
      </c>
      <c r="AO1500">
        <v>105.2422701054039</v>
      </c>
      <c r="AP1500">
        <v>3710.8051303555508</v>
      </c>
      <c r="AQ1500">
        <v>1.006388888888889</v>
      </c>
      <c r="AR1500">
        <v>3.9950000000000001</v>
      </c>
      <c r="AS1500">
        <v>3587</v>
      </c>
      <c r="AT1500">
        <v>211.55555555555549</v>
      </c>
      <c r="AU1500">
        <v>1.29575163398693E-2</v>
      </c>
      <c r="AV1500">
        <v>1.171792105277707E-2</v>
      </c>
      <c r="AW1500">
        <v>0.36777777777777781</v>
      </c>
      <c r="AX1500">
        <v>84.131981105862735</v>
      </c>
      <c r="AY1500">
        <v>63</v>
      </c>
      <c r="AZ1500">
        <v>126</v>
      </c>
      <c r="BA1500">
        <v>0.57225893525310856</v>
      </c>
      <c r="BB1500">
        <v>0.50638888888888889</v>
      </c>
      <c r="BC1500">
        <v>5.3032944238106117</v>
      </c>
      <c r="BD1500" t="s">
        <v>452</v>
      </c>
      <c r="BE1500" t="s">
        <v>62</v>
      </c>
    </row>
    <row r="1501" spans="1:57" x14ac:dyDescent="0.3">
      <c r="A1501" t="s">
        <v>5756</v>
      </c>
      <c r="B1501">
        <v>2311</v>
      </c>
      <c r="C1501" t="s">
        <v>5757</v>
      </c>
      <c r="D1501" t="s">
        <v>5758</v>
      </c>
      <c r="E1501" t="s">
        <v>10622</v>
      </c>
      <c r="F1501">
        <v>64</v>
      </c>
      <c r="G1501">
        <v>125.703125</v>
      </c>
      <c r="H1501">
        <v>122</v>
      </c>
      <c r="I1501">
        <v>5008.146240234375</v>
      </c>
      <c r="J1501">
        <v>70.768257292619367</v>
      </c>
      <c r="K1501">
        <v>4.7940641421248369E-2</v>
      </c>
      <c r="L1501">
        <v>-1.2035141948755159</v>
      </c>
      <c r="M1501">
        <v>5.78125</v>
      </c>
      <c r="N1501">
        <v>2</v>
      </c>
      <c r="O1501">
        <v>1</v>
      </c>
      <c r="P1501">
        <v>1</v>
      </c>
      <c r="Q1501">
        <v>0.32821556024332821</v>
      </c>
      <c r="R1501">
        <v>4.0072571376121839</v>
      </c>
      <c r="S1501">
        <v>1</v>
      </c>
      <c r="T1501">
        <v>1</v>
      </c>
      <c r="U1501">
        <v>0</v>
      </c>
      <c r="V1501">
        <v>0</v>
      </c>
      <c r="W1501">
        <v>4.1431347263915326</v>
      </c>
      <c r="X1501">
        <v>1</v>
      </c>
      <c r="Y1501">
        <v>1</v>
      </c>
      <c r="Z1501">
        <v>0</v>
      </c>
      <c r="AA1501">
        <v>0</v>
      </c>
      <c r="AB1501">
        <v>4.1271343850450908</v>
      </c>
      <c r="AC1501">
        <v>1</v>
      </c>
      <c r="AD1501">
        <v>1</v>
      </c>
      <c r="AE1501">
        <v>0</v>
      </c>
      <c r="AF1501">
        <v>0</v>
      </c>
      <c r="AG1501">
        <v>4.1108738641733096</v>
      </c>
      <c r="AH1501">
        <v>6.3730803401265135E-2</v>
      </c>
      <c r="AI1501">
        <v>1.436383986841361E-2</v>
      </c>
      <c r="AJ1501">
        <v>3.8993588759709708E-2</v>
      </c>
      <c r="AK1501">
        <v>4.3016224189329808E-2</v>
      </c>
      <c r="AL1501">
        <v>628.19997013296188</v>
      </c>
      <c r="AM1501">
        <v>968.07427273166695</v>
      </c>
      <c r="AN1501">
        <v>8045</v>
      </c>
      <c r="AO1501">
        <v>61.531469917094547</v>
      </c>
      <c r="AP1501">
        <v>516.45532998369299</v>
      </c>
      <c r="AQ1501">
        <v>1.359375</v>
      </c>
      <c r="AR1501">
        <v>3.953125</v>
      </c>
      <c r="AS1501">
        <v>64</v>
      </c>
      <c r="AT1501">
        <v>5.4687499999999991</v>
      </c>
      <c r="AU1501">
        <v>6.199799196787148E-2</v>
      </c>
      <c r="AV1501">
        <v>6.5108114483420187E-2</v>
      </c>
      <c r="AW1501">
        <v>0.40625</v>
      </c>
      <c r="AX1501">
        <v>78.730158730158735</v>
      </c>
      <c r="AY1501">
        <v>59.5</v>
      </c>
      <c r="AZ1501">
        <v>118.5</v>
      </c>
      <c r="BA1501">
        <v>0.56297929977969419</v>
      </c>
      <c r="BB1501">
        <v>0.5</v>
      </c>
      <c r="BC1501">
        <v>3.9807964935089331</v>
      </c>
      <c r="BD1501" t="s">
        <v>5759</v>
      </c>
      <c r="BE1501" t="s">
        <v>62</v>
      </c>
    </row>
    <row r="1502" spans="1:57" x14ac:dyDescent="0.3">
      <c r="A1502" t="s">
        <v>5760</v>
      </c>
      <c r="B1502">
        <v>3283</v>
      </c>
      <c r="C1502" t="s">
        <v>5761</v>
      </c>
      <c r="D1502" t="s">
        <v>5762</v>
      </c>
      <c r="E1502" t="s">
        <v>10622</v>
      </c>
      <c r="F1502">
        <v>64</v>
      </c>
      <c r="G1502">
        <v>124.171875</v>
      </c>
      <c r="H1502">
        <v>125.5</v>
      </c>
      <c r="I1502">
        <v>6324.204833984375</v>
      </c>
      <c r="J1502">
        <v>79.524869279894915</v>
      </c>
      <c r="K1502">
        <v>-8.7069526839514966E-3</v>
      </c>
      <c r="L1502">
        <v>-1.2750146508230871</v>
      </c>
      <c r="M1502">
        <v>5.78125</v>
      </c>
      <c r="N1502">
        <v>2</v>
      </c>
      <c r="O1502">
        <v>1</v>
      </c>
      <c r="P1502">
        <v>1</v>
      </c>
      <c r="Q1502">
        <v>0.32821556024332821</v>
      </c>
      <c r="R1502">
        <v>4.0072571376121839</v>
      </c>
      <c r="S1502">
        <v>1</v>
      </c>
      <c r="T1502">
        <v>1</v>
      </c>
      <c r="U1502">
        <v>0</v>
      </c>
      <c r="V1502">
        <v>0</v>
      </c>
      <c r="W1502">
        <v>4.1431347263915326</v>
      </c>
      <c r="X1502">
        <v>1</v>
      </c>
      <c r="Y1502">
        <v>1</v>
      </c>
      <c r="Z1502">
        <v>0</v>
      </c>
      <c r="AA1502">
        <v>0</v>
      </c>
      <c r="AB1502">
        <v>4.1271343850450908</v>
      </c>
      <c r="AC1502">
        <v>1</v>
      </c>
      <c r="AD1502">
        <v>1</v>
      </c>
      <c r="AE1502">
        <v>0</v>
      </c>
      <c r="AF1502">
        <v>0</v>
      </c>
      <c r="AG1502">
        <v>4.1108738641733096</v>
      </c>
      <c r="AH1502">
        <v>0.17602753022483869</v>
      </c>
      <c r="AI1502">
        <v>0.12602225146766269</v>
      </c>
      <c r="AJ1502">
        <v>-0.1827206558138659</v>
      </c>
      <c r="AK1502">
        <v>-6.7133372803514892E-3</v>
      </c>
      <c r="AL1502">
        <v>672.35023482440397</v>
      </c>
      <c r="AM1502">
        <v>969.27197510893143</v>
      </c>
      <c r="AN1502">
        <v>7947</v>
      </c>
      <c r="AO1502">
        <v>94.897671085651666</v>
      </c>
      <c r="AP1502">
        <v>545.00194472275689</v>
      </c>
      <c r="AQ1502">
        <v>1.359375</v>
      </c>
      <c r="AR1502">
        <v>3.75</v>
      </c>
      <c r="AS1502">
        <v>64</v>
      </c>
      <c r="AT1502">
        <v>5.4687499999999991</v>
      </c>
      <c r="AU1502">
        <v>9.4742063492063489E-2</v>
      </c>
      <c r="AV1502">
        <v>0.17854214662517959</v>
      </c>
      <c r="AW1502">
        <v>0.328125</v>
      </c>
      <c r="AX1502">
        <v>83.587301587301582</v>
      </c>
      <c r="AY1502">
        <v>77.5</v>
      </c>
      <c r="AZ1502">
        <v>145.25</v>
      </c>
      <c r="BA1502">
        <v>0.64044188170545802</v>
      </c>
      <c r="BB1502">
        <v>0.5</v>
      </c>
      <c r="BC1502">
        <v>3.9587918211102049</v>
      </c>
      <c r="BD1502" t="s">
        <v>5763</v>
      </c>
      <c r="BE1502" t="s">
        <v>62</v>
      </c>
    </row>
    <row r="1503" spans="1:57" x14ac:dyDescent="0.3">
      <c r="A1503" t="s">
        <v>5764</v>
      </c>
      <c r="B1503">
        <v>1536</v>
      </c>
      <c r="C1503" t="s">
        <v>5765</v>
      </c>
      <c r="D1503" t="s">
        <v>5766</v>
      </c>
      <c r="E1503" t="s">
        <v>98</v>
      </c>
      <c r="F1503">
        <v>16</v>
      </c>
      <c r="G1503">
        <v>97.5</v>
      </c>
      <c r="H1503">
        <v>96.5</v>
      </c>
      <c r="I1503">
        <v>4674.75</v>
      </c>
      <c r="J1503">
        <v>68.372143450384826</v>
      </c>
      <c r="K1503">
        <v>0.31020952814159242</v>
      </c>
      <c r="L1503">
        <v>-0.97196169291473389</v>
      </c>
      <c r="M1503">
        <v>4</v>
      </c>
      <c r="N1503">
        <v>1</v>
      </c>
      <c r="O1503">
        <v>1</v>
      </c>
      <c r="P1503">
        <v>0</v>
      </c>
      <c r="Q1503">
        <v>0</v>
      </c>
      <c r="R1503">
        <v>2.7725887222397811</v>
      </c>
      <c r="S1503">
        <v>1</v>
      </c>
      <c r="T1503">
        <v>1</v>
      </c>
      <c r="U1503">
        <v>0</v>
      </c>
      <c r="V1503">
        <v>0</v>
      </c>
      <c r="W1503">
        <v>2.7080502011022101</v>
      </c>
      <c r="X1503">
        <v>1</v>
      </c>
      <c r="Y1503">
        <v>1</v>
      </c>
      <c r="Z1503">
        <v>0</v>
      </c>
      <c r="AA1503">
        <v>0</v>
      </c>
      <c r="AB1503">
        <v>2.639057329615258</v>
      </c>
      <c r="AC1503">
        <v>1</v>
      </c>
      <c r="AD1503">
        <v>1</v>
      </c>
      <c r="AE1503">
        <v>0</v>
      </c>
      <c r="AF1503">
        <v>0</v>
      </c>
      <c r="AG1503">
        <v>2.5649493574615372</v>
      </c>
      <c r="AH1503">
        <v>-0.15634191668003641</v>
      </c>
      <c r="AI1503">
        <v>0.25713941922027922</v>
      </c>
      <c r="AJ1503">
        <v>-2.9603855821166911E-2</v>
      </c>
      <c r="AK1503">
        <v>-7.7731429488207923E-2</v>
      </c>
      <c r="AL1503">
        <v>344.89373845450979</v>
      </c>
      <c r="AM1503">
        <v>328.54879268515378</v>
      </c>
      <c r="AN1503">
        <v>1560</v>
      </c>
      <c r="AO1503">
        <v>33.397720225645251</v>
      </c>
      <c r="AP1503">
        <v>278.73516879351018</v>
      </c>
      <c r="AQ1503">
        <v>2.25</v>
      </c>
      <c r="AR1503">
        <v>3.3125</v>
      </c>
      <c r="AS1503">
        <v>16</v>
      </c>
      <c r="AT1503">
        <v>0</v>
      </c>
      <c r="AU1503">
        <v>0.2097457627118644</v>
      </c>
      <c r="AV1503">
        <v>-0.16285332471933189</v>
      </c>
      <c r="AW1503">
        <v>0.375</v>
      </c>
      <c r="AX1503">
        <v>85.8</v>
      </c>
      <c r="AY1503">
        <v>57.5</v>
      </c>
      <c r="AZ1503">
        <v>112</v>
      </c>
      <c r="BA1503">
        <v>0.70125275333728021</v>
      </c>
      <c r="BB1503">
        <v>0.5</v>
      </c>
      <c r="BC1503">
        <v>2.7080502011022101</v>
      </c>
      <c r="BD1503" t="s">
        <v>5765</v>
      </c>
      <c r="BE1503" t="s">
        <v>62</v>
      </c>
    </row>
    <row r="1504" spans="1:57" x14ac:dyDescent="0.3">
      <c r="A1504" t="s">
        <v>5767</v>
      </c>
      <c r="B1504">
        <v>3840</v>
      </c>
      <c r="C1504" t="s">
        <v>5768</v>
      </c>
      <c r="D1504" t="s">
        <v>5769</v>
      </c>
      <c r="E1504" t="s">
        <v>85</v>
      </c>
      <c r="F1504">
        <v>8</v>
      </c>
      <c r="G1504">
        <v>141.875</v>
      </c>
      <c r="H1504">
        <v>163.5</v>
      </c>
      <c r="I1504">
        <v>6122.359375</v>
      </c>
      <c r="J1504">
        <v>78.245507059511098</v>
      </c>
      <c r="K1504">
        <v>-0.2210935735814642</v>
      </c>
      <c r="L1504">
        <v>-1.7361415055249021</v>
      </c>
      <c r="M1504">
        <v>3</v>
      </c>
      <c r="N1504">
        <v>1</v>
      </c>
      <c r="O1504">
        <v>1</v>
      </c>
      <c r="P1504">
        <v>0</v>
      </c>
      <c r="Q1504">
        <v>0</v>
      </c>
      <c r="R1504">
        <v>2.0794415416798362</v>
      </c>
      <c r="S1504">
        <v>1</v>
      </c>
      <c r="T1504">
        <v>1</v>
      </c>
      <c r="U1504">
        <v>0</v>
      </c>
      <c r="V1504">
        <v>0</v>
      </c>
      <c r="W1504">
        <v>1.945910149055313</v>
      </c>
      <c r="X1504">
        <v>1</v>
      </c>
      <c r="Y1504">
        <v>1</v>
      </c>
      <c r="Z1504">
        <v>0</v>
      </c>
      <c r="AA1504">
        <v>0</v>
      </c>
      <c r="AB1504">
        <v>1.791759469228055</v>
      </c>
      <c r="AC1504">
        <v>1</v>
      </c>
      <c r="AD1504">
        <v>1</v>
      </c>
      <c r="AE1504">
        <v>0</v>
      </c>
      <c r="AF1504">
        <v>0</v>
      </c>
      <c r="AG1504">
        <v>1.6094379124341009</v>
      </c>
      <c r="AH1504">
        <v>-0.16528841515857601</v>
      </c>
      <c r="AI1504">
        <v>-3.8058499710334299E-3</v>
      </c>
      <c r="AJ1504">
        <v>5.1012745290699303E-2</v>
      </c>
      <c r="AK1504">
        <v>0</v>
      </c>
      <c r="AL1504">
        <v>347.12555077921462</v>
      </c>
      <c r="AM1504">
        <v>299.18364259468962</v>
      </c>
      <c r="AN1504">
        <v>1135</v>
      </c>
      <c r="AO1504">
        <v>193.79228558548439</v>
      </c>
      <c r="AP1504">
        <v>237.60104256695499</v>
      </c>
      <c r="AQ1504">
        <v>3.5</v>
      </c>
      <c r="AR1504">
        <v>4.25</v>
      </c>
      <c r="AS1504">
        <v>8</v>
      </c>
      <c r="AT1504">
        <v>0</v>
      </c>
      <c r="AU1504">
        <v>0.2400881057268722</v>
      </c>
      <c r="AV1504">
        <v>-0.22617244891059721</v>
      </c>
      <c r="AW1504">
        <v>0.5</v>
      </c>
      <c r="AX1504">
        <v>100</v>
      </c>
      <c r="AY1504">
        <v>60</v>
      </c>
      <c r="AZ1504">
        <v>154.5</v>
      </c>
      <c r="BA1504">
        <v>0.55151018191725887</v>
      </c>
      <c r="BB1504">
        <v>0.5</v>
      </c>
      <c r="BC1504">
        <v>1.945910149055313</v>
      </c>
      <c r="BD1504" t="s">
        <v>5768</v>
      </c>
      <c r="BE1504" t="s">
        <v>68</v>
      </c>
    </row>
    <row r="1505" spans="1:57" x14ac:dyDescent="0.3">
      <c r="A1505" t="s">
        <v>5770</v>
      </c>
      <c r="B1505">
        <v>2732</v>
      </c>
      <c r="C1505" t="s">
        <v>5771</v>
      </c>
      <c r="D1505" t="s">
        <v>5772</v>
      </c>
      <c r="E1505" t="s">
        <v>128</v>
      </c>
      <c r="F1505">
        <v>32</v>
      </c>
      <c r="G1505">
        <v>147.84375</v>
      </c>
      <c r="H1505">
        <v>153.5</v>
      </c>
      <c r="I1505">
        <v>6249.1318359375</v>
      </c>
      <c r="J1505">
        <v>79.051450561880898</v>
      </c>
      <c r="K1505">
        <v>-0.1153137060363717</v>
      </c>
      <c r="L1505">
        <v>-1.490873170030909</v>
      </c>
      <c r="M1505">
        <v>4.875</v>
      </c>
      <c r="N1505">
        <v>2</v>
      </c>
      <c r="O1505">
        <v>1</v>
      </c>
      <c r="P1505">
        <v>1</v>
      </c>
      <c r="Q1505">
        <v>0.24944382578492941</v>
      </c>
      <c r="R1505">
        <v>3.3790925052297318</v>
      </c>
      <c r="S1505">
        <v>1</v>
      </c>
      <c r="T1505">
        <v>1</v>
      </c>
      <c r="U1505">
        <v>0</v>
      </c>
      <c r="V1505">
        <v>0</v>
      </c>
      <c r="W1505">
        <v>3.4339872044851458</v>
      </c>
      <c r="X1505">
        <v>1</v>
      </c>
      <c r="Y1505">
        <v>1</v>
      </c>
      <c r="Z1505">
        <v>0</v>
      </c>
      <c r="AA1505">
        <v>0</v>
      </c>
      <c r="AB1505">
        <v>3.401197381662155</v>
      </c>
      <c r="AC1505">
        <v>1</v>
      </c>
      <c r="AD1505">
        <v>1</v>
      </c>
      <c r="AE1505">
        <v>0</v>
      </c>
      <c r="AF1505">
        <v>0</v>
      </c>
      <c r="AG1505">
        <v>3.3672958299864728</v>
      </c>
      <c r="AH1505">
        <v>-4.4076400807862223E-2</v>
      </c>
      <c r="AI1505">
        <v>6.2968805354368758E-3</v>
      </c>
      <c r="AJ1505">
        <v>6.5378314854985325E-2</v>
      </c>
      <c r="AK1505">
        <v>7.6199940116681844E-3</v>
      </c>
      <c r="AL1505">
        <v>550.1082200682589</v>
      </c>
      <c r="AM1505">
        <v>772.52957627092326</v>
      </c>
      <c r="AN1505">
        <v>4731</v>
      </c>
      <c r="AO1505">
        <v>64.810767310747025</v>
      </c>
      <c r="AP1505">
        <v>384.22116359183178</v>
      </c>
      <c r="AQ1505">
        <v>1.71875</v>
      </c>
      <c r="AR1505">
        <v>4.53125</v>
      </c>
      <c r="AS1505">
        <v>32</v>
      </c>
      <c r="AT1505">
        <v>1.75</v>
      </c>
      <c r="AU1505">
        <v>0.18049999999999999</v>
      </c>
      <c r="AV1505">
        <v>-4.4832019813654617E-2</v>
      </c>
      <c r="AW1505">
        <v>0.40625</v>
      </c>
      <c r="AX1505">
        <v>93.290322580645167</v>
      </c>
      <c r="AY1505">
        <v>78.5</v>
      </c>
      <c r="AZ1505">
        <v>149.75</v>
      </c>
      <c r="BA1505">
        <v>0.53469592432470703</v>
      </c>
      <c r="BB1505">
        <v>0.5</v>
      </c>
      <c r="BC1505">
        <v>3.3892680315457948</v>
      </c>
      <c r="BD1505" t="s">
        <v>5773</v>
      </c>
      <c r="BE1505" t="s">
        <v>62</v>
      </c>
    </row>
    <row r="1506" spans="1:57" x14ac:dyDescent="0.3">
      <c r="A1506" t="s">
        <v>5774</v>
      </c>
      <c r="B1506">
        <v>2987</v>
      </c>
      <c r="C1506" t="s">
        <v>5775</v>
      </c>
      <c r="D1506" t="s">
        <v>5776</v>
      </c>
      <c r="E1506" t="s">
        <v>66</v>
      </c>
      <c r="F1506">
        <v>71</v>
      </c>
      <c r="G1506">
        <v>119.2535211267606</v>
      </c>
      <c r="H1506">
        <v>127</v>
      </c>
      <c r="I1506">
        <v>6170.4427692918071</v>
      </c>
      <c r="J1506">
        <v>78.552165910888846</v>
      </c>
      <c r="K1506">
        <v>2.647096486146092E-2</v>
      </c>
      <c r="L1506">
        <v>-1.27274065393411</v>
      </c>
      <c r="M1506">
        <v>5.8962259927441147</v>
      </c>
      <c r="N1506">
        <v>2</v>
      </c>
      <c r="O1506">
        <v>1</v>
      </c>
      <c r="P1506">
        <v>1</v>
      </c>
      <c r="Q1506">
        <v>0.35226338173937988</v>
      </c>
      <c r="R1506">
        <v>4.0869524228148508</v>
      </c>
      <c r="S1506">
        <v>1</v>
      </c>
      <c r="T1506">
        <v>1</v>
      </c>
      <c r="U1506">
        <v>0</v>
      </c>
      <c r="V1506">
        <v>0</v>
      </c>
      <c r="W1506">
        <v>4.2484952420493576</v>
      </c>
      <c r="X1506">
        <v>1</v>
      </c>
      <c r="Y1506">
        <v>1</v>
      </c>
      <c r="Z1506">
        <v>0</v>
      </c>
      <c r="AA1506">
        <v>0</v>
      </c>
      <c r="AB1506">
        <v>4.2341065045972579</v>
      </c>
      <c r="AC1506">
        <v>1</v>
      </c>
      <c r="AD1506">
        <v>1</v>
      </c>
      <c r="AE1506">
        <v>0</v>
      </c>
      <c r="AF1506">
        <v>0</v>
      </c>
      <c r="AG1506">
        <v>4.2195077051761087</v>
      </c>
      <c r="AH1506">
        <v>0.1289910426114487</v>
      </c>
      <c r="AI1506">
        <v>-5.9986433354799099E-2</v>
      </c>
      <c r="AJ1506">
        <v>-3.6000885540026693E-2</v>
      </c>
      <c r="AK1506">
        <v>-5.8022974357413576E-3</v>
      </c>
      <c r="AL1506">
        <v>693.65925810397027</v>
      </c>
      <c r="AM1506">
        <v>983.18758822853806</v>
      </c>
      <c r="AN1506">
        <v>8467</v>
      </c>
      <c r="AO1506">
        <v>49.910723102731453</v>
      </c>
      <c r="AP1506">
        <v>549.13427113588614</v>
      </c>
      <c r="AQ1506">
        <v>1.323943661971831</v>
      </c>
      <c r="AR1506">
        <v>3.647887323943662</v>
      </c>
      <c r="AS1506">
        <v>70</v>
      </c>
      <c r="AT1506">
        <v>6.71830985915493</v>
      </c>
      <c r="AU1506">
        <v>9.6571460636327933E-2</v>
      </c>
      <c r="AV1506">
        <v>0.13096398799142259</v>
      </c>
      <c r="AW1506">
        <v>0.30985915492957739</v>
      </c>
      <c r="AX1506">
        <v>81.385714285714286</v>
      </c>
      <c r="AY1506">
        <v>74</v>
      </c>
      <c r="AZ1506">
        <v>133</v>
      </c>
      <c r="BA1506">
        <v>0.65869892283844433</v>
      </c>
      <c r="BB1506">
        <v>0.52112676056338025</v>
      </c>
      <c r="BC1506">
        <v>4.0033698066607419</v>
      </c>
      <c r="BD1506" t="s">
        <v>5777</v>
      </c>
      <c r="BE1506" t="s">
        <v>68</v>
      </c>
    </row>
    <row r="1507" spans="1:57" x14ac:dyDescent="0.3">
      <c r="A1507" t="s">
        <v>5778</v>
      </c>
      <c r="B1507">
        <v>2165</v>
      </c>
      <c r="C1507" t="s">
        <v>5779</v>
      </c>
      <c r="D1507" t="s">
        <v>5780</v>
      </c>
      <c r="E1507" t="s">
        <v>10622</v>
      </c>
      <c r="F1507">
        <v>64</v>
      </c>
      <c r="G1507">
        <v>128.9375</v>
      </c>
      <c r="H1507">
        <v>136</v>
      </c>
      <c r="I1507">
        <v>5816.83984375</v>
      </c>
      <c r="J1507">
        <v>76.268209915730949</v>
      </c>
      <c r="K1507">
        <v>-3.5787885191086277E-2</v>
      </c>
      <c r="L1507">
        <v>-1.2444890373062441</v>
      </c>
      <c r="M1507">
        <v>5.8125</v>
      </c>
      <c r="N1507">
        <v>2</v>
      </c>
      <c r="O1507">
        <v>1</v>
      </c>
      <c r="P1507">
        <v>1</v>
      </c>
      <c r="Q1507">
        <v>0.3045434781492361</v>
      </c>
      <c r="R1507">
        <v>4.0289179870046823</v>
      </c>
      <c r="S1507">
        <v>1</v>
      </c>
      <c r="T1507">
        <v>1</v>
      </c>
      <c r="U1507">
        <v>0</v>
      </c>
      <c r="V1507">
        <v>0</v>
      </c>
      <c r="W1507">
        <v>4.1431347263915326</v>
      </c>
      <c r="X1507">
        <v>1</v>
      </c>
      <c r="Y1507">
        <v>1</v>
      </c>
      <c r="Z1507">
        <v>0</v>
      </c>
      <c r="AA1507">
        <v>0</v>
      </c>
      <c r="AB1507">
        <v>4.1271343850450908</v>
      </c>
      <c r="AC1507">
        <v>1</v>
      </c>
      <c r="AD1507">
        <v>1</v>
      </c>
      <c r="AE1507">
        <v>0</v>
      </c>
      <c r="AF1507">
        <v>0</v>
      </c>
      <c r="AG1507">
        <v>4.1108738641733096</v>
      </c>
      <c r="AH1507">
        <v>-0.24827649894803011</v>
      </c>
      <c r="AI1507">
        <v>-0.20960796827771741</v>
      </c>
      <c r="AJ1507">
        <v>-0.15713306672571761</v>
      </c>
      <c r="AK1507">
        <v>0.1187261015129161</v>
      </c>
      <c r="AL1507">
        <v>651.12929634417299</v>
      </c>
      <c r="AM1507">
        <v>1006.131521940518</v>
      </c>
      <c r="AN1507">
        <v>8252</v>
      </c>
      <c r="AO1507">
        <v>45.445383773310503</v>
      </c>
      <c r="AP1507">
        <v>489.26772184120358</v>
      </c>
      <c r="AQ1507">
        <v>1.359375</v>
      </c>
      <c r="AR1507">
        <v>4.03125</v>
      </c>
      <c r="AS1507">
        <v>64</v>
      </c>
      <c r="AT1507">
        <v>4.8750000000000009</v>
      </c>
      <c r="AU1507">
        <v>6.9485294117647062E-2</v>
      </c>
      <c r="AV1507">
        <v>-0.24886931393210629</v>
      </c>
      <c r="AW1507">
        <v>0.34375</v>
      </c>
      <c r="AX1507">
        <v>99.698412698412696</v>
      </c>
      <c r="AY1507">
        <v>65.5</v>
      </c>
      <c r="AZ1507">
        <v>134.25</v>
      </c>
      <c r="BA1507">
        <v>0.59151301922040489</v>
      </c>
      <c r="BB1507">
        <v>0.546875</v>
      </c>
      <c r="BC1507">
        <v>3.9891020196004332</v>
      </c>
      <c r="BD1507" t="s">
        <v>5781</v>
      </c>
      <c r="BE1507" t="s">
        <v>62</v>
      </c>
    </row>
    <row r="1508" spans="1:57" x14ac:dyDescent="0.3">
      <c r="A1508" t="s">
        <v>5782</v>
      </c>
      <c r="B1508">
        <v>2200</v>
      </c>
      <c r="C1508" t="s">
        <v>5783</v>
      </c>
      <c r="D1508" t="s">
        <v>5784</v>
      </c>
      <c r="E1508" t="s">
        <v>72</v>
      </c>
      <c r="F1508">
        <v>2208</v>
      </c>
      <c r="G1508">
        <v>125.7839673913043</v>
      </c>
      <c r="H1508">
        <v>127</v>
      </c>
      <c r="I1508">
        <v>5533.3622973032843</v>
      </c>
      <c r="J1508">
        <v>74.386573367129131</v>
      </c>
      <c r="K1508">
        <v>1.121574657495193E-2</v>
      </c>
      <c r="L1508">
        <v>-1.19078865196189</v>
      </c>
      <c r="M1508">
        <v>7.9177908537646307</v>
      </c>
      <c r="N1508">
        <v>18</v>
      </c>
      <c r="O1508">
        <v>1</v>
      </c>
      <c r="P1508">
        <v>17</v>
      </c>
      <c r="Q1508">
        <v>2.8831406486676991</v>
      </c>
      <c r="R1508">
        <v>5.4881944065502797</v>
      </c>
      <c r="S1508">
        <v>2</v>
      </c>
      <c r="T1508">
        <v>1</v>
      </c>
      <c r="U1508">
        <v>1</v>
      </c>
      <c r="V1508">
        <v>0.1085312101816092</v>
      </c>
      <c r="W1508">
        <v>7.6830578913545544</v>
      </c>
      <c r="X1508">
        <v>1</v>
      </c>
      <c r="Y1508">
        <v>1</v>
      </c>
      <c r="Z1508">
        <v>0</v>
      </c>
      <c r="AA1508">
        <v>0</v>
      </c>
      <c r="AB1508">
        <v>7.6989361998134473</v>
      </c>
      <c r="AC1508">
        <v>1</v>
      </c>
      <c r="AD1508">
        <v>1</v>
      </c>
      <c r="AE1508">
        <v>0</v>
      </c>
      <c r="AF1508">
        <v>0</v>
      </c>
      <c r="AG1508">
        <v>7.6984827878809474</v>
      </c>
      <c r="AH1508">
        <v>-3.6080179417073491E-3</v>
      </c>
      <c r="AI1508">
        <v>3.6293141693489058E-3</v>
      </c>
      <c r="AJ1508">
        <v>-7.3077634902504541E-3</v>
      </c>
      <c r="AK1508">
        <v>4.560619103196218E-2</v>
      </c>
      <c r="AL1508">
        <v>3214.348739618275</v>
      </c>
      <c r="AM1508">
        <v>6067.9265964672322</v>
      </c>
      <c r="AN1508">
        <v>277731</v>
      </c>
      <c r="AO1508">
        <v>113.05883517206119</v>
      </c>
      <c r="AP1508">
        <v>2891.2521565093248</v>
      </c>
      <c r="AQ1508">
        <v>1.010416666666667</v>
      </c>
      <c r="AR1508">
        <v>3.9592391304347831</v>
      </c>
      <c r="AS1508">
        <v>2197</v>
      </c>
      <c r="AT1508">
        <v>246.72463768115941</v>
      </c>
      <c r="AU1508">
        <v>1.8616794543904521E-2</v>
      </c>
      <c r="AV1508">
        <v>-3.6087663057942239E-3</v>
      </c>
      <c r="AW1508">
        <v>0.35914855072463769</v>
      </c>
      <c r="AX1508">
        <v>86.00543724512913</v>
      </c>
      <c r="AY1508">
        <v>64</v>
      </c>
      <c r="AZ1508">
        <v>130</v>
      </c>
      <c r="BA1508">
        <v>0.59138358337607655</v>
      </c>
      <c r="BB1508">
        <v>0.50679347826086951</v>
      </c>
      <c r="BC1508">
        <v>5.295998374788395</v>
      </c>
      <c r="BD1508" t="s">
        <v>5785</v>
      </c>
      <c r="BE1508" t="s">
        <v>62</v>
      </c>
    </row>
    <row r="1509" spans="1:57" x14ac:dyDescent="0.3">
      <c r="A1509" t="s">
        <v>5786</v>
      </c>
      <c r="B1509">
        <v>3376</v>
      </c>
      <c r="C1509" t="s">
        <v>5787</v>
      </c>
      <c r="D1509" t="s">
        <v>5788</v>
      </c>
      <c r="E1509" t="s">
        <v>66</v>
      </c>
      <c r="F1509">
        <v>72</v>
      </c>
      <c r="G1509">
        <v>128.20833333333329</v>
      </c>
      <c r="H1509">
        <v>133</v>
      </c>
      <c r="I1509">
        <v>5231.0815972222226</v>
      </c>
      <c r="J1509">
        <v>72.326216527772431</v>
      </c>
      <c r="K1509">
        <v>-9.7844448649401783E-2</v>
      </c>
      <c r="L1509">
        <v>-1.011905466708257</v>
      </c>
      <c r="M1509">
        <v>5.8156225708266636</v>
      </c>
      <c r="N1509">
        <v>3</v>
      </c>
      <c r="O1509">
        <v>1</v>
      </c>
      <c r="P1509">
        <v>2</v>
      </c>
      <c r="Q1509">
        <v>0.4760952285695233</v>
      </c>
      <c r="R1509">
        <v>4.0310823881692794</v>
      </c>
      <c r="S1509">
        <v>2</v>
      </c>
      <c r="T1509">
        <v>1</v>
      </c>
      <c r="U1509">
        <v>1</v>
      </c>
      <c r="V1509">
        <v>0.16776575221435111</v>
      </c>
      <c r="W1509">
        <v>4.2236293316576567</v>
      </c>
      <c r="X1509">
        <v>2</v>
      </c>
      <c r="Y1509">
        <v>1</v>
      </c>
      <c r="Z1509">
        <v>1</v>
      </c>
      <c r="AA1509">
        <v>0.11951030798891769</v>
      </c>
      <c r="AB1509">
        <v>4.2286910368905044</v>
      </c>
      <c r="AC1509">
        <v>1</v>
      </c>
      <c r="AD1509">
        <v>1</v>
      </c>
      <c r="AE1509">
        <v>0</v>
      </c>
      <c r="AF1509">
        <v>0</v>
      </c>
      <c r="AG1509">
        <v>4.2341065045972579</v>
      </c>
      <c r="AH1509">
        <v>7.3589912495892473E-2</v>
      </c>
      <c r="AI1509">
        <v>0.13367326160292409</v>
      </c>
      <c r="AJ1509">
        <v>3.099836410799392E-2</v>
      </c>
      <c r="AK1509">
        <v>-4.5064995196719852E-2</v>
      </c>
      <c r="AL1509">
        <v>671.14387780813763</v>
      </c>
      <c r="AM1509">
        <v>1053.420569041946</v>
      </c>
      <c r="AN1509">
        <v>9231</v>
      </c>
      <c r="AO1509">
        <v>123.77521075948501</v>
      </c>
      <c r="AP1509">
        <v>516.82748179167402</v>
      </c>
      <c r="AQ1509">
        <v>1.319444444444444</v>
      </c>
      <c r="AR1509">
        <v>3.8055555555555549</v>
      </c>
      <c r="AS1509">
        <v>72</v>
      </c>
      <c r="AT1509">
        <v>11.33333333333333</v>
      </c>
      <c r="AU1509">
        <v>8.3169934640522802E-2</v>
      </c>
      <c r="AV1509">
        <v>7.4585059617927982E-2</v>
      </c>
      <c r="AW1509">
        <v>0.33333333333333331</v>
      </c>
      <c r="AX1509">
        <v>77.014084507042256</v>
      </c>
      <c r="AY1509">
        <v>60.5</v>
      </c>
      <c r="AZ1509">
        <v>106.5</v>
      </c>
      <c r="BA1509">
        <v>0.56413038565698348</v>
      </c>
      <c r="BB1509">
        <v>0.56944444444444442</v>
      </c>
      <c r="BC1509">
        <v>3.9819563671900058</v>
      </c>
      <c r="BD1509" t="s">
        <v>5789</v>
      </c>
      <c r="BE1509" t="s">
        <v>68</v>
      </c>
    </row>
    <row r="1510" spans="1:57" x14ac:dyDescent="0.3">
      <c r="A1510" t="s">
        <v>5790</v>
      </c>
      <c r="B1510">
        <v>1553</v>
      </c>
      <c r="C1510" t="s">
        <v>5791</v>
      </c>
      <c r="D1510" t="s">
        <v>5792</v>
      </c>
      <c r="E1510" t="s">
        <v>115</v>
      </c>
      <c r="F1510">
        <v>1609</v>
      </c>
      <c r="G1510">
        <v>129.03293971410821</v>
      </c>
      <c r="H1510">
        <v>129</v>
      </c>
      <c r="I1510">
        <v>5320.4843096302993</v>
      </c>
      <c r="J1510">
        <v>72.941650033641949</v>
      </c>
      <c r="K1510">
        <v>-1.7300789659395591E-2</v>
      </c>
      <c r="L1510">
        <v>-1.183499280283125</v>
      </c>
      <c r="M1510">
        <v>7.87342088782344</v>
      </c>
      <c r="N1510">
        <v>14</v>
      </c>
      <c r="O1510">
        <v>1</v>
      </c>
      <c r="P1510">
        <v>13</v>
      </c>
      <c r="Q1510">
        <v>2.467549326274828</v>
      </c>
      <c r="R1510">
        <v>5.4574394897565934</v>
      </c>
      <c r="S1510">
        <v>2</v>
      </c>
      <c r="T1510">
        <v>1</v>
      </c>
      <c r="U1510">
        <v>1</v>
      </c>
      <c r="V1510">
        <v>0.1115160887716809</v>
      </c>
      <c r="W1510">
        <v>7.3655039825608029</v>
      </c>
      <c r="X1510">
        <v>1</v>
      </c>
      <c r="Y1510">
        <v>1</v>
      </c>
      <c r="Z1510">
        <v>0</v>
      </c>
      <c r="AA1510">
        <v>0</v>
      </c>
      <c r="AB1510">
        <v>7.3821243657375106</v>
      </c>
      <c r="AC1510">
        <v>1</v>
      </c>
      <c r="AD1510">
        <v>1</v>
      </c>
      <c r="AE1510">
        <v>0</v>
      </c>
      <c r="AF1510">
        <v>0</v>
      </c>
      <c r="AG1510">
        <v>7.3815018945067052</v>
      </c>
      <c r="AH1510">
        <v>3.6333059766738892E-4</v>
      </c>
      <c r="AI1510">
        <v>7.3401722128242806E-3</v>
      </c>
      <c r="AJ1510">
        <v>4.792870802756719E-3</v>
      </c>
      <c r="AK1510">
        <v>1.36735441461532E-2</v>
      </c>
      <c r="AL1510">
        <v>2750.7543859094758</v>
      </c>
      <c r="AM1510">
        <v>5270.9633188251082</v>
      </c>
      <c r="AN1510">
        <v>207614</v>
      </c>
      <c r="AO1510">
        <v>77.543919410354206</v>
      </c>
      <c r="AP1510">
        <v>2460.364072700329</v>
      </c>
      <c r="AQ1510">
        <v>1.0142945929148539</v>
      </c>
      <c r="AR1510">
        <v>4.025481665630827</v>
      </c>
      <c r="AS1510">
        <v>1604</v>
      </c>
      <c r="AT1510">
        <v>244.14232442510871</v>
      </c>
      <c r="AU1510">
        <v>2.6985461680010731E-2</v>
      </c>
      <c r="AV1510">
        <v>3.6386135075847391E-4</v>
      </c>
      <c r="AW1510">
        <v>0.37911746426351772</v>
      </c>
      <c r="AX1510">
        <v>84.310945273631845</v>
      </c>
      <c r="AY1510">
        <v>63</v>
      </c>
      <c r="AZ1510">
        <v>125</v>
      </c>
      <c r="BA1510">
        <v>0.56529480143020161</v>
      </c>
      <c r="BB1510">
        <v>0.49968924798011188</v>
      </c>
      <c r="BC1510">
        <v>5.2556184025793344</v>
      </c>
      <c r="BD1510" t="s">
        <v>5793</v>
      </c>
      <c r="BE1510" t="s">
        <v>68</v>
      </c>
    </row>
    <row r="1511" spans="1:57" x14ac:dyDescent="0.3">
      <c r="A1511" t="s">
        <v>5794</v>
      </c>
      <c r="B1511">
        <v>3135</v>
      </c>
      <c r="C1511" t="s">
        <v>5795</v>
      </c>
      <c r="D1511" t="s">
        <v>5796</v>
      </c>
      <c r="E1511" t="s">
        <v>72</v>
      </c>
      <c r="F1511">
        <v>3240</v>
      </c>
      <c r="G1511">
        <v>128.7166666666667</v>
      </c>
      <c r="H1511">
        <v>129</v>
      </c>
      <c r="I1511">
        <v>5571.3505864197523</v>
      </c>
      <c r="J1511">
        <v>74.641480333791293</v>
      </c>
      <c r="K1511">
        <v>-1.8494931377270801E-2</v>
      </c>
      <c r="L1511">
        <v>-1.214604873905786</v>
      </c>
      <c r="M1511">
        <v>7.9386603872805503</v>
      </c>
      <c r="N1511">
        <v>33</v>
      </c>
      <c r="O1511">
        <v>4</v>
      </c>
      <c r="P1511">
        <v>29</v>
      </c>
      <c r="Q1511">
        <v>3.6995301644262879</v>
      </c>
      <c r="R1511">
        <v>5.5026600648664381</v>
      </c>
      <c r="S1511">
        <v>3</v>
      </c>
      <c r="T1511">
        <v>1</v>
      </c>
      <c r="U1511">
        <v>2</v>
      </c>
      <c r="V1511">
        <v>0.16299202927136089</v>
      </c>
      <c r="W1511">
        <v>8.0476007669949308</v>
      </c>
      <c r="X1511">
        <v>1</v>
      </c>
      <c r="Y1511">
        <v>1</v>
      </c>
      <c r="Z1511">
        <v>0</v>
      </c>
      <c r="AA1511">
        <v>0</v>
      </c>
      <c r="AB1511">
        <v>8.0827111342375808</v>
      </c>
      <c r="AC1511">
        <v>1</v>
      </c>
      <c r="AD1511">
        <v>1</v>
      </c>
      <c r="AE1511">
        <v>0</v>
      </c>
      <c r="AF1511">
        <v>0</v>
      </c>
      <c r="AG1511">
        <v>8.0824022539262437</v>
      </c>
      <c r="AH1511">
        <v>2.0610639907890381E-2</v>
      </c>
      <c r="AI1511">
        <v>2.329041471352444E-2</v>
      </c>
      <c r="AJ1511">
        <v>-8.4365141768348133E-3</v>
      </c>
      <c r="AK1511">
        <v>1.660551454096067E-2</v>
      </c>
      <c r="AL1511">
        <v>3900.499374215427</v>
      </c>
      <c r="AM1511">
        <v>7517.8146180751919</v>
      </c>
      <c r="AN1511">
        <v>417042</v>
      </c>
      <c r="AO1511">
        <v>28.610774886099559</v>
      </c>
      <c r="AP1511">
        <v>3498.3862369588801</v>
      </c>
      <c r="AQ1511">
        <v>1.0070987654320991</v>
      </c>
      <c r="AR1511">
        <v>3.9966049382716049</v>
      </c>
      <c r="AS1511">
        <v>3229</v>
      </c>
      <c r="AT1511">
        <v>276.83950617283949</v>
      </c>
      <c r="AU1511">
        <v>1.8173565722585331E-2</v>
      </c>
      <c r="AV1511">
        <v>2.0612516200681601E-2</v>
      </c>
      <c r="AW1511">
        <v>0.3632716049382716</v>
      </c>
      <c r="AX1511">
        <v>85.643717196665634</v>
      </c>
      <c r="AY1511">
        <v>65</v>
      </c>
      <c r="AZ1511">
        <v>131</v>
      </c>
      <c r="BA1511">
        <v>0.57988978635601163</v>
      </c>
      <c r="BB1511">
        <v>0.50277777777777777</v>
      </c>
      <c r="BC1511">
        <v>5.3121839988978312</v>
      </c>
      <c r="BD1511" t="s">
        <v>5797</v>
      </c>
      <c r="BE1511" t="s">
        <v>68</v>
      </c>
    </row>
    <row r="1512" spans="1:57" x14ac:dyDescent="0.3">
      <c r="A1512" t="s">
        <v>5798</v>
      </c>
      <c r="B1512">
        <v>3889</v>
      </c>
      <c r="C1512" t="s">
        <v>5799</v>
      </c>
      <c r="D1512" t="s">
        <v>5800</v>
      </c>
      <c r="E1512" t="s">
        <v>115</v>
      </c>
      <c r="F1512">
        <v>3984</v>
      </c>
      <c r="G1512">
        <v>126.9618473895582</v>
      </c>
      <c r="H1512">
        <v>126</v>
      </c>
      <c r="I1512">
        <v>5379.2515564265104</v>
      </c>
      <c r="J1512">
        <v>73.343381135767871</v>
      </c>
      <c r="K1512">
        <v>8.6199253926582038E-4</v>
      </c>
      <c r="L1512">
        <v>-1.1720585173238349</v>
      </c>
      <c r="M1512">
        <v>7.9561650835369067</v>
      </c>
      <c r="N1512">
        <v>28</v>
      </c>
      <c r="O1512">
        <v>6</v>
      </c>
      <c r="P1512">
        <v>22</v>
      </c>
      <c r="Q1512">
        <v>3.8268173787104081</v>
      </c>
      <c r="R1512">
        <v>5.5147933957230837</v>
      </c>
      <c r="S1512">
        <v>2</v>
      </c>
      <c r="T1512">
        <v>1</v>
      </c>
      <c r="U1512">
        <v>1</v>
      </c>
      <c r="V1512">
        <v>0.16460308897181569</v>
      </c>
      <c r="W1512">
        <v>8.2522008791894415</v>
      </c>
      <c r="X1512">
        <v>2</v>
      </c>
      <c r="Y1512">
        <v>1</v>
      </c>
      <c r="Z1512">
        <v>1</v>
      </c>
      <c r="AA1512">
        <v>1.5847083944323031E-2</v>
      </c>
      <c r="AB1512">
        <v>8.289191344402866</v>
      </c>
      <c r="AC1512">
        <v>1</v>
      </c>
      <c r="AD1512">
        <v>1</v>
      </c>
      <c r="AE1512">
        <v>0</v>
      </c>
      <c r="AF1512">
        <v>0</v>
      </c>
      <c r="AG1512">
        <v>8.2892883230003171</v>
      </c>
      <c r="AH1512">
        <v>8.9300578832114275E-3</v>
      </c>
      <c r="AI1512">
        <v>-2.6584029702862319E-2</v>
      </c>
      <c r="AJ1512">
        <v>2.4358326313265059E-2</v>
      </c>
      <c r="AK1512">
        <v>-1.577778125951541E-2</v>
      </c>
      <c r="AL1512">
        <v>4237.3504072635405</v>
      </c>
      <c r="AM1512">
        <v>8227.7052405919057</v>
      </c>
      <c r="AN1512">
        <v>505816</v>
      </c>
      <c r="AO1512">
        <v>128.0284613678858</v>
      </c>
      <c r="AP1512">
        <v>3850.336187644587</v>
      </c>
      <c r="AQ1512">
        <v>1.0057730923694781</v>
      </c>
      <c r="AR1512">
        <v>4.007781124497992</v>
      </c>
      <c r="AS1512">
        <v>3966</v>
      </c>
      <c r="AT1512">
        <v>240.89959839357431</v>
      </c>
      <c r="AU1512">
        <v>1.1177061185920101E-2</v>
      </c>
      <c r="AV1512">
        <v>8.931710630854869E-3</v>
      </c>
      <c r="AW1512">
        <v>0.37675702811244982</v>
      </c>
      <c r="AX1512">
        <v>84.247301029374839</v>
      </c>
      <c r="AY1512">
        <v>62</v>
      </c>
      <c r="AZ1512">
        <v>124</v>
      </c>
      <c r="BA1512">
        <v>0.57768048152865703</v>
      </c>
      <c r="BB1512">
        <v>0.49949799196787148</v>
      </c>
      <c r="BC1512">
        <v>5.3094648687384787</v>
      </c>
      <c r="BD1512" t="s">
        <v>5801</v>
      </c>
      <c r="BE1512" t="s">
        <v>62</v>
      </c>
    </row>
    <row r="1513" spans="1:57" x14ac:dyDescent="0.3">
      <c r="A1513" t="s">
        <v>5802</v>
      </c>
      <c r="B1513">
        <v>2851</v>
      </c>
      <c r="C1513" t="s">
        <v>5803</v>
      </c>
      <c r="D1513" t="s">
        <v>5804</v>
      </c>
      <c r="E1513" t="s">
        <v>106</v>
      </c>
      <c r="F1513">
        <v>2899</v>
      </c>
      <c r="G1513">
        <v>127.02518109693</v>
      </c>
      <c r="H1513">
        <v>126</v>
      </c>
      <c r="I1513">
        <v>5496.7020220006643</v>
      </c>
      <c r="J1513">
        <v>74.139746573620442</v>
      </c>
      <c r="K1513">
        <v>2.8818949775329769E-2</v>
      </c>
      <c r="L1513">
        <v>-1.206757063145881</v>
      </c>
      <c r="M1513">
        <v>7.9382018405453918</v>
      </c>
      <c r="N1513">
        <v>20</v>
      </c>
      <c r="O1513">
        <v>3</v>
      </c>
      <c r="P1513">
        <v>17</v>
      </c>
      <c r="Q1513">
        <v>3.2787727814150891</v>
      </c>
      <c r="R1513">
        <v>5.5023422244898157</v>
      </c>
      <c r="S1513">
        <v>2</v>
      </c>
      <c r="T1513">
        <v>1</v>
      </c>
      <c r="U1513">
        <v>1</v>
      </c>
      <c r="V1513">
        <v>0.14385645527445251</v>
      </c>
      <c r="W1513">
        <v>7.9430743762735876</v>
      </c>
      <c r="X1513">
        <v>1</v>
      </c>
      <c r="Y1513">
        <v>1</v>
      </c>
      <c r="Z1513">
        <v>0</v>
      </c>
      <c r="AA1513">
        <v>0</v>
      </c>
      <c r="AB1513">
        <v>7.9714309977693496</v>
      </c>
      <c r="AC1513">
        <v>1</v>
      </c>
      <c r="AD1513">
        <v>1</v>
      </c>
      <c r="AE1513">
        <v>0</v>
      </c>
      <c r="AF1513">
        <v>0</v>
      </c>
      <c r="AG1513">
        <v>7.9710857535056068</v>
      </c>
      <c r="AH1513">
        <v>2.3200621272958862E-2</v>
      </c>
      <c r="AI1513">
        <v>-3.4303588208095127E-2</v>
      </c>
      <c r="AJ1513">
        <v>-1.270056807813243E-2</v>
      </c>
      <c r="AK1513">
        <v>1.458889377499754E-2</v>
      </c>
      <c r="AL1513">
        <v>3659.3442079851911</v>
      </c>
      <c r="AM1513">
        <v>7022.8665064548404</v>
      </c>
      <c r="AN1513">
        <v>368246</v>
      </c>
      <c r="AO1513">
        <v>20.88356779358832</v>
      </c>
      <c r="AP1513">
        <v>3363.0718282869989</v>
      </c>
      <c r="AQ1513">
        <v>1.007933770265609</v>
      </c>
      <c r="AR1513">
        <v>3.988271817868231</v>
      </c>
      <c r="AS1513">
        <v>2893</v>
      </c>
      <c r="AT1513">
        <v>243.02690582959639</v>
      </c>
      <c r="AU1513">
        <v>1.44620524995096E-2</v>
      </c>
      <c r="AV1513">
        <v>2.3200699532056251E-2</v>
      </c>
      <c r="AW1513">
        <v>0.37426698861676438</v>
      </c>
      <c r="AX1513">
        <v>84.925120772946855</v>
      </c>
      <c r="AY1513">
        <v>64</v>
      </c>
      <c r="AZ1513">
        <v>129</v>
      </c>
      <c r="BA1513">
        <v>0.58366180574106896</v>
      </c>
      <c r="BB1513">
        <v>0.49603311486719559</v>
      </c>
      <c r="BC1513">
        <v>5.3036795688107468</v>
      </c>
      <c r="BD1513" t="s">
        <v>5805</v>
      </c>
      <c r="BE1513" t="s">
        <v>68</v>
      </c>
    </row>
    <row r="1514" spans="1:57" x14ac:dyDescent="0.3">
      <c r="A1514" t="s">
        <v>5806</v>
      </c>
      <c r="B1514">
        <v>1672</v>
      </c>
      <c r="C1514" t="s">
        <v>5807</v>
      </c>
      <c r="D1514" t="s">
        <v>5808</v>
      </c>
      <c r="E1514" t="s">
        <v>93</v>
      </c>
      <c r="F1514">
        <v>1672</v>
      </c>
      <c r="G1514">
        <v>124.7655502392344</v>
      </c>
      <c r="H1514">
        <v>126</v>
      </c>
      <c r="I1514">
        <v>5295.2105835489119</v>
      </c>
      <c r="J1514">
        <v>72.768197610968159</v>
      </c>
      <c r="K1514">
        <v>2.4873427972930521E-2</v>
      </c>
      <c r="L1514">
        <v>-1.199218971617583</v>
      </c>
      <c r="M1514">
        <v>7.8710164544327448</v>
      </c>
      <c r="N1514">
        <v>15</v>
      </c>
      <c r="O1514">
        <v>1</v>
      </c>
      <c r="P1514">
        <v>14</v>
      </c>
      <c r="Q1514">
        <v>2.6516184404454028</v>
      </c>
      <c r="R1514">
        <v>5.455772863530985</v>
      </c>
      <c r="S1514">
        <v>2</v>
      </c>
      <c r="T1514">
        <v>1</v>
      </c>
      <c r="U1514">
        <v>1</v>
      </c>
      <c r="V1514">
        <v>0.109394353263617</v>
      </c>
      <c r="W1514">
        <v>7.4045851364814537</v>
      </c>
      <c r="X1514">
        <v>1</v>
      </c>
      <c r="Y1514">
        <v>1</v>
      </c>
      <c r="Z1514">
        <v>0</v>
      </c>
      <c r="AA1514">
        <v>0</v>
      </c>
      <c r="AB1514">
        <v>7.4205789054108013</v>
      </c>
      <c r="AC1514">
        <v>1</v>
      </c>
      <c r="AD1514">
        <v>1</v>
      </c>
      <c r="AE1514">
        <v>0</v>
      </c>
      <c r="AF1514">
        <v>0</v>
      </c>
      <c r="AG1514">
        <v>7.4199799236618347</v>
      </c>
      <c r="AH1514">
        <v>-2.8885612236057241E-2</v>
      </c>
      <c r="AI1514">
        <v>2.4432555527654509E-2</v>
      </c>
      <c r="AJ1514">
        <v>1.010964818298301E-2</v>
      </c>
      <c r="AK1514">
        <v>7.7602320119777744E-3</v>
      </c>
      <c r="AL1514">
        <v>2766.9991486816039</v>
      </c>
      <c r="AM1514">
        <v>5217.7006153281054</v>
      </c>
      <c r="AN1514">
        <v>208608</v>
      </c>
      <c r="AO1514">
        <v>113.4935711844744</v>
      </c>
      <c r="AP1514">
        <v>2502.678753909574</v>
      </c>
      <c r="AQ1514">
        <v>1.013755980861244</v>
      </c>
      <c r="AR1514">
        <v>3.906698564593301</v>
      </c>
      <c r="AS1514">
        <v>1667</v>
      </c>
      <c r="AT1514">
        <v>273.44258373205741</v>
      </c>
      <c r="AU1514">
        <v>2.2877380617318699E-2</v>
      </c>
      <c r="AV1514">
        <v>-2.8909835730941628E-2</v>
      </c>
      <c r="AW1514">
        <v>0.375</v>
      </c>
      <c r="AX1514">
        <v>85.877917414721722</v>
      </c>
      <c r="AY1514">
        <v>64</v>
      </c>
      <c r="AZ1514">
        <v>130</v>
      </c>
      <c r="BA1514">
        <v>0.58323950378479616</v>
      </c>
      <c r="BB1514">
        <v>0.50418660287081341</v>
      </c>
      <c r="BC1514">
        <v>5.285618261126837</v>
      </c>
      <c r="BD1514" t="s">
        <v>5809</v>
      </c>
      <c r="BE1514" t="s">
        <v>68</v>
      </c>
    </row>
    <row r="1515" spans="1:57" x14ac:dyDescent="0.3">
      <c r="A1515" t="s">
        <v>5810</v>
      </c>
      <c r="B1515">
        <v>2948</v>
      </c>
      <c r="C1515" t="s">
        <v>5811</v>
      </c>
      <c r="D1515" t="s">
        <v>5812</v>
      </c>
      <c r="E1515" t="s">
        <v>128</v>
      </c>
      <c r="F1515">
        <v>32</v>
      </c>
      <c r="G1515">
        <v>132.1875</v>
      </c>
      <c r="H1515">
        <v>141.5</v>
      </c>
      <c r="I1515">
        <v>2862.40234375</v>
      </c>
      <c r="J1515">
        <v>53.501423754419847</v>
      </c>
      <c r="K1515">
        <v>-1.763949349789733E-2</v>
      </c>
      <c r="L1515">
        <v>-0.37708895691575689</v>
      </c>
      <c r="M1515">
        <v>5</v>
      </c>
      <c r="N1515">
        <v>1</v>
      </c>
      <c r="O1515">
        <v>1</v>
      </c>
      <c r="P1515">
        <v>0</v>
      </c>
      <c r="Q1515">
        <v>0</v>
      </c>
      <c r="R1515">
        <v>3.465735902799727</v>
      </c>
      <c r="S1515">
        <v>1</v>
      </c>
      <c r="T1515">
        <v>1</v>
      </c>
      <c r="U1515">
        <v>0</v>
      </c>
      <c r="V1515">
        <v>0</v>
      </c>
      <c r="W1515">
        <v>3.4339872044851458</v>
      </c>
      <c r="X1515">
        <v>1</v>
      </c>
      <c r="Y1515">
        <v>1</v>
      </c>
      <c r="Z1515">
        <v>0</v>
      </c>
      <c r="AA1515">
        <v>0</v>
      </c>
      <c r="AB1515">
        <v>3.401197381662155</v>
      </c>
      <c r="AC1515">
        <v>1</v>
      </c>
      <c r="AD1515">
        <v>1</v>
      </c>
      <c r="AE1515">
        <v>0</v>
      </c>
      <c r="AF1515">
        <v>0</v>
      </c>
      <c r="AG1515">
        <v>3.3672958299864728</v>
      </c>
      <c r="AH1515">
        <v>9.0139793934017939E-3</v>
      </c>
      <c r="AI1515">
        <v>0.30135708437105518</v>
      </c>
      <c r="AJ1515">
        <v>2.0200052881170889E-2</v>
      </c>
      <c r="AK1515">
        <v>-0.27499547951281089</v>
      </c>
      <c r="AL1515">
        <v>397.50235378144231</v>
      </c>
      <c r="AM1515">
        <v>701.95575269258472</v>
      </c>
      <c r="AN1515">
        <v>4230</v>
      </c>
      <c r="AO1515">
        <v>27.784887978899611</v>
      </c>
      <c r="AP1515">
        <v>310.32520656561758</v>
      </c>
      <c r="AQ1515">
        <v>1.71875</v>
      </c>
      <c r="AR1515">
        <v>4.3125</v>
      </c>
      <c r="AS1515">
        <v>32</v>
      </c>
      <c r="AT1515">
        <v>0</v>
      </c>
      <c r="AU1515">
        <v>0.26715686274509809</v>
      </c>
      <c r="AV1515">
        <v>9.0834842359968412E-3</v>
      </c>
      <c r="AW1515">
        <v>0.4375</v>
      </c>
      <c r="AX1515">
        <v>59</v>
      </c>
      <c r="AY1515">
        <v>35.5</v>
      </c>
      <c r="AZ1515">
        <v>67.5</v>
      </c>
      <c r="BA1515">
        <v>0.40473890310672223</v>
      </c>
      <c r="BB1515">
        <v>0.53125</v>
      </c>
      <c r="BC1515">
        <v>3.3445488586064429</v>
      </c>
      <c r="BD1515" t="s">
        <v>5813</v>
      </c>
      <c r="BE1515" t="s">
        <v>62</v>
      </c>
    </row>
    <row r="1516" spans="1:57" x14ac:dyDescent="0.3">
      <c r="A1516" t="s">
        <v>5814</v>
      </c>
      <c r="B1516">
        <v>3975</v>
      </c>
      <c r="C1516" t="s">
        <v>5815</v>
      </c>
      <c r="D1516" t="s">
        <v>5816</v>
      </c>
      <c r="E1516" t="s">
        <v>72</v>
      </c>
      <c r="F1516">
        <v>3984</v>
      </c>
      <c r="G1516">
        <v>128.39006024096389</v>
      </c>
      <c r="H1516">
        <v>129</v>
      </c>
      <c r="I1516">
        <v>5437.2303831289018</v>
      </c>
      <c r="J1516">
        <v>73.737577822497684</v>
      </c>
      <c r="K1516">
        <v>-1.2981245343086711E-2</v>
      </c>
      <c r="L1516">
        <v>-1.1906422191814889</v>
      </c>
      <c r="M1516">
        <v>7.9541202563128346</v>
      </c>
      <c r="N1516">
        <v>25</v>
      </c>
      <c r="O1516">
        <v>5</v>
      </c>
      <c r="P1516">
        <v>20</v>
      </c>
      <c r="Q1516">
        <v>3.8825531226243379</v>
      </c>
      <c r="R1516">
        <v>5.5133760294979863</v>
      </c>
      <c r="S1516">
        <v>3</v>
      </c>
      <c r="T1516">
        <v>1</v>
      </c>
      <c r="U1516">
        <v>2</v>
      </c>
      <c r="V1516">
        <v>0.1750690136732467</v>
      </c>
      <c r="W1516">
        <v>8.2490223455915874</v>
      </c>
      <c r="X1516">
        <v>2</v>
      </c>
      <c r="Y1516">
        <v>1</v>
      </c>
      <c r="Z1516">
        <v>1</v>
      </c>
      <c r="AA1516">
        <v>1.5847083944323041E-2</v>
      </c>
      <c r="AB1516">
        <v>8.289191344402866</v>
      </c>
      <c r="AC1516">
        <v>1</v>
      </c>
      <c r="AD1516">
        <v>1</v>
      </c>
      <c r="AE1516">
        <v>0</v>
      </c>
      <c r="AF1516">
        <v>0</v>
      </c>
      <c r="AG1516">
        <v>8.2892883230003171</v>
      </c>
      <c r="AH1516">
        <v>-9.592629544178187E-3</v>
      </c>
      <c r="AI1516">
        <v>6.6508890857450639E-3</v>
      </c>
      <c r="AJ1516">
        <v>-4.0365883403581607E-3</v>
      </c>
      <c r="AK1516">
        <v>-3.7173866242859008E-3</v>
      </c>
      <c r="AL1516">
        <v>4253.3934743196733</v>
      </c>
      <c r="AM1516">
        <v>8321.2292332692541</v>
      </c>
      <c r="AN1516">
        <v>511506</v>
      </c>
      <c r="AO1516">
        <v>69.592704129797198</v>
      </c>
      <c r="AP1516">
        <v>3873.7553797093278</v>
      </c>
      <c r="AQ1516">
        <v>1.0057730923694781</v>
      </c>
      <c r="AR1516">
        <v>4.0263554216867474</v>
      </c>
      <c r="AS1516">
        <v>3971</v>
      </c>
      <c r="AT1516">
        <v>247.96787148594379</v>
      </c>
      <c r="AU1516">
        <v>1.269489723600287E-2</v>
      </c>
      <c r="AV1516">
        <v>-9.5934816799896992E-3</v>
      </c>
      <c r="AW1516">
        <v>0.36295180722891568</v>
      </c>
      <c r="AX1516">
        <v>85.505900075320113</v>
      </c>
      <c r="AY1516">
        <v>64</v>
      </c>
      <c r="AZ1516">
        <v>128</v>
      </c>
      <c r="BA1516">
        <v>0.57432466099093804</v>
      </c>
      <c r="BB1516">
        <v>0.50426706827309242</v>
      </c>
      <c r="BC1516">
        <v>5.32337626624191</v>
      </c>
      <c r="BD1516" t="s">
        <v>5817</v>
      </c>
      <c r="BE1516" t="s">
        <v>62</v>
      </c>
    </row>
    <row r="1517" spans="1:57" x14ac:dyDescent="0.3">
      <c r="A1517" t="s">
        <v>5818</v>
      </c>
      <c r="B1517">
        <v>140</v>
      </c>
      <c r="C1517" t="s">
        <v>5819</v>
      </c>
      <c r="D1517" t="s">
        <v>5820</v>
      </c>
      <c r="E1517" t="s">
        <v>60</v>
      </c>
      <c r="F1517">
        <v>256</v>
      </c>
      <c r="G1517">
        <v>123.16015625</v>
      </c>
      <c r="H1517">
        <v>122</v>
      </c>
      <c r="I1517">
        <v>5812.7516937255859</v>
      </c>
      <c r="J1517">
        <v>76.241404064494944</v>
      </c>
      <c r="K1517">
        <v>-2.3225608029217901E-2</v>
      </c>
      <c r="L1517">
        <v>-1.312029040256369</v>
      </c>
      <c r="M1517">
        <v>7.1623330937061898</v>
      </c>
      <c r="N1517">
        <v>5</v>
      </c>
      <c r="O1517">
        <v>1</v>
      </c>
      <c r="P1517">
        <v>4</v>
      </c>
      <c r="Q1517">
        <v>0.82260040403196533</v>
      </c>
      <c r="R1517">
        <v>4.9645509901336347</v>
      </c>
      <c r="S1517">
        <v>2</v>
      </c>
      <c r="T1517">
        <v>1</v>
      </c>
      <c r="U1517">
        <v>1</v>
      </c>
      <c r="V1517">
        <v>6.2621943781838038E-2</v>
      </c>
      <c r="W1517">
        <v>5.5358270966834446</v>
      </c>
      <c r="X1517">
        <v>1</v>
      </c>
      <c r="Y1517">
        <v>1</v>
      </c>
      <c r="Z1517">
        <v>0</v>
      </c>
      <c r="AA1517">
        <v>0</v>
      </c>
      <c r="AB1517">
        <v>5.5373342670185366</v>
      </c>
      <c r="AC1517">
        <v>1</v>
      </c>
      <c r="AD1517">
        <v>1</v>
      </c>
      <c r="AE1517">
        <v>0</v>
      </c>
      <c r="AF1517">
        <v>0</v>
      </c>
      <c r="AG1517">
        <v>5.5333894887275203</v>
      </c>
      <c r="AH1517">
        <v>-4.8416301609519909E-2</v>
      </c>
      <c r="AI1517">
        <v>1.525313252574368E-2</v>
      </c>
      <c r="AJ1517">
        <v>-1.685633974584998E-2</v>
      </c>
      <c r="AK1517">
        <v>4.2993742004166523E-2</v>
      </c>
      <c r="AL1517">
        <v>1200.071733417195</v>
      </c>
      <c r="AM1517">
        <v>1982.677188715563</v>
      </c>
      <c r="AN1517">
        <v>31529</v>
      </c>
      <c r="AO1517">
        <v>17.813882065331679</v>
      </c>
      <c r="AP1517">
        <v>1041.898872000645</v>
      </c>
      <c r="AQ1517">
        <v>1.08984375</v>
      </c>
      <c r="AR1517">
        <v>3.9453125</v>
      </c>
      <c r="AS1517">
        <v>255</v>
      </c>
      <c r="AT1517">
        <v>68.515625</v>
      </c>
      <c r="AU1517">
        <v>6.204044117647059E-2</v>
      </c>
      <c r="AV1517">
        <v>-4.8647640206674989E-2</v>
      </c>
      <c r="AW1517">
        <v>0.328125</v>
      </c>
      <c r="AX1517">
        <v>91.568627450980387</v>
      </c>
      <c r="AY1517">
        <v>68</v>
      </c>
      <c r="AZ1517">
        <v>134.25</v>
      </c>
      <c r="BA1517">
        <v>0.61904276826130566</v>
      </c>
      <c r="BB1517">
        <v>0.49609375</v>
      </c>
      <c r="BC1517">
        <v>4.8833109303988689</v>
      </c>
      <c r="BD1517" t="s">
        <v>5821</v>
      </c>
      <c r="BE1517" t="s">
        <v>62</v>
      </c>
    </row>
    <row r="1518" spans="1:57" x14ac:dyDescent="0.3">
      <c r="A1518" t="s">
        <v>5822</v>
      </c>
      <c r="B1518">
        <v>3070</v>
      </c>
      <c r="C1518" t="s">
        <v>5823</v>
      </c>
      <c r="D1518" t="s">
        <v>5824</v>
      </c>
      <c r="E1518" t="s">
        <v>10622</v>
      </c>
      <c r="F1518">
        <v>64</v>
      </c>
      <c r="G1518">
        <v>128.4375</v>
      </c>
      <c r="H1518">
        <v>133.5</v>
      </c>
      <c r="I1518">
        <v>5447.27734375</v>
      </c>
      <c r="J1518">
        <v>73.805672842607436</v>
      </c>
      <c r="K1518">
        <v>-6.3547345266885796E-2</v>
      </c>
      <c r="L1518">
        <v>-1.195899953005632</v>
      </c>
      <c r="M1518">
        <v>5.78125</v>
      </c>
      <c r="N1518">
        <v>2</v>
      </c>
      <c r="O1518">
        <v>1</v>
      </c>
      <c r="P1518">
        <v>1</v>
      </c>
      <c r="Q1518">
        <v>0.32821556024332821</v>
      </c>
      <c r="R1518">
        <v>4.0072571376121839</v>
      </c>
      <c r="S1518">
        <v>2</v>
      </c>
      <c r="T1518">
        <v>1</v>
      </c>
      <c r="U1518">
        <v>1</v>
      </c>
      <c r="V1518">
        <v>0.12597176896623641</v>
      </c>
      <c r="W1518">
        <v>4.1211300539928049</v>
      </c>
      <c r="X1518">
        <v>1</v>
      </c>
      <c r="Y1518">
        <v>1</v>
      </c>
      <c r="Z1518">
        <v>0</v>
      </c>
      <c r="AA1518">
        <v>0</v>
      </c>
      <c r="AB1518">
        <v>4.1271343850450908</v>
      </c>
      <c r="AC1518">
        <v>1</v>
      </c>
      <c r="AD1518">
        <v>1</v>
      </c>
      <c r="AE1518">
        <v>0</v>
      </c>
      <c r="AF1518">
        <v>0</v>
      </c>
      <c r="AG1518">
        <v>4.1108738641733096</v>
      </c>
      <c r="AH1518">
        <v>-3.819462247481719E-2</v>
      </c>
      <c r="AI1518">
        <v>-0.16645287335344561</v>
      </c>
      <c r="AJ1518">
        <v>0.27045472248894409</v>
      </c>
      <c r="AK1518">
        <v>7.1408482986411642E-2</v>
      </c>
      <c r="AL1518">
        <v>649.08683927480115</v>
      </c>
      <c r="AM1518">
        <v>991.49799549986403</v>
      </c>
      <c r="AN1518">
        <v>8220</v>
      </c>
      <c r="AO1518">
        <v>118.2635821278309</v>
      </c>
      <c r="AP1518">
        <v>497.87417962296462</v>
      </c>
      <c r="AQ1518">
        <v>1.359375</v>
      </c>
      <c r="AR1518">
        <v>3.78125</v>
      </c>
      <c r="AS1518">
        <v>64</v>
      </c>
      <c r="AT1518">
        <v>5.4687499999999991</v>
      </c>
      <c r="AU1518">
        <v>7.2895916334661359E-2</v>
      </c>
      <c r="AV1518">
        <v>-3.8773178907314687E-2</v>
      </c>
      <c r="AW1518">
        <v>0.34375</v>
      </c>
      <c r="AX1518">
        <v>86.841269841269835</v>
      </c>
      <c r="AY1518">
        <v>64.5</v>
      </c>
      <c r="AZ1518">
        <v>118.5</v>
      </c>
      <c r="BA1518">
        <v>0.57464270826361019</v>
      </c>
      <c r="BB1518">
        <v>0.515625</v>
      </c>
      <c r="BC1518">
        <v>3.9367871487114772</v>
      </c>
      <c r="BD1518" t="s">
        <v>5825</v>
      </c>
      <c r="BE1518" t="s">
        <v>62</v>
      </c>
    </row>
    <row r="1519" spans="1:57" x14ac:dyDescent="0.3">
      <c r="A1519" t="s">
        <v>5826</v>
      </c>
      <c r="B1519">
        <v>2824</v>
      </c>
      <c r="C1519" t="s">
        <v>5827</v>
      </c>
      <c r="D1519" t="s">
        <v>5828</v>
      </c>
      <c r="E1519" t="s">
        <v>66</v>
      </c>
      <c r="F1519">
        <v>71</v>
      </c>
      <c r="G1519">
        <v>115.5211267605634</v>
      </c>
      <c r="H1519">
        <v>107</v>
      </c>
      <c r="I1519">
        <v>6188.3903987304102</v>
      </c>
      <c r="J1519">
        <v>78.666323155022383</v>
      </c>
      <c r="K1519">
        <v>0.16451347449900949</v>
      </c>
      <c r="L1519">
        <v>-1.295354807065928</v>
      </c>
      <c r="M1519">
        <v>5.8680569786596077</v>
      </c>
      <c r="N1519">
        <v>2</v>
      </c>
      <c r="O1519">
        <v>1</v>
      </c>
      <c r="P1519">
        <v>1</v>
      </c>
      <c r="Q1519">
        <v>0.37021605870938418</v>
      </c>
      <c r="R1519">
        <v>4.0674271501230219</v>
      </c>
      <c r="S1519">
        <v>1</v>
      </c>
      <c r="T1519">
        <v>1</v>
      </c>
      <c r="U1519">
        <v>0</v>
      </c>
      <c r="V1519">
        <v>0</v>
      </c>
      <c r="W1519">
        <v>4.2484952420493576</v>
      </c>
      <c r="X1519">
        <v>1</v>
      </c>
      <c r="Y1519">
        <v>1</v>
      </c>
      <c r="Z1519">
        <v>0</v>
      </c>
      <c r="AA1519">
        <v>0</v>
      </c>
      <c r="AB1519">
        <v>4.2341065045972579</v>
      </c>
      <c r="AC1519">
        <v>1</v>
      </c>
      <c r="AD1519">
        <v>1</v>
      </c>
      <c r="AE1519">
        <v>0</v>
      </c>
      <c r="AF1519">
        <v>0</v>
      </c>
      <c r="AG1519">
        <v>4.2195077051761087</v>
      </c>
      <c r="AH1519">
        <v>2.1375934225943971E-2</v>
      </c>
      <c r="AI1519">
        <v>-2.1765534536910859E-2</v>
      </c>
      <c r="AJ1519">
        <v>6.7490109576381546E-2</v>
      </c>
      <c r="AK1519">
        <v>0.1153279122112498</v>
      </c>
      <c r="AL1519">
        <v>694.59668601377098</v>
      </c>
      <c r="AM1519">
        <v>951.00759396478361</v>
      </c>
      <c r="AN1519">
        <v>8202</v>
      </c>
      <c r="AO1519">
        <v>24.086317455136061</v>
      </c>
      <c r="AP1519">
        <v>564.54394867163285</v>
      </c>
      <c r="AQ1519">
        <v>1.323943661971831</v>
      </c>
      <c r="AR1519">
        <v>3.6338028169014081</v>
      </c>
      <c r="AS1519">
        <v>71</v>
      </c>
      <c r="AT1519">
        <v>7.1830985915492969</v>
      </c>
      <c r="AU1519">
        <v>0.1219363424642342</v>
      </c>
      <c r="AV1519">
        <v>2.2120538371969329E-2</v>
      </c>
      <c r="AW1519">
        <v>0.36619718309859162</v>
      </c>
      <c r="AX1519">
        <v>89.01428571428572</v>
      </c>
      <c r="AY1519">
        <v>74</v>
      </c>
      <c r="AZ1519">
        <v>156</v>
      </c>
      <c r="BA1519">
        <v>0.6809691470381114</v>
      </c>
      <c r="BB1519">
        <v>0.47887323943661969</v>
      </c>
      <c r="BC1519">
        <v>3.9562864228606802</v>
      </c>
      <c r="BD1519" t="s">
        <v>5829</v>
      </c>
      <c r="BE1519" t="s">
        <v>68</v>
      </c>
    </row>
    <row r="1520" spans="1:57" x14ac:dyDescent="0.3">
      <c r="A1520" t="s">
        <v>2622</v>
      </c>
      <c r="B1520">
        <v>2253</v>
      </c>
      <c r="C1520" t="s">
        <v>5830</v>
      </c>
      <c r="D1520" t="s">
        <v>5831</v>
      </c>
      <c r="E1520" t="s">
        <v>98</v>
      </c>
      <c r="F1520">
        <v>16</v>
      </c>
      <c r="G1520">
        <v>122.3125</v>
      </c>
      <c r="H1520">
        <v>145.5</v>
      </c>
      <c r="I1520">
        <v>4705.71484375</v>
      </c>
      <c r="J1520">
        <v>68.598213123593823</v>
      </c>
      <c r="K1520">
        <v>-0.25683788236115862</v>
      </c>
      <c r="L1520">
        <v>-0.90444568068558784</v>
      </c>
      <c r="M1520">
        <v>4</v>
      </c>
      <c r="N1520">
        <v>1</v>
      </c>
      <c r="O1520">
        <v>1</v>
      </c>
      <c r="P1520">
        <v>0</v>
      </c>
      <c r="Q1520">
        <v>0</v>
      </c>
      <c r="R1520">
        <v>2.7725887222397811</v>
      </c>
      <c r="S1520">
        <v>1</v>
      </c>
      <c r="T1520">
        <v>1</v>
      </c>
      <c r="U1520">
        <v>0</v>
      </c>
      <c r="V1520">
        <v>0</v>
      </c>
      <c r="W1520">
        <v>2.7080502011022101</v>
      </c>
      <c r="X1520">
        <v>1</v>
      </c>
      <c r="Y1520">
        <v>1</v>
      </c>
      <c r="Z1520">
        <v>0</v>
      </c>
      <c r="AA1520">
        <v>0</v>
      </c>
      <c r="AB1520">
        <v>2.639057329615258</v>
      </c>
      <c r="AC1520">
        <v>1</v>
      </c>
      <c r="AD1520">
        <v>1</v>
      </c>
      <c r="AE1520">
        <v>0</v>
      </c>
      <c r="AF1520">
        <v>0</v>
      </c>
      <c r="AG1520">
        <v>2.5649493574615372</v>
      </c>
      <c r="AH1520">
        <v>0.31652041898854699</v>
      </c>
      <c r="AI1520">
        <v>8.911610550004441E-2</v>
      </c>
      <c r="AJ1520">
        <v>-0.19181780506249471</v>
      </c>
      <c r="AK1520">
        <v>-0.21992426512642951</v>
      </c>
      <c r="AL1520">
        <v>367.32415718976051</v>
      </c>
      <c r="AM1520">
        <v>423.94570825146008</v>
      </c>
      <c r="AN1520">
        <v>1957</v>
      </c>
      <c r="AO1520">
        <v>115.3051611452877</v>
      </c>
      <c r="AP1520">
        <v>252.48836044950781</v>
      </c>
      <c r="AQ1520">
        <v>2.3125</v>
      </c>
      <c r="AR1520">
        <v>3.9375</v>
      </c>
      <c r="AS1520">
        <v>16</v>
      </c>
      <c r="AT1520">
        <v>0</v>
      </c>
      <c r="AU1520">
        <v>0.1601720647773279</v>
      </c>
      <c r="AV1520">
        <v>0.32950101317321939</v>
      </c>
      <c r="AW1520">
        <v>0.25</v>
      </c>
      <c r="AX1520">
        <v>60.2</v>
      </c>
      <c r="AY1520">
        <v>44</v>
      </c>
      <c r="AZ1520">
        <v>108</v>
      </c>
      <c r="BA1520">
        <v>0.56084384771461482</v>
      </c>
      <c r="BB1520">
        <v>0.625</v>
      </c>
      <c r="BC1520">
        <v>2.7080502011022101</v>
      </c>
      <c r="BD1520" t="s">
        <v>5830</v>
      </c>
      <c r="BE1520" t="s">
        <v>62</v>
      </c>
    </row>
    <row r="1521" spans="1:57" x14ac:dyDescent="0.3">
      <c r="A1521" t="s">
        <v>5832</v>
      </c>
      <c r="B1521">
        <v>158</v>
      </c>
      <c r="C1521" t="s">
        <v>5833</v>
      </c>
      <c r="D1521" t="s">
        <v>5834</v>
      </c>
      <c r="E1521" t="s">
        <v>60</v>
      </c>
      <c r="F1521">
        <v>256</v>
      </c>
      <c r="G1521">
        <v>125.421875</v>
      </c>
      <c r="H1521">
        <v>129</v>
      </c>
      <c r="I1521">
        <v>6025.642333984375</v>
      </c>
      <c r="J1521">
        <v>77.625011007950107</v>
      </c>
      <c r="K1521">
        <v>6.0185159776462093E-4</v>
      </c>
      <c r="L1521">
        <v>-1.3360353124901081</v>
      </c>
      <c r="M1521">
        <v>7.1916681523168409</v>
      </c>
      <c r="N1521">
        <v>5</v>
      </c>
      <c r="O1521">
        <v>1</v>
      </c>
      <c r="P1521">
        <v>4</v>
      </c>
      <c r="Q1521">
        <v>0.78302014918463736</v>
      </c>
      <c r="R1521">
        <v>4.9848845033011688</v>
      </c>
      <c r="S1521">
        <v>1</v>
      </c>
      <c r="T1521">
        <v>1</v>
      </c>
      <c r="U1521">
        <v>0</v>
      </c>
      <c r="V1521">
        <v>0</v>
      </c>
      <c r="W1521">
        <v>5.541263545158424</v>
      </c>
      <c r="X1521">
        <v>1</v>
      </c>
      <c r="Y1521">
        <v>1</v>
      </c>
      <c r="Z1521">
        <v>0</v>
      </c>
      <c r="AA1521">
        <v>0</v>
      </c>
      <c r="AB1521">
        <v>5.5373342670185366</v>
      </c>
      <c r="AC1521">
        <v>1</v>
      </c>
      <c r="AD1521">
        <v>1</v>
      </c>
      <c r="AE1521">
        <v>0</v>
      </c>
      <c r="AF1521">
        <v>0</v>
      </c>
      <c r="AG1521">
        <v>5.5333894887275203</v>
      </c>
      <c r="AH1521">
        <v>2.311667621760817E-2</v>
      </c>
      <c r="AI1521">
        <v>-2.8373852993114429E-2</v>
      </c>
      <c r="AJ1521">
        <v>1.9200099935806979E-2</v>
      </c>
      <c r="AK1521">
        <v>-6.1711298712055433E-2</v>
      </c>
      <c r="AL1521">
        <v>1228.8629633048761</v>
      </c>
      <c r="AM1521">
        <v>2014.821534880338</v>
      </c>
      <c r="AN1521">
        <v>32108</v>
      </c>
      <c r="AO1521">
        <v>173.6452533876178</v>
      </c>
      <c r="AP1521">
        <v>1000.045563728765</v>
      </c>
      <c r="AQ1521">
        <v>1.08984375</v>
      </c>
      <c r="AR1521">
        <v>3.8515625</v>
      </c>
      <c r="AS1521">
        <v>256</v>
      </c>
      <c r="AT1521">
        <v>63.6328125</v>
      </c>
      <c r="AU1521">
        <v>5.0153186274509792E-2</v>
      </c>
      <c r="AV1521">
        <v>2.3193321282987431E-2</v>
      </c>
      <c r="AW1521">
        <v>0.33203125</v>
      </c>
      <c r="AX1521">
        <v>88.192156862745094</v>
      </c>
      <c r="AY1521">
        <v>70</v>
      </c>
      <c r="AZ1521">
        <v>142</v>
      </c>
      <c r="BA1521">
        <v>0.61891126255248619</v>
      </c>
      <c r="BB1521">
        <v>0.51171875</v>
      </c>
      <c r="BC1521">
        <v>4.8878267260350938</v>
      </c>
      <c r="BD1521" t="s">
        <v>5835</v>
      </c>
      <c r="BE1521" t="s">
        <v>62</v>
      </c>
    </row>
    <row r="1522" spans="1:57" x14ac:dyDescent="0.3">
      <c r="A1522" t="s">
        <v>5836</v>
      </c>
      <c r="B1522">
        <v>2898</v>
      </c>
      <c r="C1522" t="s">
        <v>5837</v>
      </c>
      <c r="D1522" t="s">
        <v>5838</v>
      </c>
      <c r="E1522" t="s">
        <v>66</v>
      </c>
      <c r="F1522">
        <v>71</v>
      </c>
      <c r="G1522">
        <v>119.80281690140841</v>
      </c>
      <c r="H1522">
        <v>112</v>
      </c>
      <c r="I1522">
        <v>5976.130132910137</v>
      </c>
      <c r="J1522">
        <v>77.305434045157114</v>
      </c>
      <c r="K1522">
        <v>0.21347350729091469</v>
      </c>
      <c r="L1522">
        <v>-1.262690959419045</v>
      </c>
      <c r="M1522">
        <v>5.7729177180657558</v>
      </c>
      <c r="N1522">
        <v>4</v>
      </c>
      <c r="O1522">
        <v>1</v>
      </c>
      <c r="P1522">
        <v>3</v>
      </c>
      <c r="Q1522">
        <v>0.54554159116715539</v>
      </c>
      <c r="R1522">
        <v>4.0014816398818356</v>
      </c>
      <c r="S1522">
        <v>1</v>
      </c>
      <c r="T1522">
        <v>1</v>
      </c>
      <c r="U1522">
        <v>0</v>
      </c>
      <c r="V1522">
        <v>0</v>
      </c>
      <c r="W1522">
        <v>4.2484952420493576</v>
      </c>
      <c r="X1522">
        <v>1</v>
      </c>
      <c r="Y1522">
        <v>1</v>
      </c>
      <c r="Z1522">
        <v>0</v>
      </c>
      <c r="AA1522">
        <v>0</v>
      </c>
      <c r="AB1522">
        <v>4.2341065045972579</v>
      </c>
      <c r="AC1522">
        <v>1</v>
      </c>
      <c r="AD1522">
        <v>1</v>
      </c>
      <c r="AE1522">
        <v>0</v>
      </c>
      <c r="AF1522">
        <v>0</v>
      </c>
      <c r="AG1522">
        <v>4.2195077051761087</v>
      </c>
      <c r="AH1522">
        <v>0.22908535416028619</v>
      </c>
      <c r="AI1522">
        <v>-3.1519778915695573E-2</v>
      </c>
      <c r="AJ1522">
        <v>5.3409105602128942E-2</v>
      </c>
      <c r="AK1522">
        <v>-0.13375849692693331</v>
      </c>
      <c r="AL1522">
        <v>670.0585654424666</v>
      </c>
      <c r="AM1522">
        <v>997.18078545326171</v>
      </c>
      <c r="AN1522">
        <v>8506</v>
      </c>
      <c r="AO1522">
        <v>81.997948397118051</v>
      </c>
      <c r="AP1522">
        <v>503.23472952288529</v>
      </c>
      <c r="AQ1522">
        <v>1.323943661971831</v>
      </c>
      <c r="AR1522">
        <v>3.71830985915493</v>
      </c>
      <c r="AS1522">
        <v>71</v>
      </c>
      <c r="AT1522">
        <v>14.59154929577465</v>
      </c>
      <c r="AU1522">
        <v>0.11311792322562821</v>
      </c>
      <c r="AV1522">
        <v>0.23440341908748141</v>
      </c>
      <c r="AW1522">
        <v>0.47887323943661969</v>
      </c>
      <c r="AX1522">
        <v>73.3</v>
      </c>
      <c r="AY1522">
        <v>72</v>
      </c>
      <c r="AZ1522">
        <v>147.5</v>
      </c>
      <c r="BA1522">
        <v>0.64527225690173473</v>
      </c>
      <c r="BB1522">
        <v>0.46478873239436619</v>
      </c>
      <c r="BC1522">
        <v>4.0033698066607419</v>
      </c>
      <c r="BD1522" t="s">
        <v>5839</v>
      </c>
      <c r="BE1522" t="s">
        <v>68</v>
      </c>
    </row>
    <row r="1523" spans="1:57" x14ac:dyDescent="0.3">
      <c r="A1523" t="s">
        <v>5840</v>
      </c>
      <c r="B1523">
        <v>614</v>
      </c>
      <c r="C1523" t="s">
        <v>5841</v>
      </c>
      <c r="D1523" t="s">
        <v>5842</v>
      </c>
      <c r="E1523" t="s">
        <v>93</v>
      </c>
      <c r="F1523">
        <v>664</v>
      </c>
      <c r="G1523">
        <v>131.39156626506019</v>
      </c>
      <c r="H1523">
        <v>134</v>
      </c>
      <c r="I1523">
        <v>5377.9942662215126</v>
      </c>
      <c r="J1523">
        <v>73.334809376049463</v>
      </c>
      <c r="K1523">
        <v>-5.8042037038883103E-2</v>
      </c>
      <c r="L1523">
        <v>-1.218867628067581</v>
      </c>
      <c r="M1523">
        <v>7.7253899243053512</v>
      </c>
      <c r="N1523">
        <v>9</v>
      </c>
      <c r="O1523">
        <v>1</v>
      </c>
      <c r="P1523">
        <v>8</v>
      </c>
      <c r="Q1523">
        <v>1.346474259703603</v>
      </c>
      <c r="R1523">
        <v>5.3548322447584704</v>
      </c>
      <c r="S1523">
        <v>2</v>
      </c>
      <c r="T1523">
        <v>1</v>
      </c>
      <c r="U1523">
        <v>1</v>
      </c>
      <c r="V1523">
        <v>0.10274661645109071</v>
      </c>
      <c r="W1523">
        <v>6.48213839813784</v>
      </c>
      <c r="X1523">
        <v>1</v>
      </c>
      <c r="Y1523">
        <v>1</v>
      </c>
      <c r="Z1523">
        <v>0</v>
      </c>
      <c r="AA1523">
        <v>0</v>
      </c>
      <c r="AB1523">
        <v>6.4952655559370074</v>
      </c>
      <c r="AC1523">
        <v>1</v>
      </c>
      <c r="AD1523">
        <v>1</v>
      </c>
      <c r="AE1523">
        <v>0</v>
      </c>
      <c r="AF1523">
        <v>0</v>
      </c>
      <c r="AG1523">
        <v>6.4937538398516867</v>
      </c>
      <c r="AH1523">
        <v>-9.8017980575307462E-3</v>
      </c>
      <c r="AI1523">
        <v>-3.6343943915248547E-2</v>
      </c>
      <c r="AJ1523">
        <v>-3.6954342190177972E-2</v>
      </c>
      <c r="AK1523">
        <v>-3.5771898511424649E-2</v>
      </c>
      <c r="AL1523">
        <v>1798.6737419262561</v>
      </c>
      <c r="AM1523">
        <v>3434.9507667658058</v>
      </c>
      <c r="AN1523">
        <v>87244</v>
      </c>
      <c r="AO1523">
        <v>154.165371279536</v>
      </c>
      <c r="AP1523">
        <v>1600.2432431555769</v>
      </c>
      <c r="AQ1523">
        <v>1.034638554216867</v>
      </c>
      <c r="AR1523">
        <v>4.0768072289156629</v>
      </c>
      <c r="AS1523">
        <v>662</v>
      </c>
      <c r="AT1523">
        <v>153.36445783132541</v>
      </c>
      <c r="AU1523">
        <v>3.6286321757618763E-2</v>
      </c>
      <c r="AV1523">
        <v>-9.8176941661901364E-3</v>
      </c>
      <c r="AW1523">
        <v>0.35692771084337349</v>
      </c>
      <c r="AX1523">
        <v>85.616892911010552</v>
      </c>
      <c r="AY1523">
        <v>64.5</v>
      </c>
      <c r="AZ1523">
        <v>128.5</v>
      </c>
      <c r="BA1523">
        <v>0.55813939555381276</v>
      </c>
      <c r="BB1523">
        <v>0.51204819277108438</v>
      </c>
      <c r="BC1523">
        <v>5.1138752230791171</v>
      </c>
      <c r="BD1523" t="s">
        <v>5843</v>
      </c>
      <c r="BE1523" t="s">
        <v>68</v>
      </c>
    </row>
    <row r="1524" spans="1:57" x14ac:dyDescent="0.3">
      <c r="A1524" t="s">
        <v>5844</v>
      </c>
      <c r="B1524">
        <v>958</v>
      </c>
      <c r="C1524" t="s">
        <v>5845</v>
      </c>
      <c r="D1524" t="s">
        <v>5846</v>
      </c>
      <c r="E1524" t="s">
        <v>93</v>
      </c>
      <c r="F1524">
        <v>962</v>
      </c>
      <c r="G1524">
        <v>129.64449064449059</v>
      </c>
      <c r="H1524">
        <v>129</v>
      </c>
      <c r="I1524">
        <v>5377.4723656968981</v>
      </c>
      <c r="J1524">
        <v>73.331250948670572</v>
      </c>
      <c r="K1524">
        <v>1.8170720370854481E-3</v>
      </c>
      <c r="L1524">
        <v>-1.15977060956</v>
      </c>
      <c r="M1524">
        <v>7.7989786126072396</v>
      </c>
      <c r="N1524">
        <v>10</v>
      </c>
      <c r="O1524">
        <v>1</v>
      </c>
      <c r="P1524">
        <v>9</v>
      </c>
      <c r="Q1524">
        <v>1.8692011114470799</v>
      </c>
      <c r="R1524">
        <v>5.4058400365760306</v>
      </c>
      <c r="S1524">
        <v>2</v>
      </c>
      <c r="T1524">
        <v>1</v>
      </c>
      <c r="U1524">
        <v>1</v>
      </c>
      <c r="V1524">
        <v>0.1117362793830269</v>
      </c>
      <c r="W1524">
        <v>6.850663761380865</v>
      </c>
      <c r="X1524">
        <v>1</v>
      </c>
      <c r="Y1524">
        <v>1</v>
      </c>
      <c r="Z1524">
        <v>0</v>
      </c>
      <c r="AA1524">
        <v>0</v>
      </c>
      <c r="AB1524">
        <v>6.8669332844618793</v>
      </c>
      <c r="AC1524">
        <v>1</v>
      </c>
      <c r="AD1524">
        <v>1</v>
      </c>
      <c r="AE1524">
        <v>0</v>
      </c>
      <c r="AF1524">
        <v>0</v>
      </c>
      <c r="AG1524">
        <v>6.8658910748834394</v>
      </c>
      <c r="AH1524">
        <v>8.5407168377074558E-3</v>
      </c>
      <c r="AI1524">
        <v>-1.3354861878339069E-3</v>
      </c>
      <c r="AJ1524">
        <v>-2.955396642936137E-2</v>
      </c>
      <c r="AK1524">
        <v>-3.3790682605594757E-2</v>
      </c>
      <c r="AL1524">
        <v>2110.9520324085252</v>
      </c>
      <c r="AM1524">
        <v>4109.2592418671175</v>
      </c>
      <c r="AN1524">
        <v>124718</v>
      </c>
      <c r="AO1524">
        <v>124.82324198845799</v>
      </c>
      <c r="AP1524">
        <v>1811.579154848547</v>
      </c>
      <c r="AQ1524">
        <v>1.0239085239085239</v>
      </c>
      <c r="AR1524">
        <v>4.0717255717255716</v>
      </c>
      <c r="AS1524">
        <v>956</v>
      </c>
      <c r="AT1524">
        <v>228.81496881496881</v>
      </c>
      <c r="AU1524">
        <v>2.4837960132077789E-2</v>
      </c>
      <c r="AV1524">
        <v>8.5415853973442625E-3</v>
      </c>
      <c r="AW1524">
        <v>0.38253638253638261</v>
      </c>
      <c r="AX1524">
        <v>84.491155046826222</v>
      </c>
      <c r="AY1524">
        <v>63.5</v>
      </c>
      <c r="AZ1524">
        <v>126.75</v>
      </c>
      <c r="BA1524">
        <v>0.56563337619767062</v>
      </c>
      <c r="BB1524">
        <v>0.49584199584199579</v>
      </c>
      <c r="BC1524">
        <v>5.2102426879714887</v>
      </c>
      <c r="BD1524" t="s">
        <v>5847</v>
      </c>
      <c r="BE1524" t="s">
        <v>68</v>
      </c>
    </row>
    <row r="1525" spans="1:57" x14ac:dyDescent="0.3">
      <c r="A1525" t="s">
        <v>5848</v>
      </c>
      <c r="B1525">
        <v>2086</v>
      </c>
      <c r="C1525" t="s">
        <v>5849</v>
      </c>
      <c r="D1525" t="s">
        <v>5850</v>
      </c>
      <c r="E1525" t="s">
        <v>115</v>
      </c>
      <c r="F1525">
        <v>2161</v>
      </c>
      <c r="G1525">
        <v>127.62193428968069</v>
      </c>
      <c r="H1525">
        <v>127</v>
      </c>
      <c r="I1525">
        <v>5485.3688664112306</v>
      </c>
      <c r="J1525">
        <v>74.063276098287943</v>
      </c>
      <c r="K1525">
        <v>1.2180783671703129E-2</v>
      </c>
      <c r="L1525">
        <v>-1.218750032170685</v>
      </c>
      <c r="M1525">
        <v>7.9236621225580217</v>
      </c>
      <c r="N1525">
        <v>17</v>
      </c>
      <c r="O1525">
        <v>2</v>
      </c>
      <c r="P1525">
        <v>15</v>
      </c>
      <c r="Q1525">
        <v>2.729412349290766</v>
      </c>
      <c r="R1525">
        <v>5.4922640599607142</v>
      </c>
      <c r="S1525">
        <v>2</v>
      </c>
      <c r="T1525">
        <v>1</v>
      </c>
      <c r="U1525">
        <v>1</v>
      </c>
      <c r="V1525">
        <v>0.1075754948745279</v>
      </c>
      <c r="W1525">
        <v>7.6618184270541398</v>
      </c>
      <c r="X1525">
        <v>1</v>
      </c>
      <c r="Y1525">
        <v>1</v>
      </c>
      <c r="Z1525">
        <v>0</v>
      </c>
      <c r="AA1525">
        <v>0</v>
      </c>
      <c r="AB1525">
        <v>7.6774004305148056</v>
      </c>
      <c r="AC1525">
        <v>1</v>
      </c>
      <c r="AD1525">
        <v>1</v>
      </c>
      <c r="AE1525">
        <v>0</v>
      </c>
      <c r="AF1525">
        <v>0</v>
      </c>
      <c r="AG1525">
        <v>7.67693714581808</v>
      </c>
      <c r="AH1525">
        <v>1.8883611960866249E-2</v>
      </c>
      <c r="AI1525">
        <v>1.6919536111749699E-2</v>
      </c>
      <c r="AJ1525">
        <v>8.5478038896361283E-3</v>
      </c>
      <c r="AK1525">
        <v>6.8395764269367446E-3</v>
      </c>
      <c r="AL1525">
        <v>3175.0075631384061</v>
      </c>
      <c r="AM1525">
        <v>6080.3116675063548</v>
      </c>
      <c r="AN1525">
        <v>275790.99999999988</v>
      </c>
      <c r="AO1525">
        <v>153.2439672294999</v>
      </c>
      <c r="AP1525">
        <v>2828.5954718871089</v>
      </c>
      <c r="AQ1525">
        <v>1.0106432207311431</v>
      </c>
      <c r="AR1525">
        <v>3.9814900509023601</v>
      </c>
      <c r="AS1525">
        <v>2155</v>
      </c>
      <c r="AT1525">
        <v>225.9245719574271</v>
      </c>
      <c r="AU1525">
        <v>1.393145874731194E-2</v>
      </c>
      <c r="AV1525">
        <v>1.889246836452502E-2</v>
      </c>
      <c r="AW1525">
        <v>0.38176770013882461</v>
      </c>
      <c r="AX1525">
        <v>84.610648148148144</v>
      </c>
      <c r="AY1525">
        <v>65</v>
      </c>
      <c r="AZ1525">
        <v>130</v>
      </c>
      <c r="BA1525">
        <v>0.58033343962783501</v>
      </c>
      <c r="BB1525">
        <v>0.49514113836186952</v>
      </c>
      <c r="BC1525">
        <v>5.2813319949203992</v>
      </c>
      <c r="BD1525" t="s">
        <v>5851</v>
      </c>
      <c r="BE1525" t="s">
        <v>68</v>
      </c>
    </row>
    <row r="1526" spans="1:57" x14ac:dyDescent="0.3">
      <c r="A1526" t="s">
        <v>5852</v>
      </c>
      <c r="B1526">
        <v>888</v>
      </c>
      <c r="C1526" t="s">
        <v>5853</v>
      </c>
      <c r="D1526" t="s">
        <v>5854</v>
      </c>
      <c r="E1526" t="s">
        <v>98</v>
      </c>
      <c r="F1526">
        <v>16</v>
      </c>
      <c r="G1526">
        <v>135.1875</v>
      </c>
      <c r="H1526">
        <v>104</v>
      </c>
      <c r="I1526">
        <v>5655.40234375</v>
      </c>
      <c r="J1526">
        <v>75.202409161874598</v>
      </c>
      <c r="K1526">
        <v>0.1150088896602033</v>
      </c>
      <c r="L1526">
        <v>-1.45778705111278</v>
      </c>
      <c r="M1526">
        <v>4</v>
      </c>
      <c r="N1526">
        <v>1</v>
      </c>
      <c r="O1526">
        <v>1</v>
      </c>
      <c r="P1526">
        <v>0</v>
      </c>
      <c r="Q1526">
        <v>0</v>
      </c>
      <c r="R1526">
        <v>2.7725887222397811</v>
      </c>
      <c r="S1526">
        <v>1</v>
      </c>
      <c r="T1526">
        <v>1</v>
      </c>
      <c r="U1526">
        <v>0</v>
      </c>
      <c r="V1526">
        <v>0</v>
      </c>
      <c r="W1526">
        <v>2.7080502011022101</v>
      </c>
      <c r="X1526">
        <v>1</v>
      </c>
      <c r="Y1526">
        <v>1</v>
      </c>
      <c r="Z1526">
        <v>0</v>
      </c>
      <c r="AA1526">
        <v>0</v>
      </c>
      <c r="AB1526">
        <v>2.639057329615258</v>
      </c>
      <c r="AC1526">
        <v>1</v>
      </c>
      <c r="AD1526">
        <v>1</v>
      </c>
      <c r="AE1526">
        <v>0</v>
      </c>
      <c r="AF1526">
        <v>0</v>
      </c>
      <c r="AG1526">
        <v>2.5649493574615372</v>
      </c>
      <c r="AH1526">
        <v>-4.4796941254317811E-4</v>
      </c>
      <c r="AI1526">
        <v>-0.30645070773727828</v>
      </c>
      <c r="AJ1526">
        <v>2.1567588167563781E-2</v>
      </c>
      <c r="AK1526">
        <v>-0.1903024313726574</v>
      </c>
      <c r="AL1526">
        <v>402.12244563103297</v>
      </c>
      <c r="AM1526">
        <v>470.31323468483947</v>
      </c>
      <c r="AN1526">
        <v>2163</v>
      </c>
      <c r="AO1526">
        <v>107</v>
      </c>
      <c r="AP1526">
        <v>317.12302555960679</v>
      </c>
      <c r="AQ1526">
        <v>2.3125</v>
      </c>
      <c r="AR1526">
        <v>4.25</v>
      </c>
      <c r="AS1526">
        <v>16</v>
      </c>
      <c r="AT1526">
        <v>0</v>
      </c>
      <c r="AU1526">
        <v>0.17725409836065581</v>
      </c>
      <c r="AV1526">
        <v>-2.1527040607856418E-3</v>
      </c>
      <c r="AW1526">
        <v>0.5</v>
      </c>
      <c r="AX1526">
        <v>90.066666666666663</v>
      </c>
      <c r="AY1526">
        <v>62.5</v>
      </c>
      <c r="AZ1526">
        <v>136.25</v>
      </c>
      <c r="BA1526">
        <v>0.55628226841885975</v>
      </c>
      <c r="BB1526">
        <v>0.4375</v>
      </c>
      <c r="BC1526">
        <v>2.7080502011022101</v>
      </c>
      <c r="BD1526" t="s">
        <v>5853</v>
      </c>
      <c r="BE1526" t="s">
        <v>62</v>
      </c>
    </row>
    <row r="1527" spans="1:57" x14ac:dyDescent="0.3">
      <c r="A1527" t="s">
        <v>5855</v>
      </c>
      <c r="B1527">
        <v>2314</v>
      </c>
      <c r="C1527" t="s">
        <v>5856</v>
      </c>
      <c r="D1527" t="s">
        <v>5857</v>
      </c>
      <c r="E1527" t="s">
        <v>115</v>
      </c>
      <c r="F1527">
        <v>2384</v>
      </c>
      <c r="G1527">
        <v>128.52013422818791</v>
      </c>
      <c r="H1527">
        <v>127</v>
      </c>
      <c r="I1527">
        <v>5476.8737556866809</v>
      </c>
      <c r="J1527">
        <v>74.005903519156362</v>
      </c>
      <c r="K1527">
        <v>-2.0528267409207979E-2</v>
      </c>
      <c r="L1527">
        <v>-1.215678214559321</v>
      </c>
      <c r="M1527">
        <v>7.9250488251670612</v>
      </c>
      <c r="N1527">
        <v>21</v>
      </c>
      <c r="O1527">
        <v>3</v>
      </c>
      <c r="P1527">
        <v>18</v>
      </c>
      <c r="Q1527">
        <v>3.0149367737980839</v>
      </c>
      <c r="R1527">
        <v>5.4932252489644524</v>
      </c>
      <c r="S1527">
        <v>3</v>
      </c>
      <c r="T1527">
        <v>1</v>
      </c>
      <c r="U1527">
        <v>2</v>
      </c>
      <c r="V1527">
        <v>0.15876124199620939</v>
      </c>
      <c r="W1527">
        <v>7.7430986997129896</v>
      </c>
      <c r="X1527">
        <v>1</v>
      </c>
      <c r="Y1527">
        <v>1</v>
      </c>
      <c r="Z1527">
        <v>0</v>
      </c>
      <c r="AA1527">
        <v>0</v>
      </c>
      <c r="AB1527">
        <v>7.7756957499152426</v>
      </c>
      <c r="AC1527">
        <v>1</v>
      </c>
      <c r="AD1527">
        <v>1</v>
      </c>
      <c r="AE1527">
        <v>0</v>
      </c>
      <c r="AF1527">
        <v>0</v>
      </c>
      <c r="AG1527">
        <v>7.7752758464868634</v>
      </c>
      <c r="AH1527">
        <v>-2.5321212913268221E-2</v>
      </c>
      <c r="AI1527">
        <v>-5.9114338823801739E-3</v>
      </c>
      <c r="AJ1527">
        <v>-3.2261269360661801E-2</v>
      </c>
      <c r="AK1527">
        <v>-5.1842287862087126E-3</v>
      </c>
      <c r="AL1527">
        <v>3319.0023468295458</v>
      </c>
      <c r="AM1527">
        <v>6435.7308381985613</v>
      </c>
      <c r="AN1527">
        <v>306392</v>
      </c>
      <c r="AO1527">
        <v>45.773142048956892</v>
      </c>
      <c r="AP1527">
        <v>2957.2675709272621</v>
      </c>
      <c r="AQ1527">
        <v>1.0096476510067109</v>
      </c>
      <c r="AR1527">
        <v>3.9798657718120811</v>
      </c>
      <c r="AS1527">
        <v>2373</v>
      </c>
      <c r="AT1527">
        <v>249.87919463087249</v>
      </c>
      <c r="AU1527">
        <v>1.8148769574944049E-2</v>
      </c>
      <c r="AV1527">
        <v>-2.5324104497622471E-2</v>
      </c>
      <c r="AW1527">
        <v>0.37667785234899331</v>
      </c>
      <c r="AX1527">
        <v>87.028535459504823</v>
      </c>
      <c r="AY1527">
        <v>65</v>
      </c>
      <c r="AZ1527">
        <v>129</v>
      </c>
      <c r="BA1527">
        <v>0.57583120313085456</v>
      </c>
      <c r="BB1527">
        <v>0.49203020134228193</v>
      </c>
      <c r="BC1527">
        <v>5.3106073330803447</v>
      </c>
      <c r="BD1527" t="s">
        <v>5858</v>
      </c>
      <c r="BE1527" t="s">
        <v>62</v>
      </c>
    </row>
    <row r="1528" spans="1:57" x14ac:dyDescent="0.3">
      <c r="A1528" t="s">
        <v>5859</v>
      </c>
      <c r="B1528">
        <v>2760</v>
      </c>
      <c r="C1528" t="s">
        <v>5860</v>
      </c>
      <c r="D1528" t="s">
        <v>5861</v>
      </c>
      <c r="E1528" t="s">
        <v>85</v>
      </c>
      <c r="F1528">
        <v>8</v>
      </c>
      <c r="G1528">
        <v>122</v>
      </c>
      <c r="H1528">
        <v>119.5</v>
      </c>
      <c r="I1528">
        <v>1982.25</v>
      </c>
      <c r="J1528">
        <v>44.522466238967489</v>
      </c>
      <c r="K1528">
        <v>6.1186571671210813E-3</v>
      </c>
      <c r="L1528">
        <v>-0.53402613537559773</v>
      </c>
      <c r="M1528">
        <v>3</v>
      </c>
      <c r="N1528">
        <v>1</v>
      </c>
      <c r="O1528">
        <v>1</v>
      </c>
      <c r="P1528">
        <v>0</v>
      </c>
      <c r="Q1528">
        <v>0</v>
      </c>
      <c r="R1528">
        <v>2.0794415416798362</v>
      </c>
      <c r="S1528">
        <v>1</v>
      </c>
      <c r="T1528">
        <v>1</v>
      </c>
      <c r="U1528">
        <v>0</v>
      </c>
      <c r="V1528">
        <v>0</v>
      </c>
      <c r="W1528">
        <v>1.945910149055313</v>
      </c>
      <c r="X1528">
        <v>1</v>
      </c>
      <c r="Y1528">
        <v>1</v>
      </c>
      <c r="Z1528">
        <v>0</v>
      </c>
      <c r="AA1528">
        <v>0</v>
      </c>
      <c r="AB1528">
        <v>1.791759469228055</v>
      </c>
      <c r="AC1528">
        <v>1</v>
      </c>
      <c r="AD1528">
        <v>1</v>
      </c>
      <c r="AE1528">
        <v>0</v>
      </c>
      <c r="AF1528">
        <v>0</v>
      </c>
      <c r="AG1528">
        <v>1.6094379124341009</v>
      </c>
      <c r="AH1528">
        <v>-3.8529448858620252E-2</v>
      </c>
      <c r="AI1528">
        <v>-0.48921679909194099</v>
      </c>
      <c r="AJ1528">
        <v>-0.1016521629461471</v>
      </c>
      <c r="AK1528">
        <v>0</v>
      </c>
      <c r="AL1528">
        <v>228.234298807556</v>
      </c>
      <c r="AM1528">
        <v>287.81783274811733</v>
      </c>
      <c r="AN1528">
        <v>976</v>
      </c>
      <c r="AO1528">
        <v>26</v>
      </c>
      <c r="AP1528">
        <v>135.55631005520519</v>
      </c>
      <c r="AQ1528">
        <v>3.5</v>
      </c>
      <c r="AR1528">
        <v>3.625</v>
      </c>
      <c r="AS1528">
        <v>8</v>
      </c>
      <c r="AT1528">
        <v>0</v>
      </c>
      <c r="AU1528">
        <v>0.31499999999999989</v>
      </c>
      <c r="AV1528">
        <v>-3.3144057512064652E-2</v>
      </c>
      <c r="AW1528">
        <v>0.5</v>
      </c>
      <c r="AX1528">
        <v>50</v>
      </c>
      <c r="AY1528">
        <v>30.5</v>
      </c>
      <c r="AZ1528">
        <v>51.75</v>
      </c>
      <c r="BA1528">
        <v>0.36493824786038931</v>
      </c>
      <c r="BB1528">
        <v>0.5</v>
      </c>
      <c r="BC1528">
        <v>1.945910149055313</v>
      </c>
      <c r="BD1528" t="s">
        <v>5860</v>
      </c>
      <c r="BE1528" t="s">
        <v>68</v>
      </c>
    </row>
    <row r="1529" spans="1:57" x14ac:dyDescent="0.3">
      <c r="A1529" t="s">
        <v>5862</v>
      </c>
      <c r="B1529">
        <v>3711</v>
      </c>
      <c r="C1529" t="s">
        <v>5863</v>
      </c>
      <c r="D1529" t="s">
        <v>5864</v>
      </c>
      <c r="E1529" t="s">
        <v>128</v>
      </c>
      <c r="F1529">
        <v>32</v>
      </c>
      <c r="G1529">
        <v>136.96875</v>
      </c>
      <c r="H1529">
        <v>147.5</v>
      </c>
      <c r="I1529">
        <v>5734.2802734375</v>
      </c>
      <c r="J1529">
        <v>75.725030692879216</v>
      </c>
      <c r="K1529">
        <v>-0.20704996252407529</v>
      </c>
      <c r="L1529">
        <v>-1.2510771560669489</v>
      </c>
      <c r="M1529">
        <v>5</v>
      </c>
      <c r="N1529">
        <v>1</v>
      </c>
      <c r="O1529">
        <v>1</v>
      </c>
      <c r="P1529">
        <v>0</v>
      </c>
      <c r="Q1529">
        <v>0</v>
      </c>
      <c r="R1529">
        <v>3.465735902799727</v>
      </c>
      <c r="S1529">
        <v>1</v>
      </c>
      <c r="T1529">
        <v>1</v>
      </c>
      <c r="U1529">
        <v>0</v>
      </c>
      <c r="V1529">
        <v>0</v>
      </c>
      <c r="W1529">
        <v>3.4339872044851458</v>
      </c>
      <c r="X1529">
        <v>1</v>
      </c>
      <c r="Y1529">
        <v>1</v>
      </c>
      <c r="Z1529">
        <v>0</v>
      </c>
      <c r="AA1529">
        <v>0</v>
      </c>
      <c r="AB1529">
        <v>3.401197381662155</v>
      </c>
      <c r="AC1529">
        <v>1</v>
      </c>
      <c r="AD1529">
        <v>1</v>
      </c>
      <c r="AE1529">
        <v>0</v>
      </c>
      <c r="AF1529">
        <v>0</v>
      </c>
      <c r="AG1529">
        <v>3.3672958299864728</v>
      </c>
      <c r="AH1529">
        <v>-5.2774548770645573E-2</v>
      </c>
      <c r="AI1529">
        <v>0.1035699904272942</v>
      </c>
      <c r="AJ1529">
        <v>-2.9088041176770121E-2</v>
      </c>
      <c r="AK1529">
        <v>5.5463226742676099E-2</v>
      </c>
      <c r="AL1529">
        <v>505.60230362394492</v>
      </c>
      <c r="AM1529">
        <v>726.77184216930164</v>
      </c>
      <c r="AN1529">
        <v>4383</v>
      </c>
      <c r="AO1529">
        <v>59.909161167388071</v>
      </c>
      <c r="AP1529">
        <v>402.41009493142991</v>
      </c>
      <c r="AQ1529">
        <v>1.71875</v>
      </c>
      <c r="AR1529">
        <v>4.375</v>
      </c>
      <c r="AS1529">
        <v>32</v>
      </c>
      <c r="AT1529">
        <v>0</v>
      </c>
      <c r="AU1529">
        <v>0.1125</v>
      </c>
      <c r="AV1529">
        <v>-5.3625191240923853E-2</v>
      </c>
      <c r="AW1529">
        <v>0.34375</v>
      </c>
      <c r="AX1529">
        <v>91.41935483870968</v>
      </c>
      <c r="AY1529">
        <v>68.5</v>
      </c>
      <c r="AZ1529">
        <v>133.5</v>
      </c>
      <c r="BA1529">
        <v>0.55286355970160506</v>
      </c>
      <c r="BB1529">
        <v>0.53125</v>
      </c>
      <c r="BC1529">
        <v>3.2829507132875908</v>
      </c>
      <c r="BD1529" t="s">
        <v>5865</v>
      </c>
      <c r="BE1529" t="s">
        <v>62</v>
      </c>
    </row>
    <row r="1530" spans="1:57" x14ac:dyDescent="0.3">
      <c r="A1530" t="s">
        <v>5866</v>
      </c>
      <c r="B1530">
        <v>640</v>
      </c>
      <c r="C1530" t="s">
        <v>5867</v>
      </c>
      <c r="D1530" t="s">
        <v>5868</v>
      </c>
      <c r="E1530" t="s">
        <v>128</v>
      </c>
      <c r="F1530">
        <v>32</v>
      </c>
      <c r="G1530">
        <v>109.09375</v>
      </c>
      <c r="H1530">
        <v>93.5</v>
      </c>
      <c r="I1530">
        <v>4419.4599609375</v>
      </c>
      <c r="J1530">
        <v>66.479018952880921</v>
      </c>
      <c r="K1530">
        <v>0.49593986246302529</v>
      </c>
      <c r="L1530">
        <v>-0.75254884922981757</v>
      </c>
      <c r="M1530">
        <v>4.9375</v>
      </c>
      <c r="N1530">
        <v>2</v>
      </c>
      <c r="O1530">
        <v>1</v>
      </c>
      <c r="P1530">
        <v>1</v>
      </c>
      <c r="Q1530">
        <v>0.1766846959694085</v>
      </c>
      <c r="R1530">
        <v>3.422414204014729</v>
      </c>
      <c r="S1530">
        <v>1</v>
      </c>
      <c r="T1530">
        <v>1</v>
      </c>
      <c r="U1530">
        <v>0</v>
      </c>
      <c r="V1530">
        <v>0</v>
      </c>
      <c r="W1530">
        <v>3.4339872044851458</v>
      </c>
      <c r="X1530">
        <v>1</v>
      </c>
      <c r="Y1530">
        <v>1</v>
      </c>
      <c r="Z1530">
        <v>0</v>
      </c>
      <c r="AA1530">
        <v>0</v>
      </c>
      <c r="AB1530">
        <v>3.401197381662155</v>
      </c>
      <c r="AC1530">
        <v>1</v>
      </c>
      <c r="AD1530">
        <v>1</v>
      </c>
      <c r="AE1530">
        <v>0</v>
      </c>
      <c r="AF1530">
        <v>0</v>
      </c>
      <c r="AG1530">
        <v>3.3672958299864728</v>
      </c>
      <c r="AH1530">
        <v>8.1041991076398395E-2</v>
      </c>
      <c r="AI1530">
        <v>-4.6062825942702362E-2</v>
      </c>
      <c r="AJ1530">
        <v>-2.4959316892817118E-3</v>
      </c>
      <c r="AK1530">
        <v>2.8118686508775662E-3</v>
      </c>
      <c r="AL1530">
        <v>442.45807659000758</v>
      </c>
      <c r="AM1530">
        <v>571.40165423305427</v>
      </c>
      <c r="AN1530">
        <v>3491</v>
      </c>
      <c r="AO1530">
        <v>113.62430239702461</v>
      </c>
      <c r="AP1530">
        <v>390.32965758869341</v>
      </c>
      <c r="AQ1530">
        <v>1.65625</v>
      </c>
      <c r="AR1530">
        <v>3.65625</v>
      </c>
      <c r="AS1530">
        <v>32</v>
      </c>
      <c r="AT1530">
        <v>0.93749999999999978</v>
      </c>
      <c r="AU1530">
        <v>0.22684262948207171</v>
      </c>
      <c r="AV1530">
        <v>8.4918897903604323E-2</v>
      </c>
      <c r="AW1530">
        <v>0.5</v>
      </c>
      <c r="AX1530">
        <v>70.677419354838705</v>
      </c>
      <c r="AY1530">
        <v>46.5</v>
      </c>
      <c r="AZ1530">
        <v>96.5</v>
      </c>
      <c r="BA1530">
        <v>0.60937513792385833</v>
      </c>
      <c r="BB1530">
        <v>0.4375</v>
      </c>
      <c r="BC1530">
        <v>3.3445488586064429</v>
      </c>
      <c r="BD1530" t="s">
        <v>5869</v>
      </c>
      <c r="BE1530" t="s">
        <v>62</v>
      </c>
    </row>
    <row r="1531" spans="1:57" x14ac:dyDescent="0.3">
      <c r="A1531" t="s">
        <v>5870</v>
      </c>
      <c r="B1531">
        <v>694</v>
      </c>
      <c r="C1531" t="s">
        <v>5871</v>
      </c>
      <c r="D1531" t="s">
        <v>5872</v>
      </c>
      <c r="E1531" t="s">
        <v>98</v>
      </c>
      <c r="F1531">
        <v>16</v>
      </c>
      <c r="G1531">
        <v>140.5625</v>
      </c>
      <c r="H1531">
        <v>156.5</v>
      </c>
      <c r="I1531">
        <v>2570.62109375</v>
      </c>
      <c r="J1531">
        <v>50.701292821288099</v>
      </c>
      <c r="K1531">
        <v>-0.46349763176012598</v>
      </c>
      <c r="L1531">
        <v>-0.21781758524765979</v>
      </c>
      <c r="M1531">
        <v>4</v>
      </c>
      <c r="N1531">
        <v>1</v>
      </c>
      <c r="O1531">
        <v>1</v>
      </c>
      <c r="P1531">
        <v>0</v>
      </c>
      <c r="Q1531">
        <v>0</v>
      </c>
      <c r="R1531">
        <v>2.7725887222397811</v>
      </c>
      <c r="S1531">
        <v>1</v>
      </c>
      <c r="T1531">
        <v>1</v>
      </c>
      <c r="U1531">
        <v>0</v>
      </c>
      <c r="V1531">
        <v>0</v>
      </c>
      <c r="W1531">
        <v>2.7080502011022101</v>
      </c>
      <c r="X1531">
        <v>1</v>
      </c>
      <c r="Y1531">
        <v>1</v>
      </c>
      <c r="Z1531">
        <v>0</v>
      </c>
      <c r="AA1531">
        <v>0</v>
      </c>
      <c r="AB1531">
        <v>2.639057329615258</v>
      </c>
      <c r="AC1531">
        <v>1</v>
      </c>
      <c r="AD1531">
        <v>1</v>
      </c>
      <c r="AE1531">
        <v>0</v>
      </c>
      <c r="AF1531">
        <v>0</v>
      </c>
      <c r="AG1531">
        <v>2.5649493574615372</v>
      </c>
      <c r="AH1531">
        <v>-0.38505112987954332</v>
      </c>
      <c r="AI1531">
        <v>0.19029155314179599</v>
      </c>
      <c r="AJ1531">
        <v>-5.3018425599358127E-2</v>
      </c>
      <c r="AK1531">
        <v>-2.17339027685126E-2</v>
      </c>
      <c r="AL1531">
        <v>317.90324300657801</v>
      </c>
      <c r="AM1531">
        <v>506.15464838910708</v>
      </c>
      <c r="AN1531">
        <v>2249</v>
      </c>
      <c r="AO1531">
        <v>47.541065585292493</v>
      </c>
      <c r="AP1531">
        <v>187.1780670129443</v>
      </c>
      <c r="AQ1531">
        <v>2.3125</v>
      </c>
      <c r="AR1531">
        <v>4.5625</v>
      </c>
      <c r="AS1531">
        <v>16</v>
      </c>
      <c r="AT1531">
        <v>0</v>
      </c>
      <c r="AU1531">
        <v>0.31985294117647062</v>
      </c>
      <c r="AV1531">
        <v>-0.40592000373530229</v>
      </c>
      <c r="AW1531">
        <v>0.3125</v>
      </c>
      <c r="AX1531">
        <v>75.599999999999994</v>
      </c>
      <c r="AY1531">
        <v>24</v>
      </c>
      <c r="AZ1531">
        <v>60.25</v>
      </c>
      <c r="BA1531">
        <v>0.36070283910209411</v>
      </c>
      <c r="BB1531">
        <v>0.625</v>
      </c>
      <c r="BC1531">
        <v>2.615630577027551</v>
      </c>
      <c r="BD1531" t="s">
        <v>5871</v>
      </c>
      <c r="BE1531" t="s">
        <v>62</v>
      </c>
    </row>
    <row r="1532" spans="1:57" x14ac:dyDescent="0.3">
      <c r="A1532" t="s">
        <v>5873</v>
      </c>
      <c r="B1532">
        <v>129</v>
      </c>
      <c r="C1532" t="s">
        <v>5874</v>
      </c>
      <c r="D1532" t="s">
        <v>5875</v>
      </c>
      <c r="E1532" t="s">
        <v>60</v>
      </c>
      <c r="F1532">
        <v>256</v>
      </c>
      <c r="G1532">
        <v>124.3515625</v>
      </c>
      <c r="H1532">
        <v>128</v>
      </c>
      <c r="I1532">
        <v>5442.2045288085938</v>
      </c>
      <c r="J1532">
        <v>73.771298814705673</v>
      </c>
      <c r="K1532">
        <v>8.4088092987752508E-2</v>
      </c>
      <c r="L1532">
        <v>-1.2933225012880549</v>
      </c>
      <c r="M1532">
        <v>7.1642480350955369</v>
      </c>
      <c r="N1532">
        <v>6</v>
      </c>
      <c r="O1532">
        <v>1</v>
      </c>
      <c r="P1532">
        <v>5</v>
      </c>
      <c r="Q1532">
        <v>0.87198613396820279</v>
      </c>
      <c r="R1532">
        <v>4.9658783263585988</v>
      </c>
      <c r="S1532">
        <v>1</v>
      </c>
      <c r="T1532">
        <v>1</v>
      </c>
      <c r="U1532">
        <v>0</v>
      </c>
      <c r="V1532">
        <v>0</v>
      </c>
      <c r="W1532">
        <v>5.541263545158424</v>
      </c>
      <c r="X1532">
        <v>1</v>
      </c>
      <c r="Y1532">
        <v>1</v>
      </c>
      <c r="Z1532">
        <v>0</v>
      </c>
      <c r="AA1532">
        <v>0</v>
      </c>
      <c r="AB1532">
        <v>5.5373342670185366</v>
      </c>
      <c r="AC1532">
        <v>1</v>
      </c>
      <c r="AD1532">
        <v>1</v>
      </c>
      <c r="AE1532">
        <v>0</v>
      </c>
      <c r="AF1532">
        <v>0</v>
      </c>
      <c r="AG1532">
        <v>5.5333894887275203</v>
      </c>
      <c r="AH1532">
        <v>-3.1923057121457273E-2</v>
      </c>
      <c r="AI1532">
        <v>-5.3565054546887127E-2</v>
      </c>
      <c r="AJ1532">
        <v>4.599367306327963E-3</v>
      </c>
      <c r="AK1532">
        <v>4.489563563822447E-2</v>
      </c>
      <c r="AL1532">
        <v>1175.7992289452629</v>
      </c>
      <c r="AM1532">
        <v>1992.3122679970941</v>
      </c>
      <c r="AN1532">
        <v>31834</v>
      </c>
      <c r="AO1532">
        <v>123.43332551686071</v>
      </c>
      <c r="AP1532">
        <v>966.00149525769075</v>
      </c>
      <c r="AQ1532">
        <v>1.08984375</v>
      </c>
      <c r="AR1532">
        <v>3.90234375</v>
      </c>
      <c r="AS1532">
        <v>256</v>
      </c>
      <c r="AT1532">
        <v>78.914062500000014</v>
      </c>
      <c r="AU1532">
        <v>6.0439222440944913E-2</v>
      </c>
      <c r="AV1532">
        <v>-3.1998776637360678E-2</v>
      </c>
      <c r="AW1532">
        <v>0.40234375</v>
      </c>
      <c r="AX1532">
        <v>87.51372549019608</v>
      </c>
      <c r="AY1532">
        <v>69</v>
      </c>
      <c r="AZ1532">
        <v>130.25</v>
      </c>
      <c r="BA1532">
        <v>0.59324786381116579</v>
      </c>
      <c r="BB1532">
        <v>0.50390625</v>
      </c>
      <c r="BC1532">
        <v>4.8153021831542544</v>
      </c>
      <c r="BD1532" t="s">
        <v>5876</v>
      </c>
      <c r="BE1532" t="s">
        <v>62</v>
      </c>
    </row>
    <row r="1533" spans="1:57" x14ac:dyDescent="0.3">
      <c r="A1533" t="s">
        <v>5877</v>
      </c>
      <c r="B1533">
        <v>3865</v>
      </c>
      <c r="C1533" t="s">
        <v>5878</v>
      </c>
      <c r="D1533" t="s">
        <v>5879</v>
      </c>
      <c r="E1533" t="s">
        <v>85</v>
      </c>
      <c r="F1533">
        <v>8</v>
      </c>
      <c r="G1533">
        <v>150.75</v>
      </c>
      <c r="H1533">
        <v>163.5</v>
      </c>
      <c r="I1533">
        <v>3966.4375</v>
      </c>
      <c r="J1533">
        <v>62.979659414766608</v>
      </c>
      <c r="K1533">
        <v>-0.16404165436691451</v>
      </c>
      <c r="L1533">
        <v>-1.301362282050565</v>
      </c>
      <c r="M1533">
        <v>3</v>
      </c>
      <c r="N1533">
        <v>1</v>
      </c>
      <c r="O1533">
        <v>1</v>
      </c>
      <c r="P1533">
        <v>0</v>
      </c>
      <c r="Q1533">
        <v>0</v>
      </c>
      <c r="R1533">
        <v>2.0794415416798362</v>
      </c>
      <c r="S1533">
        <v>1</v>
      </c>
      <c r="T1533">
        <v>1</v>
      </c>
      <c r="U1533">
        <v>0</v>
      </c>
      <c r="V1533">
        <v>0</v>
      </c>
      <c r="W1533">
        <v>1.945910149055313</v>
      </c>
      <c r="X1533">
        <v>1</v>
      </c>
      <c r="Y1533">
        <v>1</v>
      </c>
      <c r="Z1533">
        <v>0</v>
      </c>
      <c r="AA1533">
        <v>0</v>
      </c>
      <c r="AB1533">
        <v>1.791759469228055</v>
      </c>
      <c r="AC1533">
        <v>1</v>
      </c>
      <c r="AD1533">
        <v>1</v>
      </c>
      <c r="AE1533">
        <v>0</v>
      </c>
      <c r="AF1533">
        <v>0</v>
      </c>
      <c r="AG1533">
        <v>1.6094379124341009</v>
      </c>
      <c r="AH1533">
        <v>-0.2391728251106944</v>
      </c>
      <c r="AI1533">
        <v>2.508154357657218E-2</v>
      </c>
      <c r="AJ1533">
        <v>0.17961449978727759</v>
      </c>
      <c r="AK1533">
        <v>0</v>
      </c>
      <c r="AL1533">
        <v>309.32173735716202</v>
      </c>
      <c r="AM1533">
        <v>343.30170812034561</v>
      </c>
      <c r="AN1533">
        <v>1206</v>
      </c>
      <c r="AO1533">
        <v>91.585329251865133</v>
      </c>
      <c r="AP1533">
        <v>210.4094281771315</v>
      </c>
      <c r="AQ1533">
        <v>3.5</v>
      </c>
      <c r="AR1533">
        <v>4.125</v>
      </c>
      <c r="AS1533">
        <v>8</v>
      </c>
      <c r="AT1533">
        <v>0</v>
      </c>
      <c r="AU1533">
        <v>0.29948979591836727</v>
      </c>
      <c r="AV1533">
        <v>-0.27629271596875649</v>
      </c>
      <c r="AW1533">
        <v>0.375</v>
      </c>
      <c r="AX1533">
        <v>88.714285714285708</v>
      </c>
      <c r="AY1533">
        <v>43.5</v>
      </c>
      <c r="AZ1533">
        <v>96.5</v>
      </c>
      <c r="BA1533">
        <v>0.41777551850591449</v>
      </c>
      <c r="BB1533">
        <v>0.5</v>
      </c>
      <c r="BC1533">
        <v>1.945910149055313</v>
      </c>
      <c r="BD1533" t="s">
        <v>5878</v>
      </c>
      <c r="BE1533" t="s">
        <v>68</v>
      </c>
    </row>
    <row r="1534" spans="1:57" x14ac:dyDescent="0.3">
      <c r="A1534" t="s">
        <v>5880</v>
      </c>
      <c r="B1534">
        <v>3617</v>
      </c>
      <c r="C1534" t="s">
        <v>5881</v>
      </c>
      <c r="D1534" t="s">
        <v>5882</v>
      </c>
      <c r="E1534" t="s">
        <v>85</v>
      </c>
      <c r="F1534">
        <v>8</v>
      </c>
      <c r="G1534">
        <v>168.375</v>
      </c>
      <c r="H1534">
        <v>158.5</v>
      </c>
      <c r="I1534">
        <v>3533.234375</v>
      </c>
      <c r="J1534">
        <v>59.441015931762138</v>
      </c>
      <c r="K1534">
        <v>9.2079430143029772E-2</v>
      </c>
      <c r="L1534">
        <v>-1.644140092837638</v>
      </c>
      <c r="M1534">
        <v>3</v>
      </c>
      <c r="N1534">
        <v>1</v>
      </c>
      <c r="O1534">
        <v>1</v>
      </c>
      <c r="P1534">
        <v>0</v>
      </c>
      <c r="Q1534">
        <v>0</v>
      </c>
      <c r="R1534">
        <v>2.0794415416798362</v>
      </c>
      <c r="S1534">
        <v>1</v>
      </c>
      <c r="T1534">
        <v>1</v>
      </c>
      <c r="U1534">
        <v>0</v>
      </c>
      <c r="V1534">
        <v>0</v>
      </c>
      <c r="W1534">
        <v>1.945910149055313</v>
      </c>
      <c r="X1534">
        <v>1</v>
      </c>
      <c r="Y1534">
        <v>1</v>
      </c>
      <c r="Z1534">
        <v>0</v>
      </c>
      <c r="AA1534">
        <v>0</v>
      </c>
      <c r="AB1534">
        <v>1.791759469228055</v>
      </c>
      <c r="AC1534">
        <v>1</v>
      </c>
      <c r="AD1534">
        <v>1</v>
      </c>
      <c r="AE1534">
        <v>0</v>
      </c>
      <c r="AF1534">
        <v>0</v>
      </c>
      <c r="AG1534">
        <v>1.6094379124341009</v>
      </c>
      <c r="AH1534">
        <v>0.35361047110694432</v>
      </c>
      <c r="AI1534">
        <v>-0.17339039566261441</v>
      </c>
      <c r="AJ1534">
        <v>-0.25398835610077519</v>
      </c>
      <c r="AK1534">
        <v>0</v>
      </c>
      <c r="AL1534">
        <v>289.98548035217527</v>
      </c>
      <c r="AM1534">
        <v>413.49174258371607</v>
      </c>
      <c r="AN1534">
        <v>1347</v>
      </c>
      <c r="AO1534">
        <v>51.039200620699383</v>
      </c>
      <c r="AP1534">
        <v>83.628321547847435</v>
      </c>
      <c r="AQ1534">
        <v>3.5</v>
      </c>
      <c r="AR1534">
        <v>4.875</v>
      </c>
      <c r="AS1534">
        <v>8</v>
      </c>
      <c r="AT1534">
        <v>0</v>
      </c>
      <c r="AU1534">
        <v>0.36585365853658541</v>
      </c>
      <c r="AV1534">
        <v>0.42366250914611769</v>
      </c>
      <c r="AW1534">
        <v>0.375</v>
      </c>
      <c r="AX1534">
        <v>51.571428571428569</v>
      </c>
      <c r="AY1534">
        <v>58.5</v>
      </c>
      <c r="AZ1534">
        <v>106</v>
      </c>
      <c r="BA1534">
        <v>0.35302756306911443</v>
      </c>
      <c r="BB1534">
        <v>0.5</v>
      </c>
      <c r="BC1534">
        <v>1.945910149055313</v>
      </c>
      <c r="BD1534" t="s">
        <v>5881</v>
      </c>
      <c r="BE1534" t="s">
        <v>68</v>
      </c>
    </row>
    <row r="1535" spans="1:57" x14ac:dyDescent="0.3">
      <c r="A1535" t="s">
        <v>5883</v>
      </c>
      <c r="B1535">
        <v>3560</v>
      </c>
      <c r="C1535" t="s">
        <v>5884</v>
      </c>
      <c r="D1535" t="s">
        <v>5885</v>
      </c>
      <c r="E1535" t="s">
        <v>66</v>
      </c>
      <c r="F1535">
        <v>72</v>
      </c>
      <c r="G1535">
        <v>110.375</v>
      </c>
      <c r="H1535">
        <v>106.5</v>
      </c>
      <c r="I1535">
        <v>5537.401041666667</v>
      </c>
      <c r="J1535">
        <v>74.413715413669991</v>
      </c>
      <c r="K1535">
        <v>4.5304227996142192E-2</v>
      </c>
      <c r="L1535">
        <v>-1.2041686553318249</v>
      </c>
      <c r="M1535">
        <v>5.7204176684339796</v>
      </c>
      <c r="N1535">
        <v>5</v>
      </c>
      <c r="O1535">
        <v>1</v>
      </c>
      <c r="P1535">
        <v>4</v>
      </c>
      <c r="Q1535">
        <v>0.71468368279010219</v>
      </c>
      <c r="R1535">
        <v>3.965091378500305</v>
      </c>
      <c r="S1535">
        <v>2</v>
      </c>
      <c r="T1535">
        <v>1</v>
      </c>
      <c r="U1535">
        <v>1</v>
      </c>
      <c r="V1535">
        <v>0.16776575221435111</v>
      </c>
      <c r="W1535">
        <v>4.2236293316576567</v>
      </c>
      <c r="X1535">
        <v>2</v>
      </c>
      <c r="Y1535">
        <v>1</v>
      </c>
      <c r="Z1535">
        <v>1</v>
      </c>
      <c r="AA1535">
        <v>0.11951030798891769</v>
      </c>
      <c r="AB1535">
        <v>4.2286910368905044</v>
      </c>
      <c r="AC1535">
        <v>1</v>
      </c>
      <c r="AD1535">
        <v>1</v>
      </c>
      <c r="AE1535">
        <v>0</v>
      </c>
      <c r="AF1535">
        <v>0</v>
      </c>
      <c r="AG1535">
        <v>4.2341065045972579</v>
      </c>
      <c r="AH1535">
        <v>0.2345674207872413</v>
      </c>
      <c r="AI1535">
        <v>8.7622192270177882E-2</v>
      </c>
      <c r="AJ1535">
        <v>9.8836533948593874E-2</v>
      </c>
      <c r="AK1535">
        <v>2.2783749897712618E-2</v>
      </c>
      <c r="AL1535">
        <v>671.08809104169313</v>
      </c>
      <c r="AM1535">
        <v>908.56137605668471</v>
      </c>
      <c r="AN1535">
        <v>7947</v>
      </c>
      <c r="AO1535">
        <v>118.79532061099459</v>
      </c>
      <c r="AP1535">
        <v>562.3732756639381</v>
      </c>
      <c r="AQ1535">
        <v>1.319444444444444</v>
      </c>
      <c r="AR1535">
        <v>3.4861111111111112</v>
      </c>
      <c r="AS1535">
        <v>72</v>
      </c>
      <c r="AT1535">
        <v>24.694444444444439</v>
      </c>
      <c r="AU1535">
        <v>0.1127777777777778</v>
      </c>
      <c r="AV1535">
        <v>0.23960011837233131</v>
      </c>
      <c r="AW1535">
        <v>0.375</v>
      </c>
      <c r="AX1535">
        <v>70.802816901408448</v>
      </c>
      <c r="AY1535">
        <v>67.5</v>
      </c>
      <c r="AZ1535">
        <v>135.75</v>
      </c>
      <c r="BA1535">
        <v>0.67418994712271796</v>
      </c>
      <c r="BB1535">
        <v>0.47222222222222221</v>
      </c>
      <c r="BC1535">
        <v>3.9476917101667812</v>
      </c>
      <c r="BD1535" t="s">
        <v>5886</v>
      </c>
      <c r="BE1535" t="s">
        <v>68</v>
      </c>
    </row>
    <row r="1536" spans="1:57" x14ac:dyDescent="0.3">
      <c r="A1536" t="s">
        <v>5887</v>
      </c>
      <c r="B1536">
        <v>1868</v>
      </c>
      <c r="C1536" t="s">
        <v>5888</v>
      </c>
      <c r="D1536" t="s">
        <v>5889</v>
      </c>
      <c r="E1536" t="s">
        <v>85</v>
      </c>
      <c r="F1536">
        <v>8</v>
      </c>
      <c r="G1536">
        <v>128.5</v>
      </c>
      <c r="H1536">
        <v>96</v>
      </c>
      <c r="I1536">
        <v>6878</v>
      </c>
      <c r="J1536">
        <v>82.933708466461326</v>
      </c>
      <c r="K1536">
        <v>0.32614698295947842</v>
      </c>
      <c r="L1536">
        <v>-1.6583038646658701</v>
      </c>
      <c r="M1536">
        <v>3</v>
      </c>
      <c r="N1536">
        <v>1</v>
      </c>
      <c r="O1536">
        <v>1</v>
      </c>
      <c r="P1536">
        <v>0</v>
      </c>
      <c r="Q1536">
        <v>0</v>
      </c>
      <c r="R1536">
        <v>2.0794415416798362</v>
      </c>
      <c r="S1536">
        <v>1</v>
      </c>
      <c r="T1536">
        <v>1</v>
      </c>
      <c r="U1536">
        <v>0</v>
      </c>
      <c r="V1536">
        <v>0</v>
      </c>
      <c r="W1536">
        <v>1.945910149055313</v>
      </c>
      <c r="X1536">
        <v>1</v>
      </c>
      <c r="Y1536">
        <v>1</v>
      </c>
      <c r="Z1536">
        <v>0</v>
      </c>
      <c r="AA1536">
        <v>0</v>
      </c>
      <c r="AB1536">
        <v>1.791759469228055</v>
      </c>
      <c r="AC1536">
        <v>1</v>
      </c>
      <c r="AD1536">
        <v>1</v>
      </c>
      <c r="AE1536">
        <v>0</v>
      </c>
      <c r="AF1536">
        <v>0</v>
      </c>
      <c r="AG1536">
        <v>1.6094379124341009</v>
      </c>
      <c r="AH1536">
        <v>-0.8030541218377435</v>
      </c>
      <c r="AI1536">
        <v>0.63196968595521952</v>
      </c>
      <c r="AJ1536">
        <v>-0.2445614640883978</v>
      </c>
      <c r="AK1536">
        <v>0</v>
      </c>
      <c r="AL1536">
        <v>299.46440453308588</v>
      </c>
      <c r="AM1536">
        <v>312.15872631987122</v>
      </c>
      <c r="AN1536">
        <v>1028</v>
      </c>
      <c r="AO1536">
        <v>122.547435235625</v>
      </c>
      <c r="AP1536">
        <v>135.6550914483594</v>
      </c>
      <c r="AQ1536">
        <v>3.5</v>
      </c>
      <c r="AR1536">
        <v>4.25</v>
      </c>
      <c r="AS1536">
        <v>8</v>
      </c>
      <c r="AT1536">
        <v>0</v>
      </c>
      <c r="AU1536">
        <v>0.31794605809128629</v>
      </c>
      <c r="AV1536">
        <v>-0.89645894962251171</v>
      </c>
      <c r="AW1536">
        <v>0.625</v>
      </c>
      <c r="AX1536">
        <v>155.14285714285711</v>
      </c>
      <c r="AY1536">
        <v>58.5</v>
      </c>
      <c r="AZ1536">
        <v>165.5</v>
      </c>
      <c r="BA1536">
        <v>0.64539850946662514</v>
      </c>
      <c r="BB1536">
        <v>0.375</v>
      </c>
      <c r="BC1536">
        <v>1.945910149055313</v>
      </c>
      <c r="BD1536" t="s">
        <v>5888</v>
      </c>
      <c r="BE1536" t="s">
        <v>68</v>
      </c>
    </row>
    <row r="1537" spans="1:57" x14ac:dyDescent="0.3">
      <c r="A1537" t="s">
        <v>5890</v>
      </c>
      <c r="B1537">
        <v>887</v>
      </c>
      <c r="C1537" t="s">
        <v>5891</v>
      </c>
      <c r="D1537" t="s">
        <v>5892</v>
      </c>
      <c r="E1537" t="s">
        <v>72</v>
      </c>
      <c r="F1537">
        <v>896</v>
      </c>
      <c r="G1537">
        <v>127.0948660714286</v>
      </c>
      <c r="H1537">
        <v>126.5</v>
      </c>
      <c r="I1537">
        <v>5436.8805093570636</v>
      </c>
      <c r="J1537">
        <v>73.735205359157064</v>
      </c>
      <c r="K1537">
        <v>3.9964637771727783E-2</v>
      </c>
      <c r="L1537">
        <v>-1.1878385557759279</v>
      </c>
      <c r="M1537">
        <v>7.7911769014292043</v>
      </c>
      <c r="N1537">
        <v>11</v>
      </c>
      <c r="O1537">
        <v>1</v>
      </c>
      <c r="P1537">
        <v>10</v>
      </c>
      <c r="Q1537">
        <v>1.753755989298075</v>
      </c>
      <c r="R1537">
        <v>5.400432302469425</v>
      </c>
      <c r="S1537">
        <v>2</v>
      </c>
      <c r="T1537">
        <v>1</v>
      </c>
      <c r="U1537">
        <v>1</v>
      </c>
      <c r="V1537">
        <v>7.4742329750843092E-2</v>
      </c>
      <c r="W1537">
        <v>6.7890790570395492</v>
      </c>
      <c r="X1537">
        <v>1</v>
      </c>
      <c r="Y1537">
        <v>1</v>
      </c>
      <c r="Z1537">
        <v>0</v>
      </c>
      <c r="AA1537">
        <v>0</v>
      </c>
      <c r="AB1537">
        <v>6.7957057751735164</v>
      </c>
      <c r="AC1537">
        <v>1</v>
      </c>
      <c r="AD1537">
        <v>1</v>
      </c>
      <c r="AE1537">
        <v>0</v>
      </c>
      <c r="AF1537">
        <v>0</v>
      </c>
      <c r="AG1537">
        <v>6.7945865808764978</v>
      </c>
      <c r="AH1537">
        <v>-1.343186255607586E-3</v>
      </c>
      <c r="AI1537">
        <v>-1.810932816856517E-2</v>
      </c>
      <c r="AJ1537">
        <v>2.4263442060820359E-2</v>
      </c>
      <c r="AK1537">
        <v>-1.1409025234976101E-2</v>
      </c>
      <c r="AL1537">
        <v>2091.112526118683</v>
      </c>
      <c r="AM1537">
        <v>3869.3507728182949</v>
      </c>
      <c r="AN1537">
        <v>113877</v>
      </c>
      <c r="AO1537">
        <v>141.49904713442649</v>
      </c>
      <c r="AP1537">
        <v>1856.1196813487579</v>
      </c>
      <c r="AQ1537">
        <v>1.025669642857143</v>
      </c>
      <c r="AR1537">
        <v>4.0412946428571432</v>
      </c>
      <c r="AS1537">
        <v>893</v>
      </c>
      <c r="AT1537">
        <v>212.828125</v>
      </c>
      <c r="AU1537">
        <v>2.5590861344537811E-2</v>
      </c>
      <c r="AV1537">
        <v>-1.3448997947198781E-3</v>
      </c>
      <c r="AW1537">
        <v>0.3794642857142857</v>
      </c>
      <c r="AX1537">
        <v>84.902793296089385</v>
      </c>
      <c r="AY1537">
        <v>62.5</v>
      </c>
      <c r="AZ1537">
        <v>125</v>
      </c>
      <c r="BA1537">
        <v>0.58015880293478694</v>
      </c>
      <c r="BB1537">
        <v>0.49441964285714279</v>
      </c>
      <c r="BC1537">
        <v>5.2246736114367014</v>
      </c>
      <c r="BD1537" t="s">
        <v>5893</v>
      </c>
      <c r="BE1537" t="s">
        <v>62</v>
      </c>
    </row>
    <row r="1538" spans="1:57" x14ac:dyDescent="0.3">
      <c r="A1538" t="s">
        <v>5894</v>
      </c>
      <c r="B1538">
        <v>516</v>
      </c>
      <c r="C1538" t="s">
        <v>5895</v>
      </c>
      <c r="D1538" t="s">
        <v>5896</v>
      </c>
      <c r="E1538" t="s">
        <v>10622</v>
      </c>
      <c r="F1538">
        <v>64</v>
      </c>
      <c r="G1538">
        <v>102.75</v>
      </c>
      <c r="H1538">
        <v>92</v>
      </c>
      <c r="I1538">
        <v>4765.78125</v>
      </c>
      <c r="J1538">
        <v>69.034638044969853</v>
      </c>
      <c r="K1538">
        <v>0.45316512944085441</v>
      </c>
      <c r="L1538">
        <v>-0.87707501878718519</v>
      </c>
      <c r="M1538">
        <v>5.625</v>
      </c>
      <c r="N1538">
        <v>2</v>
      </c>
      <c r="O1538">
        <v>1</v>
      </c>
      <c r="P1538">
        <v>1</v>
      </c>
      <c r="Q1538">
        <v>0.42132504423474321</v>
      </c>
      <c r="R1538">
        <v>3.8989528906496931</v>
      </c>
      <c r="S1538">
        <v>1</v>
      </c>
      <c r="T1538">
        <v>1</v>
      </c>
      <c r="U1538">
        <v>0</v>
      </c>
      <c r="V1538">
        <v>0</v>
      </c>
      <c r="W1538">
        <v>4.1431347263915326</v>
      </c>
      <c r="X1538">
        <v>1</v>
      </c>
      <c r="Y1538">
        <v>1</v>
      </c>
      <c r="Z1538">
        <v>0</v>
      </c>
      <c r="AA1538">
        <v>0</v>
      </c>
      <c r="AB1538">
        <v>4.1271343850450908</v>
      </c>
      <c r="AC1538">
        <v>1</v>
      </c>
      <c r="AD1538">
        <v>1</v>
      </c>
      <c r="AE1538">
        <v>0</v>
      </c>
      <c r="AF1538">
        <v>0</v>
      </c>
      <c r="AG1538">
        <v>4.1108738641733096</v>
      </c>
      <c r="AH1538">
        <v>0.1186901658962001</v>
      </c>
      <c r="AI1538">
        <v>1.9766155208025969E-2</v>
      </c>
      <c r="AJ1538">
        <v>-7.1301145864070034E-2</v>
      </c>
      <c r="AK1538">
        <v>6.9975164748696764E-2</v>
      </c>
      <c r="AL1538">
        <v>614.50685562118497</v>
      </c>
      <c r="AM1538">
        <v>776.57924540549254</v>
      </c>
      <c r="AN1538">
        <v>6576</v>
      </c>
      <c r="AO1538">
        <v>195.96616647622739</v>
      </c>
      <c r="AP1538">
        <v>476.59543552283208</v>
      </c>
      <c r="AQ1538">
        <v>1.359375</v>
      </c>
      <c r="AR1538">
        <v>3.734375</v>
      </c>
      <c r="AS1538">
        <v>63</v>
      </c>
      <c r="AT1538">
        <v>7.5000000000000009</v>
      </c>
      <c r="AU1538">
        <v>0.2017769607843137</v>
      </c>
      <c r="AV1538">
        <v>0.1189861414072482</v>
      </c>
      <c r="AW1538">
        <v>0.453125</v>
      </c>
      <c r="AX1538">
        <v>74.174603174603178</v>
      </c>
      <c r="AY1538">
        <v>50.5</v>
      </c>
      <c r="AZ1538">
        <v>107</v>
      </c>
      <c r="BA1538">
        <v>0.67186995664204241</v>
      </c>
      <c r="BB1538">
        <v>0.4375</v>
      </c>
      <c r="BC1538">
        <v>3.89277780391402</v>
      </c>
      <c r="BD1538" t="s">
        <v>5897</v>
      </c>
      <c r="BE1538" t="s">
        <v>62</v>
      </c>
    </row>
    <row r="1539" spans="1:57" x14ac:dyDescent="0.3">
      <c r="A1539" t="s">
        <v>5898</v>
      </c>
      <c r="B1539">
        <v>3874</v>
      </c>
      <c r="C1539" t="s">
        <v>5899</v>
      </c>
      <c r="D1539" t="s">
        <v>5900</v>
      </c>
      <c r="E1539" t="s">
        <v>98</v>
      </c>
      <c r="F1539">
        <v>16</v>
      </c>
      <c r="G1539">
        <v>103.5625</v>
      </c>
      <c r="H1539">
        <v>82</v>
      </c>
      <c r="I1539">
        <v>5036.62109375</v>
      </c>
      <c r="J1539">
        <v>70.969155932348528</v>
      </c>
      <c r="K1539">
        <v>0.46841459405471242</v>
      </c>
      <c r="L1539">
        <v>-0.71672304942326415</v>
      </c>
      <c r="M1539">
        <v>4</v>
      </c>
      <c r="N1539">
        <v>1</v>
      </c>
      <c r="O1539">
        <v>1</v>
      </c>
      <c r="P1539">
        <v>0</v>
      </c>
      <c r="Q1539">
        <v>0</v>
      </c>
      <c r="R1539">
        <v>2.7725887222397811</v>
      </c>
      <c r="S1539">
        <v>1</v>
      </c>
      <c r="T1539">
        <v>1</v>
      </c>
      <c r="U1539">
        <v>0</v>
      </c>
      <c r="V1539">
        <v>0</v>
      </c>
      <c r="W1539">
        <v>2.7080502011022101</v>
      </c>
      <c r="X1539">
        <v>1</v>
      </c>
      <c r="Y1539">
        <v>1</v>
      </c>
      <c r="Z1539">
        <v>0</v>
      </c>
      <c r="AA1539">
        <v>0</v>
      </c>
      <c r="AB1539">
        <v>2.639057329615258</v>
      </c>
      <c r="AC1539">
        <v>1</v>
      </c>
      <c r="AD1539">
        <v>1</v>
      </c>
      <c r="AE1539">
        <v>0</v>
      </c>
      <c r="AF1539">
        <v>0</v>
      </c>
      <c r="AG1539">
        <v>2.5649493574615372</v>
      </c>
      <c r="AH1539">
        <v>0.30261013087736299</v>
      </c>
      <c r="AI1539">
        <v>-3.039156568104702E-2</v>
      </c>
      <c r="AJ1539">
        <v>2.7442510906446921E-2</v>
      </c>
      <c r="AK1539">
        <v>-0.24096063984488611</v>
      </c>
      <c r="AL1539">
        <v>337.33839761411599</v>
      </c>
      <c r="AM1539">
        <v>372.01049110897469</v>
      </c>
      <c r="AN1539">
        <v>1657</v>
      </c>
      <c r="AO1539">
        <v>32.465756009802853</v>
      </c>
      <c r="AP1539">
        <v>271.93930275143339</v>
      </c>
      <c r="AQ1539">
        <v>2.25</v>
      </c>
      <c r="AR1539">
        <v>3.6875</v>
      </c>
      <c r="AS1539">
        <v>16</v>
      </c>
      <c r="AT1539">
        <v>0</v>
      </c>
      <c r="AU1539">
        <v>0.24555335968379449</v>
      </c>
      <c r="AV1539">
        <v>0.31055159858339082</v>
      </c>
      <c r="AW1539">
        <v>0.5</v>
      </c>
      <c r="AX1539">
        <v>71.86666666666666</v>
      </c>
      <c r="AY1539">
        <v>53</v>
      </c>
      <c r="AZ1539">
        <v>92.5</v>
      </c>
      <c r="BA1539">
        <v>0.68527851232201353</v>
      </c>
      <c r="BB1539">
        <v>0.375</v>
      </c>
      <c r="BC1539">
        <v>2.523210952952891</v>
      </c>
      <c r="BD1539" t="s">
        <v>5899</v>
      </c>
      <c r="BE1539" t="s">
        <v>62</v>
      </c>
    </row>
    <row r="1540" spans="1:57" x14ac:dyDescent="0.3">
      <c r="A1540" t="s">
        <v>5901</v>
      </c>
      <c r="B1540">
        <v>132</v>
      </c>
      <c r="C1540" t="s">
        <v>5902</v>
      </c>
      <c r="D1540" t="s">
        <v>5903</v>
      </c>
      <c r="E1540" t="s">
        <v>60</v>
      </c>
      <c r="F1540">
        <v>512</v>
      </c>
      <c r="G1540">
        <v>123.298828125</v>
      </c>
      <c r="H1540">
        <v>128</v>
      </c>
      <c r="I1540">
        <v>5021.615779876709</v>
      </c>
      <c r="J1540">
        <v>70.863359925117223</v>
      </c>
      <c r="K1540">
        <v>2.6627905064504141E-3</v>
      </c>
      <c r="L1540">
        <v>-1.1042359336143379</v>
      </c>
      <c r="M1540">
        <v>7.6433173849537752</v>
      </c>
      <c r="N1540">
        <v>8</v>
      </c>
      <c r="O1540">
        <v>1</v>
      </c>
      <c r="P1540">
        <v>7</v>
      </c>
      <c r="Q1540">
        <v>1.262982522193961</v>
      </c>
      <c r="R1540">
        <v>5.2979438955055222</v>
      </c>
      <c r="S1540">
        <v>2</v>
      </c>
      <c r="T1540">
        <v>1</v>
      </c>
      <c r="U1540">
        <v>1</v>
      </c>
      <c r="V1540">
        <v>4.4237310481092057E-2</v>
      </c>
      <c r="W1540">
        <v>6.2336566853874222</v>
      </c>
      <c r="X1540">
        <v>1</v>
      </c>
      <c r="Y1540">
        <v>1</v>
      </c>
      <c r="Z1540">
        <v>0</v>
      </c>
      <c r="AA1540">
        <v>0</v>
      </c>
      <c r="AB1540">
        <v>6.2344107257183694</v>
      </c>
      <c r="AC1540">
        <v>1</v>
      </c>
      <c r="AD1540">
        <v>1</v>
      </c>
      <c r="AE1540">
        <v>0</v>
      </c>
      <c r="AF1540">
        <v>0</v>
      </c>
      <c r="AG1540">
        <v>6.2324480165505216</v>
      </c>
      <c r="AH1540">
        <v>-3.5863312652825517E-2</v>
      </c>
      <c r="AI1540">
        <v>1.272855370406096E-3</v>
      </c>
      <c r="AJ1540">
        <v>1.2237409791932E-2</v>
      </c>
      <c r="AK1540">
        <v>0.1027949156582047</v>
      </c>
      <c r="AL1540">
        <v>1519.858257894879</v>
      </c>
      <c r="AM1540">
        <v>2836.3409308312612</v>
      </c>
      <c r="AN1540">
        <v>63129</v>
      </c>
      <c r="AO1540">
        <v>23.156353341958141</v>
      </c>
      <c r="AP1540">
        <v>1275.0747423678749</v>
      </c>
      <c r="AQ1540">
        <v>1.044921875</v>
      </c>
      <c r="AR1540">
        <v>3.84765625</v>
      </c>
      <c r="AS1540">
        <v>512</v>
      </c>
      <c r="AT1540">
        <v>167.6875</v>
      </c>
      <c r="AU1540">
        <v>4.9716605392156832E-2</v>
      </c>
      <c r="AV1540">
        <v>-3.6003883634971923E-2</v>
      </c>
      <c r="AW1540">
        <v>0.37109375</v>
      </c>
      <c r="AX1540">
        <v>84.215264187866921</v>
      </c>
      <c r="AY1540">
        <v>58</v>
      </c>
      <c r="AZ1540">
        <v>116.75</v>
      </c>
      <c r="BA1540">
        <v>0.57472857611652362</v>
      </c>
      <c r="BB1540">
        <v>0.515625</v>
      </c>
      <c r="BC1540">
        <v>5.0443805836620044</v>
      </c>
      <c r="BD1540" t="s">
        <v>5904</v>
      </c>
      <c r="BE1540" t="s">
        <v>62</v>
      </c>
    </row>
    <row r="1541" spans="1:57" x14ac:dyDescent="0.3">
      <c r="A1541" t="s">
        <v>5905</v>
      </c>
      <c r="B1541">
        <v>3497</v>
      </c>
      <c r="C1541" t="s">
        <v>5906</v>
      </c>
      <c r="D1541" t="s">
        <v>5907</v>
      </c>
      <c r="E1541" t="s">
        <v>106</v>
      </c>
      <c r="F1541">
        <v>3557</v>
      </c>
      <c r="G1541">
        <v>127.7337644082092</v>
      </c>
      <c r="H1541">
        <v>127</v>
      </c>
      <c r="I1541">
        <v>5494.9904062115756</v>
      </c>
      <c r="J1541">
        <v>74.128202502229712</v>
      </c>
      <c r="K1541">
        <v>-5.6615075692222913E-3</v>
      </c>
      <c r="L1541">
        <v>-1.218752776969112</v>
      </c>
      <c r="M1541">
        <v>7.9539848944733924</v>
      </c>
      <c r="N1541">
        <v>29</v>
      </c>
      <c r="O1541">
        <v>6</v>
      </c>
      <c r="P1541">
        <v>23</v>
      </c>
      <c r="Q1541">
        <v>3.511227718729367</v>
      </c>
      <c r="R1541">
        <v>5.5132822038206211</v>
      </c>
      <c r="S1541">
        <v>2</v>
      </c>
      <c r="T1541">
        <v>1</v>
      </c>
      <c r="U1541">
        <v>1</v>
      </c>
      <c r="V1541">
        <v>0.1625260216307389</v>
      </c>
      <c r="W1541">
        <v>8.1397460201587464</v>
      </c>
      <c r="X1541">
        <v>1</v>
      </c>
      <c r="Y1541">
        <v>1</v>
      </c>
      <c r="Z1541">
        <v>0</v>
      </c>
      <c r="AA1541">
        <v>0</v>
      </c>
      <c r="AB1541">
        <v>8.176110342237342</v>
      </c>
      <c r="AC1541">
        <v>1</v>
      </c>
      <c r="AD1541">
        <v>1</v>
      </c>
      <c r="AE1541">
        <v>0</v>
      </c>
      <c r="AF1541">
        <v>0</v>
      </c>
      <c r="AG1541">
        <v>8.1758290087145973</v>
      </c>
      <c r="AH1541">
        <v>-1.5107210494973889E-2</v>
      </c>
      <c r="AI1541">
        <v>-6.4940118880328886E-3</v>
      </c>
      <c r="AJ1541">
        <v>2.1356261690056329E-2</v>
      </c>
      <c r="AK1541">
        <v>-3.7342349731616571E-3</v>
      </c>
      <c r="AL1541">
        <v>4025.118156239696</v>
      </c>
      <c r="AM1541">
        <v>7834.5269690204987</v>
      </c>
      <c r="AN1541">
        <v>454349</v>
      </c>
      <c r="AO1541">
        <v>52.024225829219617</v>
      </c>
      <c r="AP1541">
        <v>3667.8296815431158</v>
      </c>
      <c r="AQ1541">
        <v>1.006466123137475</v>
      </c>
      <c r="AR1541">
        <v>4.0320494798987907</v>
      </c>
      <c r="AS1541">
        <v>3547</v>
      </c>
      <c r="AT1541">
        <v>227.15068878268201</v>
      </c>
      <c r="AU1541">
        <v>1.0547553291769259E-2</v>
      </c>
      <c r="AV1541">
        <v>-1.5110116652418151E-2</v>
      </c>
      <c r="AW1541">
        <v>0.37194264829912849</v>
      </c>
      <c r="AX1541">
        <v>86.407761529808781</v>
      </c>
      <c r="AY1541">
        <v>64</v>
      </c>
      <c r="AZ1541">
        <v>129</v>
      </c>
      <c r="BA1541">
        <v>0.58033365606710052</v>
      </c>
      <c r="BB1541">
        <v>0.49845375316277762</v>
      </c>
      <c r="BC1541">
        <v>5.3188744826232641</v>
      </c>
      <c r="BD1541" t="s">
        <v>5908</v>
      </c>
      <c r="BE1541" t="s">
        <v>68</v>
      </c>
    </row>
    <row r="1542" spans="1:57" x14ac:dyDescent="0.3">
      <c r="A1542" t="s">
        <v>5909</v>
      </c>
      <c r="B1542">
        <v>2388</v>
      </c>
      <c r="C1542" t="s">
        <v>5910</v>
      </c>
      <c r="D1542" t="s">
        <v>5911</v>
      </c>
      <c r="E1542" t="s">
        <v>93</v>
      </c>
      <c r="F1542">
        <v>2409</v>
      </c>
      <c r="G1542">
        <v>128.57202158572019</v>
      </c>
      <c r="H1542">
        <v>128</v>
      </c>
      <c r="I1542">
        <v>5452.6931316956743</v>
      </c>
      <c r="J1542">
        <v>73.842353237797582</v>
      </c>
      <c r="K1542">
        <v>1.198689787343378E-2</v>
      </c>
      <c r="L1542">
        <v>-1.187884705848403</v>
      </c>
      <c r="M1542">
        <v>7.911866401212678</v>
      </c>
      <c r="N1542">
        <v>19</v>
      </c>
      <c r="O1542">
        <v>1</v>
      </c>
      <c r="P1542">
        <v>18</v>
      </c>
      <c r="Q1542">
        <v>3.2535639075613592</v>
      </c>
      <c r="R1542">
        <v>5.4840878889675304</v>
      </c>
      <c r="S1542">
        <v>3</v>
      </c>
      <c r="T1542">
        <v>1</v>
      </c>
      <c r="U1542">
        <v>2</v>
      </c>
      <c r="V1542">
        <v>0.12729977454902211</v>
      </c>
      <c r="W1542">
        <v>7.7650334760694086</v>
      </c>
      <c r="X1542">
        <v>1</v>
      </c>
      <c r="Y1542">
        <v>1</v>
      </c>
      <c r="Z1542">
        <v>0</v>
      </c>
      <c r="AA1542">
        <v>0</v>
      </c>
      <c r="AB1542">
        <v>7.786136437783072</v>
      </c>
      <c r="AC1542">
        <v>1</v>
      </c>
      <c r="AD1542">
        <v>1</v>
      </c>
      <c r="AE1542">
        <v>0</v>
      </c>
      <c r="AF1542">
        <v>0</v>
      </c>
      <c r="AG1542">
        <v>7.7857208965346238</v>
      </c>
      <c r="AH1542">
        <v>-1.016069916622492E-2</v>
      </c>
      <c r="AI1542">
        <v>2.2091266586546161E-3</v>
      </c>
      <c r="AJ1542">
        <v>-3.0841792152907499E-3</v>
      </c>
      <c r="AK1542">
        <v>-7.7574568044630589E-3</v>
      </c>
      <c r="AL1542">
        <v>3346.3575658317841</v>
      </c>
      <c r="AM1542">
        <v>6462.2009440747324</v>
      </c>
      <c r="AN1542">
        <v>309730</v>
      </c>
      <c r="AO1542">
        <v>65.370583649361308</v>
      </c>
      <c r="AP1542">
        <v>3006.9876455603971</v>
      </c>
      <c r="AQ1542">
        <v>1.009547530095475</v>
      </c>
      <c r="AR1542">
        <v>4.000415110004151</v>
      </c>
      <c r="AS1542">
        <v>2401</v>
      </c>
      <c r="AT1542">
        <v>287.97965960979661</v>
      </c>
      <c r="AU1542">
        <v>1.7473689351207519E-2</v>
      </c>
      <c r="AV1542">
        <v>-1.016662875297791E-2</v>
      </c>
      <c r="AW1542">
        <v>0.36903279369032788</v>
      </c>
      <c r="AX1542">
        <v>85.338455149501655</v>
      </c>
      <c r="AY1542">
        <v>63</v>
      </c>
      <c r="AZ1542">
        <v>127</v>
      </c>
      <c r="BA1542">
        <v>0.5743267650852496</v>
      </c>
      <c r="BB1542">
        <v>0.49730178497301791</v>
      </c>
      <c r="BC1542">
        <v>5.3117397102600332</v>
      </c>
      <c r="BD1542" t="s">
        <v>5912</v>
      </c>
      <c r="BE1542" t="s">
        <v>68</v>
      </c>
    </row>
    <row r="1543" spans="1:57" x14ac:dyDescent="0.3">
      <c r="A1543" t="s">
        <v>5913</v>
      </c>
      <c r="B1543">
        <v>3861</v>
      </c>
      <c r="C1543" t="s">
        <v>5914</v>
      </c>
      <c r="D1543" t="s">
        <v>5915</v>
      </c>
      <c r="E1543" t="s">
        <v>85</v>
      </c>
      <c r="F1543">
        <v>8</v>
      </c>
      <c r="G1543">
        <v>157.75</v>
      </c>
      <c r="H1543">
        <v>167.5</v>
      </c>
      <c r="I1543">
        <v>2300.1875</v>
      </c>
      <c r="J1543">
        <v>47.960270015920472</v>
      </c>
      <c r="K1543">
        <v>-0.5968796968031328</v>
      </c>
      <c r="L1543">
        <v>-0.26677989912958783</v>
      </c>
      <c r="M1543">
        <v>3</v>
      </c>
      <c r="N1543">
        <v>1</v>
      </c>
      <c r="O1543">
        <v>1</v>
      </c>
      <c r="P1543">
        <v>0</v>
      </c>
      <c r="Q1543">
        <v>0</v>
      </c>
      <c r="R1543">
        <v>2.0794415416798362</v>
      </c>
      <c r="S1543">
        <v>1</v>
      </c>
      <c r="T1543">
        <v>1</v>
      </c>
      <c r="U1543">
        <v>0</v>
      </c>
      <c r="V1543">
        <v>0</v>
      </c>
      <c r="W1543">
        <v>1.945910149055313</v>
      </c>
      <c r="X1543">
        <v>1</v>
      </c>
      <c r="Y1543">
        <v>1</v>
      </c>
      <c r="Z1543">
        <v>0</v>
      </c>
      <c r="AA1543">
        <v>0</v>
      </c>
      <c r="AB1543">
        <v>1.791759469228055</v>
      </c>
      <c r="AC1543">
        <v>1</v>
      </c>
      <c r="AD1543">
        <v>1</v>
      </c>
      <c r="AE1543">
        <v>0</v>
      </c>
      <c r="AF1543">
        <v>0</v>
      </c>
      <c r="AG1543">
        <v>1.6094379124341009</v>
      </c>
      <c r="AH1543">
        <v>0.1735014808575388</v>
      </c>
      <c r="AI1543">
        <v>-0.50923158438170801</v>
      </c>
      <c r="AJ1543">
        <v>0.22833396733961911</v>
      </c>
      <c r="AK1543">
        <v>0</v>
      </c>
      <c r="AL1543">
        <v>274.64202654218673</v>
      </c>
      <c r="AM1543">
        <v>376.90019535256403</v>
      </c>
      <c r="AN1543">
        <v>1262</v>
      </c>
      <c r="AO1543">
        <v>56</v>
      </c>
      <c r="AP1543">
        <v>157.11644399057371</v>
      </c>
      <c r="AQ1543">
        <v>3.5</v>
      </c>
      <c r="AR1543">
        <v>4.625</v>
      </c>
      <c r="AS1543">
        <v>8</v>
      </c>
      <c r="AT1543">
        <v>0</v>
      </c>
      <c r="AU1543">
        <v>0.27111111111111108</v>
      </c>
      <c r="AV1543">
        <v>0.18387403136988839</v>
      </c>
      <c r="AW1543">
        <v>0.25</v>
      </c>
      <c r="AX1543">
        <v>55</v>
      </c>
      <c r="AY1543">
        <v>35</v>
      </c>
      <c r="AZ1543">
        <v>48.75</v>
      </c>
      <c r="BA1543">
        <v>0.30402706824672249</v>
      </c>
      <c r="BB1543">
        <v>0.625</v>
      </c>
      <c r="BC1543">
        <v>1.945910149055313</v>
      </c>
      <c r="BD1543" t="s">
        <v>5914</v>
      </c>
      <c r="BE1543" t="s">
        <v>68</v>
      </c>
    </row>
    <row r="1544" spans="1:57" x14ac:dyDescent="0.3">
      <c r="A1544" t="s">
        <v>5916</v>
      </c>
      <c r="B1544">
        <v>2549</v>
      </c>
      <c r="C1544" t="s">
        <v>5917</v>
      </c>
      <c r="D1544" t="s">
        <v>5918</v>
      </c>
      <c r="E1544" t="s">
        <v>106</v>
      </c>
      <c r="F1544">
        <v>2591</v>
      </c>
      <c r="G1544">
        <v>129.15592435353139</v>
      </c>
      <c r="H1544">
        <v>129</v>
      </c>
      <c r="I1544">
        <v>5398.8402186650619</v>
      </c>
      <c r="J1544">
        <v>73.476800547282011</v>
      </c>
      <c r="K1544">
        <v>-1.427312014117665E-2</v>
      </c>
      <c r="L1544">
        <v>-1.188501382688502</v>
      </c>
      <c r="M1544">
        <v>7.9217684534626036</v>
      </c>
      <c r="N1544">
        <v>20</v>
      </c>
      <c r="O1544">
        <v>3</v>
      </c>
      <c r="P1544">
        <v>17</v>
      </c>
      <c r="Q1544">
        <v>3.3043804341677938</v>
      </c>
      <c r="R1544">
        <v>5.4909514685663154</v>
      </c>
      <c r="S1544">
        <v>3</v>
      </c>
      <c r="T1544">
        <v>1</v>
      </c>
      <c r="U1544">
        <v>2</v>
      </c>
      <c r="V1544">
        <v>0.13041795410443829</v>
      </c>
      <c r="W1544">
        <v>7.8375991505498304</v>
      </c>
      <c r="X1544">
        <v>1</v>
      </c>
      <c r="Y1544">
        <v>1</v>
      </c>
      <c r="Z1544">
        <v>0</v>
      </c>
      <c r="AA1544">
        <v>0</v>
      </c>
      <c r="AB1544">
        <v>7.8590269797515369</v>
      </c>
      <c r="AC1544">
        <v>1</v>
      </c>
      <c r="AD1544">
        <v>1</v>
      </c>
      <c r="AE1544">
        <v>0</v>
      </c>
      <c r="AF1544">
        <v>0</v>
      </c>
      <c r="AG1544">
        <v>7.8586406556207891</v>
      </c>
      <c r="AH1544">
        <v>-2.3382566537572681E-2</v>
      </c>
      <c r="AI1544">
        <v>8.3008402200670309E-3</v>
      </c>
      <c r="AJ1544">
        <v>-5.8449445858074732E-3</v>
      </c>
      <c r="AK1544">
        <v>5.7837819080249347E-3</v>
      </c>
      <c r="AL1544">
        <v>3453.5145741672081</v>
      </c>
      <c r="AM1544">
        <v>6729.2464723782168</v>
      </c>
      <c r="AN1544">
        <v>334642.99999999988</v>
      </c>
      <c r="AO1544">
        <v>14.274418559751069</v>
      </c>
      <c r="AP1544">
        <v>3167.013339105541</v>
      </c>
      <c r="AQ1544">
        <v>1.008876881512929</v>
      </c>
      <c r="AR1544">
        <v>4.004245465071401</v>
      </c>
      <c r="AS1544">
        <v>2582</v>
      </c>
      <c r="AT1544">
        <v>276.18023928984951</v>
      </c>
      <c r="AU1544">
        <v>1.849993567477165E-2</v>
      </c>
      <c r="AV1544">
        <v>-2.3385113472422892E-2</v>
      </c>
      <c r="AW1544">
        <v>0.37321497491316102</v>
      </c>
      <c r="AX1544">
        <v>86.636293436293442</v>
      </c>
      <c r="AY1544">
        <v>63</v>
      </c>
      <c r="AZ1544">
        <v>126</v>
      </c>
      <c r="BA1544">
        <v>0.56889996270057253</v>
      </c>
      <c r="BB1544">
        <v>0.49942107294480897</v>
      </c>
      <c r="BC1544">
        <v>5.3137817118149862</v>
      </c>
      <c r="BD1544" t="s">
        <v>5919</v>
      </c>
      <c r="BE1544" t="s">
        <v>68</v>
      </c>
    </row>
    <row r="1545" spans="1:57" x14ac:dyDescent="0.3">
      <c r="A1545" t="s">
        <v>5920</v>
      </c>
      <c r="B1545">
        <v>748</v>
      </c>
      <c r="C1545" t="s">
        <v>5921</v>
      </c>
      <c r="D1545" t="s">
        <v>5922</v>
      </c>
      <c r="E1545" t="s">
        <v>98</v>
      </c>
      <c r="F1545">
        <v>16</v>
      </c>
      <c r="G1545">
        <v>129.6875</v>
      </c>
      <c r="H1545">
        <v>108.5</v>
      </c>
      <c r="I1545">
        <v>5149.33984375</v>
      </c>
      <c r="J1545">
        <v>71.758900798089158</v>
      </c>
      <c r="K1545">
        <v>0.29956749325416532</v>
      </c>
      <c r="L1545">
        <v>-1.319576451289411</v>
      </c>
      <c r="M1545">
        <v>4</v>
      </c>
      <c r="N1545">
        <v>1</v>
      </c>
      <c r="O1545">
        <v>1</v>
      </c>
      <c r="P1545">
        <v>0</v>
      </c>
      <c r="Q1545">
        <v>0</v>
      </c>
      <c r="R1545">
        <v>2.7725887222397811</v>
      </c>
      <c r="S1545">
        <v>1</v>
      </c>
      <c r="T1545">
        <v>1</v>
      </c>
      <c r="U1545">
        <v>0</v>
      </c>
      <c r="V1545">
        <v>0</v>
      </c>
      <c r="W1545">
        <v>2.7080502011022101</v>
      </c>
      <c r="X1545">
        <v>1</v>
      </c>
      <c r="Y1545">
        <v>1</v>
      </c>
      <c r="Z1545">
        <v>0</v>
      </c>
      <c r="AA1545">
        <v>0</v>
      </c>
      <c r="AB1545">
        <v>2.639057329615258</v>
      </c>
      <c r="AC1545">
        <v>1</v>
      </c>
      <c r="AD1545">
        <v>1</v>
      </c>
      <c r="AE1545">
        <v>0</v>
      </c>
      <c r="AF1545">
        <v>0</v>
      </c>
      <c r="AG1545">
        <v>2.5649493574615372</v>
      </c>
      <c r="AH1545">
        <v>-2.5715950011796111E-2</v>
      </c>
      <c r="AI1545">
        <v>-0.1818915842519255</v>
      </c>
      <c r="AJ1545">
        <v>4.5582441544767191E-2</v>
      </c>
      <c r="AK1545">
        <v>-0.14292307266328891</v>
      </c>
      <c r="AL1545">
        <v>383.27953564232041</v>
      </c>
      <c r="AM1545">
        <v>452.31382640574589</v>
      </c>
      <c r="AN1545">
        <v>2075</v>
      </c>
      <c r="AO1545">
        <v>106.4229846863431</v>
      </c>
      <c r="AP1545">
        <v>290.07509228239019</v>
      </c>
      <c r="AQ1545">
        <v>2.25</v>
      </c>
      <c r="AR1545">
        <v>4.3125</v>
      </c>
      <c r="AS1545">
        <v>16</v>
      </c>
      <c r="AT1545">
        <v>0</v>
      </c>
      <c r="AU1545">
        <v>0.26136363636363641</v>
      </c>
      <c r="AV1545">
        <v>-2.41122142660515E-2</v>
      </c>
      <c r="AW1545">
        <v>0.5625</v>
      </c>
      <c r="AX1545">
        <v>78.733333333333334</v>
      </c>
      <c r="AY1545">
        <v>60.5</v>
      </c>
      <c r="AZ1545">
        <v>125</v>
      </c>
      <c r="BA1545">
        <v>0.55332164470815737</v>
      </c>
      <c r="BB1545">
        <v>0.375</v>
      </c>
      <c r="BC1545">
        <v>2.615630577027551</v>
      </c>
      <c r="BD1545" t="s">
        <v>5921</v>
      </c>
      <c r="BE1545" t="s">
        <v>62</v>
      </c>
    </row>
    <row r="1546" spans="1:57" x14ac:dyDescent="0.3">
      <c r="A1546" t="s">
        <v>2622</v>
      </c>
      <c r="B1546">
        <v>2305</v>
      </c>
      <c r="C1546" t="s">
        <v>5923</v>
      </c>
      <c r="D1546" t="s">
        <v>5924</v>
      </c>
      <c r="E1546" t="s">
        <v>98</v>
      </c>
      <c r="F1546">
        <v>16</v>
      </c>
      <c r="G1546">
        <v>87</v>
      </c>
      <c r="H1546">
        <v>88.5</v>
      </c>
      <c r="I1546">
        <v>3290</v>
      </c>
      <c r="J1546">
        <v>57.358521598799953</v>
      </c>
      <c r="K1546">
        <v>0.32934742619589757</v>
      </c>
      <c r="L1546">
        <v>-0.66646996055099272</v>
      </c>
      <c r="M1546">
        <v>3.875</v>
      </c>
      <c r="N1546">
        <v>2</v>
      </c>
      <c r="O1546">
        <v>1</v>
      </c>
      <c r="P1546">
        <v>1</v>
      </c>
      <c r="Q1546">
        <v>0.24944382578492949</v>
      </c>
      <c r="R1546">
        <v>2.6859453246697882</v>
      </c>
      <c r="S1546">
        <v>1</v>
      </c>
      <c r="T1546">
        <v>1</v>
      </c>
      <c r="U1546">
        <v>0</v>
      </c>
      <c r="V1546">
        <v>0</v>
      </c>
      <c r="W1546">
        <v>2.7080502011022101</v>
      </c>
      <c r="X1546">
        <v>1</v>
      </c>
      <c r="Y1546">
        <v>1</v>
      </c>
      <c r="Z1546">
        <v>0</v>
      </c>
      <c r="AA1546">
        <v>0</v>
      </c>
      <c r="AB1546">
        <v>2.639057329615258</v>
      </c>
      <c r="AC1546">
        <v>1</v>
      </c>
      <c r="AD1546">
        <v>1</v>
      </c>
      <c r="AE1546">
        <v>0</v>
      </c>
      <c r="AF1546">
        <v>0</v>
      </c>
      <c r="AG1546">
        <v>2.5649493574615372</v>
      </c>
      <c r="AH1546">
        <v>-4.4604863221884498E-2</v>
      </c>
      <c r="AI1546">
        <v>-0.34813829787234041</v>
      </c>
      <c r="AJ1546">
        <v>-0.16291793313069911</v>
      </c>
      <c r="AK1546">
        <v>3.7405015197568392E-2</v>
      </c>
      <c r="AL1546">
        <v>274.63272403896889</v>
      </c>
      <c r="AM1546">
        <v>313.56158388255341</v>
      </c>
      <c r="AN1546">
        <v>1392</v>
      </c>
      <c r="AO1546">
        <v>59.325978406692037</v>
      </c>
      <c r="AP1546">
        <v>162.61695071283299</v>
      </c>
      <c r="AQ1546">
        <v>2.25</v>
      </c>
      <c r="AR1546">
        <v>3.6875</v>
      </c>
      <c r="AS1546">
        <v>16</v>
      </c>
      <c r="AT1546">
        <v>0.87499999999999989</v>
      </c>
      <c r="AU1546">
        <v>0.23476368159203981</v>
      </c>
      <c r="AV1546">
        <v>-4.2943699027772127E-2</v>
      </c>
      <c r="AW1546">
        <v>0.5625</v>
      </c>
      <c r="AX1546">
        <v>68.599999999999994</v>
      </c>
      <c r="AY1546">
        <v>37.5</v>
      </c>
      <c r="AZ1546">
        <v>68.25</v>
      </c>
      <c r="BA1546">
        <v>0.6592933517103442</v>
      </c>
      <c r="BB1546">
        <v>0.5</v>
      </c>
      <c r="BC1546">
        <v>2.615630577027551</v>
      </c>
      <c r="BD1546" t="s">
        <v>5923</v>
      </c>
      <c r="BE1546" t="s">
        <v>62</v>
      </c>
    </row>
    <row r="1547" spans="1:57" x14ac:dyDescent="0.3">
      <c r="A1547" t="s">
        <v>5925</v>
      </c>
      <c r="B1547">
        <v>3123</v>
      </c>
      <c r="C1547" t="s">
        <v>5926</v>
      </c>
      <c r="D1547" t="s">
        <v>5927</v>
      </c>
      <c r="E1547" t="s">
        <v>85</v>
      </c>
      <c r="F1547">
        <v>8</v>
      </c>
      <c r="G1547">
        <v>142.875</v>
      </c>
      <c r="H1547">
        <v>150.5</v>
      </c>
      <c r="I1547">
        <v>6385.859375</v>
      </c>
      <c r="J1547">
        <v>79.911572222050538</v>
      </c>
      <c r="K1547">
        <v>-0.41098472681978088</v>
      </c>
      <c r="L1547">
        <v>-1.126977326858472</v>
      </c>
      <c r="M1547">
        <v>2.75</v>
      </c>
      <c r="N1547">
        <v>2</v>
      </c>
      <c r="O1547">
        <v>1</v>
      </c>
      <c r="P1547">
        <v>1</v>
      </c>
      <c r="Q1547">
        <v>0.3499271061118826</v>
      </c>
      <c r="R1547">
        <v>1.9061547465398501</v>
      </c>
      <c r="S1547">
        <v>1</v>
      </c>
      <c r="T1547">
        <v>1</v>
      </c>
      <c r="U1547">
        <v>0</v>
      </c>
      <c r="V1547">
        <v>0</v>
      </c>
      <c r="W1547">
        <v>1.945910149055313</v>
      </c>
      <c r="X1547">
        <v>1</v>
      </c>
      <c r="Y1547">
        <v>1</v>
      </c>
      <c r="Z1547">
        <v>0</v>
      </c>
      <c r="AA1547">
        <v>0</v>
      </c>
      <c r="AB1547">
        <v>1.791759469228055</v>
      </c>
      <c r="AC1547">
        <v>1</v>
      </c>
      <c r="AD1547">
        <v>1</v>
      </c>
      <c r="AE1547">
        <v>0</v>
      </c>
      <c r="AF1547">
        <v>0</v>
      </c>
      <c r="AG1547">
        <v>1.6094379124341009</v>
      </c>
      <c r="AH1547">
        <v>-0.31555102215588637</v>
      </c>
      <c r="AI1547">
        <v>-0.14956446739010751</v>
      </c>
      <c r="AJ1547">
        <v>-0.2061185602955749</v>
      </c>
      <c r="AK1547">
        <v>0</v>
      </c>
      <c r="AL1547">
        <v>334.48682217048417</v>
      </c>
      <c r="AM1547">
        <v>320.17427409817122</v>
      </c>
      <c r="AN1547">
        <v>1143</v>
      </c>
      <c r="AO1547">
        <v>99.02019995940222</v>
      </c>
      <c r="AP1547">
        <v>239.06413423885721</v>
      </c>
      <c r="AQ1547">
        <v>3.5</v>
      </c>
      <c r="AR1547">
        <v>4.375</v>
      </c>
      <c r="AS1547">
        <v>7</v>
      </c>
      <c r="AT1547">
        <v>0.75</v>
      </c>
      <c r="AU1547">
        <v>0.2232510288065844</v>
      </c>
      <c r="AV1547">
        <v>-0.39377554653889352</v>
      </c>
      <c r="AW1547">
        <v>0</v>
      </c>
      <c r="AX1547">
        <v>104.1428571428571</v>
      </c>
      <c r="AY1547">
        <v>62</v>
      </c>
      <c r="AZ1547">
        <v>97</v>
      </c>
      <c r="BA1547">
        <v>0.55931109166789528</v>
      </c>
      <c r="BB1547">
        <v>0.5</v>
      </c>
      <c r="BC1547">
        <v>1.945910149055313</v>
      </c>
      <c r="BD1547" t="s">
        <v>5926</v>
      </c>
      <c r="BE1547" t="s">
        <v>68</v>
      </c>
    </row>
    <row r="1548" spans="1:57" x14ac:dyDescent="0.3">
      <c r="A1548" t="s">
        <v>5928</v>
      </c>
      <c r="B1548">
        <v>2716</v>
      </c>
      <c r="C1548" t="s">
        <v>5929</v>
      </c>
      <c r="D1548" t="s">
        <v>5930</v>
      </c>
      <c r="E1548" t="s">
        <v>98</v>
      </c>
      <c r="F1548">
        <v>16</v>
      </c>
      <c r="G1548">
        <v>115.4375</v>
      </c>
      <c r="H1548">
        <v>119</v>
      </c>
      <c r="I1548">
        <v>5556.74609375</v>
      </c>
      <c r="J1548">
        <v>74.543585195172895</v>
      </c>
      <c r="K1548">
        <v>-1.5053302260919631E-2</v>
      </c>
      <c r="L1548">
        <v>-1.5938237495993779</v>
      </c>
      <c r="M1548">
        <v>4</v>
      </c>
      <c r="N1548">
        <v>1</v>
      </c>
      <c r="O1548">
        <v>1</v>
      </c>
      <c r="P1548">
        <v>0</v>
      </c>
      <c r="Q1548">
        <v>0</v>
      </c>
      <c r="R1548">
        <v>2.7725887222397811</v>
      </c>
      <c r="S1548">
        <v>1</v>
      </c>
      <c r="T1548">
        <v>1</v>
      </c>
      <c r="U1548">
        <v>0</v>
      </c>
      <c r="V1548">
        <v>0</v>
      </c>
      <c r="W1548">
        <v>2.7080502011022101</v>
      </c>
      <c r="X1548">
        <v>1</v>
      </c>
      <c r="Y1548">
        <v>1</v>
      </c>
      <c r="Z1548">
        <v>0</v>
      </c>
      <c r="AA1548">
        <v>0</v>
      </c>
      <c r="AB1548">
        <v>2.639057329615258</v>
      </c>
      <c r="AC1548">
        <v>1</v>
      </c>
      <c r="AD1548">
        <v>1</v>
      </c>
      <c r="AE1548">
        <v>0</v>
      </c>
      <c r="AF1548">
        <v>0</v>
      </c>
      <c r="AG1548">
        <v>2.5649493574615372</v>
      </c>
      <c r="AH1548">
        <v>-0.20128620581542561</v>
      </c>
      <c r="AI1548">
        <v>4.531715390990821E-2</v>
      </c>
      <c r="AJ1548">
        <v>-5.0539023160896066E-3</v>
      </c>
      <c r="AK1548">
        <v>-0.17568849308308379</v>
      </c>
      <c r="AL1548">
        <v>385.10341442138753</v>
      </c>
      <c r="AM1548">
        <v>392.1942888429013</v>
      </c>
      <c r="AN1548">
        <v>1847</v>
      </c>
      <c r="AO1548">
        <v>78.958898110938662</v>
      </c>
      <c r="AP1548">
        <v>309.71791293516497</v>
      </c>
      <c r="AQ1548">
        <v>2.3125</v>
      </c>
      <c r="AR1548">
        <v>4</v>
      </c>
      <c r="AS1548">
        <v>16</v>
      </c>
      <c r="AT1548">
        <v>0</v>
      </c>
      <c r="AU1548">
        <v>0.19567757009345799</v>
      </c>
      <c r="AV1548">
        <v>-0.2215329191186185</v>
      </c>
      <c r="AW1548">
        <v>0.375</v>
      </c>
      <c r="AX1548">
        <v>95.933333333333337</v>
      </c>
      <c r="AY1548">
        <v>75</v>
      </c>
      <c r="AZ1548">
        <v>143</v>
      </c>
      <c r="BA1548">
        <v>0.64574843699121076</v>
      </c>
      <c r="BB1548">
        <v>0.5</v>
      </c>
      <c r="BC1548">
        <v>2.523210952952891</v>
      </c>
      <c r="BD1548" t="s">
        <v>5929</v>
      </c>
      <c r="BE1548" t="s">
        <v>62</v>
      </c>
    </row>
    <row r="1549" spans="1:57" x14ac:dyDescent="0.3">
      <c r="A1549" t="s">
        <v>5931</v>
      </c>
      <c r="B1549">
        <v>3247</v>
      </c>
      <c r="C1549" t="s">
        <v>5932</v>
      </c>
      <c r="D1549" t="s">
        <v>5933</v>
      </c>
      <c r="E1549" t="s">
        <v>98</v>
      </c>
      <c r="F1549">
        <v>16</v>
      </c>
      <c r="G1549">
        <v>157.375</v>
      </c>
      <c r="H1549">
        <v>174</v>
      </c>
      <c r="I1549">
        <v>6695.234375</v>
      </c>
      <c r="J1549">
        <v>81.824411852453906</v>
      </c>
      <c r="K1549">
        <v>-0.43039174664067698</v>
      </c>
      <c r="L1549">
        <v>-1.1208714379791651</v>
      </c>
      <c r="M1549">
        <v>3.75</v>
      </c>
      <c r="N1549">
        <v>2</v>
      </c>
      <c r="O1549">
        <v>1</v>
      </c>
      <c r="P1549">
        <v>1</v>
      </c>
      <c r="Q1549">
        <v>0.3499271061118826</v>
      </c>
      <c r="R1549">
        <v>2.5993019270997948</v>
      </c>
      <c r="S1549">
        <v>1</v>
      </c>
      <c r="T1549">
        <v>1</v>
      </c>
      <c r="U1549">
        <v>0</v>
      </c>
      <c r="V1549">
        <v>0</v>
      </c>
      <c r="W1549">
        <v>2.7080502011022101</v>
      </c>
      <c r="X1549">
        <v>1</v>
      </c>
      <c r="Y1549">
        <v>1</v>
      </c>
      <c r="Z1549">
        <v>0</v>
      </c>
      <c r="AA1549">
        <v>0</v>
      </c>
      <c r="AB1549">
        <v>2.639057329615258</v>
      </c>
      <c r="AC1549">
        <v>1</v>
      </c>
      <c r="AD1549">
        <v>1</v>
      </c>
      <c r="AE1549">
        <v>0</v>
      </c>
      <c r="AF1549">
        <v>0</v>
      </c>
      <c r="AG1549">
        <v>2.5649493574615372</v>
      </c>
      <c r="AH1549">
        <v>-0.1484347833697009</v>
      </c>
      <c r="AI1549">
        <v>-0.11092457321555679</v>
      </c>
      <c r="AJ1549">
        <v>0.26455078238952612</v>
      </c>
      <c r="AK1549">
        <v>-0.1658587031353925</v>
      </c>
      <c r="AL1549">
        <v>452.38024958382499</v>
      </c>
      <c r="AM1549">
        <v>546.576719030802</v>
      </c>
      <c r="AN1549">
        <v>2518</v>
      </c>
      <c r="AO1549">
        <v>186.76646880059181</v>
      </c>
      <c r="AP1549">
        <v>311.00160771288631</v>
      </c>
      <c r="AQ1549">
        <v>2.3125</v>
      </c>
      <c r="AR1549">
        <v>4.6875</v>
      </c>
      <c r="AS1549">
        <v>16</v>
      </c>
      <c r="AT1549">
        <v>1.5</v>
      </c>
      <c r="AU1549">
        <v>0.26377952755905509</v>
      </c>
      <c r="AV1549">
        <v>-0.15429041220606221</v>
      </c>
      <c r="AW1549">
        <v>0.3125</v>
      </c>
      <c r="AX1549">
        <v>99.333333333333329</v>
      </c>
      <c r="AY1549">
        <v>66.5</v>
      </c>
      <c r="AZ1549">
        <v>134</v>
      </c>
      <c r="BA1549">
        <v>0.51993272026976267</v>
      </c>
      <c r="BB1549">
        <v>0.5</v>
      </c>
      <c r="BC1549">
        <v>2.7080502011022101</v>
      </c>
      <c r="BD1549" t="s">
        <v>5932</v>
      </c>
      <c r="BE1549" t="s">
        <v>62</v>
      </c>
    </row>
    <row r="1550" spans="1:57" x14ac:dyDescent="0.3">
      <c r="A1550" t="s">
        <v>5934</v>
      </c>
      <c r="B1550">
        <v>136</v>
      </c>
      <c r="C1550" t="s">
        <v>5935</v>
      </c>
      <c r="D1550" t="s">
        <v>5936</v>
      </c>
      <c r="E1550" t="s">
        <v>60</v>
      </c>
      <c r="F1550">
        <v>256</v>
      </c>
      <c r="G1550">
        <v>117.13671875</v>
      </c>
      <c r="H1550">
        <v>108</v>
      </c>
      <c r="I1550">
        <v>5544.8211517333984</v>
      </c>
      <c r="J1550">
        <v>74.463555862807127</v>
      </c>
      <c r="K1550">
        <v>0.22055134507111901</v>
      </c>
      <c r="L1550">
        <v>-1.1467907806400151</v>
      </c>
      <c r="M1550">
        <v>7.1506907109274929</v>
      </c>
      <c r="N1550">
        <v>5</v>
      </c>
      <c r="O1550">
        <v>1</v>
      </c>
      <c r="P1550">
        <v>4</v>
      </c>
      <c r="Q1550">
        <v>0.85952500019242528</v>
      </c>
      <c r="R1550">
        <v>4.9564811053355822</v>
      </c>
      <c r="S1550">
        <v>1</v>
      </c>
      <c r="T1550">
        <v>1</v>
      </c>
      <c r="U1550">
        <v>0</v>
      </c>
      <c r="V1550">
        <v>0</v>
      </c>
      <c r="W1550">
        <v>5.541263545158424</v>
      </c>
      <c r="X1550">
        <v>1</v>
      </c>
      <c r="Y1550">
        <v>1</v>
      </c>
      <c r="Z1550">
        <v>0</v>
      </c>
      <c r="AA1550">
        <v>0</v>
      </c>
      <c r="AB1550">
        <v>5.5373342670185366</v>
      </c>
      <c r="AC1550">
        <v>1</v>
      </c>
      <c r="AD1550">
        <v>1</v>
      </c>
      <c r="AE1550">
        <v>0</v>
      </c>
      <c r="AF1550">
        <v>0</v>
      </c>
      <c r="AG1550">
        <v>5.5333894887275203</v>
      </c>
      <c r="AH1550">
        <v>4.154592394186289E-3</v>
      </c>
      <c r="AI1550">
        <v>2.4801344397680381E-2</v>
      </c>
      <c r="AJ1550">
        <v>-0.11897882811131121</v>
      </c>
      <c r="AK1550">
        <v>0.13944995392739351</v>
      </c>
      <c r="AL1550">
        <v>1178.8935166969691</v>
      </c>
      <c r="AM1550">
        <v>1882.0900818743651</v>
      </c>
      <c r="AN1550">
        <v>29987</v>
      </c>
      <c r="AO1550">
        <v>104.6075381255567</v>
      </c>
      <c r="AP1550">
        <v>995.36882640397198</v>
      </c>
      <c r="AQ1550">
        <v>1.08984375</v>
      </c>
      <c r="AR1550">
        <v>3.84765625</v>
      </c>
      <c r="AS1550">
        <v>254</v>
      </c>
      <c r="AT1550">
        <v>74.8046875</v>
      </c>
      <c r="AU1550">
        <v>9.8702017716535417E-2</v>
      </c>
      <c r="AV1550">
        <v>4.1713131872652964E-3</v>
      </c>
      <c r="AW1550">
        <v>0.40625</v>
      </c>
      <c r="AX1550">
        <v>86.007843137254909</v>
      </c>
      <c r="AY1550">
        <v>63</v>
      </c>
      <c r="AZ1550">
        <v>120.25</v>
      </c>
      <c r="BA1550">
        <v>0.63569781241466716</v>
      </c>
      <c r="BB1550">
        <v>0.45703125</v>
      </c>
      <c r="BC1550">
        <v>4.8605040517752283</v>
      </c>
      <c r="BD1550" t="s">
        <v>5937</v>
      </c>
      <c r="BE1550" t="s">
        <v>62</v>
      </c>
    </row>
    <row r="1551" spans="1:57" x14ac:dyDescent="0.3">
      <c r="A1551" t="s">
        <v>5938</v>
      </c>
      <c r="B1551">
        <v>3959</v>
      </c>
      <c r="C1551" t="s">
        <v>5939</v>
      </c>
      <c r="D1551" t="s">
        <v>5940</v>
      </c>
      <c r="E1551" t="s">
        <v>106</v>
      </c>
      <c r="F1551">
        <v>4027</v>
      </c>
      <c r="G1551">
        <v>128.3034517010181</v>
      </c>
      <c r="H1551">
        <v>128</v>
      </c>
      <c r="I1551">
        <v>5573.6456871172968</v>
      </c>
      <c r="J1551">
        <v>74.656852914634015</v>
      </c>
      <c r="K1551">
        <v>9.0265569963880622E-3</v>
      </c>
      <c r="L1551">
        <v>-1.231622417166417</v>
      </c>
      <c r="M1551">
        <v>7.9529017253967771</v>
      </c>
      <c r="N1551">
        <v>27</v>
      </c>
      <c r="O1551">
        <v>5</v>
      </c>
      <c r="P1551">
        <v>22</v>
      </c>
      <c r="Q1551">
        <v>3.9747259849294569</v>
      </c>
      <c r="R1551">
        <v>5.5125314082291084</v>
      </c>
      <c r="S1551">
        <v>3</v>
      </c>
      <c r="T1551">
        <v>1</v>
      </c>
      <c r="U1551">
        <v>2</v>
      </c>
      <c r="V1551">
        <v>0.1630087369662799</v>
      </c>
      <c r="W1551">
        <v>8.2642434208889206</v>
      </c>
      <c r="X1551">
        <v>1</v>
      </c>
      <c r="Y1551">
        <v>1</v>
      </c>
      <c r="Z1551">
        <v>0</v>
      </c>
      <c r="AA1551">
        <v>0</v>
      </c>
      <c r="AB1551">
        <v>8.3002801898526606</v>
      </c>
      <c r="AC1551">
        <v>1</v>
      </c>
      <c r="AD1551">
        <v>1</v>
      </c>
      <c r="AE1551">
        <v>0</v>
      </c>
      <c r="AF1551">
        <v>0</v>
      </c>
      <c r="AG1551">
        <v>8.3000317117795746</v>
      </c>
      <c r="AH1551">
        <v>1.3024067283341731E-2</v>
      </c>
      <c r="AI1551">
        <v>-5.6659714723039344E-3</v>
      </c>
      <c r="AJ1551">
        <v>9.1993450968917614E-3</v>
      </c>
      <c r="AK1551">
        <v>2.7575166040884409E-2</v>
      </c>
      <c r="AL1551">
        <v>4330.5326621907207</v>
      </c>
      <c r="AM1551">
        <v>8365.5919612242233</v>
      </c>
      <c r="AN1551">
        <v>516677.99999999988</v>
      </c>
      <c r="AO1551">
        <v>98.877665644997506</v>
      </c>
      <c r="AP1551">
        <v>3923.9526016718301</v>
      </c>
      <c r="AQ1551">
        <v>1.005711447727837</v>
      </c>
      <c r="AR1551">
        <v>4.0101812763844054</v>
      </c>
      <c r="AS1551">
        <v>4009</v>
      </c>
      <c r="AT1551">
        <v>257.10628259250058</v>
      </c>
      <c r="AU1551">
        <v>1.7325211683878902E-2</v>
      </c>
      <c r="AV1551">
        <v>1.302571501788932E-2</v>
      </c>
      <c r="AW1551">
        <v>0.36925751179538119</v>
      </c>
      <c r="AX1551">
        <v>85.556631892697467</v>
      </c>
      <c r="AY1551">
        <v>66</v>
      </c>
      <c r="AZ1551">
        <v>132</v>
      </c>
      <c r="BA1551">
        <v>0.58187719757224265</v>
      </c>
      <c r="BB1551">
        <v>0.49838589520735038</v>
      </c>
      <c r="BC1551">
        <v>5.3196016298773277</v>
      </c>
      <c r="BD1551" t="s">
        <v>5941</v>
      </c>
      <c r="BE1551" t="s">
        <v>68</v>
      </c>
    </row>
    <row r="1552" spans="1:57" x14ac:dyDescent="0.3">
      <c r="A1552" t="s">
        <v>5942</v>
      </c>
      <c r="B1552">
        <v>1249</v>
      </c>
      <c r="C1552" t="s">
        <v>5943</v>
      </c>
      <c r="D1552" t="s">
        <v>5944</v>
      </c>
      <c r="E1552" t="s">
        <v>106</v>
      </c>
      <c r="F1552">
        <v>1277</v>
      </c>
      <c r="G1552">
        <v>126.5935787000783</v>
      </c>
      <c r="H1552">
        <v>124</v>
      </c>
      <c r="I1552">
        <v>5445.594414522584</v>
      </c>
      <c r="J1552">
        <v>73.794270878724618</v>
      </c>
      <c r="K1552">
        <v>2.0812769344417881E-2</v>
      </c>
      <c r="L1552">
        <v>-1.186047571679735</v>
      </c>
      <c r="M1552">
        <v>7.8609069084290359</v>
      </c>
      <c r="N1552">
        <v>12</v>
      </c>
      <c r="O1552">
        <v>1</v>
      </c>
      <c r="P1552">
        <v>11</v>
      </c>
      <c r="Q1552">
        <v>2.1767278012876199</v>
      </c>
      <c r="R1552">
        <v>5.4487654602217894</v>
      </c>
      <c r="S1552">
        <v>2</v>
      </c>
      <c r="T1552">
        <v>1</v>
      </c>
      <c r="U1552">
        <v>1</v>
      </c>
      <c r="V1552">
        <v>9.6971857253446606E-2</v>
      </c>
      <c r="W1552">
        <v>7.1384482128597213</v>
      </c>
      <c r="X1552">
        <v>1</v>
      </c>
      <c r="Y1552">
        <v>1</v>
      </c>
      <c r="Z1552">
        <v>0</v>
      </c>
      <c r="AA1552">
        <v>0</v>
      </c>
      <c r="AB1552">
        <v>7.1507014575925254</v>
      </c>
      <c r="AC1552">
        <v>1</v>
      </c>
      <c r="AD1552">
        <v>1</v>
      </c>
      <c r="AE1552">
        <v>0</v>
      </c>
      <c r="AF1552">
        <v>0</v>
      </c>
      <c r="AG1552">
        <v>7.1499168361321086</v>
      </c>
      <c r="AH1552">
        <v>7.6381219236317443E-3</v>
      </c>
      <c r="AI1552">
        <v>4.4984371940232012E-3</v>
      </c>
      <c r="AJ1552">
        <v>-1.1392017274837549E-2</v>
      </c>
      <c r="AK1552">
        <v>-2.1718092857513902E-2</v>
      </c>
      <c r="AL1552">
        <v>2469.3240929605859</v>
      </c>
      <c r="AM1552">
        <v>4617.5296993007414</v>
      </c>
      <c r="AN1552">
        <v>161660</v>
      </c>
      <c r="AO1552">
        <v>88.882933241417589</v>
      </c>
      <c r="AP1552">
        <v>2273.5565163178799</v>
      </c>
      <c r="AQ1552">
        <v>1.0180109631949881</v>
      </c>
      <c r="AR1552">
        <v>3.9960845732184809</v>
      </c>
      <c r="AS1552">
        <v>1271</v>
      </c>
      <c r="AT1552">
        <v>243.1628817541112</v>
      </c>
      <c r="AU1552">
        <v>2.0375573878729292E-2</v>
      </c>
      <c r="AV1552">
        <v>7.6466469626519894E-3</v>
      </c>
      <c r="AW1552">
        <v>0.38841033672670322</v>
      </c>
      <c r="AX1552">
        <v>84.959247648902817</v>
      </c>
      <c r="AY1552">
        <v>64</v>
      </c>
      <c r="AZ1552">
        <v>128</v>
      </c>
      <c r="BA1552">
        <v>0.58292270142355151</v>
      </c>
      <c r="BB1552">
        <v>0.48786217697729051</v>
      </c>
      <c r="BC1552">
        <v>5.2488339813795069</v>
      </c>
      <c r="BD1552" t="s">
        <v>5945</v>
      </c>
      <c r="BE1552" t="s">
        <v>68</v>
      </c>
    </row>
    <row r="1553" spans="1:57" x14ac:dyDescent="0.3">
      <c r="A1553" t="s">
        <v>5946</v>
      </c>
      <c r="B1553">
        <v>2119</v>
      </c>
      <c r="C1553" t="s">
        <v>5947</v>
      </c>
      <c r="D1553" t="s">
        <v>5948</v>
      </c>
      <c r="E1553" t="s">
        <v>128</v>
      </c>
      <c r="F1553">
        <v>32</v>
      </c>
      <c r="G1553">
        <v>108.90625</v>
      </c>
      <c r="H1553">
        <v>94</v>
      </c>
      <c r="I1553">
        <v>6178.8349609375</v>
      </c>
      <c r="J1553">
        <v>78.605565712215949</v>
      </c>
      <c r="K1553">
        <v>0.40030433947407301</v>
      </c>
      <c r="L1553">
        <v>-1.174009979766903</v>
      </c>
      <c r="M1553">
        <v>4.875</v>
      </c>
      <c r="N1553">
        <v>2</v>
      </c>
      <c r="O1553">
        <v>1</v>
      </c>
      <c r="P1553">
        <v>1</v>
      </c>
      <c r="Q1553">
        <v>0.24944382578492941</v>
      </c>
      <c r="R1553">
        <v>3.3790925052297331</v>
      </c>
      <c r="S1553">
        <v>1</v>
      </c>
      <c r="T1553">
        <v>1</v>
      </c>
      <c r="U1553">
        <v>0</v>
      </c>
      <c r="V1553">
        <v>0</v>
      </c>
      <c r="W1553">
        <v>3.4339872044851458</v>
      </c>
      <c r="X1553">
        <v>1</v>
      </c>
      <c r="Y1553">
        <v>1</v>
      </c>
      <c r="Z1553">
        <v>0</v>
      </c>
      <c r="AA1553">
        <v>0</v>
      </c>
      <c r="AB1553">
        <v>3.401197381662155</v>
      </c>
      <c r="AC1553">
        <v>1</v>
      </c>
      <c r="AD1553">
        <v>1</v>
      </c>
      <c r="AE1553">
        <v>0</v>
      </c>
      <c r="AF1553">
        <v>0</v>
      </c>
      <c r="AG1553">
        <v>3.3672958299864728</v>
      </c>
      <c r="AH1553">
        <v>0.23230396967691649</v>
      </c>
      <c r="AI1553">
        <v>0.1794856397698355</v>
      </c>
      <c r="AJ1553">
        <v>0.15416026796206239</v>
      </c>
      <c r="AK1553">
        <v>-0.14643720799345419</v>
      </c>
      <c r="AL1553">
        <v>481.8991831725715</v>
      </c>
      <c r="AM1553">
        <v>587.3960991167786</v>
      </c>
      <c r="AN1553">
        <v>3485</v>
      </c>
      <c r="AO1553">
        <v>49</v>
      </c>
      <c r="AP1553">
        <v>347.40481167982949</v>
      </c>
      <c r="AQ1553">
        <v>1.65625</v>
      </c>
      <c r="AR1553">
        <v>3.65625</v>
      </c>
      <c r="AS1553">
        <v>32</v>
      </c>
      <c r="AT1553">
        <v>1.75</v>
      </c>
      <c r="AU1553">
        <v>0.2221813725490196</v>
      </c>
      <c r="AV1553">
        <v>0.23741743204499199</v>
      </c>
      <c r="AW1553">
        <v>0.5</v>
      </c>
      <c r="AX1553">
        <v>80.129032258064512</v>
      </c>
      <c r="AY1553">
        <v>62</v>
      </c>
      <c r="AZ1553">
        <v>147.75</v>
      </c>
      <c r="BA1553">
        <v>0.72177276981087812</v>
      </c>
      <c r="BB1553">
        <v>0.4375</v>
      </c>
      <c r="BC1553">
        <v>3.2998296856670919</v>
      </c>
      <c r="BD1553" t="s">
        <v>5949</v>
      </c>
      <c r="BE1553" t="s">
        <v>62</v>
      </c>
    </row>
    <row r="1554" spans="1:57" x14ac:dyDescent="0.3">
      <c r="A1554" t="s">
        <v>5950</v>
      </c>
      <c r="B1554">
        <v>2200</v>
      </c>
      <c r="C1554" t="s">
        <v>5951</v>
      </c>
      <c r="D1554" t="s">
        <v>5952</v>
      </c>
      <c r="E1554" t="s">
        <v>98</v>
      </c>
      <c r="F1554">
        <v>16</v>
      </c>
      <c r="G1554">
        <v>149.875</v>
      </c>
      <c r="H1554">
        <v>149.5</v>
      </c>
      <c r="I1554">
        <v>5539.859375</v>
      </c>
      <c r="J1554">
        <v>74.430231593083192</v>
      </c>
      <c r="K1554">
        <v>-0.20204039573153551</v>
      </c>
      <c r="L1554">
        <v>-1.071427231902057</v>
      </c>
      <c r="M1554">
        <v>3.75</v>
      </c>
      <c r="N1554">
        <v>2</v>
      </c>
      <c r="O1554">
        <v>1</v>
      </c>
      <c r="P1554">
        <v>1</v>
      </c>
      <c r="Q1554">
        <v>0.3499271061118826</v>
      </c>
      <c r="R1554">
        <v>2.5993019270997948</v>
      </c>
      <c r="S1554">
        <v>1</v>
      </c>
      <c r="T1554">
        <v>1</v>
      </c>
      <c r="U1554">
        <v>0</v>
      </c>
      <c r="V1554">
        <v>0</v>
      </c>
      <c r="W1554">
        <v>2.7080502011022101</v>
      </c>
      <c r="X1554">
        <v>1</v>
      </c>
      <c r="Y1554">
        <v>1</v>
      </c>
      <c r="Z1554">
        <v>0</v>
      </c>
      <c r="AA1554">
        <v>0</v>
      </c>
      <c r="AB1554">
        <v>2.639057329615258</v>
      </c>
      <c r="AC1554">
        <v>1</v>
      </c>
      <c r="AD1554">
        <v>1</v>
      </c>
      <c r="AE1554">
        <v>0</v>
      </c>
      <c r="AF1554">
        <v>0</v>
      </c>
      <c r="AG1554">
        <v>2.5649493574615372</v>
      </c>
      <c r="AH1554">
        <v>-0.32458394561008153</v>
      </c>
      <c r="AI1554">
        <v>-3.4984036147126932E-2</v>
      </c>
      <c r="AJ1554">
        <v>0.16450013538249789</v>
      </c>
      <c r="AK1554">
        <v>-7.4952898172618326E-2</v>
      </c>
      <c r="AL1554">
        <v>372.64688669686802</v>
      </c>
      <c r="AM1554">
        <v>556.03264097994429</v>
      </c>
      <c r="AN1554">
        <v>2398</v>
      </c>
      <c r="AO1554">
        <v>49.768272162483498</v>
      </c>
      <c r="AP1554">
        <v>167.5291019494822</v>
      </c>
      <c r="AQ1554">
        <v>2.3125</v>
      </c>
      <c r="AR1554">
        <v>3.875</v>
      </c>
      <c r="AS1554">
        <v>15</v>
      </c>
      <c r="AT1554">
        <v>1.5</v>
      </c>
      <c r="AU1554">
        <v>0.13161764705882351</v>
      </c>
      <c r="AV1554">
        <v>-0.32895055588325889</v>
      </c>
      <c r="AW1554">
        <v>0.3125</v>
      </c>
      <c r="AX1554">
        <v>104.3333333333333</v>
      </c>
      <c r="AY1554">
        <v>52</v>
      </c>
      <c r="AZ1554">
        <v>102.25</v>
      </c>
      <c r="BA1554">
        <v>0.49661539011231493</v>
      </c>
      <c r="BB1554">
        <v>0.5</v>
      </c>
      <c r="BC1554">
        <v>2.615630577027551</v>
      </c>
      <c r="BD1554" t="s">
        <v>5951</v>
      </c>
      <c r="BE1554" t="s">
        <v>62</v>
      </c>
    </row>
    <row r="1555" spans="1:57" x14ac:dyDescent="0.3">
      <c r="A1555" t="s">
        <v>5953</v>
      </c>
      <c r="B1555">
        <v>1357</v>
      </c>
      <c r="C1555" t="s">
        <v>5954</v>
      </c>
      <c r="D1555" t="s">
        <v>5955</v>
      </c>
      <c r="E1555" t="s">
        <v>98</v>
      </c>
      <c r="F1555">
        <v>16</v>
      </c>
      <c r="G1555">
        <v>141</v>
      </c>
      <c r="H1555">
        <v>131.5</v>
      </c>
      <c r="I1555">
        <v>4025</v>
      </c>
      <c r="J1555">
        <v>63.442887702247603</v>
      </c>
      <c r="K1555">
        <v>0.13026730750778701</v>
      </c>
      <c r="L1555">
        <v>-1.259555449249643</v>
      </c>
      <c r="M1555">
        <v>4</v>
      </c>
      <c r="N1555">
        <v>1</v>
      </c>
      <c r="O1555">
        <v>1</v>
      </c>
      <c r="P1555">
        <v>0</v>
      </c>
      <c r="Q1555">
        <v>0</v>
      </c>
      <c r="R1555">
        <v>2.7725887222397811</v>
      </c>
      <c r="S1555">
        <v>1</v>
      </c>
      <c r="T1555">
        <v>1</v>
      </c>
      <c r="U1555">
        <v>0</v>
      </c>
      <c r="V1555">
        <v>0</v>
      </c>
      <c r="W1555">
        <v>2.7080502011022101</v>
      </c>
      <c r="X1555">
        <v>1</v>
      </c>
      <c r="Y1555">
        <v>1</v>
      </c>
      <c r="Z1555">
        <v>0</v>
      </c>
      <c r="AA1555">
        <v>0</v>
      </c>
      <c r="AB1555">
        <v>2.639057329615258</v>
      </c>
      <c r="AC1555">
        <v>1</v>
      </c>
      <c r="AD1555">
        <v>1</v>
      </c>
      <c r="AE1555">
        <v>0</v>
      </c>
      <c r="AF1555">
        <v>0</v>
      </c>
      <c r="AG1555">
        <v>2.5649493574615372</v>
      </c>
      <c r="AH1555">
        <v>2.0031055900621118E-3</v>
      </c>
      <c r="AI1555">
        <v>0.1460248447204969</v>
      </c>
      <c r="AJ1555">
        <v>0.23215838509316769</v>
      </c>
      <c r="AK1555">
        <v>-5.0729813664596272E-2</v>
      </c>
      <c r="AL1555">
        <v>378.19219804897511</v>
      </c>
      <c r="AM1555">
        <v>489.35330931228492</v>
      </c>
      <c r="AN1555">
        <v>2256</v>
      </c>
      <c r="AO1555">
        <v>122.542257218665</v>
      </c>
      <c r="AP1555">
        <v>256.99135868979562</v>
      </c>
      <c r="AQ1555">
        <v>2.3125</v>
      </c>
      <c r="AR1555">
        <v>4.0625</v>
      </c>
      <c r="AS1555">
        <v>16</v>
      </c>
      <c r="AT1555">
        <v>0</v>
      </c>
      <c r="AU1555">
        <v>0.22401960784313721</v>
      </c>
      <c r="AV1555">
        <v>2.787658280923474E-4</v>
      </c>
      <c r="AW1555">
        <v>0.5</v>
      </c>
      <c r="AX1555">
        <v>81.066666666666663</v>
      </c>
      <c r="AY1555">
        <v>61</v>
      </c>
      <c r="AZ1555">
        <v>107.25</v>
      </c>
      <c r="BA1555">
        <v>0.4499495581719688</v>
      </c>
      <c r="BB1555">
        <v>0.4375</v>
      </c>
      <c r="BC1555">
        <v>2.7080502011022101</v>
      </c>
      <c r="BD1555" t="s">
        <v>5954</v>
      </c>
      <c r="BE1555" t="s">
        <v>62</v>
      </c>
    </row>
    <row r="1556" spans="1:57" x14ac:dyDescent="0.3">
      <c r="A1556" t="s">
        <v>5956</v>
      </c>
      <c r="B1556">
        <v>2379</v>
      </c>
      <c r="C1556" t="s">
        <v>5957</v>
      </c>
      <c r="D1556" t="s">
        <v>5958</v>
      </c>
      <c r="E1556" t="s">
        <v>10622</v>
      </c>
      <c r="F1556">
        <v>64</v>
      </c>
      <c r="G1556">
        <v>117.65625</v>
      </c>
      <c r="H1556">
        <v>124.5</v>
      </c>
      <c r="I1556">
        <v>5707.9130859375</v>
      </c>
      <c r="J1556">
        <v>75.550731868973315</v>
      </c>
      <c r="K1556">
        <v>6.5323230647014105E-2</v>
      </c>
      <c r="L1556">
        <v>-1.16949488524357</v>
      </c>
      <c r="M1556">
        <v>5.8125</v>
      </c>
      <c r="N1556">
        <v>2</v>
      </c>
      <c r="O1556">
        <v>1</v>
      </c>
      <c r="P1556">
        <v>1</v>
      </c>
      <c r="Q1556">
        <v>0.3045434781492361</v>
      </c>
      <c r="R1556">
        <v>4.0289179870046823</v>
      </c>
      <c r="S1556">
        <v>1</v>
      </c>
      <c r="T1556">
        <v>1</v>
      </c>
      <c r="U1556">
        <v>0</v>
      </c>
      <c r="V1556">
        <v>0</v>
      </c>
      <c r="W1556">
        <v>4.1431347263915326</v>
      </c>
      <c r="X1556">
        <v>1</v>
      </c>
      <c r="Y1556">
        <v>1</v>
      </c>
      <c r="Z1556">
        <v>0</v>
      </c>
      <c r="AA1556">
        <v>0</v>
      </c>
      <c r="AB1556">
        <v>4.1271343850450908</v>
      </c>
      <c r="AC1556">
        <v>1</v>
      </c>
      <c r="AD1556">
        <v>1</v>
      </c>
      <c r="AE1556">
        <v>0</v>
      </c>
      <c r="AF1556">
        <v>0</v>
      </c>
      <c r="AG1556">
        <v>4.1108738641733096</v>
      </c>
      <c r="AH1556">
        <v>1.50149813221879E-2</v>
      </c>
      <c r="AI1556">
        <v>0.16750914749996709</v>
      </c>
      <c r="AJ1556">
        <v>-0.23439216238917909</v>
      </c>
      <c r="AK1556">
        <v>-1.4462584965054171E-2</v>
      </c>
      <c r="AL1556">
        <v>615.13325693630225</v>
      </c>
      <c r="AM1556">
        <v>934.27462569147042</v>
      </c>
      <c r="AN1556">
        <v>7530</v>
      </c>
      <c r="AO1556">
        <v>107.60121331404289</v>
      </c>
      <c r="AP1556">
        <v>479.38759434820622</v>
      </c>
      <c r="AQ1556">
        <v>1.359375</v>
      </c>
      <c r="AR1556">
        <v>3.9375</v>
      </c>
      <c r="AS1556">
        <v>64</v>
      </c>
      <c r="AT1556">
        <v>4.8750000000000009</v>
      </c>
      <c r="AU1556">
        <v>0.1071428571428571</v>
      </c>
      <c r="AV1556">
        <v>1.5184165240925021E-2</v>
      </c>
      <c r="AW1556">
        <v>0.3125</v>
      </c>
      <c r="AX1556">
        <v>87.269841269841265</v>
      </c>
      <c r="AY1556">
        <v>61</v>
      </c>
      <c r="AZ1556">
        <v>122</v>
      </c>
      <c r="BA1556">
        <v>0.64213105439764839</v>
      </c>
      <c r="BB1556">
        <v>0.53125</v>
      </c>
      <c r="BC1556">
        <v>3.9504862950187052</v>
      </c>
      <c r="BD1556" t="s">
        <v>5959</v>
      </c>
      <c r="BE1556" t="s">
        <v>62</v>
      </c>
    </row>
    <row r="1557" spans="1:57" x14ac:dyDescent="0.3">
      <c r="A1557" t="s">
        <v>5960</v>
      </c>
      <c r="B1557">
        <v>3026</v>
      </c>
      <c r="C1557" t="s">
        <v>5961</v>
      </c>
      <c r="D1557" t="s">
        <v>5962</v>
      </c>
      <c r="E1557" t="s">
        <v>10622</v>
      </c>
      <c r="F1557">
        <v>64</v>
      </c>
      <c r="G1557">
        <v>114.703125</v>
      </c>
      <c r="H1557">
        <v>106</v>
      </c>
      <c r="I1557">
        <v>5301.927490234375</v>
      </c>
      <c r="J1557">
        <v>72.814335746708394</v>
      </c>
      <c r="K1557">
        <v>0.2312932612347291</v>
      </c>
      <c r="L1557">
        <v>-1.237302426538349</v>
      </c>
      <c r="M1557">
        <v>5.65625</v>
      </c>
      <c r="N1557">
        <v>2</v>
      </c>
      <c r="O1557">
        <v>1</v>
      </c>
      <c r="P1557">
        <v>1</v>
      </c>
      <c r="Q1557">
        <v>0.40555066528688077</v>
      </c>
      <c r="R1557">
        <v>3.920613740042191</v>
      </c>
      <c r="S1557">
        <v>1</v>
      </c>
      <c r="T1557">
        <v>1</v>
      </c>
      <c r="U1557">
        <v>0</v>
      </c>
      <c r="V1557">
        <v>0</v>
      </c>
      <c r="W1557">
        <v>4.1431347263915326</v>
      </c>
      <c r="X1557">
        <v>1</v>
      </c>
      <c r="Y1557">
        <v>1</v>
      </c>
      <c r="Z1557">
        <v>0</v>
      </c>
      <c r="AA1557">
        <v>0</v>
      </c>
      <c r="AB1557">
        <v>4.1271343850450908</v>
      </c>
      <c r="AC1557">
        <v>1</v>
      </c>
      <c r="AD1557">
        <v>1</v>
      </c>
      <c r="AE1557">
        <v>0</v>
      </c>
      <c r="AF1557">
        <v>0</v>
      </c>
      <c r="AG1557">
        <v>4.1108738641733096</v>
      </c>
      <c r="AH1557">
        <v>-0.1842706102666635</v>
      </c>
      <c r="AI1557">
        <v>-3.9350153476392237E-2</v>
      </c>
      <c r="AJ1557">
        <v>9.8601466233697154E-3</v>
      </c>
      <c r="AK1557">
        <v>0.1220493078596904</v>
      </c>
      <c r="AL1557">
        <v>619.96214935216767</v>
      </c>
      <c r="AM1557">
        <v>892.75188791211212</v>
      </c>
      <c r="AN1557">
        <v>7341</v>
      </c>
      <c r="AO1557">
        <v>124.47225715806</v>
      </c>
      <c r="AP1557">
        <v>459.68577661538421</v>
      </c>
      <c r="AQ1557">
        <v>1.359375</v>
      </c>
      <c r="AR1557">
        <v>4.03125</v>
      </c>
      <c r="AS1557">
        <v>64</v>
      </c>
      <c r="AT1557">
        <v>7.2187499999999982</v>
      </c>
      <c r="AU1557">
        <v>0.11915650406504059</v>
      </c>
      <c r="AV1557">
        <v>-0.1848777706784695</v>
      </c>
      <c r="AW1557">
        <v>0.46875</v>
      </c>
      <c r="AX1557">
        <v>91.968253968253961</v>
      </c>
      <c r="AY1557">
        <v>54.5</v>
      </c>
      <c r="AZ1557">
        <v>123.5</v>
      </c>
      <c r="BA1557">
        <v>0.63480690475266821</v>
      </c>
      <c r="BB1557">
        <v>0.484375</v>
      </c>
      <c r="BC1557">
        <v>4.0111066919991618</v>
      </c>
      <c r="BD1557" t="s">
        <v>5963</v>
      </c>
      <c r="BE1557" t="s">
        <v>62</v>
      </c>
    </row>
    <row r="1558" spans="1:57" x14ac:dyDescent="0.3">
      <c r="A1558" t="s">
        <v>5964</v>
      </c>
      <c r="B1558">
        <v>2919</v>
      </c>
      <c r="C1558" t="s">
        <v>5965</v>
      </c>
      <c r="D1558" t="s">
        <v>5966</v>
      </c>
      <c r="E1558" t="s">
        <v>66</v>
      </c>
      <c r="F1558">
        <v>72</v>
      </c>
      <c r="G1558">
        <v>129.41666666666671</v>
      </c>
      <c r="H1558">
        <v>114.5</v>
      </c>
      <c r="I1558">
        <v>5682.020833333333</v>
      </c>
      <c r="J1558">
        <v>75.379180370532907</v>
      </c>
      <c r="K1558">
        <v>0.1006248513479341</v>
      </c>
      <c r="L1558">
        <v>-1.2144661906277621</v>
      </c>
      <c r="M1558">
        <v>5.8989559041599984</v>
      </c>
      <c r="N1558">
        <v>3</v>
      </c>
      <c r="O1558">
        <v>1</v>
      </c>
      <c r="P1558">
        <v>2</v>
      </c>
      <c r="Q1558">
        <v>0.43120881610178191</v>
      </c>
      <c r="R1558">
        <v>4.0888446532159417</v>
      </c>
      <c r="S1558">
        <v>2</v>
      </c>
      <c r="T1558">
        <v>1</v>
      </c>
      <c r="U1558">
        <v>1</v>
      </c>
      <c r="V1558">
        <v>0.16776575221435111</v>
      </c>
      <c r="W1558">
        <v>4.2236293316576567</v>
      </c>
      <c r="X1558">
        <v>2</v>
      </c>
      <c r="Y1558">
        <v>1</v>
      </c>
      <c r="Z1558">
        <v>1</v>
      </c>
      <c r="AA1558">
        <v>0.11951030798891769</v>
      </c>
      <c r="AB1558">
        <v>4.2286910368905044</v>
      </c>
      <c r="AC1558">
        <v>1</v>
      </c>
      <c r="AD1558">
        <v>1</v>
      </c>
      <c r="AE1558">
        <v>0</v>
      </c>
      <c r="AF1558">
        <v>0</v>
      </c>
      <c r="AG1558">
        <v>4.2341065045972579</v>
      </c>
      <c r="AH1558">
        <v>0.23691279239435509</v>
      </c>
      <c r="AI1558">
        <v>8.9723154812416606E-2</v>
      </c>
      <c r="AJ1558">
        <v>-7.7217330791744976E-2</v>
      </c>
      <c r="AK1558">
        <v>-0.18805679572737211</v>
      </c>
      <c r="AL1558">
        <v>685.0103832130369</v>
      </c>
      <c r="AM1558">
        <v>1070.4068268141459</v>
      </c>
      <c r="AN1558">
        <v>9318</v>
      </c>
      <c r="AO1558">
        <v>87.287673877311391</v>
      </c>
      <c r="AP1558">
        <v>465.73880232872438</v>
      </c>
      <c r="AQ1558">
        <v>1.319444444444444</v>
      </c>
      <c r="AR1558">
        <v>3.8472222222222219</v>
      </c>
      <c r="AS1558">
        <v>72</v>
      </c>
      <c r="AT1558">
        <v>10.25</v>
      </c>
      <c r="AU1558">
        <v>7.4693788276465445E-2</v>
      </c>
      <c r="AV1558">
        <v>0.24334738301854711</v>
      </c>
      <c r="AW1558">
        <v>0.44444444444444442</v>
      </c>
      <c r="AX1558">
        <v>75.042253521126767</v>
      </c>
      <c r="AY1558">
        <v>59.5</v>
      </c>
      <c r="AZ1558">
        <v>129.5</v>
      </c>
      <c r="BA1558">
        <v>0.58245342205176753</v>
      </c>
      <c r="BB1558">
        <v>0.47222222222222221</v>
      </c>
      <c r="BC1558">
        <v>4.0014816398818356</v>
      </c>
      <c r="BD1558" t="s">
        <v>5967</v>
      </c>
      <c r="BE1558" t="s">
        <v>68</v>
      </c>
    </row>
    <row r="1559" spans="1:57" x14ac:dyDescent="0.3">
      <c r="A1559" t="s">
        <v>5968</v>
      </c>
      <c r="B1559">
        <v>141</v>
      </c>
      <c r="C1559" t="s">
        <v>5969</v>
      </c>
      <c r="D1559" t="s">
        <v>5970</v>
      </c>
      <c r="E1559" t="s">
        <v>60</v>
      </c>
      <c r="F1559">
        <v>512</v>
      </c>
      <c r="G1559">
        <v>121.375</v>
      </c>
      <c r="H1559">
        <v>116</v>
      </c>
      <c r="I1559">
        <v>4959.5546875</v>
      </c>
      <c r="J1559">
        <v>70.424105869368333</v>
      </c>
      <c r="K1559">
        <v>9.554669192878594E-2</v>
      </c>
      <c r="L1559">
        <v>-1.094814261599427</v>
      </c>
      <c r="M1559">
        <v>7.497571065954185</v>
      </c>
      <c r="N1559">
        <v>8</v>
      </c>
      <c r="O1559">
        <v>1</v>
      </c>
      <c r="P1559">
        <v>7</v>
      </c>
      <c r="Q1559">
        <v>1.4491004094740501</v>
      </c>
      <c r="R1559">
        <v>5.1969202454139651</v>
      </c>
      <c r="S1559">
        <v>2</v>
      </c>
      <c r="T1559">
        <v>1</v>
      </c>
      <c r="U1559">
        <v>1</v>
      </c>
      <c r="V1559">
        <v>6.2560641760670568E-2</v>
      </c>
      <c r="W1559">
        <v>6.2309437805711401</v>
      </c>
      <c r="X1559">
        <v>1</v>
      </c>
      <c r="Y1559">
        <v>1</v>
      </c>
      <c r="Z1559">
        <v>0</v>
      </c>
      <c r="AA1559">
        <v>0</v>
      </c>
      <c r="AB1559">
        <v>6.2344107257183694</v>
      </c>
      <c r="AC1559">
        <v>1</v>
      </c>
      <c r="AD1559">
        <v>1</v>
      </c>
      <c r="AE1559">
        <v>0</v>
      </c>
      <c r="AF1559">
        <v>0</v>
      </c>
      <c r="AG1559">
        <v>6.2324480165505216</v>
      </c>
      <c r="AH1559">
        <v>-7.9770328205657319E-3</v>
      </c>
      <c r="AI1559">
        <v>-2.0982484980065309E-2</v>
      </c>
      <c r="AJ1559">
        <v>2.3874882004511499E-2</v>
      </c>
      <c r="AK1559">
        <v>-5.3294247471342412E-2</v>
      </c>
      <c r="AL1559">
        <v>1558.676281369919</v>
      </c>
      <c r="AM1559">
        <v>2766.3239596791341</v>
      </c>
      <c r="AN1559">
        <v>62144</v>
      </c>
      <c r="AO1559">
        <v>35.657623764262873</v>
      </c>
      <c r="AP1559">
        <v>1364.129040919245</v>
      </c>
      <c r="AQ1559">
        <v>1.044921875</v>
      </c>
      <c r="AR1559">
        <v>3.912109375</v>
      </c>
      <c r="AS1559">
        <v>509</v>
      </c>
      <c r="AT1559">
        <v>186.07421874999989</v>
      </c>
      <c r="AU1559">
        <v>5.8693321078431393E-2</v>
      </c>
      <c r="AV1559">
        <v>-7.9789965138557083E-3</v>
      </c>
      <c r="AW1559">
        <v>0.427734375</v>
      </c>
      <c r="AX1559">
        <v>81.293542074363998</v>
      </c>
      <c r="AY1559">
        <v>58.5</v>
      </c>
      <c r="AZ1559">
        <v>114.5</v>
      </c>
      <c r="BA1559">
        <v>0.58021920386709236</v>
      </c>
      <c r="BB1559">
        <v>0.466796875</v>
      </c>
      <c r="BC1559">
        <v>5.0586091023643149</v>
      </c>
      <c r="BD1559" t="s">
        <v>5971</v>
      </c>
      <c r="BE1559" t="s">
        <v>62</v>
      </c>
    </row>
    <row r="1560" spans="1:57" x14ac:dyDescent="0.3">
      <c r="A1560" t="s">
        <v>5972</v>
      </c>
      <c r="B1560">
        <v>2076</v>
      </c>
      <c r="C1560" t="s">
        <v>5973</v>
      </c>
      <c r="D1560" t="s">
        <v>5974</v>
      </c>
      <c r="E1560" t="s">
        <v>10622</v>
      </c>
      <c r="F1560">
        <v>64</v>
      </c>
      <c r="G1560">
        <v>134.921875</v>
      </c>
      <c r="H1560">
        <v>140</v>
      </c>
      <c r="I1560">
        <v>5574.009521484375</v>
      </c>
      <c r="J1560">
        <v>74.659289585987722</v>
      </c>
      <c r="K1560">
        <v>-9.3774828713153208E-2</v>
      </c>
      <c r="L1560">
        <v>-1.2004448890816111</v>
      </c>
      <c r="M1560">
        <v>5.78125</v>
      </c>
      <c r="N1560">
        <v>2</v>
      </c>
      <c r="O1560">
        <v>1</v>
      </c>
      <c r="P1560">
        <v>1</v>
      </c>
      <c r="Q1560">
        <v>0.32821556024332821</v>
      </c>
      <c r="R1560">
        <v>4.0072571376121839</v>
      </c>
      <c r="S1560">
        <v>1</v>
      </c>
      <c r="T1560">
        <v>1</v>
      </c>
      <c r="U1560">
        <v>0</v>
      </c>
      <c r="V1560">
        <v>0</v>
      </c>
      <c r="W1560">
        <v>4.1431347263915326</v>
      </c>
      <c r="X1560">
        <v>1</v>
      </c>
      <c r="Y1560">
        <v>1</v>
      </c>
      <c r="Z1560">
        <v>0</v>
      </c>
      <c r="AA1560">
        <v>0</v>
      </c>
      <c r="AB1560">
        <v>4.1271343850450908</v>
      </c>
      <c r="AC1560">
        <v>1</v>
      </c>
      <c r="AD1560">
        <v>1</v>
      </c>
      <c r="AE1560">
        <v>0</v>
      </c>
      <c r="AF1560">
        <v>0</v>
      </c>
      <c r="AG1560">
        <v>4.1108738641733096</v>
      </c>
      <c r="AH1560">
        <v>-6.7192710878513612E-2</v>
      </c>
      <c r="AI1560">
        <v>-5.0350908022870337E-2</v>
      </c>
      <c r="AJ1560">
        <v>-0.16262851812215451</v>
      </c>
      <c r="AK1560">
        <v>-7.4765897890000516E-2</v>
      </c>
      <c r="AL1560">
        <v>645.43004208691616</v>
      </c>
      <c r="AM1560">
        <v>1051.2882862334579</v>
      </c>
      <c r="AN1560">
        <v>8635</v>
      </c>
      <c r="AO1560">
        <v>55.509690949700627</v>
      </c>
      <c r="AP1560">
        <v>450.36590941295788</v>
      </c>
      <c r="AQ1560">
        <v>1.359375</v>
      </c>
      <c r="AR1560">
        <v>3.984375</v>
      </c>
      <c r="AS1560">
        <v>63</v>
      </c>
      <c r="AT1560">
        <v>5.4687499999999991</v>
      </c>
      <c r="AU1560">
        <v>7.7066733067729043E-2</v>
      </c>
      <c r="AV1560">
        <v>-6.9237875255543285E-2</v>
      </c>
      <c r="AW1560">
        <v>0.34375</v>
      </c>
      <c r="AX1560">
        <v>91.412698412698418</v>
      </c>
      <c r="AY1560">
        <v>65</v>
      </c>
      <c r="AZ1560">
        <v>136.75</v>
      </c>
      <c r="BA1560">
        <v>0.55335200156377695</v>
      </c>
      <c r="BB1560">
        <v>0.53125</v>
      </c>
      <c r="BC1560">
        <v>4.0028011659076608</v>
      </c>
      <c r="BD1560" t="s">
        <v>5975</v>
      </c>
      <c r="BE1560" t="s">
        <v>62</v>
      </c>
    </row>
    <row r="1561" spans="1:57" x14ac:dyDescent="0.3">
      <c r="A1561" t="s">
        <v>5976</v>
      </c>
      <c r="B1561">
        <v>2594</v>
      </c>
      <c r="C1561" t="s">
        <v>5977</v>
      </c>
      <c r="D1561" t="s">
        <v>5978</v>
      </c>
      <c r="E1561" t="s">
        <v>98</v>
      </c>
      <c r="F1561">
        <v>16</v>
      </c>
      <c r="G1561">
        <v>107.125</v>
      </c>
      <c r="H1561">
        <v>93.5</v>
      </c>
      <c r="I1561">
        <v>3715.859375</v>
      </c>
      <c r="J1561">
        <v>60.957849166452718</v>
      </c>
      <c r="K1561">
        <v>0.53332635037807297</v>
      </c>
      <c r="L1561">
        <v>-0.93827794380992291</v>
      </c>
      <c r="M1561">
        <v>4</v>
      </c>
      <c r="N1561">
        <v>1</v>
      </c>
      <c r="O1561">
        <v>1</v>
      </c>
      <c r="P1561">
        <v>0</v>
      </c>
      <c r="Q1561">
        <v>0</v>
      </c>
      <c r="R1561">
        <v>2.7725887222397811</v>
      </c>
      <c r="S1561">
        <v>1</v>
      </c>
      <c r="T1561">
        <v>1</v>
      </c>
      <c r="U1561">
        <v>0</v>
      </c>
      <c r="V1561">
        <v>0</v>
      </c>
      <c r="W1561">
        <v>2.7080502011022101</v>
      </c>
      <c r="X1561">
        <v>1</v>
      </c>
      <c r="Y1561">
        <v>1</v>
      </c>
      <c r="Z1561">
        <v>0</v>
      </c>
      <c r="AA1561">
        <v>0</v>
      </c>
      <c r="AB1561">
        <v>2.639057329615258</v>
      </c>
      <c r="AC1561">
        <v>1</v>
      </c>
      <c r="AD1561">
        <v>1</v>
      </c>
      <c r="AE1561">
        <v>0</v>
      </c>
      <c r="AF1561">
        <v>0</v>
      </c>
      <c r="AG1561">
        <v>2.5649493574615372</v>
      </c>
      <c r="AH1561">
        <v>-0.1196541954880895</v>
      </c>
      <c r="AI1561">
        <v>-0.4510990686037466</v>
      </c>
      <c r="AJ1561">
        <v>5.6416489708386773E-2</v>
      </c>
      <c r="AK1561">
        <v>-8.7570695708849317E-2</v>
      </c>
      <c r="AL1561">
        <v>322.11668086224529</v>
      </c>
      <c r="AM1561">
        <v>373.23832052763612</v>
      </c>
      <c r="AN1561">
        <v>1714</v>
      </c>
      <c r="AO1561">
        <v>59.45640545788352</v>
      </c>
      <c r="AP1561">
        <v>231.79070553685739</v>
      </c>
      <c r="AQ1561">
        <v>2.25</v>
      </c>
      <c r="AR1561">
        <v>4</v>
      </c>
      <c r="AS1561">
        <v>16</v>
      </c>
      <c r="AT1561">
        <v>0</v>
      </c>
      <c r="AU1561">
        <v>0.28195701357466058</v>
      </c>
      <c r="AV1561">
        <v>-0.1220010137577168</v>
      </c>
      <c r="AW1561">
        <v>0.6875</v>
      </c>
      <c r="AX1561">
        <v>77</v>
      </c>
      <c r="AY1561">
        <v>48.5</v>
      </c>
      <c r="AZ1561">
        <v>99</v>
      </c>
      <c r="BA1561">
        <v>0.56903476468100556</v>
      </c>
      <c r="BB1561">
        <v>0.4375</v>
      </c>
      <c r="BC1561">
        <v>2.7080502011022101</v>
      </c>
      <c r="BD1561" t="s">
        <v>5977</v>
      </c>
      <c r="BE1561" t="s">
        <v>62</v>
      </c>
    </row>
    <row r="1562" spans="1:57" x14ac:dyDescent="0.3">
      <c r="A1562" t="s">
        <v>5979</v>
      </c>
      <c r="B1562">
        <v>2487</v>
      </c>
      <c r="C1562" t="s">
        <v>5980</v>
      </c>
      <c r="D1562" t="s">
        <v>5981</v>
      </c>
      <c r="E1562" t="s">
        <v>128</v>
      </c>
      <c r="F1562">
        <v>32</v>
      </c>
      <c r="G1562">
        <v>115.8125</v>
      </c>
      <c r="H1562">
        <v>121.5</v>
      </c>
      <c r="I1562">
        <v>5802.02734375</v>
      </c>
      <c r="J1562">
        <v>76.171040059526561</v>
      </c>
      <c r="K1562">
        <v>0.15495193671717439</v>
      </c>
      <c r="L1562">
        <v>-1.243263174464698</v>
      </c>
      <c r="M1562">
        <v>4.9375</v>
      </c>
      <c r="N1562">
        <v>2</v>
      </c>
      <c r="O1562">
        <v>1</v>
      </c>
      <c r="P1562">
        <v>1</v>
      </c>
      <c r="Q1562">
        <v>0.1766846959694085</v>
      </c>
      <c r="R1562">
        <v>3.422414204014729</v>
      </c>
      <c r="S1562">
        <v>1</v>
      </c>
      <c r="T1562">
        <v>1</v>
      </c>
      <c r="U1562">
        <v>0</v>
      </c>
      <c r="V1562">
        <v>0</v>
      </c>
      <c r="W1562">
        <v>3.4339872044851458</v>
      </c>
      <c r="X1562">
        <v>1</v>
      </c>
      <c r="Y1562">
        <v>1</v>
      </c>
      <c r="Z1562">
        <v>0</v>
      </c>
      <c r="AA1562">
        <v>0</v>
      </c>
      <c r="AB1562">
        <v>3.401197381662155</v>
      </c>
      <c r="AC1562">
        <v>1</v>
      </c>
      <c r="AD1562">
        <v>1</v>
      </c>
      <c r="AE1562">
        <v>0</v>
      </c>
      <c r="AF1562">
        <v>0</v>
      </c>
      <c r="AG1562">
        <v>3.3672958299864728</v>
      </c>
      <c r="AH1562">
        <v>-4.3983670342869111E-2</v>
      </c>
      <c r="AI1562">
        <v>-0.32030934937208783</v>
      </c>
      <c r="AJ1562">
        <v>-3.5995003430239559E-3</v>
      </c>
      <c r="AK1562">
        <v>0.17622691657482331</v>
      </c>
      <c r="AL1562">
        <v>467.76509880786779</v>
      </c>
      <c r="AM1562">
        <v>629.33442011164902</v>
      </c>
      <c r="AN1562">
        <v>3706</v>
      </c>
      <c r="AO1562">
        <v>24</v>
      </c>
      <c r="AP1562">
        <v>410.98839212812362</v>
      </c>
      <c r="AQ1562">
        <v>1.65625</v>
      </c>
      <c r="AR1562">
        <v>3.875</v>
      </c>
      <c r="AS1562">
        <v>32</v>
      </c>
      <c r="AT1562">
        <v>0.93749999999999978</v>
      </c>
      <c r="AU1562">
        <v>0.1345964566929134</v>
      </c>
      <c r="AV1562">
        <v>-4.6949026145574342E-2</v>
      </c>
      <c r="AW1562">
        <v>0.34375</v>
      </c>
      <c r="AX1562">
        <v>92.612903225806448</v>
      </c>
      <c r="AY1562">
        <v>73</v>
      </c>
      <c r="AZ1562">
        <v>136.5</v>
      </c>
      <c r="BA1562">
        <v>0.65771000591064488</v>
      </c>
      <c r="BB1562">
        <v>0.53125</v>
      </c>
      <c r="BC1562">
        <v>3.3445488586064429</v>
      </c>
      <c r="BD1562" t="s">
        <v>5982</v>
      </c>
      <c r="BE1562" t="s">
        <v>62</v>
      </c>
    </row>
    <row r="1563" spans="1:57" x14ac:dyDescent="0.3">
      <c r="A1563" t="s">
        <v>5983</v>
      </c>
      <c r="B1563">
        <v>3799</v>
      </c>
      <c r="C1563" t="s">
        <v>5984</v>
      </c>
      <c r="D1563" t="s">
        <v>5985</v>
      </c>
      <c r="E1563" t="s">
        <v>10622</v>
      </c>
      <c r="F1563">
        <v>64</v>
      </c>
      <c r="G1563">
        <v>116.703125</v>
      </c>
      <c r="H1563">
        <v>105</v>
      </c>
      <c r="I1563">
        <v>5155.114990234375</v>
      </c>
      <c r="J1563">
        <v>71.799129453179134</v>
      </c>
      <c r="K1563">
        <v>0.16676136936847891</v>
      </c>
      <c r="L1563">
        <v>-1.2236344883756061</v>
      </c>
      <c r="M1563">
        <v>5.625</v>
      </c>
      <c r="N1563">
        <v>4</v>
      </c>
      <c r="O1563">
        <v>1</v>
      </c>
      <c r="P1563">
        <v>3</v>
      </c>
      <c r="Q1563">
        <v>0.52695245448184691</v>
      </c>
      <c r="R1563">
        <v>3.8989528906496931</v>
      </c>
      <c r="S1563">
        <v>1</v>
      </c>
      <c r="T1563">
        <v>1</v>
      </c>
      <c r="U1563">
        <v>0</v>
      </c>
      <c r="V1563">
        <v>0</v>
      </c>
      <c r="W1563">
        <v>4.1431347263915326</v>
      </c>
      <c r="X1563">
        <v>1</v>
      </c>
      <c r="Y1563">
        <v>1</v>
      </c>
      <c r="Z1563">
        <v>0</v>
      </c>
      <c r="AA1563">
        <v>0</v>
      </c>
      <c r="AB1563">
        <v>4.1271343850450908</v>
      </c>
      <c r="AC1563">
        <v>1</v>
      </c>
      <c r="AD1563">
        <v>1</v>
      </c>
      <c r="AE1563">
        <v>0</v>
      </c>
      <c r="AF1563">
        <v>0</v>
      </c>
      <c r="AG1563">
        <v>4.1108738641733096</v>
      </c>
      <c r="AH1563">
        <v>0.11822149484396451</v>
      </c>
      <c r="AI1563">
        <v>0.12209376575127739</v>
      </c>
      <c r="AJ1563">
        <v>4.8961099290985029E-2</v>
      </c>
      <c r="AK1563">
        <v>-0.124178348077188</v>
      </c>
      <c r="AL1563">
        <v>633.57752864535087</v>
      </c>
      <c r="AM1563">
        <v>894.51803514275184</v>
      </c>
      <c r="AN1563">
        <v>7469</v>
      </c>
      <c r="AO1563">
        <v>103.1862321501967</v>
      </c>
      <c r="AP1563">
        <v>532.4171595623784</v>
      </c>
      <c r="AQ1563">
        <v>1.359375</v>
      </c>
      <c r="AR1563">
        <v>3.953125</v>
      </c>
      <c r="AS1563">
        <v>64</v>
      </c>
      <c r="AT1563">
        <v>12.1875</v>
      </c>
      <c r="AU1563">
        <v>0.1073669678714859</v>
      </c>
      <c r="AV1563">
        <v>0.1227343274213078</v>
      </c>
      <c r="AW1563">
        <v>0.453125</v>
      </c>
      <c r="AX1563">
        <v>76.396825396825392</v>
      </c>
      <c r="AY1563">
        <v>63</v>
      </c>
      <c r="AZ1563">
        <v>124.5</v>
      </c>
      <c r="BA1563">
        <v>0.61522885058287113</v>
      </c>
      <c r="BB1563">
        <v>0.453125</v>
      </c>
      <c r="BC1563">
        <v>3.89277780391402</v>
      </c>
      <c r="BD1563" t="s">
        <v>5986</v>
      </c>
      <c r="BE1563" t="s">
        <v>62</v>
      </c>
    </row>
    <row r="1564" spans="1:57" x14ac:dyDescent="0.3">
      <c r="A1564" t="s">
        <v>5987</v>
      </c>
      <c r="B1564">
        <v>3766</v>
      </c>
      <c r="C1564" t="s">
        <v>5988</v>
      </c>
      <c r="D1564" t="s">
        <v>5989</v>
      </c>
      <c r="E1564" t="s">
        <v>98</v>
      </c>
      <c r="F1564">
        <v>16</v>
      </c>
      <c r="G1564">
        <v>109.75</v>
      </c>
      <c r="H1564">
        <v>93.5</v>
      </c>
      <c r="I1564">
        <v>4535.0625</v>
      </c>
      <c r="J1564">
        <v>67.342872674099667</v>
      </c>
      <c r="K1564">
        <v>0.68001964503687284</v>
      </c>
      <c r="L1564">
        <v>-0.79948797791972126</v>
      </c>
      <c r="M1564">
        <v>4</v>
      </c>
      <c r="N1564">
        <v>1</v>
      </c>
      <c r="O1564">
        <v>1</v>
      </c>
      <c r="P1564">
        <v>0</v>
      </c>
      <c r="Q1564">
        <v>0</v>
      </c>
      <c r="R1564">
        <v>2.7725887222397811</v>
      </c>
      <c r="S1564">
        <v>1</v>
      </c>
      <c r="T1564">
        <v>1</v>
      </c>
      <c r="U1564">
        <v>0</v>
      </c>
      <c r="V1564">
        <v>0</v>
      </c>
      <c r="W1564">
        <v>2.7080502011022101</v>
      </c>
      <c r="X1564">
        <v>1</v>
      </c>
      <c r="Y1564">
        <v>1</v>
      </c>
      <c r="Z1564">
        <v>0</v>
      </c>
      <c r="AA1564">
        <v>0</v>
      </c>
      <c r="AB1564">
        <v>2.639057329615258</v>
      </c>
      <c r="AC1564">
        <v>1</v>
      </c>
      <c r="AD1564">
        <v>1</v>
      </c>
      <c r="AE1564">
        <v>0</v>
      </c>
      <c r="AF1564">
        <v>0</v>
      </c>
      <c r="AG1564">
        <v>2.5649493574615372</v>
      </c>
      <c r="AH1564">
        <v>-7.1947223715218916E-2</v>
      </c>
      <c r="AI1564">
        <v>-4.0316078885351637E-2</v>
      </c>
      <c r="AJ1564">
        <v>0.2962808878047436</v>
      </c>
      <c r="AK1564">
        <v>-3.6881038023180497E-2</v>
      </c>
      <c r="AL1564">
        <v>345.47231976857148</v>
      </c>
      <c r="AM1564">
        <v>382.00900025224792</v>
      </c>
      <c r="AN1564">
        <v>1756</v>
      </c>
      <c r="AO1564">
        <v>87.8635305459552</v>
      </c>
      <c r="AP1564">
        <v>327.9086692553708</v>
      </c>
      <c r="AQ1564">
        <v>2.25</v>
      </c>
      <c r="AR1564">
        <v>4.0625</v>
      </c>
      <c r="AS1564">
        <v>16</v>
      </c>
      <c r="AT1564">
        <v>0</v>
      </c>
      <c r="AU1564">
        <v>0.28165236051502152</v>
      </c>
      <c r="AV1564">
        <v>-7.2039602297876107E-2</v>
      </c>
      <c r="AW1564">
        <v>0.5625</v>
      </c>
      <c r="AX1564">
        <v>85.066666666666663</v>
      </c>
      <c r="AY1564">
        <v>44.5</v>
      </c>
      <c r="AZ1564">
        <v>87.75</v>
      </c>
      <c r="BA1564">
        <v>0.61360248450204713</v>
      </c>
      <c r="BB1564">
        <v>0.375</v>
      </c>
      <c r="BC1564">
        <v>2.7080502011022101</v>
      </c>
      <c r="BD1564" t="s">
        <v>5988</v>
      </c>
      <c r="BE1564" t="s">
        <v>62</v>
      </c>
    </row>
    <row r="1565" spans="1:57" x14ac:dyDescent="0.3">
      <c r="A1565" t="s">
        <v>5990</v>
      </c>
      <c r="B1565">
        <v>3980</v>
      </c>
      <c r="C1565" t="s">
        <v>5991</v>
      </c>
      <c r="D1565" t="s">
        <v>5992</v>
      </c>
      <c r="E1565" t="s">
        <v>98</v>
      </c>
      <c r="F1565">
        <v>16</v>
      </c>
      <c r="G1565">
        <v>107.75</v>
      </c>
      <c r="H1565">
        <v>105</v>
      </c>
      <c r="I1565">
        <v>6106.9375</v>
      </c>
      <c r="J1565">
        <v>78.146896931356139</v>
      </c>
      <c r="K1565">
        <v>0.33789512983998499</v>
      </c>
      <c r="L1565">
        <v>-1.2049279747409249</v>
      </c>
      <c r="M1565">
        <v>4</v>
      </c>
      <c r="N1565">
        <v>1</v>
      </c>
      <c r="O1565">
        <v>1</v>
      </c>
      <c r="P1565">
        <v>0</v>
      </c>
      <c r="Q1565">
        <v>0</v>
      </c>
      <c r="R1565">
        <v>2.7725887222397811</v>
      </c>
      <c r="S1565">
        <v>1</v>
      </c>
      <c r="T1565">
        <v>1</v>
      </c>
      <c r="U1565">
        <v>0</v>
      </c>
      <c r="V1565">
        <v>0</v>
      </c>
      <c r="W1565">
        <v>2.7080502011022101</v>
      </c>
      <c r="X1565">
        <v>1</v>
      </c>
      <c r="Y1565">
        <v>1</v>
      </c>
      <c r="Z1565">
        <v>0</v>
      </c>
      <c r="AA1565">
        <v>0</v>
      </c>
      <c r="AB1565">
        <v>2.639057329615258</v>
      </c>
      <c r="AC1565">
        <v>1</v>
      </c>
      <c r="AD1565">
        <v>1</v>
      </c>
      <c r="AE1565">
        <v>0</v>
      </c>
      <c r="AF1565">
        <v>0</v>
      </c>
      <c r="AG1565">
        <v>2.5649493574615372</v>
      </c>
      <c r="AH1565">
        <v>1.2508187409810559E-2</v>
      </c>
      <c r="AI1565">
        <v>-4.0335786144855747E-3</v>
      </c>
      <c r="AJ1565">
        <v>0.11481499012393689</v>
      </c>
      <c r="AK1565">
        <v>-0.14797080164976309</v>
      </c>
      <c r="AL1565">
        <v>385.04556667983678</v>
      </c>
      <c r="AM1565">
        <v>367.71172347397811</v>
      </c>
      <c r="AN1565">
        <v>1724</v>
      </c>
      <c r="AO1565">
        <v>62.966028380513841</v>
      </c>
      <c r="AP1565">
        <v>349.88917194706869</v>
      </c>
      <c r="AQ1565">
        <v>2.25</v>
      </c>
      <c r="AR1565">
        <v>3.75</v>
      </c>
      <c r="AS1565">
        <v>16</v>
      </c>
      <c r="AT1565">
        <v>0</v>
      </c>
      <c r="AU1565">
        <v>0.21080508474576271</v>
      </c>
      <c r="AV1565">
        <v>2.0277645874308099E-2</v>
      </c>
      <c r="AW1565">
        <v>0.375</v>
      </c>
      <c r="AX1565">
        <v>87.13333333333334</v>
      </c>
      <c r="AY1565">
        <v>74.5</v>
      </c>
      <c r="AZ1565">
        <v>128.25</v>
      </c>
      <c r="BA1565">
        <v>0.72526122442093865</v>
      </c>
      <c r="BB1565">
        <v>0.5</v>
      </c>
      <c r="BC1565">
        <v>2.615630577027551</v>
      </c>
      <c r="BD1565" t="s">
        <v>5991</v>
      </c>
      <c r="BE1565" t="s">
        <v>62</v>
      </c>
    </row>
    <row r="1566" spans="1:57" x14ac:dyDescent="0.3">
      <c r="A1566" t="s">
        <v>5993</v>
      </c>
      <c r="B1566">
        <v>678</v>
      </c>
      <c r="C1566" t="s">
        <v>5994</v>
      </c>
      <c r="D1566" t="s">
        <v>5995</v>
      </c>
      <c r="E1566" t="s">
        <v>128</v>
      </c>
      <c r="F1566">
        <v>32</v>
      </c>
      <c r="G1566">
        <v>115.8125</v>
      </c>
      <c r="H1566">
        <v>96.5</v>
      </c>
      <c r="I1566">
        <v>5272.83984375</v>
      </c>
      <c r="J1566">
        <v>72.614322579984176</v>
      </c>
      <c r="K1566">
        <v>0.3559755387326583</v>
      </c>
      <c r="L1566">
        <v>-0.93450655961696238</v>
      </c>
      <c r="M1566">
        <v>4.9375</v>
      </c>
      <c r="N1566">
        <v>2</v>
      </c>
      <c r="O1566">
        <v>1</v>
      </c>
      <c r="P1566">
        <v>1</v>
      </c>
      <c r="Q1566">
        <v>0.1766846959694085</v>
      </c>
      <c r="R1566">
        <v>3.422414204014729</v>
      </c>
      <c r="S1566">
        <v>1</v>
      </c>
      <c r="T1566">
        <v>1</v>
      </c>
      <c r="U1566">
        <v>0</v>
      </c>
      <c r="V1566">
        <v>0</v>
      </c>
      <c r="W1566">
        <v>3.4339872044851458</v>
      </c>
      <c r="X1566">
        <v>1</v>
      </c>
      <c r="Y1566">
        <v>1</v>
      </c>
      <c r="Z1566">
        <v>0</v>
      </c>
      <c r="AA1566">
        <v>0</v>
      </c>
      <c r="AB1566">
        <v>3.401197381662155</v>
      </c>
      <c r="AC1566">
        <v>1</v>
      </c>
      <c r="AD1566">
        <v>1</v>
      </c>
      <c r="AE1566">
        <v>0</v>
      </c>
      <c r="AF1566">
        <v>0</v>
      </c>
      <c r="AG1566">
        <v>3.3672958299864728</v>
      </c>
      <c r="AH1566">
        <v>-0.20112559516004411</v>
      </c>
      <c r="AI1566">
        <v>0.2041890210520155</v>
      </c>
      <c r="AJ1566">
        <v>5.2877914126563973E-2</v>
      </c>
      <c r="AK1566">
        <v>-0.1162760020209698</v>
      </c>
      <c r="AL1566">
        <v>463.59403467740958</v>
      </c>
      <c r="AM1566">
        <v>618.88009421173081</v>
      </c>
      <c r="AN1566">
        <v>3706</v>
      </c>
      <c r="AO1566">
        <v>60.809354475557058</v>
      </c>
      <c r="AP1566">
        <v>383.66193139055889</v>
      </c>
      <c r="AQ1566">
        <v>1.65625</v>
      </c>
      <c r="AR1566">
        <v>4</v>
      </c>
      <c r="AS1566">
        <v>32</v>
      </c>
      <c r="AT1566">
        <v>0.93749999999999978</v>
      </c>
      <c r="AU1566">
        <v>0.15085784313725489</v>
      </c>
      <c r="AV1566">
        <v>-0.21179764920336899</v>
      </c>
      <c r="AW1566">
        <v>0.46875</v>
      </c>
      <c r="AX1566">
        <v>95.193548387096769</v>
      </c>
      <c r="AY1566">
        <v>48</v>
      </c>
      <c r="AZ1566">
        <v>115.75</v>
      </c>
      <c r="BA1566">
        <v>0.62699900770628536</v>
      </c>
      <c r="BB1566">
        <v>0.46875</v>
      </c>
      <c r="BC1566">
        <v>3.2551105127277409</v>
      </c>
      <c r="BD1566" t="s">
        <v>5996</v>
      </c>
      <c r="BE1566" t="s">
        <v>62</v>
      </c>
    </row>
    <row r="1567" spans="1:57" x14ac:dyDescent="0.3">
      <c r="A1567" t="s">
        <v>5997</v>
      </c>
      <c r="B1567">
        <v>1681</v>
      </c>
      <c r="C1567" t="s">
        <v>5998</v>
      </c>
      <c r="D1567" t="s">
        <v>5999</v>
      </c>
      <c r="E1567" t="s">
        <v>66</v>
      </c>
      <c r="F1567">
        <v>72</v>
      </c>
      <c r="G1567">
        <v>112.0555555555556</v>
      </c>
      <c r="H1567">
        <v>108</v>
      </c>
      <c r="I1567">
        <v>5502.1358024691363</v>
      </c>
      <c r="J1567">
        <v>74.176383050598631</v>
      </c>
      <c r="K1567">
        <v>0.20108236206329241</v>
      </c>
      <c r="L1567">
        <v>-1.1222527657776631</v>
      </c>
      <c r="M1567">
        <v>5.975480556997872</v>
      </c>
      <c r="N1567">
        <v>2</v>
      </c>
      <c r="O1567">
        <v>1</v>
      </c>
      <c r="P1567">
        <v>1</v>
      </c>
      <c r="Q1567">
        <v>0.30999141045553669</v>
      </c>
      <c r="R1567">
        <v>4.1418875005738434</v>
      </c>
      <c r="S1567">
        <v>2</v>
      </c>
      <c r="T1567">
        <v>1</v>
      </c>
      <c r="U1567">
        <v>1</v>
      </c>
      <c r="V1567">
        <v>0.16776575221435111</v>
      </c>
      <c r="W1567">
        <v>4.2236293316576567</v>
      </c>
      <c r="X1567">
        <v>2</v>
      </c>
      <c r="Y1567">
        <v>1</v>
      </c>
      <c r="Z1567">
        <v>1</v>
      </c>
      <c r="AA1567">
        <v>0.11951030798891769</v>
      </c>
      <c r="AB1567">
        <v>4.2286910368905044</v>
      </c>
      <c r="AC1567">
        <v>1</v>
      </c>
      <c r="AD1567">
        <v>1</v>
      </c>
      <c r="AE1567">
        <v>0</v>
      </c>
      <c r="AF1567">
        <v>0</v>
      </c>
      <c r="AG1567">
        <v>4.2341065045972579</v>
      </c>
      <c r="AH1567">
        <v>-7.6884994092579595E-2</v>
      </c>
      <c r="AI1567">
        <v>3.4565686176985258E-2</v>
      </c>
      <c r="AJ1567">
        <v>-5.2530706058278413E-2</v>
      </c>
      <c r="AK1567">
        <v>-0.1299646202983403</v>
      </c>
      <c r="AL1567">
        <v>683.04318917949365</v>
      </c>
      <c r="AM1567">
        <v>913.05531142177074</v>
      </c>
      <c r="AN1567">
        <v>8068</v>
      </c>
      <c r="AO1567">
        <v>146.32014355847591</v>
      </c>
      <c r="AP1567">
        <v>504.39248305719269</v>
      </c>
      <c r="AQ1567">
        <v>1.319444444444444</v>
      </c>
      <c r="AR1567">
        <v>3.7777777777777781</v>
      </c>
      <c r="AS1567">
        <v>72</v>
      </c>
      <c r="AT1567">
        <v>5.6388888888888884</v>
      </c>
      <c r="AU1567">
        <v>0.111437908496732</v>
      </c>
      <c r="AV1567">
        <v>-7.7597003038606158E-2</v>
      </c>
      <c r="AW1567">
        <v>0.375</v>
      </c>
      <c r="AX1567">
        <v>90.126760563380287</v>
      </c>
      <c r="AY1567">
        <v>60</v>
      </c>
      <c r="AZ1567">
        <v>120</v>
      </c>
      <c r="BA1567">
        <v>0.66196078081843102</v>
      </c>
      <c r="BB1567">
        <v>0.4861111111111111</v>
      </c>
      <c r="BC1567">
        <v>4.0283766047393623</v>
      </c>
      <c r="BD1567" t="s">
        <v>6000</v>
      </c>
      <c r="BE1567" t="s">
        <v>68</v>
      </c>
    </row>
    <row r="1568" spans="1:57" x14ac:dyDescent="0.3">
      <c r="A1568" t="s">
        <v>6001</v>
      </c>
      <c r="B1568">
        <v>3293</v>
      </c>
      <c r="C1568" t="s">
        <v>6002</v>
      </c>
      <c r="D1568" t="s">
        <v>6003</v>
      </c>
      <c r="E1568" t="s">
        <v>128</v>
      </c>
      <c r="F1568">
        <v>32</v>
      </c>
      <c r="G1568">
        <v>134.375</v>
      </c>
      <c r="H1568">
        <v>141.5</v>
      </c>
      <c r="I1568">
        <v>6044.109375</v>
      </c>
      <c r="J1568">
        <v>77.743870337152629</v>
      </c>
      <c r="K1568">
        <v>-7.3807289032535334E-2</v>
      </c>
      <c r="L1568">
        <v>-1.3524417802774</v>
      </c>
      <c r="M1568">
        <v>4.788909765557392</v>
      </c>
      <c r="N1568">
        <v>3</v>
      </c>
      <c r="O1568">
        <v>1</v>
      </c>
      <c r="P1568">
        <v>2</v>
      </c>
      <c r="Q1568">
        <v>0.40213461343760692</v>
      </c>
      <c r="R1568">
        <v>3.3194193019520939</v>
      </c>
      <c r="S1568">
        <v>1</v>
      </c>
      <c r="T1568">
        <v>1</v>
      </c>
      <c r="U1568">
        <v>0</v>
      </c>
      <c r="V1568">
        <v>0</v>
      </c>
      <c r="W1568">
        <v>3.4339872044851458</v>
      </c>
      <c r="X1568">
        <v>1</v>
      </c>
      <c r="Y1568">
        <v>1</v>
      </c>
      <c r="Z1568">
        <v>0</v>
      </c>
      <c r="AA1568">
        <v>0</v>
      </c>
      <c r="AB1568">
        <v>3.401197381662155</v>
      </c>
      <c r="AC1568">
        <v>1</v>
      </c>
      <c r="AD1568">
        <v>1</v>
      </c>
      <c r="AE1568">
        <v>0</v>
      </c>
      <c r="AF1568">
        <v>0</v>
      </c>
      <c r="AG1568">
        <v>3.3672958299864728</v>
      </c>
      <c r="AH1568">
        <v>-0.26658066156872778</v>
      </c>
      <c r="AI1568">
        <v>0.17214317013207589</v>
      </c>
      <c r="AJ1568">
        <v>-0.1097534434353697</v>
      </c>
      <c r="AK1568">
        <v>3.9424846764540888E-2</v>
      </c>
      <c r="AL1568">
        <v>498.9485129758088</v>
      </c>
      <c r="AM1568">
        <v>722.6855342396367</v>
      </c>
      <c r="AN1568">
        <v>4300</v>
      </c>
      <c r="AO1568">
        <v>85.080118879350806</v>
      </c>
      <c r="AP1568">
        <v>359.3242146482969</v>
      </c>
      <c r="AQ1568">
        <v>1.71875</v>
      </c>
      <c r="AR1568">
        <v>4.28125</v>
      </c>
      <c r="AS1568">
        <v>32</v>
      </c>
      <c r="AT1568">
        <v>4.2500000000000018</v>
      </c>
      <c r="AU1568">
        <v>0.14338235294117649</v>
      </c>
      <c r="AV1568">
        <v>-0.27159820121656819</v>
      </c>
      <c r="AW1568">
        <v>0.34375</v>
      </c>
      <c r="AX1568">
        <v>104.61290322580641</v>
      </c>
      <c r="AY1568">
        <v>64.5</v>
      </c>
      <c r="AZ1568">
        <v>132</v>
      </c>
      <c r="BA1568">
        <v>0.57855903506718231</v>
      </c>
      <c r="BB1568">
        <v>0.53125</v>
      </c>
      <c r="BC1568">
        <v>3.2998296856670919</v>
      </c>
      <c r="BD1568" t="s">
        <v>6004</v>
      </c>
      <c r="BE1568" t="s">
        <v>62</v>
      </c>
    </row>
    <row r="1569" spans="1:57" x14ac:dyDescent="0.3">
      <c r="A1569" t="s">
        <v>6005</v>
      </c>
      <c r="B1569">
        <v>527</v>
      </c>
      <c r="C1569" t="s">
        <v>6006</v>
      </c>
      <c r="D1569" t="s">
        <v>6007</v>
      </c>
      <c r="E1569" t="s">
        <v>115</v>
      </c>
      <c r="F1569">
        <v>567</v>
      </c>
      <c r="G1569">
        <v>127.7795414462081</v>
      </c>
      <c r="H1569">
        <v>130</v>
      </c>
      <c r="I1569">
        <v>5248.4610982024269</v>
      </c>
      <c r="J1569">
        <v>72.446263521333023</v>
      </c>
      <c r="K1569">
        <v>-5.0588381812940258E-2</v>
      </c>
      <c r="L1569">
        <v>-1.1152899952322211</v>
      </c>
      <c r="M1569">
        <v>7.589175368922219</v>
      </c>
      <c r="N1569">
        <v>7</v>
      </c>
      <c r="O1569">
        <v>1</v>
      </c>
      <c r="P1569">
        <v>6</v>
      </c>
      <c r="Q1569">
        <v>1.379059031503276</v>
      </c>
      <c r="R1569">
        <v>5.2604155097434164</v>
      </c>
      <c r="S1569">
        <v>2</v>
      </c>
      <c r="T1569">
        <v>1</v>
      </c>
      <c r="U1569">
        <v>1</v>
      </c>
      <c r="V1569">
        <v>7.2802492120494472E-2</v>
      </c>
      <c r="W1569">
        <v>6.3312462282325823</v>
      </c>
      <c r="X1569">
        <v>1</v>
      </c>
      <c r="Y1569">
        <v>1</v>
      </c>
      <c r="Z1569">
        <v>0</v>
      </c>
      <c r="AA1569">
        <v>0</v>
      </c>
      <c r="AB1569">
        <v>6.3368257311464404</v>
      </c>
      <c r="AC1569">
        <v>1</v>
      </c>
      <c r="AD1569">
        <v>1</v>
      </c>
      <c r="AE1569">
        <v>0</v>
      </c>
      <c r="AF1569">
        <v>0</v>
      </c>
      <c r="AG1569">
        <v>6.335054251498061</v>
      </c>
      <c r="AH1569">
        <v>4.4919403963075671E-2</v>
      </c>
      <c r="AI1569">
        <v>-1.1319115344842069E-2</v>
      </c>
      <c r="AJ1569">
        <v>-8.9202433378664583E-2</v>
      </c>
      <c r="AK1569">
        <v>2.1329095779566039E-2</v>
      </c>
      <c r="AL1569">
        <v>1656.5661728588491</v>
      </c>
      <c r="AM1569">
        <v>3080.4904666204998</v>
      </c>
      <c r="AN1569">
        <v>72451</v>
      </c>
      <c r="AO1569">
        <v>70.705940615075704</v>
      </c>
      <c r="AP1569">
        <v>1411.858561336679</v>
      </c>
      <c r="AQ1569">
        <v>1.0405643738977071</v>
      </c>
      <c r="AR1569">
        <v>3.9788359788359791</v>
      </c>
      <c r="AS1569">
        <v>563</v>
      </c>
      <c r="AT1569">
        <v>163.82010582010579</v>
      </c>
      <c r="AU1569">
        <v>4.0626621018777898E-2</v>
      </c>
      <c r="AV1569">
        <v>4.5076302992379941E-2</v>
      </c>
      <c r="AW1569">
        <v>0.34567901234567899</v>
      </c>
      <c r="AX1569">
        <v>80.42579505300354</v>
      </c>
      <c r="AY1569">
        <v>61</v>
      </c>
      <c r="AZ1569">
        <v>123</v>
      </c>
      <c r="BA1569">
        <v>0.56696293241771434</v>
      </c>
      <c r="BB1569">
        <v>0.51322751322751325</v>
      </c>
      <c r="BC1569">
        <v>5.0926687498204366</v>
      </c>
      <c r="BD1569" t="s">
        <v>6008</v>
      </c>
      <c r="BE1569" t="s">
        <v>68</v>
      </c>
    </row>
    <row r="1570" spans="1:57" x14ac:dyDescent="0.3">
      <c r="A1570" t="s">
        <v>6009</v>
      </c>
      <c r="B1570">
        <v>3126</v>
      </c>
      <c r="C1570" t="s">
        <v>6010</v>
      </c>
      <c r="D1570" t="s">
        <v>6011</v>
      </c>
      <c r="E1570" t="s">
        <v>128</v>
      </c>
      <c r="F1570">
        <v>32</v>
      </c>
      <c r="G1570">
        <v>112.78125</v>
      </c>
      <c r="H1570">
        <v>104.5</v>
      </c>
      <c r="I1570">
        <v>4788.9208984375</v>
      </c>
      <c r="J1570">
        <v>69.202029583224657</v>
      </c>
      <c r="K1570">
        <v>0.31052640401748799</v>
      </c>
      <c r="L1570">
        <v>-1.0556815939178179</v>
      </c>
      <c r="M1570">
        <v>5</v>
      </c>
      <c r="N1570">
        <v>1</v>
      </c>
      <c r="O1570">
        <v>1</v>
      </c>
      <c r="P1570">
        <v>0</v>
      </c>
      <c r="Q1570">
        <v>0</v>
      </c>
      <c r="R1570">
        <v>3.465735902799727</v>
      </c>
      <c r="S1570">
        <v>1</v>
      </c>
      <c r="T1570">
        <v>1</v>
      </c>
      <c r="U1570">
        <v>0</v>
      </c>
      <c r="V1570">
        <v>0</v>
      </c>
      <c r="W1570">
        <v>3.4339872044851458</v>
      </c>
      <c r="X1570">
        <v>1</v>
      </c>
      <c r="Y1570">
        <v>1</v>
      </c>
      <c r="Z1570">
        <v>0</v>
      </c>
      <c r="AA1570">
        <v>0</v>
      </c>
      <c r="AB1570">
        <v>3.401197381662155</v>
      </c>
      <c r="AC1570">
        <v>1</v>
      </c>
      <c r="AD1570">
        <v>1</v>
      </c>
      <c r="AE1570">
        <v>0</v>
      </c>
      <c r="AF1570">
        <v>0</v>
      </c>
      <c r="AG1570">
        <v>3.3672958299864728</v>
      </c>
      <c r="AH1570">
        <v>0.11895915942661441</v>
      </c>
      <c r="AI1570">
        <v>6.8960019719180116E-2</v>
      </c>
      <c r="AJ1570">
        <v>-1.6741229604056399E-3</v>
      </c>
      <c r="AK1570">
        <v>-0.14368273786643371</v>
      </c>
      <c r="AL1570">
        <v>456.48799551414959</v>
      </c>
      <c r="AM1570">
        <v>593.20461052782923</v>
      </c>
      <c r="AN1570">
        <v>3609</v>
      </c>
      <c r="AO1570">
        <v>31</v>
      </c>
      <c r="AP1570">
        <v>373.41232555584571</v>
      </c>
      <c r="AQ1570">
        <v>1.65625</v>
      </c>
      <c r="AR1570">
        <v>4.0625</v>
      </c>
      <c r="AS1570">
        <v>32</v>
      </c>
      <c r="AT1570">
        <v>0</v>
      </c>
      <c r="AU1570">
        <v>0.1947211155378486</v>
      </c>
      <c r="AV1570">
        <v>0.1216935206400797</v>
      </c>
      <c r="AW1570">
        <v>0.5</v>
      </c>
      <c r="AX1570">
        <v>79.774193548387103</v>
      </c>
      <c r="AY1570">
        <v>57</v>
      </c>
      <c r="AZ1570">
        <v>122</v>
      </c>
      <c r="BA1570">
        <v>0.61359516394103331</v>
      </c>
      <c r="BB1570">
        <v>0.46875</v>
      </c>
      <c r="BC1570">
        <v>3.3892680315457948</v>
      </c>
      <c r="BD1570" t="s">
        <v>6012</v>
      </c>
      <c r="BE1570" t="s">
        <v>62</v>
      </c>
    </row>
    <row r="1571" spans="1:57" x14ac:dyDescent="0.3">
      <c r="A1571" t="s">
        <v>6013</v>
      </c>
      <c r="B1571">
        <v>1922</v>
      </c>
      <c r="C1571" t="s">
        <v>6014</v>
      </c>
      <c r="D1571" t="s">
        <v>6015</v>
      </c>
      <c r="E1571" t="s">
        <v>98</v>
      </c>
      <c r="F1571">
        <v>16</v>
      </c>
      <c r="G1571">
        <v>96.4375</v>
      </c>
      <c r="H1571">
        <v>76.5</v>
      </c>
      <c r="I1571">
        <v>4738.87109375</v>
      </c>
      <c r="J1571">
        <v>68.839458842657962</v>
      </c>
      <c r="K1571">
        <v>0.67912969130834155</v>
      </c>
      <c r="L1571">
        <v>-0.82203437017641745</v>
      </c>
      <c r="M1571">
        <v>4</v>
      </c>
      <c r="N1571">
        <v>1</v>
      </c>
      <c r="O1571">
        <v>1</v>
      </c>
      <c r="P1571">
        <v>0</v>
      </c>
      <c r="Q1571">
        <v>0</v>
      </c>
      <c r="R1571">
        <v>2.7725887222397811</v>
      </c>
      <c r="S1571">
        <v>1</v>
      </c>
      <c r="T1571">
        <v>1</v>
      </c>
      <c r="U1571">
        <v>0</v>
      </c>
      <c r="V1571">
        <v>0</v>
      </c>
      <c r="W1571">
        <v>2.7080502011022101</v>
      </c>
      <c r="X1571">
        <v>1</v>
      </c>
      <c r="Y1571">
        <v>1</v>
      </c>
      <c r="Z1571">
        <v>0</v>
      </c>
      <c r="AA1571">
        <v>0</v>
      </c>
      <c r="AB1571">
        <v>2.639057329615258</v>
      </c>
      <c r="AC1571">
        <v>1</v>
      </c>
      <c r="AD1571">
        <v>1</v>
      </c>
      <c r="AE1571">
        <v>0</v>
      </c>
      <c r="AF1571">
        <v>0</v>
      </c>
      <c r="AG1571">
        <v>2.5649493574615372</v>
      </c>
      <c r="AH1571">
        <v>0.15507132871340831</v>
      </c>
      <c r="AI1571">
        <v>7.1451843175334318E-2</v>
      </c>
      <c r="AJ1571">
        <v>3.8936362827051207E-2</v>
      </c>
      <c r="AK1571">
        <v>-4.6434141339371612E-2</v>
      </c>
      <c r="AL1571">
        <v>328.70500957793848</v>
      </c>
      <c r="AM1571">
        <v>341.43523057582581</v>
      </c>
      <c r="AN1571">
        <v>1543</v>
      </c>
      <c r="AO1571">
        <v>13</v>
      </c>
      <c r="AP1571">
        <v>228.06852958524641</v>
      </c>
      <c r="AQ1571">
        <v>2.25</v>
      </c>
      <c r="AR1571">
        <v>3.6875</v>
      </c>
      <c r="AS1571">
        <v>16</v>
      </c>
      <c r="AT1571">
        <v>0</v>
      </c>
      <c r="AU1571">
        <v>0.33185146443514651</v>
      </c>
      <c r="AV1571">
        <v>0.15673448903864651</v>
      </c>
      <c r="AW1571">
        <v>0.5</v>
      </c>
      <c r="AX1571">
        <v>68.333333333333329</v>
      </c>
      <c r="AY1571">
        <v>41.5</v>
      </c>
      <c r="AZ1571">
        <v>102.25</v>
      </c>
      <c r="BA1571">
        <v>0.71382458942483951</v>
      </c>
      <c r="BB1571">
        <v>0.375</v>
      </c>
      <c r="BC1571">
        <v>2.7080502011022101</v>
      </c>
      <c r="BD1571" t="s">
        <v>6014</v>
      </c>
      <c r="BE1571" t="s">
        <v>62</v>
      </c>
    </row>
    <row r="1572" spans="1:57" x14ac:dyDescent="0.3">
      <c r="A1572" t="s">
        <v>6016</v>
      </c>
      <c r="B1572">
        <v>3698</v>
      </c>
      <c r="C1572" t="s">
        <v>6017</v>
      </c>
      <c r="D1572" t="s">
        <v>6018</v>
      </c>
      <c r="E1572" t="s">
        <v>115</v>
      </c>
      <c r="F1572">
        <v>3766</v>
      </c>
      <c r="G1572">
        <v>126.51858736059479</v>
      </c>
      <c r="H1572">
        <v>125.5</v>
      </c>
      <c r="I1572">
        <v>5428.4912901977577</v>
      </c>
      <c r="J1572">
        <v>73.678295923546969</v>
      </c>
      <c r="K1572">
        <v>1.6742205273544749E-2</v>
      </c>
      <c r="L1572">
        <v>-1.2114380655380499</v>
      </c>
      <c r="M1572">
        <v>7.9500379107133536</v>
      </c>
      <c r="N1572">
        <v>26</v>
      </c>
      <c r="O1572">
        <v>6</v>
      </c>
      <c r="P1572">
        <v>20</v>
      </c>
      <c r="Q1572">
        <v>3.8479953054926859</v>
      </c>
      <c r="R1572">
        <v>5.5105463631556422</v>
      </c>
      <c r="S1572">
        <v>3</v>
      </c>
      <c r="T1572">
        <v>1</v>
      </c>
      <c r="U1572">
        <v>2</v>
      </c>
      <c r="V1572">
        <v>0.17172312612250171</v>
      </c>
      <c r="W1572">
        <v>8.1938271792971129</v>
      </c>
      <c r="X1572">
        <v>1</v>
      </c>
      <c r="Y1572">
        <v>1</v>
      </c>
      <c r="Z1572">
        <v>0</v>
      </c>
      <c r="AA1572">
        <v>0</v>
      </c>
      <c r="AB1572">
        <v>8.2332375007052665</v>
      </c>
      <c r="AC1572">
        <v>1</v>
      </c>
      <c r="AD1572">
        <v>1</v>
      </c>
      <c r="AE1572">
        <v>0</v>
      </c>
      <c r="AF1572">
        <v>0</v>
      </c>
      <c r="AG1572">
        <v>8.2329717905934352</v>
      </c>
      <c r="AH1572">
        <v>-1.3798581267944169E-2</v>
      </c>
      <c r="AI1572">
        <v>-1.8184313713313562E-2</v>
      </c>
      <c r="AJ1572">
        <v>-1.491792609624973E-2</v>
      </c>
      <c r="AK1572">
        <v>-1.9160562186745871E-2</v>
      </c>
      <c r="AL1572">
        <v>4135.2391630937018</v>
      </c>
      <c r="AM1572">
        <v>7976.5706957323509</v>
      </c>
      <c r="AN1572">
        <v>476468.99999999988</v>
      </c>
      <c r="AO1572">
        <v>65.172281992511984</v>
      </c>
      <c r="AP1572">
        <v>3768.5732621353959</v>
      </c>
      <c r="AQ1572">
        <v>1.0061072756240039</v>
      </c>
      <c r="AR1572">
        <v>4.0050451407328733</v>
      </c>
      <c r="AS1572">
        <v>3744</v>
      </c>
      <c r="AT1572">
        <v>257.67286245353159</v>
      </c>
      <c r="AU1572">
        <v>1.389001697333214E-2</v>
      </c>
      <c r="AV1572">
        <v>-1.380259206887318E-2</v>
      </c>
      <c r="AW1572">
        <v>0.3749336165693043</v>
      </c>
      <c r="AX1572">
        <v>85.860557768924309</v>
      </c>
      <c r="AY1572">
        <v>64.5</v>
      </c>
      <c r="AZ1572">
        <v>129</v>
      </c>
      <c r="BA1572">
        <v>0.58235155371719438</v>
      </c>
      <c r="BB1572">
        <v>0.4949548592671269</v>
      </c>
      <c r="BC1572">
        <v>5.3234805072174556</v>
      </c>
      <c r="BD1572" t="s">
        <v>6019</v>
      </c>
      <c r="BE1572" t="s">
        <v>68</v>
      </c>
    </row>
    <row r="1573" spans="1:57" x14ac:dyDescent="0.3">
      <c r="A1573" t="s">
        <v>6020</v>
      </c>
      <c r="B1573">
        <v>3573</v>
      </c>
      <c r="C1573" t="s">
        <v>6021</v>
      </c>
      <c r="D1573" t="s">
        <v>6022</v>
      </c>
      <c r="E1573" t="s">
        <v>98</v>
      </c>
      <c r="F1573">
        <v>16</v>
      </c>
      <c r="G1573">
        <v>124.25</v>
      </c>
      <c r="H1573">
        <v>121.5</v>
      </c>
      <c r="I1573">
        <v>3944.4375</v>
      </c>
      <c r="J1573">
        <v>62.804756985438608</v>
      </c>
      <c r="K1573">
        <v>0.1349533040346344</v>
      </c>
      <c r="L1573">
        <v>-1.324296794751272</v>
      </c>
      <c r="M1573">
        <v>3.875</v>
      </c>
      <c r="N1573">
        <v>2</v>
      </c>
      <c r="O1573">
        <v>1</v>
      </c>
      <c r="P1573">
        <v>1</v>
      </c>
      <c r="Q1573">
        <v>0.24944382578492949</v>
      </c>
      <c r="R1573">
        <v>2.6859453246697882</v>
      </c>
      <c r="S1573">
        <v>1</v>
      </c>
      <c r="T1573">
        <v>1</v>
      </c>
      <c r="U1573">
        <v>0</v>
      </c>
      <c r="V1573">
        <v>0</v>
      </c>
      <c r="W1573">
        <v>2.7080502011022101</v>
      </c>
      <c r="X1573">
        <v>1</v>
      </c>
      <c r="Y1573">
        <v>1</v>
      </c>
      <c r="Z1573">
        <v>0</v>
      </c>
      <c r="AA1573">
        <v>0</v>
      </c>
      <c r="AB1573">
        <v>2.639057329615258</v>
      </c>
      <c r="AC1573">
        <v>1</v>
      </c>
      <c r="AD1573">
        <v>1</v>
      </c>
      <c r="AE1573">
        <v>0</v>
      </c>
      <c r="AF1573">
        <v>0</v>
      </c>
      <c r="AG1573">
        <v>2.5649493574615372</v>
      </c>
      <c r="AH1573">
        <v>-2.936591877802602E-2</v>
      </c>
      <c r="AI1573">
        <v>-0.21734523300217079</v>
      </c>
      <c r="AJ1573">
        <v>-0.18370113767805929</v>
      </c>
      <c r="AK1573">
        <v>-4.6875742738983699E-2</v>
      </c>
      <c r="AL1573">
        <v>351.25798219631349</v>
      </c>
      <c r="AM1573">
        <v>432.1317275361464</v>
      </c>
      <c r="AN1573">
        <v>1988</v>
      </c>
      <c r="AO1573">
        <v>16</v>
      </c>
      <c r="AP1573">
        <v>254.06120581001619</v>
      </c>
      <c r="AQ1573">
        <v>2.3125</v>
      </c>
      <c r="AR1573">
        <v>4.0625</v>
      </c>
      <c r="AS1573">
        <v>16</v>
      </c>
      <c r="AT1573">
        <v>0.87499999999999989</v>
      </c>
      <c r="AU1573">
        <v>0.2471234309623431</v>
      </c>
      <c r="AV1573">
        <v>-3.044220427883404E-2</v>
      </c>
      <c r="AW1573">
        <v>0.5</v>
      </c>
      <c r="AX1573">
        <v>76.2</v>
      </c>
      <c r="AY1573">
        <v>61</v>
      </c>
      <c r="AZ1573">
        <v>117.5</v>
      </c>
      <c r="BA1573">
        <v>0.50547088117053207</v>
      </c>
      <c r="BB1573">
        <v>0.5</v>
      </c>
      <c r="BC1573">
        <v>2.523210952952891</v>
      </c>
      <c r="BD1573" t="s">
        <v>6021</v>
      </c>
      <c r="BE1573" t="s">
        <v>62</v>
      </c>
    </row>
    <row r="1574" spans="1:57" x14ac:dyDescent="0.3">
      <c r="A1574" t="s">
        <v>6023</v>
      </c>
      <c r="B1574">
        <v>3608</v>
      </c>
      <c r="C1574" t="s">
        <v>6024</v>
      </c>
      <c r="D1574" t="s">
        <v>6025</v>
      </c>
      <c r="E1574" t="s">
        <v>66</v>
      </c>
      <c r="F1574">
        <v>70</v>
      </c>
      <c r="G1574">
        <v>119.7</v>
      </c>
      <c r="H1574">
        <v>115</v>
      </c>
      <c r="I1574">
        <v>6761.0957142857142</v>
      </c>
      <c r="J1574">
        <v>82.225882265170711</v>
      </c>
      <c r="K1574">
        <v>0.15237367024481269</v>
      </c>
      <c r="L1574">
        <v>-1.3726905805847751</v>
      </c>
      <c r="M1574">
        <v>5.850571945454587</v>
      </c>
      <c r="N1574">
        <v>4</v>
      </c>
      <c r="O1574">
        <v>1</v>
      </c>
      <c r="P1574">
        <v>3</v>
      </c>
      <c r="Q1574">
        <v>0.52313789484602757</v>
      </c>
      <c r="R1574">
        <v>4.0553074486549594</v>
      </c>
      <c r="S1574">
        <v>3</v>
      </c>
      <c r="T1574">
        <v>1</v>
      </c>
      <c r="U1574">
        <v>2</v>
      </c>
      <c r="V1574">
        <v>0.24250860909361069</v>
      </c>
      <c r="W1574">
        <v>4.1863407529160366</v>
      </c>
      <c r="X1574">
        <v>1</v>
      </c>
      <c r="Y1574">
        <v>1</v>
      </c>
      <c r="Z1574">
        <v>0</v>
      </c>
      <c r="AA1574">
        <v>0</v>
      </c>
      <c r="AB1574">
        <v>4.2195077051761087</v>
      </c>
      <c r="AC1574">
        <v>1</v>
      </c>
      <c r="AD1574">
        <v>1</v>
      </c>
      <c r="AE1574">
        <v>0</v>
      </c>
      <c r="AF1574">
        <v>0</v>
      </c>
      <c r="AG1574">
        <v>4.2046926193909648</v>
      </c>
      <c r="AH1574">
        <v>0.1386540051517432</v>
      </c>
      <c r="AI1574">
        <v>-0.15129834196359129</v>
      </c>
      <c r="AJ1574">
        <v>-6.177242615155152E-2</v>
      </c>
      <c r="AK1574">
        <v>-1.304268729054275E-2</v>
      </c>
      <c r="AL1574">
        <v>746.49587675024407</v>
      </c>
      <c r="AM1574">
        <v>958.63804743755315</v>
      </c>
      <c r="AN1574">
        <v>8379</v>
      </c>
      <c r="AO1574">
        <v>160.94031067945679</v>
      </c>
      <c r="AP1574">
        <v>627.11686296276093</v>
      </c>
      <c r="AQ1574">
        <v>1.328571428571429</v>
      </c>
      <c r="AR1574">
        <v>3.7714285714285709</v>
      </c>
      <c r="AS1574">
        <v>70</v>
      </c>
      <c r="AT1574">
        <v>15.02857142857143</v>
      </c>
      <c r="AU1574">
        <v>0.13246753246753251</v>
      </c>
      <c r="AV1574">
        <v>0.14009982364071041</v>
      </c>
      <c r="AW1574">
        <v>0.41428571428571431</v>
      </c>
      <c r="AX1574">
        <v>83.231884057971016</v>
      </c>
      <c r="AY1574">
        <v>77.5</v>
      </c>
      <c r="AZ1574">
        <v>160.5</v>
      </c>
      <c r="BA1574">
        <v>0.68693301808830998</v>
      </c>
      <c r="BB1574">
        <v>0.48571428571428571</v>
      </c>
      <c r="BC1574">
        <v>3.872464497348592</v>
      </c>
      <c r="BD1574" t="s">
        <v>6026</v>
      </c>
      <c r="BE1574" t="s">
        <v>68</v>
      </c>
    </row>
    <row r="1575" spans="1:57" x14ac:dyDescent="0.3">
      <c r="A1575" t="s">
        <v>6027</v>
      </c>
      <c r="B1575">
        <v>3456</v>
      </c>
      <c r="C1575" t="s">
        <v>6028</v>
      </c>
      <c r="D1575" t="s">
        <v>6029</v>
      </c>
      <c r="E1575" t="s">
        <v>128</v>
      </c>
      <c r="F1575">
        <v>32</v>
      </c>
      <c r="G1575">
        <v>120.25</v>
      </c>
      <c r="H1575">
        <v>97.5</v>
      </c>
      <c r="I1575">
        <v>5275.875</v>
      </c>
      <c r="J1575">
        <v>72.635218730310157</v>
      </c>
      <c r="K1575">
        <v>0.25946629377503588</v>
      </c>
      <c r="L1575">
        <v>-0.9315981847858974</v>
      </c>
      <c r="M1575">
        <v>4.875</v>
      </c>
      <c r="N1575">
        <v>2</v>
      </c>
      <c r="O1575">
        <v>1</v>
      </c>
      <c r="P1575">
        <v>1</v>
      </c>
      <c r="Q1575">
        <v>0.24944382578492941</v>
      </c>
      <c r="R1575">
        <v>3.3790925052297318</v>
      </c>
      <c r="S1575">
        <v>1</v>
      </c>
      <c r="T1575">
        <v>1</v>
      </c>
      <c r="U1575">
        <v>0</v>
      </c>
      <c r="V1575">
        <v>0</v>
      </c>
      <c r="W1575">
        <v>3.4339872044851458</v>
      </c>
      <c r="X1575">
        <v>1</v>
      </c>
      <c r="Y1575">
        <v>1</v>
      </c>
      <c r="Z1575">
        <v>0</v>
      </c>
      <c r="AA1575">
        <v>0</v>
      </c>
      <c r="AB1575">
        <v>3.401197381662155</v>
      </c>
      <c r="AC1575">
        <v>1</v>
      </c>
      <c r="AD1575">
        <v>1</v>
      </c>
      <c r="AE1575">
        <v>0</v>
      </c>
      <c r="AF1575">
        <v>0</v>
      </c>
      <c r="AG1575">
        <v>3.3672958299864728</v>
      </c>
      <c r="AH1575">
        <v>-0.1429653996967328</v>
      </c>
      <c r="AI1575">
        <v>-7.4250864785462126E-2</v>
      </c>
      <c r="AJ1575">
        <v>0.19230037375316891</v>
      </c>
      <c r="AK1575">
        <v>0.1161500165849267</v>
      </c>
      <c r="AL1575">
        <v>472.05358142893999</v>
      </c>
      <c r="AM1575">
        <v>639.30854543022588</v>
      </c>
      <c r="AN1575">
        <v>3848</v>
      </c>
      <c r="AO1575">
        <v>145.9371159559947</v>
      </c>
      <c r="AP1575">
        <v>275.68885313162872</v>
      </c>
      <c r="AQ1575">
        <v>1.65625</v>
      </c>
      <c r="AR1575">
        <v>4.28125</v>
      </c>
      <c r="AS1575">
        <v>31</v>
      </c>
      <c r="AT1575">
        <v>1.75</v>
      </c>
      <c r="AU1575">
        <v>0.18210784313725489</v>
      </c>
      <c r="AV1575">
        <v>-0.1547280381506152</v>
      </c>
      <c r="AW1575">
        <v>0.40625</v>
      </c>
      <c r="AX1575">
        <v>88.967741935483872</v>
      </c>
      <c r="AY1575">
        <v>58</v>
      </c>
      <c r="AZ1575">
        <v>103</v>
      </c>
      <c r="BA1575">
        <v>0.60403508299634223</v>
      </c>
      <c r="BB1575">
        <v>0.4375</v>
      </c>
      <c r="BC1575">
        <v>3.2998296856670919</v>
      </c>
      <c r="BD1575" t="s">
        <v>6030</v>
      </c>
      <c r="BE1575" t="s">
        <v>62</v>
      </c>
    </row>
    <row r="1576" spans="1:57" x14ac:dyDescent="0.3">
      <c r="A1576" t="s">
        <v>6031</v>
      </c>
      <c r="B1576">
        <v>2713</v>
      </c>
      <c r="C1576" t="s">
        <v>6032</v>
      </c>
      <c r="D1576" t="s">
        <v>6033</v>
      </c>
      <c r="E1576" t="s">
        <v>93</v>
      </c>
      <c r="F1576">
        <v>2919</v>
      </c>
      <c r="G1576">
        <v>128.57245632065769</v>
      </c>
      <c r="H1576">
        <v>128</v>
      </c>
      <c r="I1576">
        <v>5338.6284431271606</v>
      </c>
      <c r="J1576">
        <v>73.065918478639276</v>
      </c>
      <c r="K1576">
        <v>-1.1890581802906671E-2</v>
      </c>
      <c r="L1576">
        <v>-1.1690299325367279</v>
      </c>
      <c r="M1576">
        <v>7.9429295661782282</v>
      </c>
      <c r="N1576">
        <v>22</v>
      </c>
      <c r="O1576">
        <v>5</v>
      </c>
      <c r="P1576">
        <v>17</v>
      </c>
      <c r="Q1576">
        <v>3.231654105382558</v>
      </c>
      <c r="R1576">
        <v>5.505619234182686</v>
      </c>
      <c r="S1576">
        <v>2</v>
      </c>
      <c r="T1576">
        <v>1</v>
      </c>
      <c r="U1576">
        <v>1</v>
      </c>
      <c r="V1576">
        <v>0.15483714530667819</v>
      </c>
      <c r="W1576">
        <v>7.9453978670956182</v>
      </c>
      <c r="X1576">
        <v>1</v>
      </c>
      <c r="Y1576">
        <v>1</v>
      </c>
      <c r="Z1576">
        <v>0</v>
      </c>
      <c r="AA1576">
        <v>0</v>
      </c>
      <c r="AB1576">
        <v>7.9783109698677226</v>
      </c>
      <c r="AC1576">
        <v>1</v>
      </c>
      <c r="AD1576">
        <v>1</v>
      </c>
      <c r="AE1576">
        <v>0</v>
      </c>
      <c r="AF1576">
        <v>0</v>
      </c>
      <c r="AG1576">
        <v>7.9779680931285473</v>
      </c>
      <c r="AH1576">
        <v>-2.2643378199028629E-2</v>
      </c>
      <c r="AI1576">
        <v>1.8181611380842479E-2</v>
      </c>
      <c r="AJ1576">
        <v>1.45437054071436E-3</v>
      </c>
      <c r="AK1576">
        <v>-1.6937817541770001E-2</v>
      </c>
      <c r="AL1576">
        <v>3628.0219670232641</v>
      </c>
      <c r="AM1576">
        <v>7118.6053133178166</v>
      </c>
      <c r="AN1576">
        <v>375303</v>
      </c>
      <c r="AO1576">
        <v>127.5165295660658</v>
      </c>
      <c r="AP1576">
        <v>3299.872232221569</v>
      </c>
      <c r="AQ1576">
        <v>1.007879410757109</v>
      </c>
      <c r="AR1576">
        <v>4.0301473107228496</v>
      </c>
      <c r="AS1576">
        <v>2908</v>
      </c>
      <c r="AT1576">
        <v>234.47447756080851</v>
      </c>
      <c r="AU1576">
        <v>1.5746730346815011E-2</v>
      </c>
      <c r="AV1576">
        <v>-2.2648480190001222E-2</v>
      </c>
      <c r="AW1576">
        <v>0.37478588557725251</v>
      </c>
      <c r="AX1576">
        <v>85.626799177518848</v>
      </c>
      <c r="AY1576">
        <v>62</v>
      </c>
      <c r="AZ1576">
        <v>124</v>
      </c>
      <c r="BA1576">
        <v>0.56828593440273079</v>
      </c>
      <c r="BB1576">
        <v>0.49914354230900992</v>
      </c>
      <c r="BC1576">
        <v>5.3096069963487116</v>
      </c>
      <c r="BD1576" t="s">
        <v>6034</v>
      </c>
      <c r="BE1576" t="s">
        <v>68</v>
      </c>
    </row>
    <row r="1577" spans="1:57" x14ac:dyDescent="0.3">
      <c r="A1577" t="s">
        <v>6035</v>
      </c>
      <c r="B1577">
        <v>2739</v>
      </c>
      <c r="C1577" t="s">
        <v>6036</v>
      </c>
      <c r="D1577" t="s">
        <v>6037</v>
      </c>
      <c r="E1577" t="s">
        <v>85</v>
      </c>
      <c r="F1577">
        <v>8</v>
      </c>
      <c r="G1577">
        <v>138.875</v>
      </c>
      <c r="H1577">
        <v>173</v>
      </c>
      <c r="I1577">
        <v>5744.859375</v>
      </c>
      <c r="J1577">
        <v>75.794850583664328</v>
      </c>
      <c r="K1577">
        <v>-0.92391050341310854</v>
      </c>
      <c r="L1577">
        <v>-0.82027790677987955</v>
      </c>
      <c r="M1577">
        <v>3</v>
      </c>
      <c r="N1577">
        <v>1</v>
      </c>
      <c r="O1577">
        <v>1</v>
      </c>
      <c r="P1577">
        <v>0</v>
      </c>
      <c r="Q1577">
        <v>0</v>
      </c>
      <c r="R1577">
        <v>2.0794415416798362</v>
      </c>
      <c r="S1577">
        <v>1</v>
      </c>
      <c r="T1577">
        <v>1</v>
      </c>
      <c r="U1577">
        <v>0</v>
      </c>
      <c r="V1577">
        <v>0</v>
      </c>
      <c r="W1577">
        <v>1.945910149055313</v>
      </c>
      <c r="X1577">
        <v>1</v>
      </c>
      <c r="Y1577">
        <v>1</v>
      </c>
      <c r="Z1577">
        <v>0</v>
      </c>
      <c r="AA1577">
        <v>0</v>
      </c>
      <c r="AB1577">
        <v>1.791759469228055</v>
      </c>
      <c r="AC1577">
        <v>1</v>
      </c>
      <c r="AD1577">
        <v>1</v>
      </c>
      <c r="AE1577">
        <v>0</v>
      </c>
      <c r="AF1577">
        <v>0</v>
      </c>
      <c r="AG1577">
        <v>1.6094379124341009</v>
      </c>
      <c r="AH1577">
        <v>2.9727324156650921E-2</v>
      </c>
      <c r="AI1577">
        <v>5.550002583831741E-2</v>
      </c>
      <c r="AJ1577">
        <v>-0.12291049606849599</v>
      </c>
      <c r="AK1577">
        <v>0</v>
      </c>
      <c r="AL1577">
        <v>319.22156108243638</v>
      </c>
      <c r="AM1577">
        <v>313.60260671762973</v>
      </c>
      <c r="AN1577">
        <v>1111</v>
      </c>
      <c r="AO1577">
        <v>69</v>
      </c>
      <c r="AP1577">
        <v>166.01097272755129</v>
      </c>
      <c r="AQ1577">
        <v>3.5</v>
      </c>
      <c r="AR1577">
        <v>3.875</v>
      </c>
      <c r="AS1577">
        <v>8</v>
      </c>
      <c r="AT1577">
        <v>0</v>
      </c>
      <c r="AU1577">
        <v>0.41346153846153838</v>
      </c>
      <c r="AV1577">
        <v>-3.1068467942501891E-2</v>
      </c>
      <c r="AW1577">
        <v>0</v>
      </c>
      <c r="AX1577">
        <v>64.142857142857139</v>
      </c>
      <c r="AY1577">
        <v>33</v>
      </c>
      <c r="AZ1577">
        <v>86.5</v>
      </c>
      <c r="BA1577">
        <v>0.54577750195257846</v>
      </c>
      <c r="BB1577">
        <v>0.625</v>
      </c>
      <c r="BC1577">
        <v>1.945910149055313</v>
      </c>
      <c r="BD1577" t="s">
        <v>6036</v>
      </c>
      <c r="BE1577" t="s">
        <v>68</v>
      </c>
    </row>
    <row r="1578" spans="1:57" x14ac:dyDescent="0.3">
      <c r="A1578" t="s">
        <v>6038</v>
      </c>
      <c r="B1578">
        <v>889</v>
      </c>
      <c r="C1578" t="s">
        <v>6039</v>
      </c>
      <c r="D1578" t="s">
        <v>6040</v>
      </c>
      <c r="E1578" t="s">
        <v>93</v>
      </c>
      <c r="F1578">
        <v>889</v>
      </c>
      <c r="G1578">
        <v>129.96062992125991</v>
      </c>
      <c r="H1578">
        <v>132</v>
      </c>
      <c r="I1578">
        <v>5244.3325332364957</v>
      </c>
      <c r="J1578">
        <v>72.417763934248171</v>
      </c>
      <c r="K1578">
        <v>-4.2267533514930858E-2</v>
      </c>
      <c r="L1578">
        <v>-1.160514069838293</v>
      </c>
      <c r="M1578">
        <v>7.7916245521702514</v>
      </c>
      <c r="N1578">
        <v>10</v>
      </c>
      <c r="O1578">
        <v>1</v>
      </c>
      <c r="P1578">
        <v>9</v>
      </c>
      <c r="Q1578">
        <v>1.747816924051258</v>
      </c>
      <c r="R1578">
        <v>5.4007425903184529</v>
      </c>
      <c r="S1578">
        <v>2</v>
      </c>
      <c r="T1578">
        <v>1</v>
      </c>
      <c r="U1578">
        <v>1</v>
      </c>
      <c r="V1578">
        <v>0.116236731153953</v>
      </c>
      <c r="W1578">
        <v>6.7702380354094656</v>
      </c>
      <c r="X1578">
        <v>1</v>
      </c>
      <c r="Y1578">
        <v>1</v>
      </c>
      <c r="Z1578">
        <v>0</v>
      </c>
      <c r="AA1578">
        <v>0</v>
      </c>
      <c r="AB1578">
        <v>6.787844982309581</v>
      </c>
      <c r="AC1578">
        <v>1</v>
      </c>
      <c r="AD1578">
        <v>1</v>
      </c>
      <c r="AE1578">
        <v>0</v>
      </c>
      <c r="AF1578">
        <v>0</v>
      </c>
      <c r="AG1578">
        <v>6.7867169506050811</v>
      </c>
      <c r="AH1578">
        <v>1.4003317912925389E-2</v>
      </c>
      <c r="AI1578">
        <v>2.739911096888702E-2</v>
      </c>
      <c r="AJ1578">
        <v>-2.770278959062368E-2</v>
      </c>
      <c r="AK1578">
        <v>-4.5216333995938773E-2</v>
      </c>
      <c r="AL1578">
        <v>2040.5622428421241</v>
      </c>
      <c r="AM1578">
        <v>3938.6950545944942</v>
      </c>
      <c r="AN1578">
        <v>115535</v>
      </c>
      <c r="AO1578">
        <v>106.0409096098758</v>
      </c>
      <c r="AP1578">
        <v>1795.5226930924921</v>
      </c>
      <c r="AQ1578">
        <v>1.025871766029246</v>
      </c>
      <c r="AR1578">
        <v>4.043869516310461</v>
      </c>
      <c r="AS1578">
        <v>886</v>
      </c>
      <c r="AT1578">
        <v>214.76827896512941</v>
      </c>
      <c r="AU1578">
        <v>3.7217406647698459E-2</v>
      </c>
      <c r="AV1578">
        <v>1.401583857482112E-2</v>
      </c>
      <c r="AW1578">
        <v>0.35995500562429689</v>
      </c>
      <c r="AX1578">
        <v>82.811936936936931</v>
      </c>
      <c r="AY1578">
        <v>62</v>
      </c>
      <c r="AZ1578">
        <v>125</v>
      </c>
      <c r="BA1578">
        <v>0.55722847740984649</v>
      </c>
      <c r="BB1578">
        <v>0.50843644544431943</v>
      </c>
      <c r="BC1578">
        <v>5.1775835047597862</v>
      </c>
      <c r="BD1578" t="s">
        <v>6041</v>
      </c>
      <c r="BE1578" t="s">
        <v>68</v>
      </c>
    </row>
    <row r="1579" spans="1:57" x14ac:dyDescent="0.3">
      <c r="A1579" t="s">
        <v>6042</v>
      </c>
      <c r="B1579">
        <v>3724</v>
      </c>
      <c r="C1579" t="s">
        <v>6043</v>
      </c>
      <c r="D1579" t="s">
        <v>6044</v>
      </c>
      <c r="E1579" t="s">
        <v>98</v>
      </c>
      <c r="F1579">
        <v>16</v>
      </c>
      <c r="G1579">
        <v>116.75</v>
      </c>
      <c r="H1579">
        <v>102.5</v>
      </c>
      <c r="I1579">
        <v>7988.4375</v>
      </c>
      <c r="J1579">
        <v>89.378059388196604</v>
      </c>
      <c r="K1579">
        <v>0.19047310944342871</v>
      </c>
      <c r="L1579">
        <v>-1.4339962146120351</v>
      </c>
      <c r="M1579">
        <v>4</v>
      </c>
      <c r="N1579">
        <v>1</v>
      </c>
      <c r="O1579">
        <v>1</v>
      </c>
      <c r="P1579">
        <v>0</v>
      </c>
      <c r="Q1579">
        <v>0</v>
      </c>
      <c r="R1579">
        <v>2.7725887222397811</v>
      </c>
      <c r="S1579">
        <v>1</v>
      </c>
      <c r="T1579">
        <v>1</v>
      </c>
      <c r="U1579">
        <v>0</v>
      </c>
      <c r="V1579">
        <v>0</v>
      </c>
      <c r="W1579">
        <v>2.7080502011022101</v>
      </c>
      <c r="X1579">
        <v>1</v>
      </c>
      <c r="Y1579">
        <v>1</v>
      </c>
      <c r="Z1579">
        <v>0</v>
      </c>
      <c r="AA1579">
        <v>0</v>
      </c>
      <c r="AB1579">
        <v>2.639057329615258</v>
      </c>
      <c r="AC1579">
        <v>1</v>
      </c>
      <c r="AD1579">
        <v>1</v>
      </c>
      <c r="AE1579">
        <v>0</v>
      </c>
      <c r="AF1579">
        <v>0</v>
      </c>
      <c r="AG1579">
        <v>2.5649493574615372</v>
      </c>
      <c r="AH1579">
        <v>-1.8826037632515739E-4</v>
      </c>
      <c r="AI1579">
        <v>-0.35594902789187499</v>
      </c>
      <c r="AJ1579">
        <v>-0.14646608379298201</v>
      </c>
      <c r="AK1579">
        <v>-0.1437654031216993</v>
      </c>
      <c r="AL1579">
        <v>431.67200689274563</v>
      </c>
      <c r="AM1579">
        <v>399.45372506110061</v>
      </c>
      <c r="AN1579">
        <v>1868</v>
      </c>
      <c r="AO1579">
        <v>112</v>
      </c>
      <c r="AP1579">
        <v>317.06788231209168</v>
      </c>
      <c r="AQ1579">
        <v>2.25</v>
      </c>
      <c r="AR1579">
        <v>4.0625</v>
      </c>
      <c r="AS1579">
        <v>16</v>
      </c>
      <c r="AT1579">
        <v>0</v>
      </c>
      <c r="AU1579">
        <v>0.19068627450980391</v>
      </c>
      <c r="AV1579">
        <v>-7.4736455895840484E-3</v>
      </c>
      <c r="AW1579">
        <v>0.3125</v>
      </c>
      <c r="AX1579">
        <v>104.6666666666667</v>
      </c>
      <c r="AY1579">
        <v>88</v>
      </c>
      <c r="AZ1579">
        <v>168.75</v>
      </c>
      <c r="BA1579">
        <v>0.76555082987748702</v>
      </c>
      <c r="BB1579">
        <v>0.4375</v>
      </c>
      <c r="BC1579">
        <v>2.7080502011022101</v>
      </c>
      <c r="BD1579" t="s">
        <v>6043</v>
      </c>
      <c r="BE1579" t="s">
        <v>62</v>
      </c>
    </row>
    <row r="1580" spans="1:57" x14ac:dyDescent="0.3">
      <c r="A1580" t="s">
        <v>6045</v>
      </c>
      <c r="B1580">
        <v>2860</v>
      </c>
      <c r="C1580" t="s">
        <v>6046</v>
      </c>
      <c r="D1580" t="s">
        <v>6047</v>
      </c>
      <c r="E1580" t="s">
        <v>85</v>
      </c>
      <c r="F1580">
        <v>8</v>
      </c>
      <c r="G1580">
        <v>144.625</v>
      </c>
      <c r="H1580">
        <v>137.5</v>
      </c>
      <c r="I1580">
        <v>4316.234375</v>
      </c>
      <c r="J1580">
        <v>65.698054575459082</v>
      </c>
      <c r="K1580">
        <v>5.6806233277852128E-2</v>
      </c>
      <c r="L1580">
        <v>-0.95012695328063801</v>
      </c>
      <c r="M1580">
        <v>3</v>
      </c>
      <c r="N1580">
        <v>1</v>
      </c>
      <c r="O1580">
        <v>1</v>
      </c>
      <c r="P1580">
        <v>0</v>
      </c>
      <c r="Q1580">
        <v>0</v>
      </c>
      <c r="R1580">
        <v>2.0794415416798362</v>
      </c>
      <c r="S1580">
        <v>1</v>
      </c>
      <c r="T1580">
        <v>1</v>
      </c>
      <c r="U1580">
        <v>0</v>
      </c>
      <c r="V1580">
        <v>0</v>
      </c>
      <c r="W1580">
        <v>1.945910149055313</v>
      </c>
      <c r="X1580">
        <v>1</v>
      </c>
      <c r="Y1580">
        <v>1</v>
      </c>
      <c r="Z1580">
        <v>0</v>
      </c>
      <c r="AA1580">
        <v>0</v>
      </c>
      <c r="AB1580">
        <v>1.791759469228055</v>
      </c>
      <c r="AC1580">
        <v>1</v>
      </c>
      <c r="AD1580">
        <v>1</v>
      </c>
      <c r="AE1580">
        <v>0</v>
      </c>
      <c r="AF1580">
        <v>0</v>
      </c>
      <c r="AG1580">
        <v>1.6094379124341009</v>
      </c>
      <c r="AH1580">
        <v>2.0807615868867181E-2</v>
      </c>
      <c r="AI1580">
        <v>0.19323031867332269</v>
      </c>
      <c r="AJ1580">
        <v>-2.872376818624452E-2</v>
      </c>
      <c r="AK1580">
        <v>0</v>
      </c>
      <c r="AL1580">
        <v>316.53435154118438</v>
      </c>
      <c r="AM1580">
        <v>318.85263727057662</v>
      </c>
      <c r="AN1580">
        <v>1157</v>
      </c>
      <c r="AO1580">
        <v>164.02743672934719</v>
      </c>
      <c r="AP1580">
        <v>208.04504002648119</v>
      </c>
      <c r="AQ1580">
        <v>3.5</v>
      </c>
      <c r="AR1580">
        <v>4.375</v>
      </c>
      <c r="AS1580">
        <v>8</v>
      </c>
      <c r="AT1580">
        <v>0</v>
      </c>
      <c r="AU1580">
        <v>0.18673469387755101</v>
      </c>
      <c r="AV1580">
        <v>3.6771780832324158E-2</v>
      </c>
      <c r="AW1580">
        <v>0.5</v>
      </c>
      <c r="AX1580">
        <v>80</v>
      </c>
      <c r="AY1580">
        <v>37.5</v>
      </c>
      <c r="AZ1580">
        <v>86</v>
      </c>
      <c r="BA1580">
        <v>0.45426485445434112</v>
      </c>
      <c r="BB1580">
        <v>0.5</v>
      </c>
      <c r="BC1580">
        <v>1.945910149055313</v>
      </c>
      <c r="BD1580" t="s">
        <v>6046</v>
      </c>
      <c r="BE1580" t="s">
        <v>68</v>
      </c>
    </row>
    <row r="1581" spans="1:57" x14ac:dyDescent="0.3">
      <c r="A1581" t="s">
        <v>6048</v>
      </c>
      <c r="B1581">
        <v>3969</v>
      </c>
      <c r="C1581" t="s">
        <v>6049</v>
      </c>
      <c r="D1581" t="s">
        <v>6050</v>
      </c>
      <c r="E1581" t="s">
        <v>10622</v>
      </c>
      <c r="F1581">
        <v>64</v>
      </c>
      <c r="G1581">
        <v>112.828125</v>
      </c>
      <c r="H1581">
        <v>105.5</v>
      </c>
      <c r="I1581">
        <v>5793.517333984375</v>
      </c>
      <c r="J1581">
        <v>76.115158371932552</v>
      </c>
      <c r="K1581">
        <v>0.22509349851786861</v>
      </c>
      <c r="L1581">
        <v>-1.1777062736677311</v>
      </c>
      <c r="M1581">
        <v>5.8125</v>
      </c>
      <c r="N1581">
        <v>2</v>
      </c>
      <c r="O1581">
        <v>1</v>
      </c>
      <c r="P1581">
        <v>1</v>
      </c>
      <c r="Q1581">
        <v>0.30454347814923621</v>
      </c>
      <c r="R1581">
        <v>4.0289179870046823</v>
      </c>
      <c r="S1581">
        <v>1</v>
      </c>
      <c r="T1581">
        <v>1</v>
      </c>
      <c r="U1581">
        <v>0</v>
      </c>
      <c r="V1581">
        <v>0</v>
      </c>
      <c r="W1581">
        <v>4.1431347263915326</v>
      </c>
      <c r="X1581">
        <v>1</v>
      </c>
      <c r="Y1581">
        <v>1</v>
      </c>
      <c r="Z1581">
        <v>0</v>
      </c>
      <c r="AA1581">
        <v>0</v>
      </c>
      <c r="AB1581">
        <v>4.1271343850450908</v>
      </c>
      <c r="AC1581">
        <v>1</v>
      </c>
      <c r="AD1581">
        <v>1</v>
      </c>
      <c r="AE1581">
        <v>0</v>
      </c>
      <c r="AF1581">
        <v>0</v>
      </c>
      <c r="AG1581">
        <v>4.1108738641733096</v>
      </c>
      <c r="AH1581">
        <v>7.8945748410246208E-2</v>
      </c>
      <c r="AI1581">
        <v>-0.119389477119644</v>
      </c>
      <c r="AJ1581">
        <v>-0.1029000858324399</v>
      </c>
      <c r="AK1581">
        <v>-9.6913525857948296E-2</v>
      </c>
      <c r="AL1581">
        <v>638.23068571015301</v>
      </c>
      <c r="AM1581">
        <v>882.14431462088316</v>
      </c>
      <c r="AN1581">
        <v>7221</v>
      </c>
      <c r="AO1581">
        <v>67</v>
      </c>
      <c r="AP1581">
        <v>563.9853921605561</v>
      </c>
      <c r="AQ1581">
        <v>1.359375</v>
      </c>
      <c r="AR1581">
        <v>3.875</v>
      </c>
      <c r="AS1581">
        <v>64</v>
      </c>
      <c r="AT1581">
        <v>4.8750000000000018</v>
      </c>
      <c r="AU1581">
        <v>0.1151185770750988</v>
      </c>
      <c r="AV1581">
        <v>7.9613802562201463E-2</v>
      </c>
      <c r="AW1581">
        <v>0.390625</v>
      </c>
      <c r="AX1581">
        <v>86.428571428571431</v>
      </c>
      <c r="AY1581">
        <v>67.5</v>
      </c>
      <c r="AZ1581">
        <v>139.25</v>
      </c>
      <c r="BA1581">
        <v>0.6746115684536329</v>
      </c>
      <c r="BB1581">
        <v>0.46875</v>
      </c>
      <c r="BC1581">
        <v>3.901083330005521</v>
      </c>
      <c r="BD1581" t="s">
        <v>6051</v>
      </c>
      <c r="BE1581" t="s">
        <v>62</v>
      </c>
    </row>
    <row r="1582" spans="1:57" x14ac:dyDescent="0.3">
      <c r="A1582" t="s">
        <v>6052</v>
      </c>
      <c r="B1582">
        <v>2890</v>
      </c>
      <c r="C1582" t="s">
        <v>6053</v>
      </c>
      <c r="D1582" t="s">
        <v>6054</v>
      </c>
      <c r="E1582" t="s">
        <v>66</v>
      </c>
      <c r="F1582">
        <v>71</v>
      </c>
      <c r="G1582">
        <v>107.9014084507042</v>
      </c>
      <c r="H1582">
        <v>94</v>
      </c>
      <c r="I1582">
        <v>5370.4268994247177</v>
      </c>
      <c r="J1582">
        <v>73.283196569368599</v>
      </c>
      <c r="K1582">
        <v>0.25206598569232253</v>
      </c>
      <c r="L1582">
        <v>-1.1953322585025219</v>
      </c>
      <c r="M1582">
        <v>5.9525640209131288</v>
      </c>
      <c r="N1582">
        <v>2</v>
      </c>
      <c r="O1582">
        <v>1</v>
      </c>
      <c r="P1582">
        <v>1</v>
      </c>
      <c r="Q1582">
        <v>0.31210913055372153</v>
      </c>
      <c r="R1582">
        <v>4.1260029681985104</v>
      </c>
      <c r="S1582">
        <v>1</v>
      </c>
      <c r="T1582">
        <v>1</v>
      </c>
      <c r="U1582">
        <v>0</v>
      </c>
      <c r="V1582">
        <v>0</v>
      </c>
      <c r="W1582">
        <v>4.2484952420493576</v>
      </c>
      <c r="X1582">
        <v>1</v>
      </c>
      <c r="Y1582">
        <v>1</v>
      </c>
      <c r="Z1582">
        <v>0</v>
      </c>
      <c r="AA1582">
        <v>0</v>
      </c>
      <c r="AB1582">
        <v>4.2341065045972579</v>
      </c>
      <c r="AC1582">
        <v>1</v>
      </c>
      <c r="AD1582">
        <v>1</v>
      </c>
      <c r="AE1582">
        <v>0</v>
      </c>
      <c r="AF1582">
        <v>0</v>
      </c>
      <c r="AG1582">
        <v>4.2195077051761087</v>
      </c>
      <c r="AH1582">
        <v>1.9576943191616701E-2</v>
      </c>
      <c r="AI1582">
        <v>0.15742202016207951</v>
      </c>
      <c r="AJ1582">
        <v>-0.1293471040535136</v>
      </c>
      <c r="AK1582">
        <v>4.1038818118059817E-2</v>
      </c>
      <c r="AL1582">
        <v>651.82318483130018</v>
      </c>
      <c r="AM1582">
        <v>884.90651241607486</v>
      </c>
      <c r="AN1582">
        <v>7661</v>
      </c>
      <c r="AO1582">
        <v>107.997101885918</v>
      </c>
      <c r="AP1582">
        <v>546.94906083782723</v>
      </c>
      <c r="AQ1582">
        <v>1.323943661971831</v>
      </c>
      <c r="AR1582">
        <v>3.676056338028169</v>
      </c>
      <c r="AS1582">
        <v>71</v>
      </c>
      <c r="AT1582">
        <v>5.619718309859155</v>
      </c>
      <c r="AU1582">
        <v>0.14147486545287979</v>
      </c>
      <c r="AV1582">
        <v>1.9643245412967601E-2</v>
      </c>
      <c r="AW1582">
        <v>0.43661971830985907</v>
      </c>
      <c r="AX1582">
        <v>82.7</v>
      </c>
      <c r="AY1582">
        <v>61</v>
      </c>
      <c r="AZ1582">
        <v>122</v>
      </c>
      <c r="BA1582">
        <v>0.67916811857788417</v>
      </c>
      <c r="BB1582">
        <v>0.43661971830985907</v>
      </c>
      <c r="BC1582">
        <v>4.0033698066607419</v>
      </c>
      <c r="BD1582" t="s">
        <v>6055</v>
      </c>
      <c r="BE1582" t="s">
        <v>68</v>
      </c>
    </row>
    <row r="1583" spans="1:57" x14ac:dyDescent="0.3">
      <c r="A1583" t="s">
        <v>6056</v>
      </c>
      <c r="B1583">
        <v>2206</v>
      </c>
      <c r="C1583" t="s">
        <v>6057</v>
      </c>
      <c r="D1583" t="s">
        <v>6058</v>
      </c>
      <c r="E1583" t="s">
        <v>115</v>
      </c>
      <c r="F1583">
        <v>2265</v>
      </c>
      <c r="G1583">
        <v>131.05430463576161</v>
      </c>
      <c r="H1583">
        <v>132</v>
      </c>
      <c r="I1583">
        <v>5327.1038942736432</v>
      </c>
      <c r="J1583">
        <v>72.987011819046572</v>
      </c>
      <c r="K1583">
        <v>-3.4470145525714577E-2</v>
      </c>
      <c r="L1583">
        <v>-1.1797497289156911</v>
      </c>
      <c r="M1583">
        <v>7.9206148802140079</v>
      </c>
      <c r="N1583">
        <v>17</v>
      </c>
      <c r="O1583">
        <v>2</v>
      </c>
      <c r="P1583">
        <v>15</v>
      </c>
      <c r="Q1583">
        <v>2.8933238034889799</v>
      </c>
      <c r="R1583">
        <v>5.4901518725214782</v>
      </c>
      <c r="S1583">
        <v>2</v>
      </c>
      <c r="T1583">
        <v>1</v>
      </c>
      <c r="U1583">
        <v>1</v>
      </c>
      <c r="V1583">
        <v>0.11510210169830019</v>
      </c>
      <c r="W1583">
        <v>7.7065188143965742</v>
      </c>
      <c r="X1583">
        <v>1</v>
      </c>
      <c r="Y1583">
        <v>1</v>
      </c>
      <c r="Z1583">
        <v>0</v>
      </c>
      <c r="AA1583">
        <v>0</v>
      </c>
      <c r="AB1583">
        <v>7.7244466456335363</v>
      </c>
      <c r="AC1583">
        <v>1</v>
      </c>
      <c r="AD1583">
        <v>1</v>
      </c>
      <c r="AE1583">
        <v>0</v>
      </c>
      <c r="AF1583">
        <v>0</v>
      </c>
      <c r="AG1583">
        <v>7.7240046566760636</v>
      </c>
      <c r="AH1583">
        <v>3.251685019685778E-2</v>
      </c>
      <c r="AI1583">
        <v>8.918157094234741E-3</v>
      </c>
      <c r="AJ1583">
        <v>-4.3826946425370189E-2</v>
      </c>
      <c r="AK1583">
        <v>2.2773476624827441E-2</v>
      </c>
      <c r="AL1583">
        <v>3221.124553112099</v>
      </c>
      <c r="AM1583">
        <v>6371.1964820854773</v>
      </c>
      <c r="AN1583">
        <v>296837.99999999988</v>
      </c>
      <c r="AO1583">
        <v>114.88846421852421</v>
      </c>
      <c r="AP1583">
        <v>2921.6251273640842</v>
      </c>
      <c r="AQ1583">
        <v>1.010154525386314</v>
      </c>
      <c r="AR1583">
        <v>4.0578366445916112</v>
      </c>
      <c r="AS1583">
        <v>2253</v>
      </c>
      <c r="AT1583">
        <v>242.21766004415011</v>
      </c>
      <c r="AU1583">
        <v>2.5607064017660001E-2</v>
      </c>
      <c r="AV1583">
        <v>3.2533009121634079E-2</v>
      </c>
      <c r="AW1583">
        <v>0.36644591611479033</v>
      </c>
      <c r="AX1583">
        <v>82.513250883392232</v>
      </c>
      <c r="AY1583">
        <v>62</v>
      </c>
      <c r="AZ1583">
        <v>125</v>
      </c>
      <c r="BA1583">
        <v>0.5569218960178296</v>
      </c>
      <c r="BB1583">
        <v>0.50375275938189845</v>
      </c>
      <c r="BC1583">
        <v>5.2772691924949289</v>
      </c>
      <c r="BD1583" t="s">
        <v>6059</v>
      </c>
      <c r="BE1583" t="s">
        <v>68</v>
      </c>
    </row>
    <row r="1584" spans="1:57" x14ac:dyDescent="0.3">
      <c r="A1584" t="s">
        <v>6060</v>
      </c>
      <c r="B1584">
        <v>1216</v>
      </c>
      <c r="C1584" t="s">
        <v>6061</v>
      </c>
      <c r="D1584" t="s">
        <v>6062</v>
      </c>
      <c r="E1584" t="s">
        <v>10622</v>
      </c>
      <c r="F1584">
        <v>64</v>
      </c>
      <c r="G1584">
        <v>107.125</v>
      </c>
      <c r="H1584">
        <v>89</v>
      </c>
      <c r="I1584">
        <v>5491.953125</v>
      </c>
      <c r="J1584">
        <v>74.107712992643357</v>
      </c>
      <c r="K1584">
        <v>0.30159192830199338</v>
      </c>
      <c r="L1584">
        <v>-1.162501632144685</v>
      </c>
      <c r="M1584">
        <v>5.875</v>
      </c>
      <c r="N1584">
        <v>2</v>
      </c>
      <c r="O1584">
        <v>1</v>
      </c>
      <c r="P1584">
        <v>1</v>
      </c>
      <c r="Q1584">
        <v>0.24944382578492941</v>
      </c>
      <c r="R1584">
        <v>4.072239685789679</v>
      </c>
      <c r="S1584">
        <v>1</v>
      </c>
      <c r="T1584">
        <v>1</v>
      </c>
      <c r="U1584">
        <v>0</v>
      </c>
      <c r="V1584">
        <v>0</v>
      </c>
      <c r="W1584">
        <v>4.1431347263915326</v>
      </c>
      <c r="X1584">
        <v>1</v>
      </c>
      <c r="Y1584">
        <v>1</v>
      </c>
      <c r="Z1584">
        <v>0</v>
      </c>
      <c r="AA1584">
        <v>0</v>
      </c>
      <c r="AB1584">
        <v>4.1271343850450908</v>
      </c>
      <c r="AC1584">
        <v>1</v>
      </c>
      <c r="AD1584">
        <v>1</v>
      </c>
      <c r="AE1584">
        <v>0</v>
      </c>
      <c r="AF1584">
        <v>0</v>
      </c>
      <c r="AG1584">
        <v>4.1108738641733096</v>
      </c>
      <c r="AH1584">
        <v>-0.1067681142154004</v>
      </c>
      <c r="AI1584">
        <v>-0.1073748701936071</v>
      </c>
      <c r="AJ1584">
        <v>0.11585322808939209</v>
      </c>
      <c r="AK1584">
        <v>-0.10818109236525029</v>
      </c>
      <c r="AL1584">
        <v>620.84767052922848</v>
      </c>
      <c r="AM1584">
        <v>836.94812861875187</v>
      </c>
      <c r="AN1584">
        <v>6856</v>
      </c>
      <c r="AO1584">
        <v>48.040847989938527</v>
      </c>
      <c r="AP1584">
        <v>479.89161437823378</v>
      </c>
      <c r="AQ1584">
        <v>1.359375</v>
      </c>
      <c r="AR1584">
        <v>3.734375</v>
      </c>
      <c r="AS1584">
        <v>63</v>
      </c>
      <c r="AT1584">
        <v>3.5000000000000009</v>
      </c>
      <c r="AU1584">
        <v>0.1624503968253968</v>
      </c>
      <c r="AV1584">
        <v>-0.10719405560150159</v>
      </c>
      <c r="AW1584">
        <v>0.40625</v>
      </c>
      <c r="AX1584">
        <v>90.238095238095241</v>
      </c>
      <c r="AY1584">
        <v>58</v>
      </c>
      <c r="AZ1584">
        <v>122.25</v>
      </c>
      <c r="BA1584">
        <v>0.69178728581230675</v>
      </c>
      <c r="BB1584">
        <v>0.453125</v>
      </c>
      <c r="BC1584">
        <v>3.9891020196004332</v>
      </c>
      <c r="BD1584" t="s">
        <v>6063</v>
      </c>
      <c r="BE1584" t="s">
        <v>62</v>
      </c>
    </row>
    <row r="1585" spans="1:57" x14ac:dyDescent="0.3">
      <c r="A1585" t="s">
        <v>6064</v>
      </c>
      <c r="B1585">
        <v>1966</v>
      </c>
      <c r="C1585" t="s">
        <v>6065</v>
      </c>
      <c r="D1585" t="s">
        <v>6066</v>
      </c>
      <c r="E1585" t="s">
        <v>72</v>
      </c>
      <c r="F1585">
        <v>1976</v>
      </c>
      <c r="G1585">
        <v>126.6234817813765</v>
      </c>
      <c r="H1585">
        <v>129</v>
      </c>
      <c r="I1585">
        <v>5364.749934435903</v>
      </c>
      <c r="J1585">
        <v>73.244453267369693</v>
      </c>
      <c r="K1585">
        <v>-9.1738204350158611E-3</v>
      </c>
      <c r="L1585">
        <v>-1.2003360598742721</v>
      </c>
      <c r="M1585">
        <v>7.9017893852214769</v>
      </c>
      <c r="N1585">
        <v>18</v>
      </c>
      <c r="O1585">
        <v>2</v>
      </c>
      <c r="P1585">
        <v>16</v>
      </c>
      <c r="Q1585">
        <v>2.8761886129911578</v>
      </c>
      <c r="R1585">
        <v>5.4771030337447586</v>
      </c>
      <c r="S1585">
        <v>3</v>
      </c>
      <c r="T1585">
        <v>1</v>
      </c>
      <c r="U1585">
        <v>2</v>
      </c>
      <c r="V1585">
        <v>0.1125546222169361</v>
      </c>
      <c r="W1585">
        <v>7.5719145540696413</v>
      </c>
      <c r="X1585">
        <v>1</v>
      </c>
      <c r="Y1585">
        <v>1</v>
      </c>
      <c r="Z1585">
        <v>0</v>
      </c>
      <c r="AA1585">
        <v>0</v>
      </c>
      <c r="AB1585">
        <v>7.5878172199934264</v>
      </c>
      <c r="AC1585">
        <v>1</v>
      </c>
      <c r="AD1585">
        <v>1</v>
      </c>
      <c r="AE1585">
        <v>0</v>
      </c>
      <c r="AF1585">
        <v>0</v>
      </c>
      <c r="AG1585">
        <v>7.5873105060226171</v>
      </c>
      <c r="AH1585">
        <v>1.247596460806887E-2</v>
      </c>
      <c r="AI1585">
        <v>-1.532434986915142E-2</v>
      </c>
      <c r="AJ1585">
        <v>2.9471615752523949E-2</v>
      </c>
      <c r="AK1585">
        <v>-2.037948844579748E-2</v>
      </c>
      <c r="AL1585">
        <v>3031.2051530021481</v>
      </c>
      <c r="AM1585">
        <v>5752.8036052357311</v>
      </c>
      <c r="AN1585">
        <v>250208</v>
      </c>
      <c r="AO1585">
        <v>104.14369240443111</v>
      </c>
      <c r="AP1585">
        <v>2763.6776870899398</v>
      </c>
      <c r="AQ1585">
        <v>1.0116396761133599</v>
      </c>
      <c r="AR1585">
        <v>3.968623481781377</v>
      </c>
      <c r="AS1585">
        <v>1967</v>
      </c>
      <c r="AT1585">
        <v>274.36437246963561</v>
      </c>
      <c r="AU1585">
        <v>1.5799396681749681E-2</v>
      </c>
      <c r="AV1585">
        <v>1.248068966292645E-2</v>
      </c>
      <c r="AW1585">
        <v>0.36487854251012147</v>
      </c>
      <c r="AX1585">
        <v>84.289620253164557</v>
      </c>
      <c r="AY1585">
        <v>63</v>
      </c>
      <c r="AZ1585">
        <v>128</v>
      </c>
      <c r="BA1585">
        <v>0.57844289413736782</v>
      </c>
      <c r="BB1585">
        <v>0.5086032388663968</v>
      </c>
      <c r="BC1585">
        <v>5.2822916084649014</v>
      </c>
      <c r="BD1585" t="s">
        <v>6067</v>
      </c>
      <c r="BE1585" t="s">
        <v>68</v>
      </c>
    </row>
    <row r="1586" spans="1:57" x14ac:dyDescent="0.3">
      <c r="A1586" t="s">
        <v>6068</v>
      </c>
      <c r="B1586">
        <v>3463</v>
      </c>
      <c r="C1586" t="s">
        <v>6069</v>
      </c>
      <c r="D1586" t="s">
        <v>6070</v>
      </c>
      <c r="E1586" t="s">
        <v>85</v>
      </c>
      <c r="F1586">
        <v>8</v>
      </c>
      <c r="G1586">
        <v>119.5</v>
      </c>
      <c r="H1586">
        <v>119.5</v>
      </c>
      <c r="I1586">
        <v>5073.75</v>
      </c>
      <c r="J1586">
        <v>71.2302604235026</v>
      </c>
      <c r="K1586">
        <v>0.29781308734906642</v>
      </c>
      <c r="L1586">
        <v>-1.0412907908424649</v>
      </c>
      <c r="M1586">
        <v>3</v>
      </c>
      <c r="N1586">
        <v>1</v>
      </c>
      <c r="O1586">
        <v>1</v>
      </c>
      <c r="P1586">
        <v>0</v>
      </c>
      <c r="Q1586">
        <v>0</v>
      </c>
      <c r="R1586">
        <v>2.0794415416798362</v>
      </c>
      <c r="S1586">
        <v>1</v>
      </c>
      <c r="T1586">
        <v>1</v>
      </c>
      <c r="U1586">
        <v>0</v>
      </c>
      <c r="V1586">
        <v>0</v>
      </c>
      <c r="W1586">
        <v>1.945910149055313</v>
      </c>
      <c r="X1586">
        <v>1</v>
      </c>
      <c r="Y1586">
        <v>1</v>
      </c>
      <c r="Z1586">
        <v>0</v>
      </c>
      <c r="AA1586">
        <v>0</v>
      </c>
      <c r="AB1586">
        <v>1.791759469228055</v>
      </c>
      <c r="AC1586">
        <v>1</v>
      </c>
      <c r="AD1586">
        <v>1</v>
      </c>
      <c r="AE1586">
        <v>0</v>
      </c>
      <c r="AF1586">
        <v>0</v>
      </c>
      <c r="AG1586">
        <v>1.6094379124341009</v>
      </c>
      <c r="AH1586">
        <v>-0.66407366346390739</v>
      </c>
      <c r="AI1586">
        <v>0.32721113574772109</v>
      </c>
      <c r="AJ1586">
        <v>-0.16147450110864739</v>
      </c>
      <c r="AK1586">
        <v>0</v>
      </c>
      <c r="AL1586">
        <v>264.20364539265643</v>
      </c>
      <c r="AM1586">
        <v>291.59635416313319</v>
      </c>
      <c r="AN1586">
        <v>956</v>
      </c>
      <c r="AO1586">
        <v>38.454616211706757</v>
      </c>
      <c r="AP1586">
        <v>156.6799826794595</v>
      </c>
      <c r="AQ1586">
        <v>3.5</v>
      </c>
      <c r="AR1586">
        <v>4</v>
      </c>
      <c r="AS1586">
        <v>8</v>
      </c>
      <c r="AT1586">
        <v>0</v>
      </c>
      <c r="AU1586">
        <v>0.25416666666666671</v>
      </c>
      <c r="AV1586">
        <v>-0.6640774580470773</v>
      </c>
      <c r="AW1586">
        <v>0.5</v>
      </c>
      <c r="AX1586">
        <v>129.57142857142861</v>
      </c>
      <c r="AY1586">
        <v>63.5</v>
      </c>
      <c r="AZ1586">
        <v>94.25</v>
      </c>
      <c r="BA1586">
        <v>0.5960691248828669</v>
      </c>
      <c r="BB1586">
        <v>0.5</v>
      </c>
      <c r="BC1586">
        <v>1.945910149055313</v>
      </c>
      <c r="BD1586" t="s">
        <v>6069</v>
      </c>
      <c r="BE1586" t="s">
        <v>68</v>
      </c>
    </row>
    <row r="1587" spans="1:57" x14ac:dyDescent="0.3">
      <c r="A1587" t="s">
        <v>6071</v>
      </c>
      <c r="B1587">
        <v>1659</v>
      </c>
      <c r="C1587" t="s">
        <v>6072</v>
      </c>
      <c r="D1587" t="s">
        <v>6073</v>
      </c>
      <c r="E1587" t="s">
        <v>93</v>
      </c>
      <c r="F1587">
        <v>1660</v>
      </c>
      <c r="G1587">
        <v>128.98373493975899</v>
      </c>
      <c r="H1587">
        <v>129</v>
      </c>
      <c r="I1587">
        <v>5306.0738318333579</v>
      </c>
      <c r="J1587">
        <v>72.842802196465215</v>
      </c>
      <c r="K1587">
        <v>-1.8298195004313591E-2</v>
      </c>
      <c r="L1587">
        <v>-1.1670804704277979</v>
      </c>
      <c r="M1587">
        <v>7.8940071147357678</v>
      </c>
      <c r="N1587">
        <v>16</v>
      </c>
      <c r="O1587">
        <v>2</v>
      </c>
      <c r="P1587">
        <v>14</v>
      </c>
      <c r="Q1587">
        <v>2.4795550728658959</v>
      </c>
      <c r="R1587">
        <v>5.4717087748992386</v>
      </c>
      <c r="S1587">
        <v>4</v>
      </c>
      <c r="T1587">
        <v>1</v>
      </c>
      <c r="U1587">
        <v>3</v>
      </c>
      <c r="V1587">
        <v>0.13907673424379499</v>
      </c>
      <c r="W1587">
        <v>7.391408537477826</v>
      </c>
      <c r="X1587">
        <v>1</v>
      </c>
      <c r="Y1587">
        <v>1</v>
      </c>
      <c r="Z1587">
        <v>0</v>
      </c>
      <c r="AA1587">
        <v>0</v>
      </c>
      <c r="AB1587">
        <v>7.4133673356952396</v>
      </c>
      <c r="AC1587">
        <v>1</v>
      </c>
      <c r="AD1587">
        <v>1</v>
      </c>
      <c r="AE1587">
        <v>0</v>
      </c>
      <c r="AF1587">
        <v>0</v>
      </c>
      <c r="AG1587">
        <v>7.4127640174265608</v>
      </c>
      <c r="AH1587">
        <v>4.0317836192253723E-2</v>
      </c>
      <c r="AI1587">
        <v>2.2287281047044579E-2</v>
      </c>
      <c r="AJ1587">
        <v>-1.92918044271565E-2</v>
      </c>
      <c r="AK1587">
        <v>-1.6964984825092681E-2</v>
      </c>
      <c r="AL1587">
        <v>2761.6187286591571</v>
      </c>
      <c r="AM1587">
        <v>5366.4363405819859</v>
      </c>
      <c r="AN1587">
        <v>214113</v>
      </c>
      <c r="AO1587">
        <v>26.788818406753499</v>
      </c>
      <c r="AP1587">
        <v>2471.8916276819141</v>
      </c>
      <c r="AQ1587">
        <v>1.013855421686747</v>
      </c>
      <c r="AR1587">
        <v>4.0421686746987948</v>
      </c>
      <c r="AS1587">
        <v>1651</v>
      </c>
      <c r="AT1587">
        <v>242.7277108433735</v>
      </c>
      <c r="AU1587">
        <v>2.3718403023860139E-2</v>
      </c>
      <c r="AV1587">
        <v>4.0363472169624992E-2</v>
      </c>
      <c r="AW1587">
        <v>0.37590361445783133</v>
      </c>
      <c r="AX1587">
        <v>81.831826401446648</v>
      </c>
      <c r="AY1587">
        <v>63</v>
      </c>
      <c r="AZ1587">
        <v>124</v>
      </c>
      <c r="BA1587">
        <v>0.56474409141963466</v>
      </c>
      <c r="BB1587">
        <v>0.50240963855421683</v>
      </c>
      <c r="BC1587">
        <v>5.2481866246133801</v>
      </c>
      <c r="BD1587" t="s">
        <v>6074</v>
      </c>
      <c r="BE1587" t="s">
        <v>68</v>
      </c>
    </row>
    <row r="1588" spans="1:57" x14ac:dyDescent="0.3">
      <c r="A1588" t="s">
        <v>6075</v>
      </c>
      <c r="B1588">
        <v>1180</v>
      </c>
      <c r="C1588" t="s">
        <v>6076</v>
      </c>
      <c r="D1588" t="s">
        <v>6077</v>
      </c>
      <c r="E1588" t="s">
        <v>106</v>
      </c>
      <c r="F1588">
        <v>1210</v>
      </c>
      <c r="G1588">
        <v>126.0099173553719</v>
      </c>
      <c r="H1588">
        <v>124</v>
      </c>
      <c r="I1588">
        <v>5456.504033877467</v>
      </c>
      <c r="J1588">
        <v>73.868153042278422</v>
      </c>
      <c r="K1588">
        <v>6.6101710102272712E-2</v>
      </c>
      <c r="L1588">
        <v>-1.2171829228810169</v>
      </c>
      <c r="M1588">
        <v>7.842606891932121</v>
      </c>
      <c r="N1588">
        <v>12</v>
      </c>
      <c r="O1588">
        <v>1</v>
      </c>
      <c r="P1588">
        <v>11</v>
      </c>
      <c r="Q1588">
        <v>2.1980632232931221</v>
      </c>
      <c r="R1588">
        <v>5.4360808553827482</v>
      </c>
      <c r="S1588">
        <v>2</v>
      </c>
      <c r="T1588">
        <v>1</v>
      </c>
      <c r="U1588">
        <v>1</v>
      </c>
      <c r="V1588">
        <v>0.1150291151611631</v>
      </c>
      <c r="W1588">
        <v>7.0792025232550593</v>
      </c>
      <c r="X1588">
        <v>1</v>
      </c>
      <c r="Y1588">
        <v>1</v>
      </c>
      <c r="Z1588">
        <v>0</v>
      </c>
      <c r="AA1588">
        <v>0</v>
      </c>
      <c r="AB1588">
        <v>7.0967213784947614</v>
      </c>
      <c r="AC1588">
        <v>1</v>
      </c>
      <c r="AD1588">
        <v>1</v>
      </c>
      <c r="AE1588">
        <v>0</v>
      </c>
      <c r="AF1588">
        <v>0</v>
      </c>
      <c r="AG1588">
        <v>7.0958932210975334</v>
      </c>
      <c r="AH1588">
        <v>-3.4000164881317553E-2</v>
      </c>
      <c r="AI1588">
        <v>-3.0789297992168951E-4</v>
      </c>
      <c r="AJ1588">
        <v>-5.1669095238038677E-2</v>
      </c>
      <c r="AK1588">
        <v>-3.5146132192316291E-2</v>
      </c>
      <c r="AL1588">
        <v>2390.4454193704428</v>
      </c>
      <c r="AM1588">
        <v>4483.4277842975089</v>
      </c>
      <c r="AN1588">
        <v>152472</v>
      </c>
      <c r="AO1588">
        <v>141.35212340943559</v>
      </c>
      <c r="AP1588">
        <v>2091.7871617089568</v>
      </c>
      <c r="AQ1588">
        <v>1.01900826446281</v>
      </c>
      <c r="AR1588">
        <v>4.0380165289256196</v>
      </c>
      <c r="AS1588">
        <v>1206</v>
      </c>
      <c r="AT1588">
        <v>261.68264462809918</v>
      </c>
      <c r="AU1588">
        <v>3.015718684167884E-2</v>
      </c>
      <c r="AV1588">
        <v>-3.4010149910851127E-2</v>
      </c>
      <c r="AW1588">
        <v>0.3958677685950413</v>
      </c>
      <c r="AX1588">
        <v>86.45078577336642</v>
      </c>
      <c r="AY1588">
        <v>63</v>
      </c>
      <c r="AZ1588">
        <v>126.75</v>
      </c>
      <c r="BA1588">
        <v>0.58620904284824027</v>
      </c>
      <c r="BB1588">
        <v>0.48677685950413219</v>
      </c>
      <c r="BC1588">
        <v>5.2592757057487667</v>
      </c>
      <c r="BD1588" t="s">
        <v>6078</v>
      </c>
      <c r="BE1588" t="s">
        <v>68</v>
      </c>
    </row>
    <row r="1589" spans="1:57" x14ac:dyDescent="0.3">
      <c r="A1589" t="s">
        <v>6079</v>
      </c>
      <c r="B1589">
        <v>160</v>
      </c>
      <c r="C1589" t="s">
        <v>6080</v>
      </c>
      <c r="D1589" t="s">
        <v>6081</v>
      </c>
      <c r="E1589" t="s">
        <v>60</v>
      </c>
      <c r="F1589">
        <v>256</v>
      </c>
      <c r="G1589">
        <v>132.01171875</v>
      </c>
      <c r="H1589">
        <v>132.5</v>
      </c>
      <c r="I1589">
        <v>5239.6209564208984</v>
      </c>
      <c r="J1589">
        <v>72.385226092213728</v>
      </c>
      <c r="K1589">
        <v>-5.4302134242664578E-2</v>
      </c>
      <c r="L1589">
        <v>-1.104698297749146</v>
      </c>
      <c r="M1589">
        <v>7.208717089725436</v>
      </c>
      <c r="N1589">
        <v>4</v>
      </c>
      <c r="O1589">
        <v>1</v>
      </c>
      <c r="P1589">
        <v>3</v>
      </c>
      <c r="Q1589">
        <v>0.7505698806550789</v>
      </c>
      <c r="R1589">
        <v>4.9967019261974803</v>
      </c>
      <c r="S1589">
        <v>2</v>
      </c>
      <c r="T1589">
        <v>1</v>
      </c>
      <c r="U1589">
        <v>1</v>
      </c>
      <c r="V1589">
        <v>6.2621943781838038E-2</v>
      </c>
      <c r="W1589">
        <v>5.5358270966834446</v>
      </c>
      <c r="X1589">
        <v>1</v>
      </c>
      <c r="Y1589">
        <v>1</v>
      </c>
      <c r="Z1589">
        <v>0</v>
      </c>
      <c r="AA1589">
        <v>0</v>
      </c>
      <c r="AB1589">
        <v>5.5373342670185366</v>
      </c>
      <c r="AC1589">
        <v>1</v>
      </c>
      <c r="AD1589">
        <v>1</v>
      </c>
      <c r="AE1589">
        <v>0</v>
      </c>
      <c r="AF1589">
        <v>0</v>
      </c>
      <c r="AG1589">
        <v>5.5333894887275203</v>
      </c>
      <c r="AH1589">
        <v>-4.059972274683888E-2</v>
      </c>
      <c r="AI1589">
        <v>4.9316866372276058E-2</v>
      </c>
      <c r="AJ1589">
        <v>6.9722940662635922E-3</v>
      </c>
      <c r="AK1589">
        <v>2.1652764836577219E-2</v>
      </c>
      <c r="AL1589">
        <v>1159.776368662099</v>
      </c>
      <c r="AM1589">
        <v>2111.3023882648731</v>
      </c>
      <c r="AN1589">
        <v>33795</v>
      </c>
      <c r="AO1589">
        <v>7</v>
      </c>
      <c r="AP1589">
        <v>1019.058656780305</v>
      </c>
      <c r="AQ1589">
        <v>1.08984375</v>
      </c>
      <c r="AR1589">
        <v>3.984375</v>
      </c>
      <c r="AS1589">
        <v>256</v>
      </c>
      <c r="AT1589">
        <v>59.187499999999993</v>
      </c>
      <c r="AU1589">
        <v>4.6705163043478271E-2</v>
      </c>
      <c r="AV1589">
        <v>-4.0623672323936121E-2</v>
      </c>
      <c r="AW1589">
        <v>0.37109375</v>
      </c>
      <c r="AX1589">
        <v>86.078431372549019</v>
      </c>
      <c r="AY1589">
        <v>58.5</v>
      </c>
      <c r="AZ1589">
        <v>117</v>
      </c>
      <c r="BA1589">
        <v>0.54832424558682391</v>
      </c>
      <c r="BB1589">
        <v>0.5</v>
      </c>
      <c r="BC1589">
        <v>4.7816224075806524</v>
      </c>
      <c r="BD1589" t="s">
        <v>6082</v>
      </c>
      <c r="BE1589" t="s">
        <v>62</v>
      </c>
    </row>
    <row r="1590" spans="1:57" x14ac:dyDescent="0.3">
      <c r="A1590" t="s">
        <v>6083</v>
      </c>
      <c r="B1590">
        <v>791</v>
      </c>
      <c r="C1590" t="s">
        <v>6084</v>
      </c>
      <c r="D1590" t="s">
        <v>6085</v>
      </c>
      <c r="E1590" t="s">
        <v>66</v>
      </c>
      <c r="F1590">
        <v>70</v>
      </c>
      <c r="G1590">
        <v>114.3142857142857</v>
      </c>
      <c r="H1590">
        <v>106.5</v>
      </c>
      <c r="I1590">
        <v>6664.9583673469388</v>
      </c>
      <c r="J1590">
        <v>81.639196268379195</v>
      </c>
      <c r="K1590">
        <v>0.20540983754831141</v>
      </c>
      <c r="L1590">
        <v>-1.3740862645988181</v>
      </c>
      <c r="M1590">
        <v>5.9292830169449706</v>
      </c>
      <c r="N1590">
        <v>2</v>
      </c>
      <c r="O1590">
        <v>1</v>
      </c>
      <c r="P1590">
        <v>1</v>
      </c>
      <c r="Q1590">
        <v>0.31426968052735449</v>
      </c>
      <c r="R1590">
        <v>4.1098658059373703</v>
      </c>
      <c r="S1590">
        <v>2</v>
      </c>
      <c r="T1590">
        <v>1</v>
      </c>
      <c r="U1590">
        <v>1</v>
      </c>
      <c r="V1590">
        <v>0.1203728348804772</v>
      </c>
      <c r="W1590">
        <v>4.2140152819723324</v>
      </c>
      <c r="X1590">
        <v>1</v>
      </c>
      <c r="Y1590">
        <v>1</v>
      </c>
      <c r="Z1590">
        <v>0</v>
      </c>
      <c r="AA1590">
        <v>0</v>
      </c>
      <c r="AB1590">
        <v>4.2195077051761087</v>
      </c>
      <c r="AC1590">
        <v>1</v>
      </c>
      <c r="AD1590">
        <v>1</v>
      </c>
      <c r="AE1590">
        <v>0</v>
      </c>
      <c r="AF1590">
        <v>0</v>
      </c>
      <c r="AG1590">
        <v>4.2046926193909648</v>
      </c>
      <c r="AH1590">
        <v>-7.9380838310906171E-2</v>
      </c>
      <c r="AI1590">
        <v>5.6555436065267223E-2</v>
      </c>
      <c r="AJ1590">
        <v>-0.15488776791748629</v>
      </c>
      <c r="AK1590">
        <v>-9.877083430369861E-2</v>
      </c>
      <c r="AL1590">
        <v>727.05736439779491</v>
      </c>
      <c r="AM1590">
        <v>923.40543039064482</v>
      </c>
      <c r="AN1590">
        <v>8002</v>
      </c>
      <c r="AO1590">
        <v>107.48503832666201</v>
      </c>
      <c r="AP1590">
        <v>592.52278449608957</v>
      </c>
      <c r="AQ1590">
        <v>1.328571428571429</v>
      </c>
      <c r="AR1590">
        <v>3.628571428571429</v>
      </c>
      <c r="AS1590">
        <v>70</v>
      </c>
      <c r="AT1590">
        <v>5.5999999999999979</v>
      </c>
      <c r="AU1590">
        <v>0.14285714285714279</v>
      </c>
      <c r="AV1590">
        <v>-8.0035795177150995E-2</v>
      </c>
      <c r="AW1590">
        <v>0.37142857142857139</v>
      </c>
      <c r="AX1590">
        <v>99.521739130434781</v>
      </c>
      <c r="AY1590">
        <v>77.5</v>
      </c>
      <c r="AZ1590">
        <v>162.5</v>
      </c>
      <c r="BA1590">
        <v>0.71416442624175747</v>
      </c>
      <c r="BB1590">
        <v>0.47142857142857142</v>
      </c>
      <c r="BC1590">
        <v>4.1336503914726297</v>
      </c>
      <c r="BD1590" t="s">
        <v>6086</v>
      </c>
      <c r="BE1590" t="s">
        <v>68</v>
      </c>
    </row>
    <row r="1591" spans="1:57" x14ac:dyDescent="0.3">
      <c r="A1591" t="s">
        <v>6087</v>
      </c>
      <c r="B1591">
        <v>3034</v>
      </c>
      <c r="C1591" t="s">
        <v>6088</v>
      </c>
      <c r="D1591" t="s">
        <v>6089</v>
      </c>
      <c r="E1591" t="s">
        <v>98</v>
      </c>
      <c r="F1591">
        <v>16</v>
      </c>
      <c r="G1591">
        <v>130</v>
      </c>
      <c r="H1591">
        <v>145</v>
      </c>
      <c r="I1591">
        <v>4454.625</v>
      </c>
      <c r="J1591">
        <v>66.742977158649438</v>
      </c>
      <c r="K1591">
        <v>-0.27629288149790893</v>
      </c>
      <c r="L1591">
        <v>-0.97198978542423786</v>
      </c>
      <c r="M1591">
        <v>3.875</v>
      </c>
      <c r="N1591">
        <v>2</v>
      </c>
      <c r="O1591">
        <v>1</v>
      </c>
      <c r="P1591">
        <v>1</v>
      </c>
      <c r="Q1591">
        <v>0.24944382578492949</v>
      </c>
      <c r="R1591">
        <v>2.6859453246697882</v>
      </c>
      <c r="S1591">
        <v>1</v>
      </c>
      <c r="T1591">
        <v>1</v>
      </c>
      <c r="U1591">
        <v>0</v>
      </c>
      <c r="V1591">
        <v>0</v>
      </c>
      <c r="W1591">
        <v>2.7080502011022101</v>
      </c>
      <c r="X1591">
        <v>1</v>
      </c>
      <c r="Y1591">
        <v>1</v>
      </c>
      <c r="Z1591">
        <v>0</v>
      </c>
      <c r="AA1591">
        <v>0</v>
      </c>
      <c r="AB1591">
        <v>2.639057329615258</v>
      </c>
      <c r="AC1591">
        <v>1</v>
      </c>
      <c r="AD1591">
        <v>1</v>
      </c>
      <c r="AE1591">
        <v>0</v>
      </c>
      <c r="AF1591">
        <v>0</v>
      </c>
      <c r="AG1591">
        <v>2.5649493574615372</v>
      </c>
      <c r="AH1591">
        <v>-0.36978421303701209</v>
      </c>
      <c r="AI1591">
        <v>-0.16227516345371379</v>
      </c>
      <c r="AJ1591">
        <v>6.7065128939024055E-2</v>
      </c>
      <c r="AK1591">
        <v>-0.30581979403429022</v>
      </c>
      <c r="AL1591">
        <v>367.21938525785498</v>
      </c>
      <c r="AM1591">
        <v>454.77898268372411</v>
      </c>
      <c r="AN1591">
        <v>2080</v>
      </c>
      <c r="AO1591">
        <v>115.6682265048421</v>
      </c>
      <c r="AP1591">
        <v>259.16194248765947</v>
      </c>
      <c r="AQ1591">
        <v>2.3125</v>
      </c>
      <c r="AR1591">
        <v>3.875</v>
      </c>
      <c r="AS1591">
        <v>16</v>
      </c>
      <c r="AT1591">
        <v>0.87499999999999989</v>
      </c>
      <c r="AU1591">
        <v>0.11851659751037349</v>
      </c>
      <c r="AV1591">
        <v>-0.39447397196309902</v>
      </c>
      <c r="AW1591">
        <v>0.3125</v>
      </c>
      <c r="AX1591">
        <v>85.6</v>
      </c>
      <c r="AY1591">
        <v>46</v>
      </c>
      <c r="AZ1591">
        <v>92.25</v>
      </c>
      <c r="BA1591">
        <v>0.51340751660499573</v>
      </c>
      <c r="BB1591">
        <v>0.5625</v>
      </c>
      <c r="BC1591">
        <v>2.7080502011022101</v>
      </c>
      <c r="BD1591" t="s">
        <v>6088</v>
      </c>
      <c r="BE1591" t="s">
        <v>62</v>
      </c>
    </row>
    <row r="1592" spans="1:57" x14ac:dyDescent="0.3">
      <c r="A1592" t="s">
        <v>6090</v>
      </c>
      <c r="B1592">
        <v>2427</v>
      </c>
      <c r="C1592" t="s">
        <v>6091</v>
      </c>
      <c r="D1592" t="s">
        <v>6092</v>
      </c>
      <c r="E1592" t="s">
        <v>66</v>
      </c>
      <c r="F1592">
        <v>72</v>
      </c>
      <c r="G1592">
        <v>116.1527777777778</v>
      </c>
      <c r="H1592">
        <v>113.5</v>
      </c>
      <c r="I1592">
        <v>6061.9349922839501</v>
      </c>
      <c r="J1592">
        <v>77.858429166558139</v>
      </c>
      <c r="K1592">
        <v>0.16816440071905139</v>
      </c>
      <c r="L1592">
        <v>-1.2230560777549631</v>
      </c>
      <c r="M1592">
        <v>5.9372182305789352</v>
      </c>
      <c r="N1592">
        <v>3</v>
      </c>
      <c r="O1592">
        <v>1</v>
      </c>
      <c r="P1592">
        <v>2</v>
      </c>
      <c r="Q1592">
        <v>0.375</v>
      </c>
      <c r="R1592">
        <v>4.1153660768948921</v>
      </c>
      <c r="S1592">
        <v>2</v>
      </c>
      <c r="T1592">
        <v>1</v>
      </c>
      <c r="U1592">
        <v>1</v>
      </c>
      <c r="V1592">
        <v>0.16776575221435111</v>
      </c>
      <c r="W1592">
        <v>4.2236293316576567</v>
      </c>
      <c r="X1592">
        <v>2</v>
      </c>
      <c r="Y1592">
        <v>1</v>
      </c>
      <c r="Z1592">
        <v>1</v>
      </c>
      <c r="AA1592">
        <v>0.11951030798891769</v>
      </c>
      <c r="AB1592">
        <v>4.2286910368905044</v>
      </c>
      <c r="AC1592">
        <v>1</v>
      </c>
      <c r="AD1592">
        <v>1</v>
      </c>
      <c r="AE1592">
        <v>0</v>
      </c>
      <c r="AF1592">
        <v>0</v>
      </c>
      <c r="AG1592">
        <v>4.2341065045972579</v>
      </c>
      <c r="AH1592">
        <v>8.404962138174471E-2</v>
      </c>
      <c r="AI1592">
        <v>0.1071773119904451</v>
      </c>
      <c r="AJ1592">
        <v>-6.334647271847936E-2</v>
      </c>
      <c r="AK1592">
        <v>3.0781702750789151E-2</v>
      </c>
      <c r="AL1592">
        <v>714.31339910220913</v>
      </c>
      <c r="AM1592">
        <v>947.41826447617518</v>
      </c>
      <c r="AN1592">
        <v>8363</v>
      </c>
      <c r="AO1592">
        <v>16.6433169770932</v>
      </c>
      <c r="AP1592">
        <v>657.39327319463496</v>
      </c>
      <c r="AQ1592">
        <v>1.319444444444444</v>
      </c>
      <c r="AR1592">
        <v>3.6944444444444451</v>
      </c>
      <c r="AS1592">
        <v>72</v>
      </c>
      <c r="AT1592">
        <v>7.9999999999999982</v>
      </c>
      <c r="AU1592">
        <v>9.384683488269141E-2</v>
      </c>
      <c r="AV1592">
        <v>8.4838591030797092E-2</v>
      </c>
      <c r="AW1592">
        <v>0.375</v>
      </c>
      <c r="AX1592">
        <v>85.380281690140848</v>
      </c>
      <c r="AY1592">
        <v>69</v>
      </c>
      <c r="AZ1592">
        <v>132.25</v>
      </c>
      <c r="BA1592">
        <v>0.67031052253882417</v>
      </c>
      <c r="BB1592">
        <v>0.47222222222222221</v>
      </c>
      <c r="BC1592">
        <v>4.0526877657916263</v>
      </c>
      <c r="BD1592" t="s">
        <v>6093</v>
      </c>
      <c r="BE1592" t="s">
        <v>68</v>
      </c>
    </row>
    <row r="1593" spans="1:57" x14ac:dyDescent="0.3">
      <c r="A1593" t="s">
        <v>6094</v>
      </c>
      <c r="B1593">
        <v>3195</v>
      </c>
      <c r="C1593" t="s">
        <v>6095</v>
      </c>
      <c r="D1593" t="s">
        <v>6096</v>
      </c>
      <c r="E1593" t="s">
        <v>115</v>
      </c>
      <c r="F1593">
        <v>3259</v>
      </c>
      <c r="G1593">
        <v>128.33077631175209</v>
      </c>
      <c r="H1593">
        <v>129</v>
      </c>
      <c r="I1593">
        <v>5363.2535818152601</v>
      </c>
      <c r="J1593">
        <v>73.234237770425793</v>
      </c>
      <c r="K1593">
        <v>-1.9632472516003981E-2</v>
      </c>
      <c r="L1593">
        <v>-1.201906391728883</v>
      </c>
      <c r="M1593">
        <v>7.9406178313469624</v>
      </c>
      <c r="N1593">
        <v>21</v>
      </c>
      <c r="O1593">
        <v>3</v>
      </c>
      <c r="P1593">
        <v>18</v>
      </c>
      <c r="Q1593">
        <v>3.5774916708880591</v>
      </c>
      <c r="R1593">
        <v>5.5040168617021816</v>
      </c>
      <c r="S1593">
        <v>3</v>
      </c>
      <c r="T1593">
        <v>1</v>
      </c>
      <c r="U1593">
        <v>2</v>
      </c>
      <c r="V1593">
        <v>0.14452824764746999</v>
      </c>
      <c r="W1593">
        <v>8.0613152792174851</v>
      </c>
      <c r="X1593">
        <v>2</v>
      </c>
      <c r="Y1593">
        <v>1</v>
      </c>
      <c r="Z1593">
        <v>1</v>
      </c>
      <c r="AA1593">
        <v>1.7522299540044119E-2</v>
      </c>
      <c r="AB1593">
        <v>8.0881361699181991</v>
      </c>
      <c r="AC1593">
        <v>1</v>
      </c>
      <c r="AD1593">
        <v>1</v>
      </c>
      <c r="AE1593">
        <v>0</v>
      </c>
      <c r="AF1593">
        <v>0</v>
      </c>
      <c r="AG1593">
        <v>8.088254727122429</v>
      </c>
      <c r="AH1593">
        <v>4.1231402093262542E-3</v>
      </c>
      <c r="AI1593">
        <v>3.0220401762616712E-3</v>
      </c>
      <c r="AJ1593">
        <v>-2.777339881377771E-2</v>
      </c>
      <c r="AK1593">
        <v>-2.5722097890131341E-3</v>
      </c>
      <c r="AL1593">
        <v>3812.1987002259511</v>
      </c>
      <c r="AM1593">
        <v>7524.4777273904901</v>
      </c>
      <c r="AN1593">
        <v>418229.99999999988</v>
      </c>
      <c r="AO1593">
        <v>52.93031981296032</v>
      </c>
      <c r="AP1593">
        <v>3418.665105275431</v>
      </c>
      <c r="AQ1593">
        <v>1.007057379564283</v>
      </c>
      <c r="AR1593">
        <v>4.0260816201288741</v>
      </c>
      <c r="AS1593">
        <v>3248</v>
      </c>
      <c r="AT1593">
        <v>257.36698373734282</v>
      </c>
      <c r="AU1593">
        <v>1.362742089778532E-2</v>
      </c>
      <c r="AV1593">
        <v>4.1237179699398323E-3</v>
      </c>
      <c r="AW1593">
        <v>0.37803007057379562</v>
      </c>
      <c r="AX1593">
        <v>84.419582565991405</v>
      </c>
      <c r="AY1593">
        <v>64</v>
      </c>
      <c r="AZ1593">
        <v>128</v>
      </c>
      <c r="BA1593">
        <v>0.57066776867708602</v>
      </c>
      <c r="BB1593">
        <v>0.50107394906413005</v>
      </c>
      <c r="BC1593">
        <v>5.3052809972551103</v>
      </c>
      <c r="BD1593" t="s">
        <v>6097</v>
      </c>
      <c r="BE1593" t="s">
        <v>68</v>
      </c>
    </row>
    <row r="1594" spans="1:57" x14ac:dyDescent="0.3">
      <c r="A1594" t="s">
        <v>6098</v>
      </c>
      <c r="B1594">
        <v>3678</v>
      </c>
      <c r="C1594" t="s">
        <v>6099</v>
      </c>
      <c r="D1594" t="s">
        <v>6100</v>
      </c>
      <c r="E1594" t="s">
        <v>72</v>
      </c>
      <c r="F1594">
        <v>3864</v>
      </c>
      <c r="G1594">
        <v>127.8449792960663</v>
      </c>
      <c r="H1594">
        <v>128</v>
      </c>
      <c r="I1594">
        <v>5340.3426870078538</v>
      </c>
      <c r="J1594">
        <v>73.07764834070575</v>
      </c>
      <c r="K1594">
        <v>-1.6794446350309491E-2</v>
      </c>
      <c r="L1594">
        <v>-1.163327070342606</v>
      </c>
      <c r="M1594">
        <v>7.9534487279971051</v>
      </c>
      <c r="N1594">
        <v>28</v>
      </c>
      <c r="O1594">
        <v>5</v>
      </c>
      <c r="P1594">
        <v>23</v>
      </c>
      <c r="Q1594">
        <v>3.7737528983095858</v>
      </c>
      <c r="R1594">
        <v>5.5129105615392771</v>
      </c>
      <c r="S1594">
        <v>2</v>
      </c>
      <c r="T1594">
        <v>1</v>
      </c>
      <c r="U1594">
        <v>1</v>
      </c>
      <c r="V1594">
        <v>0.16322746940318661</v>
      </c>
      <c r="W1594">
        <v>8.2222362978991708</v>
      </c>
      <c r="X1594">
        <v>1</v>
      </c>
      <c r="Y1594">
        <v>1</v>
      </c>
      <c r="Z1594">
        <v>0</v>
      </c>
      <c r="AA1594">
        <v>0</v>
      </c>
      <c r="AB1594">
        <v>8.2589404629884591</v>
      </c>
      <c r="AC1594">
        <v>1</v>
      </c>
      <c r="AD1594">
        <v>1</v>
      </c>
      <c r="AE1594">
        <v>0</v>
      </c>
      <c r="AF1594">
        <v>0</v>
      </c>
      <c r="AG1594">
        <v>8.2586814962642343</v>
      </c>
      <c r="AH1594">
        <v>1.4191012445244899E-3</v>
      </c>
      <c r="AI1594">
        <v>-1.172534176904015E-2</v>
      </c>
      <c r="AJ1594">
        <v>-6.5893660932346571E-3</v>
      </c>
      <c r="AK1594">
        <v>-7.0751353413250444E-3</v>
      </c>
      <c r="AL1594">
        <v>4146.9689653050473</v>
      </c>
      <c r="AM1594">
        <v>8160.4079187744519</v>
      </c>
      <c r="AN1594">
        <v>493993</v>
      </c>
      <c r="AO1594">
        <v>132.8051074554825</v>
      </c>
      <c r="AP1594">
        <v>3752.7329129033069</v>
      </c>
      <c r="AQ1594">
        <v>1.0059523809523809</v>
      </c>
      <c r="AR1594">
        <v>4.0339026915113871</v>
      </c>
      <c r="AS1594">
        <v>3850</v>
      </c>
      <c r="AT1594">
        <v>241.54037267080739</v>
      </c>
      <c r="AU1594">
        <v>1.544574351479722E-2</v>
      </c>
      <c r="AV1594">
        <v>1.4191424275873919E-3</v>
      </c>
      <c r="AW1594">
        <v>0.37060041407867489</v>
      </c>
      <c r="AX1594">
        <v>84.010613512813876</v>
      </c>
      <c r="AY1594">
        <v>62</v>
      </c>
      <c r="AZ1594">
        <v>124</v>
      </c>
      <c r="BA1594">
        <v>0.5716114058063313</v>
      </c>
      <c r="BB1594">
        <v>0.50362318840579712</v>
      </c>
      <c r="BC1594">
        <v>5.3121853218657362</v>
      </c>
      <c r="BD1594" t="s">
        <v>6101</v>
      </c>
      <c r="BE1594" t="s">
        <v>68</v>
      </c>
    </row>
    <row r="1595" spans="1:57" x14ac:dyDescent="0.3">
      <c r="A1595" t="s">
        <v>6102</v>
      </c>
      <c r="B1595">
        <v>3131</v>
      </c>
      <c r="C1595" t="s">
        <v>6103</v>
      </c>
      <c r="D1595" t="s">
        <v>6104</v>
      </c>
      <c r="E1595" t="s">
        <v>128</v>
      </c>
      <c r="F1595">
        <v>32</v>
      </c>
      <c r="G1595">
        <v>122.71875</v>
      </c>
      <c r="H1595">
        <v>131.5</v>
      </c>
      <c r="I1595">
        <v>5934.2021484375</v>
      </c>
      <c r="J1595">
        <v>77.033772778162046</v>
      </c>
      <c r="K1595">
        <v>-6.252736758764952E-3</v>
      </c>
      <c r="L1595">
        <v>-1.4485514558778501</v>
      </c>
      <c r="M1595">
        <v>4.9375</v>
      </c>
      <c r="N1595">
        <v>2</v>
      </c>
      <c r="O1595">
        <v>1</v>
      </c>
      <c r="P1595">
        <v>1</v>
      </c>
      <c r="Q1595">
        <v>0.1766846959694085</v>
      </c>
      <c r="R1595">
        <v>3.422414204014729</v>
      </c>
      <c r="S1595">
        <v>1</v>
      </c>
      <c r="T1595">
        <v>1</v>
      </c>
      <c r="U1595">
        <v>0</v>
      </c>
      <c r="V1595">
        <v>0</v>
      </c>
      <c r="W1595">
        <v>3.4339872044851458</v>
      </c>
      <c r="X1595">
        <v>1</v>
      </c>
      <c r="Y1595">
        <v>1</v>
      </c>
      <c r="Z1595">
        <v>0</v>
      </c>
      <c r="AA1595">
        <v>0</v>
      </c>
      <c r="AB1595">
        <v>3.401197381662155</v>
      </c>
      <c r="AC1595">
        <v>1</v>
      </c>
      <c r="AD1595">
        <v>1</v>
      </c>
      <c r="AE1595">
        <v>0</v>
      </c>
      <c r="AF1595">
        <v>0</v>
      </c>
      <c r="AG1595">
        <v>3.3672958299864728</v>
      </c>
      <c r="AH1595">
        <v>1.040980635955201E-2</v>
      </c>
      <c r="AI1595">
        <v>-4.056365887763648E-2</v>
      </c>
      <c r="AJ1595">
        <v>6.8543884284083451E-2</v>
      </c>
      <c r="AK1595">
        <v>7.9415604275598475E-2</v>
      </c>
      <c r="AL1595">
        <v>517.10983330555484</v>
      </c>
      <c r="AM1595">
        <v>635.9311443062852</v>
      </c>
      <c r="AN1595">
        <v>3927</v>
      </c>
      <c r="AO1595">
        <v>33.2912853081748</v>
      </c>
      <c r="AP1595">
        <v>442.32242750586198</v>
      </c>
      <c r="AQ1595">
        <v>1.71875</v>
      </c>
      <c r="AR1595">
        <v>3.4375</v>
      </c>
      <c r="AS1595">
        <v>32</v>
      </c>
      <c r="AT1595">
        <v>0.93749999999999978</v>
      </c>
      <c r="AU1595">
        <v>0.1164529914529915</v>
      </c>
      <c r="AV1595">
        <v>1.1958986918477389E-2</v>
      </c>
      <c r="AW1595">
        <v>0.3125</v>
      </c>
      <c r="AX1595">
        <v>84.387096774193552</v>
      </c>
      <c r="AY1595">
        <v>73</v>
      </c>
      <c r="AZ1595">
        <v>139.75</v>
      </c>
      <c r="BA1595">
        <v>0.62772618510343403</v>
      </c>
      <c r="BB1595">
        <v>0.5625</v>
      </c>
      <c r="BC1595">
        <v>3.2998296856670919</v>
      </c>
      <c r="BD1595" t="s">
        <v>6105</v>
      </c>
      <c r="BE1595" t="s">
        <v>62</v>
      </c>
    </row>
    <row r="1596" spans="1:57" x14ac:dyDescent="0.3">
      <c r="A1596" t="s">
        <v>6106</v>
      </c>
      <c r="B1596">
        <v>1367</v>
      </c>
      <c r="C1596" t="s">
        <v>6107</v>
      </c>
      <c r="D1596" t="s">
        <v>6108</v>
      </c>
      <c r="E1596" t="s">
        <v>115</v>
      </c>
      <c r="F1596">
        <v>1399</v>
      </c>
      <c r="G1596">
        <v>127.5761258041458</v>
      </c>
      <c r="H1596">
        <v>123</v>
      </c>
      <c r="I1596">
        <v>5536.8946694795277</v>
      </c>
      <c r="J1596">
        <v>74.410312924214523</v>
      </c>
      <c r="K1596">
        <v>4.0062928830227003E-2</v>
      </c>
      <c r="L1596">
        <v>-1.2291120428556861</v>
      </c>
      <c r="M1596">
        <v>7.8518594528512784</v>
      </c>
      <c r="N1596">
        <v>14</v>
      </c>
      <c r="O1596">
        <v>1</v>
      </c>
      <c r="P1596">
        <v>13</v>
      </c>
      <c r="Q1596">
        <v>2.43964936785718</v>
      </c>
      <c r="R1596">
        <v>5.442494241896819</v>
      </c>
      <c r="S1596">
        <v>2</v>
      </c>
      <c r="T1596">
        <v>1</v>
      </c>
      <c r="U1596">
        <v>1</v>
      </c>
      <c r="V1596">
        <v>0.1165687094846127</v>
      </c>
      <c r="W1596">
        <v>7.2239570123064336</v>
      </c>
      <c r="X1596">
        <v>1</v>
      </c>
      <c r="Y1596">
        <v>1</v>
      </c>
      <c r="Z1596">
        <v>0</v>
      </c>
      <c r="AA1596">
        <v>0</v>
      </c>
      <c r="AB1596">
        <v>7.242082359256961</v>
      </c>
      <c r="AC1596">
        <v>1</v>
      </c>
      <c r="AD1596">
        <v>1</v>
      </c>
      <c r="AE1596">
        <v>0</v>
      </c>
      <c r="AF1596">
        <v>0</v>
      </c>
      <c r="AG1596">
        <v>7.241366283322316</v>
      </c>
      <c r="AH1596">
        <v>-2.5461830841933049E-2</v>
      </c>
      <c r="AI1596">
        <v>3.0454845580422361E-2</v>
      </c>
      <c r="AJ1596">
        <v>2.6876501172984442E-3</v>
      </c>
      <c r="AK1596">
        <v>-4.4736564433416552E-2</v>
      </c>
      <c r="AL1596">
        <v>2588.4312642372552</v>
      </c>
      <c r="AM1596">
        <v>4880.143296084565</v>
      </c>
      <c r="AN1596">
        <v>178479</v>
      </c>
      <c r="AO1596">
        <v>56.052343675356951</v>
      </c>
      <c r="AP1596">
        <v>2278.7595471895911</v>
      </c>
      <c r="AQ1596">
        <v>1.0164403145103651</v>
      </c>
      <c r="AR1596">
        <v>4.005718370264475</v>
      </c>
      <c r="AS1596">
        <v>1396</v>
      </c>
      <c r="AT1596">
        <v>278.81558255897068</v>
      </c>
      <c r="AU1596">
        <v>2.155881652160507E-2</v>
      </c>
      <c r="AV1596">
        <v>-2.5505038004852511E-2</v>
      </c>
      <c r="AW1596">
        <v>0.38884917798427449</v>
      </c>
      <c r="AX1596">
        <v>87.225321888412012</v>
      </c>
      <c r="AY1596">
        <v>66</v>
      </c>
      <c r="AZ1596">
        <v>131</v>
      </c>
      <c r="BA1596">
        <v>0.58326205201158743</v>
      </c>
      <c r="BB1596">
        <v>0.48677626876340241</v>
      </c>
      <c r="BC1596">
        <v>5.2703547018332726</v>
      </c>
      <c r="BD1596" t="s">
        <v>6109</v>
      </c>
      <c r="BE1596" t="s">
        <v>68</v>
      </c>
    </row>
    <row r="1597" spans="1:57" x14ac:dyDescent="0.3">
      <c r="A1597" t="s">
        <v>6110</v>
      </c>
      <c r="B1597">
        <v>131</v>
      </c>
      <c r="C1597" t="s">
        <v>6111</v>
      </c>
      <c r="D1597" t="s">
        <v>6112</v>
      </c>
      <c r="E1597" t="s">
        <v>60</v>
      </c>
      <c r="F1597">
        <v>256</v>
      </c>
      <c r="G1597">
        <v>116.89453125</v>
      </c>
      <c r="H1597">
        <v>107</v>
      </c>
      <c r="I1597">
        <v>5452.2037200927734</v>
      </c>
      <c r="J1597">
        <v>73.839039268484342</v>
      </c>
      <c r="K1597">
        <v>0.20977984247059889</v>
      </c>
      <c r="L1597">
        <v>-1.1785563923397779</v>
      </c>
      <c r="M1597">
        <v>7.201785693198806</v>
      </c>
      <c r="N1597">
        <v>4</v>
      </c>
      <c r="O1597">
        <v>1</v>
      </c>
      <c r="P1597">
        <v>3</v>
      </c>
      <c r="Q1597">
        <v>0.74281280332099675</v>
      </c>
      <c r="R1597">
        <v>4.9918974482377028</v>
      </c>
      <c r="S1597">
        <v>1</v>
      </c>
      <c r="T1597">
        <v>1</v>
      </c>
      <c r="U1597">
        <v>0</v>
      </c>
      <c r="V1597">
        <v>0</v>
      </c>
      <c r="W1597">
        <v>5.541263545158424</v>
      </c>
      <c r="X1597">
        <v>1</v>
      </c>
      <c r="Y1597">
        <v>1</v>
      </c>
      <c r="Z1597">
        <v>0</v>
      </c>
      <c r="AA1597">
        <v>0</v>
      </c>
      <c r="AB1597">
        <v>5.5373342670185366</v>
      </c>
      <c r="AC1597">
        <v>1</v>
      </c>
      <c r="AD1597">
        <v>1</v>
      </c>
      <c r="AE1597">
        <v>0</v>
      </c>
      <c r="AF1597">
        <v>0</v>
      </c>
      <c r="AG1597">
        <v>5.5333894887275203</v>
      </c>
      <c r="AH1597">
        <v>-4.0330139294402607E-2</v>
      </c>
      <c r="AI1597">
        <v>5.2217793188089903E-2</v>
      </c>
      <c r="AJ1597">
        <v>-4.9285251202915499E-2</v>
      </c>
      <c r="AK1597">
        <v>6.8959905297612756E-2</v>
      </c>
      <c r="AL1597">
        <v>1142.416655901467</v>
      </c>
      <c r="AM1597">
        <v>1894.3909797924259</v>
      </c>
      <c r="AN1597">
        <v>29925</v>
      </c>
      <c r="AO1597">
        <v>109.36596388007401</v>
      </c>
      <c r="AP1597">
        <v>932.87468788912702</v>
      </c>
      <c r="AQ1597">
        <v>1.08984375</v>
      </c>
      <c r="AR1597">
        <v>3.85546875</v>
      </c>
      <c r="AS1597">
        <v>254</v>
      </c>
      <c r="AT1597">
        <v>57.265625</v>
      </c>
      <c r="AU1597">
        <v>8.8388480392156854E-2</v>
      </c>
      <c r="AV1597">
        <v>-4.0536816532728129E-2</v>
      </c>
      <c r="AW1597">
        <v>0.42578125</v>
      </c>
      <c r="AX1597">
        <v>87.941176470588232</v>
      </c>
      <c r="AY1597">
        <v>63</v>
      </c>
      <c r="AZ1597">
        <v>125.25</v>
      </c>
      <c r="BA1597">
        <v>0.63167231588076833</v>
      </c>
      <c r="BB1597">
        <v>0.4765625</v>
      </c>
      <c r="BC1597">
        <v>4.9073801345450887</v>
      </c>
      <c r="BD1597" t="s">
        <v>6113</v>
      </c>
      <c r="BE1597" t="s">
        <v>62</v>
      </c>
    </row>
    <row r="1598" spans="1:57" x14ac:dyDescent="0.3">
      <c r="A1598" t="s">
        <v>6114</v>
      </c>
      <c r="B1598">
        <v>3130</v>
      </c>
      <c r="C1598" t="s">
        <v>6115</v>
      </c>
      <c r="D1598" t="s">
        <v>6116</v>
      </c>
      <c r="E1598" t="s">
        <v>10622</v>
      </c>
      <c r="F1598">
        <v>64</v>
      </c>
      <c r="G1598">
        <v>102.375</v>
      </c>
      <c r="H1598">
        <v>85.5</v>
      </c>
      <c r="I1598">
        <v>5467.046875</v>
      </c>
      <c r="J1598">
        <v>73.939481165342244</v>
      </c>
      <c r="K1598">
        <v>0.42125487111286097</v>
      </c>
      <c r="L1598">
        <v>-0.94696041831086042</v>
      </c>
      <c r="M1598">
        <v>5.632659765557392</v>
      </c>
      <c r="N1598">
        <v>3</v>
      </c>
      <c r="O1598">
        <v>1</v>
      </c>
      <c r="P1598">
        <v>2</v>
      </c>
      <c r="Q1598">
        <v>0.48983981078291211</v>
      </c>
      <c r="R1598">
        <v>3.9042622355495489</v>
      </c>
      <c r="S1598">
        <v>1</v>
      </c>
      <c r="T1598">
        <v>1</v>
      </c>
      <c r="U1598">
        <v>0</v>
      </c>
      <c r="V1598">
        <v>0</v>
      </c>
      <c r="W1598">
        <v>4.1431347263915326</v>
      </c>
      <c r="X1598">
        <v>1</v>
      </c>
      <c r="Y1598">
        <v>1</v>
      </c>
      <c r="Z1598">
        <v>0</v>
      </c>
      <c r="AA1598">
        <v>0</v>
      </c>
      <c r="AB1598">
        <v>4.1271343850450908</v>
      </c>
      <c r="AC1598">
        <v>1</v>
      </c>
      <c r="AD1598">
        <v>1</v>
      </c>
      <c r="AE1598">
        <v>0</v>
      </c>
      <c r="AF1598">
        <v>0</v>
      </c>
      <c r="AG1598">
        <v>4.1108738641733096</v>
      </c>
      <c r="AH1598">
        <v>1.456520566404966E-2</v>
      </c>
      <c r="AI1598">
        <v>-6.0927278066597881E-2</v>
      </c>
      <c r="AJ1598">
        <v>-8.1109054319773874E-2</v>
      </c>
      <c r="AK1598">
        <v>-8.740909669011207E-2</v>
      </c>
      <c r="AL1598">
        <v>643.85976111610114</v>
      </c>
      <c r="AM1598">
        <v>778.52206649234881</v>
      </c>
      <c r="AN1598">
        <v>6552</v>
      </c>
      <c r="AO1598">
        <v>72.377928619059844</v>
      </c>
      <c r="AP1598">
        <v>542.60784308484745</v>
      </c>
      <c r="AQ1598">
        <v>1.359375</v>
      </c>
      <c r="AR1598">
        <v>3.75</v>
      </c>
      <c r="AS1598">
        <v>64</v>
      </c>
      <c r="AT1598">
        <v>10.53125</v>
      </c>
      <c r="AU1598">
        <v>0.17009654471544719</v>
      </c>
      <c r="AV1598">
        <v>1.47096345079632E-2</v>
      </c>
      <c r="AW1598">
        <v>0.375</v>
      </c>
      <c r="AX1598">
        <v>84.301587301587304</v>
      </c>
      <c r="AY1598">
        <v>58.5</v>
      </c>
      <c r="AZ1598">
        <v>107.25</v>
      </c>
      <c r="BA1598">
        <v>0.72224157426463731</v>
      </c>
      <c r="BB1598">
        <v>0.453125</v>
      </c>
      <c r="BC1598">
        <v>3.9450926748029782</v>
      </c>
      <c r="BD1598" t="s">
        <v>6117</v>
      </c>
      <c r="BE1598" t="s">
        <v>62</v>
      </c>
    </row>
    <row r="1599" spans="1:57" x14ac:dyDescent="0.3">
      <c r="A1599" t="s">
        <v>6118</v>
      </c>
      <c r="B1599">
        <v>649</v>
      </c>
      <c r="C1599" t="s">
        <v>6119</v>
      </c>
      <c r="D1599" t="s">
        <v>6120</v>
      </c>
      <c r="E1599" t="s">
        <v>106</v>
      </c>
      <c r="F1599">
        <v>655</v>
      </c>
      <c r="G1599">
        <v>127.20610687022899</v>
      </c>
      <c r="H1599">
        <v>125</v>
      </c>
      <c r="I1599">
        <v>5690.9117184313272</v>
      </c>
      <c r="J1599">
        <v>75.438131726808606</v>
      </c>
      <c r="K1599">
        <v>1.615231946911347E-5</v>
      </c>
      <c r="L1599">
        <v>-1.203762904793884</v>
      </c>
      <c r="M1599">
        <v>7.6753425787485936</v>
      </c>
      <c r="N1599">
        <v>7</v>
      </c>
      <c r="O1599">
        <v>1</v>
      </c>
      <c r="P1599">
        <v>6</v>
      </c>
      <c r="Q1599">
        <v>1.464041690972375</v>
      </c>
      <c r="R1599">
        <v>5.3201420682912968</v>
      </c>
      <c r="S1599">
        <v>2</v>
      </c>
      <c r="T1599">
        <v>1</v>
      </c>
      <c r="U1599">
        <v>1</v>
      </c>
      <c r="V1599">
        <v>7.8204707859315908E-2</v>
      </c>
      <c r="W1599">
        <v>6.4746284868631934</v>
      </c>
      <c r="X1599">
        <v>1</v>
      </c>
      <c r="Y1599">
        <v>1</v>
      </c>
      <c r="Z1599">
        <v>0</v>
      </c>
      <c r="AA1599">
        <v>0</v>
      </c>
      <c r="AB1599">
        <v>6.481577129276431</v>
      </c>
      <c r="AC1599">
        <v>1</v>
      </c>
      <c r="AD1599">
        <v>1</v>
      </c>
      <c r="AE1599">
        <v>0</v>
      </c>
      <c r="AF1599">
        <v>0</v>
      </c>
      <c r="AG1599">
        <v>6.4800445619266522</v>
      </c>
      <c r="AH1599">
        <v>-1.9430157507922031E-2</v>
      </c>
      <c r="AI1599">
        <v>6.6100153497763159E-3</v>
      </c>
      <c r="AJ1599">
        <v>-2.9283394725704001E-2</v>
      </c>
      <c r="AK1599">
        <v>-7.6502298686457167E-3</v>
      </c>
      <c r="AL1599">
        <v>1859.2842286274349</v>
      </c>
      <c r="AM1599">
        <v>3296.880670751867</v>
      </c>
      <c r="AN1599">
        <v>83320</v>
      </c>
      <c r="AO1599">
        <v>84.827325026281642</v>
      </c>
      <c r="AP1599">
        <v>1671.9699674229839</v>
      </c>
      <c r="AQ1599">
        <v>1.0351145038167939</v>
      </c>
      <c r="AR1599">
        <v>3.9557251908396949</v>
      </c>
      <c r="AS1599">
        <v>651</v>
      </c>
      <c r="AT1599">
        <v>179.18320610687019</v>
      </c>
      <c r="AU1599">
        <v>2.6493039964077231E-2</v>
      </c>
      <c r="AV1599">
        <v>-1.94425767210482E-2</v>
      </c>
      <c r="AW1599">
        <v>0.36641221374045801</v>
      </c>
      <c r="AX1599">
        <v>88.223241590214073</v>
      </c>
      <c r="AY1599">
        <v>65</v>
      </c>
      <c r="AZ1599">
        <v>130.5</v>
      </c>
      <c r="BA1599">
        <v>0.59303860154896348</v>
      </c>
      <c r="BB1599">
        <v>0.49160305343511451</v>
      </c>
      <c r="BC1599">
        <v>5.1636295065028426</v>
      </c>
      <c r="BD1599" t="s">
        <v>6121</v>
      </c>
      <c r="BE1599" t="s">
        <v>68</v>
      </c>
    </row>
    <row r="1600" spans="1:57" x14ac:dyDescent="0.3">
      <c r="A1600" t="s">
        <v>6122</v>
      </c>
      <c r="B1600">
        <v>159</v>
      </c>
      <c r="C1600" t="s">
        <v>6123</v>
      </c>
      <c r="D1600" t="s">
        <v>6124</v>
      </c>
      <c r="E1600" t="s">
        <v>60</v>
      </c>
      <c r="F1600">
        <v>256</v>
      </c>
      <c r="G1600">
        <v>130.8984375</v>
      </c>
      <c r="H1600">
        <v>134.5</v>
      </c>
      <c r="I1600">
        <v>5825.8334350585938</v>
      </c>
      <c r="J1600">
        <v>76.32714743168772</v>
      </c>
      <c r="K1600">
        <v>-7.0549142431817591E-2</v>
      </c>
      <c r="L1600">
        <v>-1.243369571193176</v>
      </c>
      <c r="M1600">
        <v>7.206802148336088</v>
      </c>
      <c r="N1600">
        <v>4</v>
      </c>
      <c r="O1600">
        <v>1</v>
      </c>
      <c r="P1600">
        <v>3</v>
      </c>
      <c r="Q1600">
        <v>0.78165372947407774</v>
      </c>
      <c r="R1600">
        <v>4.9953745899725162</v>
      </c>
      <c r="S1600">
        <v>1</v>
      </c>
      <c r="T1600">
        <v>1</v>
      </c>
      <c r="U1600">
        <v>0</v>
      </c>
      <c r="V1600">
        <v>0</v>
      </c>
      <c r="W1600">
        <v>5.541263545158424</v>
      </c>
      <c r="X1600">
        <v>1</v>
      </c>
      <c r="Y1600">
        <v>1</v>
      </c>
      <c r="Z1600">
        <v>0</v>
      </c>
      <c r="AA1600">
        <v>0</v>
      </c>
      <c r="AB1600">
        <v>5.5373342670185366</v>
      </c>
      <c r="AC1600">
        <v>1</v>
      </c>
      <c r="AD1600">
        <v>1</v>
      </c>
      <c r="AE1600">
        <v>0</v>
      </c>
      <c r="AF1600">
        <v>0</v>
      </c>
      <c r="AG1600">
        <v>5.5333894887275203</v>
      </c>
      <c r="AH1600">
        <v>-9.9313320209552698E-3</v>
      </c>
      <c r="AI1600">
        <v>6.266092371888117E-2</v>
      </c>
      <c r="AJ1600">
        <v>1.7523124423228259E-2</v>
      </c>
      <c r="AK1600">
        <v>-7.9331430128462985E-2</v>
      </c>
      <c r="AL1600">
        <v>1228.6351863124969</v>
      </c>
      <c r="AM1600">
        <v>2090.0420041125631</v>
      </c>
      <c r="AN1600">
        <v>33510</v>
      </c>
      <c r="AO1600">
        <v>134.84296552448731</v>
      </c>
      <c r="AP1600">
        <v>1078.3309837548729</v>
      </c>
      <c r="AQ1600">
        <v>1.08984375</v>
      </c>
      <c r="AR1600">
        <v>3.98046875</v>
      </c>
      <c r="AS1600">
        <v>256</v>
      </c>
      <c r="AT1600">
        <v>64.9765625</v>
      </c>
      <c r="AU1600">
        <v>4.633884803921573E-2</v>
      </c>
      <c r="AV1600">
        <v>-9.953556658996162E-3</v>
      </c>
      <c r="AW1600">
        <v>0.328125</v>
      </c>
      <c r="AX1600">
        <v>89.8</v>
      </c>
      <c r="AY1600">
        <v>69</v>
      </c>
      <c r="AZ1600">
        <v>136.25</v>
      </c>
      <c r="BA1600">
        <v>0.58310205140292615</v>
      </c>
      <c r="BB1600">
        <v>0.5078125</v>
      </c>
      <c r="BC1600">
        <v>4.8863537526850669</v>
      </c>
      <c r="BD1600" t="s">
        <v>6125</v>
      </c>
      <c r="BE1600" t="s">
        <v>62</v>
      </c>
    </row>
    <row r="1601" spans="1:57" x14ac:dyDescent="0.3">
      <c r="A1601" t="s">
        <v>6126</v>
      </c>
      <c r="B1601">
        <v>3949</v>
      </c>
      <c r="C1601" t="s">
        <v>6127</v>
      </c>
      <c r="D1601" t="s">
        <v>6128</v>
      </c>
      <c r="E1601" t="s">
        <v>115</v>
      </c>
      <c r="F1601">
        <v>4048</v>
      </c>
      <c r="G1601">
        <v>126.901185770751</v>
      </c>
      <c r="H1601">
        <v>125</v>
      </c>
      <c r="I1601">
        <v>5430.5885559061999</v>
      </c>
      <c r="J1601">
        <v>73.692527137466257</v>
      </c>
      <c r="K1601">
        <v>1.518344433088015E-2</v>
      </c>
      <c r="L1601">
        <v>-1.1916576570571999</v>
      </c>
      <c r="M1601">
        <v>7.9549552563667296</v>
      </c>
      <c r="N1601">
        <v>30</v>
      </c>
      <c r="O1601">
        <v>8</v>
      </c>
      <c r="P1601">
        <v>22</v>
      </c>
      <c r="Q1601">
        <v>3.9995116889440392</v>
      </c>
      <c r="R1601">
        <v>5.5139548074311158</v>
      </c>
      <c r="S1601">
        <v>3</v>
      </c>
      <c r="T1601">
        <v>1</v>
      </c>
      <c r="U1601">
        <v>2</v>
      </c>
      <c r="V1601">
        <v>0.17438864050500291</v>
      </c>
      <c r="W1601">
        <v>8.2652650750260221</v>
      </c>
      <c r="X1601">
        <v>1</v>
      </c>
      <c r="Y1601">
        <v>1</v>
      </c>
      <c r="Z1601">
        <v>0</v>
      </c>
      <c r="AA1601">
        <v>0</v>
      </c>
      <c r="AB1601">
        <v>8.3054840177276894</v>
      </c>
      <c r="AC1601">
        <v>1</v>
      </c>
      <c r="AD1601">
        <v>1</v>
      </c>
      <c r="AE1601">
        <v>0</v>
      </c>
      <c r="AF1601">
        <v>0</v>
      </c>
      <c r="AG1601">
        <v>8.3052368294925927</v>
      </c>
      <c r="AH1601">
        <v>2.532495758917082E-3</v>
      </c>
      <c r="AI1601">
        <v>1.5596149014821779E-2</v>
      </c>
      <c r="AJ1601">
        <v>-5.710287937044116E-5</v>
      </c>
      <c r="AK1601">
        <v>-4.4820351152958212E-3</v>
      </c>
      <c r="AL1601">
        <v>4287.4318400015391</v>
      </c>
      <c r="AM1601">
        <v>8293.9485299428416</v>
      </c>
      <c r="AN1601">
        <v>513696</v>
      </c>
      <c r="AO1601">
        <v>83.538562256731282</v>
      </c>
      <c r="AP1601">
        <v>3922.745322980807</v>
      </c>
      <c r="AQ1601">
        <v>1.0056818181818179</v>
      </c>
      <c r="AR1601">
        <v>3.9866600790513829</v>
      </c>
      <c r="AS1601">
        <v>4031</v>
      </c>
      <c r="AT1601">
        <v>258.97233201581031</v>
      </c>
      <c r="AU1601">
        <v>1.317135549872128E-2</v>
      </c>
      <c r="AV1601">
        <v>2.5329517636823282E-3</v>
      </c>
      <c r="AW1601">
        <v>0.38092885375494068</v>
      </c>
      <c r="AX1601">
        <v>84.687175685693106</v>
      </c>
      <c r="AY1601">
        <v>63</v>
      </c>
      <c r="AZ1601">
        <v>127.25</v>
      </c>
      <c r="BA1601">
        <v>0.5807079476041539</v>
      </c>
      <c r="BB1601">
        <v>0.49456521739130432</v>
      </c>
      <c r="BC1601">
        <v>5.3195434456166906</v>
      </c>
      <c r="BD1601" t="s">
        <v>6129</v>
      </c>
      <c r="BE1601" t="s">
        <v>62</v>
      </c>
    </row>
    <row r="1602" spans="1:57" x14ac:dyDescent="0.3">
      <c r="A1602" t="s">
        <v>6130</v>
      </c>
      <c r="B1602">
        <v>2596</v>
      </c>
      <c r="C1602" t="s">
        <v>6131</v>
      </c>
      <c r="D1602" t="s">
        <v>6132</v>
      </c>
      <c r="E1602" t="s">
        <v>85</v>
      </c>
      <c r="F1602">
        <v>8</v>
      </c>
      <c r="G1602">
        <v>137.625</v>
      </c>
      <c r="H1602">
        <v>153</v>
      </c>
      <c r="I1602">
        <v>3351.484375</v>
      </c>
      <c r="J1602">
        <v>57.892006140744513</v>
      </c>
      <c r="K1602">
        <v>-0.43940355145572613</v>
      </c>
      <c r="L1602">
        <v>-1.3224124207884611</v>
      </c>
      <c r="M1602">
        <v>3</v>
      </c>
      <c r="N1602">
        <v>1</v>
      </c>
      <c r="O1602">
        <v>1</v>
      </c>
      <c r="P1602">
        <v>0</v>
      </c>
      <c r="Q1602">
        <v>0</v>
      </c>
      <c r="R1602">
        <v>2.0794415416798362</v>
      </c>
      <c r="S1602">
        <v>1</v>
      </c>
      <c r="T1602">
        <v>1</v>
      </c>
      <c r="U1602">
        <v>0</v>
      </c>
      <c r="V1602">
        <v>0</v>
      </c>
      <c r="W1602">
        <v>1.945910149055313</v>
      </c>
      <c r="X1602">
        <v>1</v>
      </c>
      <c r="Y1602">
        <v>1</v>
      </c>
      <c r="Z1602">
        <v>0</v>
      </c>
      <c r="AA1602">
        <v>0</v>
      </c>
      <c r="AB1602">
        <v>1.791759469228055</v>
      </c>
      <c r="AC1602">
        <v>1</v>
      </c>
      <c r="AD1602">
        <v>1</v>
      </c>
      <c r="AE1602">
        <v>0</v>
      </c>
      <c r="AF1602">
        <v>0</v>
      </c>
      <c r="AG1602">
        <v>1.6094379124341009</v>
      </c>
      <c r="AH1602">
        <v>-0.1441484649991841</v>
      </c>
      <c r="AI1602">
        <v>-0.59978204620154318</v>
      </c>
      <c r="AJ1602">
        <v>-0.44340718897876408</v>
      </c>
      <c r="AK1602">
        <v>0</v>
      </c>
      <c r="AL1602">
        <v>275.58707143605812</v>
      </c>
      <c r="AM1602">
        <v>319.9824464830798</v>
      </c>
      <c r="AN1602">
        <v>1101</v>
      </c>
      <c r="AO1602">
        <v>11</v>
      </c>
      <c r="AP1602">
        <v>148.54588982682131</v>
      </c>
      <c r="AQ1602">
        <v>3.5</v>
      </c>
      <c r="AR1602">
        <v>4.375</v>
      </c>
      <c r="AS1602">
        <v>8</v>
      </c>
      <c r="AT1602">
        <v>0</v>
      </c>
      <c r="AU1602">
        <v>0.23152709359605919</v>
      </c>
      <c r="AV1602">
        <v>-0.20082904217422451</v>
      </c>
      <c r="AW1602">
        <v>0.375</v>
      </c>
      <c r="AX1602">
        <v>80.142857142857139</v>
      </c>
      <c r="AY1602">
        <v>46.5</v>
      </c>
      <c r="AZ1602">
        <v>92.25</v>
      </c>
      <c r="BA1602">
        <v>0.42065036251222171</v>
      </c>
      <c r="BB1602">
        <v>0.625</v>
      </c>
      <c r="BC1602">
        <v>1.945910149055313</v>
      </c>
      <c r="BD1602" t="s">
        <v>6131</v>
      </c>
      <c r="BE1602" t="s">
        <v>68</v>
      </c>
    </row>
    <row r="1603" spans="1:57" x14ac:dyDescent="0.3">
      <c r="A1603" t="s">
        <v>6133</v>
      </c>
      <c r="B1603">
        <v>2982</v>
      </c>
      <c r="C1603" t="s">
        <v>6134</v>
      </c>
      <c r="D1603" t="s">
        <v>6135</v>
      </c>
      <c r="E1603" t="s">
        <v>10622</v>
      </c>
      <c r="F1603">
        <v>64</v>
      </c>
      <c r="G1603">
        <v>129.828125</v>
      </c>
      <c r="H1603">
        <v>126.5</v>
      </c>
      <c r="I1603">
        <v>6436.923583984375</v>
      </c>
      <c r="J1603">
        <v>80.230440507231265</v>
      </c>
      <c r="K1603">
        <v>4.3629874137614599E-2</v>
      </c>
      <c r="L1603">
        <v>-1.3953714856343771</v>
      </c>
      <c r="M1603">
        <v>5.800704882778696</v>
      </c>
      <c r="N1603">
        <v>3</v>
      </c>
      <c r="O1603">
        <v>1</v>
      </c>
      <c r="P1603">
        <v>2</v>
      </c>
      <c r="Q1603">
        <v>0.35669242871684831</v>
      </c>
      <c r="R1603">
        <v>4.0207422347583606</v>
      </c>
      <c r="S1603">
        <v>1</v>
      </c>
      <c r="T1603">
        <v>1</v>
      </c>
      <c r="U1603">
        <v>0</v>
      </c>
      <c r="V1603">
        <v>0</v>
      </c>
      <c r="W1603">
        <v>4.1431347263915326</v>
      </c>
      <c r="X1603">
        <v>1</v>
      </c>
      <c r="Y1603">
        <v>1</v>
      </c>
      <c r="Z1603">
        <v>0</v>
      </c>
      <c r="AA1603">
        <v>0</v>
      </c>
      <c r="AB1603">
        <v>4.1271343850450908</v>
      </c>
      <c r="AC1603">
        <v>1</v>
      </c>
      <c r="AD1603">
        <v>1</v>
      </c>
      <c r="AE1603">
        <v>0</v>
      </c>
      <c r="AF1603">
        <v>0</v>
      </c>
      <c r="AG1603">
        <v>4.1108738641733096</v>
      </c>
      <c r="AH1603">
        <v>-0.2977504505248289</v>
      </c>
      <c r="AI1603">
        <v>-3.3306751308018738E-2</v>
      </c>
      <c r="AJ1603">
        <v>-3.8979576907845849E-2</v>
      </c>
      <c r="AK1603">
        <v>-0.15860244867382131</v>
      </c>
      <c r="AL1603">
        <v>696.65371844552544</v>
      </c>
      <c r="AM1603">
        <v>1002.685691817741</v>
      </c>
      <c r="AN1603">
        <v>8309</v>
      </c>
      <c r="AO1603">
        <v>25.679733964496279</v>
      </c>
      <c r="AP1603">
        <v>559.65995735543299</v>
      </c>
      <c r="AQ1603">
        <v>1.359375</v>
      </c>
      <c r="AR1603">
        <v>3.9375</v>
      </c>
      <c r="AS1603">
        <v>64</v>
      </c>
      <c r="AT1603">
        <v>6.6875</v>
      </c>
      <c r="AU1603">
        <v>8.8045634920634927E-2</v>
      </c>
      <c r="AV1603">
        <v>-0.30252641659832952</v>
      </c>
      <c r="AW1603">
        <v>0.34375</v>
      </c>
      <c r="AX1603">
        <v>113.61904761904761</v>
      </c>
      <c r="AY1603">
        <v>80.5</v>
      </c>
      <c r="AZ1603">
        <v>151.75</v>
      </c>
      <c r="BA1603">
        <v>0.61797426795797339</v>
      </c>
      <c r="BB1603">
        <v>0.484375</v>
      </c>
      <c r="BC1603">
        <v>4.055116036796619</v>
      </c>
      <c r="BD1603" t="s">
        <v>6136</v>
      </c>
      <c r="BE1603" t="s">
        <v>62</v>
      </c>
    </row>
    <row r="1604" spans="1:57" x14ac:dyDescent="0.3">
      <c r="A1604" t="s">
        <v>6137</v>
      </c>
      <c r="B1604">
        <v>960</v>
      </c>
      <c r="C1604" t="s">
        <v>6138</v>
      </c>
      <c r="D1604" t="s">
        <v>6139</v>
      </c>
      <c r="E1604" t="s">
        <v>115</v>
      </c>
      <c r="F1604">
        <v>1020</v>
      </c>
      <c r="G1604">
        <v>130.14411764705881</v>
      </c>
      <c r="H1604">
        <v>127.5</v>
      </c>
      <c r="I1604">
        <v>5379.8586418685118</v>
      </c>
      <c r="J1604">
        <v>73.347519670868977</v>
      </c>
      <c r="K1604">
        <v>1.114979773059697E-2</v>
      </c>
      <c r="L1604">
        <v>-1.21628188755712</v>
      </c>
      <c r="M1604">
        <v>7.8227341465596281</v>
      </c>
      <c r="N1604">
        <v>13</v>
      </c>
      <c r="O1604">
        <v>1</v>
      </c>
      <c r="P1604">
        <v>12</v>
      </c>
      <c r="Q1604">
        <v>1.937508929545275</v>
      </c>
      <c r="R1604">
        <v>5.4223061179578291</v>
      </c>
      <c r="S1604">
        <v>2</v>
      </c>
      <c r="T1604">
        <v>1</v>
      </c>
      <c r="U1604">
        <v>1</v>
      </c>
      <c r="V1604">
        <v>7.6732776871900416E-2</v>
      </c>
      <c r="W1604">
        <v>6.9184143578873751</v>
      </c>
      <c r="X1604">
        <v>1</v>
      </c>
      <c r="Y1604">
        <v>1</v>
      </c>
      <c r="Z1604">
        <v>0</v>
      </c>
      <c r="AA1604">
        <v>0</v>
      </c>
      <c r="AB1604">
        <v>6.9255951971104697</v>
      </c>
      <c r="AC1604">
        <v>1</v>
      </c>
      <c r="AD1604">
        <v>1</v>
      </c>
      <c r="AE1604">
        <v>0</v>
      </c>
      <c r="AF1604">
        <v>0</v>
      </c>
      <c r="AG1604">
        <v>6.924612396048559</v>
      </c>
      <c r="AH1604">
        <v>1.715673411971164E-2</v>
      </c>
      <c r="AI1604">
        <v>-1.002108785760809E-2</v>
      </c>
      <c r="AJ1604">
        <v>4.5219989833087892E-2</v>
      </c>
      <c r="AK1604">
        <v>-1.3690104935866809E-2</v>
      </c>
      <c r="AL1604">
        <v>2209.3531599263042</v>
      </c>
      <c r="AM1604">
        <v>4228.7652588815627</v>
      </c>
      <c r="AN1604">
        <v>132747</v>
      </c>
      <c r="AO1604">
        <v>30.027888909691232</v>
      </c>
      <c r="AP1604">
        <v>1969.096944366079</v>
      </c>
      <c r="AQ1604">
        <v>1.0225490196078431</v>
      </c>
      <c r="AR1604">
        <v>4.06078431372549</v>
      </c>
      <c r="AS1604">
        <v>1018</v>
      </c>
      <c r="AT1604">
        <v>235.57450980392159</v>
      </c>
      <c r="AU1604">
        <v>2.4509803921568651E-2</v>
      </c>
      <c r="AV1604">
        <v>1.7164518876265921E-2</v>
      </c>
      <c r="AW1604">
        <v>0.39215686274509798</v>
      </c>
      <c r="AX1604">
        <v>84.711481844946022</v>
      </c>
      <c r="AY1604">
        <v>63.5</v>
      </c>
      <c r="AZ1604">
        <v>127.25</v>
      </c>
      <c r="BA1604">
        <v>0.56358689886992808</v>
      </c>
      <c r="BB1604">
        <v>0.49019607843137247</v>
      </c>
      <c r="BC1604">
        <v>5.1909518152805578</v>
      </c>
      <c r="BD1604" t="s">
        <v>6140</v>
      </c>
      <c r="BE1604" t="s">
        <v>68</v>
      </c>
    </row>
    <row r="1605" spans="1:57" x14ac:dyDescent="0.3">
      <c r="A1605" t="s">
        <v>6141</v>
      </c>
      <c r="B1605">
        <v>2831</v>
      </c>
      <c r="C1605" t="s">
        <v>6142</v>
      </c>
      <c r="D1605" t="s">
        <v>6143</v>
      </c>
      <c r="E1605" t="s">
        <v>106</v>
      </c>
      <c r="F1605">
        <v>2885</v>
      </c>
      <c r="G1605">
        <v>128.84956672443681</v>
      </c>
      <c r="H1605">
        <v>130</v>
      </c>
      <c r="I1605">
        <v>5552.5874218226709</v>
      </c>
      <c r="J1605">
        <v>74.515685743490749</v>
      </c>
      <c r="K1605">
        <v>-1.4171062854812389E-3</v>
      </c>
      <c r="L1605">
        <v>-1.2197156416082779</v>
      </c>
      <c r="M1605">
        <v>7.9417396692834874</v>
      </c>
      <c r="N1605">
        <v>21</v>
      </c>
      <c r="O1605">
        <v>3</v>
      </c>
      <c r="P1605">
        <v>18</v>
      </c>
      <c r="Q1605">
        <v>3.1871337680231488</v>
      </c>
      <c r="R1605">
        <v>5.5047944605049226</v>
      </c>
      <c r="S1605">
        <v>3</v>
      </c>
      <c r="T1605">
        <v>1</v>
      </c>
      <c r="U1605">
        <v>2</v>
      </c>
      <c r="V1605">
        <v>0.13812051611275089</v>
      </c>
      <c r="W1605">
        <v>7.9412757836742163</v>
      </c>
      <c r="X1605">
        <v>1</v>
      </c>
      <c r="Y1605">
        <v>1</v>
      </c>
      <c r="Z1605">
        <v>0</v>
      </c>
      <c r="AA1605">
        <v>0</v>
      </c>
      <c r="AB1605">
        <v>7.9665866976384034</v>
      </c>
      <c r="AC1605">
        <v>1</v>
      </c>
      <c r="AD1605">
        <v>1</v>
      </c>
      <c r="AE1605">
        <v>0</v>
      </c>
      <c r="AF1605">
        <v>0</v>
      </c>
      <c r="AG1605">
        <v>7.966239776559469</v>
      </c>
      <c r="AH1605">
        <v>-1.955988576464416E-2</v>
      </c>
      <c r="AI1605">
        <v>9.0607483076096257E-3</v>
      </c>
      <c r="AJ1605">
        <v>-3.0658291790352948E-3</v>
      </c>
      <c r="AK1605">
        <v>3.2002122211178242E-2</v>
      </c>
      <c r="AL1605">
        <v>3666.8498081365092</v>
      </c>
      <c r="AM1605">
        <v>7104.2807858761626</v>
      </c>
      <c r="AN1605">
        <v>371731</v>
      </c>
      <c r="AO1605">
        <v>73.056419423258959</v>
      </c>
      <c r="AP1605">
        <v>3325.0121612340822</v>
      </c>
      <c r="AQ1605">
        <v>1.007972270363952</v>
      </c>
      <c r="AR1605">
        <v>4.002772963604853</v>
      </c>
      <c r="AS1605">
        <v>2871</v>
      </c>
      <c r="AT1605">
        <v>230.74627383015601</v>
      </c>
      <c r="AU1605">
        <v>1.737180140687122E-2</v>
      </c>
      <c r="AV1605">
        <v>-1.9561903745489571E-2</v>
      </c>
      <c r="AW1605">
        <v>0.36949740034662037</v>
      </c>
      <c r="AX1605">
        <v>86.704576976421635</v>
      </c>
      <c r="AY1605">
        <v>65</v>
      </c>
      <c r="AZ1605">
        <v>129</v>
      </c>
      <c r="BA1605">
        <v>0.57831537689880796</v>
      </c>
      <c r="BB1605">
        <v>0.50259965337954937</v>
      </c>
      <c r="BC1605">
        <v>5.3168432958817364</v>
      </c>
      <c r="BD1605" t="s">
        <v>6144</v>
      </c>
      <c r="BE1605" t="s">
        <v>68</v>
      </c>
    </row>
    <row r="1606" spans="1:57" x14ac:dyDescent="0.3">
      <c r="A1606" t="s">
        <v>6145</v>
      </c>
      <c r="B1606">
        <v>133</v>
      </c>
      <c r="C1606" t="s">
        <v>6146</v>
      </c>
      <c r="D1606" t="s">
        <v>6147</v>
      </c>
      <c r="E1606" t="s">
        <v>60</v>
      </c>
      <c r="F1606">
        <v>256</v>
      </c>
      <c r="G1606">
        <v>120.23046875</v>
      </c>
      <c r="H1606">
        <v>119.5</v>
      </c>
      <c r="I1606">
        <v>5485.7320404052734</v>
      </c>
      <c r="J1606">
        <v>74.06572783957013</v>
      </c>
      <c r="K1606">
        <v>9.5659316051943499E-2</v>
      </c>
      <c r="L1606">
        <v>-1.1629362961470511</v>
      </c>
      <c r="M1606">
        <v>7.22139331042011</v>
      </c>
      <c r="N1606">
        <v>4</v>
      </c>
      <c r="O1606">
        <v>1</v>
      </c>
      <c r="P1606">
        <v>3</v>
      </c>
      <c r="Q1606">
        <v>0.73365883084268935</v>
      </c>
      <c r="R1606">
        <v>5.0054884128321486</v>
      </c>
      <c r="S1606">
        <v>2</v>
      </c>
      <c r="T1606">
        <v>1</v>
      </c>
      <c r="U1606">
        <v>1</v>
      </c>
      <c r="V1606">
        <v>6.2621943781838052E-2</v>
      </c>
      <c r="W1606">
        <v>5.5358270966834446</v>
      </c>
      <c r="X1606">
        <v>1</v>
      </c>
      <c r="Y1606">
        <v>1</v>
      </c>
      <c r="Z1606">
        <v>0</v>
      </c>
      <c r="AA1606">
        <v>0</v>
      </c>
      <c r="AB1606">
        <v>5.5373342670185366</v>
      </c>
      <c r="AC1606">
        <v>1</v>
      </c>
      <c r="AD1606">
        <v>1</v>
      </c>
      <c r="AE1606">
        <v>0</v>
      </c>
      <c r="AF1606">
        <v>0</v>
      </c>
      <c r="AG1606">
        <v>5.5333894887275203</v>
      </c>
      <c r="AH1606">
        <v>-3.2571444467377093E-2</v>
      </c>
      <c r="AI1606">
        <v>7.3328618356075279E-2</v>
      </c>
      <c r="AJ1606">
        <v>6.5727871841906047E-3</v>
      </c>
      <c r="AK1606">
        <v>-3.2481250683302951E-3</v>
      </c>
      <c r="AL1606">
        <v>1170.1271825668091</v>
      </c>
      <c r="AM1606">
        <v>1932.8019496622669</v>
      </c>
      <c r="AN1606">
        <v>30779</v>
      </c>
      <c r="AO1606">
        <v>173.85983011952311</v>
      </c>
      <c r="AP1606">
        <v>951.12192900430364</v>
      </c>
      <c r="AQ1606">
        <v>1.08984375</v>
      </c>
      <c r="AR1606">
        <v>3.96875</v>
      </c>
      <c r="AS1606">
        <v>256</v>
      </c>
      <c r="AT1606">
        <v>57.2421875</v>
      </c>
      <c r="AU1606">
        <v>5.0843253968253947E-2</v>
      </c>
      <c r="AV1606">
        <v>-3.265357244666741E-2</v>
      </c>
      <c r="AW1606">
        <v>0.37890625</v>
      </c>
      <c r="AX1606">
        <v>86.30980392156863</v>
      </c>
      <c r="AY1606">
        <v>63.5</v>
      </c>
      <c r="AZ1606">
        <v>125.75</v>
      </c>
      <c r="BA1606">
        <v>0.61603126569836419</v>
      </c>
      <c r="BB1606">
        <v>0.49609375</v>
      </c>
      <c r="BC1606">
        <v>4.876365441901612</v>
      </c>
      <c r="BD1606" t="s">
        <v>6148</v>
      </c>
      <c r="BE1606" t="s">
        <v>62</v>
      </c>
    </row>
    <row r="1607" spans="1:57" x14ac:dyDescent="0.3">
      <c r="A1607" t="s">
        <v>6149</v>
      </c>
      <c r="B1607">
        <v>148</v>
      </c>
      <c r="C1607" t="s">
        <v>6150</v>
      </c>
      <c r="D1607" t="s">
        <v>6151</v>
      </c>
      <c r="E1607" t="s">
        <v>60</v>
      </c>
      <c r="F1607">
        <v>512</v>
      </c>
      <c r="G1607">
        <v>124.162109375</v>
      </c>
      <c r="H1607">
        <v>120</v>
      </c>
      <c r="I1607">
        <v>5231.0694236755371</v>
      </c>
      <c r="J1607">
        <v>72.326132370503103</v>
      </c>
      <c r="K1607">
        <v>5.2286941885001749E-2</v>
      </c>
      <c r="L1607">
        <v>-1.1654724875197331</v>
      </c>
      <c r="M1607">
        <v>7.6629619581767114</v>
      </c>
      <c r="N1607">
        <v>7</v>
      </c>
      <c r="O1607">
        <v>1</v>
      </c>
      <c r="P1607">
        <v>6</v>
      </c>
      <c r="Q1607">
        <v>1.154573921950544</v>
      </c>
      <c r="R1607">
        <v>5.3115604760483031</v>
      </c>
      <c r="S1607">
        <v>3</v>
      </c>
      <c r="T1607">
        <v>1</v>
      </c>
      <c r="U1607">
        <v>2</v>
      </c>
      <c r="V1607">
        <v>0.12530132292717919</v>
      </c>
      <c r="W1607">
        <v>6.2190681923358291</v>
      </c>
      <c r="X1607">
        <v>1</v>
      </c>
      <c r="Y1607">
        <v>1</v>
      </c>
      <c r="Z1607">
        <v>0</v>
      </c>
      <c r="AA1607">
        <v>0</v>
      </c>
      <c r="AB1607">
        <v>6.2344107257183694</v>
      </c>
      <c r="AC1607">
        <v>1</v>
      </c>
      <c r="AD1607">
        <v>1</v>
      </c>
      <c r="AE1607">
        <v>0</v>
      </c>
      <c r="AF1607">
        <v>0</v>
      </c>
      <c r="AG1607">
        <v>6.2324480165505216</v>
      </c>
      <c r="AH1607">
        <v>2.5704121324847212E-2</v>
      </c>
      <c r="AI1607">
        <v>-4.5459888486434251E-2</v>
      </c>
      <c r="AJ1607">
        <v>-6.2410917183746721E-3</v>
      </c>
      <c r="AK1607">
        <v>3.5664601902371022E-2</v>
      </c>
      <c r="AL1607">
        <v>1589.030592675472</v>
      </c>
      <c r="AM1607">
        <v>2836.617488407881</v>
      </c>
      <c r="AN1607">
        <v>63571</v>
      </c>
      <c r="AO1607">
        <v>177.71275239964211</v>
      </c>
      <c r="AP1607">
        <v>1420.5620063251911</v>
      </c>
      <c r="AQ1607">
        <v>1.044921875</v>
      </c>
      <c r="AR1607">
        <v>3.96484375</v>
      </c>
      <c r="AS1607">
        <v>512</v>
      </c>
      <c r="AT1607">
        <v>136.53515625</v>
      </c>
      <c r="AU1607">
        <v>4.0824142156862697E-2</v>
      </c>
      <c r="AV1607">
        <v>2.5794784754513619E-2</v>
      </c>
      <c r="AW1607">
        <v>0.412109375</v>
      </c>
      <c r="AX1607">
        <v>83.56555772994129</v>
      </c>
      <c r="AY1607">
        <v>61</v>
      </c>
      <c r="AZ1607">
        <v>124</v>
      </c>
      <c r="BA1607">
        <v>0.58251372125179068</v>
      </c>
      <c r="BB1607">
        <v>0.482421875</v>
      </c>
      <c r="BC1607">
        <v>5.0606512432541937</v>
      </c>
      <c r="BD1607" t="s">
        <v>6152</v>
      </c>
      <c r="BE1607" t="s">
        <v>62</v>
      </c>
    </row>
    <row r="1608" spans="1:57" x14ac:dyDescent="0.3">
      <c r="A1608" t="s">
        <v>6153</v>
      </c>
      <c r="B1608">
        <v>3360</v>
      </c>
      <c r="C1608" t="s">
        <v>6154</v>
      </c>
      <c r="D1608" t="s">
        <v>6155</v>
      </c>
      <c r="E1608" t="s">
        <v>85</v>
      </c>
      <c r="F1608">
        <v>8</v>
      </c>
      <c r="G1608">
        <v>70.375</v>
      </c>
      <c r="H1608">
        <v>48.5</v>
      </c>
      <c r="I1608">
        <v>3551.984375</v>
      </c>
      <c r="J1608">
        <v>59.598526617694169</v>
      </c>
      <c r="K1608">
        <v>0.67226392039421567</v>
      </c>
      <c r="L1608">
        <v>-0.81037263918175029</v>
      </c>
      <c r="M1608">
        <v>3</v>
      </c>
      <c r="N1608">
        <v>1</v>
      </c>
      <c r="O1608">
        <v>1</v>
      </c>
      <c r="P1608">
        <v>0</v>
      </c>
      <c r="Q1608">
        <v>0</v>
      </c>
      <c r="R1608">
        <v>2.0794415416798362</v>
      </c>
      <c r="S1608">
        <v>1</v>
      </c>
      <c r="T1608">
        <v>1</v>
      </c>
      <c r="U1608">
        <v>0</v>
      </c>
      <c r="V1608">
        <v>0</v>
      </c>
      <c r="W1608">
        <v>1.945910149055313</v>
      </c>
      <c r="X1608">
        <v>1</v>
      </c>
      <c r="Y1608">
        <v>1</v>
      </c>
      <c r="Z1608">
        <v>0</v>
      </c>
      <c r="AA1608">
        <v>0</v>
      </c>
      <c r="AB1608">
        <v>1.791759469228055</v>
      </c>
      <c r="AC1608">
        <v>1</v>
      </c>
      <c r="AD1608">
        <v>1</v>
      </c>
      <c r="AE1608">
        <v>0</v>
      </c>
      <c r="AF1608">
        <v>0</v>
      </c>
      <c r="AG1608">
        <v>1.6094379124341009</v>
      </c>
      <c r="AH1608">
        <v>-1.419596000475087E-2</v>
      </c>
      <c r="AI1608">
        <v>-0.40162079295464242</v>
      </c>
      <c r="AJ1608">
        <v>-0.30296280248276708</v>
      </c>
      <c r="AK1608">
        <v>0</v>
      </c>
      <c r="AL1608">
        <v>222.11906981829179</v>
      </c>
      <c r="AM1608">
        <v>136.74837777120729</v>
      </c>
      <c r="AN1608">
        <v>563</v>
      </c>
      <c r="AO1608">
        <v>63</v>
      </c>
      <c r="AP1608">
        <v>181.5649483176251</v>
      </c>
      <c r="AQ1608">
        <v>3.5</v>
      </c>
      <c r="AR1608">
        <v>4.125</v>
      </c>
      <c r="AS1608">
        <v>8</v>
      </c>
      <c r="AT1608">
        <v>0</v>
      </c>
      <c r="AU1608">
        <v>0.32229729729729728</v>
      </c>
      <c r="AV1608">
        <v>-3.1781604322741908E-2</v>
      </c>
      <c r="AW1608">
        <v>0.375</v>
      </c>
      <c r="AX1608">
        <v>73</v>
      </c>
      <c r="AY1608">
        <v>41</v>
      </c>
      <c r="AZ1608">
        <v>86.25</v>
      </c>
      <c r="BA1608">
        <v>0.84687071570435768</v>
      </c>
      <c r="BB1608">
        <v>0.375</v>
      </c>
      <c r="BC1608">
        <v>1.945910149055313</v>
      </c>
      <c r="BD1608" t="s">
        <v>6154</v>
      </c>
      <c r="BE1608" t="s">
        <v>68</v>
      </c>
    </row>
    <row r="1609" spans="1:57" x14ac:dyDescent="0.3">
      <c r="A1609" t="s">
        <v>6156</v>
      </c>
      <c r="B1609">
        <v>1316</v>
      </c>
      <c r="C1609" t="s">
        <v>6157</v>
      </c>
      <c r="D1609" t="s">
        <v>6158</v>
      </c>
      <c r="E1609" t="s">
        <v>106</v>
      </c>
      <c r="F1609">
        <v>1346</v>
      </c>
      <c r="G1609">
        <v>126.36849925705791</v>
      </c>
      <c r="H1609">
        <v>124</v>
      </c>
      <c r="I1609">
        <v>5219.9563331118115</v>
      </c>
      <c r="J1609">
        <v>72.249265277314848</v>
      </c>
      <c r="K1609">
        <v>1.342477725569978E-2</v>
      </c>
      <c r="L1609">
        <v>-1.1656234688731271</v>
      </c>
      <c r="M1609">
        <v>7.8676087361481297</v>
      </c>
      <c r="N1609">
        <v>13</v>
      </c>
      <c r="O1609">
        <v>1</v>
      </c>
      <c r="P1609">
        <v>12</v>
      </c>
      <c r="Q1609">
        <v>2.2193963627175179</v>
      </c>
      <c r="R1609">
        <v>5.4534108132098789</v>
      </c>
      <c r="S1609">
        <v>2</v>
      </c>
      <c r="T1609">
        <v>1</v>
      </c>
      <c r="U1609">
        <v>1</v>
      </c>
      <c r="V1609">
        <v>0.1020184802980889</v>
      </c>
      <c r="W1609">
        <v>7.1897194622547662</v>
      </c>
      <c r="X1609">
        <v>1</v>
      </c>
      <c r="Y1609">
        <v>1</v>
      </c>
      <c r="Z1609">
        <v>0</v>
      </c>
      <c r="AA1609">
        <v>0</v>
      </c>
      <c r="AB1609">
        <v>7.2034055210830967</v>
      </c>
      <c r="AC1609">
        <v>1</v>
      </c>
      <c r="AD1609">
        <v>1</v>
      </c>
      <c r="AE1609">
        <v>0</v>
      </c>
      <c r="AF1609">
        <v>0</v>
      </c>
      <c r="AG1609">
        <v>7.2026611965232368</v>
      </c>
      <c r="AH1609">
        <v>1.553447807941327E-2</v>
      </c>
      <c r="AI1609">
        <v>-2.1960516831030921E-2</v>
      </c>
      <c r="AJ1609">
        <v>-3.4124078066770057E-2</v>
      </c>
      <c r="AK1609">
        <v>3.2889590508266078E-2</v>
      </c>
      <c r="AL1609">
        <v>2475.308880826015</v>
      </c>
      <c r="AM1609">
        <v>4732.14306044353</v>
      </c>
      <c r="AN1609">
        <v>170092</v>
      </c>
      <c r="AO1609">
        <v>40.342836325211827</v>
      </c>
      <c r="AP1609">
        <v>2236.5029529533181</v>
      </c>
      <c r="AQ1609">
        <v>1.0170876671619611</v>
      </c>
      <c r="AR1609">
        <v>3.9895988112927192</v>
      </c>
      <c r="AS1609">
        <v>1342</v>
      </c>
      <c r="AT1609">
        <v>239.83060921248139</v>
      </c>
      <c r="AU1609">
        <v>1.9182472394604241E-2</v>
      </c>
      <c r="AV1609">
        <v>1.5534611190295139E-2</v>
      </c>
      <c r="AW1609">
        <v>0.39078751857355132</v>
      </c>
      <c r="AX1609">
        <v>83.187360594795535</v>
      </c>
      <c r="AY1609">
        <v>61</v>
      </c>
      <c r="AZ1609">
        <v>122</v>
      </c>
      <c r="BA1609">
        <v>0.57173477331835587</v>
      </c>
      <c r="BB1609">
        <v>0.48959881129271909</v>
      </c>
      <c r="BC1609">
        <v>5.2412492225358216</v>
      </c>
      <c r="BD1609" t="s">
        <v>6159</v>
      </c>
      <c r="BE1609" t="s">
        <v>68</v>
      </c>
    </row>
    <row r="1610" spans="1:57" x14ac:dyDescent="0.3">
      <c r="A1610" t="s">
        <v>6160</v>
      </c>
      <c r="B1610">
        <v>1326</v>
      </c>
      <c r="C1610" t="s">
        <v>6161</v>
      </c>
      <c r="D1610" t="s">
        <v>6162</v>
      </c>
      <c r="E1610" t="s">
        <v>106</v>
      </c>
      <c r="F1610">
        <v>1352</v>
      </c>
      <c r="G1610">
        <v>126.70784023668639</v>
      </c>
      <c r="H1610">
        <v>122</v>
      </c>
      <c r="I1610">
        <v>5260.2260332052447</v>
      </c>
      <c r="J1610">
        <v>72.527415735053211</v>
      </c>
      <c r="K1610">
        <v>5.9150571236993327E-2</v>
      </c>
      <c r="L1610">
        <v>-1.188202073727441</v>
      </c>
      <c r="M1610">
        <v>7.8703888655948004</v>
      </c>
      <c r="N1610">
        <v>12</v>
      </c>
      <c r="O1610">
        <v>1</v>
      </c>
      <c r="P1610">
        <v>11</v>
      </c>
      <c r="Q1610">
        <v>2.2306021468428652</v>
      </c>
      <c r="R1610">
        <v>5.4553378520974132</v>
      </c>
      <c r="S1610">
        <v>2</v>
      </c>
      <c r="T1610">
        <v>1</v>
      </c>
      <c r="U1610">
        <v>1</v>
      </c>
      <c r="V1610">
        <v>0.11541678684133309</v>
      </c>
      <c r="W1610">
        <v>7.1901300948068592</v>
      </c>
      <c r="X1610">
        <v>1</v>
      </c>
      <c r="Y1610">
        <v>1</v>
      </c>
      <c r="Z1610">
        <v>0</v>
      </c>
      <c r="AA1610">
        <v>0</v>
      </c>
      <c r="AB1610">
        <v>7.2078598714324738</v>
      </c>
      <c r="AC1610">
        <v>1</v>
      </c>
      <c r="AD1610">
        <v>1</v>
      </c>
      <c r="AE1610">
        <v>0</v>
      </c>
      <c r="AF1610">
        <v>0</v>
      </c>
      <c r="AG1610">
        <v>7.2071188562077548</v>
      </c>
      <c r="AH1610">
        <v>1.616226268808317E-2</v>
      </c>
      <c r="AI1610">
        <v>2.9226336307094081E-2</v>
      </c>
      <c r="AJ1610">
        <v>-2.3236082040794592E-2</v>
      </c>
      <c r="AK1610">
        <v>1.8154312761330518E-2</v>
      </c>
      <c r="AL1610">
        <v>2509.8052165703998</v>
      </c>
      <c r="AM1610">
        <v>4745.4079671695254</v>
      </c>
      <c r="AN1610">
        <v>171309</v>
      </c>
      <c r="AO1610">
        <v>39.63124976135277</v>
      </c>
      <c r="AP1610">
        <v>2273.9527863460421</v>
      </c>
      <c r="AQ1610">
        <v>1.0170118343195269</v>
      </c>
      <c r="AR1610">
        <v>4.0073964497041423</v>
      </c>
      <c r="AS1610">
        <v>1346</v>
      </c>
      <c r="AT1610">
        <v>241.18343195266269</v>
      </c>
      <c r="AU1610">
        <v>2.3506207216614561E-2</v>
      </c>
      <c r="AV1610">
        <v>1.6176505777017201E-2</v>
      </c>
      <c r="AW1610">
        <v>0.41198224852071008</v>
      </c>
      <c r="AX1610">
        <v>82.713545521835684</v>
      </c>
      <c r="AY1610">
        <v>63</v>
      </c>
      <c r="AZ1610">
        <v>129.25</v>
      </c>
      <c r="BA1610">
        <v>0.57239880026030121</v>
      </c>
      <c r="BB1610">
        <v>0.48372781065088749</v>
      </c>
      <c r="BC1610">
        <v>5.2372149938271546</v>
      </c>
      <c r="BD1610" t="s">
        <v>6163</v>
      </c>
      <c r="BE1610" t="s">
        <v>68</v>
      </c>
    </row>
    <row r="1611" spans="1:57" x14ac:dyDescent="0.3">
      <c r="A1611" t="s">
        <v>6164</v>
      </c>
      <c r="B1611">
        <v>3548</v>
      </c>
      <c r="C1611" t="s">
        <v>6165</v>
      </c>
      <c r="D1611" t="s">
        <v>6166</v>
      </c>
      <c r="E1611" t="s">
        <v>93</v>
      </c>
      <c r="F1611">
        <v>3548</v>
      </c>
      <c r="G1611">
        <v>129.086809470124</v>
      </c>
      <c r="H1611">
        <v>130</v>
      </c>
      <c r="I1611">
        <v>5443.7861506998888</v>
      </c>
      <c r="J1611">
        <v>73.782017800409122</v>
      </c>
      <c r="K1611">
        <v>-3.0112733911927071E-2</v>
      </c>
      <c r="L1611">
        <v>-1.222788192864559</v>
      </c>
      <c r="M1611">
        <v>7.9590741221130763</v>
      </c>
      <c r="N1611">
        <v>25</v>
      </c>
      <c r="O1611">
        <v>6</v>
      </c>
      <c r="P1611">
        <v>19</v>
      </c>
      <c r="Q1611">
        <v>3.3041980281718888</v>
      </c>
      <c r="R1611">
        <v>5.5168097876103106</v>
      </c>
      <c r="S1611">
        <v>3</v>
      </c>
      <c r="T1611">
        <v>1</v>
      </c>
      <c r="U1611">
        <v>2</v>
      </c>
      <c r="V1611">
        <v>0.16016670896604959</v>
      </c>
      <c r="W1611">
        <v>8.1389255556240752</v>
      </c>
      <c r="X1611">
        <v>1</v>
      </c>
      <c r="Y1611">
        <v>1</v>
      </c>
      <c r="Z1611">
        <v>0</v>
      </c>
      <c r="AA1611">
        <v>0</v>
      </c>
      <c r="AB1611">
        <v>8.1735754866341566</v>
      </c>
      <c r="AC1611">
        <v>1</v>
      </c>
      <c r="AD1611">
        <v>1</v>
      </c>
      <c r="AE1611">
        <v>0</v>
      </c>
      <c r="AF1611">
        <v>0</v>
      </c>
      <c r="AG1611">
        <v>8.1732934389662297</v>
      </c>
      <c r="AH1611">
        <v>1.7356869749428058E-2</v>
      </c>
      <c r="AI1611">
        <v>-9.1354174345416993E-3</v>
      </c>
      <c r="AJ1611">
        <v>1.751036460820252E-2</v>
      </c>
      <c r="AK1611">
        <v>-3.8567033598712941E-2</v>
      </c>
      <c r="AL1611">
        <v>4039.5686841219922</v>
      </c>
      <c r="AM1611">
        <v>7881.5098075343994</v>
      </c>
      <c r="AN1611">
        <v>458000</v>
      </c>
      <c r="AO1611">
        <v>130.669861800783</v>
      </c>
      <c r="AP1611">
        <v>3693.0271543757281</v>
      </c>
      <c r="AQ1611">
        <v>1.006482525366404</v>
      </c>
      <c r="AR1611">
        <v>3.9890078917700111</v>
      </c>
      <c r="AS1611">
        <v>3544</v>
      </c>
      <c r="AT1611">
        <v>201.66403607666291</v>
      </c>
      <c r="AU1611">
        <v>1.9979220549550151E-2</v>
      </c>
      <c r="AV1611">
        <v>1.736021961908191E-2</v>
      </c>
      <c r="AW1611">
        <v>0.37034949267192779</v>
      </c>
      <c r="AX1611">
        <v>84.307301945305895</v>
      </c>
      <c r="AY1611">
        <v>64</v>
      </c>
      <c r="AZ1611">
        <v>129</v>
      </c>
      <c r="BA1611">
        <v>0.57156899379006887</v>
      </c>
      <c r="BB1611">
        <v>0.50253664036076662</v>
      </c>
      <c r="BC1611">
        <v>5.3032607556903084</v>
      </c>
      <c r="BD1611" t="s">
        <v>6167</v>
      </c>
      <c r="BE1611" t="s">
        <v>68</v>
      </c>
    </row>
    <row r="1612" spans="1:57" x14ac:dyDescent="0.3">
      <c r="A1612" t="s">
        <v>6168</v>
      </c>
      <c r="B1612">
        <v>3774</v>
      </c>
      <c r="C1612" t="s">
        <v>6169</v>
      </c>
      <c r="D1612" t="s">
        <v>6170</v>
      </c>
      <c r="E1612" t="s">
        <v>98</v>
      </c>
      <c r="F1612">
        <v>16</v>
      </c>
      <c r="G1612">
        <v>140.1875</v>
      </c>
      <c r="H1612">
        <v>155.5</v>
      </c>
      <c r="I1612">
        <v>7296.02734375</v>
      </c>
      <c r="J1612">
        <v>85.41678607715231</v>
      </c>
      <c r="K1612">
        <v>-0.17458805294885479</v>
      </c>
      <c r="L1612">
        <v>-1.5345608008591249</v>
      </c>
      <c r="M1612">
        <v>4</v>
      </c>
      <c r="N1612">
        <v>1</v>
      </c>
      <c r="O1612">
        <v>1</v>
      </c>
      <c r="P1612">
        <v>0</v>
      </c>
      <c r="Q1612">
        <v>0</v>
      </c>
      <c r="R1612">
        <v>2.7725887222397811</v>
      </c>
      <c r="S1612">
        <v>1</v>
      </c>
      <c r="T1612">
        <v>1</v>
      </c>
      <c r="U1612">
        <v>0</v>
      </c>
      <c r="V1612">
        <v>0</v>
      </c>
      <c r="W1612">
        <v>2.7080502011022101</v>
      </c>
      <c r="X1612">
        <v>1</v>
      </c>
      <c r="Y1612">
        <v>1</v>
      </c>
      <c r="Z1612">
        <v>0</v>
      </c>
      <c r="AA1612">
        <v>0</v>
      </c>
      <c r="AB1612">
        <v>2.639057329615258</v>
      </c>
      <c r="AC1612">
        <v>1</v>
      </c>
      <c r="AD1612">
        <v>1</v>
      </c>
      <c r="AE1612">
        <v>0</v>
      </c>
      <c r="AF1612">
        <v>0</v>
      </c>
      <c r="AG1612">
        <v>2.5649493574615372</v>
      </c>
      <c r="AH1612">
        <v>-9.4589983151147639E-2</v>
      </c>
      <c r="AI1612">
        <v>-0.152925219364348</v>
      </c>
      <c r="AJ1612">
        <v>3.9349425227662958E-2</v>
      </c>
      <c r="AK1612">
        <v>-9.1583778736609125E-2</v>
      </c>
      <c r="AL1612">
        <v>455.53200575088658</v>
      </c>
      <c r="AM1612">
        <v>472.9350819473791</v>
      </c>
      <c r="AN1612">
        <v>2243</v>
      </c>
      <c r="AO1612">
        <v>166.8811963469002</v>
      </c>
      <c r="AP1612">
        <v>389.15464634502632</v>
      </c>
      <c r="AQ1612">
        <v>2.3125</v>
      </c>
      <c r="AR1612">
        <v>4.3125</v>
      </c>
      <c r="AS1612">
        <v>16</v>
      </c>
      <c r="AT1612">
        <v>0</v>
      </c>
      <c r="AU1612">
        <v>0.18849206349206349</v>
      </c>
      <c r="AV1612">
        <v>-9.6970310831470161E-2</v>
      </c>
      <c r="AW1612">
        <v>0.25</v>
      </c>
      <c r="AX1612">
        <v>101.4666666666667</v>
      </c>
      <c r="AY1612">
        <v>92.5</v>
      </c>
      <c r="AZ1612">
        <v>161.5</v>
      </c>
      <c r="BA1612">
        <v>0.60930386858423402</v>
      </c>
      <c r="BB1612">
        <v>0.5625</v>
      </c>
      <c r="BC1612">
        <v>2.7080502011022101</v>
      </c>
      <c r="BD1612" t="s">
        <v>6169</v>
      </c>
      <c r="BE1612" t="s">
        <v>62</v>
      </c>
    </row>
    <row r="1613" spans="1:57" x14ac:dyDescent="0.3">
      <c r="A1613" t="s">
        <v>6171</v>
      </c>
      <c r="B1613">
        <v>3120</v>
      </c>
      <c r="C1613" t="s">
        <v>6172</v>
      </c>
      <c r="D1613" t="s">
        <v>6173</v>
      </c>
      <c r="E1613" t="s">
        <v>98</v>
      </c>
      <c r="F1613">
        <v>16</v>
      </c>
      <c r="G1613">
        <v>123.3125</v>
      </c>
      <c r="H1613">
        <v>124.5</v>
      </c>
      <c r="I1613">
        <v>3121.21484375</v>
      </c>
      <c r="J1613">
        <v>55.867833712700907</v>
      </c>
      <c r="K1613">
        <v>-0.23606658693999369</v>
      </c>
      <c r="L1613">
        <v>-0.91872959771724849</v>
      </c>
      <c r="M1613">
        <v>4</v>
      </c>
      <c r="N1613">
        <v>1</v>
      </c>
      <c r="O1613">
        <v>1</v>
      </c>
      <c r="P1613">
        <v>0</v>
      </c>
      <c r="Q1613">
        <v>0</v>
      </c>
      <c r="R1613">
        <v>2.7725887222397811</v>
      </c>
      <c r="S1613">
        <v>1</v>
      </c>
      <c r="T1613">
        <v>1</v>
      </c>
      <c r="U1613">
        <v>0</v>
      </c>
      <c r="V1613">
        <v>0</v>
      </c>
      <c r="W1613">
        <v>2.7080502011022101</v>
      </c>
      <c r="X1613">
        <v>1</v>
      </c>
      <c r="Y1613">
        <v>1</v>
      </c>
      <c r="Z1613">
        <v>0</v>
      </c>
      <c r="AA1613">
        <v>0</v>
      </c>
      <c r="AB1613">
        <v>2.639057329615258</v>
      </c>
      <c r="AC1613">
        <v>1</v>
      </c>
      <c r="AD1613">
        <v>1</v>
      </c>
      <c r="AE1613">
        <v>0</v>
      </c>
      <c r="AF1613">
        <v>0</v>
      </c>
      <c r="AG1613">
        <v>2.5649493574615372</v>
      </c>
      <c r="AH1613">
        <v>-0.1655111785400066</v>
      </c>
      <c r="AI1613">
        <v>-0.23310375317102841</v>
      </c>
      <c r="AJ1613">
        <v>-0.48233148964182859</v>
      </c>
      <c r="AK1613">
        <v>0.17305383020183199</v>
      </c>
      <c r="AL1613">
        <v>303.57264823199858</v>
      </c>
      <c r="AM1613">
        <v>448.4179381396458</v>
      </c>
      <c r="AN1613">
        <v>1973</v>
      </c>
      <c r="AO1613">
        <v>46.537975032188243</v>
      </c>
      <c r="AP1613">
        <v>155.87487973364381</v>
      </c>
      <c r="AQ1613">
        <v>2.3125</v>
      </c>
      <c r="AR1613">
        <v>3.75</v>
      </c>
      <c r="AS1613">
        <v>16</v>
      </c>
      <c r="AT1613">
        <v>0</v>
      </c>
      <c r="AU1613">
        <v>0.1675469483568075</v>
      </c>
      <c r="AV1613">
        <v>-0.18006022602779531</v>
      </c>
      <c r="AW1613">
        <v>0.4375</v>
      </c>
      <c r="AX1613">
        <v>71.86666666666666</v>
      </c>
      <c r="AY1613">
        <v>50.5</v>
      </c>
      <c r="AZ1613">
        <v>94.25</v>
      </c>
      <c r="BA1613">
        <v>0.45305896573908488</v>
      </c>
      <c r="BB1613">
        <v>0.5</v>
      </c>
      <c r="BC1613">
        <v>2.7080502011022101</v>
      </c>
      <c r="BD1613" t="s">
        <v>6172</v>
      </c>
      <c r="BE1613" t="s">
        <v>62</v>
      </c>
    </row>
    <row r="1614" spans="1:57" x14ac:dyDescent="0.3">
      <c r="A1614" t="s">
        <v>6174</v>
      </c>
      <c r="B1614">
        <v>2498</v>
      </c>
      <c r="C1614" t="s">
        <v>6175</v>
      </c>
      <c r="D1614" t="s">
        <v>6176</v>
      </c>
      <c r="E1614" t="s">
        <v>66</v>
      </c>
      <c r="F1614">
        <v>71</v>
      </c>
      <c r="G1614">
        <v>103.38028169014081</v>
      </c>
      <c r="H1614">
        <v>79</v>
      </c>
      <c r="I1614">
        <v>5979.78496330093</v>
      </c>
      <c r="J1614">
        <v>77.329069329075267</v>
      </c>
      <c r="K1614">
        <v>0.4493309558822674</v>
      </c>
      <c r="L1614">
        <v>-1.1163157766239871</v>
      </c>
      <c r="M1614">
        <v>5.8010867321502637</v>
      </c>
      <c r="N1614">
        <v>4</v>
      </c>
      <c r="O1614">
        <v>1</v>
      </c>
      <c r="P1614">
        <v>3</v>
      </c>
      <c r="Q1614">
        <v>0.53202965665041224</v>
      </c>
      <c r="R1614">
        <v>4.0210069125736654</v>
      </c>
      <c r="S1614">
        <v>2</v>
      </c>
      <c r="T1614">
        <v>1</v>
      </c>
      <c r="U1614">
        <v>1</v>
      </c>
      <c r="V1614">
        <v>0.11951030798891769</v>
      </c>
      <c r="W1614">
        <v>4.2286910368905044</v>
      </c>
      <c r="X1614">
        <v>1</v>
      </c>
      <c r="Y1614">
        <v>1</v>
      </c>
      <c r="Z1614">
        <v>0</v>
      </c>
      <c r="AA1614">
        <v>0</v>
      </c>
      <c r="AB1614">
        <v>4.2341065045972579</v>
      </c>
      <c r="AC1614">
        <v>1</v>
      </c>
      <c r="AD1614">
        <v>1</v>
      </c>
      <c r="AE1614">
        <v>0</v>
      </c>
      <c r="AF1614">
        <v>0</v>
      </c>
      <c r="AG1614">
        <v>4.2195077051761087</v>
      </c>
      <c r="AH1614">
        <v>3.1718242019742993E-2</v>
      </c>
      <c r="AI1614">
        <v>0.1004414086522526</v>
      </c>
      <c r="AJ1614">
        <v>-0.20199956694764279</v>
      </c>
      <c r="AK1614">
        <v>-6.1532602472349443E-2</v>
      </c>
      <c r="AL1614">
        <v>694.43452680065559</v>
      </c>
      <c r="AM1614">
        <v>837.33905198978368</v>
      </c>
      <c r="AN1614">
        <v>7340</v>
      </c>
      <c r="AO1614">
        <v>20.15366952343679</v>
      </c>
      <c r="AP1614">
        <v>609.43114574298102</v>
      </c>
      <c r="AQ1614">
        <v>1.323943661971831</v>
      </c>
      <c r="AR1614">
        <v>3.577464788732394</v>
      </c>
      <c r="AS1614">
        <v>70</v>
      </c>
      <c r="AT1614">
        <v>14.35211267605634</v>
      </c>
      <c r="AU1614">
        <v>0.19930695282807959</v>
      </c>
      <c r="AV1614">
        <v>3.1979621725516327E-2</v>
      </c>
      <c r="AW1614">
        <v>0.45070422535211269</v>
      </c>
      <c r="AX1614">
        <v>84.042857142857144</v>
      </c>
      <c r="AY1614">
        <v>56</v>
      </c>
      <c r="AZ1614">
        <v>142.5</v>
      </c>
      <c r="BA1614">
        <v>0.74800598397334384</v>
      </c>
      <c r="BB1614">
        <v>0.40845070422535212</v>
      </c>
      <c r="BC1614">
        <v>3.9488114493783288</v>
      </c>
      <c r="BD1614" t="s">
        <v>6177</v>
      </c>
      <c r="BE1614" t="s">
        <v>68</v>
      </c>
    </row>
    <row r="1615" spans="1:57" x14ac:dyDescent="0.3">
      <c r="A1615" t="s">
        <v>6178</v>
      </c>
      <c r="B1615">
        <v>3806</v>
      </c>
      <c r="C1615" t="s">
        <v>6179</v>
      </c>
      <c r="D1615" t="s">
        <v>6180</v>
      </c>
      <c r="E1615" t="s">
        <v>115</v>
      </c>
      <c r="F1615">
        <v>3888</v>
      </c>
      <c r="G1615">
        <v>127.72093621399181</v>
      </c>
      <c r="H1615">
        <v>126</v>
      </c>
      <c r="I1615">
        <v>5463.2191913045745</v>
      </c>
      <c r="J1615">
        <v>73.91359273709115</v>
      </c>
      <c r="K1615">
        <v>-6.9999946693107516E-3</v>
      </c>
      <c r="L1615">
        <v>-1.2049435607368499</v>
      </c>
      <c r="M1615">
        <v>7.9560944326526153</v>
      </c>
      <c r="N1615">
        <v>27</v>
      </c>
      <c r="O1615">
        <v>6</v>
      </c>
      <c r="P1615">
        <v>21</v>
      </c>
      <c r="Q1615">
        <v>3.7138886291863948</v>
      </c>
      <c r="R1615">
        <v>5.5147444242618464</v>
      </c>
      <c r="S1615">
        <v>3</v>
      </c>
      <c r="T1615">
        <v>1</v>
      </c>
      <c r="U1615">
        <v>2</v>
      </c>
      <c r="V1615">
        <v>0.1651190852401522</v>
      </c>
      <c r="W1615">
        <v>8.2281668280222142</v>
      </c>
      <c r="X1615">
        <v>1</v>
      </c>
      <c r="Y1615">
        <v>1</v>
      </c>
      <c r="Z1615">
        <v>0</v>
      </c>
      <c r="AA1615">
        <v>0</v>
      </c>
      <c r="AB1615">
        <v>8.2651356299373884</v>
      </c>
      <c r="AC1615">
        <v>1</v>
      </c>
      <c r="AD1615">
        <v>1</v>
      </c>
      <c r="AE1615">
        <v>0</v>
      </c>
      <c r="AF1615">
        <v>0</v>
      </c>
      <c r="AG1615">
        <v>8.2648782628017479</v>
      </c>
      <c r="AH1615">
        <v>2.367713932436346E-3</v>
      </c>
      <c r="AI1615">
        <v>-2.222614427424191E-3</v>
      </c>
      <c r="AJ1615">
        <v>4.4341398903595258E-3</v>
      </c>
      <c r="AK1615">
        <v>-2.2021193893205209E-2</v>
      </c>
      <c r="AL1615">
        <v>4204.0223778464924</v>
      </c>
      <c r="AM1615">
        <v>8184.786304270011</v>
      </c>
      <c r="AN1615">
        <v>496579</v>
      </c>
      <c r="AO1615">
        <v>64.133113604851701</v>
      </c>
      <c r="AP1615">
        <v>3835.9284616230211</v>
      </c>
      <c r="AQ1615">
        <v>1.005915637860082</v>
      </c>
      <c r="AR1615">
        <v>3.9984567901234569</v>
      </c>
      <c r="AS1615">
        <v>3869</v>
      </c>
      <c r="AT1615">
        <v>232.49382716049379</v>
      </c>
      <c r="AU1615">
        <v>1.041515371580737E-2</v>
      </c>
      <c r="AV1615">
        <v>2.3689988113418472E-3</v>
      </c>
      <c r="AW1615">
        <v>0.37962962962962971</v>
      </c>
      <c r="AX1615">
        <v>84.838950347311552</v>
      </c>
      <c r="AY1615">
        <v>65</v>
      </c>
      <c r="AZ1615">
        <v>129.25</v>
      </c>
      <c r="BA1615">
        <v>0.5787116421794124</v>
      </c>
      <c r="BB1615">
        <v>0.49434156378600819</v>
      </c>
      <c r="BC1615">
        <v>5.322415074837008</v>
      </c>
      <c r="BD1615" t="s">
        <v>6181</v>
      </c>
      <c r="BE1615" t="s">
        <v>62</v>
      </c>
    </row>
    <row r="1616" spans="1:57" x14ac:dyDescent="0.3">
      <c r="A1616" t="s">
        <v>6182</v>
      </c>
      <c r="B1616">
        <v>1988</v>
      </c>
      <c r="C1616" t="s">
        <v>6183</v>
      </c>
      <c r="D1616" t="s">
        <v>6184</v>
      </c>
      <c r="E1616" t="s">
        <v>128</v>
      </c>
      <c r="F1616">
        <v>32</v>
      </c>
      <c r="G1616">
        <v>134</v>
      </c>
      <c r="H1616">
        <v>144.5</v>
      </c>
      <c r="I1616">
        <v>4179.75</v>
      </c>
      <c r="J1616">
        <v>64.650986071366304</v>
      </c>
      <c r="K1616">
        <v>-0.15719055949603231</v>
      </c>
      <c r="L1616">
        <v>-0.86556705395622968</v>
      </c>
      <c r="M1616">
        <v>4.9375</v>
      </c>
      <c r="N1616">
        <v>2</v>
      </c>
      <c r="O1616">
        <v>1</v>
      </c>
      <c r="P1616">
        <v>1</v>
      </c>
      <c r="Q1616">
        <v>0.1766846959694085</v>
      </c>
      <c r="R1616">
        <v>3.422414204014729</v>
      </c>
      <c r="S1616">
        <v>1</v>
      </c>
      <c r="T1616">
        <v>1</v>
      </c>
      <c r="U1616">
        <v>0</v>
      </c>
      <c r="V1616">
        <v>0</v>
      </c>
      <c r="W1616">
        <v>3.4339872044851458</v>
      </c>
      <c r="X1616">
        <v>1</v>
      </c>
      <c r="Y1616">
        <v>1</v>
      </c>
      <c r="Z1616">
        <v>0</v>
      </c>
      <c r="AA1616">
        <v>0</v>
      </c>
      <c r="AB1616">
        <v>3.401197381662155</v>
      </c>
      <c r="AC1616">
        <v>1</v>
      </c>
      <c r="AD1616">
        <v>1</v>
      </c>
      <c r="AE1616">
        <v>0</v>
      </c>
      <c r="AF1616">
        <v>0</v>
      </c>
      <c r="AG1616">
        <v>3.3672958299864728</v>
      </c>
      <c r="AH1616">
        <v>-9.8727495663616244E-2</v>
      </c>
      <c r="AI1616">
        <v>3.4848077038100368E-2</v>
      </c>
      <c r="AJ1616">
        <v>6.2361684311262627E-2</v>
      </c>
      <c r="AK1616">
        <v>-0.14139601650816441</v>
      </c>
      <c r="AL1616">
        <v>461.77507650397678</v>
      </c>
      <c r="AM1616">
        <v>703.63895480547865</v>
      </c>
      <c r="AN1616">
        <v>4288</v>
      </c>
      <c r="AO1616">
        <v>48.197855771072277</v>
      </c>
      <c r="AP1616">
        <v>377.65281244193812</v>
      </c>
      <c r="AQ1616">
        <v>1.71875</v>
      </c>
      <c r="AR1616">
        <v>3.71875</v>
      </c>
      <c r="AS1616">
        <v>32</v>
      </c>
      <c r="AT1616">
        <v>0.93749999999999978</v>
      </c>
      <c r="AU1616">
        <v>0.13998983739837401</v>
      </c>
      <c r="AV1616">
        <v>-0.1000475905139333</v>
      </c>
      <c r="AW1616">
        <v>0.34375</v>
      </c>
      <c r="AX1616">
        <v>79.096774193548384</v>
      </c>
      <c r="AY1616">
        <v>47.5</v>
      </c>
      <c r="AZ1616">
        <v>109.5</v>
      </c>
      <c r="BA1616">
        <v>0.48247004530870369</v>
      </c>
      <c r="BB1616">
        <v>0.5625</v>
      </c>
      <c r="BC1616">
        <v>3.4339872044851458</v>
      </c>
      <c r="BD1616" t="s">
        <v>6185</v>
      </c>
      <c r="BE1616" t="s">
        <v>62</v>
      </c>
    </row>
    <row r="1617" spans="1:57" x14ac:dyDescent="0.3">
      <c r="A1617" t="s">
        <v>6186</v>
      </c>
      <c r="B1617">
        <v>3177</v>
      </c>
      <c r="C1617" t="s">
        <v>6187</v>
      </c>
      <c r="D1617" t="s">
        <v>6188</v>
      </c>
      <c r="E1617" t="s">
        <v>72</v>
      </c>
      <c r="F1617">
        <v>3192</v>
      </c>
      <c r="G1617">
        <v>127.9097744360902</v>
      </c>
      <c r="H1617">
        <v>128</v>
      </c>
      <c r="I1617">
        <v>5405.5325861646597</v>
      </c>
      <c r="J1617">
        <v>73.522327126966402</v>
      </c>
      <c r="K1617">
        <v>5.9713986489891052E-4</v>
      </c>
      <c r="L1617">
        <v>-1.1859393548860031</v>
      </c>
      <c r="M1617">
        <v>7.9350570644581344</v>
      </c>
      <c r="N1617">
        <v>28</v>
      </c>
      <c r="O1617">
        <v>3</v>
      </c>
      <c r="P1617">
        <v>25</v>
      </c>
      <c r="Q1617">
        <v>3.7310720225559839</v>
      </c>
      <c r="R1617">
        <v>5.5001624318114288</v>
      </c>
      <c r="S1617">
        <v>3</v>
      </c>
      <c r="T1617">
        <v>1</v>
      </c>
      <c r="U1617">
        <v>2</v>
      </c>
      <c r="V1617">
        <v>0.1744380005187344</v>
      </c>
      <c r="W1617">
        <v>8.0280637625072604</v>
      </c>
      <c r="X1617">
        <v>2</v>
      </c>
      <c r="Y1617">
        <v>1</v>
      </c>
      <c r="Z1617">
        <v>1</v>
      </c>
      <c r="AA1617">
        <v>4.684385502888043E-2</v>
      </c>
      <c r="AB1617">
        <v>8.0647341705350524</v>
      </c>
      <c r="AC1617">
        <v>2</v>
      </c>
      <c r="AD1617">
        <v>1</v>
      </c>
      <c r="AE1617">
        <v>1</v>
      </c>
      <c r="AF1617">
        <v>3.9596537148437902E-2</v>
      </c>
      <c r="AG1617">
        <v>8.0652891104702018</v>
      </c>
      <c r="AH1617">
        <v>1.3081214068462309E-2</v>
      </c>
      <c r="AI1617">
        <v>-5.2735288184652378E-4</v>
      </c>
      <c r="AJ1617">
        <v>5.660057161355158E-3</v>
      </c>
      <c r="AK1617">
        <v>-1.8838462325513141E-2</v>
      </c>
      <c r="AL1617">
        <v>3819.1069632003828</v>
      </c>
      <c r="AM1617">
        <v>7408.9748281145039</v>
      </c>
      <c r="AN1617">
        <v>408288</v>
      </c>
      <c r="AO1617">
        <v>100.6022902012034</v>
      </c>
      <c r="AP1617">
        <v>3479.895758857419</v>
      </c>
      <c r="AQ1617">
        <v>1.0072055137844611</v>
      </c>
      <c r="AR1617">
        <v>4.0087719298245617</v>
      </c>
      <c r="AS1617">
        <v>3181</v>
      </c>
      <c r="AT1617">
        <v>285.8145363408521</v>
      </c>
      <c r="AU1617">
        <v>1.0559486952675719E-2</v>
      </c>
      <c r="AV1617">
        <v>1.3082596405467691E-2</v>
      </c>
      <c r="AW1617">
        <v>0.37406015037593993</v>
      </c>
      <c r="AX1617">
        <v>84.497022876841115</v>
      </c>
      <c r="AY1617">
        <v>62.5</v>
      </c>
      <c r="AZ1617">
        <v>125</v>
      </c>
      <c r="BA1617">
        <v>0.57479834868836888</v>
      </c>
      <c r="BB1617">
        <v>0.5021929824561403</v>
      </c>
      <c r="BC1617">
        <v>5.302970867194496</v>
      </c>
      <c r="BD1617" t="s">
        <v>6189</v>
      </c>
      <c r="BE1617" t="s">
        <v>68</v>
      </c>
    </row>
    <row r="1618" spans="1:57" x14ac:dyDescent="0.3">
      <c r="A1618" t="s">
        <v>6190</v>
      </c>
      <c r="B1618">
        <v>2253</v>
      </c>
      <c r="C1618" t="s">
        <v>6191</v>
      </c>
      <c r="D1618" t="s">
        <v>6192</v>
      </c>
      <c r="E1618" t="s">
        <v>72</v>
      </c>
      <c r="F1618">
        <v>2256</v>
      </c>
      <c r="G1618">
        <v>127.5070921985816</v>
      </c>
      <c r="H1618">
        <v>128</v>
      </c>
      <c r="I1618">
        <v>5348.1790277149039</v>
      </c>
      <c r="J1618">
        <v>73.131245221963127</v>
      </c>
      <c r="K1618">
        <v>-9.9327376970901847E-3</v>
      </c>
      <c r="L1618">
        <v>-1.178357730030948</v>
      </c>
      <c r="M1618">
        <v>7.9075359020104612</v>
      </c>
      <c r="N1618">
        <v>21</v>
      </c>
      <c r="O1618">
        <v>2</v>
      </c>
      <c r="P1618">
        <v>19</v>
      </c>
      <c r="Q1618">
        <v>3.109335740958187</v>
      </c>
      <c r="R1618">
        <v>5.4810862156551066</v>
      </c>
      <c r="S1618">
        <v>2</v>
      </c>
      <c r="T1618">
        <v>1</v>
      </c>
      <c r="U1618">
        <v>1</v>
      </c>
      <c r="V1618">
        <v>0.12979403095083991</v>
      </c>
      <c r="W1618">
        <v>7.6975441939666904</v>
      </c>
      <c r="X1618">
        <v>1</v>
      </c>
      <c r="Y1618">
        <v>1</v>
      </c>
      <c r="Z1618">
        <v>0</v>
      </c>
      <c r="AA1618">
        <v>0</v>
      </c>
      <c r="AB1618">
        <v>7.7204616945997238</v>
      </c>
      <c r="AC1618">
        <v>1</v>
      </c>
      <c r="AD1618">
        <v>1</v>
      </c>
      <c r="AE1618">
        <v>0</v>
      </c>
      <c r="AF1618">
        <v>0</v>
      </c>
      <c r="AG1618">
        <v>7.7200179404322427</v>
      </c>
      <c r="AH1618">
        <v>2.882317834104909E-2</v>
      </c>
      <c r="AI1618">
        <v>1.4619625684196809E-2</v>
      </c>
      <c r="AJ1618">
        <v>1.160829349871125E-2</v>
      </c>
      <c r="AK1618">
        <v>-3.5838412771227839E-2</v>
      </c>
      <c r="AL1618">
        <v>3201.0719043206932</v>
      </c>
      <c r="AM1618">
        <v>6204.5798136029089</v>
      </c>
      <c r="AN1618">
        <v>287656</v>
      </c>
      <c r="AO1618">
        <v>43.062255861022948</v>
      </c>
      <c r="AP1618">
        <v>2918.589301017239</v>
      </c>
      <c r="AQ1618">
        <v>1.010195035460993</v>
      </c>
      <c r="AR1618">
        <v>3.9906914893617018</v>
      </c>
      <c r="AS1618">
        <v>2246</v>
      </c>
      <c r="AT1618">
        <v>280.85106382978722</v>
      </c>
      <c r="AU1618">
        <v>1.3673341677096379E-2</v>
      </c>
      <c r="AV1618">
        <v>2.8825148765107771E-2</v>
      </c>
      <c r="AW1618">
        <v>0.37012411347517732</v>
      </c>
      <c r="AX1618">
        <v>83.200443458980047</v>
      </c>
      <c r="AY1618">
        <v>63</v>
      </c>
      <c r="AZ1618">
        <v>126</v>
      </c>
      <c r="BA1618">
        <v>0.57354649032437643</v>
      </c>
      <c r="BB1618">
        <v>0.50265957446808507</v>
      </c>
      <c r="BC1618">
        <v>5.2789082168540231</v>
      </c>
      <c r="BD1618" t="s">
        <v>6193</v>
      </c>
      <c r="BE1618" t="s">
        <v>62</v>
      </c>
    </row>
    <row r="1619" spans="1:57" x14ac:dyDescent="0.3">
      <c r="A1619" t="s">
        <v>6194</v>
      </c>
      <c r="B1619">
        <v>1950</v>
      </c>
      <c r="C1619" t="s">
        <v>6195</v>
      </c>
      <c r="D1619" t="s">
        <v>6196</v>
      </c>
      <c r="E1619" t="s">
        <v>128</v>
      </c>
      <c r="F1619">
        <v>32</v>
      </c>
      <c r="G1619">
        <v>138.15625</v>
      </c>
      <c r="H1619">
        <v>119.5</v>
      </c>
      <c r="I1619">
        <v>6006.9443359375</v>
      </c>
      <c r="J1619">
        <v>77.504479457238475</v>
      </c>
      <c r="K1619">
        <v>0.18174544416908589</v>
      </c>
      <c r="L1619">
        <v>-1.408138364409758</v>
      </c>
      <c r="M1619">
        <v>4.9375</v>
      </c>
      <c r="N1619">
        <v>2</v>
      </c>
      <c r="O1619">
        <v>1</v>
      </c>
      <c r="P1619">
        <v>1</v>
      </c>
      <c r="Q1619">
        <v>0.17668469596940839</v>
      </c>
      <c r="R1619">
        <v>3.422414204014729</v>
      </c>
      <c r="S1619">
        <v>1</v>
      </c>
      <c r="T1619">
        <v>1</v>
      </c>
      <c r="U1619">
        <v>0</v>
      </c>
      <c r="V1619">
        <v>0</v>
      </c>
      <c r="W1619">
        <v>3.4339872044851458</v>
      </c>
      <c r="X1619">
        <v>1</v>
      </c>
      <c r="Y1619">
        <v>1</v>
      </c>
      <c r="Z1619">
        <v>0</v>
      </c>
      <c r="AA1619">
        <v>0</v>
      </c>
      <c r="AB1619">
        <v>3.401197381662155</v>
      </c>
      <c r="AC1619">
        <v>1</v>
      </c>
      <c r="AD1619">
        <v>1</v>
      </c>
      <c r="AE1619">
        <v>0</v>
      </c>
      <c r="AF1619">
        <v>0</v>
      </c>
      <c r="AG1619">
        <v>3.3672958299864728</v>
      </c>
      <c r="AH1619">
        <v>-0.27816255977985122</v>
      </c>
      <c r="AI1619">
        <v>-0.16050150330566301</v>
      </c>
      <c r="AJ1619">
        <v>-5.6336961932567951E-2</v>
      </c>
      <c r="AK1619">
        <v>-0.30756749674977413</v>
      </c>
      <c r="AL1619">
        <v>499.16380271140059</v>
      </c>
      <c r="AM1619">
        <v>744.20863879875378</v>
      </c>
      <c r="AN1619">
        <v>4421</v>
      </c>
      <c r="AO1619">
        <v>82.298373494101384</v>
      </c>
      <c r="AP1619">
        <v>322.26398672098958</v>
      </c>
      <c r="AQ1619">
        <v>1.65625</v>
      </c>
      <c r="AR1619">
        <v>4.53125</v>
      </c>
      <c r="AS1619">
        <v>32</v>
      </c>
      <c r="AT1619">
        <v>0.93749999999999978</v>
      </c>
      <c r="AU1619">
        <v>0.13927165354330709</v>
      </c>
      <c r="AV1619">
        <v>-0.30153153713610309</v>
      </c>
      <c r="AW1619">
        <v>0.5</v>
      </c>
      <c r="AX1619">
        <v>96.290322580645167</v>
      </c>
      <c r="AY1619">
        <v>65.5</v>
      </c>
      <c r="AZ1619">
        <v>143</v>
      </c>
      <c r="BA1619">
        <v>0.56099148216051375</v>
      </c>
      <c r="BB1619">
        <v>0.4375</v>
      </c>
      <c r="BC1619">
        <v>3.3445488586064429</v>
      </c>
      <c r="BD1619" t="s">
        <v>6197</v>
      </c>
      <c r="BE1619" t="s">
        <v>62</v>
      </c>
    </row>
    <row r="1620" spans="1:57" x14ac:dyDescent="0.3">
      <c r="A1620" t="s">
        <v>6198</v>
      </c>
      <c r="B1620">
        <v>1124</v>
      </c>
      <c r="C1620" t="s">
        <v>6199</v>
      </c>
      <c r="D1620" t="s">
        <v>6200</v>
      </c>
      <c r="E1620" t="s">
        <v>115</v>
      </c>
      <c r="F1620">
        <v>1152</v>
      </c>
      <c r="G1620">
        <v>122.9782986111111</v>
      </c>
      <c r="H1620">
        <v>121.5</v>
      </c>
      <c r="I1620">
        <v>5652.3510915497209</v>
      </c>
      <c r="J1620">
        <v>75.182119493598478</v>
      </c>
      <c r="K1620">
        <v>5.8034883007216133E-2</v>
      </c>
      <c r="L1620">
        <v>-1.2325327777488051</v>
      </c>
      <c r="M1620">
        <v>7.8321712031424449</v>
      </c>
      <c r="N1620">
        <v>12</v>
      </c>
      <c r="O1620">
        <v>1</v>
      </c>
      <c r="P1620">
        <v>11</v>
      </c>
      <c r="Q1620">
        <v>2.076148802678826</v>
      </c>
      <c r="R1620">
        <v>5.4288473871209746</v>
      </c>
      <c r="S1620">
        <v>2</v>
      </c>
      <c r="T1620">
        <v>1</v>
      </c>
      <c r="U1620">
        <v>1</v>
      </c>
      <c r="V1620">
        <v>8.3367483811524715E-2</v>
      </c>
      <c r="W1620">
        <v>7.0387510004777809</v>
      </c>
      <c r="X1620">
        <v>1</v>
      </c>
      <c r="Y1620">
        <v>1</v>
      </c>
      <c r="Z1620">
        <v>0</v>
      </c>
      <c r="AA1620">
        <v>0</v>
      </c>
      <c r="AB1620">
        <v>7.0475172213572961</v>
      </c>
      <c r="AC1620">
        <v>1</v>
      </c>
      <c r="AD1620">
        <v>1</v>
      </c>
      <c r="AE1620">
        <v>0</v>
      </c>
      <c r="AF1620">
        <v>0</v>
      </c>
      <c r="AG1620">
        <v>7.0466472778487557</v>
      </c>
      <c r="AH1620">
        <v>1.14618393878944E-2</v>
      </c>
      <c r="AI1620">
        <v>-2.640374306160799E-2</v>
      </c>
      <c r="AJ1620">
        <v>-9.2620284614947108E-3</v>
      </c>
      <c r="AK1620">
        <v>-1.5359248191793171E-2</v>
      </c>
      <c r="AL1620">
        <v>2372.0714373947858</v>
      </c>
      <c r="AM1620">
        <v>4278.6965416930216</v>
      </c>
      <c r="AN1620">
        <v>141671</v>
      </c>
      <c r="AO1620">
        <v>25.10304492952535</v>
      </c>
      <c r="AP1620">
        <v>2096.7143077119008</v>
      </c>
      <c r="AQ1620">
        <v>1.0199652777777779</v>
      </c>
      <c r="AR1620">
        <v>3.9079861111111112</v>
      </c>
      <c r="AS1620">
        <v>1143</v>
      </c>
      <c r="AT1620">
        <v>239.5</v>
      </c>
      <c r="AU1620">
        <v>3.7724673202614363E-2</v>
      </c>
      <c r="AV1620">
        <v>1.147292802306339E-2</v>
      </c>
      <c r="AW1620">
        <v>0.37760416666666669</v>
      </c>
      <c r="AX1620">
        <v>86.866203301476972</v>
      </c>
      <c r="AY1620">
        <v>67.5</v>
      </c>
      <c r="AZ1620">
        <v>135</v>
      </c>
      <c r="BA1620">
        <v>0.61134460585882389</v>
      </c>
      <c r="BB1620">
        <v>0.49652777777777779</v>
      </c>
      <c r="BC1620">
        <v>5.2473198922570408</v>
      </c>
      <c r="BD1620" t="s">
        <v>6201</v>
      </c>
      <c r="BE1620" t="s">
        <v>62</v>
      </c>
    </row>
    <row r="1621" spans="1:57" x14ac:dyDescent="0.3">
      <c r="A1621" t="s">
        <v>6202</v>
      </c>
      <c r="B1621">
        <v>1101</v>
      </c>
      <c r="C1621" t="s">
        <v>6203</v>
      </c>
      <c r="D1621" t="s">
        <v>6204</v>
      </c>
      <c r="E1621" t="s">
        <v>128</v>
      </c>
      <c r="F1621">
        <v>32</v>
      </c>
      <c r="G1621">
        <v>113.5</v>
      </c>
      <c r="H1621">
        <v>103.5</v>
      </c>
      <c r="I1621">
        <v>5099.625</v>
      </c>
      <c r="J1621">
        <v>71.411658712005845</v>
      </c>
      <c r="K1621">
        <v>0.21733971776007671</v>
      </c>
      <c r="L1621">
        <v>-1.0478491463862409</v>
      </c>
      <c r="M1621">
        <v>4.9375</v>
      </c>
      <c r="N1621">
        <v>2</v>
      </c>
      <c r="O1621">
        <v>1</v>
      </c>
      <c r="P1621">
        <v>1</v>
      </c>
      <c r="Q1621">
        <v>0.1766846959694085</v>
      </c>
      <c r="R1621">
        <v>3.422414204014729</v>
      </c>
      <c r="S1621">
        <v>1</v>
      </c>
      <c r="T1621">
        <v>1</v>
      </c>
      <c r="U1621">
        <v>0</v>
      </c>
      <c r="V1621">
        <v>0</v>
      </c>
      <c r="W1621">
        <v>3.4339872044851458</v>
      </c>
      <c r="X1621">
        <v>1</v>
      </c>
      <c r="Y1621">
        <v>1</v>
      </c>
      <c r="Z1621">
        <v>0</v>
      </c>
      <c r="AA1621">
        <v>0</v>
      </c>
      <c r="AB1621">
        <v>3.401197381662155</v>
      </c>
      <c r="AC1621">
        <v>1</v>
      </c>
      <c r="AD1621">
        <v>1</v>
      </c>
      <c r="AE1621">
        <v>0</v>
      </c>
      <c r="AF1621">
        <v>0</v>
      </c>
      <c r="AG1621">
        <v>3.3672958299864728</v>
      </c>
      <c r="AH1621">
        <v>3.8451050322327623E-2</v>
      </c>
      <c r="AI1621">
        <v>3.2827168664362583E-2</v>
      </c>
      <c r="AJ1621">
        <v>-7.9964519449959554E-2</v>
      </c>
      <c r="AK1621">
        <v>-3.7686594602544311E-3</v>
      </c>
      <c r="AL1621">
        <v>468.17343433176649</v>
      </c>
      <c r="AM1621">
        <v>596.85311039316787</v>
      </c>
      <c r="AN1621">
        <v>3632</v>
      </c>
      <c r="AO1621">
        <v>98.075593478142821</v>
      </c>
      <c r="AP1621">
        <v>340.16289476565538</v>
      </c>
      <c r="AQ1621">
        <v>1.65625</v>
      </c>
      <c r="AR1621">
        <v>3.75</v>
      </c>
      <c r="AS1621">
        <v>32</v>
      </c>
      <c r="AT1621">
        <v>0.93749999999999978</v>
      </c>
      <c r="AU1621">
        <v>0.12748015873015869</v>
      </c>
      <c r="AV1621">
        <v>4.2378197909940123E-2</v>
      </c>
      <c r="AW1621">
        <v>0.375</v>
      </c>
      <c r="AX1621">
        <v>81.290322580645167</v>
      </c>
      <c r="AY1621">
        <v>61.5</v>
      </c>
      <c r="AZ1621">
        <v>114.75</v>
      </c>
      <c r="BA1621">
        <v>0.62917760979740833</v>
      </c>
      <c r="BB1621">
        <v>0.4375</v>
      </c>
      <c r="BC1621">
        <v>3.3892680315457948</v>
      </c>
      <c r="BD1621" t="s">
        <v>6205</v>
      </c>
      <c r="BE1621" t="s">
        <v>62</v>
      </c>
    </row>
    <row r="1622" spans="1:57" x14ac:dyDescent="0.3">
      <c r="A1622" t="s">
        <v>6206</v>
      </c>
      <c r="B1622">
        <v>543</v>
      </c>
      <c r="C1622" t="s">
        <v>6207</v>
      </c>
      <c r="D1622" t="s">
        <v>6208</v>
      </c>
      <c r="E1622" t="s">
        <v>93</v>
      </c>
      <c r="F1622">
        <v>563</v>
      </c>
      <c r="G1622">
        <v>122.4600355239787</v>
      </c>
      <c r="H1622">
        <v>118</v>
      </c>
      <c r="I1622">
        <v>5507.6800191816856</v>
      </c>
      <c r="J1622">
        <v>74.213745486814545</v>
      </c>
      <c r="K1622">
        <v>9.8940177222692605E-2</v>
      </c>
      <c r="L1622">
        <v>-1.1886486781316019</v>
      </c>
      <c r="M1622">
        <v>7.6219331548632976</v>
      </c>
      <c r="N1622">
        <v>8</v>
      </c>
      <c r="O1622">
        <v>1</v>
      </c>
      <c r="P1622">
        <v>7</v>
      </c>
      <c r="Q1622">
        <v>1.254203224533861</v>
      </c>
      <c r="R1622">
        <v>5.2831214767098817</v>
      </c>
      <c r="S1622">
        <v>2</v>
      </c>
      <c r="T1622">
        <v>1</v>
      </c>
      <c r="U1622">
        <v>1</v>
      </c>
      <c r="V1622">
        <v>4.2182387045273551E-2</v>
      </c>
      <c r="W1622">
        <v>6.329035133948639</v>
      </c>
      <c r="X1622">
        <v>1</v>
      </c>
      <c r="Y1622">
        <v>1</v>
      </c>
      <c r="Z1622">
        <v>0</v>
      </c>
      <c r="AA1622">
        <v>0</v>
      </c>
      <c r="AB1622">
        <v>6.3297209055226968</v>
      </c>
      <c r="AC1622">
        <v>1</v>
      </c>
      <c r="AD1622">
        <v>1</v>
      </c>
      <c r="AE1622">
        <v>0</v>
      </c>
      <c r="AF1622">
        <v>0</v>
      </c>
      <c r="AG1622">
        <v>6.3279367837291929</v>
      </c>
      <c r="AH1622">
        <v>-1.842780485723337E-2</v>
      </c>
      <c r="AI1622">
        <v>-5.5332407367533913E-2</v>
      </c>
      <c r="AJ1622">
        <v>-2.7370303462378499E-2</v>
      </c>
      <c r="AK1622">
        <v>6.7673006859890611E-2</v>
      </c>
      <c r="AL1622">
        <v>1689.105697788799</v>
      </c>
      <c r="AM1622">
        <v>2948.0083008189481</v>
      </c>
      <c r="AN1622">
        <v>68945</v>
      </c>
      <c r="AO1622">
        <v>80.3732780110292</v>
      </c>
      <c r="AP1622">
        <v>1441.6776594659691</v>
      </c>
      <c r="AQ1622">
        <v>1.040852575488455</v>
      </c>
      <c r="AR1622">
        <v>3.9307282415630551</v>
      </c>
      <c r="AS1622">
        <v>560</v>
      </c>
      <c r="AT1622">
        <v>137.69982238010661</v>
      </c>
      <c r="AU1622">
        <v>4.6585170480270277E-2</v>
      </c>
      <c r="AV1622">
        <v>-1.8453688142552729E-2</v>
      </c>
      <c r="AW1622">
        <v>0.39431616341030201</v>
      </c>
      <c r="AX1622">
        <v>85.35053380782918</v>
      </c>
      <c r="AY1622">
        <v>64</v>
      </c>
      <c r="AZ1622">
        <v>129</v>
      </c>
      <c r="BA1622">
        <v>0.60602420348214647</v>
      </c>
      <c r="BB1622">
        <v>0.47957371225577272</v>
      </c>
      <c r="BC1622">
        <v>5.1224754382437627</v>
      </c>
      <c r="BD1622" t="s">
        <v>6209</v>
      </c>
      <c r="BE1622" t="s">
        <v>68</v>
      </c>
    </row>
    <row r="1623" spans="1:57" x14ac:dyDescent="0.3">
      <c r="A1623" t="s">
        <v>6210</v>
      </c>
      <c r="B1623">
        <v>1556</v>
      </c>
      <c r="C1623" t="s">
        <v>6211</v>
      </c>
      <c r="D1623" t="s">
        <v>6212</v>
      </c>
      <c r="E1623" t="s">
        <v>85</v>
      </c>
      <c r="F1623">
        <v>8</v>
      </c>
      <c r="G1623">
        <v>122.75</v>
      </c>
      <c r="H1623">
        <v>132.5</v>
      </c>
      <c r="I1623">
        <v>4463.1875</v>
      </c>
      <c r="J1623">
        <v>66.807091689430692</v>
      </c>
      <c r="K1623">
        <v>-0.15694382190704831</v>
      </c>
      <c r="L1623">
        <v>-1.4156958523911261</v>
      </c>
      <c r="M1623">
        <v>2.75</v>
      </c>
      <c r="N1623">
        <v>2</v>
      </c>
      <c r="O1623">
        <v>1</v>
      </c>
      <c r="P1623">
        <v>1</v>
      </c>
      <c r="Q1623">
        <v>0.34992710611188271</v>
      </c>
      <c r="R1623">
        <v>1.9061547465398501</v>
      </c>
      <c r="S1623">
        <v>1</v>
      </c>
      <c r="T1623">
        <v>1</v>
      </c>
      <c r="U1623">
        <v>0</v>
      </c>
      <c r="V1623">
        <v>0</v>
      </c>
      <c r="W1623">
        <v>1.945910149055313</v>
      </c>
      <c r="X1623">
        <v>1</v>
      </c>
      <c r="Y1623">
        <v>1</v>
      </c>
      <c r="Z1623">
        <v>0</v>
      </c>
      <c r="AA1623">
        <v>0</v>
      </c>
      <c r="AB1623">
        <v>1.791759469228055</v>
      </c>
      <c r="AC1623">
        <v>1</v>
      </c>
      <c r="AD1623">
        <v>1</v>
      </c>
      <c r="AE1623">
        <v>0</v>
      </c>
      <c r="AF1623">
        <v>0</v>
      </c>
      <c r="AG1623">
        <v>1.6094379124341009</v>
      </c>
      <c r="AH1623">
        <v>-0.50724853313915219</v>
      </c>
      <c r="AI1623">
        <v>-0.24769643332259739</v>
      </c>
      <c r="AJ1623">
        <v>-8.353930066796432E-2</v>
      </c>
      <c r="AK1623">
        <v>0</v>
      </c>
      <c r="AL1623">
        <v>268.65904788032498</v>
      </c>
      <c r="AM1623">
        <v>289.94536725396603</v>
      </c>
      <c r="AN1623">
        <v>982</v>
      </c>
      <c r="AO1623">
        <v>28.59263061488133</v>
      </c>
      <c r="AP1623">
        <v>155.00322577288509</v>
      </c>
      <c r="AQ1623">
        <v>3.5</v>
      </c>
      <c r="AR1623">
        <v>4.5</v>
      </c>
      <c r="AS1623">
        <v>8</v>
      </c>
      <c r="AT1623">
        <v>0.74999999999999978</v>
      </c>
      <c r="AU1623">
        <v>0.17223502304147459</v>
      </c>
      <c r="AV1623">
        <v>-0.5535208992572711</v>
      </c>
      <c r="AW1623">
        <v>0.375</v>
      </c>
      <c r="AX1623">
        <v>111.71428571428569</v>
      </c>
      <c r="AY1623">
        <v>58</v>
      </c>
      <c r="AZ1623">
        <v>121.75</v>
      </c>
      <c r="BA1623">
        <v>0.5442532927855861</v>
      </c>
      <c r="BB1623">
        <v>0.625</v>
      </c>
      <c r="BC1623">
        <v>1.945910149055313</v>
      </c>
      <c r="BD1623" t="s">
        <v>6211</v>
      </c>
      <c r="BE1623" t="s">
        <v>68</v>
      </c>
    </row>
    <row r="1624" spans="1:57" x14ac:dyDescent="0.3">
      <c r="A1624" t="s">
        <v>6213</v>
      </c>
      <c r="B1624">
        <v>503</v>
      </c>
      <c r="C1624" t="s">
        <v>6214</v>
      </c>
      <c r="D1624" t="s">
        <v>6215</v>
      </c>
      <c r="E1624" t="s">
        <v>85</v>
      </c>
      <c r="F1624">
        <v>8</v>
      </c>
      <c r="G1624">
        <v>138.75</v>
      </c>
      <c r="H1624">
        <v>154</v>
      </c>
      <c r="I1624">
        <v>5968.6875</v>
      </c>
      <c r="J1624">
        <v>77.257281210252273</v>
      </c>
      <c r="K1624">
        <v>-0.71145627680391599</v>
      </c>
      <c r="L1624">
        <v>-1.0009054517080529</v>
      </c>
      <c r="M1624">
        <v>3</v>
      </c>
      <c r="N1624">
        <v>1</v>
      </c>
      <c r="O1624">
        <v>1</v>
      </c>
      <c r="P1624">
        <v>0</v>
      </c>
      <c r="Q1624">
        <v>0</v>
      </c>
      <c r="R1624">
        <v>2.0794415416798362</v>
      </c>
      <c r="S1624">
        <v>1</v>
      </c>
      <c r="T1624">
        <v>1</v>
      </c>
      <c r="U1624">
        <v>0</v>
      </c>
      <c r="V1624">
        <v>0</v>
      </c>
      <c r="W1624">
        <v>1.945910149055313</v>
      </c>
      <c r="X1624">
        <v>1</v>
      </c>
      <c r="Y1624">
        <v>1</v>
      </c>
      <c r="Z1624">
        <v>0</v>
      </c>
      <c r="AA1624">
        <v>0</v>
      </c>
      <c r="AB1624">
        <v>1.791759469228055</v>
      </c>
      <c r="AC1624">
        <v>1</v>
      </c>
      <c r="AD1624">
        <v>1</v>
      </c>
      <c r="AE1624">
        <v>0</v>
      </c>
      <c r="AF1624">
        <v>0</v>
      </c>
      <c r="AG1624">
        <v>1.6094379124341009</v>
      </c>
      <c r="AH1624">
        <v>-0.2601296872218557</v>
      </c>
      <c r="AI1624">
        <v>-0.62419763557733587</v>
      </c>
      <c r="AJ1624">
        <v>-0.28160635189897282</v>
      </c>
      <c r="AK1624">
        <v>0</v>
      </c>
      <c r="AL1624">
        <v>314.66486232779022</v>
      </c>
      <c r="AM1624">
        <v>320.54332689393618</v>
      </c>
      <c r="AN1624">
        <v>1110</v>
      </c>
      <c r="AO1624">
        <v>58</v>
      </c>
      <c r="AP1624">
        <v>250.04647929977011</v>
      </c>
      <c r="AQ1624">
        <v>3.5</v>
      </c>
      <c r="AR1624">
        <v>3.75</v>
      </c>
      <c r="AS1624">
        <v>8</v>
      </c>
      <c r="AT1624">
        <v>0</v>
      </c>
      <c r="AU1624">
        <v>0.32013574660633481</v>
      </c>
      <c r="AV1624">
        <v>-0.29273509694253719</v>
      </c>
      <c r="AW1624">
        <v>0</v>
      </c>
      <c r="AX1624">
        <v>106</v>
      </c>
      <c r="AY1624">
        <v>53.5</v>
      </c>
      <c r="AZ1624">
        <v>100</v>
      </c>
      <c r="BA1624">
        <v>0.55680923394776416</v>
      </c>
      <c r="BB1624">
        <v>0.625</v>
      </c>
      <c r="BC1624">
        <v>1.945910149055313</v>
      </c>
      <c r="BD1624" t="s">
        <v>6214</v>
      </c>
      <c r="BE1624" t="s">
        <v>68</v>
      </c>
    </row>
    <row r="1625" spans="1:57" x14ac:dyDescent="0.3">
      <c r="A1625" t="s">
        <v>6216</v>
      </c>
      <c r="B1625">
        <v>2645</v>
      </c>
      <c r="C1625" t="s">
        <v>6217</v>
      </c>
      <c r="D1625" t="s">
        <v>6218</v>
      </c>
      <c r="E1625" t="s">
        <v>85</v>
      </c>
      <c r="F1625">
        <v>8</v>
      </c>
      <c r="G1625">
        <v>90.25</v>
      </c>
      <c r="H1625">
        <v>83</v>
      </c>
      <c r="I1625">
        <v>2283.4375</v>
      </c>
      <c r="J1625">
        <v>47.785327245923511</v>
      </c>
      <c r="K1625">
        <v>6.2953474091915831E-2</v>
      </c>
      <c r="L1625">
        <v>-1.4958403404209479</v>
      </c>
      <c r="M1625">
        <v>3</v>
      </c>
      <c r="N1625">
        <v>1</v>
      </c>
      <c r="O1625">
        <v>1</v>
      </c>
      <c r="P1625">
        <v>0</v>
      </c>
      <c r="Q1625">
        <v>0</v>
      </c>
      <c r="R1625">
        <v>2.0794415416798362</v>
      </c>
      <c r="S1625">
        <v>1</v>
      </c>
      <c r="T1625">
        <v>1</v>
      </c>
      <c r="U1625">
        <v>0</v>
      </c>
      <c r="V1625">
        <v>0</v>
      </c>
      <c r="W1625">
        <v>1.945910149055313</v>
      </c>
      <c r="X1625">
        <v>1</v>
      </c>
      <c r="Y1625">
        <v>1</v>
      </c>
      <c r="Z1625">
        <v>0</v>
      </c>
      <c r="AA1625">
        <v>0</v>
      </c>
      <c r="AB1625">
        <v>1.791759469228055</v>
      </c>
      <c r="AC1625">
        <v>1</v>
      </c>
      <c r="AD1625">
        <v>1</v>
      </c>
      <c r="AE1625">
        <v>0</v>
      </c>
      <c r="AF1625">
        <v>0</v>
      </c>
      <c r="AG1625">
        <v>1.6094379124341009</v>
      </c>
      <c r="AH1625">
        <v>0.1858320788285206</v>
      </c>
      <c r="AI1625">
        <v>-0.16895442726153001</v>
      </c>
      <c r="AJ1625">
        <v>-0.19688312576980979</v>
      </c>
      <c r="AK1625">
        <v>0</v>
      </c>
      <c r="AL1625">
        <v>205.21145996176469</v>
      </c>
      <c r="AM1625">
        <v>203.26400739029299</v>
      </c>
      <c r="AN1625">
        <v>722</v>
      </c>
      <c r="AO1625">
        <v>56.611306743753488</v>
      </c>
      <c r="AP1625">
        <v>126.0789013046394</v>
      </c>
      <c r="AQ1625">
        <v>3.5</v>
      </c>
      <c r="AR1625">
        <v>3.5</v>
      </c>
      <c r="AS1625">
        <v>8</v>
      </c>
      <c r="AT1625">
        <v>0</v>
      </c>
      <c r="AU1625">
        <v>0.17892156862745101</v>
      </c>
      <c r="AV1625">
        <v>0.2738115024407074</v>
      </c>
      <c r="AW1625">
        <v>0.5</v>
      </c>
      <c r="AX1625">
        <v>49.571428571428569</v>
      </c>
      <c r="AY1625">
        <v>45</v>
      </c>
      <c r="AZ1625">
        <v>90.75</v>
      </c>
      <c r="BA1625">
        <v>0.52947731020413868</v>
      </c>
      <c r="BB1625">
        <v>0.5</v>
      </c>
      <c r="BC1625">
        <v>1.7478680974667571</v>
      </c>
      <c r="BD1625" t="s">
        <v>6217</v>
      </c>
      <c r="BE1625" t="s">
        <v>68</v>
      </c>
    </row>
    <row r="1626" spans="1:57" x14ac:dyDescent="0.3">
      <c r="A1626" t="s">
        <v>6219</v>
      </c>
      <c r="B1626">
        <v>2021</v>
      </c>
      <c r="C1626" t="s">
        <v>6220</v>
      </c>
      <c r="D1626" t="s">
        <v>6221</v>
      </c>
      <c r="E1626" t="s">
        <v>106</v>
      </c>
      <c r="F1626">
        <v>2035</v>
      </c>
      <c r="G1626">
        <v>127.1031941031941</v>
      </c>
      <c r="H1626">
        <v>127</v>
      </c>
      <c r="I1626">
        <v>5531.8802600679746</v>
      </c>
      <c r="J1626">
        <v>74.376610974606621</v>
      </c>
      <c r="K1626">
        <v>1.9877486476419511E-2</v>
      </c>
      <c r="L1626">
        <v>-1.227130452584078</v>
      </c>
      <c r="M1626">
        <v>7.9080966259921874</v>
      </c>
      <c r="N1626">
        <v>18</v>
      </c>
      <c r="O1626">
        <v>2</v>
      </c>
      <c r="P1626">
        <v>16</v>
      </c>
      <c r="Q1626">
        <v>2.7785027469211609</v>
      </c>
      <c r="R1626">
        <v>5.4814748799020876</v>
      </c>
      <c r="S1626">
        <v>2</v>
      </c>
      <c r="T1626">
        <v>1</v>
      </c>
      <c r="U1626">
        <v>1</v>
      </c>
      <c r="V1626">
        <v>0.1086173456636433</v>
      </c>
      <c r="W1626">
        <v>7.6014021210200733</v>
      </c>
      <c r="X1626">
        <v>1</v>
      </c>
      <c r="Y1626">
        <v>1</v>
      </c>
      <c r="Z1626">
        <v>0</v>
      </c>
      <c r="AA1626">
        <v>0</v>
      </c>
      <c r="AB1626">
        <v>7.6172678136283469</v>
      </c>
      <c r="AC1626">
        <v>1</v>
      </c>
      <c r="AD1626">
        <v>1</v>
      </c>
      <c r="AE1626">
        <v>0</v>
      </c>
      <c r="AF1626">
        <v>0</v>
      </c>
      <c r="AG1626">
        <v>7.616775808698371</v>
      </c>
      <c r="AH1626">
        <v>-2.1354116676190461E-2</v>
      </c>
      <c r="AI1626">
        <v>4.1200548936826828E-2</v>
      </c>
      <c r="AJ1626">
        <v>-4.3316432989003721E-2</v>
      </c>
      <c r="AK1626">
        <v>-1.811006954004752E-2</v>
      </c>
      <c r="AL1626">
        <v>3136.0269603472152</v>
      </c>
      <c r="AM1626">
        <v>5856.4996289571654</v>
      </c>
      <c r="AN1626">
        <v>258655</v>
      </c>
      <c r="AO1626">
        <v>108.80781541564831</v>
      </c>
      <c r="AP1626">
        <v>2801.1261610997499</v>
      </c>
      <c r="AQ1626">
        <v>1.011302211302211</v>
      </c>
      <c r="AR1626">
        <v>3.9803439803439802</v>
      </c>
      <c r="AS1626">
        <v>2029</v>
      </c>
      <c r="AT1626">
        <v>248.62063882063879</v>
      </c>
      <c r="AU1626">
        <v>2.141928024280965E-2</v>
      </c>
      <c r="AV1626">
        <v>-2.1381136313477579E-2</v>
      </c>
      <c r="AW1626">
        <v>0.37002457002457001</v>
      </c>
      <c r="AX1626">
        <v>87.182890855457231</v>
      </c>
      <c r="AY1626">
        <v>65</v>
      </c>
      <c r="AZ1626">
        <v>130</v>
      </c>
      <c r="BA1626">
        <v>0.58516712738328847</v>
      </c>
      <c r="BB1626">
        <v>0.49729729729729732</v>
      </c>
      <c r="BC1626">
        <v>5.2922472875206248</v>
      </c>
      <c r="BD1626" t="s">
        <v>6222</v>
      </c>
      <c r="BE1626" t="s">
        <v>68</v>
      </c>
    </row>
    <row r="1627" spans="1:57" x14ac:dyDescent="0.3">
      <c r="A1627" t="s">
        <v>6223</v>
      </c>
      <c r="B1627">
        <v>3358</v>
      </c>
      <c r="C1627" t="s">
        <v>6224</v>
      </c>
      <c r="D1627" t="s">
        <v>6225</v>
      </c>
      <c r="E1627" t="s">
        <v>106</v>
      </c>
      <c r="F1627">
        <v>3386</v>
      </c>
      <c r="G1627">
        <v>128.21116361488481</v>
      </c>
      <c r="H1627">
        <v>129</v>
      </c>
      <c r="I1627">
        <v>5387.3349137670884</v>
      </c>
      <c r="J1627">
        <v>73.398466699019593</v>
      </c>
      <c r="K1627">
        <v>-2.1643508322344841E-2</v>
      </c>
      <c r="L1627">
        <v>-1.176881388889242</v>
      </c>
      <c r="M1627">
        <v>7.9438295048636904</v>
      </c>
      <c r="N1627">
        <v>23</v>
      </c>
      <c r="O1627">
        <v>4</v>
      </c>
      <c r="P1627">
        <v>19</v>
      </c>
      <c r="Q1627">
        <v>3.6725647623416728</v>
      </c>
      <c r="R1627">
        <v>5.5062430241451681</v>
      </c>
      <c r="S1627">
        <v>3</v>
      </c>
      <c r="T1627">
        <v>1</v>
      </c>
      <c r="U1627">
        <v>2</v>
      </c>
      <c r="V1627">
        <v>0.16751046987616541</v>
      </c>
      <c r="W1627">
        <v>8.0888673467266052</v>
      </c>
      <c r="X1627">
        <v>1</v>
      </c>
      <c r="Y1627">
        <v>1</v>
      </c>
      <c r="Z1627">
        <v>0</v>
      </c>
      <c r="AA1627">
        <v>0</v>
      </c>
      <c r="AB1627">
        <v>8.126813720726112</v>
      </c>
      <c r="AC1627">
        <v>1</v>
      </c>
      <c r="AD1627">
        <v>1</v>
      </c>
      <c r="AE1627">
        <v>0</v>
      </c>
      <c r="AF1627">
        <v>0</v>
      </c>
      <c r="AG1627">
        <v>8.1265181687807075</v>
      </c>
      <c r="AH1627">
        <v>-1.960768781012362E-2</v>
      </c>
      <c r="AI1627">
        <v>1.882271173996395E-2</v>
      </c>
      <c r="AJ1627">
        <v>-9.4048594983224922E-4</v>
      </c>
      <c r="AK1627">
        <v>-8.478393378327306E-3</v>
      </c>
      <c r="AL1627">
        <v>3925.128501746663</v>
      </c>
      <c r="AM1627">
        <v>7648.1564605319081</v>
      </c>
      <c r="AN1627">
        <v>434123</v>
      </c>
      <c r="AO1627">
        <v>75.009700848456532</v>
      </c>
      <c r="AP1627">
        <v>3576.292063742791</v>
      </c>
      <c r="AQ1627">
        <v>1.0067926757235679</v>
      </c>
      <c r="AR1627">
        <v>4.0097460129946842</v>
      </c>
      <c r="AS1627">
        <v>3369</v>
      </c>
      <c r="AT1627">
        <v>261.05493207324281</v>
      </c>
      <c r="AU1627">
        <v>1.27422026105185E-2</v>
      </c>
      <c r="AV1627">
        <v>-1.9613418747304191E-2</v>
      </c>
      <c r="AW1627">
        <v>0.36385115180153571</v>
      </c>
      <c r="AX1627">
        <v>85.984933530280657</v>
      </c>
      <c r="AY1627">
        <v>62</v>
      </c>
      <c r="AZ1627">
        <v>125</v>
      </c>
      <c r="BA1627">
        <v>0.57248109002029457</v>
      </c>
      <c r="BB1627">
        <v>0.50206733608978149</v>
      </c>
      <c r="BC1627">
        <v>5.3198925080729111</v>
      </c>
      <c r="BD1627" t="s">
        <v>6226</v>
      </c>
      <c r="BE1627" t="s">
        <v>68</v>
      </c>
    </row>
    <row r="1628" spans="1:57" x14ac:dyDescent="0.3">
      <c r="A1628" t="s">
        <v>6227</v>
      </c>
      <c r="B1628">
        <v>2951</v>
      </c>
      <c r="C1628" t="s">
        <v>6228</v>
      </c>
      <c r="D1628" t="s">
        <v>6229</v>
      </c>
      <c r="E1628" t="s">
        <v>85</v>
      </c>
      <c r="F1628">
        <v>8</v>
      </c>
      <c r="G1628">
        <v>153.25</v>
      </c>
      <c r="H1628">
        <v>158</v>
      </c>
      <c r="I1628">
        <v>4127.6875</v>
      </c>
      <c r="J1628">
        <v>64.247081645783723</v>
      </c>
      <c r="K1628">
        <v>-0.22462049814171639</v>
      </c>
      <c r="L1628">
        <v>-0.90363569214623141</v>
      </c>
      <c r="M1628">
        <v>3</v>
      </c>
      <c r="N1628">
        <v>1</v>
      </c>
      <c r="O1628">
        <v>1</v>
      </c>
      <c r="P1628">
        <v>0</v>
      </c>
      <c r="Q1628">
        <v>0</v>
      </c>
      <c r="R1628">
        <v>2.0794415416798362</v>
      </c>
      <c r="S1628">
        <v>1</v>
      </c>
      <c r="T1628">
        <v>1</v>
      </c>
      <c r="U1628">
        <v>0</v>
      </c>
      <c r="V1628">
        <v>0</v>
      </c>
      <c r="W1628">
        <v>1.945910149055313</v>
      </c>
      <c r="X1628">
        <v>1</v>
      </c>
      <c r="Y1628">
        <v>1</v>
      </c>
      <c r="Z1628">
        <v>0</v>
      </c>
      <c r="AA1628">
        <v>0</v>
      </c>
      <c r="AB1628">
        <v>1.791759469228055</v>
      </c>
      <c r="AC1628">
        <v>1</v>
      </c>
      <c r="AD1628">
        <v>1</v>
      </c>
      <c r="AE1628">
        <v>0</v>
      </c>
      <c r="AF1628">
        <v>0</v>
      </c>
      <c r="AG1628">
        <v>1.6094379124341009</v>
      </c>
      <c r="AH1628">
        <v>0.1187692109686114</v>
      </c>
      <c r="AI1628">
        <v>-0.18760125978529141</v>
      </c>
      <c r="AJ1628">
        <v>-8.3788213739533338E-2</v>
      </c>
      <c r="AK1628">
        <v>0</v>
      </c>
      <c r="AL1628">
        <v>290.82424066268442</v>
      </c>
      <c r="AM1628">
        <v>369.22521723600221</v>
      </c>
      <c r="AN1628">
        <v>1226</v>
      </c>
      <c r="AO1628">
        <v>4</v>
      </c>
      <c r="AP1628">
        <v>233.20193257382061</v>
      </c>
      <c r="AQ1628">
        <v>3.5</v>
      </c>
      <c r="AR1628">
        <v>3.625</v>
      </c>
      <c r="AS1628">
        <v>8</v>
      </c>
      <c r="AT1628">
        <v>0</v>
      </c>
      <c r="AU1628">
        <v>0.18974103585657379</v>
      </c>
      <c r="AV1628">
        <v>0.1269113476841148</v>
      </c>
      <c r="AW1628">
        <v>0.375</v>
      </c>
      <c r="AX1628">
        <v>83.714285714285708</v>
      </c>
      <c r="AY1628">
        <v>50</v>
      </c>
      <c r="AZ1628">
        <v>94.25</v>
      </c>
      <c r="BA1628">
        <v>0.41923054907526092</v>
      </c>
      <c r="BB1628">
        <v>0.5</v>
      </c>
      <c r="BC1628">
        <v>1.7478680974667571</v>
      </c>
      <c r="BD1628" t="s">
        <v>6228</v>
      </c>
      <c r="BE1628" t="s">
        <v>68</v>
      </c>
    </row>
    <row r="1629" spans="1:57" x14ac:dyDescent="0.3">
      <c r="A1629" t="s">
        <v>6230</v>
      </c>
      <c r="B1629">
        <v>1862</v>
      </c>
      <c r="C1629" t="s">
        <v>6231</v>
      </c>
      <c r="D1629" t="s">
        <v>6232</v>
      </c>
      <c r="E1629" t="s">
        <v>93</v>
      </c>
      <c r="F1629">
        <v>1862</v>
      </c>
      <c r="G1629">
        <v>125.4667024704619</v>
      </c>
      <c r="H1629">
        <v>124</v>
      </c>
      <c r="I1629">
        <v>5375.756947128446</v>
      </c>
      <c r="J1629">
        <v>73.31955364790791</v>
      </c>
      <c r="K1629">
        <v>1.707387263837002E-2</v>
      </c>
      <c r="L1629">
        <v>-1.169330468882728</v>
      </c>
      <c r="M1629">
        <v>7.8904207981470309</v>
      </c>
      <c r="N1629">
        <v>16</v>
      </c>
      <c r="O1629">
        <v>2</v>
      </c>
      <c r="P1629">
        <v>14</v>
      </c>
      <c r="Q1629">
        <v>2.816566071228181</v>
      </c>
      <c r="R1629">
        <v>5.4692229296671728</v>
      </c>
      <c r="S1629">
        <v>2</v>
      </c>
      <c r="T1629">
        <v>1</v>
      </c>
      <c r="U1629">
        <v>1</v>
      </c>
      <c r="V1629">
        <v>0.11589282587665151</v>
      </c>
      <c r="W1629">
        <v>7.5102462802704073</v>
      </c>
      <c r="X1629">
        <v>1</v>
      </c>
      <c r="Y1629">
        <v>1</v>
      </c>
      <c r="Z1629">
        <v>0</v>
      </c>
      <c r="AA1629">
        <v>0</v>
      </c>
      <c r="AB1629">
        <v>7.5283317667072449</v>
      </c>
      <c r="AC1629">
        <v>1</v>
      </c>
      <c r="AD1629">
        <v>1</v>
      </c>
      <c r="AE1629">
        <v>0</v>
      </c>
      <c r="AF1629">
        <v>0</v>
      </c>
      <c r="AG1629">
        <v>7.5277939877214433</v>
      </c>
      <c r="AH1629">
        <v>-3.2546787443161142E-5</v>
      </c>
      <c r="AI1629">
        <v>-1.0978515144666341E-2</v>
      </c>
      <c r="AJ1629">
        <v>-4.0643964919095547E-2</v>
      </c>
      <c r="AK1629">
        <v>-5.4758979474386051E-2</v>
      </c>
      <c r="AL1629">
        <v>2938.473863214947</v>
      </c>
      <c r="AM1629">
        <v>5539.5339474727134</v>
      </c>
      <c r="AN1629">
        <v>233619</v>
      </c>
      <c r="AO1629">
        <v>108.5339489234437</v>
      </c>
      <c r="AP1629">
        <v>2676.9415582437232</v>
      </c>
      <c r="AQ1629">
        <v>1.012352309344791</v>
      </c>
      <c r="AR1629">
        <v>3.9618689581095601</v>
      </c>
      <c r="AS1629">
        <v>1853</v>
      </c>
      <c r="AT1629">
        <v>279.21589688506992</v>
      </c>
      <c r="AU1629">
        <v>2.076620121732908E-2</v>
      </c>
      <c r="AV1629">
        <v>-3.1831656668409699E-5</v>
      </c>
      <c r="AW1629">
        <v>0.37969924812030081</v>
      </c>
      <c r="AX1629">
        <v>84.853304674905971</v>
      </c>
      <c r="AY1629">
        <v>63</v>
      </c>
      <c r="AZ1629">
        <v>124</v>
      </c>
      <c r="BA1629">
        <v>0.58437459663984748</v>
      </c>
      <c r="BB1629">
        <v>0.49301825993555309</v>
      </c>
      <c r="BC1629">
        <v>5.2705191917220162</v>
      </c>
      <c r="BD1629" t="s">
        <v>6233</v>
      </c>
      <c r="BE1629" t="s">
        <v>68</v>
      </c>
    </row>
    <row r="1630" spans="1:57" x14ac:dyDescent="0.3">
      <c r="A1630" t="s">
        <v>6234</v>
      </c>
      <c r="B1630">
        <v>2206</v>
      </c>
      <c r="C1630" t="s">
        <v>6235</v>
      </c>
      <c r="D1630" t="s">
        <v>6236</v>
      </c>
      <c r="E1630" t="s">
        <v>10622</v>
      </c>
      <c r="F1630">
        <v>64</v>
      </c>
      <c r="G1630">
        <v>117.625</v>
      </c>
      <c r="H1630">
        <v>119.5</v>
      </c>
      <c r="I1630">
        <v>4859.203125</v>
      </c>
      <c r="J1630">
        <v>69.707984657426437</v>
      </c>
      <c r="K1630">
        <v>0.12510609376970641</v>
      </c>
      <c r="L1630">
        <v>-1.089040955577838</v>
      </c>
      <c r="M1630">
        <v>5.84375</v>
      </c>
      <c r="N1630">
        <v>2</v>
      </c>
      <c r="O1630">
        <v>1</v>
      </c>
      <c r="P1630">
        <v>1</v>
      </c>
      <c r="Q1630">
        <v>0.27850299534160988</v>
      </c>
      <c r="R1630">
        <v>4.0505788363971806</v>
      </c>
      <c r="S1630">
        <v>1</v>
      </c>
      <c r="T1630">
        <v>1</v>
      </c>
      <c r="U1630">
        <v>0</v>
      </c>
      <c r="V1630">
        <v>0</v>
      </c>
      <c r="W1630">
        <v>4.1431347263915326</v>
      </c>
      <c r="X1630">
        <v>1</v>
      </c>
      <c r="Y1630">
        <v>1</v>
      </c>
      <c r="Z1630">
        <v>0</v>
      </c>
      <c r="AA1630">
        <v>0</v>
      </c>
      <c r="AB1630">
        <v>4.1271343850450908</v>
      </c>
      <c r="AC1630">
        <v>1</v>
      </c>
      <c r="AD1630">
        <v>1</v>
      </c>
      <c r="AE1630">
        <v>0</v>
      </c>
      <c r="AF1630">
        <v>0</v>
      </c>
      <c r="AG1630">
        <v>4.1108738641733096</v>
      </c>
      <c r="AH1630">
        <v>-9.7408238313895348E-2</v>
      </c>
      <c r="AI1630">
        <v>-0.28279185517815741</v>
      </c>
      <c r="AJ1630">
        <v>-5.0991554363659169E-4</v>
      </c>
      <c r="AK1630">
        <v>0.1130734326616054</v>
      </c>
      <c r="AL1630">
        <v>597.63573512455855</v>
      </c>
      <c r="AM1630">
        <v>916.13401208672963</v>
      </c>
      <c r="AN1630">
        <v>7528</v>
      </c>
      <c r="AO1630">
        <v>90.165073408166634</v>
      </c>
      <c r="AP1630">
        <v>409.80736553736301</v>
      </c>
      <c r="AQ1630">
        <v>1.359375</v>
      </c>
      <c r="AR1630">
        <v>3.6875</v>
      </c>
      <c r="AS1630">
        <v>63</v>
      </c>
      <c r="AT1630">
        <v>4.21875</v>
      </c>
      <c r="AU1630">
        <v>0.110383064516129</v>
      </c>
      <c r="AV1630">
        <v>-9.8351511353764243E-2</v>
      </c>
      <c r="AW1630">
        <v>0.390625</v>
      </c>
      <c r="AX1630">
        <v>82.984126984126988</v>
      </c>
      <c r="AY1630">
        <v>58.5</v>
      </c>
      <c r="AZ1630">
        <v>114.75</v>
      </c>
      <c r="BA1630">
        <v>0.5926289875232853</v>
      </c>
      <c r="BB1630">
        <v>0.515625</v>
      </c>
      <c r="BC1630">
        <v>3.9670973472017059</v>
      </c>
      <c r="BD1630" t="s">
        <v>6237</v>
      </c>
      <c r="BE1630" t="s">
        <v>62</v>
      </c>
    </row>
    <row r="1631" spans="1:57" x14ac:dyDescent="0.3">
      <c r="A1631" t="s">
        <v>6238</v>
      </c>
      <c r="B1631">
        <v>1667</v>
      </c>
      <c r="C1631" t="s">
        <v>6239</v>
      </c>
      <c r="D1631" t="s">
        <v>6240</v>
      </c>
      <c r="E1631" t="s">
        <v>66</v>
      </c>
      <c r="F1631">
        <v>71</v>
      </c>
      <c r="G1631">
        <v>112.6760563380282</v>
      </c>
      <c r="H1631">
        <v>110</v>
      </c>
      <c r="I1631">
        <v>6359.0640745883766</v>
      </c>
      <c r="J1631">
        <v>79.743740033863332</v>
      </c>
      <c r="K1631">
        <v>0.11371384767527661</v>
      </c>
      <c r="L1631">
        <v>-1.359785992324575</v>
      </c>
      <c r="M1631">
        <v>5.7447487039812488</v>
      </c>
      <c r="N1631">
        <v>3</v>
      </c>
      <c r="O1631">
        <v>1</v>
      </c>
      <c r="P1631">
        <v>2</v>
      </c>
      <c r="Q1631">
        <v>0.46944168983367202</v>
      </c>
      <c r="R1631">
        <v>3.9819563671900058</v>
      </c>
      <c r="S1631">
        <v>1</v>
      </c>
      <c r="T1631">
        <v>1</v>
      </c>
      <c r="U1631">
        <v>0</v>
      </c>
      <c r="V1631">
        <v>0</v>
      </c>
      <c r="W1631">
        <v>4.2484952420493576</v>
      </c>
      <c r="X1631">
        <v>1</v>
      </c>
      <c r="Y1631">
        <v>1</v>
      </c>
      <c r="Z1631">
        <v>0</v>
      </c>
      <c r="AA1631">
        <v>0</v>
      </c>
      <c r="AB1631">
        <v>4.2341065045972579</v>
      </c>
      <c r="AC1631">
        <v>1</v>
      </c>
      <c r="AD1631">
        <v>1</v>
      </c>
      <c r="AE1631">
        <v>0</v>
      </c>
      <c r="AF1631">
        <v>0</v>
      </c>
      <c r="AG1631">
        <v>4.2195077051761087</v>
      </c>
      <c r="AH1631">
        <v>0.12627147011149331</v>
      </c>
      <c r="AI1631">
        <v>-8.6310375251083798E-3</v>
      </c>
      <c r="AJ1631">
        <v>1.702349112466452E-2</v>
      </c>
      <c r="AK1631">
        <v>-5.987044523594813E-2</v>
      </c>
      <c r="AL1631">
        <v>684.76905162061973</v>
      </c>
      <c r="AM1631">
        <v>940.20920328541604</v>
      </c>
      <c r="AN1631">
        <v>8000</v>
      </c>
      <c r="AO1631">
        <v>101.3212239907762</v>
      </c>
      <c r="AP1631">
        <v>510.71112279699992</v>
      </c>
      <c r="AQ1631">
        <v>1.323943661971831</v>
      </c>
      <c r="AR1631">
        <v>3.577464788732394</v>
      </c>
      <c r="AS1631">
        <v>70</v>
      </c>
      <c r="AT1631">
        <v>10.08450704225352</v>
      </c>
      <c r="AU1631">
        <v>0.14050431621990001</v>
      </c>
      <c r="AV1631">
        <v>0.12703173698821449</v>
      </c>
      <c r="AW1631">
        <v>0.30985915492957739</v>
      </c>
      <c r="AX1631">
        <v>85.8</v>
      </c>
      <c r="AY1631">
        <v>75</v>
      </c>
      <c r="AZ1631">
        <v>143.5</v>
      </c>
      <c r="BA1631">
        <v>0.70772569280053699</v>
      </c>
      <c r="BB1631">
        <v>0.49295774647887319</v>
      </c>
      <c r="BC1631">
        <v>3.9290072442194739</v>
      </c>
      <c r="BD1631" t="s">
        <v>6241</v>
      </c>
      <c r="BE1631" t="s">
        <v>68</v>
      </c>
    </row>
    <row r="1632" spans="1:57" x14ac:dyDescent="0.3">
      <c r="A1632" t="s">
        <v>6242</v>
      </c>
      <c r="B1632">
        <v>2270</v>
      </c>
      <c r="C1632" t="s">
        <v>6243</v>
      </c>
      <c r="D1632" t="s">
        <v>6244</v>
      </c>
      <c r="E1632" t="s">
        <v>85</v>
      </c>
      <c r="F1632">
        <v>8</v>
      </c>
      <c r="G1632">
        <v>153.875</v>
      </c>
      <c r="H1632">
        <v>190</v>
      </c>
      <c r="I1632">
        <v>9031.359375</v>
      </c>
      <c r="J1632">
        <v>95.033464500669453</v>
      </c>
      <c r="K1632">
        <v>-0.40487988578360068</v>
      </c>
      <c r="L1632">
        <v>-1.536312567502258</v>
      </c>
      <c r="M1632">
        <v>3</v>
      </c>
      <c r="N1632">
        <v>1</v>
      </c>
      <c r="O1632">
        <v>1</v>
      </c>
      <c r="P1632">
        <v>0</v>
      </c>
      <c r="Q1632">
        <v>0</v>
      </c>
      <c r="R1632">
        <v>2.0794415416798362</v>
      </c>
      <c r="S1632">
        <v>1</v>
      </c>
      <c r="T1632">
        <v>1</v>
      </c>
      <c r="U1632">
        <v>0</v>
      </c>
      <c r="V1632">
        <v>0</v>
      </c>
      <c r="W1632">
        <v>1.945910149055313</v>
      </c>
      <c r="X1632">
        <v>1</v>
      </c>
      <c r="Y1632">
        <v>1</v>
      </c>
      <c r="Z1632">
        <v>0</v>
      </c>
      <c r="AA1632">
        <v>0</v>
      </c>
      <c r="AB1632">
        <v>1.791759469228055</v>
      </c>
      <c r="AC1632">
        <v>1</v>
      </c>
      <c r="AD1632">
        <v>1</v>
      </c>
      <c r="AE1632">
        <v>0</v>
      </c>
      <c r="AF1632">
        <v>0</v>
      </c>
      <c r="AG1632">
        <v>1.6094379124341009</v>
      </c>
      <c r="AH1632">
        <v>0.44024012684967478</v>
      </c>
      <c r="AI1632">
        <v>-4.0653919416200841E-2</v>
      </c>
      <c r="AJ1632">
        <v>-0.32190375722093328</v>
      </c>
      <c r="AK1632">
        <v>0</v>
      </c>
      <c r="AL1632">
        <v>353.75268004865302</v>
      </c>
      <c r="AM1632">
        <v>369.49971767025119</v>
      </c>
      <c r="AN1632">
        <v>1231</v>
      </c>
      <c r="AO1632">
        <v>78.705904165849915</v>
      </c>
      <c r="AP1632">
        <v>157.30543537970959</v>
      </c>
      <c r="AQ1632">
        <v>3.5</v>
      </c>
      <c r="AR1632">
        <v>4.625</v>
      </c>
      <c r="AS1632">
        <v>8</v>
      </c>
      <c r="AT1632">
        <v>0</v>
      </c>
      <c r="AU1632">
        <v>0.36507936507936511</v>
      </c>
      <c r="AV1632">
        <v>0.50786510694317089</v>
      </c>
      <c r="AW1632">
        <v>0.125</v>
      </c>
      <c r="AX1632">
        <v>67.571428571428569</v>
      </c>
      <c r="AY1632">
        <v>57.5</v>
      </c>
      <c r="AZ1632">
        <v>173.25</v>
      </c>
      <c r="BA1632">
        <v>0.61760171893205174</v>
      </c>
      <c r="BB1632">
        <v>0.625</v>
      </c>
      <c r="BC1632">
        <v>1.945910149055313</v>
      </c>
      <c r="BD1632" t="s">
        <v>6243</v>
      </c>
      <c r="BE1632" t="s">
        <v>68</v>
      </c>
    </row>
    <row r="1633" spans="1:57" x14ac:dyDescent="0.3">
      <c r="A1633" t="s">
        <v>6245</v>
      </c>
      <c r="B1633">
        <v>2608</v>
      </c>
      <c r="C1633" t="s">
        <v>6246</v>
      </c>
      <c r="D1633" t="s">
        <v>6247</v>
      </c>
      <c r="E1633" t="s">
        <v>72</v>
      </c>
      <c r="F1633">
        <v>2776</v>
      </c>
      <c r="G1633">
        <v>128.83357348703171</v>
      </c>
      <c r="H1633">
        <v>128</v>
      </c>
      <c r="I1633">
        <v>5451.8094780082893</v>
      </c>
      <c r="J1633">
        <v>73.836369615578263</v>
      </c>
      <c r="K1633">
        <v>2.3963740082036931E-3</v>
      </c>
      <c r="L1633">
        <v>-1.192006118589751</v>
      </c>
      <c r="M1633">
        <v>7.9377029966045969</v>
      </c>
      <c r="N1633">
        <v>21</v>
      </c>
      <c r="O1633">
        <v>3</v>
      </c>
      <c r="P1633">
        <v>18</v>
      </c>
      <c r="Q1633">
        <v>3.1447811430209258</v>
      </c>
      <c r="R1633">
        <v>5.5019964522187017</v>
      </c>
      <c r="S1633">
        <v>3</v>
      </c>
      <c r="T1633">
        <v>1</v>
      </c>
      <c r="U1633">
        <v>2</v>
      </c>
      <c r="V1633">
        <v>0.1708387072068509</v>
      </c>
      <c r="W1633">
        <v>7.8887517909833331</v>
      </c>
      <c r="X1633">
        <v>2</v>
      </c>
      <c r="Y1633">
        <v>1</v>
      </c>
      <c r="Z1633">
        <v>1</v>
      </c>
      <c r="AA1633">
        <v>8.0551523947750364E-2</v>
      </c>
      <c r="AB1633">
        <v>7.9190501796418404</v>
      </c>
      <c r="AC1633">
        <v>2</v>
      </c>
      <c r="AD1633">
        <v>1</v>
      </c>
      <c r="AE1633">
        <v>1</v>
      </c>
      <c r="AF1633">
        <v>7.3546882987729864E-2</v>
      </c>
      <c r="AG1633">
        <v>7.9201861579789963</v>
      </c>
      <c r="AH1633">
        <v>-7.882505211183357E-3</v>
      </c>
      <c r="AI1633">
        <v>1.345176792385544E-2</v>
      </c>
      <c r="AJ1633">
        <v>-4.1653184155809441E-3</v>
      </c>
      <c r="AK1633">
        <v>-1.574686703617495E-2</v>
      </c>
      <c r="AL1633">
        <v>3579.651003900181</v>
      </c>
      <c r="AM1633">
        <v>6956.7678335759074</v>
      </c>
      <c r="AN1633">
        <v>357642</v>
      </c>
      <c r="AO1633">
        <v>109.9999999999964</v>
      </c>
      <c r="AP1633">
        <v>3252.9621872494758</v>
      </c>
      <c r="AQ1633">
        <v>1.00828530259366</v>
      </c>
      <c r="AR1633">
        <v>4.0259365994236314</v>
      </c>
      <c r="AS1633">
        <v>2766</v>
      </c>
      <c r="AT1633">
        <v>233.4755043227666</v>
      </c>
      <c r="AU1633">
        <v>2.0288749505565921E-2</v>
      </c>
      <c r="AV1633">
        <v>-7.8834165915355921E-3</v>
      </c>
      <c r="AW1633">
        <v>0.37319884726224778</v>
      </c>
      <c r="AX1633">
        <v>85.633873873873867</v>
      </c>
      <c r="AY1633">
        <v>63</v>
      </c>
      <c r="AZ1633">
        <v>127</v>
      </c>
      <c r="BA1633">
        <v>0.57311434913361747</v>
      </c>
      <c r="BB1633">
        <v>0.49855907780979819</v>
      </c>
      <c r="BC1633">
        <v>5.3146815578230999</v>
      </c>
      <c r="BD1633" t="s">
        <v>6248</v>
      </c>
      <c r="BE1633" t="s">
        <v>68</v>
      </c>
    </row>
    <row r="1634" spans="1:57" x14ac:dyDescent="0.3">
      <c r="A1634" t="s">
        <v>6249</v>
      </c>
      <c r="B1634">
        <v>581</v>
      </c>
      <c r="C1634" t="s">
        <v>6250</v>
      </c>
      <c r="D1634" t="s">
        <v>6251</v>
      </c>
      <c r="E1634" t="s">
        <v>98</v>
      </c>
      <c r="F1634">
        <v>16</v>
      </c>
      <c r="G1634">
        <v>137</v>
      </c>
      <c r="H1634">
        <v>126</v>
      </c>
      <c r="I1634">
        <v>5583.5</v>
      </c>
      <c r="J1634">
        <v>74.722821145885547</v>
      </c>
      <c r="K1634">
        <v>0.17820853237349191</v>
      </c>
      <c r="L1634">
        <v>-1.1272719774116651</v>
      </c>
      <c r="M1634">
        <v>3.875</v>
      </c>
      <c r="N1634">
        <v>2</v>
      </c>
      <c r="O1634">
        <v>1</v>
      </c>
      <c r="P1634">
        <v>1</v>
      </c>
      <c r="Q1634">
        <v>0.24944382578492949</v>
      </c>
      <c r="R1634">
        <v>2.6859453246697882</v>
      </c>
      <c r="S1634">
        <v>1</v>
      </c>
      <c r="T1634">
        <v>1</v>
      </c>
      <c r="U1634">
        <v>0</v>
      </c>
      <c r="V1634">
        <v>0</v>
      </c>
      <c r="W1634">
        <v>2.7080502011022101</v>
      </c>
      <c r="X1634">
        <v>1</v>
      </c>
      <c r="Y1634">
        <v>1</v>
      </c>
      <c r="Z1634">
        <v>0</v>
      </c>
      <c r="AA1634">
        <v>0</v>
      </c>
      <c r="AB1634">
        <v>2.639057329615258</v>
      </c>
      <c r="AC1634">
        <v>1</v>
      </c>
      <c r="AD1634">
        <v>1</v>
      </c>
      <c r="AE1634">
        <v>0</v>
      </c>
      <c r="AF1634">
        <v>0</v>
      </c>
      <c r="AG1634">
        <v>2.5649493574615372</v>
      </c>
      <c r="AH1634">
        <v>-0.1335072087400376</v>
      </c>
      <c r="AI1634">
        <v>0.27637234709411662</v>
      </c>
      <c r="AJ1634">
        <v>-0.21747112026506671</v>
      </c>
      <c r="AK1634">
        <v>-0.13744738963016029</v>
      </c>
      <c r="AL1634">
        <v>407.74650375721973</v>
      </c>
      <c r="AM1634">
        <v>472.6338843901944</v>
      </c>
      <c r="AN1634">
        <v>2192</v>
      </c>
      <c r="AO1634">
        <v>132.80165263553289</v>
      </c>
      <c r="AP1634">
        <v>282.12262111013689</v>
      </c>
      <c r="AQ1634">
        <v>2.25</v>
      </c>
      <c r="AR1634">
        <v>4.625</v>
      </c>
      <c r="AS1634">
        <v>16</v>
      </c>
      <c r="AT1634">
        <v>0.87499999999999989</v>
      </c>
      <c r="AU1634">
        <v>0.17377450980392159</v>
      </c>
      <c r="AV1634">
        <v>-0.14463046017329559</v>
      </c>
      <c r="AW1634">
        <v>0.5</v>
      </c>
      <c r="AX1634">
        <v>91.733333333333334</v>
      </c>
      <c r="AY1634">
        <v>62</v>
      </c>
      <c r="AZ1634">
        <v>146.5</v>
      </c>
      <c r="BA1634">
        <v>0.54542205215974848</v>
      </c>
      <c r="BB1634">
        <v>0.375</v>
      </c>
      <c r="BC1634">
        <v>2.7080502011022101</v>
      </c>
      <c r="BD1634" t="s">
        <v>6250</v>
      </c>
      <c r="BE1634" t="s">
        <v>62</v>
      </c>
    </row>
    <row r="1635" spans="1:57" x14ac:dyDescent="0.3">
      <c r="A1635" t="s">
        <v>6252</v>
      </c>
      <c r="B1635">
        <v>1591</v>
      </c>
      <c r="C1635" t="s">
        <v>6253</v>
      </c>
      <c r="D1635" t="s">
        <v>6254</v>
      </c>
      <c r="E1635" t="s">
        <v>72</v>
      </c>
      <c r="F1635">
        <v>1600</v>
      </c>
      <c r="G1635">
        <v>127.91500000000001</v>
      </c>
      <c r="H1635">
        <v>129</v>
      </c>
      <c r="I1635">
        <v>5346.2090250000001</v>
      </c>
      <c r="J1635">
        <v>73.117775027690769</v>
      </c>
      <c r="K1635">
        <v>-1.0507432288571011E-3</v>
      </c>
      <c r="L1635">
        <v>-1.1817844015321231</v>
      </c>
      <c r="M1635">
        <v>7.8790866522202609</v>
      </c>
      <c r="N1635">
        <v>13</v>
      </c>
      <c r="O1635">
        <v>1</v>
      </c>
      <c r="P1635">
        <v>12</v>
      </c>
      <c r="Q1635">
        <v>2.3602630362736989</v>
      </c>
      <c r="R1635">
        <v>5.4613666983739702</v>
      </c>
      <c r="S1635">
        <v>2</v>
      </c>
      <c r="T1635">
        <v>1</v>
      </c>
      <c r="U1635">
        <v>1</v>
      </c>
      <c r="V1635">
        <v>8.6627139791225702E-2</v>
      </c>
      <c r="W1635">
        <v>7.3667300028067864</v>
      </c>
      <c r="X1635">
        <v>1</v>
      </c>
      <c r="Y1635">
        <v>1</v>
      </c>
      <c r="Z1635">
        <v>0</v>
      </c>
      <c r="AA1635">
        <v>0</v>
      </c>
      <c r="AB1635">
        <v>7.37650812632622</v>
      </c>
      <c r="AC1635">
        <v>1</v>
      </c>
      <c r="AD1635">
        <v>1</v>
      </c>
      <c r="AE1635">
        <v>0</v>
      </c>
      <c r="AF1635">
        <v>0</v>
      </c>
      <c r="AG1635">
        <v>7.3758821482150099</v>
      </c>
      <c r="AH1635">
        <v>9.5821301121639113E-3</v>
      </c>
      <c r="AI1635">
        <v>2.1458266583347811E-2</v>
      </c>
      <c r="AJ1635">
        <v>8.9857602269628849E-3</v>
      </c>
      <c r="AK1635">
        <v>-8.6918543474364066E-3</v>
      </c>
      <c r="AL1635">
        <v>2717.8636847866192</v>
      </c>
      <c r="AM1635">
        <v>5229.4117251291373</v>
      </c>
      <c r="AN1635">
        <v>204664</v>
      </c>
      <c r="AO1635">
        <v>118.6012915304896</v>
      </c>
      <c r="AP1635">
        <v>2402.9015597525058</v>
      </c>
      <c r="AQ1635">
        <v>1.014375</v>
      </c>
      <c r="AR1635">
        <v>3.9743750000000002</v>
      </c>
      <c r="AS1635">
        <v>1598</v>
      </c>
      <c r="AT1635">
        <v>222.86500000000001</v>
      </c>
      <c r="AU1635">
        <v>1.253676470588239E-2</v>
      </c>
      <c r="AV1635">
        <v>9.5841942818624837E-3</v>
      </c>
      <c r="AW1635">
        <v>0.37125000000000002</v>
      </c>
      <c r="AX1635">
        <v>84.093808630393994</v>
      </c>
      <c r="AY1635">
        <v>63</v>
      </c>
      <c r="AZ1635">
        <v>125</v>
      </c>
      <c r="BA1635">
        <v>0.57161220363280907</v>
      </c>
      <c r="BB1635">
        <v>0.50562499999999999</v>
      </c>
      <c r="BC1635">
        <v>5.2591982054307573</v>
      </c>
      <c r="BD1635" t="s">
        <v>6255</v>
      </c>
      <c r="BE1635" t="s">
        <v>62</v>
      </c>
    </row>
    <row r="1636" spans="1:57" x14ac:dyDescent="0.3">
      <c r="A1636" t="s">
        <v>6256</v>
      </c>
      <c r="B1636">
        <v>2052</v>
      </c>
      <c r="C1636" t="s">
        <v>6257</v>
      </c>
      <c r="D1636" t="s">
        <v>6258</v>
      </c>
      <c r="E1636" t="s">
        <v>72</v>
      </c>
      <c r="F1636">
        <v>2056</v>
      </c>
      <c r="G1636">
        <v>129.06274319066151</v>
      </c>
      <c r="H1636">
        <v>128</v>
      </c>
      <c r="I1636">
        <v>5570.5490788562283</v>
      </c>
      <c r="J1636">
        <v>74.636111091456442</v>
      </c>
      <c r="K1636">
        <v>7.2227402061968834E-3</v>
      </c>
      <c r="L1636">
        <v>-1.208557064906044</v>
      </c>
      <c r="M1636">
        <v>7.9037703509742894</v>
      </c>
      <c r="N1636">
        <v>17</v>
      </c>
      <c r="O1636">
        <v>1</v>
      </c>
      <c r="P1636">
        <v>16</v>
      </c>
      <c r="Q1636">
        <v>2.8829712862774062</v>
      </c>
      <c r="R1636">
        <v>5.4784761345711139</v>
      </c>
      <c r="S1636">
        <v>2</v>
      </c>
      <c r="T1636">
        <v>1</v>
      </c>
      <c r="U1636">
        <v>1</v>
      </c>
      <c r="V1636">
        <v>0.1267048415826591</v>
      </c>
      <c r="W1636">
        <v>7.6057694656568806</v>
      </c>
      <c r="X1636">
        <v>1</v>
      </c>
      <c r="Y1636">
        <v>1</v>
      </c>
      <c r="Z1636">
        <v>0</v>
      </c>
      <c r="AA1636">
        <v>0</v>
      </c>
      <c r="AB1636">
        <v>7.6275443904885014</v>
      </c>
      <c r="AC1636">
        <v>1</v>
      </c>
      <c r="AD1636">
        <v>1</v>
      </c>
      <c r="AE1636">
        <v>0</v>
      </c>
      <c r="AF1636">
        <v>0</v>
      </c>
      <c r="AG1636">
        <v>7.627057417018932</v>
      </c>
      <c r="AH1636">
        <v>1.197346212801949E-2</v>
      </c>
      <c r="AI1636">
        <v>-2.543018158791906E-2</v>
      </c>
      <c r="AJ1636">
        <v>2.3931544501700191E-2</v>
      </c>
      <c r="AK1636">
        <v>-1.40014116028264E-3</v>
      </c>
      <c r="AL1636">
        <v>3123.901651396684</v>
      </c>
      <c r="AM1636">
        <v>5995.1208054884992</v>
      </c>
      <c r="AN1636">
        <v>265353</v>
      </c>
      <c r="AO1636">
        <v>82.83048526049636</v>
      </c>
      <c r="AP1636">
        <v>2763.99305386067</v>
      </c>
      <c r="AQ1636">
        <v>1.011186770428016</v>
      </c>
      <c r="AR1636">
        <v>4.0043774319066152</v>
      </c>
      <c r="AS1636">
        <v>2048</v>
      </c>
      <c r="AT1636">
        <v>264.93385214007782</v>
      </c>
      <c r="AU1636">
        <v>2.1940566109712289E-2</v>
      </c>
      <c r="AV1636">
        <v>1.1973564826495449E-2</v>
      </c>
      <c r="AW1636">
        <v>0.3754863813229572</v>
      </c>
      <c r="AX1636">
        <v>85.613625304136249</v>
      </c>
      <c r="AY1636">
        <v>65</v>
      </c>
      <c r="AZ1636">
        <v>129</v>
      </c>
      <c r="BA1636">
        <v>0.57829323355693907</v>
      </c>
      <c r="BB1636">
        <v>0.4912451361867704</v>
      </c>
      <c r="BC1636">
        <v>5.294957148647816</v>
      </c>
      <c r="BD1636" t="s">
        <v>6259</v>
      </c>
      <c r="BE1636" t="s">
        <v>68</v>
      </c>
    </row>
    <row r="1637" spans="1:57" x14ac:dyDescent="0.3">
      <c r="A1637" t="s">
        <v>6260</v>
      </c>
      <c r="B1637">
        <v>141</v>
      </c>
      <c r="C1637" t="s">
        <v>6261</v>
      </c>
      <c r="D1637" t="s">
        <v>6262</v>
      </c>
      <c r="E1637" t="s">
        <v>60</v>
      </c>
      <c r="F1637">
        <v>512</v>
      </c>
      <c r="G1637">
        <v>129.986328125</v>
      </c>
      <c r="H1637">
        <v>131</v>
      </c>
      <c r="I1637">
        <v>5333.212703704834</v>
      </c>
      <c r="J1637">
        <v>73.028848434744162</v>
      </c>
      <c r="K1637">
        <v>-1.9922957279884241E-3</v>
      </c>
      <c r="L1637">
        <v>-1.1627932200129261</v>
      </c>
      <c r="M1637">
        <v>7.6355048849537752</v>
      </c>
      <c r="N1637">
        <v>6</v>
      </c>
      <c r="O1637">
        <v>1</v>
      </c>
      <c r="P1637">
        <v>5</v>
      </c>
      <c r="Q1637">
        <v>1.210780547928324</v>
      </c>
      <c r="R1637">
        <v>5.2925286831573972</v>
      </c>
      <c r="S1637">
        <v>2</v>
      </c>
      <c r="T1637">
        <v>1</v>
      </c>
      <c r="U1637">
        <v>1</v>
      </c>
      <c r="V1637">
        <v>9.8912994120491704E-2</v>
      </c>
      <c r="W1637">
        <v>6.2228050661222962</v>
      </c>
      <c r="X1637">
        <v>1</v>
      </c>
      <c r="Y1637">
        <v>1</v>
      </c>
      <c r="Z1637">
        <v>0</v>
      </c>
      <c r="AA1637">
        <v>0</v>
      </c>
      <c r="AB1637">
        <v>6.2344107257183694</v>
      </c>
      <c r="AC1637">
        <v>1</v>
      </c>
      <c r="AD1637">
        <v>1</v>
      </c>
      <c r="AE1637">
        <v>0</v>
      </c>
      <c r="AF1637">
        <v>0</v>
      </c>
      <c r="AG1637">
        <v>6.2324480165505216</v>
      </c>
      <c r="AH1637">
        <v>2.1378200721420871E-2</v>
      </c>
      <c r="AI1637">
        <v>-2.1631273428972989E-2</v>
      </c>
      <c r="AJ1637">
        <v>3.7654497559946327E-2</v>
      </c>
      <c r="AK1637">
        <v>-2.0514727363999979E-2</v>
      </c>
      <c r="AL1637">
        <v>1585.1669971925351</v>
      </c>
      <c r="AM1637">
        <v>2978.0581913407268</v>
      </c>
      <c r="AN1637">
        <v>66553</v>
      </c>
      <c r="AO1637">
        <v>70.33085018066005</v>
      </c>
      <c r="AP1637">
        <v>1396.099586188167</v>
      </c>
      <c r="AQ1637">
        <v>1.044921875</v>
      </c>
      <c r="AR1637">
        <v>4.015625</v>
      </c>
      <c r="AS1637">
        <v>510</v>
      </c>
      <c r="AT1637">
        <v>148.84375</v>
      </c>
      <c r="AU1637">
        <v>2.6202512254901968E-2</v>
      </c>
      <c r="AV1637">
        <v>2.1440163465480149E-2</v>
      </c>
      <c r="AW1637">
        <v>0.357421875</v>
      </c>
      <c r="AX1637">
        <v>83.487279843444227</v>
      </c>
      <c r="AY1637">
        <v>61</v>
      </c>
      <c r="AZ1637">
        <v>123.25</v>
      </c>
      <c r="BA1637">
        <v>0.56181945815498946</v>
      </c>
      <c r="BB1637">
        <v>0.509765625</v>
      </c>
      <c r="BC1637">
        <v>5.0535972031197236</v>
      </c>
      <c r="BD1637" t="s">
        <v>6263</v>
      </c>
      <c r="BE1637" t="s">
        <v>62</v>
      </c>
    </row>
    <row r="1638" spans="1:57" x14ac:dyDescent="0.3">
      <c r="A1638" t="s">
        <v>6264</v>
      </c>
      <c r="B1638">
        <v>3412</v>
      </c>
      <c r="C1638" t="s">
        <v>6265</v>
      </c>
      <c r="D1638" t="s">
        <v>6266</v>
      </c>
      <c r="E1638" t="s">
        <v>72</v>
      </c>
      <c r="F1638">
        <v>3456</v>
      </c>
      <c r="G1638">
        <v>126.3203125</v>
      </c>
      <c r="H1638">
        <v>127</v>
      </c>
      <c r="I1638">
        <v>5617.9069485134551</v>
      </c>
      <c r="J1638">
        <v>74.952698073608104</v>
      </c>
      <c r="K1638">
        <v>7.9441493424847343E-3</v>
      </c>
      <c r="L1638">
        <v>-1.231871550600562</v>
      </c>
      <c r="M1638">
        <v>7.9439294065193158</v>
      </c>
      <c r="N1638">
        <v>26</v>
      </c>
      <c r="O1638">
        <v>4</v>
      </c>
      <c r="P1638">
        <v>22</v>
      </c>
      <c r="Q1638">
        <v>3.7655925828480168</v>
      </c>
      <c r="R1638">
        <v>5.5063122706961041</v>
      </c>
      <c r="S1638">
        <v>2</v>
      </c>
      <c r="T1638">
        <v>1</v>
      </c>
      <c r="U1638">
        <v>1</v>
      </c>
      <c r="V1638">
        <v>0.15771886969479179</v>
      </c>
      <c r="W1638">
        <v>8.1130708432766419</v>
      </c>
      <c r="X1638">
        <v>1</v>
      </c>
      <c r="Y1638">
        <v>1</v>
      </c>
      <c r="Z1638">
        <v>0</v>
      </c>
      <c r="AA1638">
        <v>0</v>
      </c>
      <c r="AB1638">
        <v>8.147288258706622</v>
      </c>
      <c r="AC1638">
        <v>1</v>
      </c>
      <c r="AD1638">
        <v>1</v>
      </c>
      <c r="AE1638">
        <v>0</v>
      </c>
      <c r="AF1638">
        <v>0</v>
      </c>
      <c r="AG1638">
        <v>8.1469986973899946</v>
      </c>
      <c r="AH1638">
        <v>2.1150863939466809E-2</v>
      </c>
      <c r="AI1638">
        <v>-4.746069715176114E-3</v>
      </c>
      <c r="AJ1638">
        <v>-2.0278919761717432E-2</v>
      </c>
      <c r="AK1638">
        <v>-1.19320927859001E-2</v>
      </c>
      <c r="AL1638">
        <v>4034.4605507829292</v>
      </c>
      <c r="AM1638">
        <v>7634.4868238917206</v>
      </c>
      <c r="AN1638">
        <v>436563</v>
      </c>
      <c r="AO1638">
        <v>27.22465117592704</v>
      </c>
      <c r="AP1638">
        <v>3697.6051002411969</v>
      </c>
      <c r="AQ1638">
        <v>1.006655092592593</v>
      </c>
      <c r="AR1638">
        <v>3.9907407407407409</v>
      </c>
      <c r="AS1638">
        <v>3442</v>
      </c>
      <c r="AT1638">
        <v>268.88888888888891</v>
      </c>
      <c r="AU1638">
        <v>2.2603485838779941E-2</v>
      </c>
      <c r="AV1638">
        <v>2.115920382245175E-2</v>
      </c>
      <c r="AW1638">
        <v>0.36082175925925919</v>
      </c>
      <c r="AX1638">
        <v>85.440810419681625</v>
      </c>
      <c r="AY1638">
        <v>66</v>
      </c>
      <c r="AZ1638">
        <v>132</v>
      </c>
      <c r="BA1638">
        <v>0.59335428000629831</v>
      </c>
      <c r="BB1638">
        <v>0.50057870370370372</v>
      </c>
      <c r="BC1638">
        <v>5.3183473134064823</v>
      </c>
      <c r="BD1638" t="s">
        <v>6267</v>
      </c>
      <c r="BE1638" t="s">
        <v>62</v>
      </c>
    </row>
    <row r="1639" spans="1:57" x14ac:dyDescent="0.3">
      <c r="A1639" t="s">
        <v>6268</v>
      </c>
      <c r="B1639">
        <v>3409</v>
      </c>
      <c r="C1639" t="s">
        <v>6269</v>
      </c>
      <c r="D1639" t="s">
        <v>6270</v>
      </c>
      <c r="E1639" t="s">
        <v>128</v>
      </c>
      <c r="F1639">
        <v>32</v>
      </c>
      <c r="G1639">
        <v>114.4375</v>
      </c>
      <c r="H1639">
        <v>121</v>
      </c>
      <c r="I1639">
        <v>6198.80859375</v>
      </c>
      <c r="J1639">
        <v>78.732512939382289</v>
      </c>
      <c r="K1639">
        <v>0.13449396342747399</v>
      </c>
      <c r="L1639">
        <v>-1.3086274248083929</v>
      </c>
      <c r="M1639">
        <v>4.875</v>
      </c>
      <c r="N1639">
        <v>2</v>
      </c>
      <c r="O1639">
        <v>1</v>
      </c>
      <c r="P1639">
        <v>1</v>
      </c>
      <c r="Q1639">
        <v>0.24944382578492941</v>
      </c>
      <c r="R1639">
        <v>3.3790925052297318</v>
      </c>
      <c r="S1639">
        <v>1</v>
      </c>
      <c r="T1639">
        <v>1</v>
      </c>
      <c r="U1639">
        <v>0</v>
      </c>
      <c r="V1639">
        <v>0</v>
      </c>
      <c r="W1639">
        <v>3.4339872044851458</v>
      </c>
      <c r="X1639">
        <v>1</v>
      </c>
      <c r="Y1639">
        <v>1</v>
      </c>
      <c r="Z1639">
        <v>0</v>
      </c>
      <c r="AA1639">
        <v>0</v>
      </c>
      <c r="AB1639">
        <v>3.401197381662155</v>
      </c>
      <c r="AC1639">
        <v>1</v>
      </c>
      <c r="AD1639">
        <v>1</v>
      </c>
      <c r="AE1639">
        <v>0</v>
      </c>
      <c r="AF1639">
        <v>0</v>
      </c>
      <c r="AG1639">
        <v>3.3672958299864728</v>
      </c>
      <c r="AH1639">
        <v>0.20352289770274659</v>
      </c>
      <c r="AI1639">
        <v>7.960762211740538E-2</v>
      </c>
      <c r="AJ1639">
        <v>9.2547612633476065E-2</v>
      </c>
      <c r="AK1639">
        <v>-0.1702912369753512</v>
      </c>
      <c r="AL1639">
        <v>500.53257123589287</v>
      </c>
      <c r="AM1639">
        <v>605.72200317636293</v>
      </c>
      <c r="AN1639">
        <v>3662</v>
      </c>
      <c r="AO1639">
        <v>92.757999159528808</v>
      </c>
      <c r="AP1639">
        <v>385.79035586077572</v>
      </c>
      <c r="AQ1639">
        <v>1.65625</v>
      </c>
      <c r="AR1639">
        <v>3.6875</v>
      </c>
      <c r="AS1639">
        <v>32</v>
      </c>
      <c r="AT1639">
        <v>1.75</v>
      </c>
      <c r="AU1639">
        <v>0.18491735537190079</v>
      </c>
      <c r="AV1639">
        <v>0.2115871668176198</v>
      </c>
      <c r="AW1639">
        <v>0.375</v>
      </c>
      <c r="AX1639">
        <v>78.838709677419359</v>
      </c>
      <c r="AY1639">
        <v>77</v>
      </c>
      <c r="AZ1639">
        <v>135.75</v>
      </c>
      <c r="BA1639">
        <v>0.6879957438722647</v>
      </c>
      <c r="BB1639">
        <v>0.53125</v>
      </c>
      <c r="BC1639">
        <v>3.3892680315457948</v>
      </c>
      <c r="BD1639" t="s">
        <v>6271</v>
      </c>
      <c r="BE1639" t="s">
        <v>62</v>
      </c>
    </row>
    <row r="1640" spans="1:57" x14ac:dyDescent="0.3">
      <c r="A1640" t="s">
        <v>6272</v>
      </c>
      <c r="B1640">
        <v>3375</v>
      </c>
      <c r="C1640" t="s">
        <v>6273</v>
      </c>
      <c r="D1640" t="s">
        <v>6274</v>
      </c>
      <c r="E1640" t="s">
        <v>72</v>
      </c>
      <c r="F1640">
        <v>3392</v>
      </c>
      <c r="G1640">
        <v>128.21521226415089</v>
      </c>
      <c r="H1640">
        <v>129</v>
      </c>
      <c r="I1640">
        <v>5420.028565756832</v>
      </c>
      <c r="J1640">
        <v>73.620843283385668</v>
      </c>
      <c r="K1640">
        <v>-1.375318703826945E-2</v>
      </c>
      <c r="L1640">
        <v>-1.2179718892252751</v>
      </c>
      <c r="M1640">
        <v>7.9395675514744184</v>
      </c>
      <c r="N1640">
        <v>27</v>
      </c>
      <c r="O1640">
        <v>5</v>
      </c>
      <c r="P1640">
        <v>22</v>
      </c>
      <c r="Q1640">
        <v>3.842606537234849</v>
      </c>
      <c r="R1640">
        <v>5.5032888631697174</v>
      </c>
      <c r="S1640">
        <v>4</v>
      </c>
      <c r="T1640">
        <v>1</v>
      </c>
      <c r="U1640">
        <v>3</v>
      </c>
      <c r="V1640">
        <v>0.18670977411143741</v>
      </c>
      <c r="W1640">
        <v>8.0840106105274074</v>
      </c>
      <c r="X1640">
        <v>2</v>
      </c>
      <c r="Y1640">
        <v>1</v>
      </c>
      <c r="Z1640">
        <v>1</v>
      </c>
      <c r="AA1640">
        <v>5.9496036321293889E-2</v>
      </c>
      <c r="AB1640">
        <v>8.1236779636979666</v>
      </c>
      <c r="AC1640">
        <v>2</v>
      </c>
      <c r="AD1640">
        <v>1</v>
      </c>
      <c r="AE1640">
        <v>1</v>
      </c>
      <c r="AF1640">
        <v>5.4320319251403917E-2</v>
      </c>
      <c r="AG1640">
        <v>8.124199601051961</v>
      </c>
      <c r="AH1640">
        <v>-1.6190267396216641E-2</v>
      </c>
      <c r="AI1640">
        <v>-4.5023094591216352E-3</v>
      </c>
      <c r="AJ1640">
        <v>5.5028715203754063E-3</v>
      </c>
      <c r="AK1640">
        <v>-1.9948112530570761E-2</v>
      </c>
      <c r="AL1640">
        <v>3941.1004059424608</v>
      </c>
      <c r="AM1640">
        <v>7655.9799888897423</v>
      </c>
      <c r="AN1640">
        <v>434906</v>
      </c>
      <c r="AO1640">
        <v>87.267254156114475</v>
      </c>
      <c r="AP1640">
        <v>3579.2248412610488</v>
      </c>
      <c r="AQ1640">
        <v>1.006780660377359</v>
      </c>
      <c r="AR1640">
        <v>4.0088443396226419</v>
      </c>
      <c r="AS1640">
        <v>3375</v>
      </c>
      <c r="AT1640">
        <v>285.28301886792451</v>
      </c>
      <c r="AU1640">
        <v>1.392087495375505E-2</v>
      </c>
      <c r="AV1640">
        <v>-1.6195063271930949E-2</v>
      </c>
      <c r="AW1640">
        <v>0.36851415094339618</v>
      </c>
      <c r="AX1640">
        <v>86.104688882335594</v>
      </c>
      <c r="AY1640">
        <v>64</v>
      </c>
      <c r="AZ1640">
        <v>128</v>
      </c>
      <c r="BA1640">
        <v>0.57419741373364397</v>
      </c>
      <c r="BB1640">
        <v>0.50265330188679247</v>
      </c>
      <c r="BC1640">
        <v>5.322156860059156</v>
      </c>
      <c r="BD1640" t="s">
        <v>6275</v>
      </c>
      <c r="BE1640" t="s">
        <v>62</v>
      </c>
    </row>
    <row r="1641" spans="1:57" x14ac:dyDescent="0.3">
      <c r="A1641" t="s">
        <v>6276</v>
      </c>
      <c r="B1641">
        <v>3272</v>
      </c>
      <c r="C1641" t="s">
        <v>6277</v>
      </c>
      <c r="D1641" t="s">
        <v>6278</v>
      </c>
      <c r="E1641" t="s">
        <v>10622</v>
      </c>
      <c r="F1641">
        <v>64</v>
      </c>
      <c r="G1641">
        <v>129.859375</v>
      </c>
      <c r="H1641">
        <v>132.5</v>
      </c>
      <c r="I1641">
        <v>4870.964599609375</v>
      </c>
      <c r="J1641">
        <v>69.792296133666326</v>
      </c>
      <c r="K1641">
        <v>-0.1900375142383218</v>
      </c>
      <c r="L1641">
        <v>-1.0586944485015719</v>
      </c>
      <c r="M1641">
        <v>5.706954882778696</v>
      </c>
      <c r="N1641">
        <v>3</v>
      </c>
      <c r="O1641">
        <v>1</v>
      </c>
      <c r="P1641">
        <v>2</v>
      </c>
      <c r="Q1641">
        <v>0.41620084153671261</v>
      </c>
      <c r="R1641">
        <v>3.9557596865808669</v>
      </c>
      <c r="S1641">
        <v>1</v>
      </c>
      <c r="T1641">
        <v>1</v>
      </c>
      <c r="U1641">
        <v>0</v>
      </c>
      <c r="V1641">
        <v>0</v>
      </c>
      <c r="W1641">
        <v>4.1431347263915326</v>
      </c>
      <c r="X1641">
        <v>1</v>
      </c>
      <c r="Y1641">
        <v>1</v>
      </c>
      <c r="Z1641">
        <v>0</v>
      </c>
      <c r="AA1641">
        <v>0</v>
      </c>
      <c r="AB1641">
        <v>4.1271343850450908</v>
      </c>
      <c r="AC1641">
        <v>1</v>
      </c>
      <c r="AD1641">
        <v>1</v>
      </c>
      <c r="AE1641">
        <v>0</v>
      </c>
      <c r="AF1641">
        <v>0</v>
      </c>
      <c r="AG1641">
        <v>4.1108738641733096</v>
      </c>
      <c r="AH1641">
        <v>0.1012565807491087</v>
      </c>
      <c r="AI1641">
        <v>-0.1836137060395196</v>
      </c>
      <c r="AJ1641">
        <v>3.8601397955819898E-2</v>
      </c>
      <c r="AK1641">
        <v>-0.1652071497008917</v>
      </c>
      <c r="AL1641">
        <v>607.3716749471007</v>
      </c>
      <c r="AM1641">
        <v>1010.9909240304549</v>
      </c>
      <c r="AN1641">
        <v>8311</v>
      </c>
      <c r="AO1641">
        <v>59.193137264274647</v>
      </c>
      <c r="AP1641">
        <v>517.86756489158051</v>
      </c>
      <c r="AQ1641">
        <v>1.359375</v>
      </c>
      <c r="AR1641">
        <v>4.203125</v>
      </c>
      <c r="AS1641">
        <v>63</v>
      </c>
      <c r="AT1641">
        <v>8.1875000000000018</v>
      </c>
      <c r="AU1641">
        <v>0.10382653061224489</v>
      </c>
      <c r="AV1641">
        <v>0.1022422295163547</v>
      </c>
      <c r="AW1641">
        <v>0.3125</v>
      </c>
      <c r="AX1641">
        <v>78.603174603174608</v>
      </c>
      <c r="AY1641">
        <v>53.5</v>
      </c>
      <c r="AZ1641">
        <v>110.25</v>
      </c>
      <c r="BA1641">
        <v>0.53744518740881297</v>
      </c>
      <c r="BB1641">
        <v>0.53125</v>
      </c>
      <c r="BC1641">
        <v>3.8790786576067919</v>
      </c>
      <c r="BD1641" t="s">
        <v>6279</v>
      </c>
      <c r="BE1641" t="s">
        <v>62</v>
      </c>
    </row>
    <row r="1642" spans="1:57" x14ac:dyDescent="0.3">
      <c r="A1642" t="s">
        <v>6280</v>
      </c>
      <c r="B1642">
        <v>1485</v>
      </c>
      <c r="C1642" t="s">
        <v>6281</v>
      </c>
      <c r="D1642" t="s">
        <v>6282</v>
      </c>
      <c r="E1642" t="s">
        <v>93</v>
      </c>
      <c r="F1642">
        <v>1493</v>
      </c>
      <c r="G1642">
        <v>127.2103148024112</v>
      </c>
      <c r="H1642">
        <v>128</v>
      </c>
      <c r="I1642">
        <v>5484.4795453128218</v>
      </c>
      <c r="J1642">
        <v>74.057272062322298</v>
      </c>
      <c r="K1642">
        <v>3.3033501917547288E-2</v>
      </c>
      <c r="L1642">
        <v>-1.191474717240095</v>
      </c>
      <c r="M1642">
        <v>7.8770768515339826</v>
      </c>
      <c r="N1642">
        <v>15</v>
      </c>
      <c r="O1642">
        <v>1</v>
      </c>
      <c r="P1642">
        <v>14</v>
      </c>
      <c r="Q1642">
        <v>2.344481524311782</v>
      </c>
      <c r="R1642">
        <v>5.459973610694786</v>
      </c>
      <c r="S1642">
        <v>2</v>
      </c>
      <c r="T1642">
        <v>1</v>
      </c>
      <c r="U1642">
        <v>1</v>
      </c>
      <c r="V1642">
        <v>8.9679243367767891E-2</v>
      </c>
      <c r="W1642">
        <v>7.2967229601648853</v>
      </c>
      <c r="X1642">
        <v>1</v>
      </c>
      <c r="Y1642">
        <v>1</v>
      </c>
      <c r="Z1642">
        <v>0</v>
      </c>
      <c r="AA1642">
        <v>0</v>
      </c>
      <c r="AB1642">
        <v>7.3072023147647363</v>
      </c>
      <c r="AC1642">
        <v>1</v>
      </c>
      <c r="AD1642">
        <v>1</v>
      </c>
      <c r="AE1642">
        <v>0</v>
      </c>
      <c r="AF1642">
        <v>0</v>
      </c>
      <c r="AG1642">
        <v>7.3065313989395051</v>
      </c>
      <c r="AH1642">
        <v>1.3545587715666879E-2</v>
      </c>
      <c r="AI1642">
        <v>8.393333206835666E-3</v>
      </c>
      <c r="AJ1642">
        <v>-5.7166396194536277E-2</v>
      </c>
      <c r="AK1642">
        <v>-1.104044820112977E-2</v>
      </c>
      <c r="AL1642">
        <v>2653.4359480609828</v>
      </c>
      <c r="AM1642">
        <v>5030.708167796829</v>
      </c>
      <c r="AN1642">
        <v>189925</v>
      </c>
      <c r="AO1642">
        <v>65.503292700196766</v>
      </c>
      <c r="AP1642">
        <v>2385.266501441472</v>
      </c>
      <c r="AQ1642">
        <v>1.0154052243804419</v>
      </c>
      <c r="AR1642">
        <v>4.0026791694574682</v>
      </c>
      <c r="AS1642">
        <v>1490</v>
      </c>
      <c r="AT1642">
        <v>239.3945077026122</v>
      </c>
      <c r="AU1642">
        <v>1.7559066493308632E-2</v>
      </c>
      <c r="AV1642">
        <v>1.3546793743496989E-2</v>
      </c>
      <c r="AW1642">
        <v>0.36905559276624239</v>
      </c>
      <c r="AX1642">
        <v>84.160187667560322</v>
      </c>
      <c r="AY1642">
        <v>64</v>
      </c>
      <c r="AZ1642">
        <v>128</v>
      </c>
      <c r="BA1642">
        <v>0.58216404996207549</v>
      </c>
      <c r="BB1642">
        <v>0.5016744809109176</v>
      </c>
      <c r="BC1642">
        <v>5.2564395415729814</v>
      </c>
      <c r="BD1642" t="s">
        <v>6283</v>
      </c>
      <c r="BE1642" t="s">
        <v>68</v>
      </c>
    </row>
    <row r="1643" spans="1:57" x14ac:dyDescent="0.3">
      <c r="A1643" t="s">
        <v>6284</v>
      </c>
      <c r="B1643">
        <v>149</v>
      </c>
      <c r="C1643" t="s">
        <v>6285</v>
      </c>
      <c r="D1643" t="s">
        <v>6286</v>
      </c>
      <c r="E1643" t="s">
        <v>60</v>
      </c>
      <c r="F1643">
        <v>256</v>
      </c>
      <c r="G1643">
        <v>123.83203125</v>
      </c>
      <c r="H1643">
        <v>126</v>
      </c>
      <c r="I1643">
        <v>5577.8897552490234</v>
      </c>
      <c r="J1643">
        <v>74.685271340800682</v>
      </c>
      <c r="K1643">
        <v>6.5726960303402332E-2</v>
      </c>
      <c r="L1643">
        <v>-1.1429860709106501</v>
      </c>
      <c r="M1643">
        <v>7.0775303361103026</v>
      </c>
      <c r="N1643">
        <v>5</v>
      </c>
      <c r="O1643">
        <v>1</v>
      </c>
      <c r="P1643">
        <v>4</v>
      </c>
      <c r="Q1643">
        <v>0.9203385826767051</v>
      </c>
      <c r="R1643">
        <v>4.9057701978023376</v>
      </c>
      <c r="S1643">
        <v>2</v>
      </c>
      <c r="T1643">
        <v>1</v>
      </c>
      <c r="U1643">
        <v>1</v>
      </c>
      <c r="V1643">
        <v>8.8558721353391615E-2</v>
      </c>
      <c r="W1643">
        <v>5.5303906482084653</v>
      </c>
      <c r="X1643">
        <v>1</v>
      </c>
      <c r="Y1643">
        <v>1</v>
      </c>
      <c r="Z1643">
        <v>0</v>
      </c>
      <c r="AA1643">
        <v>0</v>
      </c>
      <c r="AB1643">
        <v>5.5373342670185366</v>
      </c>
      <c r="AC1643">
        <v>1</v>
      </c>
      <c r="AD1643">
        <v>1</v>
      </c>
      <c r="AE1643">
        <v>0</v>
      </c>
      <c r="AF1643">
        <v>0</v>
      </c>
      <c r="AG1643">
        <v>5.5333894887275203</v>
      </c>
      <c r="AH1643">
        <v>6.3499419390899911E-2</v>
      </c>
      <c r="AI1643">
        <v>3.658974431832971E-3</v>
      </c>
      <c r="AJ1643">
        <v>5.6585702984127857E-2</v>
      </c>
      <c r="AK1643">
        <v>6.9038879622517951E-2</v>
      </c>
      <c r="AL1643">
        <v>1194.386227363585</v>
      </c>
      <c r="AM1643">
        <v>1981.661055752013</v>
      </c>
      <c r="AN1643">
        <v>31701</v>
      </c>
      <c r="AO1643">
        <v>168.93010370624049</v>
      </c>
      <c r="AP1643">
        <v>1007.494416857979</v>
      </c>
      <c r="AQ1643">
        <v>1.08984375</v>
      </c>
      <c r="AR1643">
        <v>4.03125</v>
      </c>
      <c r="AS1643">
        <v>255</v>
      </c>
      <c r="AT1643">
        <v>78.46875</v>
      </c>
      <c r="AU1643">
        <v>4.5367864173228363E-2</v>
      </c>
      <c r="AV1643">
        <v>6.357986240574226E-2</v>
      </c>
      <c r="AW1643">
        <v>0.34765625</v>
      </c>
      <c r="AX1643">
        <v>83.439215686274508</v>
      </c>
      <c r="AY1643">
        <v>62</v>
      </c>
      <c r="AZ1643">
        <v>124.5</v>
      </c>
      <c r="BA1643">
        <v>0.60311755033737025</v>
      </c>
      <c r="BB1643">
        <v>0.515625</v>
      </c>
      <c r="BC1643">
        <v>4.8367063043703489</v>
      </c>
      <c r="BD1643" t="s">
        <v>6287</v>
      </c>
      <c r="BE1643" t="s">
        <v>62</v>
      </c>
    </row>
    <row r="1644" spans="1:57" x14ac:dyDescent="0.3">
      <c r="A1644" t="s">
        <v>6288</v>
      </c>
      <c r="B1644">
        <v>1461</v>
      </c>
      <c r="C1644" t="s">
        <v>6289</v>
      </c>
      <c r="D1644" t="s">
        <v>6290</v>
      </c>
      <c r="E1644" t="s">
        <v>85</v>
      </c>
      <c r="F1644">
        <v>8</v>
      </c>
      <c r="G1644">
        <v>98.375</v>
      </c>
      <c r="H1644">
        <v>110</v>
      </c>
      <c r="I1644">
        <v>4583.234375</v>
      </c>
      <c r="J1644">
        <v>67.699589178960309</v>
      </c>
      <c r="K1644">
        <v>0.25733817805215298</v>
      </c>
      <c r="L1644">
        <v>-1.041292269105853</v>
      </c>
      <c r="M1644">
        <v>3</v>
      </c>
      <c r="N1644">
        <v>1</v>
      </c>
      <c r="O1644">
        <v>1</v>
      </c>
      <c r="P1644">
        <v>0</v>
      </c>
      <c r="Q1644">
        <v>0</v>
      </c>
      <c r="R1644">
        <v>2.0794415416798362</v>
      </c>
      <c r="S1644">
        <v>1</v>
      </c>
      <c r="T1644">
        <v>1</v>
      </c>
      <c r="U1644">
        <v>0</v>
      </c>
      <c r="V1644">
        <v>0</v>
      </c>
      <c r="W1644">
        <v>1.945910149055313</v>
      </c>
      <c r="X1644">
        <v>1</v>
      </c>
      <c r="Y1644">
        <v>1</v>
      </c>
      <c r="Z1644">
        <v>0</v>
      </c>
      <c r="AA1644">
        <v>0</v>
      </c>
      <c r="AB1644">
        <v>1.791759469228055</v>
      </c>
      <c r="AC1644">
        <v>1</v>
      </c>
      <c r="AD1644">
        <v>1</v>
      </c>
      <c r="AE1644">
        <v>0</v>
      </c>
      <c r="AF1644">
        <v>0</v>
      </c>
      <c r="AG1644">
        <v>1.6094379124341009</v>
      </c>
      <c r="AH1644">
        <v>-1.9811081148342971E-2</v>
      </c>
      <c r="AI1644">
        <v>-0.46109717141620099</v>
      </c>
      <c r="AJ1644">
        <v>0.20472842595465129</v>
      </c>
      <c r="AK1644">
        <v>0</v>
      </c>
      <c r="AL1644">
        <v>261.52855416824758</v>
      </c>
      <c r="AM1644">
        <v>213.75176105629151</v>
      </c>
      <c r="AN1644">
        <v>787</v>
      </c>
      <c r="AO1644">
        <v>96.760606723131048</v>
      </c>
      <c r="AP1644">
        <v>184.25933570536361</v>
      </c>
      <c r="AQ1644">
        <v>3.5</v>
      </c>
      <c r="AR1644">
        <v>4</v>
      </c>
      <c r="AS1644">
        <v>8</v>
      </c>
      <c r="AT1644">
        <v>0</v>
      </c>
      <c r="AU1644">
        <v>0.3247716894977169</v>
      </c>
      <c r="AV1644">
        <v>-3.7346105892491301E-3</v>
      </c>
      <c r="AW1644">
        <v>0.375</v>
      </c>
      <c r="AX1644">
        <v>76.714285714285708</v>
      </c>
      <c r="AY1644">
        <v>65.5</v>
      </c>
      <c r="AZ1644">
        <v>106.5</v>
      </c>
      <c r="BA1644">
        <v>0.68817879724483155</v>
      </c>
      <c r="BB1644">
        <v>0.625</v>
      </c>
      <c r="BC1644">
        <v>1.945910149055313</v>
      </c>
      <c r="BD1644" t="s">
        <v>6289</v>
      </c>
      <c r="BE1644" t="s">
        <v>68</v>
      </c>
    </row>
    <row r="1645" spans="1:57" x14ac:dyDescent="0.3">
      <c r="A1645" t="s">
        <v>6291</v>
      </c>
      <c r="B1645">
        <v>759</v>
      </c>
      <c r="C1645" t="s">
        <v>6292</v>
      </c>
      <c r="D1645" t="s">
        <v>6293</v>
      </c>
      <c r="E1645" t="s">
        <v>98</v>
      </c>
      <c r="F1645">
        <v>16</v>
      </c>
      <c r="G1645">
        <v>141.8125</v>
      </c>
      <c r="H1645">
        <v>152</v>
      </c>
      <c r="I1645">
        <v>4701.02734375</v>
      </c>
      <c r="J1645">
        <v>68.564038268978877</v>
      </c>
      <c r="K1645">
        <v>6.7767826478078677E-2</v>
      </c>
      <c r="L1645">
        <v>-1.360850253307168</v>
      </c>
      <c r="M1645">
        <v>4</v>
      </c>
      <c r="N1645">
        <v>1</v>
      </c>
      <c r="O1645">
        <v>1</v>
      </c>
      <c r="P1645">
        <v>0</v>
      </c>
      <c r="Q1645">
        <v>0</v>
      </c>
      <c r="R1645">
        <v>2.7725887222397811</v>
      </c>
      <c r="S1645">
        <v>1</v>
      </c>
      <c r="T1645">
        <v>1</v>
      </c>
      <c r="U1645">
        <v>0</v>
      </c>
      <c r="V1645">
        <v>0</v>
      </c>
      <c r="W1645">
        <v>2.7080502011022101</v>
      </c>
      <c r="X1645">
        <v>1</v>
      </c>
      <c r="Y1645">
        <v>1</v>
      </c>
      <c r="Z1645">
        <v>0</v>
      </c>
      <c r="AA1645">
        <v>0</v>
      </c>
      <c r="AB1645">
        <v>2.639057329615258</v>
      </c>
      <c r="AC1645">
        <v>1</v>
      </c>
      <c r="AD1645">
        <v>1</v>
      </c>
      <c r="AE1645">
        <v>0</v>
      </c>
      <c r="AF1645">
        <v>0</v>
      </c>
      <c r="AG1645">
        <v>2.5649493574615372</v>
      </c>
      <c r="AH1645">
        <v>-0.23602683464302601</v>
      </c>
      <c r="AI1645">
        <v>-0.1032770637734604</v>
      </c>
      <c r="AJ1645">
        <v>-9.5748529452089517E-2</v>
      </c>
      <c r="AK1645">
        <v>0.1808509069244339</v>
      </c>
      <c r="AL1645">
        <v>396.21190170788549</v>
      </c>
      <c r="AM1645">
        <v>489.90318323626042</v>
      </c>
      <c r="AN1645">
        <v>2269</v>
      </c>
      <c r="AO1645">
        <v>103</v>
      </c>
      <c r="AP1645">
        <v>315.31368105722288</v>
      </c>
      <c r="AQ1645">
        <v>2.3125</v>
      </c>
      <c r="AR1645">
        <v>4.125</v>
      </c>
      <c r="AS1645">
        <v>16</v>
      </c>
      <c r="AT1645">
        <v>0</v>
      </c>
      <c r="AU1645">
        <v>0.21407480314960631</v>
      </c>
      <c r="AV1645">
        <v>-0.2515955799805582</v>
      </c>
      <c r="AW1645">
        <v>0.4375</v>
      </c>
      <c r="AX1645">
        <v>94</v>
      </c>
      <c r="AY1645">
        <v>64</v>
      </c>
      <c r="AZ1645">
        <v>118.5</v>
      </c>
      <c r="BA1645">
        <v>0.48348374275172412</v>
      </c>
      <c r="BB1645">
        <v>0.5625</v>
      </c>
      <c r="BC1645">
        <v>2.523210952952891</v>
      </c>
      <c r="BD1645" t="s">
        <v>6292</v>
      </c>
      <c r="BE1645" t="s">
        <v>62</v>
      </c>
    </row>
    <row r="1646" spans="1:57" x14ac:dyDescent="0.3">
      <c r="A1646" t="s">
        <v>6294</v>
      </c>
      <c r="B1646">
        <v>1589</v>
      </c>
      <c r="C1646" t="s">
        <v>6295</v>
      </c>
      <c r="D1646" t="s">
        <v>6296</v>
      </c>
      <c r="E1646" t="s">
        <v>66</v>
      </c>
      <c r="F1646">
        <v>70</v>
      </c>
      <c r="G1646">
        <v>136.52857142857141</v>
      </c>
      <c r="H1646">
        <v>147.5</v>
      </c>
      <c r="I1646">
        <v>5318.106326530612</v>
      </c>
      <c r="J1646">
        <v>72.925347627081024</v>
      </c>
      <c r="K1646">
        <v>-0.26511728343099111</v>
      </c>
      <c r="L1646">
        <v>-1.2285877503920091</v>
      </c>
      <c r="M1646">
        <v>5.8042131954854934</v>
      </c>
      <c r="N1646">
        <v>3</v>
      </c>
      <c r="O1646">
        <v>1</v>
      </c>
      <c r="P1646">
        <v>2</v>
      </c>
      <c r="Q1646">
        <v>0.43078864498775721</v>
      </c>
      <c r="R1646">
        <v>4.0231740118195978</v>
      </c>
      <c r="S1646">
        <v>2</v>
      </c>
      <c r="T1646">
        <v>1</v>
      </c>
      <c r="U1646">
        <v>1</v>
      </c>
      <c r="V1646">
        <v>0.1203728348804772</v>
      </c>
      <c r="W1646">
        <v>4.2140152819723324</v>
      </c>
      <c r="X1646">
        <v>1</v>
      </c>
      <c r="Y1646">
        <v>1</v>
      </c>
      <c r="Z1646">
        <v>0</v>
      </c>
      <c r="AA1646">
        <v>0</v>
      </c>
      <c r="AB1646">
        <v>4.2195077051761087</v>
      </c>
      <c r="AC1646">
        <v>1</v>
      </c>
      <c r="AD1646">
        <v>1</v>
      </c>
      <c r="AE1646">
        <v>0</v>
      </c>
      <c r="AF1646">
        <v>0</v>
      </c>
      <c r="AG1646">
        <v>4.2046926193909648</v>
      </c>
      <c r="AH1646">
        <v>0.39543538774819942</v>
      </c>
      <c r="AI1646">
        <v>1.256342879277483E-2</v>
      </c>
      <c r="AJ1646">
        <v>3.5172954738865107E-2</v>
      </c>
      <c r="AK1646">
        <v>-0.25819488882161851</v>
      </c>
      <c r="AL1646">
        <v>648.53056933066648</v>
      </c>
      <c r="AM1646">
        <v>1120.9277856506369</v>
      </c>
      <c r="AN1646">
        <v>9557</v>
      </c>
      <c r="AO1646">
        <v>121</v>
      </c>
      <c r="AP1646">
        <v>401.36612364016622</v>
      </c>
      <c r="AQ1646">
        <v>1.328571428571429</v>
      </c>
      <c r="AR1646">
        <v>4.1428571428571432</v>
      </c>
      <c r="AS1646">
        <v>70</v>
      </c>
      <c r="AT1646">
        <v>9.2285714285714295</v>
      </c>
      <c r="AU1646">
        <v>0.1185601799775029</v>
      </c>
      <c r="AV1646">
        <v>0.40154361621377699</v>
      </c>
      <c r="AW1646">
        <v>0.31428571428571428</v>
      </c>
      <c r="AX1646">
        <v>65.20289855072464</v>
      </c>
      <c r="AY1646">
        <v>59.5</v>
      </c>
      <c r="AZ1646">
        <v>129</v>
      </c>
      <c r="BA1646">
        <v>0.53413982775930435</v>
      </c>
      <c r="BB1646">
        <v>0.54285714285714282</v>
      </c>
      <c r="BC1646">
        <v>3.9175715523606298</v>
      </c>
      <c r="BD1646" t="s">
        <v>6297</v>
      </c>
      <c r="BE1646" t="s">
        <v>68</v>
      </c>
    </row>
    <row r="1647" spans="1:57" x14ac:dyDescent="0.3">
      <c r="A1647" t="s">
        <v>6298</v>
      </c>
      <c r="B1647">
        <v>1821</v>
      </c>
      <c r="C1647" t="s">
        <v>6299</v>
      </c>
      <c r="D1647" t="s">
        <v>6300</v>
      </c>
      <c r="E1647" t="s">
        <v>85</v>
      </c>
      <c r="F1647">
        <v>8</v>
      </c>
      <c r="G1647">
        <v>124.25</v>
      </c>
      <c r="H1647">
        <v>88.5</v>
      </c>
      <c r="I1647">
        <v>7306.9375</v>
      </c>
      <c r="J1647">
        <v>85.480626460034784</v>
      </c>
      <c r="K1647">
        <v>0.3946488180970702</v>
      </c>
      <c r="L1647">
        <v>-1.6275586244445039</v>
      </c>
      <c r="M1647">
        <v>3</v>
      </c>
      <c r="N1647">
        <v>1</v>
      </c>
      <c r="O1647">
        <v>1</v>
      </c>
      <c r="P1647">
        <v>0</v>
      </c>
      <c r="Q1647">
        <v>0</v>
      </c>
      <c r="R1647">
        <v>2.0794415416798362</v>
      </c>
      <c r="S1647">
        <v>1</v>
      </c>
      <c r="T1647">
        <v>1</v>
      </c>
      <c r="U1647">
        <v>0</v>
      </c>
      <c r="V1647">
        <v>0</v>
      </c>
      <c r="W1647">
        <v>1.945910149055313</v>
      </c>
      <c r="X1647">
        <v>1</v>
      </c>
      <c r="Y1647">
        <v>1</v>
      </c>
      <c r="Z1647">
        <v>0</v>
      </c>
      <c r="AA1647">
        <v>0</v>
      </c>
      <c r="AB1647">
        <v>1.791759469228055</v>
      </c>
      <c r="AC1647">
        <v>1</v>
      </c>
      <c r="AD1647">
        <v>1</v>
      </c>
      <c r="AE1647">
        <v>0</v>
      </c>
      <c r="AF1647">
        <v>0</v>
      </c>
      <c r="AG1647">
        <v>1.6094379124341009</v>
      </c>
      <c r="AH1647">
        <v>-0.35707183241953278</v>
      </c>
      <c r="AI1647">
        <v>6.5669611927021412E-3</v>
      </c>
      <c r="AJ1647">
        <v>0.30632596590568889</v>
      </c>
      <c r="AK1647">
        <v>0</v>
      </c>
      <c r="AL1647">
        <v>327.70670628010168</v>
      </c>
      <c r="AM1647">
        <v>273.07199537676348</v>
      </c>
      <c r="AN1647">
        <v>994</v>
      </c>
      <c r="AO1647">
        <v>101.9465193527126</v>
      </c>
      <c r="AP1647">
        <v>215.85643377022609</v>
      </c>
      <c r="AQ1647">
        <v>3.5</v>
      </c>
      <c r="AR1647">
        <v>4.125</v>
      </c>
      <c r="AS1647">
        <v>8</v>
      </c>
      <c r="AT1647">
        <v>0</v>
      </c>
      <c r="AU1647">
        <v>0.34677419354838712</v>
      </c>
      <c r="AV1647">
        <v>-0.4157295486731945</v>
      </c>
      <c r="AW1647">
        <v>0.625</v>
      </c>
      <c r="AX1647">
        <v>125.8571428571429</v>
      </c>
      <c r="AY1647">
        <v>49.5</v>
      </c>
      <c r="AZ1647">
        <v>169.5</v>
      </c>
      <c r="BA1647">
        <v>0.68797284877291576</v>
      </c>
      <c r="BB1647">
        <v>0.375</v>
      </c>
      <c r="BC1647">
        <v>1.945910149055313</v>
      </c>
      <c r="BD1647" t="s">
        <v>6299</v>
      </c>
      <c r="BE1647" t="s">
        <v>68</v>
      </c>
    </row>
    <row r="1648" spans="1:57" x14ac:dyDescent="0.3">
      <c r="A1648" t="s">
        <v>6301</v>
      </c>
      <c r="B1648">
        <v>3400</v>
      </c>
      <c r="C1648" t="s">
        <v>6302</v>
      </c>
      <c r="D1648" t="s">
        <v>6303</v>
      </c>
      <c r="E1648" t="s">
        <v>98</v>
      </c>
      <c r="F1648">
        <v>16</v>
      </c>
      <c r="G1648">
        <v>137.25</v>
      </c>
      <c r="H1648">
        <v>146.5</v>
      </c>
      <c r="I1648">
        <v>7131.0625</v>
      </c>
      <c r="J1648">
        <v>84.445618595638223</v>
      </c>
      <c r="K1648">
        <v>-0.2126757400786832</v>
      </c>
      <c r="L1648">
        <v>-1.529074746525205</v>
      </c>
      <c r="M1648">
        <v>3.875</v>
      </c>
      <c r="N1648">
        <v>2</v>
      </c>
      <c r="O1648">
        <v>1</v>
      </c>
      <c r="P1648">
        <v>1</v>
      </c>
      <c r="Q1648">
        <v>0.24944382578492949</v>
      </c>
      <c r="R1648">
        <v>2.6859453246697882</v>
      </c>
      <c r="S1648">
        <v>1</v>
      </c>
      <c r="T1648">
        <v>1</v>
      </c>
      <c r="U1648">
        <v>0</v>
      </c>
      <c r="V1648">
        <v>0</v>
      </c>
      <c r="W1648">
        <v>2.7080502011022101</v>
      </c>
      <c r="X1648">
        <v>1</v>
      </c>
      <c r="Y1648">
        <v>1</v>
      </c>
      <c r="Z1648">
        <v>0</v>
      </c>
      <c r="AA1648">
        <v>0</v>
      </c>
      <c r="AB1648">
        <v>2.639057329615258</v>
      </c>
      <c r="AC1648">
        <v>1</v>
      </c>
      <c r="AD1648">
        <v>1</v>
      </c>
      <c r="AE1648">
        <v>0</v>
      </c>
      <c r="AF1648">
        <v>0</v>
      </c>
      <c r="AG1648">
        <v>2.5649493574615372</v>
      </c>
      <c r="AH1648">
        <v>4.3002335731877263E-2</v>
      </c>
      <c r="AI1648">
        <v>0.20909292093569509</v>
      </c>
      <c r="AJ1648">
        <v>-0.39460557683374681</v>
      </c>
      <c r="AK1648">
        <v>9.9115226517787498E-3</v>
      </c>
      <c r="AL1648">
        <v>418.73599586044958</v>
      </c>
      <c r="AM1648">
        <v>490.05934923308769</v>
      </c>
      <c r="AN1648">
        <v>2196</v>
      </c>
      <c r="AO1648">
        <v>127.87325822932129</v>
      </c>
      <c r="AP1648">
        <v>258.29066611513548</v>
      </c>
      <c r="AQ1648">
        <v>2.3125</v>
      </c>
      <c r="AR1648">
        <v>4.3125</v>
      </c>
      <c r="AS1648">
        <v>16</v>
      </c>
      <c r="AT1648">
        <v>0.87499999999999989</v>
      </c>
      <c r="AU1648">
        <v>0.2201305220883534</v>
      </c>
      <c r="AV1648">
        <v>4.5940641350095512E-2</v>
      </c>
      <c r="AW1648">
        <v>0.25</v>
      </c>
      <c r="AX1648">
        <v>97.066666666666663</v>
      </c>
      <c r="AY1648">
        <v>81.5</v>
      </c>
      <c r="AZ1648">
        <v>181.5</v>
      </c>
      <c r="BA1648">
        <v>0.61526862364763735</v>
      </c>
      <c r="BB1648">
        <v>0.5</v>
      </c>
      <c r="BC1648">
        <v>2.615630577027551</v>
      </c>
      <c r="BD1648" t="s">
        <v>6302</v>
      </c>
      <c r="BE1648" t="s">
        <v>62</v>
      </c>
    </row>
    <row r="1649" spans="1:57" x14ac:dyDescent="0.3">
      <c r="A1649" t="s">
        <v>6304</v>
      </c>
      <c r="B1649">
        <v>133</v>
      </c>
      <c r="C1649" t="s">
        <v>6305</v>
      </c>
      <c r="D1649" t="s">
        <v>6306</v>
      </c>
      <c r="E1649" t="s">
        <v>60</v>
      </c>
      <c r="F1649">
        <v>512</v>
      </c>
      <c r="G1649">
        <v>127.51171875</v>
      </c>
      <c r="H1649">
        <v>126.5</v>
      </c>
      <c r="I1649">
        <v>5648.1483001708984</v>
      </c>
      <c r="J1649">
        <v>75.154163558454286</v>
      </c>
      <c r="K1649">
        <v>1.8009929372781092E-2</v>
      </c>
      <c r="L1649">
        <v>-1.2049074485685149</v>
      </c>
      <c r="M1649">
        <v>7.5941608038310067</v>
      </c>
      <c r="N1649">
        <v>9</v>
      </c>
      <c r="O1649">
        <v>1</v>
      </c>
      <c r="P1649">
        <v>8</v>
      </c>
      <c r="Q1649">
        <v>1.3404377776176331</v>
      </c>
      <c r="R1649">
        <v>5.2638711498943076</v>
      </c>
      <c r="S1649">
        <v>2</v>
      </c>
      <c r="T1649">
        <v>1</v>
      </c>
      <c r="U1649">
        <v>1</v>
      </c>
      <c r="V1649">
        <v>6.2560641760670568E-2</v>
      </c>
      <c r="W1649">
        <v>6.2309437805711401</v>
      </c>
      <c r="X1649">
        <v>1</v>
      </c>
      <c r="Y1649">
        <v>1</v>
      </c>
      <c r="Z1649">
        <v>0</v>
      </c>
      <c r="AA1649">
        <v>0</v>
      </c>
      <c r="AB1649">
        <v>6.2344107257183694</v>
      </c>
      <c r="AC1649">
        <v>1</v>
      </c>
      <c r="AD1649">
        <v>1</v>
      </c>
      <c r="AE1649">
        <v>0</v>
      </c>
      <c r="AF1649">
        <v>0</v>
      </c>
      <c r="AG1649">
        <v>6.2324480165505216</v>
      </c>
      <c r="AH1649">
        <v>3.479057045810815E-3</v>
      </c>
      <c r="AI1649">
        <v>-1.9603426691363921E-2</v>
      </c>
      <c r="AJ1649">
        <v>1.371598340017386E-2</v>
      </c>
      <c r="AK1649">
        <v>1.705131747557612E-2</v>
      </c>
      <c r="AL1649">
        <v>1632.95106666327</v>
      </c>
      <c r="AM1649">
        <v>2924.0473344122338</v>
      </c>
      <c r="AN1649">
        <v>65286</v>
      </c>
      <c r="AO1649">
        <v>15.289637166967269</v>
      </c>
      <c r="AP1649">
        <v>1331.893719511052</v>
      </c>
      <c r="AQ1649">
        <v>1.044921875</v>
      </c>
      <c r="AR1649">
        <v>4.060546875</v>
      </c>
      <c r="AS1649">
        <v>510</v>
      </c>
      <c r="AT1649">
        <v>179.2421875</v>
      </c>
      <c r="AU1649">
        <v>3.8262795275590511E-2</v>
      </c>
      <c r="AV1649">
        <v>3.4935851725652061E-3</v>
      </c>
      <c r="AW1649">
        <v>0.36328125</v>
      </c>
      <c r="AX1649">
        <v>86.771037181996093</v>
      </c>
      <c r="AY1649">
        <v>64.5</v>
      </c>
      <c r="AZ1649">
        <v>129</v>
      </c>
      <c r="BA1649">
        <v>0.5893902481684985</v>
      </c>
      <c r="BB1649">
        <v>0.4921875</v>
      </c>
      <c r="BC1649">
        <v>5.1007839941678874</v>
      </c>
      <c r="BD1649" t="s">
        <v>6307</v>
      </c>
      <c r="BE1649" t="s">
        <v>62</v>
      </c>
    </row>
    <row r="1650" spans="1:57" x14ac:dyDescent="0.3">
      <c r="A1650" t="s">
        <v>6308</v>
      </c>
      <c r="B1650">
        <v>1937</v>
      </c>
      <c r="C1650" t="s">
        <v>6309</v>
      </c>
      <c r="D1650" t="s">
        <v>6310</v>
      </c>
      <c r="E1650" t="s">
        <v>128</v>
      </c>
      <c r="F1650">
        <v>32</v>
      </c>
      <c r="G1650">
        <v>105.9375</v>
      </c>
      <c r="H1650">
        <v>99</v>
      </c>
      <c r="I1650">
        <v>5711.18359375</v>
      </c>
      <c r="J1650">
        <v>75.572373217664662</v>
      </c>
      <c r="K1650">
        <v>0.37677785382040402</v>
      </c>
      <c r="L1650">
        <v>-0.96332604889786078</v>
      </c>
      <c r="M1650">
        <v>4.9375</v>
      </c>
      <c r="N1650">
        <v>2</v>
      </c>
      <c r="O1650">
        <v>1</v>
      </c>
      <c r="P1650">
        <v>1</v>
      </c>
      <c r="Q1650">
        <v>0.17668469596940839</v>
      </c>
      <c r="R1650">
        <v>3.422414204014729</v>
      </c>
      <c r="S1650">
        <v>1</v>
      </c>
      <c r="T1650">
        <v>1</v>
      </c>
      <c r="U1650">
        <v>0</v>
      </c>
      <c r="V1650">
        <v>0</v>
      </c>
      <c r="W1650">
        <v>3.4339872044851458</v>
      </c>
      <c r="X1650">
        <v>1</v>
      </c>
      <c r="Y1650">
        <v>1</v>
      </c>
      <c r="Z1650">
        <v>0</v>
      </c>
      <c r="AA1650">
        <v>0</v>
      </c>
      <c r="AB1650">
        <v>3.401197381662155</v>
      </c>
      <c r="AC1650">
        <v>1</v>
      </c>
      <c r="AD1650">
        <v>1</v>
      </c>
      <c r="AE1650">
        <v>0</v>
      </c>
      <c r="AF1650">
        <v>0</v>
      </c>
      <c r="AG1650">
        <v>3.3672958299864728</v>
      </c>
      <c r="AH1650">
        <v>-5.905375657546905E-3</v>
      </c>
      <c r="AI1650">
        <v>7.6258256313168444E-3</v>
      </c>
      <c r="AJ1650">
        <v>5.3437740883942757E-2</v>
      </c>
      <c r="AK1650">
        <v>5.6766491936393992E-2</v>
      </c>
      <c r="AL1650">
        <v>506.23951186760331</v>
      </c>
      <c r="AM1650">
        <v>534.42263857741921</v>
      </c>
      <c r="AN1650">
        <v>3390</v>
      </c>
      <c r="AO1650">
        <v>72</v>
      </c>
      <c r="AP1650">
        <v>431.48564015966713</v>
      </c>
      <c r="AQ1650">
        <v>1.65625</v>
      </c>
      <c r="AR1650">
        <v>3.375</v>
      </c>
      <c r="AS1650">
        <v>32</v>
      </c>
      <c r="AT1650">
        <v>0.93749999999999978</v>
      </c>
      <c r="AU1650">
        <v>0.15725</v>
      </c>
      <c r="AV1650">
        <v>-6.1041490461710476E-3</v>
      </c>
      <c r="AW1650">
        <v>0.4375</v>
      </c>
      <c r="AX1650">
        <v>84.258064516129039</v>
      </c>
      <c r="AY1650">
        <v>56</v>
      </c>
      <c r="AZ1650">
        <v>110.5</v>
      </c>
      <c r="BA1650">
        <v>0.71336753479801451</v>
      </c>
      <c r="BB1650">
        <v>0.46875</v>
      </c>
      <c r="BC1650">
        <v>3.2551105127277409</v>
      </c>
      <c r="BD1650" t="s">
        <v>6311</v>
      </c>
      <c r="BE1650" t="s">
        <v>62</v>
      </c>
    </row>
    <row r="1651" spans="1:57" x14ac:dyDescent="0.3">
      <c r="A1651" t="s">
        <v>6312</v>
      </c>
      <c r="B1651">
        <v>1433</v>
      </c>
      <c r="C1651" t="s">
        <v>6313</v>
      </c>
      <c r="D1651" t="s">
        <v>6314</v>
      </c>
      <c r="E1651" t="s">
        <v>115</v>
      </c>
      <c r="F1651">
        <v>1517</v>
      </c>
      <c r="G1651">
        <v>127.28081740276861</v>
      </c>
      <c r="H1651">
        <v>128</v>
      </c>
      <c r="I1651">
        <v>5559.711517327898</v>
      </c>
      <c r="J1651">
        <v>74.563473077156871</v>
      </c>
      <c r="K1651">
        <v>2.0900547936873601E-2</v>
      </c>
      <c r="L1651">
        <v>-1.2044919340122879</v>
      </c>
      <c r="M1651">
        <v>7.8710135952353211</v>
      </c>
      <c r="N1651">
        <v>14</v>
      </c>
      <c r="O1651">
        <v>1</v>
      </c>
      <c r="P1651">
        <v>13</v>
      </c>
      <c r="Q1651">
        <v>2.398167842837112</v>
      </c>
      <c r="R1651">
        <v>5.4557708816863677</v>
      </c>
      <c r="S1651">
        <v>2</v>
      </c>
      <c r="T1651">
        <v>1</v>
      </c>
      <c r="U1651">
        <v>1</v>
      </c>
      <c r="V1651">
        <v>0.1027272548493772</v>
      </c>
      <c r="W1651">
        <v>7.3091994911509204</v>
      </c>
      <c r="X1651">
        <v>1</v>
      </c>
      <c r="Y1651">
        <v>1</v>
      </c>
      <c r="Z1651">
        <v>0</v>
      </c>
      <c r="AA1651">
        <v>0</v>
      </c>
      <c r="AB1651">
        <v>7.3231707179434711</v>
      </c>
      <c r="AC1651">
        <v>1</v>
      </c>
      <c r="AD1651">
        <v>1</v>
      </c>
      <c r="AE1651">
        <v>0</v>
      </c>
      <c r="AF1651">
        <v>0</v>
      </c>
      <c r="AG1651">
        <v>7.3225104339973921</v>
      </c>
      <c r="AH1651">
        <v>-3.2834156591096043E-2</v>
      </c>
      <c r="AI1651">
        <v>-8.4129027606440858E-3</v>
      </c>
      <c r="AJ1651">
        <v>5.6794694975202183E-2</v>
      </c>
      <c r="AK1651">
        <v>1.837254323122289E-2</v>
      </c>
      <c r="AL1651">
        <v>2724.755920643704</v>
      </c>
      <c r="AM1651">
        <v>5058.2412133979024</v>
      </c>
      <c r="AN1651">
        <v>193085</v>
      </c>
      <c r="AO1651">
        <v>176.27041569964001</v>
      </c>
      <c r="AP1651">
        <v>2518.4638500934011</v>
      </c>
      <c r="AQ1651">
        <v>1.015161502966381</v>
      </c>
      <c r="AR1651">
        <v>3.992089650626236</v>
      </c>
      <c r="AS1651">
        <v>1510</v>
      </c>
      <c r="AT1651">
        <v>244.59129861568891</v>
      </c>
      <c r="AU1651">
        <v>1.906756110486385E-2</v>
      </c>
      <c r="AV1651">
        <v>-3.2843630861702548E-2</v>
      </c>
      <c r="AW1651">
        <v>0.3724456163480554</v>
      </c>
      <c r="AX1651">
        <v>88.013192612137203</v>
      </c>
      <c r="AY1651">
        <v>65</v>
      </c>
      <c r="AZ1651">
        <v>130</v>
      </c>
      <c r="BA1651">
        <v>0.58581862215110947</v>
      </c>
      <c r="BB1651">
        <v>0.50164798945286748</v>
      </c>
      <c r="BC1651">
        <v>5.2935717596434673</v>
      </c>
      <c r="BD1651" t="s">
        <v>6315</v>
      </c>
      <c r="BE1651" t="s">
        <v>68</v>
      </c>
    </row>
    <row r="1652" spans="1:57" x14ac:dyDescent="0.3">
      <c r="A1652" t="s">
        <v>6316</v>
      </c>
      <c r="B1652">
        <v>1897</v>
      </c>
      <c r="C1652" t="s">
        <v>6317</v>
      </c>
      <c r="D1652" t="s">
        <v>6318</v>
      </c>
      <c r="E1652" t="s">
        <v>106</v>
      </c>
      <c r="F1652">
        <v>1951</v>
      </c>
      <c r="G1652">
        <v>128.07739620707329</v>
      </c>
      <c r="H1652">
        <v>129</v>
      </c>
      <c r="I1652">
        <v>5464.7725849168282</v>
      </c>
      <c r="J1652">
        <v>73.924100163051207</v>
      </c>
      <c r="K1652">
        <v>-2.0778455434891312E-2</v>
      </c>
      <c r="L1652">
        <v>-1.2045189663371849</v>
      </c>
      <c r="M1652">
        <v>7.9149025342222901</v>
      </c>
      <c r="N1652">
        <v>16</v>
      </c>
      <c r="O1652">
        <v>1</v>
      </c>
      <c r="P1652">
        <v>15</v>
      </c>
      <c r="Q1652">
        <v>2.5634495906319161</v>
      </c>
      <c r="R1652">
        <v>5.4861923760029461</v>
      </c>
      <c r="S1652">
        <v>2</v>
      </c>
      <c r="T1652">
        <v>1</v>
      </c>
      <c r="U1652">
        <v>1</v>
      </c>
      <c r="V1652">
        <v>0.1198162215067301</v>
      </c>
      <c r="W1652">
        <v>7.5556788863724789</v>
      </c>
      <c r="X1652">
        <v>2</v>
      </c>
      <c r="Y1652">
        <v>1</v>
      </c>
      <c r="Z1652">
        <v>1</v>
      </c>
      <c r="AA1652">
        <v>2.265134648142731E-2</v>
      </c>
      <c r="AB1652">
        <v>7.574360414560859</v>
      </c>
      <c r="AC1652">
        <v>1</v>
      </c>
      <c r="AD1652">
        <v>1</v>
      </c>
      <c r="AE1652">
        <v>0</v>
      </c>
      <c r="AF1652">
        <v>0</v>
      </c>
      <c r="AG1652">
        <v>7.5745584842024796</v>
      </c>
      <c r="AH1652">
        <v>-4.4482263083446818E-3</v>
      </c>
      <c r="AI1652">
        <v>-2.243173943850834E-2</v>
      </c>
      <c r="AJ1652">
        <v>2.771043237397534E-2</v>
      </c>
      <c r="AK1652">
        <v>4.0011670184123188E-2</v>
      </c>
      <c r="AL1652">
        <v>3024.060078278756</v>
      </c>
      <c r="AM1652">
        <v>5789.7049702865434</v>
      </c>
      <c r="AN1652">
        <v>249879.00000000009</v>
      </c>
      <c r="AO1652">
        <v>110.5717029995612</v>
      </c>
      <c r="AP1652">
        <v>2703.1552713612718</v>
      </c>
      <c r="AQ1652">
        <v>1.011788826242952</v>
      </c>
      <c r="AR1652">
        <v>3.9871860584315741</v>
      </c>
      <c r="AS1652">
        <v>1941</v>
      </c>
      <c r="AT1652">
        <v>220.7355202460277</v>
      </c>
      <c r="AU1652">
        <v>1.4126491191043309E-2</v>
      </c>
      <c r="AV1652">
        <v>-4.4490238494039186E-3</v>
      </c>
      <c r="AW1652">
        <v>0.36442849820604822</v>
      </c>
      <c r="AX1652">
        <v>85.350256410256407</v>
      </c>
      <c r="AY1652">
        <v>64</v>
      </c>
      <c r="AZ1652">
        <v>128</v>
      </c>
      <c r="BA1652">
        <v>0.57718303426103401</v>
      </c>
      <c r="BB1652">
        <v>0.5012813941568427</v>
      </c>
      <c r="BC1652">
        <v>5.2938372595058496</v>
      </c>
      <c r="BD1652" t="s">
        <v>6319</v>
      </c>
      <c r="BE1652" t="s">
        <v>68</v>
      </c>
    </row>
    <row r="1653" spans="1:57" x14ac:dyDescent="0.3">
      <c r="A1653" t="s">
        <v>6320</v>
      </c>
      <c r="B1653">
        <v>580</v>
      </c>
      <c r="C1653" t="s">
        <v>6321</v>
      </c>
      <c r="D1653" t="s">
        <v>6322</v>
      </c>
      <c r="E1653" t="s">
        <v>85</v>
      </c>
      <c r="F1653">
        <v>8</v>
      </c>
      <c r="G1653">
        <v>174.875</v>
      </c>
      <c r="H1653">
        <v>175.5</v>
      </c>
      <c r="I1653">
        <v>2111.859375</v>
      </c>
      <c r="J1653">
        <v>45.954971167437371</v>
      </c>
      <c r="K1653">
        <v>-0.28472232299312811</v>
      </c>
      <c r="L1653">
        <v>-0.46485451071977568</v>
      </c>
      <c r="M1653">
        <v>3</v>
      </c>
      <c r="N1653">
        <v>1</v>
      </c>
      <c r="O1653">
        <v>1</v>
      </c>
      <c r="P1653">
        <v>0</v>
      </c>
      <c r="Q1653">
        <v>0</v>
      </c>
      <c r="R1653">
        <v>2.0794415416798362</v>
      </c>
      <c r="S1653">
        <v>1</v>
      </c>
      <c r="T1653">
        <v>1</v>
      </c>
      <c r="U1653">
        <v>0</v>
      </c>
      <c r="V1653">
        <v>0</v>
      </c>
      <c r="W1653">
        <v>1.945910149055313</v>
      </c>
      <c r="X1653">
        <v>1</v>
      </c>
      <c r="Y1653">
        <v>1</v>
      </c>
      <c r="Z1653">
        <v>0</v>
      </c>
      <c r="AA1653">
        <v>0</v>
      </c>
      <c r="AB1653">
        <v>1.791759469228055</v>
      </c>
      <c r="AC1653">
        <v>1</v>
      </c>
      <c r="AD1653">
        <v>1</v>
      </c>
      <c r="AE1653">
        <v>0</v>
      </c>
      <c r="AF1653">
        <v>0</v>
      </c>
      <c r="AG1653">
        <v>1.6094379124341009</v>
      </c>
      <c r="AH1653">
        <v>-0.48161147241397168</v>
      </c>
      <c r="AI1653">
        <v>0.1592698229492672</v>
      </c>
      <c r="AJ1653">
        <v>0.20999988901959921</v>
      </c>
      <c r="AK1653">
        <v>0</v>
      </c>
      <c r="AL1653">
        <v>287.97228269863382</v>
      </c>
      <c r="AM1653">
        <v>422.63100264573359</v>
      </c>
      <c r="AN1653">
        <v>1399</v>
      </c>
      <c r="AO1653">
        <v>66.866838188766692</v>
      </c>
      <c r="AP1653">
        <v>123.98790263570071</v>
      </c>
      <c r="AQ1653">
        <v>3.5</v>
      </c>
      <c r="AR1653">
        <v>4.25</v>
      </c>
      <c r="AS1653">
        <v>8</v>
      </c>
      <c r="AT1653">
        <v>0</v>
      </c>
      <c r="AU1653">
        <v>0.36065573770491799</v>
      </c>
      <c r="AV1653">
        <v>-0.53740911120250223</v>
      </c>
      <c r="AW1653">
        <v>0.125</v>
      </c>
      <c r="AX1653">
        <v>65.285714285714292</v>
      </c>
      <c r="AY1653">
        <v>24.5</v>
      </c>
      <c r="AZ1653">
        <v>38</v>
      </c>
      <c r="BA1653">
        <v>0.26278754062866261</v>
      </c>
      <c r="BB1653">
        <v>0.5</v>
      </c>
      <c r="BC1653">
        <v>1.945910149055313</v>
      </c>
      <c r="BD1653" t="s">
        <v>6321</v>
      </c>
      <c r="BE1653" t="s">
        <v>68</v>
      </c>
    </row>
    <row r="1654" spans="1:57" x14ac:dyDescent="0.3">
      <c r="A1654" t="s">
        <v>6323</v>
      </c>
      <c r="B1654">
        <v>901</v>
      </c>
      <c r="C1654" t="s">
        <v>6324</v>
      </c>
      <c r="D1654" t="s">
        <v>6325</v>
      </c>
      <c r="E1654" t="s">
        <v>115</v>
      </c>
      <c r="F1654">
        <v>928</v>
      </c>
      <c r="G1654">
        <v>125.4762931034483</v>
      </c>
      <c r="H1654">
        <v>122.5</v>
      </c>
      <c r="I1654">
        <v>5623.5468517761592</v>
      </c>
      <c r="J1654">
        <v>74.990311719422522</v>
      </c>
      <c r="K1654">
        <v>5.8063710866576197E-2</v>
      </c>
      <c r="L1654">
        <v>-1.233483416689352</v>
      </c>
      <c r="M1654">
        <v>7.7966914533486236</v>
      </c>
      <c r="N1654">
        <v>9</v>
      </c>
      <c r="O1654">
        <v>1</v>
      </c>
      <c r="P1654">
        <v>8</v>
      </c>
      <c r="Q1654">
        <v>1.6738690302919239</v>
      </c>
      <c r="R1654">
        <v>5.4042546985844204</v>
      </c>
      <c r="S1654">
        <v>2</v>
      </c>
      <c r="T1654">
        <v>1</v>
      </c>
      <c r="U1654">
        <v>1</v>
      </c>
      <c r="V1654">
        <v>5.688771255823126E-2</v>
      </c>
      <c r="W1654">
        <v>6.8274671760476657</v>
      </c>
      <c r="X1654">
        <v>1</v>
      </c>
      <c r="Y1654">
        <v>1</v>
      </c>
      <c r="Z1654">
        <v>0</v>
      </c>
      <c r="AA1654">
        <v>0</v>
      </c>
      <c r="AB1654">
        <v>6.8308742346461777</v>
      </c>
      <c r="AC1654">
        <v>1</v>
      </c>
      <c r="AD1654">
        <v>1</v>
      </c>
      <c r="AE1654">
        <v>0</v>
      </c>
      <c r="AF1654">
        <v>0</v>
      </c>
      <c r="AG1654">
        <v>6.8297937375124249</v>
      </c>
      <c r="AH1654">
        <v>-1.280524288236588E-2</v>
      </c>
      <c r="AI1654">
        <v>-1.03781569063046E-2</v>
      </c>
      <c r="AJ1654">
        <v>9.564858535644755E-3</v>
      </c>
      <c r="AK1654">
        <v>1.010950383568025E-2</v>
      </c>
      <c r="AL1654">
        <v>2161.4861007578788</v>
      </c>
      <c r="AM1654">
        <v>3893.2428432131619</v>
      </c>
      <c r="AN1654">
        <v>116442</v>
      </c>
      <c r="AO1654">
        <v>78.333634660967164</v>
      </c>
      <c r="AP1654">
        <v>1901.3807847618141</v>
      </c>
      <c r="AQ1654">
        <v>1.024784482758621</v>
      </c>
      <c r="AR1654">
        <v>3.9806034482758621</v>
      </c>
      <c r="AS1654">
        <v>921</v>
      </c>
      <c r="AT1654">
        <v>182.71120689655169</v>
      </c>
      <c r="AU1654">
        <v>3.1089418526031091E-2</v>
      </c>
      <c r="AV1654">
        <v>-1.2826049087803231E-2</v>
      </c>
      <c r="AW1654">
        <v>0.39224137931034481</v>
      </c>
      <c r="AX1654">
        <v>87.509169363538291</v>
      </c>
      <c r="AY1654">
        <v>67.5</v>
      </c>
      <c r="AZ1654">
        <v>136</v>
      </c>
      <c r="BA1654">
        <v>0.59764525923312983</v>
      </c>
      <c r="BB1654">
        <v>0.48922413793103448</v>
      </c>
      <c r="BC1654">
        <v>5.2344054749277138</v>
      </c>
      <c r="BD1654" t="s">
        <v>6326</v>
      </c>
      <c r="BE1654" t="s">
        <v>62</v>
      </c>
    </row>
    <row r="1655" spans="1:57" x14ac:dyDescent="0.3">
      <c r="A1655" t="s">
        <v>6327</v>
      </c>
      <c r="B1655">
        <v>1517</v>
      </c>
      <c r="C1655" t="s">
        <v>6328</v>
      </c>
      <c r="D1655" t="s">
        <v>6329</v>
      </c>
      <c r="E1655" t="s">
        <v>98</v>
      </c>
      <c r="F1655">
        <v>16</v>
      </c>
      <c r="G1655">
        <v>123.5625</v>
      </c>
      <c r="H1655">
        <v>130</v>
      </c>
      <c r="I1655">
        <v>4574.37109375</v>
      </c>
      <c r="J1655">
        <v>67.634097123788081</v>
      </c>
      <c r="K1655">
        <v>-0.1735160370285341</v>
      </c>
      <c r="L1655">
        <v>-1.123662597850084</v>
      </c>
      <c r="M1655">
        <v>4</v>
      </c>
      <c r="N1655">
        <v>1</v>
      </c>
      <c r="O1655">
        <v>1</v>
      </c>
      <c r="P1655">
        <v>0</v>
      </c>
      <c r="Q1655">
        <v>0</v>
      </c>
      <c r="R1655">
        <v>2.7725887222397811</v>
      </c>
      <c r="S1655">
        <v>1</v>
      </c>
      <c r="T1655">
        <v>1</v>
      </c>
      <c r="U1655">
        <v>0</v>
      </c>
      <c r="V1655">
        <v>0</v>
      </c>
      <c r="W1655">
        <v>2.7080502011022101</v>
      </c>
      <c r="X1655">
        <v>1</v>
      </c>
      <c r="Y1655">
        <v>1</v>
      </c>
      <c r="Z1655">
        <v>0</v>
      </c>
      <c r="AA1655">
        <v>0</v>
      </c>
      <c r="AB1655">
        <v>2.639057329615258</v>
      </c>
      <c r="AC1655">
        <v>1</v>
      </c>
      <c r="AD1655">
        <v>1</v>
      </c>
      <c r="AE1655">
        <v>0</v>
      </c>
      <c r="AF1655">
        <v>0</v>
      </c>
      <c r="AG1655">
        <v>2.5649493574615372</v>
      </c>
      <c r="AH1655">
        <v>-1.6503346600753688E-2</v>
      </c>
      <c r="AI1655">
        <v>0.19897362513118691</v>
      </c>
      <c r="AJ1655">
        <v>-0.31687186549722091</v>
      </c>
      <c r="AK1655">
        <v>9.4764030062192639E-2</v>
      </c>
      <c r="AL1655">
        <v>372.03108668882783</v>
      </c>
      <c r="AM1655">
        <v>423.16175457752541</v>
      </c>
      <c r="AN1655">
        <v>1977</v>
      </c>
      <c r="AO1655">
        <v>120.4868954602792</v>
      </c>
      <c r="AP1655">
        <v>282.1086556226777</v>
      </c>
      <c r="AQ1655">
        <v>2.3125</v>
      </c>
      <c r="AR1655">
        <v>4.125</v>
      </c>
      <c r="AS1655">
        <v>16</v>
      </c>
      <c r="AT1655">
        <v>0</v>
      </c>
      <c r="AU1655">
        <v>9.1880341880341887E-2</v>
      </c>
      <c r="AV1655">
        <v>-1.3576715941074929E-2</v>
      </c>
      <c r="AW1655">
        <v>0.375</v>
      </c>
      <c r="AX1655">
        <v>82.933333333333337</v>
      </c>
      <c r="AY1655">
        <v>53.5</v>
      </c>
      <c r="AZ1655">
        <v>111.75</v>
      </c>
      <c r="BA1655">
        <v>0.54736750327800165</v>
      </c>
      <c r="BB1655">
        <v>0.5</v>
      </c>
      <c r="BC1655">
        <v>2.615630577027551</v>
      </c>
      <c r="BD1655" t="s">
        <v>6328</v>
      </c>
      <c r="BE1655" t="s">
        <v>62</v>
      </c>
    </row>
    <row r="1656" spans="1:57" x14ac:dyDescent="0.3">
      <c r="A1656" t="s">
        <v>6330</v>
      </c>
      <c r="B1656">
        <v>1662</v>
      </c>
      <c r="C1656" t="s">
        <v>6331</v>
      </c>
      <c r="D1656" t="s">
        <v>6332</v>
      </c>
      <c r="E1656" t="s">
        <v>98</v>
      </c>
      <c r="F1656">
        <v>16</v>
      </c>
      <c r="G1656">
        <v>134.5625</v>
      </c>
      <c r="H1656">
        <v>149.5</v>
      </c>
      <c r="I1656">
        <v>5875.74609375</v>
      </c>
      <c r="J1656">
        <v>76.653415408251703</v>
      </c>
      <c r="K1656">
        <v>-0.2111573719826321</v>
      </c>
      <c r="L1656">
        <v>-1.372448863069621</v>
      </c>
      <c r="M1656">
        <v>4</v>
      </c>
      <c r="N1656">
        <v>1</v>
      </c>
      <c r="O1656">
        <v>1</v>
      </c>
      <c r="P1656">
        <v>0</v>
      </c>
      <c r="Q1656">
        <v>0</v>
      </c>
      <c r="R1656">
        <v>2.7725887222397811</v>
      </c>
      <c r="S1656">
        <v>1</v>
      </c>
      <c r="T1656">
        <v>1</v>
      </c>
      <c r="U1656">
        <v>0</v>
      </c>
      <c r="V1656">
        <v>0</v>
      </c>
      <c r="W1656">
        <v>2.7080502011022101</v>
      </c>
      <c r="X1656">
        <v>1</v>
      </c>
      <c r="Y1656">
        <v>1</v>
      </c>
      <c r="Z1656">
        <v>0</v>
      </c>
      <c r="AA1656">
        <v>0</v>
      </c>
      <c r="AB1656">
        <v>2.639057329615258</v>
      </c>
      <c r="AC1656">
        <v>1</v>
      </c>
      <c r="AD1656">
        <v>1</v>
      </c>
      <c r="AE1656">
        <v>0</v>
      </c>
      <c r="AF1656">
        <v>0</v>
      </c>
      <c r="AG1656">
        <v>2.5649493574615372</v>
      </c>
      <c r="AH1656">
        <v>0.28787031533894297</v>
      </c>
      <c r="AI1656">
        <v>-0.14364008626564051</v>
      </c>
      <c r="AJ1656">
        <v>-0.20994296103353899</v>
      </c>
      <c r="AK1656">
        <v>-0.14458843657487649</v>
      </c>
      <c r="AL1656">
        <v>407.79399812638678</v>
      </c>
      <c r="AM1656">
        <v>466.29288552592828</v>
      </c>
      <c r="AN1656">
        <v>2153</v>
      </c>
      <c r="AO1656">
        <v>40.779300255067703</v>
      </c>
      <c r="AP1656">
        <v>325.39013056588618</v>
      </c>
      <c r="AQ1656">
        <v>2.3125</v>
      </c>
      <c r="AR1656">
        <v>4</v>
      </c>
      <c r="AS1656">
        <v>16</v>
      </c>
      <c r="AT1656">
        <v>0</v>
      </c>
      <c r="AU1656">
        <v>0.1541666666666667</v>
      </c>
      <c r="AV1656">
        <v>0.30122218218722369</v>
      </c>
      <c r="AW1656">
        <v>0.3125</v>
      </c>
      <c r="AX1656">
        <v>76.8</v>
      </c>
      <c r="AY1656">
        <v>69</v>
      </c>
      <c r="AZ1656">
        <v>139.75</v>
      </c>
      <c r="BA1656">
        <v>0.56964916234650598</v>
      </c>
      <c r="BB1656">
        <v>0.5625</v>
      </c>
      <c r="BC1656">
        <v>2.615630577027551</v>
      </c>
      <c r="BD1656" t="s">
        <v>6331</v>
      </c>
      <c r="BE1656" t="s">
        <v>62</v>
      </c>
    </row>
    <row r="1657" spans="1:57" x14ac:dyDescent="0.3">
      <c r="A1657" t="s">
        <v>6333</v>
      </c>
      <c r="B1657">
        <v>1447</v>
      </c>
      <c r="C1657" t="s">
        <v>6334</v>
      </c>
      <c r="D1657" t="s">
        <v>6335</v>
      </c>
      <c r="E1657" t="s">
        <v>10622</v>
      </c>
      <c r="F1657">
        <v>64</v>
      </c>
      <c r="G1657">
        <v>128.15625</v>
      </c>
      <c r="H1657">
        <v>126.5</v>
      </c>
      <c r="I1657">
        <v>5931.2255859375</v>
      </c>
      <c r="J1657">
        <v>77.014450500782644</v>
      </c>
      <c r="K1657">
        <v>7.6340283583981525E-2</v>
      </c>
      <c r="L1657">
        <v>-1.229346631139153</v>
      </c>
      <c r="M1657">
        <v>5.8125</v>
      </c>
      <c r="N1657">
        <v>2</v>
      </c>
      <c r="O1657">
        <v>1</v>
      </c>
      <c r="P1657">
        <v>1</v>
      </c>
      <c r="Q1657">
        <v>0.30454347814923621</v>
      </c>
      <c r="R1657">
        <v>4.0289179870046823</v>
      </c>
      <c r="S1657">
        <v>1</v>
      </c>
      <c r="T1657">
        <v>1</v>
      </c>
      <c r="U1657">
        <v>0</v>
      </c>
      <c r="V1657">
        <v>0</v>
      </c>
      <c r="W1657">
        <v>4.1431347263915326</v>
      </c>
      <c r="X1657">
        <v>1</v>
      </c>
      <c r="Y1657">
        <v>1</v>
      </c>
      <c r="Z1657">
        <v>0</v>
      </c>
      <c r="AA1657">
        <v>0</v>
      </c>
      <c r="AB1657">
        <v>4.1271343850450908</v>
      </c>
      <c r="AC1657">
        <v>1</v>
      </c>
      <c r="AD1657">
        <v>1</v>
      </c>
      <c r="AE1657">
        <v>0</v>
      </c>
      <c r="AF1657">
        <v>0</v>
      </c>
      <c r="AG1657">
        <v>4.1108738641733096</v>
      </c>
      <c r="AH1657">
        <v>0.1434618176897462</v>
      </c>
      <c r="AI1657">
        <v>-0.1348263224295411</v>
      </c>
      <c r="AJ1657">
        <v>8.9463544432233075E-2</v>
      </c>
      <c r="AK1657">
        <v>0.1625772454855666</v>
      </c>
      <c r="AL1657">
        <v>657.52610003459858</v>
      </c>
      <c r="AM1657">
        <v>999.19739179668147</v>
      </c>
      <c r="AN1657">
        <v>8202</v>
      </c>
      <c r="AO1657">
        <v>100.46981976860771</v>
      </c>
      <c r="AP1657">
        <v>518.48248329933995</v>
      </c>
      <c r="AQ1657">
        <v>1.359375</v>
      </c>
      <c r="AR1657">
        <v>4.125</v>
      </c>
      <c r="AS1657">
        <v>64</v>
      </c>
      <c r="AT1657">
        <v>4.8750000000000009</v>
      </c>
      <c r="AU1657">
        <v>6.6115196078431415E-2</v>
      </c>
      <c r="AV1657">
        <v>0.14400080526500189</v>
      </c>
      <c r="AW1657">
        <v>0.359375</v>
      </c>
      <c r="AX1657">
        <v>84.428571428571431</v>
      </c>
      <c r="AY1657">
        <v>68</v>
      </c>
      <c r="AZ1657">
        <v>135.5</v>
      </c>
      <c r="BA1657">
        <v>0.60094182297611431</v>
      </c>
      <c r="BB1657">
        <v>0.484375</v>
      </c>
      <c r="BC1657">
        <v>3.9230880024042492</v>
      </c>
      <c r="BD1657" t="s">
        <v>6336</v>
      </c>
      <c r="BE1657" t="s">
        <v>62</v>
      </c>
    </row>
    <row r="1658" spans="1:57" x14ac:dyDescent="0.3">
      <c r="A1658" t="s">
        <v>6337</v>
      </c>
      <c r="B1658">
        <v>901</v>
      </c>
      <c r="C1658" t="s">
        <v>6338</v>
      </c>
      <c r="D1658" t="s">
        <v>6339</v>
      </c>
      <c r="E1658" t="s">
        <v>10622</v>
      </c>
      <c r="F1658">
        <v>64</v>
      </c>
      <c r="G1658">
        <v>119.171875</v>
      </c>
      <c r="H1658">
        <v>120.5</v>
      </c>
      <c r="I1658">
        <v>5322.361083984375</v>
      </c>
      <c r="J1658">
        <v>72.95451380130207</v>
      </c>
      <c r="K1658">
        <v>4.5325611318034259E-3</v>
      </c>
      <c r="L1658">
        <v>-1.2541975674600201</v>
      </c>
      <c r="M1658">
        <v>5.625</v>
      </c>
      <c r="N1658">
        <v>2</v>
      </c>
      <c r="O1658">
        <v>1</v>
      </c>
      <c r="P1658">
        <v>1</v>
      </c>
      <c r="Q1658">
        <v>0.42132504423474321</v>
      </c>
      <c r="R1658">
        <v>3.8989528906496931</v>
      </c>
      <c r="S1658">
        <v>1</v>
      </c>
      <c r="T1658">
        <v>1</v>
      </c>
      <c r="U1658">
        <v>0</v>
      </c>
      <c r="V1658">
        <v>0</v>
      </c>
      <c r="W1658">
        <v>4.1431347263915326</v>
      </c>
      <c r="X1658">
        <v>1</v>
      </c>
      <c r="Y1658">
        <v>1</v>
      </c>
      <c r="Z1658">
        <v>0</v>
      </c>
      <c r="AA1658">
        <v>0</v>
      </c>
      <c r="AB1658">
        <v>4.1271343850450908</v>
      </c>
      <c r="AC1658">
        <v>1</v>
      </c>
      <c r="AD1658">
        <v>1</v>
      </c>
      <c r="AE1658">
        <v>0</v>
      </c>
      <c r="AF1658">
        <v>0</v>
      </c>
      <c r="AG1658">
        <v>4.1108738641733096</v>
      </c>
      <c r="AH1658">
        <v>0.13409787509659801</v>
      </c>
      <c r="AI1658">
        <v>-0.14004435889475561</v>
      </c>
      <c r="AJ1658">
        <v>4.2503666419331662E-2</v>
      </c>
      <c r="AK1658">
        <v>1.4202501861090471E-2</v>
      </c>
      <c r="AL1658">
        <v>637.67246408785127</v>
      </c>
      <c r="AM1658">
        <v>918.11155560973543</v>
      </c>
      <c r="AN1658">
        <v>7627</v>
      </c>
      <c r="AO1658">
        <v>98.976304597911763</v>
      </c>
      <c r="AP1658">
        <v>500.57426937484769</v>
      </c>
      <c r="AQ1658">
        <v>1.359375</v>
      </c>
      <c r="AR1658">
        <v>4.015625</v>
      </c>
      <c r="AS1658">
        <v>63</v>
      </c>
      <c r="AT1658">
        <v>7.5</v>
      </c>
      <c r="AU1658">
        <v>8.3587398373983768E-2</v>
      </c>
      <c r="AV1658">
        <v>0.13447905946382471</v>
      </c>
      <c r="AW1658">
        <v>0.375</v>
      </c>
      <c r="AX1658">
        <v>79.857142857142861</v>
      </c>
      <c r="AY1658">
        <v>66</v>
      </c>
      <c r="AZ1658">
        <v>135.25</v>
      </c>
      <c r="BA1658">
        <v>0.61217895414754586</v>
      </c>
      <c r="BB1658">
        <v>0.5</v>
      </c>
      <c r="BC1658">
        <v>3.8790786576067919</v>
      </c>
      <c r="BD1658" t="s">
        <v>6340</v>
      </c>
      <c r="BE1658" t="s">
        <v>62</v>
      </c>
    </row>
    <row r="1659" spans="1:57" x14ac:dyDescent="0.3">
      <c r="A1659" t="s">
        <v>6341</v>
      </c>
      <c r="B1659">
        <v>141</v>
      </c>
      <c r="C1659" t="s">
        <v>6342</v>
      </c>
      <c r="D1659" t="s">
        <v>6343</v>
      </c>
      <c r="E1659" t="s">
        <v>60</v>
      </c>
      <c r="F1659">
        <v>512</v>
      </c>
      <c r="G1659">
        <v>121.5546875</v>
      </c>
      <c r="H1659">
        <v>120.5</v>
      </c>
      <c r="I1659">
        <v>5590.4032592773438</v>
      </c>
      <c r="J1659">
        <v>74.768999319753803</v>
      </c>
      <c r="K1659">
        <v>0.1374665225225806</v>
      </c>
      <c r="L1659">
        <v>-1.14873393382194</v>
      </c>
      <c r="M1659">
        <v>7.6048414341205968</v>
      </c>
      <c r="N1659">
        <v>7</v>
      </c>
      <c r="O1659">
        <v>1</v>
      </c>
      <c r="P1659">
        <v>6</v>
      </c>
      <c r="Q1659">
        <v>1.2630044524520021</v>
      </c>
      <c r="R1659">
        <v>5.2712743986661419</v>
      </c>
      <c r="S1659">
        <v>2</v>
      </c>
      <c r="T1659">
        <v>1</v>
      </c>
      <c r="U1659">
        <v>1</v>
      </c>
      <c r="V1659">
        <v>4.4237310481092057E-2</v>
      </c>
      <c r="W1659">
        <v>6.2336566853874222</v>
      </c>
      <c r="X1659">
        <v>1</v>
      </c>
      <c r="Y1659">
        <v>1</v>
      </c>
      <c r="Z1659">
        <v>0</v>
      </c>
      <c r="AA1659">
        <v>0</v>
      </c>
      <c r="AB1659">
        <v>6.2344107257183694</v>
      </c>
      <c r="AC1659">
        <v>1</v>
      </c>
      <c r="AD1659">
        <v>1</v>
      </c>
      <c r="AE1659">
        <v>0</v>
      </c>
      <c r="AF1659">
        <v>0</v>
      </c>
      <c r="AG1659">
        <v>6.2324480165505216</v>
      </c>
      <c r="AH1659">
        <v>2.7843571609407008E-2</v>
      </c>
      <c r="AI1659">
        <v>-4.5763213880422433E-2</v>
      </c>
      <c r="AJ1659">
        <v>-6.5717863304318599E-2</v>
      </c>
      <c r="AK1659">
        <v>-1.105218438742816E-3</v>
      </c>
      <c r="AL1659">
        <v>1588.2879545227411</v>
      </c>
      <c r="AM1659">
        <v>2811.530788292735</v>
      </c>
      <c r="AN1659">
        <v>62236</v>
      </c>
      <c r="AO1659">
        <v>61.085487125748607</v>
      </c>
      <c r="AP1659">
        <v>1286.880491891091</v>
      </c>
      <c r="AQ1659">
        <v>1.044921875</v>
      </c>
      <c r="AR1659">
        <v>3.875</v>
      </c>
      <c r="AS1659">
        <v>508</v>
      </c>
      <c r="AT1659">
        <v>157.7265625</v>
      </c>
      <c r="AU1659">
        <v>4.8590686274509798E-2</v>
      </c>
      <c r="AV1659">
        <v>2.7845621727874501E-2</v>
      </c>
      <c r="AW1659">
        <v>0.390625</v>
      </c>
      <c r="AX1659">
        <v>85.606653620352247</v>
      </c>
      <c r="AY1659">
        <v>62.5</v>
      </c>
      <c r="AZ1659">
        <v>122.5</v>
      </c>
      <c r="BA1659">
        <v>0.61510584953586267</v>
      </c>
      <c r="BB1659">
        <v>0.49609375</v>
      </c>
      <c r="BC1659">
        <v>5.0988811160963827</v>
      </c>
      <c r="BD1659" t="s">
        <v>6344</v>
      </c>
      <c r="BE1659" t="s">
        <v>62</v>
      </c>
    </row>
    <row r="1660" spans="1:57" x14ac:dyDescent="0.3">
      <c r="A1660" t="s">
        <v>6345</v>
      </c>
      <c r="B1660">
        <v>961</v>
      </c>
      <c r="C1660" t="s">
        <v>6346</v>
      </c>
      <c r="D1660" t="s">
        <v>6347</v>
      </c>
      <c r="E1660" t="s">
        <v>115</v>
      </c>
      <c r="F1660">
        <v>997</v>
      </c>
      <c r="G1660">
        <v>128.82848545636909</v>
      </c>
      <c r="H1660">
        <v>131</v>
      </c>
      <c r="I1660">
        <v>5513.5463099428671</v>
      </c>
      <c r="J1660">
        <v>74.253257907938746</v>
      </c>
      <c r="K1660">
        <v>-2.632877832014232E-2</v>
      </c>
      <c r="L1660">
        <v>-1.1621249583067781</v>
      </c>
      <c r="M1660">
        <v>7.8446790256343162</v>
      </c>
      <c r="N1660">
        <v>9</v>
      </c>
      <c r="O1660">
        <v>1</v>
      </c>
      <c r="P1660">
        <v>8</v>
      </c>
      <c r="Q1660">
        <v>1.7270186638212479</v>
      </c>
      <c r="R1660">
        <v>5.4375171490161556</v>
      </c>
      <c r="S1660">
        <v>2</v>
      </c>
      <c r="T1660">
        <v>1</v>
      </c>
      <c r="U1660">
        <v>1</v>
      </c>
      <c r="V1660">
        <v>9.5054685538674077E-2</v>
      </c>
      <c r="W1660">
        <v>6.8912205013094194</v>
      </c>
      <c r="X1660">
        <v>1</v>
      </c>
      <c r="Y1660">
        <v>1</v>
      </c>
      <c r="Z1660">
        <v>0</v>
      </c>
      <c r="AA1660">
        <v>0</v>
      </c>
      <c r="AB1660">
        <v>6.9027427371585919</v>
      </c>
      <c r="AC1660">
        <v>1</v>
      </c>
      <c r="AD1660">
        <v>1</v>
      </c>
      <c r="AE1660">
        <v>0</v>
      </c>
      <c r="AF1660">
        <v>0</v>
      </c>
      <c r="AG1660">
        <v>6.9017372066565734</v>
      </c>
      <c r="AH1660">
        <v>-3.1779419876538303E-2</v>
      </c>
      <c r="AI1660">
        <v>-2.2807933661256101E-2</v>
      </c>
      <c r="AJ1660">
        <v>-2.4022211773276809E-2</v>
      </c>
      <c r="AK1660">
        <v>1.256213915236626E-2</v>
      </c>
      <c r="AL1660">
        <v>2208.699323779605</v>
      </c>
      <c r="AM1660">
        <v>4143.1438904695924</v>
      </c>
      <c r="AN1660">
        <v>128442</v>
      </c>
      <c r="AO1660">
        <v>97.255666564366592</v>
      </c>
      <c r="AP1660">
        <v>1940.3296232939761</v>
      </c>
      <c r="AQ1660">
        <v>1.0230692076228689</v>
      </c>
      <c r="AR1660">
        <v>3.9949849548645942</v>
      </c>
      <c r="AS1660">
        <v>995</v>
      </c>
      <c r="AT1660">
        <v>193.00401203610829</v>
      </c>
      <c r="AU1660">
        <v>2.0496784471060289E-2</v>
      </c>
      <c r="AV1660">
        <v>-3.1871969808423439E-2</v>
      </c>
      <c r="AW1660">
        <v>0.35707121364092281</v>
      </c>
      <c r="AX1660">
        <v>87.368473895582326</v>
      </c>
      <c r="AY1660">
        <v>62</v>
      </c>
      <c r="AZ1660">
        <v>125</v>
      </c>
      <c r="BA1660">
        <v>0.57637297873137239</v>
      </c>
      <c r="BB1660">
        <v>0.50852557673019061</v>
      </c>
      <c r="BC1660">
        <v>5.2411678196368374</v>
      </c>
      <c r="BD1660" t="s">
        <v>6348</v>
      </c>
      <c r="BE1660" t="s">
        <v>68</v>
      </c>
    </row>
    <row r="1661" spans="1:57" x14ac:dyDescent="0.3">
      <c r="A1661" t="s">
        <v>6349</v>
      </c>
      <c r="B1661">
        <v>3357</v>
      </c>
      <c r="C1661" t="s">
        <v>6350</v>
      </c>
      <c r="D1661" t="s">
        <v>6351</v>
      </c>
      <c r="E1661" t="s">
        <v>72</v>
      </c>
      <c r="F1661">
        <v>3368</v>
      </c>
      <c r="G1661">
        <v>126.1644893111639</v>
      </c>
      <c r="H1661">
        <v>125</v>
      </c>
      <c r="I1661">
        <v>5314.2603541928784</v>
      </c>
      <c r="J1661">
        <v>72.898973615496658</v>
      </c>
      <c r="K1661">
        <v>3.2245777834409121E-2</v>
      </c>
      <c r="L1661">
        <v>-1.192552817762556</v>
      </c>
      <c r="M1661">
        <v>7.9412699912383973</v>
      </c>
      <c r="N1661">
        <v>24</v>
      </c>
      <c r="O1661">
        <v>5</v>
      </c>
      <c r="P1661">
        <v>19</v>
      </c>
      <c r="Q1661">
        <v>3.745700660423894</v>
      </c>
      <c r="R1661">
        <v>5.5044689044922048</v>
      </c>
      <c r="S1661">
        <v>2</v>
      </c>
      <c r="T1661">
        <v>1</v>
      </c>
      <c r="U1661">
        <v>1</v>
      </c>
      <c r="V1661">
        <v>0.1606886647094051</v>
      </c>
      <c r="W1661">
        <v>8.0859569233436002</v>
      </c>
      <c r="X1661">
        <v>1</v>
      </c>
      <c r="Y1661">
        <v>1</v>
      </c>
      <c r="Z1661">
        <v>0</v>
      </c>
      <c r="AA1661">
        <v>0</v>
      </c>
      <c r="AB1661">
        <v>8.1214803747507514</v>
      </c>
      <c r="AC1661">
        <v>1</v>
      </c>
      <c r="AD1661">
        <v>1</v>
      </c>
      <c r="AE1661">
        <v>0</v>
      </c>
      <c r="AF1661">
        <v>0</v>
      </c>
      <c r="AG1661">
        <v>8.1211832420788248</v>
      </c>
      <c r="AH1661">
        <v>-1.627024323621426E-2</v>
      </c>
      <c r="AI1661">
        <v>2.3022811541338378E-3</v>
      </c>
      <c r="AJ1661">
        <v>-6.8772851931030599E-4</v>
      </c>
      <c r="AK1661">
        <v>1.1620459484622359E-2</v>
      </c>
      <c r="AL1661">
        <v>3864.179946262142</v>
      </c>
      <c r="AM1661">
        <v>7521.7424406121154</v>
      </c>
      <c r="AN1661">
        <v>424922</v>
      </c>
      <c r="AO1661">
        <v>173.72527177562611</v>
      </c>
      <c r="AP1661">
        <v>3475.7541927649531</v>
      </c>
      <c r="AQ1661">
        <v>1.0068289786223279</v>
      </c>
      <c r="AR1661">
        <v>3.9753562945368168</v>
      </c>
      <c r="AS1661">
        <v>3356</v>
      </c>
      <c r="AT1661">
        <v>273.00712589073629</v>
      </c>
      <c r="AU1661">
        <v>1.5332308695449661E-2</v>
      </c>
      <c r="AV1661">
        <v>-1.6271458039700901E-2</v>
      </c>
      <c r="AW1661">
        <v>0.38954869358669841</v>
      </c>
      <c r="AX1661">
        <v>85.48470448470448</v>
      </c>
      <c r="AY1661">
        <v>63</v>
      </c>
      <c r="AZ1661">
        <v>127</v>
      </c>
      <c r="BA1661">
        <v>0.57780896996858899</v>
      </c>
      <c r="BB1661">
        <v>0.49168646080760092</v>
      </c>
      <c r="BC1661">
        <v>5.3064813732330496</v>
      </c>
      <c r="BD1661" t="s">
        <v>6352</v>
      </c>
      <c r="BE1661" t="s">
        <v>68</v>
      </c>
    </row>
    <row r="1662" spans="1:57" x14ac:dyDescent="0.3">
      <c r="A1662" t="s">
        <v>6353</v>
      </c>
      <c r="B1662">
        <v>1308</v>
      </c>
      <c r="C1662" t="s">
        <v>6354</v>
      </c>
      <c r="D1662" t="s">
        <v>6355</v>
      </c>
      <c r="E1662" t="s">
        <v>66</v>
      </c>
      <c r="F1662">
        <v>71</v>
      </c>
      <c r="G1662">
        <v>113.9577464788732</v>
      </c>
      <c r="H1662">
        <v>91</v>
      </c>
      <c r="I1662">
        <v>5894.6320174568536</v>
      </c>
      <c r="J1662">
        <v>76.776506937062805</v>
      </c>
      <c r="K1662">
        <v>0.19273684453519921</v>
      </c>
      <c r="L1662">
        <v>-1.240534788527726</v>
      </c>
      <c r="M1662">
        <v>5.885593774403783</v>
      </c>
      <c r="N1662">
        <v>3</v>
      </c>
      <c r="O1662">
        <v>1</v>
      </c>
      <c r="P1662">
        <v>2</v>
      </c>
      <c r="Q1662">
        <v>0.39540808619778262</v>
      </c>
      <c r="R1662">
        <v>4.079582730649153</v>
      </c>
      <c r="S1662">
        <v>1</v>
      </c>
      <c r="T1662">
        <v>1</v>
      </c>
      <c r="U1662">
        <v>0</v>
      </c>
      <c r="V1662">
        <v>0</v>
      </c>
      <c r="W1662">
        <v>4.2484952420493576</v>
      </c>
      <c r="X1662">
        <v>1</v>
      </c>
      <c r="Y1662">
        <v>1</v>
      </c>
      <c r="Z1662">
        <v>0</v>
      </c>
      <c r="AA1662">
        <v>0</v>
      </c>
      <c r="AB1662">
        <v>4.2341065045972579</v>
      </c>
      <c r="AC1662">
        <v>1</v>
      </c>
      <c r="AD1662">
        <v>1</v>
      </c>
      <c r="AE1662">
        <v>0</v>
      </c>
      <c r="AF1662">
        <v>0</v>
      </c>
      <c r="AG1662">
        <v>4.2195077051761087</v>
      </c>
      <c r="AH1662">
        <v>9.3414834918829695E-2</v>
      </c>
      <c r="AI1662">
        <v>-0.18814014322544309</v>
      </c>
      <c r="AJ1662">
        <v>-2.708692470842234E-2</v>
      </c>
      <c r="AK1662">
        <v>0.12560450375618271</v>
      </c>
      <c r="AL1662">
        <v>660.04290769519616</v>
      </c>
      <c r="AM1662">
        <v>951.25935475099027</v>
      </c>
      <c r="AN1662">
        <v>8091</v>
      </c>
      <c r="AO1662">
        <v>22.29601577837126</v>
      </c>
      <c r="AP1662">
        <v>481.2888704200742</v>
      </c>
      <c r="AQ1662">
        <v>1.323943661971831</v>
      </c>
      <c r="AR1662">
        <v>3.591549295774648</v>
      </c>
      <c r="AS1662">
        <v>71</v>
      </c>
      <c r="AT1662">
        <v>8.4647887323943625</v>
      </c>
      <c r="AU1662">
        <v>0.14877453698569371</v>
      </c>
      <c r="AV1662">
        <v>9.44016097594607E-2</v>
      </c>
      <c r="AW1662">
        <v>0.39436619718309862</v>
      </c>
      <c r="AX1662">
        <v>83.8</v>
      </c>
      <c r="AY1662">
        <v>61</v>
      </c>
      <c r="AZ1662">
        <v>136</v>
      </c>
      <c r="BA1662">
        <v>0.67372784483147441</v>
      </c>
      <c r="BB1662">
        <v>0.47887323943661969</v>
      </c>
      <c r="BC1662">
        <v>4.0156990383372468</v>
      </c>
      <c r="BD1662" t="s">
        <v>6356</v>
      </c>
      <c r="BE1662" t="s">
        <v>68</v>
      </c>
    </row>
    <row r="1663" spans="1:57" x14ac:dyDescent="0.3">
      <c r="A1663" t="s">
        <v>6357</v>
      </c>
      <c r="B1663">
        <v>2335</v>
      </c>
      <c r="C1663" t="s">
        <v>6358</v>
      </c>
      <c r="D1663" t="s">
        <v>6359</v>
      </c>
      <c r="E1663" t="s">
        <v>106</v>
      </c>
      <c r="F1663">
        <v>2373</v>
      </c>
      <c r="G1663">
        <v>123.3565107458913</v>
      </c>
      <c r="H1663">
        <v>122</v>
      </c>
      <c r="I1663">
        <v>5534.7308857602084</v>
      </c>
      <c r="J1663">
        <v>74.395771961585339</v>
      </c>
      <c r="K1663">
        <v>6.9043872244472684E-2</v>
      </c>
      <c r="L1663">
        <v>-1.2207914007096401</v>
      </c>
      <c r="M1663">
        <v>7.9245596742802977</v>
      </c>
      <c r="N1663">
        <v>19</v>
      </c>
      <c r="O1663">
        <v>2</v>
      </c>
      <c r="P1663">
        <v>17</v>
      </c>
      <c r="Q1663">
        <v>2.966217567083278</v>
      </c>
      <c r="R1663">
        <v>5.4928861954064256</v>
      </c>
      <c r="S1663">
        <v>3</v>
      </c>
      <c r="T1663">
        <v>1</v>
      </c>
      <c r="U1663">
        <v>2</v>
      </c>
      <c r="V1663">
        <v>0.1161871356810245</v>
      </c>
      <c r="W1663">
        <v>7.7537349325554903</v>
      </c>
      <c r="X1663">
        <v>1</v>
      </c>
      <c r="Y1663">
        <v>1</v>
      </c>
      <c r="Z1663">
        <v>0</v>
      </c>
      <c r="AA1663">
        <v>0</v>
      </c>
      <c r="AB1663">
        <v>7.7710670860654059</v>
      </c>
      <c r="AC1663">
        <v>1</v>
      </c>
      <c r="AD1663">
        <v>1</v>
      </c>
      <c r="AE1663">
        <v>0</v>
      </c>
      <c r="AF1663">
        <v>0</v>
      </c>
      <c r="AG1663">
        <v>7.7706452341291747</v>
      </c>
      <c r="AH1663">
        <v>-1.518211980778328E-2</v>
      </c>
      <c r="AI1663">
        <v>6.0034584638956681E-3</v>
      </c>
      <c r="AJ1663">
        <v>-2.3130284162101219E-2</v>
      </c>
      <c r="AK1663">
        <v>1.155540939239558E-2</v>
      </c>
      <c r="AL1663">
        <v>3296.7206256788272</v>
      </c>
      <c r="AM1663">
        <v>6194.7626359872584</v>
      </c>
      <c r="AN1663">
        <v>292725</v>
      </c>
      <c r="AO1663">
        <v>60.342039961820078</v>
      </c>
      <c r="AP1663">
        <v>2902.219167232317</v>
      </c>
      <c r="AQ1663">
        <v>1.0096923725242311</v>
      </c>
      <c r="AR1663">
        <v>3.9738727349346821</v>
      </c>
      <c r="AS1663">
        <v>2363</v>
      </c>
      <c r="AT1663">
        <v>242.98988621997469</v>
      </c>
      <c r="AU1663">
        <v>3.300860167075681E-2</v>
      </c>
      <c r="AV1663">
        <v>-1.519406917472203E-2</v>
      </c>
      <c r="AW1663">
        <v>0.37631689844079219</v>
      </c>
      <c r="AX1663">
        <v>87.072934232715014</v>
      </c>
      <c r="AY1663">
        <v>65</v>
      </c>
      <c r="AZ1663">
        <v>131</v>
      </c>
      <c r="BA1663">
        <v>0.6030956251254318</v>
      </c>
      <c r="BB1663">
        <v>0.49346818373367052</v>
      </c>
      <c r="BC1663">
        <v>5.3074139034105086</v>
      </c>
      <c r="BD1663" t="s">
        <v>6360</v>
      </c>
      <c r="BE1663" t="s">
        <v>68</v>
      </c>
    </row>
    <row r="1664" spans="1:57" x14ac:dyDescent="0.3">
      <c r="A1664" t="s">
        <v>6361</v>
      </c>
      <c r="B1664">
        <v>3796</v>
      </c>
      <c r="C1664" t="s">
        <v>6362</v>
      </c>
      <c r="D1664" t="s">
        <v>6363</v>
      </c>
      <c r="E1664" t="s">
        <v>66</v>
      </c>
      <c r="F1664">
        <v>72</v>
      </c>
      <c r="G1664">
        <v>124.3194444444444</v>
      </c>
      <c r="H1664">
        <v>129.5</v>
      </c>
      <c r="I1664">
        <v>6017.0229552469136</v>
      </c>
      <c r="J1664">
        <v>77.569471799458029</v>
      </c>
      <c r="K1664">
        <v>-9.9771029454602006E-2</v>
      </c>
      <c r="L1664">
        <v>-1.2929642409234869</v>
      </c>
      <c r="M1664">
        <v>5.9649960083567128</v>
      </c>
      <c r="N1664">
        <v>3</v>
      </c>
      <c r="O1664">
        <v>1</v>
      </c>
      <c r="P1664">
        <v>2</v>
      </c>
      <c r="Q1664">
        <v>0.35617959700893009</v>
      </c>
      <c r="R1664">
        <v>4.1346201652437804</v>
      </c>
      <c r="S1664">
        <v>2</v>
      </c>
      <c r="T1664">
        <v>1</v>
      </c>
      <c r="U1664">
        <v>1</v>
      </c>
      <c r="V1664">
        <v>0.16776575221435111</v>
      </c>
      <c r="W1664">
        <v>4.2236293316576567</v>
      </c>
      <c r="X1664">
        <v>2</v>
      </c>
      <c r="Y1664">
        <v>1</v>
      </c>
      <c r="Z1664">
        <v>1</v>
      </c>
      <c r="AA1664">
        <v>0.11951030798891769</v>
      </c>
      <c r="AB1664">
        <v>4.2286910368905044</v>
      </c>
      <c r="AC1664">
        <v>1</v>
      </c>
      <c r="AD1664">
        <v>1</v>
      </c>
      <c r="AE1664">
        <v>0</v>
      </c>
      <c r="AF1664">
        <v>0</v>
      </c>
      <c r="AG1664">
        <v>4.2341065045972579</v>
      </c>
      <c r="AH1664">
        <v>0.16638489214251789</v>
      </c>
      <c r="AI1664">
        <v>0.13488673341024629</v>
      </c>
      <c r="AJ1664">
        <v>-9.8956023787292763E-2</v>
      </c>
      <c r="AK1664">
        <v>0.16137364287278749</v>
      </c>
      <c r="AL1664">
        <v>678.31044746511418</v>
      </c>
      <c r="AM1664">
        <v>1042.067146041788</v>
      </c>
      <c r="AN1664">
        <v>8951</v>
      </c>
      <c r="AO1664">
        <v>44.109217341423317</v>
      </c>
      <c r="AP1664">
        <v>517.60268094503454</v>
      </c>
      <c r="AQ1664">
        <v>1.319444444444444</v>
      </c>
      <c r="AR1664">
        <v>3.75</v>
      </c>
      <c r="AS1664">
        <v>72</v>
      </c>
      <c r="AT1664">
        <v>7.4444444444444429</v>
      </c>
      <c r="AU1664">
        <v>7.3856209150326813E-2</v>
      </c>
      <c r="AV1664">
        <v>0.16755583334862631</v>
      </c>
      <c r="AW1664">
        <v>0.31944444444444442</v>
      </c>
      <c r="AX1664">
        <v>81</v>
      </c>
      <c r="AY1664">
        <v>75</v>
      </c>
      <c r="AZ1664">
        <v>152.5</v>
      </c>
      <c r="BA1664">
        <v>0.62395285102904463</v>
      </c>
      <c r="BB1664">
        <v>0.52777777777777779</v>
      </c>
      <c r="BC1664">
        <v>4.0517128155234294</v>
      </c>
      <c r="BD1664" t="s">
        <v>6364</v>
      </c>
      <c r="BE1664" t="s">
        <v>68</v>
      </c>
    </row>
    <row r="1665" spans="1:57" x14ac:dyDescent="0.3">
      <c r="A1665" t="s">
        <v>6365</v>
      </c>
      <c r="B1665">
        <v>3984</v>
      </c>
      <c r="C1665" t="s">
        <v>6366</v>
      </c>
      <c r="D1665" t="s">
        <v>6367</v>
      </c>
      <c r="E1665" t="s">
        <v>106</v>
      </c>
      <c r="F1665">
        <v>4012</v>
      </c>
      <c r="G1665">
        <v>128.12537387836491</v>
      </c>
      <c r="H1665">
        <v>128</v>
      </c>
      <c r="I1665">
        <v>5475.8155376219293</v>
      </c>
      <c r="J1665">
        <v>73.998753622084266</v>
      </c>
      <c r="K1665">
        <v>-1.611214277931939E-2</v>
      </c>
      <c r="L1665">
        <v>-1.206786324334401</v>
      </c>
      <c r="M1665">
        <v>7.9496529079211173</v>
      </c>
      <c r="N1665">
        <v>28</v>
      </c>
      <c r="O1665">
        <v>5</v>
      </c>
      <c r="P1665">
        <v>23</v>
      </c>
      <c r="Q1665">
        <v>4.1412735341166487</v>
      </c>
      <c r="R1665">
        <v>5.5102794995557067</v>
      </c>
      <c r="S1665">
        <v>2</v>
      </c>
      <c r="T1665">
        <v>1</v>
      </c>
      <c r="U1665">
        <v>1</v>
      </c>
      <c r="V1665">
        <v>0.16777619039507341</v>
      </c>
      <c r="W1665">
        <v>8.2577404524550317</v>
      </c>
      <c r="X1665">
        <v>1</v>
      </c>
      <c r="Y1665">
        <v>1</v>
      </c>
      <c r="Z1665">
        <v>0</v>
      </c>
      <c r="AA1665">
        <v>0</v>
      </c>
      <c r="AB1665">
        <v>8.2965465203006143</v>
      </c>
      <c r="AC1665">
        <v>1</v>
      </c>
      <c r="AD1665">
        <v>1</v>
      </c>
      <c r="AE1665">
        <v>0</v>
      </c>
      <c r="AF1665">
        <v>0</v>
      </c>
      <c r="AG1665">
        <v>8.2962971126425042</v>
      </c>
      <c r="AH1665">
        <v>2.6126389794622701E-2</v>
      </c>
      <c r="AI1665">
        <v>5.7054548408728622E-3</v>
      </c>
      <c r="AJ1665">
        <v>-7.6818763769922298E-3</v>
      </c>
      <c r="AK1665">
        <v>-1.6568173943560818E-2</v>
      </c>
      <c r="AL1665">
        <v>4288.9359035419502</v>
      </c>
      <c r="AM1665">
        <v>8332.7930380700564</v>
      </c>
      <c r="AN1665">
        <v>514039</v>
      </c>
      <c r="AO1665">
        <v>82.040547749412582</v>
      </c>
      <c r="AP1665">
        <v>3863.857418143989</v>
      </c>
      <c r="AQ1665">
        <v>1.0057328015952141</v>
      </c>
      <c r="AR1665">
        <v>4.0029910269192426</v>
      </c>
      <c r="AS1665">
        <v>3991</v>
      </c>
      <c r="AT1665">
        <v>280.14755732801592</v>
      </c>
      <c r="AU1665">
        <v>1.0186108341641799E-2</v>
      </c>
      <c r="AV1665">
        <v>2.61379458625835E-2</v>
      </c>
      <c r="AW1665">
        <v>0.3678963110667996</v>
      </c>
      <c r="AX1665">
        <v>83.851408626277731</v>
      </c>
      <c r="AY1665">
        <v>64</v>
      </c>
      <c r="AZ1665">
        <v>128</v>
      </c>
      <c r="BA1665">
        <v>0.57754956244915667</v>
      </c>
      <c r="BB1665">
        <v>0.49825523429710872</v>
      </c>
      <c r="BC1665">
        <v>5.311607726055362</v>
      </c>
      <c r="BD1665" t="s">
        <v>6368</v>
      </c>
      <c r="BE1665" t="s">
        <v>68</v>
      </c>
    </row>
    <row r="1666" spans="1:57" x14ac:dyDescent="0.3">
      <c r="A1666" t="s">
        <v>6369</v>
      </c>
      <c r="B1666">
        <v>1774</v>
      </c>
      <c r="C1666" t="s">
        <v>6370</v>
      </c>
      <c r="D1666" t="s">
        <v>6371</v>
      </c>
      <c r="E1666" t="s">
        <v>98</v>
      </c>
      <c r="F1666">
        <v>16</v>
      </c>
      <c r="G1666">
        <v>154.375</v>
      </c>
      <c r="H1666">
        <v>191</v>
      </c>
      <c r="I1666">
        <v>7427.984375</v>
      </c>
      <c r="J1666">
        <v>86.185755058478193</v>
      </c>
      <c r="K1666">
        <v>-0.34806447866544371</v>
      </c>
      <c r="L1666">
        <v>-1.611720121535609</v>
      </c>
      <c r="M1666">
        <v>4</v>
      </c>
      <c r="N1666">
        <v>1</v>
      </c>
      <c r="O1666">
        <v>1</v>
      </c>
      <c r="P1666">
        <v>0</v>
      </c>
      <c r="Q1666">
        <v>0</v>
      </c>
      <c r="R1666">
        <v>2.7725887222397811</v>
      </c>
      <c r="S1666">
        <v>1</v>
      </c>
      <c r="T1666">
        <v>1</v>
      </c>
      <c r="U1666">
        <v>0</v>
      </c>
      <c r="V1666">
        <v>0</v>
      </c>
      <c r="W1666">
        <v>2.7080502011022101</v>
      </c>
      <c r="X1666">
        <v>1</v>
      </c>
      <c r="Y1666">
        <v>1</v>
      </c>
      <c r="Z1666">
        <v>0</v>
      </c>
      <c r="AA1666">
        <v>0</v>
      </c>
      <c r="AB1666">
        <v>2.639057329615258</v>
      </c>
      <c r="AC1666">
        <v>1</v>
      </c>
      <c r="AD1666">
        <v>1</v>
      </c>
      <c r="AE1666">
        <v>0</v>
      </c>
      <c r="AF1666">
        <v>0</v>
      </c>
      <c r="AG1666">
        <v>2.5649493574615372</v>
      </c>
      <c r="AH1666">
        <v>3.8367102027594131E-3</v>
      </c>
      <c r="AI1666">
        <v>-0.25612101407052301</v>
      </c>
      <c r="AJ1666">
        <v>-8.1381694226436759E-3</v>
      </c>
      <c r="AK1666">
        <v>-0.31617684179969752</v>
      </c>
      <c r="AL1666">
        <v>473.60428324166389</v>
      </c>
      <c r="AM1666">
        <v>525.21708168637269</v>
      </c>
      <c r="AN1666">
        <v>2470</v>
      </c>
      <c r="AO1666">
        <v>140.7202905375438</v>
      </c>
      <c r="AP1666">
        <v>389.07582808496329</v>
      </c>
      <c r="AQ1666">
        <v>2.3125</v>
      </c>
      <c r="AR1666">
        <v>4.75</v>
      </c>
      <c r="AS1666">
        <v>16</v>
      </c>
      <c r="AT1666">
        <v>0</v>
      </c>
      <c r="AU1666">
        <v>0.23217871485943781</v>
      </c>
      <c r="AV1666">
        <v>9.6803620533109438E-3</v>
      </c>
      <c r="AW1666">
        <v>0.375</v>
      </c>
      <c r="AX1666">
        <v>99.4</v>
      </c>
      <c r="AY1666">
        <v>55.5</v>
      </c>
      <c r="AZ1666">
        <v>184.25</v>
      </c>
      <c r="BA1666">
        <v>0.55828829187678186</v>
      </c>
      <c r="BB1666">
        <v>0.5625</v>
      </c>
      <c r="BC1666">
        <v>2.615630577027551</v>
      </c>
      <c r="BD1666" t="s">
        <v>6370</v>
      </c>
      <c r="BE1666" t="s">
        <v>62</v>
      </c>
    </row>
    <row r="1667" spans="1:57" x14ac:dyDescent="0.3">
      <c r="A1667" t="s">
        <v>6372</v>
      </c>
      <c r="B1667">
        <v>2646</v>
      </c>
      <c r="C1667" t="s">
        <v>6373</v>
      </c>
      <c r="D1667" t="s">
        <v>6374</v>
      </c>
      <c r="E1667" t="s">
        <v>93</v>
      </c>
      <c r="F1667">
        <v>2722</v>
      </c>
      <c r="G1667">
        <v>127.852314474651</v>
      </c>
      <c r="H1667">
        <v>128</v>
      </c>
      <c r="I1667">
        <v>5303.2353528357125</v>
      </c>
      <c r="J1667">
        <v>72.823315997252649</v>
      </c>
      <c r="K1667">
        <v>2.47627665971808E-2</v>
      </c>
      <c r="L1667">
        <v>-1.1844474102993381</v>
      </c>
      <c r="M1667">
        <v>7.9377600658429071</v>
      </c>
      <c r="N1667">
        <v>20</v>
      </c>
      <c r="O1667">
        <v>3</v>
      </c>
      <c r="P1667">
        <v>17</v>
      </c>
      <c r="Q1667">
        <v>3.1046112220121458</v>
      </c>
      <c r="R1667">
        <v>5.5020360096003431</v>
      </c>
      <c r="S1667">
        <v>3</v>
      </c>
      <c r="T1667">
        <v>1</v>
      </c>
      <c r="U1667">
        <v>2</v>
      </c>
      <c r="V1667">
        <v>0.14727301643001489</v>
      </c>
      <c r="W1667">
        <v>7.8795220938998947</v>
      </c>
      <c r="X1667">
        <v>2</v>
      </c>
      <c r="Y1667">
        <v>1</v>
      </c>
      <c r="Z1667">
        <v>1</v>
      </c>
      <c r="AA1667">
        <v>1.917412342440173E-2</v>
      </c>
      <c r="AB1667">
        <v>7.9078774922455128</v>
      </c>
      <c r="AC1667">
        <v>1</v>
      </c>
      <c r="AD1667">
        <v>1</v>
      </c>
      <c r="AE1667">
        <v>0</v>
      </c>
      <c r="AF1667">
        <v>0</v>
      </c>
      <c r="AG1667">
        <v>7.9080194446324699</v>
      </c>
      <c r="AH1667">
        <v>8.3135803423093884E-3</v>
      </c>
      <c r="AI1667">
        <v>-1.101039105116753E-2</v>
      </c>
      <c r="AJ1667">
        <v>-2.2444800741347921E-2</v>
      </c>
      <c r="AK1667">
        <v>-4.6586406102437208E-2</v>
      </c>
      <c r="AL1667">
        <v>3492.9500521926652</v>
      </c>
      <c r="AM1667">
        <v>6835.8687767457359</v>
      </c>
      <c r="AN1667">
        <v>348013.99999999988</v>
      </c>
      <c r="AO1667">
        <v>55.858908908180538</v>
      </c>
      <c r="AP1667">
        <v>3239.7552834011931</v>
      </c>
      <c r="AQ1667">
        <v>1.0084496693607641</v>
      </c>
      <c r="AR1667">
        <v>3.966936076414401</v>
      </c>
      <c r="AS1667">
        <v>2710</v>
      </c>
      <c r="AT1667">
        <v>232.06318883174129</v>
      </c>
      <c r="AU1667">
        <v>1.7105357940384092E-2</v>
      </c>
      <c r="AV1667">
        <v>8.3144828801394316E-3</v>
      </c>
      <c r="AW1667">
        <v>0.38464364437913301</v>
      </c>
      <c r="AX1667">
        <v>83.57184858507901</v>
      </c>
      <c r="AY1667">
        <v>63</v>
      </c>
      <c r="AZ1667">
        <v>125</v>
      </c>
      <c r="BA1667">
        <v>0.56958934452212184</v>
      </c>
      <c r="BB1667">
        <v>0.50293901542983099</v>
      </c>
      <c r="BC1667">
        <v>5.2901699744579123</v>
      </c>
      <c r="BD1667" t="s">
        <v>6375</v>
      </c>
      <c r="BE1667" t="s">
        <v>68</v>
      </c>
    </row>
    <row r="1668" spans="1:57" x14ac:dyDescent="0.3">
      <c r="A1668" t="s">
        <v>6376</v>
      </c>
      <c r="B1668">
        <v>2312</v>
      </c>
      <c r="C1668" t="s">
        <v>6377</v>
      </c>
      <c r="D1668" t="s">
        <v>6378</v>
      </c>
      <c r="E1668" t="s">
        <v>10622</v>
      </c>
      <c r="F1668">
        <v>64</v>
      </c>
      <c r="G1668">
        <v>118.6875</v>
      </c>
      <c r="H1668">
        <v>117.5</v>
      </c>
      <c r="I1668">
        <v>4930.02734375</v>
      </c>
      <c r="J1668">
        <v>70.21415344323394</v>
      </c>
      <c r="K1668">
        <v>0.1763176524406383</v>
      </c>
      <c r="L1668">
        <v>-1.036158376130397</v>
      </c>
      <c r="M1668">
        <v>5.84375</v>
      </c>
      <c r="N1668">
        <v>2</v>
      </c>
      <c r="O1668">
        <v>1</v>
      </c>
      <c r="P1668">
        <v>1</v>
      </c>
      <c r="Q1668">
        <v>0.27850299534160988</v>
      </c>
      <c r="R1668">
        <v>4.0505788363971806</v>
      </c>
      <c r="S1668">
        <v>1</v>
      </c>
      <c r="T1668">
        <v>1</v>
      </c>
      <c r="U1668">
        <v>0</v>
      </c>
      <c r="V1668">
        <v>0</v>
      </c>
      <c r="W1668">
        <v>4.1431347263915326</v>
      </c>
      <c r="X1668">
        <v>1</v>
      </c>
      <c r="Y1668">
        <v>1</v>
      </c>
      <c r="Z1668">
        <v>0</v>
      </c>
      <c r="AA1668">
        <v>0</v>
      </c>
      <c r="AB1668">
        <v>4.1271343850450908</v>
      </c>
      <c r="AC1668">
        <v>1</v>
      </c>
      <c r="AD1668">
        <v>1</v>
      </c>
      <c r="AE1668">
        <v>0</v>
      </c>
      <c r="AF1668">
        <v>0</v>
      </c>
      <c r="AG1668">
        <v>4.1108738641733096</v>
      </c>
      <c r="AH1668">
        <v>-1.6900887676523091E-2</v>
      </c>
      <c r="AI1668">
        <v>-5.5197883545270651E-2</v>
      </c>
      <c r="AJ1668">
        <v>0.25502465113340039</v>
      </c>
      <c r="AK1668">
        <v>3.8345291370563202E-2</v>
      </c>
      <c r="AL1668">
        <v>622.45666295689171</v>
      </c>
      <c r="AM1668">
        <v>910.83461876488343</v>
      </c>
      <c r="AN1668">
        <v>7596</v>
      </c>
      <c r="AO1668">
        <v>83.466867065361427</v>
      </c>
      <c r="AP1668">
        <v>465.57929139873357</v>
      </c>
      <c r="AQ1668">
        <v>1.359375</v>
      </c>
      <c r="AR1668">
        <v>3.96875</v>
      </c>
      <c r="AS1668">
        <v>64</v>
      </c>
      <c r="AT1668">
        <v>4.2187499999999991</v>
      </c>
      <c r="AU1668">
        <v>0.1230392156862745</v>
      </c>
      <c r="AV1668">
        <v>-1.6907101519037789E-2</v>
      </c>
      <c r="AW1668">
        <v>0.4375</v>
      </c>
      <c r="AX1668">
        <v>83.333333333333329</v>
      </c>
      <c r="AY1668">
        <v>63.5</v>
      </c>
      <c r="AZ1668">
        <v>122.5</v>
      </c>
      <c r="BA1668">
        <v>0.59158844396616272</v>
      </c>
      <c r="BB1668">
        <v>0.484375</v>
      </c>
      <c r="BC1668">
        <v>3.906476950221248</v>
      </c>
      <c r="BD1668" t="s">
        <v>6379</v>
      </c>
      <c r="BE1668" t="s">
        <v>62</v>
      </c>
    </row>
    <row r="1669" spans="1:57" x14ac:dyDescent="0.3">
      <c r="A1669" t="s">
        <v>6380</v>
      </c>
      <c r="B1669">
        <v>148</v>
      </c>
      <c r="C1669" t="s">
        <v>6381</v>
      </c>
      <c r="D1669" t="s">
        <v>6382</v>
      </c>
      <c r="E1669" t="s">
        <v>60</v>
      </c>
      <c r="F1669">
        <v>256</v>
      </c>
      <c r="G1669">
        <v>128.375</v>
      </c>
      <c r="H1669">
        <v>129</v>
      </c>
      <c r="I1669">
        <v>6278.328125</v>
      </c>
      <c r="J1669">
        <v>79.235901742833718</v>
      </c>
      <c r="K1669">
        <v>-3.2958712634729291E-2</v>
      </c>
      <c r="L1669">
        <v>-1.3349778825638361</v>
      </c>
      <c r="M1669">
        <v>7.1281343144008629</v>
      </c>
      <c r="N1669">
        <v>5</v>
      </c>
      <c r="O1669">
        <v>1</v>
      </c>
      <c r="P1669">
        <v>4</v>
      </c>
      <c r="Q1669">
        <v>0.8753216816456254</v>
      </c>
      <c r="R1669">
        <v>4.9408462026795572</v>
      </c>
      <c r="S1669">
        <v>2</v>
      </c>
      <c r="T1669">
        <v>1</v>
      </c>
      <c r="U1669">
        <v>1</v>
      </c>
      <c r="V1669">
        <v>6.2621943781838052E-2</v>
      </c>
      <c r="W1669">
        <v>5.5358270966834446</v>
      </c>
      <c r="X1669">
        <v>1</v>
      </c>
      <c r="Y1669">
        <v>1</v>
      </c>
      <c r="Z1669">
        <v>0</v>
      </c>
      <c r="AA1669">
        <v>0</v>
      </c>
      <c r="AB1669">
        <v>5.5373342670185366</v>
      </c>
      <c r="AC1669">
        <v>1</v>
      </c>
      <c r="AD1669">
        <v>1</v>
      </c>
      <c r="AE1669">
        <v>0</v>
      </c>
      <c r="AF1669">
        <v>0</v>
      </c>
      <c r="AG1669">
        <v>5.5333894887275203</v>
      </c>
      <c r="AH1669">
        <v>-8.8391484736058817E-2</v>
      </c>
      <c r="AI1669">
        <v>-3.6928325489717849E-4</v>
      </c>
      <c r="AJ1669">
        <v>-6.3965253270800099E-3</v>
      </c>
      <c r="AK1669">
        <v>3.1761256946639359E-2</v>
      </c>
      <c r="AL1669">
        <v>1243.221061706874</v>
      </c>
      <c r="AM1669">
        <v>2068.9536949212838</v>
      </c>
      <c r="AN1669">
        <v>32864</v>
      </c>
      <c r="AO1669">
        <v>118.6340648655065</v>
      </c>
      <c r="AP1669">
        <v>1086.6193020695989</v>
      </c>
      <c r="AQ1669">
        <v>1.08984375</v>
      </c>
      <c r="AR1669">
        <v>4.015625</v>
      </c>
      <c r="AS1669">
        <v>254</v>
      </c>
      <c r="AT1669">
        <v>75.664062499999986</v>
      </c>
      <c r="AU1669">
        <v>5.0229779411764708E-2</v>
      </c>
      <c r="AV1669">
        <v>-8.877120198771285E-2</v>
      </c>
      <c r="AW1669">
        <v>0.33984375</v>
      </c>
      <c r="AX1669">
        <v>96.917647058823533</v>
      </c>
      <c r="AY1669">
        <v>74.5</v>
      </c>
      <c r="AZ1669">
        <v>147</v>
      </c>
      <c r="BA1669">
        <v>0.61722221416034051</v>
      </c>
      <c r="BB1669">
        <v>0.5</v>
      </c>
      <c r="BC1669">
        <v>4.9617446192948886</v>
      </c>
      <c r="BD1669" t="s">
        <v>6383</v>
      </c>
      <c r="BE1669" t="s">
        <v>62</v>
      </c>
    </row>
    <row r="1670" spans="1:57" x14ac:dyDescent="0.3">
      <c r="A1670" t="s">
        <v>6384</v>
      </c>
      <c r="B1670">
        <v>2085</v>
      </c>
      <c r="C1670" t="s">
        <v>6385</v>
      </c>
      <c r="D1670" t="s">
        <v>6386</v>
      </c>
      <c r="E1670" t="s">
        <v>98</v>
      </c>
      <c r="F1670">
        <v>16</v>
      </c>
      <c r="G1670">
        <v>106.3125</v>
      </c>
      <c r="H1670">
        <v>74</v>
      </c>
      <c r="I1670">
        <v>5663.83984375</v>
      </c>
      <c r="J1670">
        <v>75.258486855304227</v>
      </c>
      <c r="K1670">
        <v>0.61229987675824937</v>
      </c>
      <c r="L1670">
        <v>-1.0699695245831551</v>
      </c>
      <c r="M1670">
        <v>4</v>
      </c>
      <c r="N1670">
        <v>1</v>
      </c>
      <c r="O1670">
        <v>1</v>
      </c>
      <c r="P1670">
        <v>0</v>
      </c>
      <c r="Q1670">
        <v>0</v>
      </c>
      <c r="R1670">
        <v>2.7725887222397811</v>
      </c>
      <c r="S1670">
        <v>1</v>
      </c>
      <c r="T1670">
        <v>1</v>
      </c>
      <c r="U1670">
        <v>0</v>
      </c>
      <c r="V1670">
        <v>0</v>
      </c>
      <c r="W1670">
        <v>2.7080502011022101</v>
      </c>
      <c r="X1670">
        <v>1</v>
      </c>
      <c r="Y1670">
        <v>1</v>
      </c>
      <c r="Z1670">
        <v>0</v>
      </c>
      <c r="AA1670">
        <v>0</v>
      </c>
      <c r="AB1670">
        <v>2.639057329615258</v>
      </c>
      <c r="AC1670">
        <v>1</v>
      </c>
      <c r="AD1670">
        <v>1</v>
      </c>
      <c r="AE1670">
        <v>0</v>
      </c>
      <c r="AF1670">
        <v>0</v>
      </c>
      <c r="AG1670">
        <v>2.5649493574615372</v>
      </c>
      <c r="AH1670">
        <v>0.17398507217180259</v>
      </c>
      <c r="AI1670">
        <v>-9.2044394158942805E-2</v>
      </c>
      <c r="AJ1670">
        <v>-0.2329835121104761</v>
      </c>
      <c r="AK1670">
        <v>0.12541139548244309</v>
      </c>
      <c r="AL1670">
        <v>388.2320820528434</v>
      </c>
      <c r="AM1670">
        <v>347.46920793778878</v>
      </c>
      <c r="AN1670">
        <v>1701</v>
      </c>
      <c r="AO1670">
        <v>167.4056292220647</v>
      </c>
      <c r="AP1670">
        <v>324.73424948237272</v>
      </c>
      <c r="AQ1670">
        <v>2.25</v>
      </c>
      <c r="AR1670">
        <v>4.1875</v>
      </c>
      <c r="AS1670">
        <v>16</v>
      </c>
      <c r="AT1670">
        <v>0</v>
      </c>
      <c r="AU1670">
        <v>0.29405737704918028</v>
      </c>
      <c r="AV1670">
        <v>0.20564610822666901</v>
      </c>
      <c r="AW1670">
        <v>0.5</v>
      </c>
      <c r="AX1670">
        <v>72.333333333333329</v>
      </c>
      <c r="AY1670">
        <v>39</v>
      </c>
      <c r="AZ1670">
        <v>118.5</v>
      </c>
      <c r="BA1670">
        <v>0.707898759367941</v>
      </c>
      <c r="BB1670">
        <v>0.375</v>
      </c>
      <c r="BC1670">
        <v>2.615630577027551</v>
      </c>
      <c r="BD1670" t="s">
        <v>6385</v>
      </c>
      <c r="BE1670" t="s">
        <v>62</v>
      </c>
    </row>
    <row r="1671" spans="1:57" x14ac:dyDescent="0.3">
      <c r="A1671" t="s">
        <v>6387</v>
      </c>
      <c r="B1671">
        <v>3320</v>
      </c>
      <c r="C1671" t="s">
        <v>6388</v>
      </c>
      <c r="D1671" t="s">
        <v>6389</v>
      </c>
      <c r="E1671" t="s">
        <v>10622</v>
      </c>
      <c r="F1671">
        <v>64</v>
      </c>
      <c r="G1671">
        <v>126</v>
      </c>
      <c r="H1671">
        <v>136.5</v>
      </c>
      <c r="I1671">
        <v>5116.90625</v>
      </c>
      <c r="J1671">
        <v>71.532553777982784</v>
      </c>
      <c r="K1671">
        <v>-0.13342799448351911</v>
      </c>
      <c r="L1671">
        <v>-1.1643651127782799</v>
      </c>
      <c r="M1671">
        <v>5.6875</v>
      </c>
      <c r="N1671">
        <v>2</v>
      </c>
      <c r="O1671">
        <v>1</v>
      </c>
      <c r="P1671">
        <v>1</v>
      </c>
      <c r="Q1671">
        <v>0.38844772154450069</v>
      </c>
      <c r="R1671">
        <v>3.9422745894346898</v>
      </c>
      <c r="S1671">
        <v>1</v>
      </c>
      <c r="T1671">
        <v>1</v>
      </c>
      <c r="U1671">
        <v>0</v>
      </c>
      <c r="V1671">
        <v>0</v>
      </c>
      <c r="W1671">
        <v>4.1431347263915326</v>
      </c>
      <c r="X1671">
        <v>1</v>
      </c>
      <c r="Y1671">
        <v>1</v>
      </c>
      <c r="Z1671">
        <v>0</v>
      </c>
      <c r="AA1671">
        <v>0</v>
      </c>
      <c r="AB1671">
        <v>4.1271343850450908</v>
      </c>
      <c r="AC1671">
        <v>1</v>
      </c>
      <c r="AD1671">
        <v>1</v>
      </c>
      <c r="AE1671">
        <v>0</v>
      </c>
      <c r="AF1671">
        <v>0</v>
      </c>
      <c r="AG1671">
        <v>4.1108738641733096</v>
      </c>
      <c r="AH1671">
        <v>7.3662063869159217E-2</v>
      </c>
      <c r="AI1671">
        <v>-1.727728546912502E-2</v>
      </c>
      <c r="AJ1671">
        <v>4.1434338375849672E-2</v>
      </c>
      <c r="AK1671">
        <v>0.24061475134511209</v>
      </c>
      <c r="AL1671">
        <v>621.29886426517692</v>
      </c>
      <c r="AM1671">
        <v>978.53652014771592</v>
      </c>
      <c r="AN1671">
        <v>8064</v>
      </c>
      <c r="AO1671">
        <v>29.489507571612691</v>
      </c>
      <c r="AP1671">
        <v>436.41617230566652</v>
      </c>
      <c r="AQ1671">
        <v>1.359375</v>
      </c>
      <c r="AR1671">
        <v>4.125</v>
      </c>
      <c r="AS1671">
        <v>64</v>
      </c>
      <c r="AT1671">
        <v>6.8749999999999991</v>
      </c>
      <c r="AU1671">
        <v>6.25E-2</v>
      </c>
      <c r="AV1671">
        <v>7.4933435024381462E-2</v>
      </c>
      <c r="AW1671">
        <v>0.328125</v>
      </c>
      <c r="AX1671">
        <v>78.841269841269835</v>
      </c>
      <c r="AY1671">
        <v>60</v>
      </c>
      <c r="AZ1671">
        <v>120.5</v>
      </c>
      <c r="BA1671">
        <v>0.56771868077764109</v>
      </c>
      <c r="BB1671">
        <v>0.53125</v>
      </c>
      <c r="BC1671">
        <v>3.8707731315152909</v>
      </c>
      <c r="BD1671" t="s">
        <v>6390</v>
      </c>
      <c r="BE1671" t="s">
        <v>62</v>
      </c>
    </row>
    <row r="1672" spans="1:57" x14ac:dyDescent="0.3">
      <c r="A1672" t="s">
        <v>6391</v>
      </c>
      <c r="B1672">
        <v>3308</v>
      </c>
      <c r="C1672" t="s">
        <v>6392</v>
      </c>
      <c r="D1672" t="s">
        <v>6393</v>
      </c>
      <c r="E1672" t="s">
        <v>115</v>
      </c>
      <c r="F1672">
        <v>3364</v>
      </c>
      <c r="G1672">
        <v>126.13376932223539</v>
      </c>
      <c r="H1672">
        <v>126</v>
      </c>
      <c r="I1672">
        <v>5363.4428667672391</v>
      </c>
      <c r="J1672">
        <v>73.235530084565099</v>
      </c>
      <c r="K1672">
        <v>1.580322449448859E-2</v>
      </c>
      <c r="L1672">
        <v>-1.1827966900604061</v>
      </c>
      <c r="M1672">
        <v>7.9407658744517367</v>
      </c>
      <c r="N1672">
        <v>23</v>
      </c>
      <c r="O1672">
        <v>4</v>
      </c>
      <c r="P1672">
        <v>19</v>
      </c>
      <c r="Q1672">
        <v>3.7421467247256621</v>
      </c>
      <c r="R1672">
        <v>5.5041194773628526</v>
      </c>
      <c r="S1672">
        <v>3</v>
      </c>
      <c r="T1672">
        <v>1</v>
      </c>
      <c r="U1672">
        <v>2</v>
      </c>
      <c r="V1672">
        <v>0.15234565705693939</v>
      </c>
      <c r="W1672">
        <v>8.089773285332182</v>
      </c>
      <c r="X1672">
        <v>1</v>
      </c>
      <c r="Y1672">
        <v>1</v>
      </c>
      <c r="Z1672">
        <v>0</v>
      </c>
      <c r="AA1672">
        <v>0</v>
      </c>
      <c r="AB1672">
        <v>8.1202913139685649</v>
      </c>
      <c r="AC1672">
        <v>1</v>
      </c>
      <c r="AD1672">
        <v>1</v>
      </c>
      <c r="AE1672">
        <v>0</v>
      </c>
      <c r="AF1672">
        <v>0</v>
      </c>
      <c r="AG1672">
        <v>8.1199938277251036</v>
      </c>
      <c r="AH1672">
        <v>6.8715536097712368E-3</v>
      </c>
      <c r="AI1672">
        <v>-1.0629856095655281E-2</v>
      </c>
      <c r="AJ1672">
        <v>1.475173047333192E-2</v>
      </c>
      <c r="AK1672">
        <v>-1.7299720736224529E-3</v>
      </c>
      <c r="AL1672">
        <v>3892.8492051715748</v>
      </c>
      <c r="AM1672">
        <v>7510.5706218499154</v>
      </c>
      <c r="AN1672">
        <v>424314</v>
      </c>
      <c r="AO1672">
        <v>42.784186259189532</v>
      </c>
      <c r="AP1672">
        <v>3523.501931352112</v>
      </c>
      <c r="AQ1672">
        <v>1.006837098692033</v>
      </c>
      <c r="AR1672">
        <v>3.969084423305588</v>
      </c>
      <c r="AS1672">
        <v>3348</v>
      </c>
      <c r="AT1672">
        <v>272.81331747919143</v>
      </c>
      <c r="AU1672">
        <v>1.5706092187172119E-2</v>
      </c>
      <c r="AV1672">
        <v>6.8764112318861039E-3</v>
      </c>
      <c r="AW1672">
        <v>0.37098692033293701</v>
      </c>
      <c r="AX1672">
        <v>84.099910793933986</v>
      </c>
      <c r="AY1672">
        <v>63</v>
      </c>
      <c r="AZ1672">
        <v>125</v>
      </c>
      <c r="BA1672">
        <v>0.58061794615420892</v>
      </c>
      <c r="BB1672">
        <v>0.49910820451843052</v>
      </c>
      <c r="BC1672">
        <v>5.306442964692371</v>
      </c>
      <c r="BD1672" t="s">
        <v>6394</v>
      </c>
      <c r="BE1672" t="s">
        <v>68</v>
      </c>
    </row>
    <row r="1673" spans="1:57" x14ac:dyDescent="0.3">
      <c r="A1673" t="s">
        <v>6395</v>
      </c>
      <c r="B1673">
        <v>3335</v>
      </c>
      <c r="C1673" t="s">
        <v>6396</v>
      </c>
      <c r="D1673" t="s">
        <v>6397</v>
      </c>
      <c r="E1673" t="s">
        <v>85</v>
      </c>
      <c r="F1673">
        <v>8</v>
      </c>
      <c r="G1673">
        <v>129.125</v>
      </c>
      <c r="H1673">
        <v>116</v>
      </c>
      <c r="I1673">
        <v>5203.359375</v>
      </c>
      <c r="J1673">
        <v>72.134314823113144</v>
      </c>
      <c r="K1673">
        <v>0.41956371031802497</v>
      </c>
      <c r="L1673">
        <v>-1.183269218049366</v>
      </c>
      <c r="M1673">
        <v>3</v>
      </c>
      <c r="N1673">
        <v>1</v>
      </c>
      <c r="O1673">
        <v>1</v>
      </c>
      <c r="P1673">
        <v>0</v>
      </c>
      <c r="Q1673">
        <v>0</v>
      </c>
      <c r="R1673">
        <v>2.0794415416798362</v>
      </c>
      <c r="S1673">
        <v>1</v>
      </c>
      <c r="T1673">
        <v>1</v>
      </c>
      <c r="U1673">
        <v>0</v>
      </c>
      <c r="V1673">
        <v>0</v>
      </c>
      <c r="W1673">
        <v>1.945910149055313</v>
      </c>
      <c r="X1673">
        <v>1</v>
      </c>
      <c r="Y1673">
        <v>1</v>
      </c>
      <c r="Z1673">
        <v>0</v>
      </c>
      <c r="AA1673">
        <v>0</v>
      </c>
      <c r="AB1673">
        <v>1.791759469228055</v>
      </c>
      <c r="AC1673">
        <v>1</v>
      </c>
      <c r="AD1673">
        <v>1</v>
      </c>
      <c r="AE1673">
        <v>0</v>
      </c>
      <c r="AF1673">
        <v>0</v>
      </c>
      <c r="AG1673">
        <v>1.6094379124341009</v>
      </c>
      <c r="AH1673">
        <v>-0.20600310796810961</v>
      </c>
      <c r="AI1673">
        <v>-8.5948831133732709E-2</v>
      </c>
      <c r="AJ1673">
        <v>-0.27513062474663302</v>
      </c>
      <c r="AK1673">
        <v>0</v>
      </c>
      <c r="AL1673">
        <v>308.4727024525655</v>
      </c>
      <c r="AM1673">
        <v>282.5908559058679</v>
      </c>
      <c r="AN1673">
        <v>1033</v>
      </c>
      <c r="AO1673">
        <v>130.63220845327771</v>
      </c>
      <c r="AP1673">
        <v>219.62930067849209</v>
      </c>
      <c r="AQ1673">
        <v>3.5</v>
      </c>
      <c r="AR1673">
        <v>4.25</v>
      </c>
      <c r="AS1673">
        <v>8</v>
      </c>
      <c r="AT1673">
        <v>0</v>
      </c>
      <c r="AU1673">
        <v>0.28333333333333333</v>
      </c>
      <c r="AV1673">
        <v>-0.243772020814815</v>
      </c>
      <c r="AW1673">
        <v>0.625</v>
      </c>
      <c r="AX1673">
        <v>91.857142857142861</v>
      </c>
      <c r="AY1673">
        <v>49.5</v>
      </c>
      <c r="AZ1673">
        <v>107</v>
      </c>
      <c r="BA1673">
        <v>0.55863941779758486</v>
      </c>
      <c r="BB1673">
        <v>0.375</v>
      </c>
      <c r="BC1673">
        <v>1.945910149055313</v>
      </c>
      <c r="BD1673" t="s">
        <v>6396</v>
      </c>
      <c r="BE1673" t="s">
        <v>68</v>
      </c>
    </row>
    <row r="1674" spans="1:57" x14ac:dyDescent="0.3">
      <c r="A1674" t="s">
        <v>6398</v>
      </c>
      <c r="B1674">
        <v>154</v>
      </c>
      <c r="C1674" t="s">
        <v>6399</v>
      </c>
      <c r="D1674" t="s">
        <v>6400</v>
      </c>
      <c r="E1674" t="s">
        <v>60</v>
      </c>
      <c r="F1674">
        <v>256</v>
      </c>
      <c r="G1674">
        <v>135.09375</v>
      </c>
      <c r="H1674">
        <v>136.5</v>
      </c>
      <c r="I1674">
        <v>5076.8037109375</v>
      </c>
      <c r="J1674">
        <v>71.251692688226711</v>
      </c>
      <c r="K1674">
        <v>-0.1034228456552409</v>
      </c>
      <c r="L1674">
        <v>-1.187093619398188</v>
      </c>
      <c r="M1674">
        <v>7.0872577774996506</v>
      </c>
      <c r="N1674">
        <v>5</v>
      </c>
      <c r="O1674">
        <v>1</v>
      </c>
      <c r="P1674">
        <v>4</v>
      </c>
      <c r="Q1674">
        <v>0.91294312006754741</v>
      </c>
      <c r="R1674">
        <v>4.9125127463754268</v>
      </c>
      <c r="S1674">
        <v>1</v>
      </c>
      <c r="T1674">
        <v>1</v>
      </c>
      <c r="U1674">
        <v>0</v>
      </c>
      <c r="V1674">
        <v>0</v>
      </c>
      <c r="W1674">
        <v>5.541263545158424</v>
      </c>
      <c r="X1674">
        <v>1</v>
      </c>
      <c r="Y1674">
        <v>1</v>
      </c>
      <c r="Z1674">
        <v>0</v>
      </c>
      <c r="AA1674">
        <v>0</v>
      </c>
      <c r="AB1674">
        <v>5.5373342670185366</v>
      </c>
      <c r="AC1674">
        <v>1</v>
      </c>
      <c r="AD1674">
        <v>1</v>
      </c>
      <c r="AE1674">
        <v>0</v>
      </c>
      <c r="AF1674">
        <v>0</v>
      </c>
      <c r="AG1674">
        <v>5.5333894887275203</v>
      </c>
      <c r="AH1674">
        <v>2.713287031101554E-2</v>
      </c>
      <c r="AI1674">
        <v>-1.0495100035163E-2</v>
      </c>
      <c r="AJ1674">
        <v>1.180587453211384E-2</v>
      </c>
      <c r="AK1674">
        <v>1.167407566574534E-2</v>
      </c>
      <c r="AL1674">
        <v>1147.7140088887211</v>
      </c>
      <c r="AM1674">
        <v>2157.4282268016659</v>
      </c>
      <c r="AN1674">
        <v>34584</v>
      </c>
      <c r="AO1674">
        <v>82.576663108189052</v>
      </c>
      <c r="AP1674">
        <v>1008.474273564899</v>
      </c>
      <c r="AQ1674">
        <v>1.08984375</v>
      </c>
      <c r="AR1674">
        <v>4.015625</v>
      </c>
      <c r="AS1674">
        <v>256</v>
      </c>
      <c r="AT1674">
        <v>78.21875</v>
      </c>
      <c r="AU1674">
        <v>5.9466911764705893E-2</v>
      </c>
      <c r="AV1674">
        <v>2.7338097489492261E-2</v>
      </c>
      <c r="AW1674">
        <v>0.37890625</v>
      </c>
      <c r="AX1674">
        <v>78.752941176470586</v>
      </c>
      <c r="AY1674">
        <v>65.5</v>
      </c>
      <c r="AZ1674">
        <v>130.25</v>
      </c>
      <c r="BA1674">
        <v>0.52742404950803945</v>
      </c>
      <c r="BB1674">
        <v>0.50390625</v>
      </c>
      <c r="BC1674">
        <v>4.7716093545555553</v>
      </c>
      <c r="BD1674" t="s">
        <v>6401</v>
      </c>
      <c r="BE1674" t="s">
        <v>62</v>
      </c>
    </row>
    <row r="1675" spans="1:57" x14ac:dyDescent="0.3">
      <c r="A1675" t="s">
        <v>6402</v>
      </c>
      <c r="B1675">
        <v>1954</v>
      </c>
      <c r="C1675" t="s">
        <v>6403</v>
      </c>
      <c r="D1675" t="s">
        <v>6404</v>
      </c>
      <c r="E1675" t="s">
        <v>115</v>
      </c>
      <c r="F1675">
        <v>2016</v>
      </c>
      <c r="G1675">
        <v>128.08035714285711</v>
      </c>
      <c r="H1675">
        <v>129</v>
      </c>
      <c r="I1675">
        <v>5631.0600109835596</v>
      </c>
      <c r="J1675">
        <v>75.040389197974989</v>
      </c>
      <c r="K1675">
        <v>-1.5912254383056781E-2</v>
      </c>
      <c r="L1675">
        <v>-1.230566062329876</v>
      </c>
      <c r="M1675">
        <v>7.9198027794009178</v>
      </c>
      <c r="N1675">
        <v>17</v>
      </c>
      <c r="O1675">
        <v>1</v>
      </c>
      <c r="P1675">
        <v>16</v>
      </c>
      <c r="Q1675">
        <v>2.593561740155804</v>
      </c>
      <c r="R1675">
        <v>5.4895889671325628</v>
      </c>
      <c r="S1675">
        <v>2</v>
      </c>
      <c r="T1675">
        <v>1</v>
      </c>
      <c r="U1675">
        <v>1</v>
      </c>
      <c r="V1675">
        <v>0.1240195927061527</v>
      </c>
      <c r="W1675">
        <v>7.5870468688250927</v>
      </c>
      <c r="X1675">
        <v>1</v>
      </c>
      <c r="Y1675">
        <v>1</v>
      </c>
      <c r="Z1675">
        <v>0</v>
      </c>
      <c r="AA1675">
        <v>0</v>
      </c>
      <c r="AB1675">
        <v>7.6078780732785054</v>
      </c>
      <c r="AC1675">
        <v>1</v>
      </c>
      <c r="AD1675">
        <v>1</v>
      </c>
      <c r="AE1675">
        <v>0</v>
      </c>
      <c r="AF1675">
        <v>0</v>
      </c>
      <c r="AG1675">
        <v>7.6073814256397903</v>
      </c>
      <c r="AH1675">
        <v>-1.7683515474319528E-2</v>
      </c>
      <c r="AI1675">
        <v>1.097554382008325E-2</v>
      </c>
      <c r="AJ1675">
        <v>1.3037743145240799E-2</v>
      </c>
      <c r="AK1675">
        <v>-1.8664567237298951E-3</v>
      </c>
      <c r="AL1675">
        <v>3121.0154513860971</v>
      </c>
      <c r="AM1675">
        <v>5889.2366697399111</v>
      </c>
      <c r="AN1675">
        <v>258210</v>
      </c>
      <c r="AO1675">
        <v>40.708316773395133</v>
      </c>
      <c r="AP1675">
        <v>2866.2951680293309</v>
      </c>
      <c r="AQ1675">
        <v>1.01140873015873</v>
      </c>
      <c r="AR1675">
        <v>4.0034722222222223</v>
      </c>
      <c r="AS1675">
        <v>2004</v>
      </c>
      <c r="AT1675">
        <v>218.6666666666666</v>
      </c>
      <c r="AU1675">
        <v>2.0267273576097141E-2</v>
      </c>
      <c r="AV1675">
        <v>-1.7689010471448489E-2</v>
      </c>
      <c r="AW1675">
        <v>0.36061507936507942</v>
      </c>
      <c r="AX1675">
        <v>87.646153846153851</v>
      </c>
      <c r="AY1675">
        <v>66</v>
      </c>
      <c r="AZ1675">
        <v>132</v>
      </c>
      <c r="BA1675">
        <v>0.58588522761751127</v>
      </c>
      <c r="BB1675">
        <v>0.50099206349206349</v>
      </c>
      <c r="BC1675">
        <v>5.3122149708109534</v>
      </c>
      <c r="BD1675" t="s">
        <v>6405</v>
      </c>
      <c r="BE1675" t="s">
        <v>62</v>
      </c>
    </row>
    <row r="1676" spans="1:57" x14ac:dyDescent="0.3">
      <c r="A1676" t="s">
        <v>6406</v>
      </c>
      <c r="B1676">
        <v>2984</v>
      </c>
      <c r="C1676" t="s">
        <v>6407</v>
      </c>
      <c r="D1676" t="s">
        <v>6408</v>
      </c>
      <c r="E1676" t="s">
        <v>98</v>
      </c>
      <c r="F1676">
        <v>16</v>
      </c>
      <c r="G1676">
        <v>131.625</v>
      </c>
      <c r="H1676">
        <v>113</v>
      </c>
      <c r="I1676">
        <v>5729.984375</v>
      </c>
      <c r="J1676">
        <v>75.696660263184668</v>
      </c>
      <c r="K1676">
        <v>0.1816846763294962</v>
      </c>
      <c r="L1676">
        <v>-1.085973019025686</v>
      </c>
      <c r="M1676">
        <v>4</v>
      </c>
      <c r="N1676">
        <v>1</v>
      </c>
      <c r="O1676">
        <v>1</v>
      </c>
      <c r="P1676">
        <v>0</v>
      </c>
      <c r="Q1676">
        <v>0</v>
      </c>
      <c r="R1676">
        <v>2.7725887222397811</v>
      </c>
      <c r="S1676">
        <v>1</v>
      </c>
      <c r="T1676">
        <v>1</v>
      </c>
      <c r="U1676">
        <v>0</v>
      </c>
      <c r="V1676">
        <v>0</v>
      </c>
      <c r="W1676">
        <v>2.7080502011022101</v>
      </c>
      <c r="X1676">
        <v>1</v>
      </c>
      <c r="Y1676">
        <v>1</v>
      </c>
      <c r="Z1676">
        <v>0</v>
      </c>
      <c r="AA1676">
        <v>0</v>
      </c>
      <c r="AB1676">
        <v>2.639057329615258</v>
      </c>
      <c r="AC1676">
        <v>1</v>
      </c>
      <c r="AD1676">
        <v>1</v>
      </c>
      <c r="AE1676">
        <v>0</v>
      </c>
      <c r="AF1676">
        <v>0</v>
      </c>
      <c r="AG1676">
        <v>2.5649493574615372</v>
      </c>
      <c r="AH1676">
        <v>-2.9811824585036499E-2</v>
      </c>
      <c r="AI1676">
        <v>-0.20403258353125961</v>
      </c>
      <c r="AJ1676">
        <v>0.10687662079139611</v>
      </c>
      <c r="AK1676">
        <v>-0.15384838254903621</v>
      </c>
      <c r="AL1676">
        <v>392.2422761860729</v>
      </c>
      <c r="AM1676">
        <v>463.71111348809461</v>
      </c>
      <c r="AN1676">
        <v>2106</v>
      </c>
      <c r="AO1676">
        <v>100.34112173761061</v>
      </c>
      <c r="AP1676">
        <v>339.69399124305022</v>
      </c>
      <c r="AQ1676">
        <v>2.25</v>
      </c>
      <c r="AR1676">
        <v>4.25</v>
      </c>
      <c r="AS1676">
        <v>16</v>
      </c>
      <c r="AT1676">
        <v>0</v>
      </c>
      <c r="AU1676">
        <v>0.17401960784313719</v>
      </c>
      <c r="AV1676">
        <v>-2.8728499713370818E-2</v>
      </c>
      <c r="AW1676">
        <v>0.4375</v>
      </c>
      <c r="AX1676">
        <v>90.13333333333334</v>
      </c>
      <c r="AY1676">
        <v>61</v>
      </c>
      <c r="AZ1676">
        <v>104.75</v>
      </c>
      <c r="BA1676">
        <v>0.57509333533283702</v>
      </c>
      <c r="BB1676">
        <v>0.375</v>
      </c>
      <c r="BC1676">
        <v>2.615630577027551</v>
      </c>
      <c r="BD1676" t="s">
        <v>6407</v>
      </c>
      <c r="BE1676" t="s">
        <v>62</v>
      </c>
    </row>
    <row r="1677" spans="1:57" x14ac:dyDescent="0.3">
      <c r="A1677" t="s">
        <v>6409</v>
      </c>
      <c r="B1677">
        <v>1383</v>
      </c>
      <c r="C1677" t="s">
        <v>6410</v>
      </c>
      <c r="D1677" t="s">
        <v>6411</v>
      </c>
      <c r="E1677" t="s">
        <v>106</v>
      </c>
      <c r="F1677">
        <v>1387</v>
      </c>
      <c r="G1677">
        <v>127.5803893294881</v>
      </c>
      <c r="H1677">
        <v>127</v>
      </c>
      <c r="I1677">
        <v>5491.8931410164114</v>
      </c>
      <c r="J1677">
        <v>74.107308283437277</v>
      </c>
      <c r="K1677">
        <v>2.1914037746738231E-2</v>
      </c>
      <c r="L1677">
        <v>-1.211742723579962</v>
      </c>
      <c r="M1677">
        <v>7.8777269340602274</v>
      </c>
      <c r="N1677">
        <v>11</v>
      </c>
      <c r="O1677">
        <v>1</v>
      </c>
      <c r="P1677">
        <v>10</v>
      </c>
      <c r="Q1677">
        <v>2.1555289993885309</v>
      </c>
      <c r="R1677">
        <v>5.4604242135649956</v>
      </c>
      <c r="S1677">
        <v>2</v>
      </c>
      <c r="T1677">
        <v>1</v>
      </c>
      <c r="U1677">
        <v>1</v>
      </c>
      <c r="V1677">
        <v>0.1074357342655422</v>
      </c>
      <c r="W1677">
        <v>7.2181737816416849</v>
      </c>
      <c r="X1677">
        <v>1</v>
      </c>
      <c r="Y1677">
        <v>1</v>
      </c>
      <c r="Z1677">
        <v>0</v>
      </c>
      <c r="AA1677">
        <v>0</v>
      </c>
      <c r="AB1677">
        <v>7.233455418621439</v>
      </c>
      <c r="AC1677">
        <v>1</v>
      </c>
      <c r="AD1677">
        <v>1</v>
      </c>
      <c r="AE1677">
        <v>0</v>
      </c>
      <c r="AF1677">
        <v>0</v>
      </c>
      <c r="AG1677">
        <v>7.2327331361776146</v>
      </c>
      <c r="AH1677">
        <v>-3.6435270899063933E-2</v>
      </c>
      <c r="AI1677">
        <v>-2.1140238164856118E-3</v>
      </c>
      <c r="AJ1677">
        <v>-4.6535296806548547E-2</v>
      </c>
      <c r="AK1677">
        <v>-1.674739526185285E-3</v>
      </c>
      <c r="AL1677">
        <v>2564.4714855893621</v>
      </c>
      <c r="AM1677">
        <v>4859.6915539568035</v>
      </c>
      <c r="AN1677">
        <v>176954</v>
      </c>
      <c r="AO1677">
        <v>13.305785332666041</v>
      </c>
      <c r="AP1677">
        <v>2250.6345006989782</v>
      </c>
      <c r="AQ1677">
        <v>1.016582552271089</v>
      </c>
      <c r="AR1677">
        <v>4.0057678442682052</v>
      </c>
      <c r="AS1677">
        <v>1386</v>
      </c>
      <c r="AT1677">
        <v>217.8269646719539</v>
      </c>
      <c r="AU1677">
        <v>1.2567680280475609E-2</v>
      </c>
      <c r="AV1677">
        <v>-3.6458022141140647E-2</v>
      </c>
      <c r="AW1677">
        <v>0.37635183850036052</v>
      </c>
      <c r="AX1677">
        <v>87.02741702741703</v>
      </c>
      <c r="AY1677">
        <v>64</v>
      </c>
      <c r="AZ1677">
        <v>129</v>
      </c>
      <c r="BA1677">
        <v>0.58086755082748909</v>
      </c>
      <c r="BB1677">
        <v>0.49819754866618599</v>
      </c>
      <c r="BC1677">
        <v>5.2816013468958039</v>
      </c>
      <c r="BD1677" t="s">
        <v>6412</v>
      </c>
      <c r="BE1677" t="s">
        <v>68</v>
      </c>
    </row>
    <row r="1678" spans="1:57" x14ac:dyDescent="0.3">
      <c r="A1678" t="s">
        <v>6413</v>
      </c>
      <c r="B1678">
        <v>2132</v>
      </c>
      <c r="C1678" t="s">
        <v>6414</v>
      </c>
      <c r="D1678" t="s">
        <v>6415</v>
      </c>
      <c r="E1678" t="s">
        <v>10622</v>
      </c>
      <c r="F1678">
        <v>64</v>
      </c>
      <c r="G1678">
        <v>125.046875</v>
      </c>
      <c r="H1678">
        <v>129.5</v>
      </c>
      <c r="I1678">
        <v>4853.575927734375</v>
      </c>
      <c r="J1678">
        <v>69.667610320251228</v>
      </c>
      <c r="K1678">
        <v>5.9746431868753357E-2</v>
      </c>
      <c r="L1678">
        <v>-1.06063058440966</v>
      </c>
      <c r="M1678">
        <v>5.90625</v>
      </c>
      <c r="N1678">
        <v>2</v>
      </c>
      <c r="O1678">
        <v>1</v>
      </c>
      <c r="P1678">
        <v>1</v>
      </c>
      <c r="Q1678">
        <v>0.2162443599716872</v>
      </c>
      <c r="R1678">
        <v>4.0939005351821782</v>
      </c>
      <c r="S1678">
        <v>1</v>
      </c>
      <c r="T1678">
        <v>1</v>
      </c>
      <c r="U1678">
        <v>0</v>
      </c>
      <c r="V1678">
        <v>0</v>
      </c>
      <c r="W1678">
        <v>4.1431347263915326</v>
      </c>
      <c r="X1678">
        <v>1</v>
      </c>
      <c r="Y1678">
        <v>1</v>
      </c>
      <c r="Z1678">
        <v>0</v>
      </c>
      <c r="AA1678">
        <v>0</v>
      </c>
      <c r="AB1678">
        <v>4.1271343850450908</v>
      </c>
      <c r="AC1678">
        <v>1</v>
      </c>
      <c r="AD1678">
        <v>1</v>
      </c>
      <c r="AE1678">
        <v>0</v>
      </c>
      <c r="AF1678">
        <v>0</v>
      </c>
      <c r="AG1678">
        <v>4.1108738641733096</v>
      </c>
      <c r="AH1678">
        <v>5.6777255301455762E-2</v>
      </c>
      <c r="AI1678">
        <v>-3.4401196386040868E-2</v>
      </c>
      <c r="AJ1678">
        <v>-7.7320402665268698E-2</v>
      </c>
      <c r="AK1678">
        <v>-4.8689304828556712E-2</v>
      </c>
      <c r="AL1678">
        <v>611.87220631376192</v>
      </c>
      <c r="AM1678">
        <v>967.98316263286779</v>
      </c>
      <c r="AN1678">
        <v>8003</v>
      </c>
      <c r="AO1678">
        <v>40.757107383462937</v>
      </c>
      <c r="AP1678">
        <v>445.25799672890548</v>
      </c>
      <c r="AQ1678">
        <v>1.359375</v>
      </c>
      <c r="AR1678">
        <v>3.75</v>
      </c>
      <c r="AS1678">
        <v>64</v>
      </c>
      <c r="AT1678">
        <v>2.71875</v>
      </c>
      <c r="AU1678">
        <v>9.837499999999999E-2</v>
      </c>
      <c r="AV1678">
        <v>5.682391760165887E-2</v>
      </c>
      <c r="AW1678">
        <v>0.390625</v>
      </c>
      <c r="AX1678">
        <v>78.682539682539684</v>
      </c>
      <c r="AY1678">
        <v>59</v>
      </c>
      <c r="AZ1678">
        <v>112</v>
      </c>
      <c r="BA1678">
        <v>0.55713195807773064</v>
      </c>
      <c r="BB1678">
        <v>0.515625</v>
      </c>
      <c r="BC1678">
        <v>3.8570739852080642</v>
      </c>
      <c r="BD1678" t="s">
        <v>6416</v>
      </c>
      <c r="BE1678" t="s">
        <v>62</v>
      </c>
    </row>
    <row r="1679" spans="1:57" x14ac:dyDescent="0.3">
      <c r="A1679" t="s">
        <v>6417</v>
      </c>
      <c r="B1679">
        <v>1405</v>
      </c>
      <c r="C1679" t="s">
        <v>6418</v>
      </c>
      <c r="D1679" t="s">
        <v>6419</v>
      </c>
      <c r="E1679" t="s">
        <v>98</v>
      </c>
      <c r="F1679">
        <v>16</v>
      </c>
      <c r="G1679">
        <v>132</v>
      </c>
      <c r="H1679">
        <v>126.5</v>
      </c>
      <c r="I1679">
        <v>2089.75</v>
      </c>
      <c r="J1679">
        <v>45.713783479383977</v>
      </c>
      <c r="K1679">
        <v>-0.21880081721754541</v>
      </c>
      <c r="L1679">
        <v>-1.2514934227486629</v>
      </c>
      <c r="M1679">
        <v>3.75</v>
      </c>
      <c r="N1679">
        <v>2</v>
      </c>
      <c r="O1679">
        <v>1</v>
      </c>
      <c r="P1679">
        <v>1</v>
      </c>
      <c r="Q1679">
        <v>0.3499271061118826</v>
      </c>
      <c r="R1679">
        <v>2.5993019270997948</v>
      </c>
      <c r="S1679">
        <v>1</v>
      </c>
      <c r="T1679">
        <v>1</v>
      </c>
      <c r="U1679">
        <v>0</v>
      </c>
      <c r="V1679">
        <v>0</v>
      </c>
      <c r="W1679">
        <v>2.7080502011022101</v>
      </c>
      <c r="X1679">
        <v>1</v>
      </c>
      <c r="Y1679">
        <v>1</v>
      </c>
      <c r="Z1679">
        <v>0</v>
      </c>
      <c r="AA1679">
        <v>0</v>
      </c>
      <c r="AB1679">
        <v>2.639057329615258</v>
      </c>
      <c r="AC1679">
        <v>1</v>
      </c>
      <c r="AD1679">
        <v>1</v>
      </c>
      <c r="AE1679">
        <v>0</v>
      </c>
      <c r="AF1679">
        <v>0</v>
      </c>
      <c r="AG1679">
        <v>2.5649493574615372</v>
      </c>
      <c r="AH1679">
        <v>2.8382581648522549E-2</v>
      </c>
      <c r="AI1679">
        <v>-8.3742074410814691E-4</v>
      </c>
      <c r="AJ1679">
        <v>-3.8551262112692913E-2</v>
      </c>
      <c r="AK1679">
        <v>-0.3454360569446106</v>
      </c>
      <c r="AL1679">
        <v>304.42156298270521</v>
      </c>
      <c r="AM1679">
        <v>468.55897386686217</v>
      </c>
      <c r="AN1679">
        <v>2112</v>
      </c>
      <c r="AO1679">
        <v>99.010842097363337</v>
      </c>
      <c r="AP1679">
        <v>196.21397987758169</v>
      </c>
      <c r="AQ1679">
        <v>2.3125</v>
      </c>
      <c r="AR1679">
        <v>4.125</v>
      </c>
      <c r="AS1679">
        <v>15</v>
      </c>
      <c r="AT1679">
        <v>1.5</v>
      </c>
      <c r="AU1679">
        <v>0.28350515463917519</v>
      </c>
      <c r="AV1679">
        <v>2.8094043909132681E-2</v>
      </c>
      <c r="AW1679">
        <v>0.5</v>
      </c>
      <c r="AX1679">
        <v>54.533333333333331</v>
      </c>
      <c r="AY1679">
        <v>44</v>
      </c>
      <c r="AZ1679">
        <v>79.75</v>
      </c>
      <c r="BA1679">
        <v>0.34631654151048469</v>
      </c>
      <c r="BB1679">
        <v>0.4375</v>
      </c>
      <c r="BC1679">
        <v>2.615630577027551</v>
      </c>
      <c r="BD1679" t="s">
        <v>6418</v>
      </c>
      <c r="BE1679" t="s">
        <v>62</v>
      </c>
    </row>
    <row r="1680" spans="1:57" x14ac:dyDescent="0.3">
      <c r="A1680" t="s">
        <v>6420</v>
      </c>
      <c r="B1680">
        <v>941</v>
      </c>
      <c r="C1680" t="s">
        <v>6421</v>
      </c>
      <c r="D1680" t="s">
        <v>6422</v>
      </c>
      <c r="E1680" t="s">
        <v>115</v>
      </c>
      <c r="F1680">
        <v>976</v>
      </c>
      <c r="G1680">
        <v>126.21618852459019</v>
      </c>
      <c r="H1680">
        <v>122.5</v>
      </c>
      <c r="I1680">
        <v>5361.1489592431471</v>
      </c>
      <c r="J1680">
        <v>73.219867244096719</v>
      </c>
      <c r="K1680">
        <v>4.1574873791784213E-2</v>
      </c>
      <c r="L1680">
        <v>-1.1645543791646971</v>
      </c>
      <c r="M1680">
        <v>7.7846959443888233</v>
      </c>
      <c r="N1680">
        <v>10</v>
      </c>
      <c r="O1680">
        <v>1</v>
      </c>
      <c r="P1680">
        <v>9</v>
      </c>
      <c r="Q1680">
        <v>1.8589015811627929</v>
      </c>
      <c r="R1680">
        <v>5.3959400453695512</v>
      </c>
      <c r="S1680">
        <v>2</v>
      </c>
      <c r="T1680">
        <v>1</v>
      </c>
      <c r="U1680">
        <v>1</v>
      </c>
      <c r="V1680">
        <v>7.1610536028091754E-2</v>
      </c>
      <c r="W1680">
        <v>6.8753282691459479</v>
      </c>
      <c r="X1680">
        <v>1</v>
      </c>
      <c r="Y1680">
        <v>1</v>
      </c>
      <c r="Z1680">
        <v>0</v>
      </c>
      <c r="AA1680">
        <v>0</v>
      </c>
      <c r="AB1680">
        <v>6.8814113036425351</v>
      </c>
      <c r="AC1680">
        <v>1</v>
      </c>
      <c r="AD1680">
        <v>1</v>
      </c>
      <c r="AE1680">
        <v>0</v>
      </c>
      <c r="AF1680">
        <v>0</v>
      </c>
      <c r="AG1680">
        <v>6.8803840821860032</v>
      </c>
      <c r="AH1680">
        <v>-3.4954506376486207E-2</v>
      </c>
      <c r="AI1680">
        <v>-3.8548965252580253E-2</v>
      </c>
      <c r="AJ1680">
        <v>-3.9759501121863931E-2</v>
      </c>
      <c r="AK1680">
        <v>2.2276366299357041E-2</v>
      </c>
      <c r="AL1680">
        <v>2174.8929219288489</v>
      </c>
      <c r="AM1680">
        <v>4006.3094960504218</v>
      </c>
      <c r="AN1680">
        <v>123187</v>
      </c>
      <c r="AO1680">
        <v>55.000000000000107</v>
      </c>
      <c r="AP1680">
        <v>1936.9036885152379</v>
      </c>
      <c r="AQ1680">
        <v>1.0235655737704921</v>
      </c>
      <c r="AR1680">
        <v>3.9815573770491799</v>
      </c>
      <c r="AS1680">
        <v>971</v>
      </c>
      <c r="AT1680">
        <v>217.75409836065569</v>
      </c>
      <c r="AU1680">
        <v>2.503214400514309E-2</v>
      </c>
      <c r="AV1680">
        <v>-3.5042596306765247E-2</v>
      </c>
      <c r="AW1680">
        <v>0.39651639344262302</v>
      </c>
      <c r="AX1680">
        <v>86.002051282051283</v>
      </c>
      <c r="AY1680">
        <v>62.5</v>
      </c>
      <c r="AZ1680">
        <v>123.25</v>
      </c>
      <c r="BA1680">
        <v>0.58011470715447566</v>
      </c>
      <c r="BB1680">
        <v>0.48565573770491799</v>
      </c>
      <c r="BC1680">
        <v>5.2285866519165802</v>
      </c>
      <c r="BD1680" t="s">
        <v>6423</v>
      </c>
      <c r="BE1680" t="s">
        <v>62</v>
      </c>
    </row>
    <row r="1681" spans="1:57" x14ac:dyDescent="0.3">
      <c r="A1681" t="s">
        <v>6424</v>
      </c>
      <c r="B1681">
        <v>957</v>
      </c>
      <c r="C1681" t="s">
        <v>6425</v>
      </c>
      <c r="D1681" t="s">
        <v>6426</v>
      </c>
      <c r="E1681" t="s">
        <v>85</v>
      </c>
      <c r="F1681">
        <v>8</v>
      </c>
      <c r="G1681">
        <v>94.25</v>
      </c>
      <c r="H1681">
        <v>75</v>
      </c>
      <c r="I1681">
        <v>3945.6875</v>
      </c>
      <c r="J1681">
        <v>62.814707672646222</v>
      </c>
      <c r="K1681">
        <v>0.84720732338762272</v>
      </c>
      <c r="L1681">
        <v>-0.78521333325153408</v>
      </c>
      <c r="M1681">
        <v>3</v>
      </c>
      <c r="N1681">
        <v>1</v>
      </c>
      <c r="O1681">
        <v>1</v>
      </c>
      <c r="P1681">
        <v>0</v>
      </c>
      <c r="Q1681">
        <v>0</v>
      </c>
      <c r="R1681">
        <v>2.0794415416798362</v>
      </c>
      <c r="S1681">
        <v>1</v>
      </c>
      <c r="T1681">
        <v>1</v>
      </c>
      <c r="U1681">
        <v>0</v>
      </c>
      <c r="V1681">
        <v>0</v>
      </c>
      <c r="W1681">
        <v>1.945910149055313</v>
      </c>
      <c r="X1681">
        <v>1</v>
      </c>
      <c r="Y1681">
        <v>1</v>
      </c>
      <c r="Z1681">
        <v>0</v>
      </c>
      <c r="AA1681">
        <v>0</v>
      </c>
      <c r="AB1681">
        <v>1.791759469228055</v>
      </c>
      <c r="AC1681">
        <v>1</v>
      </c>
      <c r="AD1681">
        <v>1</v>
      </c>
      <c r="AE1681">
        <v>0</v>
      </c>
      <c r="AF1681">
        <v>0</v>
      </c>
      <c r="AG1681">
        <v>1.6094379124341009</v>
      </c>
      <c r="AH1681">
        <v>0.32213769780298113</v>
      </c>
      <c r="AI1681">
        <v>4.4787822147597852E-3</v>
      </c>
      <c r="AJ1681">
        <v>-0.3034266049959608</v>
      </c>
      <c r="AK1681">
        <v>0</v>
      </c>
      <c r="AL1681">
        <v>248.7334986762099</v>
      </c>
      <c r="AM1681">
        <v>201.89513772325449</v>
      </c>
      <c r="AN1681">
        <v>754</v>
      </c>
      <c r="AO1681">
        <v>92</v>
      </c>
      <c r="AP1681">
        <v>177.79201331893401</v>
      </c>
      <c r="AQ1681">
        <v>3.5</v>
      </c>
      <c r="AR1681">
        <v>4</v>
      </c>
      <c r="AS1681">
        <v>8</v>
      </c>
      <c r="AT1681">
        <v>0</v>
      </c>
      <c r="AU1681">
        <v>0.46830985915492962</v>
      </c>
      <c r="AV1681">
        <v>0.34446883292671349</v>
      </c>
      <c r="AW1681">
        <v>0.75</v>
      </c>
      <c r="AX1681">
        <v>61.428571428571431</v>
      </c>
      <c r="AY1681">
        <v>34</v>
      </c>
      <c r="AZ1681">
        <v>74.25</v>
      </c>
      <c r="BA1681">
        <v>0.66646904692462838</v>
      </c>
      <c r="BB1681">
        <v>0.5</v>
      </c>
      <c r="BC1681">
        <v>1.945910149055313</v>
      </c>
      <c r="BD1681" t="s">
        <v>6425</v>
      </c>
      <c r="BE1681" t="s">
        <v>68</v>
      </c>
    </row>
    <row r="1682" spans="1:57" x14ac:dyDescent="0.3">
      <c r="A1682" t="s">
        <v>6427</v>
      </c>
      <c r="B1682">
        <v>842</v>
      </c>
      <c r="C1682" t="s">
        <v>6428</v>
      </c>
      <c r="D1682" t="s">
        <v>6429</v>
      </c>
      <c r="E1682" t="s">
        <v>106</v>
      </c>
      <c r="F1682">
        <v>844</v>
      </c>
      <c r="G1682">
        <v>131.69431279620849</v>
      </c>
      <c r="H1682">
        <v>134</v>
      </c>
      <c r="I1682">
        <v>5332.067692774197</v>
      </c>
      <c r="J1682">
        <v>73.021008571329645</v>
      </c>
      <c r="K1682">
        <v>-6.5181167240475651E-2</v>
      </c>
      <c r="L1682">
        <v>-1.1599283253859769</v>
      </c>
      <c r="M1682">
        <v>7.7715817108452034</v>
      </c>
      <c r="N1682">
        <v>9</v>
      </c>
      <c r="O1682">
        <v>1</v>
      </c>
      <c r="P1682">
        <v>8</v>
      </c>
      <c r="Q1682">
        <v>1.6703113035054331</v>
      </c>
      <c r="R1682">
        <v>5.3868499513635966</v>
      </c>
      <c r="S1682">
        <v>2</v>
      </c>
      <c r="T1682">
        <v>1</v>
      </c>
      <c r="U1682">
        <v>1</v>
      </c>
      <c r="V1682">
        <v>9.7411733689402411E-2</v>
      </c>
      <c r="W1682">
        <v>6.7238111396282392</v>
      </c>
      <c r="X1682">
        <v>1</v>
      </c>
      <c r="Y1682">
        <v>1</v>
      </c>
      <c r="Z1682">
        <v>0</v>
      </c>
      <c r="AA1682">
        <v>0</v>
      </c>
      <c r="AB1682">
        <v>6.7357800142423292</v>
      </c>
      <c r="AC1682">
        <v>1</v>
      </c>
      <c r="AD1682">
        <v>1</v>
      </c>
      <c r="AE1682">
        <v>0</v>
      </c>
      <c r="AF1682">
        <v>0</v>
      </c>
      <c r="AG1682">
        <v>6.7345916599729509</v>
      </c>
      <c r="AH1682">
        <v>2.0032640965920799E-2</v>
      </c>
      <c r="AI1682">
        <v>-2.628334130035484E-2</v>
      </c>
      <c r="AJ1682">
        <v>3.072502928747159E-3</v>
      </c>
      <c r="AK1682">
        <v>2.2475745625188032E-2</v>
      </c>
      <c r="AL1682">
        <v>1995.4465443172551</v>
      </c>
      <c r="AM1682">
        <v>3893.106868398595</v>
      </c>
      <c r="AN1682">
        <v>111150</v>
      </c>
      <c r="AO1682">
        <v>124.5856711094884</v>
      </c>
      <c r="AP1682">
        <v>1733.558269082776</v>
      </c>
      <c r="AQ1682">
        <v>1.027251184834123</v>
      </c>
      <c r="AR1682">
        <v>4.048578199052133</v>
      </c>
      <c r="AS1682">
        <v>839</v>
      </c>
      <c r="AT1682">
        <v>200.042654028436</v>
      </c>
      <c r="AU1682">
        <v>3.8258526159278883E-2</v>
      </c>
      <c r="AV1682">
        <v>2.006433845663275E-2</v>
      </c>
      <c r="AW1682">
        <v>0.36492890995260657</v>
      </c>
      <c r="AX1682">
        <v>82.97508896797153</v>
      </c>
      <c r="AY1682">
        <v>64</v>
      </c>
      <c r="AZ1682">
        <v>126</v>
      </c>
      <c r="BA1682">
        <v>0.55447351537743794</v>
      </c>
      <c r="BB1682">
        <v>0.51066350710900477</v>
      </c>
      <c r="BC1682">
        <v>5.1747361933709382</v>
      </c>
      <c r="BD1682" t="s">
        <v>6430</v>
      </c>
      <c r="BE1682" t="s">
        <v>68</v>
      </c>
    </row>
    <row r="1683" spans="1:57" x14ac:dyDescent="0.3">
      <c r="A1683" t="s">
        <v>6431</v>
      </c>
      <c r="B1683">
        <v>1515</v>
      </c>
      <c r="C1683" t="s">
        <v>6432</v>
      </c>
      <c r="D1683" t="s">
        <v>6433</v>
      </c>
      <c r="E1683" t="s">
        <v>72</v>
      </c>
      <c r="F1683">
        <v>1520</v>
      </c>
      <c r="G1683">
        <v>125.5473684210526</v>
      </c>
      <c r="H1683">
        <v>120.5</v>
      </c>
      <c r="I1683">
        <v>5494.8859141274233</v>
      </c>
      <c r="J1683">
        <v>74.127497692336974</v>
      </c>
      <c r="K1683">
        <v>8.329903256636928E-2</v>
      </c>
      <c r="L1683">
        <v>-1.219575777748269</v>
      </c>
      <c r="M1683">
        <v>7.8755679853868577</v>
      </c>
      <c r="N1683">
        <v>13</v>
      </c>
      <c r="O1683">
        <v>1</v>
      </c>
      <c r="P1683">
        <v>12</v>
      </c>
      <c r="Q1683">
        <v>2.371073921604876</v>
      </c>
      <c r="R1683">
        <v>5.4589277443790643</v>
      </c>
      <c r="S1683">
        <v>2</v>
      </c>
      <c r="T1683">
        <v>1</v>
      </c>
      <c r="U1683">
        <v>1</v>
      </c>
      <c r="V1683">
        <v>9.5998918328140906E-2</v>
      </c>
      <c r="W1683">
        <v>7.3130305960416742</v>
      </c>
      <c r="X1683">
        <v>1</v>
      </c>
      <c r="Y1683">
        <v>1</v>
      </c>
      <c r="Z1683">
        <v>0</v>
      </c>
      <c r="AA1683">
        <v>0</v>
      </c>
      <c r="AB1683">
        <v>7.325148957955574</v>
      </c>
      <c r="AC1683">
        <v>1</v>
      </c>
      <c r="AD1683">
        <v>1</v>
      </c>
      <c r="AE1683">
        <v>0</v>
      </c>
      <c r="AF1683">
        <v>0</v>
      </c>
      <c r="AG1683">
        <v>7.324489979348531</v>
      </c>
      <c r="AH1683">
        <v>3.8966365127629521E-2</v>
      </c>
      <c r="AI1683">
        <v>1.0041893415868291E-2</v>
      </c>
      <c r="AJ1683">
        <v>-4.9745415328297264E-3</v>
      </c>
      <c r="AK1683">
        <v>1.179856497342135E-2</v>
      </c>
      <c r="AL1683">
        <v>2711.2691855448838</v>
      </c>
      <c r="AM1683">
        <v>4995.9685150643991</v>
      </c>
      <c r="AN1683">
        <v>190832</v>
      </c>
      <c r="AO1683">
        <v>42.471532774992092</v>
      </c>
      <c r="AP1683">
        <v>2482.4105487846318</v>
      </c>
      <c r="AQ1683">
        <v>1.0151315789473681</v>
      </c>
      <c r="AR1683">
        <v>3.9684210526315788</v>
      </c>
      <c r="AS1683">
        <v>1515</v>
      </c>
      <c r="AT1683">
        <v>240.50657894736841</v>
      </c>
      <c r="AU1683">
        <v>3.4326625386996823E-2</v>
      </c>
      <c r="AV1683">
        <v>3.9007990284008497E-2</v>
      </c>
      <c r="AW1683">
        <v>0.40592105263157902</v>
      </c>
      <c r="AX1683">
        <v>83.808426596445031</v>
      </c>
      <c r="AY1683">
        <v>64.5</v>
      </c>
      <c r="AZ1683">
        <v>131</v>
      </c>
      <c r="BA1683">
        <v>0.59043449993896302</v>
      </c>
      <c r="BB1683">
        <v>0.48486842105263162</v>
      </c>
      <c r="BC1683">
        <v>5.2595447823941601</v>
      </c>
      <c r="BD1683" t="s">
        <v>6434</v>
      </c>
      <c r="BE1683" t="s">
        <v>62</v>
      </c>
    </row>
    <row r="1684" spans="1:57" x14ac:dyDescent="0.3">
      <c r="A1684" t="s">
        <v>6435</v>
      </c>
      <c r="B1684">
        <v>133</v>
      </c>
      <c r="C1684" t="s">
        <v>6436</v>
      </c>
      <c r="D1684" t="s">
        <v>6437</v>
      </c>
      <c r="E1684" t="s">
        <v>60</v>
      </c>
      <c r="F1684">
        <v>512</v>
      </c>
      <c r="G1684">
        <v>123.615234375</v>
      </c>
      <c r="H1684">
        <v>119</v>
      </c>
      <c r="I1684">
        <v>5234.7250022888184</v>
      </c>
      <c r="J1684">
        <v>72.351399449415069</v>
      </c>
      <c r="K1684">
        <v>0.1089756006105056</v>
      </c>
      <c r="L1684">
        <v>-1.13132153175421</v>
      </c>
      <c r="M1684">
        <v>7.5818569045920814</v>
      </c>
      <c r="N1684">
        <v>8</v>
      </c>
      <c r="O1684">
        <v>1</v>
      </c>
      <c r="P1684">
        <v>7</v>
      </c>
      <c r="Q1684">
        <v>1.3300028114758451</v>
      </c>
      <c r="R1684">
        <v>5.2553427368269539</v>
      </c>
      <c r="S1684">
        <v>2</v>
      </c>
      <c r="T1684">
        <v>1</v>
      </c>
      <c r="U1684">
        <v>1</v>
      </c>
      <c r="V1684">
        <v>7.6620080535545518E-2</v>
      </c>
      <c r="W1684">
        <v>6.2282308757548588</v>
      </c>
      <c r="X1684">
        <v>1</v>
      </c>
      <c r="Y1684">
        <v>1</v>
      </c>
      <c r="Z1684">
        <v>0</v>
      </c>
      <c r="AA1684">
        <v>0</v>
      </c>
      <c r="AB1684">
        <v>6.2344107257183694</v>
      </c>
      <c r="AC1684">
        <v>1</v>
      </c>
      <c r="AD1684">
        <v>1</v>
      </c>
      <c r="AE1684">
        <v>0</v>
      </c>
      <c r="AF1684">
        <v>0</v>
      </c>
      <c r="AG1684">
        <v>6.2324480165505216</v>
      </c>
      <c r="AH1684">
        <v>3.5337094790248789E-2</v>
      </c>
      <c r="AI1684">
        <v>-3.1926883362130433E-2</v>
      </c>
      <c r="AJ1684">
        <v>9.0238799089419966E-3</v>
      </c>
      <c r="AK1684">
        <v>-4.0124372184737148E-2</v>
      </c>
      <c r="AL1684">
        <v>1575.996897132361</v>
      </c>
      <c r="AM1684">
        <v>2831.9860134240021</v>
      </c>
      <c r="AN1684">
        <v>63291</v>
      </c>
      <c r="AO1684">
        <v>75.365223622365704</v>
      </c>
      <c r="AP1684">
        <v>1359.8740305036231</v>
      </c>
      <c r="AQ1684">
        <v>1.044921875</v>
      </c>
      <c r="AR1684">
        <v>4.052734375</v>
      </c>
      <c r="AS1684">
        <v>510</v>
      </c>
      <c r="AT1684">
        <v>171.80859375</v>
      </c>
      <c r="AU1684">
        <v>4.6867340686274517E-2</v>
      </c>
      <c r="AV1684">
        <v>3.5341011663122722E-2</v>
      </c>
      <c r="AW1684">
        <v>0.4140625</v>
      </c>
      <c r="AX1684">
        <v>81.461839530332682</v>
      </c>
      <c r="AY1684">
        <v>60</v>
      </c>
      <c r="AZ1684">
        <v>120.25</v>
      </c>
      <c r="BA1684">
        <v>0.58529516863535913</v>
      </c>
      <c r="BB1684">
        <v>0.482421875</v>
      </c>
      <c r="BC1684">
        <v>5.0657182747145253</v>
      </c>
      <c r="BD1684" t="s">
        <v>6438</v>
      </c>
      <c r="BE1684" t="s">
        <v>62</v>
      </c>
    </row>
    <row r="1685" spans="1:57" x14ac:dyDescent="0.3">
      <c r="A1685" t="s">
        <v>6439</v>
      </c>
      <c r="B1685">
        <v>2960</v>
      </c>
      <c r="C1685" t="s">
        <v>6440</v>
      </c>
      <c r="D1685" t="s">
        <v>6441</v>
      </c>
      <c r="E1685" t="s">
        <v>85</v>
      </c>
      <c r="F1685">
        <v>8</v>
      </c>
      <c r="G1685">
        <v>150.75</v>
      </c>
      <c r="H1685">
        <v>132.5</v>
      </c>
      <c r="I1685">
        <v>4127.4375</v>
      </c>
      <c r="J1685">
        <v>64.245136002657816</v>
      </c>
      <c r="K1685">
        <v>0.28132129309580628</v>
      </c>
      <c r="L1685">
        <v>-1.646960236381219</v>
      </c>
      <c r="M1685">
        <v>3</v>
      </c>
      <c r="N1685">
        <v>1</v>
      </c>
      <c r="O1685">
        <v>1</v>
      </c>
      <c r="P1685">
        <v>0</v>
      </c>
      <c r="Q1685">
        <v>0</v>
      </c>
      <c r="R1685">
        <v>2.0794415416798362</v>
      </c>
      <c r="S1685">
        <v>1</v>
      </c>
      <c r="T1685">
        <v>1</v>
      </c>
      <c r="U1685">
        <v>0</v>
      </c>
      <c r="V1685">
        <v>0</v>
      </c>
      <c r="W1685">
        <v>1.945910149055313</v>
      </c>
      <c r="X1685">
        <v>1</v>
      </c>
      <c r="Y1685">
        <v>1</v>
      </c>
      <c r="Z1685">
        <v>0</v>
      </c>
      <c r="AA1685">
        <v>0</v>
      </c>
      <c r="AB1685">
        <v>1.791759469228055</v>
      </c>
      <c r="AC1685">
        <v>1</v>
      </c>
      <c r="AD1685">
        <v>1</v>
      </c>
      <c r="AE1685">
        <v>0</v>
      </c>
      <c r="AF1685">
        <v>0</v>
      </c>
      <c r="AG1685">
        <v>1.6094379124341009</v>
      </c>
      <c r="AH1685">
        <v>-0.1112089068580687</v>
      </c>
      <c r="AI1685">
        <v>-5.299519980617514E-2</v>
      </c>
      <c r="AJ1685">
        <v>-0.31999462438861892</v>
      </c>
      <c r="AK1685">
        <v>0</v>
      </c>
      <c r="AL1685">
        <v>314.46958552385092</v>
      </c>
      <c r="AM1685">
        <v>340.48917718549802</v>
      </c>
      <c r="AN1685">
        <v>1206</v>
      </c>
      <c r="AO1685">
        <v>115.16944039110371</v>
      </c>
      <c r="AP1685">
        <v>194.17249207960941</v>
      </c>
      <c r="AQ1685">
        <v>3.5</v>
      </c>
      <c r="AR1685">
        <v>4.875</v>
      </c>
      <c r="AS1685">
        <v>8</v>
      </c>
      <c r="AT1685">
        <v>0</v>
      </c>
      <c r="AU1685">
        <v>0.39430894308943087</v>
      </c>
      <c r="AV1685">
        <v>-0.1094134221183674</v>
      </c>
      <c r="AW1685">
        <v>0.5</v>
      </c>
      <c r="AX1685">
        <v>76.571428571428569</v>
      </c>
      <c r="AY1685">
        <v>48.5</v>
      </c>
      <c r="AZ1685">
        <v>128.75</v>
      </c>
      <c r="BA1685">
        <v>0.4261700564023736</v>
      </c>
      <c r="BB1685">
        <v>0.5</v>
      </c>
      <c r="BC1685">
        <v>1.945910149055313</v>
      </c>
      <c r="BD1685" t="s">
        <v>6440</v>
      </c>
      <c r="BE1685" t="s">
        <v>68</v>
      </c>
    </row>
    <row r="1686" spans="1:57" x14ac:dyDescent="0.3">
      <c r="A1686" t="s">
        <v>6442</v>
      </c>
      <c r="B1686">
        <v>2707</v>
      </c>
      <c r="C1686" t="s">
        <v>6443</v>
      </c>
      <c r="D1686" t="s">
        <v>6444</v>
      </c>
      <c r="E1686" t="s">
        <v>66</v>
      </c>
      <c r="F1686">
        <v>72</v>
      </c>
      <c r="G1686">
        <v>122.1527777777778</v>
      </c>
      <c r="H1686">
        <v>110.5</v>
      </c>
      <c r="I1686">
        <v>6949.7405478395058</v>
      </c>
      <c r="J1686">
        <v>83.365103897491224</v>
      </c>
      <c r="K1686">
        <v>0.1052917350044619</v>
      </c>
      <c r="L1686">
        <v>-1.4860939425817079</v>
      </c>
      <c r="M1686">
        <v>5.7810361125534264</v>
      </c>
      <c r="N1686">
        <v>2</v>
      </c>
      <c r="O1686">
        <v>1</v>
      </c>
      <c r="P1686">
        <v>1</v>
      </c>
      <c r="Q1686">
        <v>0.42791978089623639</v>
      </c>
      <c r="R1686">
        <v>4.0071088821316314</v>
      </c>
      <c r="S1686">
        <v>2</v>
      </c>
      <c r="T1686">
        <v>1</v>
      </c>
      <c r="U1686">
        <v>1</v>
      </c>
      <c r="V1686">
        <v>0.16776575221435111</v>
      </c>
      <c r="W1686">
        <v>4.2236293316576567</v>
      </c>
      <c r="X1686">
        <v>2</v>
      </c>
      <c r="Y1686">
        <v>1</v>
      </c>
      <c r="Z1686">
        <v>1</v>
      </c>
      <c r="AA1686">
        <v>0.11951030798891769</v>
      </c>
      <c r="AB1686">
        <v>4.2286910368905044</v>
      </c>
      <c r="AC1686">
        <v>1</v>
      </c>
      <c r="AD1686">
        <v>1</v>
      </c>
      <c r="AE1686">
        <v>0</v>
      </c>
      <c r="AF1686">
        <v>0</v>
      </c>
      <c r="AG1686">
        <v>4.2341065045972579</v>
      </c>
      <c r="AH1686">
        <v>-0.15680571054923409</v>
      </c>
      <c r="AI1686">
        <v>7.2818428026317383E-2</v>
      </c>
      <c r="AJ1686">
        <v>-9.8998177994470554E-2</v>
      </c>
      <c r="AK1686">
        <v>-6.7790517136321615E-2</v>
      </c>
      <c r="AL1686">
        <v>738.87001736400293</v>
      </c>
      <c r="AM1686">
        <v>1014.290933332502</v>
      </c>
      <c r="AN1686">
        <v>8795</v>
      </c>
      <c r="AO1686">
        <v>64.929660636419342</v>
      </c>
      <c r="AP1686">
        <v>656.60721280304676</v>
      </c>
      <c r="AQ1686">
        <v>1.319444444444444</v>
      </c>
      <c r="AR1686">
        <v>3.8055555555555549</v>
      </c>
      <c r="AS1686">
        <v>72</v>
      </c>
      <c r="AT1686">
        <v>8.5555555555555571</v>
      </c>
      <c r="AU1686">
        <v>0.1283487044356609</v>
      </c>
      <c r="AV1686">
        <v>-0.15819576603261759</v>
      </c>
      <c r="AW1686">
        <v>0.34722222222222221</v>
      </c>
      <c r="AX1686">
        <v>109.94366197183101</v>
      </c>
      <c r="AY1686">
        <v>77.5</v>
      </c>
      <c r="AZ1686">
        <v>159</v>
      </c>
      <c r="BA1686">
        <v>0.68246588750646597</v>
      </c>
      <c r="BB1686">
        <v>0.4861111111111111</v>
      </c>
      <c r="BC1686">
        <v>4.0210069125736654</v>
      </c>
      <c r="BD1686" t="s">
        <v>6445</v>
      </c>
      <c r="BE1686" t="s">
        <v>68</v>
      </c>
    </row>
    <row r="1687" spans="1:57" x14ac:dyDescent="0.3">
      <c r="A1687" t="s">
        <v>6446</v>
      </c>
      <c r="B1687">
        <v>3848</v>
      </c>
      <c r="C1687" t="s">
        <v>6447</v>
      </c>
      <c r="D1687" t="s">
        <v>6448</v>
      </c>
      <c r="E1687" t="s">
        <v>115</v>
      </c>
      <c r="F1687">
        <v>3984</v>
      </c>
      <c r="G1687">
        <v>127.8729919678715</v>
      </c>
      <c r="H1687">
        <v>128</v>
      </c>
      <c r="I1687">
        <v>5409.1942103252368</v>
      </c>
      <c r="J1687">
        <v>73.547224355003621</v>
      </c>
      <c r="K1687">
        <v>5.3424649273833696E-3</v>
      </c>
      <c r="L1687">
        <v>-1.2093077677032369</v>
      </c>
      <c r="M1687">
        <v>7.9550383908556617</v>
      </c>
      <c r="N1687">
        <v>27</v>
      </c>
      <c r="O1687">
        <v>3</v>
      </c>
      <c r="P1687">
        <v>24</v>
      </c>
      <c r="Q1687">
        <v>3.8522517765587438</v>
      </c>
      <c r="R1687">
        <v>5.5140124318677204</v>
      </c>
      <c r="S1687">
        <v>3</v>
      </c>
      <c r="T1687">
        <v>1</v>
      </c>
      <c r="U1687">
        <v>2</v>
      </c>
      <c r="V1687">
        <v>0.16083952841122121</v>
      </c>
      <c r="W1687">
        <v>8.2550706138021823</v>
      </c>
      <c r="X1687">
        <v>1</v>
      </c>
      <c r="Y1687">
        <v>1</v>
      </c>
      <c r="Z1687">
        <v>0</v>
      </c>
      <c r="AA1687">
        <v>0</v>
      </c>
      <c r="AB1687">
        <v>8.289539484624143</v>
      </c>
      <c r="AC1687">
        <v>1</v>
      </c>
      <c r="AD1687">
        <v>1</v>
      </c>
      <c r="AE1687">
        <v>0</v>
      </c>
      <c r="AF1687">
        <v>0</v>
      </c>
      <c r="AG1687">
        <v>8.2892883230003171</v>
      </c>
      <c r="AH1687">
        <v>-4.1683784008026477E-2</v>
      </c>
      <c r="AI1687">
        <v>-7.0165139746637259E-3</v>
      </c>
      <c r="AJ1687">
        <v>-2.308130279715181E-3</v>
      </c>
      <c r="AK1687">
        <v>7.9604539906055483E-3</v>
      </c>
      <c r="AL1687">
        <v>4266.3239778289026</v>
      </c>
      <c r="AM1687">
        <v>8276.0554442440862</v>
      </c>
      <c r="AN1687">
        <v>509446</v>
      </c>
      <c r="AO1687">
        <v>74.426162863539787</v>
      </c>
      <c r="AP1687">
        <v>3860.0509035718828</v>
      </c>
      <c r="AQ1687">
        <v>1.0057730923694781</v>
      </c>
      <c r="AR1687">
        <v>4.0133032128514046</v>
      </c>
      <c r="AS1687">
        <v>3969</v>
      </c>
      <c r="AT1687">
        <v>244.11244979919681</v>
      </c>
      <c r="AU1687">
        <v>8.8501063075833164E-3</v>
      </c>
      <c r="AV1687">
        <v>-4.1694037933632078E-2</v>
      </c>
      <c r="AW1687">
        <v>0.37550200803212852</v>
      </c>
      <c r="AX1687">
        <v>87.139844338438365</v>
      </c>
      <c r="AY1687">
        <v>64.5</v>
      </c>
      <c r="AZ1687">
        <v>129</v>
      </c>
      <c r="BA1687">
        <v>0.57515839133163171</v>
      </c>
      <c r="BB1687">
        <v>0.50050200803212852</v>
      </c>
      <c r="BC1687">
        <v>5.3373049737682443</v>
      </c>
      <c r="BD1687" t="s">
        <v>6449</v>
      </c>
      <c r="BE1687" t="s">
        <v>62</v>
      </c>
    </row>
    <row r="1688" spans="1:57" x14ac:dyDescent="0.3">
      <c r="A1688" t="s">
        <v>6450</v>
      </c>
      <c r="B1688">
        <v>2986</v>
      </c>
      <c r="C1688" t="s">
        <v>6451</v>
      </c>
      <c r="D1688" t="s">
        <v>6452</v>
      </c>
      <c r="E1688" t="s">
        <v>115</v>
      </c>
      <c r="F1688">
        <v>3024</v>
      </c>
      <c r="G1688">
        <v>125.85846560846559</v>
      </c>
      <c r="H1688">
        <v>124</v>
      </c>
      <c r="I1688">
        <v>5364.9072166932619</v>
      </c>
      <c r="J1688">
        <v>73.245526939829318</v>
      </c>
      <c r="K1688">
        <v>3.4668739438519121E-2</v>
      </c>
      <c r="L1688">
        <v>-1.1664264006223299</v>
      </c>
      <c r="M1688">
        <v>7.9436517456470961</v>
      </c>
      <c r="N1688">
        <v>21</v>
      </c>
      <c r="O1688">
        <v>4</v>
      </c>
      <c r="P1688">
        <v>17</v>
      </c>
      <c r="Q1688">
        <v>3.263792847286727</v>
      </c>
      <c r="R1688">
        <v>5.5061198108453668</v>
      </c>
      <c r="S1688">
        <v>2</v>
      </c>
      <c r="T1688">
        <v>1</v>
      </c>
      <c r="U1688">
        <v>1</v>
      </c>
      <c r="V1688">
        <v>0.15320906082512409</v>
      </c>
      <c r="W1688">
        <v>7.9814456498772053</v>
      </c>
      <c r="X1688">
        <v>1</v>
      </c>
      <c r="Y1688">
        <v>1</v>
      </c>
      <c r="Z1688">
        <v>0</v>
      </c>
      <c r="AA1688">
        <v>0</v>
      </c>
      <c r="AB1688">
        <v>8.0136741428326825</v>
      </c>
      <c r="AC1688">
        <v>1</v>
      </c>
      <c r="AD1688">
        <v>1</v>
      </c>
      <c r="AE1688">
        <v>0</v>
      </c>
      <c r="AF1688">
        <v>0</v>
      </c>
      <c r="AG1688">
        <v>8.01334318138667</v>
      </c>
      <c r="AH1688">
        <v>-2.5657875144381611E-2</v>
      </c>
      <c r="AI1688">
        <v>-2.0065750727003898E-2</v>
      </c>
      <c r="AJ1688">
        <v>-3.4127429265371732E-2</v>
      </c>
      <c r="AK1688">
        <v>-2.8046842831727859E-2</v>
      </c>
      <c r="AL1688">
        <v>3698.6743998770021</v>
      </c>
      <c r="AM1688">
        <v>7102.430266021237</v>
      </c>
      <c r="AN1688">
        <v>380596</v>
      </c>
      <c r="AO1688">
        <v>11.93853014146922</v>
      </c>
      <c r="AP1688">
        <v>3410.8561156870278</v>
      </c>
      <c r="AQ1688">
        <v>1.00760582010582</v>
      </c>
      <c r="AR1688">
        <v>3.9788359788359791</v>
      </c>
      <c r="AS1688">
        <v>3011</v>
      </c>
      <c r="AT1688">
        <v>230.8571428571428</v>
      </c>
      <c r="AU1688">
        <v>2.0448179271708718E-2</v>
      </c>
      <c r="AV1688">
        <v>-2.566205222263615E-2</v>
      </c>
      <c r="AW1688">
        <v>0.38624338624338622</v>
      </c>
      <c r="AX1688">
        <v>85.853126033741319</v>
      </c>
      <c r="AY1688">
        <v>63</v>
      </c>
      <c r="AZ1688">
        <v>125</v>
      </c>
      <c r="BA1688">
        <v>0.5819674233729305</v>
      </c>
      <c r="BB1688">
        <v>0.49537037037037029</v>
      </c>
      <c r="BC1688">
        <v>5.3133667377055982</v>
      </c>
      <c r="BD1688" t="s">
        <v>6453</v>
      </c>
      <c r="BE1688" t="s">
        <v>62</v>
      </c>
    </row>
    <row r="1689" spans="1:57" x14ac:dyDescent="0.3">
      <c r="A1689" t="s">
        <v>6454</v>
      </c>
      <c r="B1689">
        <v>626</v>
      </c>
      <c r="C1689" t="s">
        <v>6455</v>
      </c>
      <c r="D1689" t="s">
        <v>6456</v>
      </c>
      <c r="E1689" t="s">
        <v>115</v>
      </c>
      <c r="F1689">
        <v>684</v>
      </c>
      <c r="G1689">
        <v>122.06578947368421</v>
      </c>
      <c r="H1689">
        <v>118</v>
      </c>
      <c r="I1689">
        <v>5784.5409933825786</v>
      </c>
      <c r="J1689">
        <v>76.056169988913979</v>
      </c>
      <c r="K1689">
        <v>0.1004426323599472</v>
      </c>
      <c r="L1689">
        <v>-1.221898225318635</v>
      </c>
      <c r="M1689">
        <v>7.7287630888018386</v>
      </c>
      <c r="N1689">
        <v>11</v>
      </c>
      <c r="O1689">
        <v>1</v>
      </c>
      <c r="P1689">
        <v>10</v>
      </c>
      <c r="Q1689">
        <v>1.486455020545864</v>
      </c>
      <c r="R1689">
        <v>5.3571703442187619</v>
      </c>
      <c r="S1689">
        <v>2</v>
      </c>
      <c r="T1689">
        <v>1</v>
      </c>
      <c r="U1689">
        <v>1</v>
      </c>
      <c r="V1689">
        <v>5.4113144706867213E-2</v>
      </c>
      <c r="W1689">
        <v>6.522435432451843</v>
      </c>
      <c r="X1689">
        <v>1</v>
      </c>
      <c r="Y1689">
        <v>1</v>
      </c>
      <c r="Z1689">
        <v>0</v>
      </c>
      <c r="AA1689">
        <v>0</v>
      </c>
      <c r="AB1689">
        <v>6.5250296578434632</v>
      </c>
      <c r="AC1689">
        <v>1</v>
      </c>
      <c r="AD1689">
        <v>1</v>
      </c>
      <c r="AE1689">
        <v>0</v>
      </c>
      <c r="AF1689">
        <v>0</v>
      </c>
      <c r="AG1689">
        <v>6.5235623061495112</v>
      </c>
      <c r="AH1689">
        <v>-3.574563816198334E-2</v>
      </c>
      <c r="AI1689">
        <v>-3.7397265756836023E-2</v>
      </c>
      <c r="AJ1689">
        <v>-3.0905969512045099E-2</v>
      </c>
      <c r="AK1689">
        <v>-4.25437147506438E-2</v>
      </c>
      <c r="AL1689">
        <v>1882.7140252752481</v>
      </c>
      <c r="AM1689">
        <v>3256.3250604065738</v>
      </c>
      <c r="AN1689">
        <v>83493</v>
      </c>
      <c r="AO1689">
        <v>35.481890609469353</v>
      </c>
      <c r="AP1689">
        <v>1687.64737224345</v>
      </c>
      <c r="AQ1689">
        <v>1.0336257309941519</v>
      </c>
      <c r="AR1689">
        <v>3.884502923976608</v>
      </c>
      <c r="AS1689">
        <v>678</v>
      </c>
      <c r="AT1689">
        <v>189.18128654970761</v>
      </c>
      <c r="AU1689">
        <v>5.0705194358445123E-2</v>
      </c>
      <c r="AV1689">
        <v>-3.5792519606012763E-2</v>
      </c>
      <c r="AW1689">
        <v>0.36695906432748537</v>
      </c>
      <c r="AX1689">
        <v>89.475841874084921</v>
      </c>
      <c r="AY1689">
        <v>66</v>
      </c>
      <c r="AZ1689">
        <v>128.5</v>
      </c>
      <c r="BA1689">
        <v>0.62307523112616825</v>
      </c>
      <c r="BB1689">
        <v>0.49122807017543862</v>
      </c>
      <c r="BC1689">
        <v>5.211029844400513</v>
      </c>
      <c r="BD1689" t="s">
        <v>6457</v>
      </c>
      <c r="BE1689" t="s">
        <v>68</v>
      </c>
    </row>
    <row r="1690" spans="1:57" x14ac:dyDescent="0.3">
      <c r="A1690" t="s">
        <v>6458</v>
      </c>
      <c r="B1690">
        <v>1684</v>
      </c>
      <c r="C1690" t="s">
        <v>6459</v>
      </c>
      <c r="D1690" t="s">
        <v>6460</v>
      </c>
      <c r="E1690" t="s">
        <v>115</v>
      </c>
      <c r="F1690">
        <v>1734</v>
      </c>
      <c r="G1690">
        <v>127.9261822376009</v>
      </c>
      <c r="H1690">
        <v>127</v>
      </c>
      <c r="I1690">
        <v>5348.3371114915872</v>
      </c>
      <c r="J1690">
        <v>73.132326036381386</v>
      </c>
      <c r="K1690">
        <v>8.1259231836867882E-3</v>
      </c>
      <c r="L1690">
        <v>-1.1819367471655149</v>
      </c>
      <c r="M1690">
        <v>7.9057232880800594</v>
      </c>
      <c r="N1690">
        <v>14</v>
      </c>
      <c r="O1690">
        <v>1</v>
      </c>
      <c r="P1690">
        <v>13</v>
      </c>
      <c r="Q1690">
        <v>2.4309683119271108</v>
      </c>
      <c r="R1690">
        <v>5.4798298074197938</v>
      </c>
      <c r="S1690">
        <v>2</v>
      </c>
      <c r="T1690">
        <v>1</v>
      </c>
      <c r="U1690">
        <v>1</v>
      </c>
      <c r="V1690">
        <v>0.10742023890495241</v>
      </c>
      <c r="W1690">
        <v>7.4416105088602134</v>
      </c>
      <c r="X1690">
        <v>1</v>
      </c>
      <c r="Y1690">
        <v>1</v>
      </c>
      <c r="Z1690">
        <v>0</v>
      </c>
      <c r="AA1690">
        <v>0</v>
      </c>
      <c r="AB1690">
        <v>7.4570320891223787</v>
      </c>
      <c r="AC1690">
        <v>1</v>
      </c>
      <c r="AD1690">
        <v>1</v>
      </c>
      <c r="AE1690">
        <v>0</v>
      </c>
      <c r="AF1690">
        <v>0</v>
      </c>
      <c r="AG1690">
        <v>7.456454555176208</v>
      </c>
      <c r="AH1690">
        <v>-2.7156558665172251E-2</v>
      </c>
      <c r="AI1690">
        <v>-4.1248675095706781E-2</v>
      </c>
      <c r="AJ1690">
        <v>-6.8523749583179793E-3</v>
      </c>
      <c r="AK1690">
        <v>1.216181665931183E-2</v>
      </c>
      <c r="AL1690">
        <v>2820.774302297511</v>
      </c>
      <c r="AM1690">
        <v>5449.251906041598</v>
      </c>
      <c r="AN1690">
        <v>221824</v>
      </c>
      <c r="AO1690">
        <v>93.780764866314655</v>
      </c>
      <c r="AP1690">
        <v>2557.2791631563091</v>
      </c>
      <c r="AQ1690">
        <v>1.013264129181084</v>
      </c>
      <c r="AR1690">
        <v>4.0495963091118803</v>
      </c>
      <c r="AS1690">
        <v>1730</v>
      </c>
      <c r="AT1690">
        <v>223.3517877739331</v>
      </c>
      <c r="AU1690">
        <v>1.44175317185698E-2</v>
      </c>
      <c r="AV1690">
        <v>-2.717837135580025E-2</v>
      </c>
      <c r="AW1690">
        <v>0.38235294117647062</v>
      </c>
      <c r="AX1690">
        <v>85.769763416041542</v>
      </c>
      <c r="AY1690">
        <v>64</v>
      </c>
      <c r="AZ1690">
        <v>128</v>
      </c>
      <c r="BA1690">
        <v>0.57167598342418002</v>
      </c>
      <c r="BB1690">
        <v>0.49884659746251442</v>
      </c>
      <c r="BC1690">
        <v>5.2832186768373752</v>
      </c>
      <c r="BD1690" t="s">
        <v>6461</v>
      </c>
      <c r="BE1690" t="s">
        <v>68</v>
      </c>
    </row>
    <row r="1691" spans="1:57" x14ac:dyDescent="0.3">
      <c r="A1691" t="s">
        <v>6462</v>
      </c>
      <c r="B1691">
        <v>2378</v>
      </c>
      <c r="C1691" t="s">
        <v>6463</v>
      </c>
      <c r="D1691" t="s">
        <v>6464</v>
      </c>
      <c r="E1691" t="s">
        <v>66</v>
      </c>
      <c r="F1691">
        <v>71</v>
      </c>
      <c r="G1691">
        <v>115.0422535211268</v>
      </c>
      <c r="H1691">
        <v>105</v>
      </c>
      <c r="I1691">
        <v>5535.8714540765723</v>
      </c>
      <c r="J1691">
        <v>74.403437111981404</v>
      </c>
      <c r="K1691">
        <v>0.19704809881115551</v>
      </c>
      <c r="L1691">
        <v>-1.214712650121792</v>
      </c>
      <c r="M1691">
        <v>5.8186235278944398</v>
      </c>
      <c r="N1691">
        <v>3</v>
      </c>
      <c r="O1691">
        <v>1</v>
      </c>
      <c r="P1691">
        <v>2</v>
      </c>
      <c r="Q1691">
        <v>0.46517619123176213</v>
      </c>
      <c r="R1691">
        <v>4.0331624930997956</v>
      </c>
      <c r="S1691">
        <v>1</v>
      </c>
      <c r="T1691">
        <v>1</v>
      </c>
      <c r="U1691">
        <v>0</v>
      </c>
      <c r="V1691">
        <v>0</v>
      </c>
      <c r="W1691">
        <v>4.2484952420493576</v>
      </c>
      <c r="X1691">
        <v>1</v>
      </c>
      <c r="Y1691">
        <v>1</v>
      </c>
      <c r="Z1691">
        <v>0</v>
      </c>
      <c r="AA1691">
        <v>0</v>
      </c>
      <c r="AB1691">
        <v>4.2341065045972579</v>
      </c>
      <c r="AC1691">
        <v>1</v>
      </c>
      <c r="AD1691">
        <v>1</v>
      </c>
      <c r="AE1691">
        <v>0</v>
      </c>
      <c r="AF1691">
        <v>0</v>
      </c>
      <c r="AG1691">
        <v>4.2195077051761087</v>
      </c>
      <c r="AH1691">
        <v>0.1313425354005528</v>
      </c>
      <c r="AI1691">
        <v>4.9641419913034501E-2</v>
      </c>
      <c r="AJ1691">
        <v>-5.0908035554809404E-3</v>
      </c>
      <c r="AK1691">
        <v>-3.6912354345065887E-2</v>
      </c>
      <c r="AL1691">
        <v>668.02458088021694</v>
      </c>
      <c r="AM1691">
        <v>941.5174769168176</v>
      </c>
      <c r="AN1691">
        <v>8168</v>
      </c>
      <c r="AO1691">
        <v>164.20750327486189</v>
      </c>
      <c r="AP1691">
        <v>472.44089751174158</v>
      </c>
      <c r="AQ1691">
        <v>1.323943661971831</v>
      </c>
      <c r="AR1691">
        <v>3.704225352112676</v>
      </c>
      <c r="AS1691">
        <v>70</v>
      </c>
      <c r="AT1691">
        <v>10.971830985915499</v>
      </c>
      <c r="AU1691">
        <v>0.10879449927913939</v>
      </c>
      <c r="AV1691">
        <v>0.13219133206027031</v>
      </c>
      <c r="AW1691">
        <v>0.42253521126760563</v>
      </c>
      <c r="AX1691">
        <v>77.842857142857142</v>
      </c>
      <c r="AY1691">
        <v>63</v>
      </c>
      <c r="AZ1691">
        <v>130</v>
      </c>
      <c r="BA1691">
        <v>0.64674877998906455</v>
      </c>
      <c r="BB1691">
        <v>0.47887323943661969</v>
      </c>
      <c r="BC1691">
        <v>4.0751116538138126</v>
      </c>
      <c r="BD1691" t="s">
        <v>6465</v>
      </c>
      <c r="BE1691" t="s">
        <v>68</v>
      </c>
    </row>
    <row r="1692" spans="1:57" x14ac:dyDescent="0.3">
      <c r="A1692" t="s">
        <v>6466</v>
      </c>
      <c r="B1692">
        <v>130</v>
      </c>
      <c r="C1692" t="s">
        <v>6467</v>
      </c>
      <c r="D1692" t="s">
        <v>6468</v>
      </c>
      <c r="E1692" t="s">
        <v>60</v>
      </c>
      <c r="F1692">
        <v>512</v>
      </c>
      <c r="G1692">
        <v>125.06640625</v>
      </c>
      <c r="H1692">
        <v>123</v>
      </c>
      <c r="I1692">
        <v>5490.2534027099609</v>
      </c>
      <c r="J1692">
        <v>74.09624418761021</v>
      </c>
      <c r="K1692">
        <v>8.5340189884360207E-2</v>
      </c>
      <c r="L1692">
        <v>-1.2212985717098159</v>
      </c>
      <c r="M1692">
        <v>7.5651557513724033</v>
      </c>
      <c r="N1692">
        <v>8</v>
      </c>
      <c r="O1692">
        <v>1</v>
      </c>
      <c r="P1692">
        <v>7</v>
      </c>
      <c r="Q1692">
        <v>1.379650907481931</v>
      </c>
      <c r="R1692">
        <v>5.2437663795606344</v>
      </c>
      <c r="S1692">
        <v>2</v>
      </c>
      <c r="T1692">
        <v>1</v>
      </c>
      <c r="U1692">
        <v>1</v>
      </c>
      <c r="V1692">
        <v>4.4237310481092057E-2</v>
      </c>
      <c r="W1692">
        <v>6.2336566853874222</v>
      </c>
      <c r="X1692">
        <v>1</v>
      </c>
      <c r="Y1692">
        <v>1</v>
      </c>
      <c r="Z1692">
        <v>0</v>
      </c>
      <c r="AA1692">
        <v>0</v>
      </c>
      <c r="AB1692">
        <v>6.2344107257183694</v>
      </c>
      <c r="AC1692">
        <v>1</v>
      </c>
      <c r="AD1692">
        <v>1</v>
      </c>
      <c r="AE1692">
        <v>0</v>
      </c>
      <c r="AF1692">
        <v>0</v>
      </c>
      <c r="AG1692">
        <v>6.2324480165505216</v>
      </c>
      <c r="AH1692">
        <v>-3.8467607989110753E-2</v>
      </c>
      <c r="AI1692">
        <v>-6.5503156146130117E-3</v>
      </c>
      <c r="AJ1692">
        <v>-3.3431470765579369E-2</v>
      </c>
      <c r="AK1692">
        <v>3.006869041214149E-2</v>
      </c>
      <c r="AL1692">
        <v>1611.137860197296</v>
      </c>
      <c r="AM1692">
        <v>2867.707585413631</v>
      </c>
      <c r="AN1692">
        <v>64034</v>
      </c>
      <c r="AO1692">
        <v>61.249403412467217</v>
      </c>
      <c r="AP1692">
        <v>1392.1361555646561</v>
      </c>
      <c r="AQ1692">
        <v>1.044921875</v>
      </c>
      <c r="AR1692">
        <v>3.984375</v>
      </c>
      <c r="AS1692">
        <v>507</v>
      </c>
      <c r="AT1692">
        <v>184.875</v>
      </c>
      <c r="AU1692">
        <v>4.357383578431373E-2</v>
      </c>
      <c r="AV1692">
        <v>-3.8511313939381987E-2</v>
      </c>
      <c r="AW1692">
        <v>0.384765625</v>
      </c>
      <c r="AX1692">
        <v>87.99412915851272</v>
      </c>
      <c r="AY1692">
        <v>65</v>
      </c>
      <c r="AZ1692">
        <v>132</v>
      </c>
      <c r="BA1692">
        <v>0.59245521166968218</v>
      </c>
      <c r="BB1692">
        <v>0.49609375</v>
      </c>
      <c r="BC1692">
        <v>5.1036676249304271</v>
      </c>
      <c r="BD1692" t="s">
        <v>6469</v>
      </c>
      <c r="BE1692" t="s">
        <v>62</v>
      </c>
    </row>
    <row r="1693" spans="1:57" x14ac:dyDescent="0.3">
      <c r="A1693" t="s">
        <v>6470</v>
      </c>
      <c r="B1693">
        <v>3931</v>
      </c>
      <c r="C1693" t="s">
        <v>6471</v>
      </c>
      <c r="D1693" t="s">
        <v>6472</v>
      </c>
      <c r="E1693" t="s">
        <v>10622</v>
      </c>
      <c r="F1693">
        <v>64</v>
      </c>
      <c r="G1693">
        <v>114.96875</v>
      </c>
      <c r="H1693">
        <v>104</v>
      </c>
      <c r="I1693">
        <v>4479.7802734375</v>
      </c>
      <c r="J1693">
        <v>66.931160705888701</v>
      </c>
      <c r="K1693">
        <v>0.26319104625205259</v>
      </c>
      <c r="L1693">
        <v>-0.92867702448124012</v>
      </c>
      <c r="M1693">
        <v>5.738204882778696</v>
      </c>
      <c r="N1693">
        <v>3</v>
      </c>
      <c r="O1693">
        <v>1</v>
      </c>
      <c r="P1693">
        <v>2</v>
      </c>
      <c r="Q1693">
        <v>0.3976974544878587</v>
      </c>
      <c r="R1693">
        <v>3.9774205359733652</v>
      </c>
      <c r="S1693">
        <v>1</v>
      </c>
      <c r="T1693">
        <v>1</v>
      </c>
      <c r="U1693">
        <v>0</v>
      </c>
      <c r="V1693">
        <v>0</v>
      </c>
      <c r="W1693">
        <v>4.1431347263915326</v>
      </c>
      <c r="X1693">
        <v>1</v>
      </c>
      <c r="Y1693">
        <v>1</v>
      </c>
      <c r="Z1693">
        <v>0</v>
      </c>
      <c r="AA1693">
        <v>0</v>
      </c>
      <c r="AB1693">
        <v>4.1271343850450908</v>
      </c>
      <c r="AC1693">
        <v>1</v>
      </c>
      <c r="AD1693">
        <v>1</v>
      </c>
      <c r="AE1693">
        <v>0</v>
      </c>
      <c r="AF1693">
        <v>0</v>
      </c>
      <c r="AG1693">
        <v>4.1108738641733096</v>
      </c>
      <c r="AH1693">
        <v>0.1197596806778287</v>
      </c>
      <c r="AI1693">
        <v>-6.9536738153966549E-2</v>
      </c>
      <c r="AJ1693">
        <v>2.125259480260153E-2</v>
      </c>
      <c r="AK1693">
        <v>6.1586478251344202E-2</v>
      </c>
      <c r="AL1693">
        <v>586.34601646253441</v>
      </c>
      <c r="AM1693">
        <v>888.16909931528096</v>
      </c>
      <c r="AN1693">
        <v>7358</v>
      </c>
      <c r="AO1693">
        <v>66.168771588233838</v>
      </c>
      <c r="AP1693">
        <v>482.89226305499972</v>
      </c>
      <c r="AQ1693">
        <v>1.359375</v>
      </c>
      <c r="AR1693">
        <v>3.8125</v>
      </c>
      <c r="AS1693">
        <v>64</v>
      </c>
      <c r="AT1693">
        <v>7.75</v>
      </c>
      <c r="AU1693">
        <v>0.1264763779527559</v>
      </c>
      <c r="AV1693">
        <v>0.1249217594781734</v>
      </c>
      <c r="AW1693">
        <v>0.484375</v>
      </c>
      <c r="AX1693">
        <v>71.841269841269835</v>
      </c>
      <c r="AY1693">
        <v>49.5</v>
      </c>
      <c r="AZ1693">
        <v>106.5</v>
      </c>
      <c r="BA1693">
        <v>0.58216829099984735</v>
      </c>
      <c r="BB1693">
        <v>0.4375</v>
      </c>
      <c r="BC1693">
        <v>3.8981714241297469</v>
      </c>
      <c r="BD1693" t="s">
        <v>6473</v>
      </c>
      <c r="BE1693" t="s">
        <v>62</v>
      </c>
    </row>
    <row r="1694" spans="1:57" x14ac:dyDescent="0.3">
      <c r="A1694" t="s">
        <v>6474</v>
      </c>
      <c r="B1694">
        <v>2803</v>
      </c>
      <c r="C1694" t="s">
        <v>6475</v>
      </c>
      <c r="D1694" t="s">
        <v>6476</v>
      </c>
      <c r="E1694" t="s">
        <v>85</v>
      </c>
      <c r="F1694">
        <v>8</v>
      </c>
      <c r="G1694">
        <v>105.125</v>
      </c>
      <c r="H1694">
        <v>96</v>
      </c>
      <c r="I1694">
        <v>5719.109375</v>
      </c>
      <c r="J1694">
        <v>75.624793388147509</v>
      </c>
      <c r="K1694">
        <v>0.37457753859925269</v>
      </c>
      <c r="L1694">
        <v>-1.0023016003317451</v>
      </c>
      <c r="M1694">
        <v>3</v>
      </c>
      <c r="N1694">
        <v>1</v>
      </c>
      <c r="O1694">
        <v>1</v>
      </c>
      <c r="P1694">
        <v>0</v>
      </c>
      <c r="Q1694">
        <v>0</v>
      </c>
      <c r="R1694">
        <v>2.0794415416798362</v>
      </c>
      <c r="S1694">
        <v>1</v>
      </c>
      <c r="T1694">
        <v>1</v>
      </c>
      <c r="U1694">
        <v>0</v>
      </c>
      <c r="V1694">
        <v>0</v>
      </c>
      <c r="W1694">
        <v>1.945910149055313</v>
      </c>
      <c r="X1694">
        <v>1</v>
      </c>
      <c r="Y1694">
        <v>1</v>
      </c>
      <c r="Z1694">
        <v>0</v>
      </c>
      <c r="AA1694">
        <v>0</v>
      </c>
      <c r="AB1694">
        <v>1.791759469228055</v>
      </c>
      <c r="AC1694">
        <v>1</v>
      </c>
      <c r="AD1694">
        <v>1</v>
      </c>
      <c r="AE1694">
        <v>0</v>
      </c>
      <c r="AF1694">
        <v>0</v>
      </c>
      <c r="AG1694">
        <v>1.6094379124341009</v>
      </c>
      <c r="AH1694">
        <v>-0.27713593134857639</v>
      </c>
      <c r="AI1694">
        <v>-0.39133674659789142</v>
      </c>
      <c r="AJ1694">
        <v>-0.2374922477549225</v>
      </c>
      <c r="AK1694">
        <v>0</v>
      </c>
      <c r="AL1694">
        <v>294.11968362535561</v>
      </c>
      <c r="AM1694">
        <v>218.30394340029841</v>
      </c>
      <c r="AN1694">
        <v>841</v>
      </c>
      <c r="AO1694">
        <v>128.56979128753949</v>
      </c>
      <c r="AP1694">
        <v>262.35054558410678</v>
      </c>
      <c r="AQ1694">
        <v>3.5</v>
      </c>
      <c r="AR1694">
        <v>3.5</v>
      </c>
      <c r="AS1694">
        <v>8</v>
      </c>
      <c r="AT1694">
        <v>0</v>
      </c>
      <c r="AU1694">
        <v>0.23259493670886081</v>
      </c>
      <c r="AV1694">
        <v>-0.31338701748218678</v>
      </c>
      <c r="AW1694">
        <v>0.375</v>
      </c>
      <c r="AX1694">
        <v>105.5714285714286</v>
      </c>
      <c r="AY1694">
        <v>58.5</v>
      </c>
      <c r="AZ1694">
        <v>99.75</v>
      </c>
      <c r="BA1694">
        <v>0.71937972307393583</v>
      </c>
      <c r="BB1694">
        <v>0.375</v>
      </c>
      <c r="BC1694">
        <v>1.945910149055313</v>
      </c>
      <c r="BD1694" t="s">
        <v>6475</v>
      </c>
      <c r="BE1694" t="s">
        <v>68</v>
      </c>
    </row>
    <row r="1695" spans="1:57" x14ac:dyDescent="0.3">
      <c r="A1695" t="s">
        <v>6477</v>
      </c>
      <c r="B1695">
        <v>2891</v>
      </c>
      <c r="C1695" t="s">
        <v>6478</v>
      </c>
      <c r="D1695" t="s">
        <v>6479</v>
      </c>
      <c r="E1695" t="s">
        <v>115</v>
      </c>
      <c r="F1695">
        <v>2928</v>
      </c>
      <c r="G1695">
        <v>126.6752049180328</v>
      </c>
      <c r="H1695">
        <v>125</v>
      </c>
      <c r="I1695">
        <v>5579.6168442203034</v>
      </c>
      <c r="J1695">
        <v>74.696832892836255</v>
      </c>
      <c r="K1695">
        <v>3.6881348451855298E-2</v>
      </c>
      <c r="L1695">
        <v>-1.2054351742776801</v>
      </c>
      <c r="M1695">
        <v>7.9337858395956324</v>
      </c>
      <c r="N1695">
        <v>21</v>
      </c>
      <c r="O1695">
        <v>3</v>
      </c>
      <c r="P1695">
        <v>18</v>
      </c>
      <c r="Q1695">
        <v>3.398644031080631</v>
      </c>
      <c r="R1695">
        <v>5.4992812858821241</v>
      </c>
      <c r="S1695">
        <v>3</v>
      </c>
      <c r="T1695">
        <v>1</v>
      </c>
      <c r="U1695">
        <v>2</v>
      </c>
      <c r="V1695">
        <v>0.15798564673698451</v>
      </c>
      <c r="W1695">
        <v>7.9486957714186364</v>
      </c>
      <c r="X1695">
        <v>2</v>
      </c>
      <c r="Y1695">
        <v>1</v>
      </c>
      <c r="Z1695">
        <v>1</v>
      </c>
      <c r="AA1695">
        <v>1.8486845585771999E-2</v>
      </c>
      <c r="AB1695">
        <v>7.9809177967676597</v>
      </c>
      <c r="AC1695">
        <v>1</v>
      </c>
      <c r="AD1695">
        <v>1</v>
      </c>
      <c r="AE1695">
        <v>0</v>
      </c>
      <c r="AF1695">
        <v>0</v>
      </c>
      <c r="AG1695">
        <v>7.9810497596659564</v>
      </c>
      <c r="AH1695">
        <v>1.2181211644753789E-2</v>
      </c>
      <c r="AI1695">
        <v>-2.238399612246772E-2</v>
      </c>
      <c r="AJ1695">
        <v>-3.2044080556755533E-2</v>
      </c>
      <c r="AK1695">
        <v>3.0971172715425158E-3</v>
      </c>
      <c r="AL1695">
        <v>3689.8897863934721</v>
      </c>
      <c r="AM1695">
        <v>7050.2693823902309</v>
      </c>
      <c r="AN1695">
        <v>370905</v>
      </c>
      <c r="AO1695">
        <v>46.354616272312178</v>
      </c>
      <c r="AP1695">
        <v>3339.031621257705</v>
      </c>
      <c r="AQ1695">
        <v>1.007855191256831</v>
      </c>
      <c r="AR1695">
        <v>4.0252732240437146</v>
      </c>
      <c r="AS1695">
        <v>2919</v>
      </c>
      <c r="AT1695">
        <v>258.53551912568309</v>
      </c>
      <c r="AU1695">
        <v>1.8056894889103111E-2</v>
      </c>
      <c r="AV1695">
        <v>1.2185073557793131E-2</v>
      </c>
      <c r="AW1695">
        <v>0.37704918032786883</v>
      </c>
      <c r="AX1695">
        <v>85.346088144858214</v>
      </c>
      <c r="AY1695">
        <v>64</v>
      </c>
      <c r="AZ1695">
        <v>128</v>
      </c>
      <c r="BA1695">
        <v>0.58967209045503444</v>
      </c>
      <c r="BB1695">
        <v>0.49658469945355188</v>
      </c>
      <c r="BC1695">
        <v>5.3171892573009956</v>
      </c>
      <c r="BD1695" t="s">
        <v>6480</v>
      </c>
      <c r="BE1695" t="s">
        <v>62</v>
      </c>
    </row>
    <row r="1696" spans="1:57" x14ac:dyDescent="0.3">
      <c r="A1696" t="s">
        <v>6481</v>
      </c>
      <c r="B1696">
        <v>3828</v>
      </c>
      <c r="C1696" t="s">
        <v>6482</v>
      </c>
      <c r="D1696" t="s">
        <v>6483</v>
      </c>
      <c r="E1696" t="s">
        <v>85</v>
      </c>
      <c r="F1696">
        <v>8</v>
      </c>
      <c r="G1696">
        <v>131.75</v>
      </c>
      <c r="H1696">
        <v>142</v>
      </c>
      <c r="I1696">
        <v>2861.6875</v>
      </c>
      <c r="J1696">
        <v>53.494742732347071</v>
      </c>
      <c r="K1696">
        <v>-1.2553674216220689</v>
      </c>
      <c r="L1696">
        <v>0.90057893403864009</v>
      </c>
      <c r="M1696">
        <v>3</v>
      </c>
      <c r="N1696">
        <v>1</v>
      </c>
      <c r="O1696">
        <v>1</v>
      </c>
      <c r="P1696">
        <v>0</v>
      </c>
      <c r="Q1696">
        <v>0</v>
      </c>
      <c r="R1696">
        <v>2.0794415416798362</v>
      </c>
      <c r="S1696">
        <v>1</v>
      </c>
      <c r="T1696">
        <v>1</v>
      </c>
      <c r="U1696">
        <v>0</v>
      </c>
      <c r="V1696">
        <v>0</v>
      </c>
      <c r="W1696">
        <v>1.945910149055313</v>
      </c>
      <c r="X1696">
        <v>1</v>
      </c>
      <c r="Y1696">
        <v>1</v>
      </c>
      <c r="Z1696">
        <v>0</v>
      </c>
      <c r="AA1696">
        <v>0</v>
      </c>
      <c r="AB1696">
        <v>1.791759469228055</v>
      </c>
      <c r="AC1696">
        <v>1</v>
      </c>
      <c r="AD1696">
        <v>1</v>
      </c>
      <c r="AE1696">
        <v>0</v>
      </c>
      <c r="AF1696">
        <v>0</v>
      </c>
      <c r="AG1696">
        <v>1.6094379124341009</v>
      </c>
      <c r="AH1696">
        <v>-0.2307450804813593</v>
      </c>
      <c r="AI1696">
        <v>4.9582851027584252E-2</v>
      </c>
      <c r="AJ1696">
        <v>-0.32168792452006029</v>
      </c>
      <c r="AK1696">
        <v>0</v>
      </c>
      <c r="AL1696">
        <v>264.07668155584338</v>
      </c>
      <c r="AM1696">
        <v>303.35046770765598</v>
      </c>
      <c r="AN1696">
        <v>1054</v>
      </c>
      <c r="AO1696">
        <v>67.028596123592607</v>
      </c>
      <c r="AP1696">
        <v>173.1390650498906</v>
      </c>
      <c r="AQ1696">
        <v>3.5</v>
      </c>
      <c r="AR1696">
        <v>3.25</v>
      </c>
      <c r="AS1696">
        <v>8</v>
      </c>
      <c r="AT1696">
        <v>0</v>
      </c>
      <c r="AU1696">
        <v>0.40561224489795922</v>
      </c>
      <c r="AV1696">
        <v>-0.51190705557489136</v>
      </c>
      <c r="AW1696">
        <v>0.25</v>
      </c>
      <c r="AX1696">
        <v>61.714285714285722</v>
      </c>
      <c r="AY1696">
        <v>26.5</v>
      </c>
      <c r="AZ1696">
        <v>47.5</v>
      </c>
      <c r="BA1696">
        <v>0.40603220290206499</v>
      </c>
      <c r="BB1696">
        <v>0.625</v>
      </c>
      <c r="BC1696">
        <v>1.945910149055313</v>
      </c>
      <c r="BD1696" t="s">
        <v>6482</v>
      </c>
      <c r="BE1696" t="s">
        <v>68</v>
      </c>
    </row>
    <row r="1697" spans="1:57" x14ac:dyDescent="0.3">
      <c r="A1697" t="s">
        <v>6484</v>
      </c>
      <c r="B1697">
        <v>2209</v>
      </c>
      <c r="C1697" t="s">
        <v>6485</v>
      </c>
      <c r="D1697" t="s">
        <v>6486</v>
      </c>
      <c r="E1697" t="s">
        <v>66</v>
      </c>
      <c r="F1697">
        <v>70</v>
      </c>
      <c r="G1697">
        <v>118.7571428571429</v>
      </c>
      <c r="H1697">
        <v>102</v>
      </c>
      <c r="I1697">
        <v>5378.7838775510199</v>
      </c>
      <c r="J1697">
        <v>73.340192783705035</v>
      </c>
      <c r="K1697">
        <v>0.18465286863663849</v>
      </c>
      <c r="L1697">
        <v>-1.2826990941017851</v>
      </c>
      <c r="M1697">
        <v>5.8721401598021137</v>
      </c>
      <c r="N1697">
        <v>2</v>
      </c>
      <c r="O1697">
        <v>1</v>
      </c>
      <c r="P1697">
        <v>1</v>
      </c>
      <c r="Q1697">
        <v>0.35464438775055629</v>
      </c>
      <c r="R1697">
        <v>4.0702573956196586</v>
      </c>
      <c r="S1697">
        <v>2</v>
      </c>
      <c r="T1697">
        <v>1</v>
      </c>
      <c r="U1697">
        <v>1</v>
      </c>
      <c r="V1697">
        <v>0.1203728348804772</v>
      </c>
      <c r="W1697">
        <v>4.2140152819723324</v>
      </c>
      <c r="X1697">
        <v>1</v>
      </c>
      <c r="Y1697">
        <v>1</v>
      </c>
      <c r="Z1697">
        <v>0</v>
      </c>
      <c r="AA1697">
        <v>0</v>
      </c>
      <c r="AB1697">
        <v>4.2195077051761087</v>
      </c>
      <c r="AC1697">
        <v>1</v>
      </c>
      <c r="AD1697">
        <v>1</v>
      </c>
      <c r="AE1697">
        <v>0</v>
      </c>
      <c r="AF1697">
        <v>0</v>
      </c>
      <c r="AG1697">
        <v>4.2046926193909648</v>
      </c>
      <c r="AH1697">
        <v>0.29519292641214862</v>
      </c>
      <c r="AI1697">
        <v>0.25118134179777402</v>
      </c>
      <c r="AJ1697">
        <v>-8.8430414979895608E-2</v>
      </c>
      <c r="AK1697">
        <v>-0.1048241003159118</v>
      </c>
      <c r="AL1697">
        <v>631.66404639973655</v>
      </c>
      <c r="AM1697">
        <v>982.21358801734743</v>
      </c>
      <c r="AN1697">
        <v>8313</v>
      </c>
      <c r="AO1697">
        <v>55.000000000000028</v>
      </c>
      <c r="AP1697">
        <v>464.10644394707839</v>
      </c>
      <c r="AQ1697">
        <v>1.328571428571429</v>
      </c>
      <c r="AR1697">
        <v>3.9428571428571431</v>
      </c>
      <c r="AS1697">
        <v>69</v>
      </c>
      <c r="AT1697">
        <v>6.6857142857142868</v>
      </c>
      <c r="AU1697">
        <v>0.14705882352941169</v>
      </c>
      <c r="AV1697">
        <v>0.29770113862488518</v>
      </c>
      <c r="AW1697">
        <v>0.41428571428571431</v>
      </c>
      <c r="AX1697">
        <v>70.086956521739125</v>
      </c>
      <c r="AY1697">
        <v>65</v>
      </c>
      <c r="AZ1697">
        <v>126.75</v>
      </c>
      <c r="BA1697">
        <v>0.61756447670628567</v>
      </c>
      <c r="BB1697">
        <v>0.45714285714285707</v>
      </c>
      <c r="BC1697">
        <v>3.9300794685541849</v>
      </c>
      <c r="BD1697" t="s">
        <v>6487</v>
      </c>
      <c r="BE1697" t="s">
        <v>68</v>
      </c>
    </row>
    <row r="1698" spans="1:57" x14ac:dyDescent="0.3">
      <c r="A1698" t="s">
        <v>6488</v>
      </c>
      <c r="B1698">
        <v>139</v>
      </c>
      <c r="C1698" t="s">
        <v>6489</v>
      </c>
      <c r="D1698" t="s">
        <v>6490</v>
      </c>
      <c r="E1698" t="s">
        <v>60</v>
      </c>
      <c r="F1698">
        <v>256</v>
      </c>
      <c r="G1698">
        <v>137.82421875</v>
      </c>
      <c r="H1698">
        <v>143.5</v>
      </c>
      <c r="I1698">
        <v>5557.6839447021484</v>
      </c>
      <c r="J1698">
        <v>74.549875551218378</v>
      </c>
      <c r="K1698">
        <v>-0.1830968183358575</v>
      </c>
      <c r="L1698">
        <v>-1.217881187360069</v>
      </c>
      <c r="M1698">
        <v>7.204734472504132</v>
      </c>
      <c r="N1698">
        <v>6</v>
      </c>
      <c r="O1698">
        <v>1</v>
      </c>
      <c r="P1698">
        <v>5</v>
      </c>
      <c r="Q1698">
        <v>0.81847941321825501</v>
      </c>
      <c r="R1698">
        <v>4.9939413862992836</v>
      </c>
      <c r="S1698">
        <v>1</v>
      </c>
      <c r="T1698">
        <v>1</v>
      </c>
      <c r="U1698">
        <v>0</v>
      </c>
      <c r="V1698">
        <v>0</v>
      </c>
      <c r="W1698">
        <v>5.541263545158424</v>
      </c>
      <c r="X1698">
        <v>1</v>
      </c>
      <c r="Y1698">
        <v>1</v>
      </c>
      <c r="Z1698">
        <v>0</v>
      </c>
      <c r="AA1698">
        <v>0</v>
      </c>
      <c r="AB1698">
        <v>5.5373342670185366</v>
      </c>
      <c r="AC1698">
        <v>1</v>
      </c>
      <c r="AD1698">
        <v>1</v>
      </c>
      <c r="AE1698">
        <v>0</v>
      </c>
      <c r="AF1698">
        <v>0</v>
      </c>
      <c r="AG1698">
        <v>5.5333894887275203</v>
      </c>
      <c r="AH1698">
        <v>-8.7145267310825246E-3</v>
      </c>
      <c r="AI1698">
        <v>1.0699386558467611E-2</v>
      </c>
      <c r="AJ1698">
        <v>4.2593511417716293E-2</v>
      </c>
      <c r="AK1698">
        <v>5.1834948291370761E-3</v>
      </c>
      <c r="AL1698">
        <v>1217.002217738373</v>
      </c>
      <c r="AM1698">
        <v>2191.9225812103591</v>
      </c>
      <c r="AN1698">
        <v>35283</v>
      </c>
      <c r="AO1698">
        <v>91.595352999683286</v>
      </c>
      <c r="AP1698">
        <v>1057.8640793197569</v>
      </c>
      <c r="AQ1698">
        <v>1.08984375</v>
      </c>
      <c r="AR1698">
        <v>4.046875</v>
      </c>
      <c r="AS1698">
        <v>254</v>
      </c>
      <c r="AT1698">
        <v>72.109375</v>
      </c>
      <c r="AU1698">
        <v>7.6838235294117596E-2</v>
      </c>
      <c r="AV1698">
        <v>-8.719390791481936E-3</v>
      </c>
      <c r="AW1698">
        <v>0.33203125</v>
      </c>
      <c r="AX1698">
        <v>85.384313725490202</v>
      </c>
      <c r="AY1698">
        <v>65</v>
      </c>
      <c r="AZ1698">
        <v>131</v>
      </c>
      <c r="BA1698">
        <v>0.5409054825585099</v>
      </c>
      <c r="BB1698">
        <v>0.51953125</v>
      </c>
      <c r="BC1698">
        <v>4.9066607225051921</v>
      </c>
      <c r="BD1698" t="s">
        <v>6491</v>
      </c>
      <c r="BE1698" t="s">
        <v>62</v>
      </c>
    </row>
    <row r="1699" spans="1:57" x14ac:dyDescent="0.3">
      <c r="A1699" t="s">
        <v>6492</v>
      </c>
      <c r="B1699">
        <v>2629</v>
      </c>
      <c r="C1699" t="s">
        <v>6493</v>
      </c>
      <c r="D1699" t="s">
        <v>6494</v>
      </c>
      <c r="E1699" t="s">
        <v>66</v>
      </c>
      <c r="F1699">
        <v>71</v>
      </c>
      <c r="G1699">
        <v>107</v>
      </c>
      <c r="H1699">
        <v>80</v>
      </c>
      <c r="I1699">
        <v>5944.5070422535209</v>
      </c>
      <c r="J1699">
        <v>77.100629324626922</v>
      </c>
      <c r="K1699">
        <v>0.36125868609131773</v>
      </c>
      <c r="L1699">
        <v>-1.163393674760747</v>
      </c>
      <c r="M1699">
        <v>5.8962259927441139</v>
      </c>
      <c r="N1699">
        <v>2</v>
      </c>
      <c r="O1699">
        <v>1</v>
      </c>
      <c r="P1699">
        <v>1</v>
      </c>
      <c r="Q1699">
        <v>0.35226338173937988</v>
      </c>
      <c r="R1699">
        <v>4.0869524228148508</v>
      </c>
      <c r="S1699">
        <v>1</v>
      </c>
      <c r="T1699">
        <v>1</v>
      </c>
      <c r="U1699">
        <v>0</v>
      </c>
      <c r="V1699">
        <v>0</v>
      </c>
      <c r="W1699">
        <v>4.2484952420493576</v>
      </c>
      <c r="X1699">
        <v>1</v>
      </c>
      <c r="Y1699">
        <v>1</v>
      </c>
      <c r="Z1699">
        <v>0</v>
      </c>
      <c r="AA1699">
        <v>0</v>
      </c>
      <c r="AB1699">
        <v>4.2341065045972579</v>
      </c>
      <c r="AC1699">
        <v>1</v>
      </c>
      <c r="AD1699">
        <v>1</v>
      </c>
      <c r="AE1699">
        <v>0</v>
      </c>
      <c r="AF1699">
        <v>0</v>
      </c>
      <c r="AG1699">
        <v>4.2195077051761087</v>
      </c>
      <c r="AH1699">
        <v>5.466521347675686E-2</v>
      </c>
      <c r="AI1699">
        <v>-0.24779652182154199</v>
      </c>
      <c r="AJ1699">
        <v>9.342747476662086E-2</v>
      </c>
      <c r="AK1699">
        <v>-4.6199592475003548E-2</v>
      </c>
      <c r="AL1699">
        <v>693.50371726340302</v>
      </c>
      <c r="AM1699">
        <v>868.32689359586357</v>
      </c>
      <c r="AN1699">
        <v>7597</v>
      </c>
      <c r="AO1699">
        <v>231.7706555364046</v>
      </c>
      <c r="AP1699">
        <v>580.16559424650552</v>
      </c>
      <c r="AQ1699">
        <v>1.323943661971831</v>
      </c>
      <c r="AR1699">
        <v>3.507042253521127</v>
      </c>
      <c r="AS1699">
        <v>71</v>
      </c>
      <c r="AT1699">
        <v>6.71830985915493</v>
      </c>
      <c r="AU1699">
        <v>0.1908367199242888</v>
      </c>
      <c r="AV1699">
        <v>5.4927629208378841E-2</v>
      </c>
      <c r="AW1699">
        <v>0.42253521126760563</v>
      </c>
      <c r="AX1699">
        <v>87.957142857142856</v>
      </c>
      <c r="AY1699">
        <v>61</v>
      </c>
      <c r="AZ1699">
        <v>133.5</v>
      </c>
      <c r="BA1699">
        <v>0.72056662920212078</v>
      </c>
      <c r="BB1699">
        <v>0.43661971830985907</v>
      </c>
      <c r="BC1699">
        <v>3.983565601501887</v>
      </c>
      <c r="BD1699" t="s">
        <v>6495</v>
      </c>
      <c r="BE1699" t="s">
        <v>68</v>
      </c>
    </row>
    <row r="1700" spans="1:57" x14ac:dyDescent="0.3">
      <c r="A1700" t="s">
        <v>6496</v>
      </c>
      <c r="B1700">
        <v>1935</v>
      </c>
      <c r="C1700" t="s">
        <v>6497</v>
      </c>
      <c r="D1700" t="s">
        <v>6498</v>
      </c>
      <c r="E1700" t="s">
        <v>72</v>
      </c>
      <c r="F1700">
        <v>1936</v>
      </c>
      <c r="G1700">
        <v>127.45247933884301</v>
      </c>
      <c r="H1700">
        <v>128</v>
      </c>
      <c r="I1700">
        <v>5480.0752211256058</v>
      </c>
      <c r="J1700">
        <v>74.027530156865325</v>
      </c>
      <c r="K1700">
        <v>-8.9686968732088628E-3</v>
      </c>
      <c r="L1700">
        <v>-1.1956499328820389</v>
      </c>
      <c r="M1700">
        <v>7.8974203083667307</v>
      </c>
      <c r="N1700">
        <v>17</v>
      </c>
      <c r="O1700">
        <v>1</v>
      </c>
      <c r="P1700">
        <v>16</v>
      </c>
      <c r="Q1700">
        <v>2.8332567391607841</v>
      </c>
      <c r="R1700">
        <v>5.4740746204412449</v>
      </c>
      <c r="S1700">
        <v>2</v>
      </c>
      <c r="T1700">
        <v>1</v>
      </c>
      <c r="U1700">
        <v>1</v>
      </c>
      <c r="V1700">
        <v>0.13057231619105031</v>
      </c>
      <c r="W1700">
        <v>7.5442203760494371</v>
      </c>
      <c r="X1700">
        <v>1</v>
      </c>
      <c r="Y1700">
        <v>1</v>
      </c>
      <c r="Z1700">
        <v>0</v>
      </c>
      <c r="AA1700">
        <v>0</v>
      </c>
      <c r="AB1700">
        <v>7.5673456760132396</v>
      </c>
      <c r="AC1700">
        <v>1</v>
      </c>
      <c r="AD1700">
        <v>1</v>
      </c>
      <c r="AE1700">
        <v>0</v>
      </c>
      <c r="AF1700">
        <v>0</v>
      </c>
      <c r="AG1700">
        <v>7.5668284792083282</v>
      </c>
      <c r="AH1700">
        <v>1.353530208264123E-2</v>
      </c>
      <c r="AI1700">
        <v>1.295226698118516E-2</v>
      </c>
      <c r="AJ1700">
        <v>3.3814942038493029E-2</v>
      </c>
      <c r="AK1700">
        <v>-6.0894959823689483E-2</v>
      </c>
      <c r="AL1700">
        <v>3019.293135678759</v>
      </c>
      <c r="AM1700">
        <v>5739.5068569384193</v>
      </c>
      <c r="AN1700">
        <v>246748</v>
      </c>
      <c r="AO1700">
        <v>167.83018300708159</v>
      </c>
      <c r="AP1700">
        <v>2685.0779894892539</v>
      </c>
      <c r="AQ1700">
        <v>1.011880165289256</v>
      </c>
      <c r="AR1700">
        <v>3.9963842975206609</v>
      </c>
      <c r="AS1700">
        <v>1924</v>
      </c>
      <c r="AT1700">
        <v>271.7355371900826</v>
      </c>
      <c r="AU1700">
        <v>1.2558742505266561E-2</v>
      </c>
      <c r="AV1700">
        <v>1.3546406697744651E-2</v>
      </c>
      <c r="AW1700">
        <v>0.36828512396694207</v>
      </c>
      <c r="AX1700">
        <v>85.141602067183456</v>
      </c>
      <c r="AY1700">
        <v>64</v>
      </c>
      <c r="AZ1700">
        <v>127.25</v>
      </c>
      <c r="BA1700">
        <v>0.58082455940348565</v>
      </c>
      <c r="BB1700">
        <v>0.50051652892561982</v>
      </c>
      <c r="BC1700">
        <v>5.2832469547945404</v>
      </c>
      <c r="BD1700" t="s">
        <v>6499</v>
      </c>
      <c r="BE1700" t="s">
        <v>62</v>
      </c>
    </row>
    <row r="1701" spans="1:57" x14ac:dyDescent="0.3">
      <c r="A1701" t="s">
        <v>6500</v>
      </c>
      <c r="B1701">
        <v>2221</v>
      </c>
      <c r="C1701" t="s">
        <v>6501</v>
      </c>
      <c r="D1701" t="s">
        <v>6502</v>
      </c>
      <c r="E1701" t="s">
        <v>128</v>
      </c>
      <c r="F1701">
        <v>32</v>
      </c>
      <c r="G1701">
        <v>106.65625</v>
      </c>
      <c r="H1701">
        <v>107</v>
      </c>
      <c r="I1701">
        <v>4871.5380859375</v>
      </c>
      <c r="J1701">
        <v>69.796404534456499</v>
      </c>
      <c r="K1701">
        <v>0.40362448799115069</v>
      </c>
      <c r="L1701">
        <v>-0.93936756415116962</v>
      </c>
      <c r="M1701">
        <v>4.875</v>
      </c>
      <c r="N1701">
        <v>2</v>
      </c>
      <c r="O1701">
        <v>1</v>
      </c>
      <c r="P1701">
        <v>1</v>
      </c>
      <c r="Q1701">
        <v>0.24944382578492941</v>
      </c>
      <c r="R1701">
        <v>3.3790925052297318</v>
      </c>
      <c r="S1701">
        <v>1</v>
      </c>
      <c r="T1701">
        <v>1</v>
      </c>
      <c r="U1701">
        <v>0</v>
      </c>
      <c r="V1701">
        <v>0</v>
      </c>
      <c r="W1701">
        <v>3.4339872044851458</v>
      </c>
      <c r="X1701">
        <v>1</v>
      </c>
      <c r="Y1701">
        <v>1</v>
      </c>
      <c r="Z1701">
        <v>0</v>
      </c>
      <c r="AA1701">
        <v>0</v>
      </c>
      <c r="AB1701">
        <v>3.401197381662155</v>
      </c>
      <c r="AC1701">
        <v>1</v>
      </c>
      <c r="AD1701">
        <v>1</v>
      </c>
      <c r="AE1701">
        <v>0</v>
      </c>
      <c r="AF1701">
        <v>0</v>
      </c>
      <c r="AG1701">
        <v>3.3672958299864728</v>
      </c>
      <c r="AH1701">
        <v>0.14469253882214031</v>
      </c>
      <c r="AI1701">
        <v>-0.10818511192343119</v>
      </c>
      <c r="AJ1701">
        <v>-1.102824546878743E-2</v>
      </c>
      <c r="AK1701">
        <v>-3.1945925642308089E-2</v>
      </c>
      <c r="AL1701">
        <v>459.14761368211589</v>
      </c>
      <c r="AM1701">
        <v>555.95905321347061</v>
      </c>
      <c r="AN1701">
        <v>3413</v>
      </c>
      <c r="AO1701">
        <v>50.010618956294877</v>
      </c>
      <c r="AP1701">
        <v>363.60534441930969</v>
      </c>
      <c r="AQ1701">
        <v>1.65625</v>
      </c>
      <c r="AR1701">
        <v>3.65625</v>
      </c>
      <c r="AS1701">
        <v>32</v>
      </c>
      <c r="AT1701">
        <v>1.75</v>
      </c>
      <c r="AU1701">
        <v>0.21329365079365081</v>
      </c>
      <c r="AV1701">
        <v>0.14960402179254889</v>
      </c>
      <c r="AW1701">
        <v>0.4375</v>
      </c>
      <c r="AX1701">
        <v>71.193548387096769</v>
      </c>
      <c r="AY1701">
        <v>59</v>
      </c>
      <c r="AZ1701">
        <v>110.25</v>
      </c>
      <c r="BA1701">
        <v>0.65440519926827068</v>
      </c>
      <c r="BB1701">
        <v>0.5</v>
      </c>
      <c r="BC1701">
        <v>3.3276698862269418</v>
      </c>
      <c r="BD1701" t="s">
        <v>6503</v>
      </c>
      <c r="BE1701" t="s">
        <v>62</v>
      </c>
    </row>
    <row r="1702" spans="1:57" x14ac:dyDescent="0.3">
      <c r="A1702" t="s">
        <v>6504</v>
      </c>
      <c r="B1702">
        <v>2497</v>
      </c>
      <c r="C1702" t="s">
        <v>6505</v>
      </c>
      <c r="D1702" t="s">
        <v>6506</v>
      </c>
      <c r="E1702" t="s">
        <v>98</v>
      </c>
      <c r="F1702">
        <v>16</v>
      </c>
      <c r="G1702">
        <v>132.375</v>
      </c>
      <c r="H1702">
        <v>140.5</v>
      </c>
      <c r="I1702">
        <v>5183.609375</v>
      </c>
      <c r="J1702">
        <v>71.997287275285586</v>
      </c>
      <c r="K1702">
        <v>-0.40270772299722057</v>
      </c>
      <c r="L1702">
        <v>-1.024202638334881</v>
      </c>
      <c r="M1702">
        <v>3.875</v>
      </c>
      <c r="N1702">
        <v>2</v>
      </c>
      <c r="O1702">
        <v>1</v>
      </c>
      <c r="P1702">
        <v>1</v>
      </c>
      <c r="Q1702">
        <v>0.24944382578492949</v>
      </c>
      <c r="R1702">
        <v>2.6859453246697882</v>
      </c>
      <c r="S1702">
        <v>1</v>
      </c>
      <c r="T1702">
        <v>1</v>
      </c>
      <c r="U1702">
        <v>0</v>
      </c>
      <c r="V1702">
        <v>0</v>
      </c>
      <c r="W1702">
        <v>2.7080502011022101</v>
      </c>
      <c r="X1702">
        <v>1</v>
      </c>
      <c r="Y1702">
        <v>1</v>
      </c>
      <c r="Z1702">
        <v>0</v>
      </c>
      <c r="AA1702">
        <v>0</v>
      </c>
      <c r="AB1702">
        <v>2.639057329615258</v>
      </c>
      <c r="AC1702">
        <v>1</v>
      </c>
      <c r="AD1702">
        <v>1</v>
      </c>
      <c r="AE1702">
        <v>0</v>
      </c>
      <c r="AF1702">
        <v>0</v>
      </c>
      <c r="AG1702">
        <v>2.5649493574615372</v>
      </c>
      <c r="AH1702">
        <v>5.4808990779229003E-2</v>
      </c>
      <c r="AI1702">
        <v>-0.55946515609598768</v>
      </c>
      <c r="AJ1702">
        <v>-8.8057383398995031E-3</v>
      </c>
      <c r="AK1702">
        <v>-4.2087665146450202E-2</v>
      </c>
      <c r="AL1702">
        <v>381.85635624703212</v>
      </c>
      <c r="AM1702">
        <v>466.36222316321857</v>
      </c>
      <c r="AN1702">
        <v>2118</v>
      </c>
      <c r="AO1702">
        <v>75.862333993051578</v>
      </c>
      <c r="AP1702">
        <v>280.77982311711952</v>
      </c>
      <c r="AQ1702">
        <v>2.3125</v>
      </c>
      <c r="AR1702">
        <v>4.0625</v>
      </c>
      <c r="AS1702">
        <v>16</v>
      </c>
      <c r="AT1702">
        <v>0.87499999999999989</v>
      </c>
      <c r="AU1702">
        <v>0.17436974789915971</v>
      </c>
      <c r="AV1702">
        <v>5.4974778532220638E-2</v>
      </c>
      <c r="AW1702">
        <v>0.3125</v>
      </c>
      <c r="AX1702">
        <v>81.400000000000006</v>
      </c>
      <c r="AY1702">
        <v>50.5</v>
      </c>
      <c r="AZ1702">
        <v>96</v>
      </c>
      <c r="BA1702">
        <v>0.54388885571509415</v>
      </c>
      <c r="BB1702">
        <v>0.5625</v>
      </c>
      <c r="BC1702">
        <v>2.7080502011022101</v>
      </c>
      <c r="BD1702" t="s">
        <v>6505</v>
      </c>
      <c r="BE1702" t="s">
        <v>62</v>
      </c>
    </row>
    <row r="1703" spans="1:57" x14ac:dyDescent="0.3">
      <c r="A1703" t="s">
        <v>6507</v>
      </c>
      <c r="B1703">
        <v>1334</v>
      </c>
      <c r="C1703" t="s">
        <v>6508</v>
      </c>
      <c r="D1703" t="s">
        <v>6509</v>
      </c>
      <c r="E1703" t="s">
        <v>85</v>
      </c>
      <c r="F1703">
        <v>8</v>
      </c>
      <c r="G1703">
        <v>86</v>
      </c>
      <c r="H1703">
        <v>76.5</v>
      </c>
      <c r="I1703">
        <v>4291</v>
      </c>
      <c r="J1703">
        <v>65.505724940649273</v>
      </c>
      <c r="K1703">
        <v>1.1618520150228819</v>
      </c>
      <c r="L1703">
        <v>0.85229139091694472</v>
      </c>
      <c r="M1703">
        <v>3</v>
      </c>
      <c r="N1703">
        <v>1</v>
      </c>
      <c r="O1703">
        <v>1</v>
      </c>
      <c r="P1703">
        <v>0</v>
      </c>
      <c r="Q1703">
        <v>0</v>
      </c>
      <c r="R1703">
        <v>2.0794415416798362</v>
      </c>
      <c r="S1703">
        <v>1</v>
      </c>
      <c r="T1703">
        <v>1</v>
      </c>
      <c r="U1703">
        <v>0</v>
      </c>
      <c r="V1703">
        <v>0</v>
      </c>
      <c r="W1703">
        <v>1.945910149055313</v>
      </c>
      <c r="X1703">
        <v>1</v>
      </c>
      <c r="Y1703">
        <v>1</v>
      </c>
      <c r="Z1703">
        <v>0</v>
      </c>
      <c r="AA1703">
        <v>0</v>
      </c>
      <c r="AB1703">
        <v>1.791759469228055</v>
      </c>
      <c r="AC1703">
        <v>1</v>
      </c>
      <c r="AD1703">
        <v>1</v>
      </c>
      <c r="AE1703">
        <v>0</v>
      </c>
      <c r="AF1703">
        <v>0</v>
      </c>
      <c r="AG1703">
        <v>1.6094379124341009</v>
      </c>
      <c r="AH1703">
        <v>-0.1026858541132603</v>
      </c>
      <c r="AI1703">
        <v>0.11127942204614311</v>
      </c>
      <c r="AJ1703">
        <v>0.1564320671172221</v>
      </c>
      <c r="AK1703">
        <v>0</v>
      </c>
      <c r="AL1703">
        <v>246.6992210415242</v>
      </c>
      <c r="AM1703">
        <v>180.6529665892736</v>
      </c>
      <c r="AN1703">
        <v>688</v>
      </c>
      <c r="AO1703">
        <v>60</v>
      </c>
      <c r="AP1703">
        <v>231.1444892282945</v>
      </c>
      <c r="AQ1703">
        <v>3.5</v>
      </c>
      <c r="AR1703">
        <v>3</v>
      </c>
      <c r="AS1703">
        <v>8</v>
      </c>
      <c r="AT1703">
        <v>0</v>
      </c>
      <c r="AU1703">
        <v>0.40042372881355931</v>
      </c>
      <c r="AV1703">
        <v>-0.10965296048790681</v>
      </c>
      <c r="AW1703">
        <v>0.75</v>
      </c>
      <c r="AX1703">
        <v>87.714285714285708</v>
      </c>
      <c r="AY1703">
        <v>31.5</v>
      </c>
      <c r="AZ1703">
        <v>53.75</v>
      </c>
      <c r="BA1703">
        <v>0.76169447605406126</v>
      </c>
      <c r="BB1703">
        <v>0.375</v>
      </c>
      <c r="BC1703">
        <v>1.945910149055313</v>
      </c>
      <c r="BD1703" t="s">
        <v>6508</v>
      </c>
      <c r="BE1703" t="s">
        <v>68</v>
      </c>
    </row>
    <row r="1704" spans="1:57" x14ac:dyDescent="0.3">
      <c r="A1704" t="s">
        <v>6510</v>
      </c>
      <c r="B1704">
        <v>664</v>
      </c>
      <c r="C1704" t="s">
        <v>6511</v>
      </c>
      <c r="D1704" t="s">
        <v>6512</v>
      </c>
      <c r="E1704" t="s">
        <v>128</v>
      </c>
      <c r="F1704">
        <v>32</v>
      </c>
      <c r="G1704">
        <v>143.71875</v>
      </c>
      <c r="H1704">
        <v>159</v>
      </c>
      <c r="I1704">
        <v>6668.3271484375</v>
      </c>
      <c r="J1704">
        <v>81.659825792353359</v>
      </c>
      <c r="K1704">
        <v>-0.19207528777110139</v>
      </c>
      <c r="L1704">
        <v>-1.375792962079464</v>
      </c>
      <c r="M1704">
        <v>4.875</v>
      </c>
      <c r="N1704">
        <v>2</v>
      </c>
      <c r="O1704">
        <v>1</v>
      </c>
      <c r="P1704">
        <v>1</v>
      </c>
      <c r="Q1704">
        <v>0.24944382578492941</v>
      </c>
      <c r="R1704">
        <v>3.3790925052297331</v>
      </c>
      <c r="S1704">
        <v>1</v>
      </c>
      <c r="T1704">
        <v>1</v>
      </c>
      <c r="U1704">
        <v>0</v>
      </c>
      <c r="V1704">
        <v>0</v>
      </c>
      <c r="W1704">
        <v>3.4339872044851458</v>
      </c>
      <c r="X1704">
        <v>1</v>
      </c>
      <c r="Y1704">
        <v>1</v>
      </c>
      <c r="Z1704">
        <v>0</v>
      </c>
      <c r="AA1704">
        <v>0</v>
      </c>
      <c r="AB1704">
        <v>3.401197381662155</v>
      </c>
      <c r="AC1704">
        <v>1</v>
      </c>
      <c r="AD1704">
        <v>1</v>
      </c>
      <c r="AE1704">
        <v>0</v>
      </c>
      <c r="AF1704">
        <v>0</v>
      </c>
      <c r="AG1704">
        <v>3.3672958299864728</v>
      </c>
      <c r="AH1704">
        <v>-0.21340585988567981</v>
      </c>
      <c r="AI1704">
        <v>-0.1072971125453567</v>
      </c>
      <c r="AJ1704">
        <v>0.15310664229822449</v>
      </c>
      <c r="AK1704">
        <v>0.1049729294720099</v>
      </c>
      <c r="AL1704">
        <v>532.46299655138546</v>
      </c>
      <c r="AM1704">
        <v>768.656072182819</v>
      </c>
      <c r="AN1704">
        <v>4599</v>
      </c>
      <c r="AO1704">
        <v>32.957577961618277</v>
      </c>
      <c r="AP1704">
        <v>413.33067444403451</v>
      </c>
      <c r="AQ1704">
        <v>1.71875</v>
      </c>
      <c r="AR1704">
        <v>4.15625</v>
      </c>
      <c r="AS1704">
        <v>32</v>
      </c>
      <c r="AT1704">
        <v>1.75</v>
      </c>
      <c r="AU1704">
        <v>0.12795275590551181</v>
      </c>
      <c r="AV1704">
        <v>-0.22160752915090259</v>
      </c>
      <c r="AW1704">
        <v>0.28125</v>
      </c>
      <c r="AX1704">
        <v>105.9354838709677</v>
      </c>
      <c r="AY1704">
        <v>78</v>
      </c>
      <c r="AZ1704">
        <v>149.75</v>
      </c>
      <c r="BA1704">
        <v>0.5681918733105692</v>
      </c>
      <c r="BB1704">
        <v>0.5625</v>
      </c>
      <c r="BC1704">
        <v>3.3892680315457948</v>
      </c>
      <c r="BD1704" t="s">
        <v>6513</v>
      </c>
      <c r="BE1704" t="s">
        <v>62</v>
      </c>
    </row>
    <row r="1705" spans="1:57" x14ac:dyDescent="0.3">
      <c r="A1705" t="s">
        <v>6514</v>
      </c>
      <c r="B1705">
        <v>856</v>
      </c>
      <c r="C1705" t="s">
        <v>6515</v>
      </c>
      <c r="D1705" t="s">
        <v>6516</v>
      </c>
      <c r="E1705" t="s">
        <v>93</v>
      </c>
      <c r="F1705">
        <v>856</v>
      </c>
      <c r="G1705">
        <v>131.33995327102801</v>
      </c>
      <c r="H1705">
        <v>133.5</v>
      </c>
      <c r="I1705">
        <v>5390.2290579417413</v>
      </c>
      <c r="J1705">
        <v>73.418179342324621</v>
      </c>
      <c r="K1705">
        <v>-0.10054450643810189</v>
      </c>
      <c r="L1705">
        <v>-1.1552319374856339</v>
      </c>
      <c r="M1705">
        <v>7.739379677235263</v>
      </c>
      <c r="N1705">
        <v>10</v>
      </c>
      <c r="O1705">
        <v>1</v>
      </c>
      <c r="P1705">
        <v>9</v>
      </c>
      <c r="Q1705">
        <v>1.7746671079483829</v>
      </c>
      <c r="R1705">
        <v>5.3645292025585736</v>
      </c>
      <c r="S1705">
        <v>2</v>
      </c>
      <c r="T1705">
        <v>1</v>
      </c>
      <c r="U1705">
        <v>1</v>
      </c>
      <c r="V1705">
        <v>5.9234520567819443E-2</v>
      </c>
      <c r="W1705">
        <v>6.7462372781959896</v>
      </c>
      <c r="X1705">
        <v>1</v>
      </c>
      <c r="Y1705">
        <v>1</v>
      </c>
      <c r="Z1705">
        <v>0</v>
      </c>
      <c r="AA1705">
        <v>0</v>
      </c>
      <c r="AB1705">
        <v>6.7499311937885729</v>
      </c>
      <c r="AC1705">
        <v>1</v>
      </c>
      <c r="AD1705">
        <v>1</v>
      </c>
      <c r="AE1705">
        <v>0</v>
      </c>
      <c r="AF1705">
        <v>0</v>
      </c>
      <c r="AG1705">
        <v>6.7487595474916802</v>
      </c>
      <c r="AH1705">
        <v>-3.561820505289522E-4</v>
      </c>
      <c r="AI1705">
        <v>-3.7548560656210692E-2</v>
      </c>
      <c r="AJ1705">
        <v>-6.1811700915462682E-2</v>
      </c>
      <c r="AK1705">
        <v>3.6231727173413192E-2</v>
      </c>
      <c r="AL1705">
        <v>2031.1857998841219</v>
      </c>
      <c r="AM1705">
        <v>3905.6980485374311</v>
      </c>
      <c r="AN1705">
        <v>112427</v>
      </c>
      <c r="AO1705">
        <v>87.566572247207247</v>
      </c>
      <c r="AP1705">
        <v>1791.338983844646</v>
      </c>
      <c r="AQ1705">
        <v>1.0268691588785051</v>
      </c>
      <c r="AR1705">
        <v>3.9801401869158881</v>
      </c>
      <c r="AS1705">
        <v>853</v>
      </c>
      <c r="AT1705">
        <v>215.4719626168224</v>
      </c>
      <c r="AU1705">
        <v>4.9111233278358091E-2</v>
      </c>
      <c r="AV1705">
        <v>-3.5630755675435089E-4</v>
      </c>
      <c r="AW1705">
        <v>0.33878504672897197</v>
      </c>
      <c r="AX1705">
        <v>84.603508771929825</v>
      </c>
      <c r="AY1705">
        <v>62.5</v>
      </c>
      <c r="AZ1705">
        <v>126</v>
      </c>
      <c r="BA1705">
        <v>0.55899349370729345</v>
      </c>
      <c r="BB1705">
        <v>0.5070093457943925</v>
      </c>
      <c r="BC1705">
        <v>5.2134558015553303</v>
      </c>
      <c r="BD1705" t="s">
        <v>6517</v>
      </c>
      <c r="BE1705" t="s">
        <v>68</v>
      </c>
    </row>
    <row r="1706" spans="1:57" x14ac:dyDescent="0.3">
      <c r="A1706" t="s">
        <v>6518</v>
      </c>
      <c r="B1706">
        <v>1476</v>
      </c>
      <c r="C1706" t="s">
        <v>6519</v>
      </c>
      <c r="D1706" t="s">
        <v>6520</v>
      </c>
      <c r="E1706" t="s">
        <v>66</v>
      </c>
      <c r="F1706">
        <v>72</v>
      </c>
      <c r="G1706">
        <v>114.4861111111111</v>
      </c>
      <c r="H1706">
        <v>104.5</v>
      </c>
      <c r="I1706">
        <v>5636.6109182098771</v>
      </c>
      <c r="J1706">
        <v>75.077366217854745</v>
      </c>
      <c r="K1706">
        <v>0.18946851597635969</v>
      </c>
      <c r="L1706">
        <v>-1.2125363726258289</v>
      </c>
      <c r="M1706">
        <v>5.975480556997872</v>
      </c>
      <c r="N1706">
        <v>2</v>
      </c>
      <c r="O1706">
        <v>1</v>
      </c>
      <c r="P1706">
        <v>1</v>
      </c>
      <c r="Q1706">
        <v>0.30999141045553669</v>
      </c>
      <c r="R1706">
        <v>4.1418875005738434</v>
      </c>
      <c r="S1706">
        <v>2</v>
      </c>
      <c r="T1706">
        <v>1</v>
      </c>
      <c r="U1706">
        <v>1</v>
      </c>
      <c r="V1706">
        <v>0.16776575221435111</v>
      </c>
      <c r="W1706">
        <v>4.2236293316576567</v>
      </c>
      <c r="X1706">
        <v>2</v>
      </c>
      <c r="Y1706">
        <v>1</v>
      </c>
      <c r="Z1706">
        <v>1</v>
      </c>
      <c r="AA1706">
        <v>0.11951030798891769</v>
      </c>
      <c r="AB1706">
        <v>4.2286910368905044</v>
      </c>
      <c r="AC1706">
        <v>1</v>
      </c>
      <c r="AD1706">
        <v>1</v>
      </c>
      <c r="AE1706">
        <v>0</v>
      </c>
      <c r="AF1706">
        <v>0</v>
      </c>
      <c r="AG1706">
        <v>4.2341065045972579</v>
      </c>
      <c r="AH1706">
        <v>0.1809195219193164</v>
      </c>
      <c r="AI1706">
        <v>-0.14228052197803151</v>
      </c>
      <c r="AJ1706">
        <v>9.2932552376387798E-2</v>
      </c>
      <c r="AK1706">
        <v>4.1586205275356031E-2</v>
      </c>
      <c r="AL1706">
        <v>655.73509386111095</v>
      </c>
      <c r="AM1706">
        <v>958.9350794912865</v>
      </c>
      <c r="AN1706">
        <v>8243</v>
      </c>
      <c r="AO1706">
        <v>70.24668280907774</v>
      </c>
      <c r="AP1706">
        <v>535.91137394842508</v>
      </c>
      <c r="AQ1706">
        <v>1.319444444444444</v>
      </c>
      <c r="AR1706">
        <v>3.6944444444444451</v>
      </c>
      <c r="AS1706">
        <v>71</v>
      </c>
      <c r="AT1706">
        <v>5.6388888888888884</v>
      </c>
      <c r="AU1706">
        <v>0.1089357429718875</v>
      </c>
      <c r="AV1706">
        <v>0.18213148560677311</v>
      </c>
      <c r="AW1706">
        <v>0.40277777777777779</v>
      </c>
      <c r="AX1706">
        <v>76.802816901408448</v>
      </c>
      <c r="AY1706">
        <v>64</v>
      </c>
      <c r="AZ1706">
        <v>130.75</v>
      </c>
      <c r="BA1706">
        <v>0.65577706753433718</v>
      </c>
      <c r="BB1706">
        <v>0.47222222222222221</v>
      </c>
      <c r="BC1706">
        <v>3.9502755139720449</v>
      </c>
      <c r="BD1706" t="s">
        <v>6521</v>
      </c>
      <c r="BE1706" t="s">
        <v>68</v>
      </c>
    </row>
    <row r="1707" spans="1:57" x14ac:dyDescent="0.3">
      <c r="A1707" t="s">
        <v>6522</v>
      </c>
      <c r="B1707">
        <v>3632</v>
      </c>
      <c r="C1707" t="s">
        <v>6523</v>
      </c>
      <c r="D1707" t="s">
        <v>6524</v>
      </c>
      <c r="E1707" t="s">
        <v>85</v>
      </c>
      <c r="F1707">
        <v>8</v>
      </c>
      <c r="G1707">
        <v>109.25</v>
      </c>
      <c r="H1707">
        <v>91</v>
      </c>
      <c r="I1707">
        <v>6256.6875</v>
      </c>
      <c r="J1707">
        <v>79.09922565992666</v>
      </c>
      <c r="K1707">
        <v>0.26598544845981031</v>
      </c>
      <c r="L1707">
        <v>-1.5851285419066521</v>
      </c>
      <c r="M1707">
        <v>3</v>
      </c>
      <c r="N1707">
        <v>1</v>
      </c>
      <c r="O1707">
        <v>1</v>
      </c>
      <c r="P1707">
        <v>0</v>
      </c>
      <c r="Q1707">
        <v>0</v>
      </c>
      <c r="R1707">
        <v>2.0794415416798362</v>
      </c>
      <c r="S1707">
        <v>1</v>
      </c>
      <c r="T1707">
        <v>1</v>
      </c>
      <c r="U1707">
        <v>0</v>
      </c>
      <c r="V1707">
        <v>0</v>
      </c>
      <c r="W1707">
        <v>1.945910149055313</v>
      </c>
      <c r="X1707">
        <v>1</v>
      </c>
      <c r="Y1707">
        <v>1</v>
      </c>
      <c r="Z1707">
        <v>0</v>
      </c>
      <c r="AA1707">
        <v>0</v>
      </c>
      <c r="AB1707">
        <v>1.791759469228055</v>
      </c>
      <c r="AC1707">
        <v>1</v>
      </c>
      <c r="AD1707">
        <v>1</v>
      </c>
      <c r="AE1707">
        <v>0</v>
      </c>
      <c r="AF1707">
        <v>0</v>
      </c>
      <c r="AG1707">
        <v>1.6094379124341009</v>
      </c>
      <c r="AH1707">
        <v>0.2437729129831081</v>
      </c>
      <c r="AI1707">
        <v>-0.1175167570699352</v>
      </c>
      <c r="AJ1707">
        <v>-0.24639260990739911</v>
      </c>
      <c r="AK1707">
        <v>0</v>
      </c>
      <c r="AL1707">
        <v>308.14124873320702</v>
      </c>
      <c r="AM1707">
        <v>224.91547485475479</v>
      </c>
      <c r="AN1707">
        <v>874</v>
      </c>
      <c r="AO1707">
        <v>90</v>
      </c>
      <c r="AP1707">
        <v>256.54267141898953</v>
      </c>
      <c r="AQ1707">
        <v>3.5</v>
      </c>
      <c r="AR1707">
        <v>4.125</v>
      </c>
      <c r="AS1707">
        <v>8</v>
      </c>
      <c r="AT1707">
        <v>0</v>
      </c>
      <c r="AU1707">
        <v>0.32259825327510921</v>
      </c>
      <c r="AV1707">
        <v>0.31988139387267139</v>
      </c>
      <c r="AW1707">
        <v>0.25</v>
      </c>
      <c r="AX1707">
        <v>70.142857142857139</v>
      </c>
      <c r="AY1707">
        <v>66.5</v>
      </c>
      <c r="AZ1707">
        <v>160.5</v>
      </c>
      <c r="BA1707">
        <v>0.72402037217324178</v>
      </c>
      <c r="BB1707">
        <v>0.5</v>
      </c>
      <c r="BC1707">
        <v>1.7478680974667571</v>
      </c>
      <c r="BD1707" t="s">
        <v>6523</v>
      </c>
      <c r="BE1707" t="s">
        <v>68</v>
      </c>
    </row>
    <row r="1708" spans="1:57" x14ac:dyDescent="0.3">
      <c r="A1708" t="s">
        <v>6525</v>
      </c>
      <c r="B1708">
        <v>2980</v>
      </c>
      <c r="C1708" t="s">
        <v>6526</v>
      </c>
      <c r="D1708" t="s">
        <v>6527</v>
      </c>
      <c r="E1708" t="s">
        <v>115</v>
      </c>
      <c r="F1708">
        <v>3084</v>
      </c>
      <c r="G1708">
        <v>126.68579766536961</v>
      </c>
      <c r="H1708">
        <v>125</v>
      </c>
      <c r="I1708">
        <v>5565.8510174895409</v>
      </c>
      <c r="J1708">
        <v>74.604631340752164</v>
      </c>
      <c r="K1708">
        <v>2.9775738160762209E-2</v>
      </c>
      <c r="L1708">
        <v>-1.2172592647491911</v>
      </c>
      <c r="M1708">
        <v>7.9402298188780573</v>
      </c>
      <c r="N1708">
        <v>24</v>
      </c>
      <c r="O1708">
        <v>5</v>
      </c>
      <c r="P1708">
        <v>19</v>
      </c>
      <c r="Q1708">
        <v>3.468292481088497</v>
      </c>
      <c r="R1708">
        <v>5.5037479119533277</v>
      </c>
      <c r="S1708">
        <v>2</v>
      </c>
      <c r="T1708">
        <v>1</v>
      </c>
      <c r="U1708">
        <v>1</v>
      </c>
      <c r="V1708">
        <v>0.1640159206364499</v>
      </c>
      <c r="W1708">
        <v>7.996336847615976</v>
      </c>
      <c r="X1708">
        <v>1</v>
      </c>
      <c r="Y1708">
        <v>1</v>
      </c>
      <c r="Z1708">
        <v>0</v>
      </c>
      <c r="AA1708">
        <v>0</v>
      </c>
      <c r="AB1708">
        <v>8.0333340158800617</v>
      </c>
      <c r="AC1708">
        <v>1</v>
      </c>
      <c r="AD1708">
        <v>1</v>
      </c>
      <c r="AE1708">
        <v>0</v>
      </c>
      <c r="AF1708">
        <v>0</v>
      </c>
      <c r="AG1708">
        <v>8.033009498596666</v>
      </c>
      <c r="AH1708">
        <v>-3.5546916213133272E-3</v>
      </c>
      <c r="AI1708">
        <v>9.5100807765168983E-3</v>
      </c>
      <c r="AJ1708">
        <v>1.2354530013272349E-2</v>
      </c>
      <c r="AK1708">
        <v>-1.238143889897851E-2</v>
      </c>
      <c r="AL1708">
        <v>3784.9471335891139</v>
      </c>
      <c r="AM1708">
        <v>7234.3122821686038</v>
      </c>
      <c r="AN1708">
        <v>390699</v>
      </c>
      <c r="AO1708">
        <v>58.584533937038778</v>
      </c>
      <c r="AP1708">
        <v>3434.1830312425241</v>
      </c>
      <c r="AQ1708">
        <v>1.0074578469520099</v>
      </c>
      <c r="AR1708">
        <v>3.9892996108949421</v>
      </c>
      <c r="AS1708">
        <v>3065</v>
      </c>
      <c r="AT1708">
        <v>255.62127107652401</v>
      </c>
      <c r="AU1708">
        <v>1.4518959334706649E-2</v>
      </c>
      <c r="AV1708">
        <v>-3.5553598884720981E-3</v>
      </c>
      <c r="AW1708">
        <v>0.37581063553826199</v>
      </c>
      <c r="AX1708">
        <v>86.89069088550113</v>
      </c>
      <c r="AY1708">
        <v>66</v>
      </c>
      <c r="AZ1708">
        <v>131</v>
      </c>
      <c r="BA1708">
        <v>0.5888949883538982</v>
      </c>
      <c r="BB1708">
        <v>0.49416342412451358</v>
      </c>
      <c r="BC1708">
        <v>5.3198059277235394</v>
      </c>
      <c r="BD1708" t="s">
        <v>6528</v>
      </c>
      <c r="BE1708" t="s">
        <v>68</v>
      </c>
    </row>
    <row r="1709" spans="1:57" x14ac:dyDescent="0.3">
      <c r="A1709" t="s">
        <v>6529</v>
      </c>
      <c r="B1709">
        <v>682</v>
      </c>
      <c r="C1709" t="s">
        <v>6530</v>
      </c>
      <c r="D1709" t="s">
        <v>6531</v>
      </c>
      <c r="E1709" t="s">
        <v>66</v>
      </c>
      <c r="F1709">
        <v>71</v>
      </c>
      <c r="G1709">
        <v>110.22535211267611</v>
      </c>
      <c r="H1709">
        <v>99</v>
      </c>
      <c r="I1709">
        <v>5812.1745685379883</v>
      </c>
      <c r="J1709">
        <v>76.237619116404659</v>
      </c>
      <c r="K1709">
        <v>0.30776888912760297</v>
      </c>
      <c r="L1709">
        <v>-1.1186726174171711</v>
      </c>
      <c r="M1709">
        <v>5.8186235278944389</v>
      </c>
      <c r="N1709">
        <v>3</v>
      </c>
      <c r="O1709">
        <v>1</v>
      </c>
      <c r="P1709">
        <v>2</v>
      </c>
      <c r="Q1709">
        <v>0.46517619123176213</v>
      </c>
      <c r="R1709">
        <v>4.0331624930997956</v>
      </c>
      <c r="S1709">
        <v>1</v>
      </c>
      <c r="T1709">
        <v>1</v>
      </c>
      <c r="U1709">
        <v>0</v>
      </c>
      <c r="V1709">
        <v>0</v>
      </c>
      <c r="W1709">
        <v>4.2484952420493576</v>
      </c>
      <c r="X1709">
        <v>1</v>
      </c>
      <c r="Y1709">
        <v>1</v>
      </c>
      <c r="Z1709">
        <v>0</v>
      </c>
      <c r="AA1709">
        <v>0</v>
      </c>
      <c r="AB1709">
        <v>4.2341065045972579</v>
      </c>
      <c r="AC1709">
        <v>1</v>
      </c>
      <c r="AD1709">
        <v>1</v>
      </c>
      <c r="AE1709">
        <v>0</v>
      </c>
      <c r="AF1709">
        <v>0</v>
      </c>
      <c r="AG1709">
        <v>4.2195077051761087</v>
      </c>
      <c r="AH1709">
        <v>1.8963621032232481E-2</v>
      </c>
      <c r="AI1709">
        <v>2.7556371669460199E-4</v>
      </c>
      <c r="AJ1709">
        <v>-2.457749596780902E-3</v>
      </c>
      <c r="AK1709">
        <v>-9.8694617150965353E-3</v>
      </c>
      <c r="AL1709">
        <v>685.58211309711419</v>
      </c>
      <c r="AM1709">
        <v>897.36568142608144</v>
      </c>
      <c r="AN1709">
        <v>7826</v>
      </c>
      <c r="AO1709">
        <v>91.903760010552332</v>
      </c>
      <c r="AP1709">
        <v>552.64818044548065</v>
      </c>
      <c r="AQ1709">
        <v>1.323943661971831</v>
      </c>
      <c r="AR1709">
        <v>3.76056338028169</v>
      </c>
      <c r="AS1709">
        <v>71</v>
      </c>
      <c r="AT1709">
        <v>10.971830985915499</v>
      </c>
      <c r="AU1709">
        <v>0.13435732505267831</v>
      </c>
      <c r="AV1709">
        <v>1.9181996219582959E-2</v>
      </c>
      <c r="AW1709">
        <v>0.40845070422535212</v>
      </c>
      <c r="AX1709">
        <v>86.814285714285717</v>
      </c>
      <c r="AY1709">
        <v>67</v>
      </c>
      <c r="AZ1709">
        <v>144</v>
      </c>
      <c r="BA1709">
        <v>0.69165230734279715</v>
      </c>
      <c r="BB1709">
        <v>0.46478873239436619</v>
      </c>
      <c r="BC1709">
        <v>4.1023908324550202</v>
      </c>
      <c r="BD1709" t="s">
        <v>6532</v>
      </c>
      <c r="BE1709" t="s">
        <v>68</v>
      </c>
    </row>
    <row r="1710" spans="1:57" x14ac:dyDescent="0.3">
      <c r="A1710" t="s">
        <v>6533</v>
      </c>
      <c r="B1710">
        <v>2746</v>
      </c>
      <c r="C1710" t="s">
        <v>6534</v>
      </c>
      <c r="D1710" t="s">
        <v>6535</v>
      </c>
      <c r="E1710" t="s">
        <v>115</v>
      </c>
      <c r="F1710">
        <v>2800</v>
      </c>
      <c r="G1710">
        <v>128.08250000000001</v>
      </c>
      <c r="H1710">
        <v>128</v>
      </c>
      <c r="I1710">
        <v>5512.2878366071427</v>
      </c>
      <c r="J1710">
        <v>74.244783228231881</v>
      </c>
      <c r="K1710">
        <v>2.5323299314370111E-3</v>
      </c>
      <c r="L1710">
        <v>-1.1863367012099331</v>
      </c>
      <c r="M1710">
        <v>7.9290397488457289</v>
      </c>
      <c r="N1710">
        <v>22</v>
      </c>
      <c r="O1710">
        <v>3</v>
      </c>
      <c r="P1710">
        <v>19</v>
      </c>
      <c r="Q1710">
        <v>3.405533181456319</v>
      </c>
      <c r="R1710">
        <v>5.4959915464601536</v>
      </c>
      <c r="S1710">
        <v>3</v>
      </c>
      <c r="T1710">
        <v>1</v>
      </c>
      <c r="U1710">
        <v>2</v>
      </c>
      <c r="V1710">
        <v>0.14272646414936899</v>
      </c>
      <c r="W1710">
        <v>7.9095900375664154</v>
      </c>
      <c r="X1710">
        <v>1</v>
      </c>
      <c r="Y1710">
        <v>1</v>
      </c>
      <c r="Z1710">
        <v>0</v>
      </c>
      <c r="AA1710">
        <v>0</v>
      </c>
      <c r="AB1710">
        <v>7.9366601552254288</v>
      </c>
      <c r="AC1710">
        <v>1</v>
      </c>
      <c r="AD1710">
        <v>1</v>
      </c>
      <c r="AE1710">
        <v>0</v>
      </c>
      <c r="AF1710">
        <v>0</v>
      </c>
      <c r="AG1710">
        <v>7.9363026932019611</v>
      </c>
      <c r="AH1710">
        <v>-2.291410797563645E-2</v>
      </c>
      <c r="AI1710">
        <v>-1.088292816310963E-2</v>
      </c>
      <c r="AJ1710">
        <v>-2.5891890366239789E-2</v>
      </c>
      <c r="AK1710">
        <v>-3.5816488021757902E-2</v>
      </c>
      <c r="AL1710">
        <v>3571.8089330153448</v>
      </c>
      <c r="AM1710">
        <v>6972.1547563168579</v>
      </c>
      <c r="AN1710">
        <v>358631</v>
      </c>
      <c r="AO1710">
        <v>105.16357730627131</v>
      </c>
      <c r="AP1710">
        <v>3130.3206871787238</v>
      </c>
      <c r="AQ1710">
        <v>1.008214285714286</v>
      </c>
      <c r="AR1710">
        <v>3.985357142857143</v>
      </c>
      <c r="AS1710">
        <v>2782</v>
      </c>
      <c r="AT1710">
        <v>271.45142857142861</v>
      </c>
      <c r="AU1710">
        <v>1.44257703081232E-2</v>
      </c>
      <c r="AV1710">
        <v>-2.2918410743179539E-2</v>
      </c>
      <c r="AW1710">
        <v>0.375</v>
      </c>
      <c r="AX1710">
        <v>86.853161843515537</v>
      </c>
      <c r="AY1710">
        <v>63</v>
      </c>
      <c r="AZ1710">
        <v>127</v>
      </c>
      <c r="BA1710">
        <v>0.57966375756431887</v>
      </c>
      <c r="BB1710">
        <v>0.49714285714285722</v>
      </c>
      <c r="BC1710">
        <v>5.3223836037036296</v>
      </c>
      <c r="BD1710" t="s">
        <v>6536</v>
      </c>
      <c r="BE1710" t="s">
        <v>62</v>
      </c>
    </row>
    <row r="1711" spans="1:57" x14ac:dyDescent="0.3">
      <c r="A1711" t="s">
        <v>6537</v>
      </c>
      <c r="B1711">
        <v>2999</v>
      </c>
      <c r="C1711" t="s">
        <v>6538</v>
      </c>
      <c r="D1711" t="s">
        <v>6539</v>
      </c>
      <c r="E1711" t="s">
        <v>66</v>
      </c>
      <c r="F1711">
        <v>70</v>
      </c>
      <c r="G1711">
        <v>112.6571428571429</v>
      </c>
      <c r="H1711">
        <v>109</v>
      </c>
      <c r="I1711">
        <v>5278.6824489795908</v>
      </c>
      <c r="J1711">
        <v>72.654541833113171</v>
      </c>
      <c r="K1711">
        <v>0.18856407541231429</v>
      </c>
      <c r="L1711">
        <v>-1.1200538137442331</v>
      </c>
      <c r="M1711">
        <v>5.7470703383426347</v>
      </c>
      <c r="N1711">
        <v>3</v>
      </c>
      <c r="O1711">
        <v>1</v>
      </c>
      <c r="P1711">
        <v>2</v>
      </c>
      <c r="Q1711">
        <v>0.45950178434065952</v>
      </c>
      <c r="R1711">
        <v>3.9835656015018861</v>
      </c>
      <c r="S1711">
        <v>2</v>
      </c>
      <c r="T1711">
        <v>1</v>
      </c>
      <c r="U1711">
        <v>1</v>
      </c>
      <c r="V1711">
        <v>0.1203728348804772</v>
      </c>
      <c r="W1711">
        <v>4.2140152819723324</v>
      </c>
      <c r="X1711">
        <v>1</v>
      </c>
      <c r="Y1711">
        <v>1</v>
      </c>
      <c r="Z1711">
        <v>0</v>
      </c>
      <c r="AA1711">
        <v>0</v>
      </c>
      <c r="AB1711">
        <v>4.2195077051761087</v>
      </c>
      <c r="AC1711">
        <v>1</v>
      </c>
      <c r="AD1711">
        <v>1</v>
      </c>
      <c r="AE1711">
        <v>0</v>
      </c>
      <c r="AF1711">
        <v>0</v>
      </c>
      <c r="AG1711">
        <v>4.2046926193909648</v>
      </c>
      <c r="AH1711">
        <v>0.19095719662530861</v>
      </c>
      <c r="AI1711">
        <v>7.5888121388714799E-2</v>
      </c>
      <c r="AJ1711">
        <v>-8.9136155143581877E-2</v>
      </c>
      <c r="AK1711">
        <v>-5.1707951153638451E-2</v>
      </c>
      <c r="AL1711">
        <v>650.50745422568014</v>
      </c>
      <c r="AM1711">
        <v>913.65313549334712</v>
      </c>
      <c r="AN1711">
        <v>7886</v>
      </c>
      <c r="AO1711">
        <v>185.99999999999989</v>
      </c>
      <c r="AP1711">
        <v>468.43989679516898</v>
      </c>
      <c r="AQ1711">
        <v>1.328571428571429</v>
      </c>
      <c r="AR1711">
        <v>3.6428571428571428</v>
      </c>
      <c r="AS1711">
        <v>69</v>
      </c>
      <c r="AT1711">
        <v>9.8000000000000007</v>
      </c>
      <c r="AU1711">
        <v>0.1319327731092437</v>
      </c>
      <c r="AV1711">
        <v>0.19282590954341711</v>
      </c>
      <c r="AW1711">
        <v>0.4</v>
      </c>
      <c r="AX1711">
        <v>73.739130434782609</v>
      </c>
      <c r="AY1711">
        <v>60</v>
      </c>
      <c r="AZ1711">
        <v>117</v>
      </c>
      <c r="BA1711">
        <v>0.64491731274637609</v>
      </c>
      <c r="BB1711">
        <v>0.5</v>
      </c>
      <c r="BC1711">
        <v>3.8572978844858521</v>
      </c>
      <c r="BD1711" t="s">
        <v>6540</v>
      </c>
      <c r="BE1711" t="s">
        <v>68</v>
      </c>
    </row>
    <row r="1712" spans="1:57" x14ac:dyDescent="0.3">
      <c r="A1712" t="s">
        <v>6541</v>
      </c>
      <c r="B1712">
        <v>670</v>
      </c>
      <c r="C1712" t="s">
        <v>6542</v>
      </c>
      <c r="D1712" t="s">
        <v>6543</v>
      </c>
      <c r="E1712" t="s">
        <v>72</v>
      </c>
      <c r="F1712">
        <v>680</v>
      </c>
      <c r="G1712">
        <v>125.3426470588235</v>
      </c>
      <c r="H1712">
        <v>123</v>
      </c>
      <c r="I1712">
        <v>5509.9281812283734</v>
      </c>
      <c r="J1712">
        <v>74.228890475530974</v>
      </c>
      <c r="K1712">
        <v>4.4636608813775673E-2</v>
      </c>
      <c r="L1712">
        <v>-1.180858664218396</v>
      </c>
      <c r="M1712">
        <v>7.6923132175640463</v>
      </c>
      <c r="N1712">
        <v>9</v>
      </c>
      <c r="O1712">
        <v>1</v>
      </c>
      <c r="P1712">
        <v>8</v>
      </c>
      <c r="Q1712">
        <v>1.524684580618856</v>
      </c>
      <c r="R1712">
        <v>5.3319052187385267</v>
      </c>
      <c r="S1712">
        <v>2</v>
      </c>
      <c r="T1712">
        <v>1</v>
      </c>
      <c r="U1712">
        <v>1</v>
      </c>
      <c r="V1712">
        <v>3.8376436080406161E-2</v>
      </c>
      <c r="W1712">
        <v>6.5185794569237618</v>
      </c>
      <c r="X1712">
        <v>1</v>
      </c>
      <c r="Y1712">
        <v>1</v>
      </c>
      <c r="Z1712">
        <v>0</v>
      </c>
      <c r="AA1712">
        <v>0</v>
      </c>
      <c r="AB1712">
        <v>6.5191472879403944</v>
      </c>
      <c r="AC1712">
        <v>1</v>
      </c>
      <c r="AD1712">
        <v>1</v>
      </c>
      <c r="AE1712">
        <v>0</v>
      </c>
      <c r="AF1712">
        <v>0</v>
      </c>
      <c r="AG1712">
        <v>6.517671272912275</v>
      </c>
      <c r="AH1712">
        <v>-7.0189315177866474E-2</v>
      </c>
      <c r="AI1712">
        <v>-3.6855525581311131E-2</v>
      </c>
      <c r="AJ1712">
        <v>4.0375127551736502E-3</v>
      </c>
      <c r="AK1712">
        <v>-1.458247611965997E-2</v>
      </c>
      <c r="AL1712">
        <v>1826.5250995456961</v>
      </c>
      <c r="AM1712">
        <v>3330.748723745096</v>
      </c>
      <c r="AN1712">
        <v>85233</v>
      </c>
      <c r="AO1712">
        <v>55.000000000000227</v>
      </c>
      <c r="AP1712">
        <v>1581.676135302909</v>
      </c>
      <c r="AQ1712">
        <v>1.033823529411765</v>
      </c>
      <c r="AR1712">
        <v>4.0411764705882351</v>
      </c>
      <c r="AS1712">
        <v>679</v>
      </c>
      <c r="AT1712">
        <v>192.0205882352941</v>
      </c>
      <c r="AU1712">
        <v>2.6960784313725509E-2</v>
      </c>
      <c r="AV1712">
        <v>-7.0408376326776725E-2</v>
      </c>
      <c r="AW1712">
        <v>0.36764705882352938</v>
      </c>
      <c r="AX1712">
        <v>90.150220913107518</v>
      </c>
      <c r="AY1712">
        <v>63</v>
      </c>
      <c r="AZ1712">
        <v>124.25</v>
      </c>
      <c r="BA1712">
        <v>0.59220777777810307</v>
      </c>
      <c r="BB1712">
        <v>0.49264705882352938</v>
      </c>
      <c r="BC1712">
        <v>5.1884512534363134</v>
      </c>
      <c r="BD1712" t="s">
        <v>6544</v>
      </c>
      <c r="BE1712" t="s">
        <v>68</v>
      </c>
    </row>
    <row r="1713" spans="1:57" x14ac:dyDescent="0.3">
      <c r="A1713" t="s">
        <v>6545</v>
      </c>
      <c r="B1713">
        <v>1511</v>
      </c>
      <c r="C1713" t="s">
        <v>6546</v>
      </c>
      <c r="D1713" t="s">
        <v>6547</v>
      </c>
      <c r="E1713" t="s">
        <v>106</v>
      </c>
      <c r="F1713">
        <v>1521</v>
      </c>
      <c r="G1713">
        <v>126.71597633136091</v>
      </c>
      <c r="H1713">
        <v>125</v>
      </c>
      <c r="I1713">
        <v>5510.8187388396764</v>
      </c>
      <c r="J1713">
        <v>74.234888959569929</v>
      </c>
      <c r="K1713">
        <v>3.1876321770559241E-2</v>
      </c>
      <c r="L1713">
        <v>-1.202590669283127</v>
      </c>
      <c r="M1713">
        <v>7.874347158578189</v>
      </c>
      <c r="N1713">
        <v>14</v>
      </c>
      <c r="O1713">
        <v>1</v>
      </c>
      <c r="P1713">
        <v>13</v>
      </c>
      <c r="Q1713">
        <v>2.4415999923126099</v>
      </c>
      <c r="R1713">
        <v>5.4580815317186744</v>
      </c>
      <c r="S1713">
        <v>2</v>
      </c>
      <c r="T1713">
        <v>1</v>
      </c>
      <c r="U1713">
        <v>1</v>
      </c>
      <c r="V1713">
        <v>0.12822936128883489</v>
      </c>
      <c r="W1713">
        <v>7.3036647197429563</v>
      </c>
      <c r="X1713">
        <v>1</v>
      </c>
      <c r="Y1713">
        <v>1</v>
      </c>
      <c r="Z1713">
        <v>0</v>
      </c>
      <c r="AA1713">
        <v>0</v>
      </c>
      <c r="AB1713">
        <v>7.3258075025957741</v>
      </c>
      <c r="AC1713">
        <v>1</v>
      </c>
      <c r="AD1713">
        <v>1</v>
      </c>
      <c r="AE1713">
        <v>0</v>
      </c>
      <c r="AF1713">
        <v>0</v>
      </c>
      <c r="AG1713">
        <v>7.325148957955574</v>
      </c>
      <c r="AH1713">
        <v>2.057022850767146E-2</v>
      </c>
      <c r="AI1713">
        <v>1.8729513522547581E-2</v>
      </c>
      <c r="AJ1713">
        <v>1.6254167585921129E-3</v>
      </c>
      <c r="AK1713">
        <v>-1.394201483408446E-2</v>
      </c>
      <c r="AL1713">
        <v>2693.9165660620638</v>
      </c>
      <c r="AM1713">
        <v>5054.4408726481679</v>
      </c>
      <c r="AN1713">
        <v>192735</v>
      </c>
      <c r="AO1713">
        <v>90.239512286873421</v>
      </c>
      <c r="AP1713">
        <v>2427.038599816301</v>
      </c>
      <c r="AQ1713">
        <v>1.015121630506246</v>
      </c>
      <c r="AR1713">
        <v>4.0138067061143987</v>
      </c>
      <c r="AS1713">
        <v>1515</v>
      </c>
      <c r="AT1713">
        <v>256.86193293885611</v>
      </c>
      <c r="AU1713">
        <v>1.881888850214641E-2</v>
      </c>
      <c r="AV1713">
        <v>2.0578518929813241E-2</v>
      </c>
      <c r="AW1713">
        <v>0.378698224852071</v>
      </c>
      <c r="AX1713">
        <v>85.053947368421049</v>
      </c>
      <c r="AY1713">
        <v>64</v>
      </c>
      <c r="AZ1713">
        <v>128</v>
      </c>
      <c r="BA1713">
        <v>0.58583685426884513</v>
      </c>
      <c r="BB1713">
        <v>0.49441157133464819</v>
      </c>
      <c r="BC1713">
        <v>5.2617802918694236</v>
      </c>
      <c r="BD1713" t="s">
        <v>6548</v>
      </c>
      <c r="BE1713" t="s">
        <v>68</v>
      </c>
    </row>
    <row r="1714" spans="1:57" x14ac:dyDescent="0.3">
      <c r="A1714" t="s">
        <v>6549</v>
      </c>
      <c r="B1714">
        <v>3769</v>
      </c>
      <c r="C1714" t="s">
        <v>6550</v>
      </c>
      <c r="D1714" t="s">
        <v>6551</v>
      </c>
      <c r="E1714" t="s">
        <v>66</v>
      </c>
      <c r="F1714">
        <v>72</v>
      </c>
      <c r="G1714">
        <v>142.23611111111109</v>
      </c>
      <c r="H1714">
        <v>154</v>
      </c>
      <c r="I1714">
        <v>5673.8192515432102</v>
      </c>
      <c r="J1714">
        <v>75.324758556156084</v>
      </c>
      <c r="K1714">
        <v>-0.34639366097053942</v>
      </c>
      <c r="L1714">
        <v>-1.0511975762714381</v>
      </c>
      <c r="M1714">
        <v>5.8538848972456021</v>
      </c>
      <c r="N1714">
        <v>3</v>
      </c>
      <c r="O1714">
        <v>1</v>
      </c>
      <c r="P1714">
        <v>2</v>
      </c>
      <c r="Q1714">
        <v>0.42496660317428592</v>
      </c>
      <c r="R1714">
        <v>4.0576038118482298</v>
      </c>
      <c r="S1714">
        <v>2</v>
      </c>
      <c r="T1714">
        <v>1</v>
      </c>
      <c r="U1714">
        <v>1</v>
      </c>
      <c r="V1714">
        <v>0.16776575221435111</v>
      </c>
      <c r="W1714">
        <v>4.2236293316576567</v>
      </c>
      <c r="X1714">
        <v>2</v>
      </c>
      <c r="Y1714">
        <v>1</v>
      </c>
      <c r="Z1714">
        <v>1</v>
      </c>
      <c r="AA1714">
        <v>0.11951030798891769</v>
      </c>
      <c r="AB1714">
        <v>4.2286910368905044</v>
      </c>
      <c r="AC1714">
        <v>1</v>
      </c>
      <c r="AD1714">
        <v>1</v>
      </c>
      <c r="AE1714">
        <v>0</v>
      </c>
      <c r="AF1714">
        <v>0</v>
      </c>
      <c r="AG1714">
        <v>4.2341065045972579</v>
      </c>
      <c r="AH1714">
        <v>0.24829352228344101</v>
      </c>
      <c r="AI1714">
        <v>0.1097376433192262</v>
      </c>
      <c r="AJ1714">
        <v>-4.289411759457229E-2</v>
      </c>
      <c r="AK1714">
        <v>-0.1438664459062205</v>
      </c>
      <c r="AL1714">
        <v>692.34402953662914</v>
      </c>
      <c r="AM1714">
        <v>1177.2063305831241</v>
      </c>
      <c r="AN1714">
        <v>10241</v>
      </c>
      <c r="AO1714">
        <v>188.64895294211081</v>
      </c>
      <c r="AP1714">
        <v>459.93165642781742</v>
      </c>
      <c r="AQ1714">
        <v>1.319444444444444</v>
      </c>
      <c r="AR1714">
        <v>3.9861111111111112</v>
      </c>
      <c r="AS1714">
        <v>72</v>
      </c>
      <c r="AT1714">
        <v>9.3333333333333339</v>
      </c>
      <c r="AU1714">
        <v>0.13200000000000001</v>
      </c>
      <c r="AV1714">
        <v>0.25112067112979669</v>
      </c>
      <c r="AW1714">
        <v>0.29166666666666669</v>
      </c>
      <c r="AX1714">
        <v>74.08450704225352</v>
      </c>
      <c r="AY1714">
        <v>59.5</v>
      </c>
      <c r="AZ1714">
        <v>127.75</v>
      </c>
      <c r="BA1714">
        <v>0.52957549224130829</v>
      </c>
      <c r="BB1714">
        <v>0.55555555555555558</v>
      </c>
      <c r="BC1714">
        <v>3.962431094498176</v>
      </c>
      <c r="BD1714" t="s">
        <v>6552</v>
      </c>
      <c r="BE1714" t="s">
        <v>68</v>
      </c>
    </row>
    <row r="1715" spans="1:57" x14ac:dyDescent="0.3">
      <c r="A1715" t="s">
        <v>6553</v>
      </c>
      <c r="B1715">
        <v>2325</v>
      </c>
      <c r="C1715" t="s">
        <v>6554</v>
      </c>
      <c r="D1715" t="s">
        <v>6555</v>
      </c>
      <c r="E1715" t="s">
        <v>128</v>
      </c>
      <c r="F1715">
        <v>32</v>
      </c>
      <c r="G1715">
        <v>133.6875</v>
      </c>
      <c r="H1715">
        <v>136.5</v>
      </c>
      <c r="I1715">
        <v>5162.15234375</v>
      </c>
      <c r="J1715">
        <v>71.848119973663884</v>
      </c>
      <c r="K1715">
        <v>-9.6942618957877563E-2</v>
      </c>
      <c r="L1715">
        <v>-1.2917277736026069</v>
      </c>
      <c r="M1715">
        <v>4.75</v>
      </c>
      <c r="N1715">
        <v>2</v>
      </c>
      <c r="O1715">
        <v>1</v>
      </c>
      <c r="P1715">
        <v>1</v>
      </c>
      <c r="Q1715">
        <v>0.34992710611188249</v>
      </c>
      <c r="R1715">
        <v>3.2924491076597389</v>
      </c>
      <c r="S1715">
        <v>1</v>
      </c>
      <c r="T1715">
        <v>1</v>
      </c>
      <c r="U1715">
        <v>0</v>
      </c>
      <c r="V1715">
        <v>0</v>
      </c>
      <c r="W1715">
        <v>3.4339872044851458</v>
      </c>
      <c r="X1715">
        <v>1</v>
      </c>
      <c r="Y1715">
        <v>1</v>
      </c>
      <c r="Z1715">
        <v>0</v>
      </c>
      <c r="AA1715">
        <v>0</v>
      </c>
      <c r="AB1715">
        <v>3.401197381662155</v>
      </c>
      <c r="AC1715">
        <v>1</v>
      </c>
      <c r="AD1715">
        <v>1</v>
      </c>
      <c r="AE1715">
        <v>0</v>
      </c>
      <c r="AF1715">
        <v>0</v>
      </c>
      <c r="AG1715">
        <v>3.3672958299864728</v>
      </c>
      <c r="AH1715">
        <v>5.5924028441685307E-2</v>
      </c>
      <c r="AI1715">
        <v>9.2314309150661623E-3</v>
      </c>
      <c r="AJ1715">
        <v>-4.9718891859394281E-3</v>
      </c>
      <c r="AK1715">
        <v>0.10162509998024991</v>
      </c>
      <c r="AL1715">
        <v>489.15669705771921</v>
      </c>
      <c r="AM1715">
        <v>705.5704966362913</v>
      </c>
      <c r="AN1715">
        <v>4278</v>
      </c>
      <c r="AO1715">
        <v>86.371291526756735</v>
      </c>
      <c r="AP1715">
        <v>407.48336253898469</v>
      </c>
      <c r="AQ1715">
        <v>1.65625</v>
      </c>
      <c r="AR1715">
        <v>3.875</v>
      </c>
      <c r="AS1715">
        <v>32</v>
      </c>
      <c r="AT1715">
        <v>3</v>
      </c>
      <c r="AU1715">
        <v>8.7499999999999994E-2</v>
      </c>
      <c r="AV1715">
        <v>5.9382543485815911E-2</v>
      </c>
      <c r="AW1715">
        <v>0.28125</v>
      </c>
      <c r="AX1715">
        <v>81.41935483870968</v>
      </c>
      <c r="AY1715">
        <v>64.5</v>
      </c>
      <c r="AZ1715">
        <v>125.75</v>
      </c>
      <c r="BA1715">
        <v>0.53743334248649932</v>
      </c>
      <c r="BB1715">
        <v>0.5</v>
      </c>
      <c r="BC1715">
        <v>3.4339872044851458</v>
      </c>
      <c r="BD1715" t="s">
        <v>6556</v>
      </c>
      <c r="BE1715" t="s">
        <v>62</v>
      </c>
    </row>
    <row r="1716" spans="1:57" x14ac:dyDescent="0.3">
      <c r="A1716" t="s">
        <v>6557</v>
      </c>
      <c r="B1716">
        <v>2800</v>
      </c>
      <c r="C1716" t="s">
        <v>6558</v>
      </c>
      <c r="D1716" t="s">
        <v>6559</v>
      </c>
      <c r="E1716" t="s">
        <v>93</v>
      </c>
      <c r="F1716">
        <v>2800</v>
      </c>
      <c r="G1716">
        <v>125.5992857142857</v>
      </c>
      <c r="H1716">
        <v>125</v>
      </c>
      <c r="I1716">
        <v>5512.5044280612246</v>
      </c>
      <c r="J1716">
        <v>74.246241844696925</v>
      </c>
      <c r="K1716">
        <v>3.2811233507883869E-2</v>
      </c>
      <c r="L1716">
        <v>-1.1959136571289191</v>
      </c>
      <c r="M1716">
        <v>7.9337309685573842</v>
      </c>
      <c r="N1716">
        <v>22</v>
      </c>
      <c r="O1716">
        <v>3</v>
      </c>
      <c r="P1716">
        <v>19</v>
      </c>
      <c r="Q1716">
        <v>3.3089603729872619</v>
      </c>
      <c r="R1716">
        <v>5.4992432521766768</v>
      </c>
      <c r="S1716">
        <v>2</v>
      </c>
      <c r="T1716">
        <v>1</v>
      </c>
      <c r="U1716">
        <v>1</v>
      </c>
      <c r="V1716">
        <v>0.14879315085346911</v>
      </c>
      <c r="W1716">
        <v>7.9063100045603152</v>
      </c>
      <c r="X1716">
        <v>1</v>
      </c>
      <c r="Y1716">
        <v>1</v>
      </c>
      <c r="Z1716">
        <v>0</v>
      </c>
      <c r="AA1716">
        <v>0</v>
      </c>
      <c r="AB1716">
        <v>7.9366601552254288</v>
      </c>
      <c r="AC1716">
        <v>1</v>
      </c>
      <c r="AD1716">
        <v>1</v>
      </c>
      <c r="AE1716">
        <v>0</v>
      </c>
      <c r="AF1716">
        <v>0</v>
      </c>
      <c r="AG1716">
        <v>7.9363026932019611</v>
      </c>
      <c r="AH1716">
        <v>1.8519017157026509E-2</v>
      </c>
      <c r="AI1716">
        <v>1.9262396549673381E-2</v>
      </c>
      <c r="AJ1716">
        <v>-7.7962877354624842E-3</v>
      </c>
      <c r="AK1716">
        <v>-1.5092236708598191E-2</v>
      </c>
      <c r="AL1716">
        <v>3612.2170785863518</v>
      </c>
      <c r="AM1716">
        <v>6823.298746000286</v>
      </c>
      <c r="AN1716">
        <v>351678</v>
      </c>
      <c r="AO1716">
        <v>129.4585246103903</v>
      </c>
      <c r="AP1716">
        <v>3287.6272477317611</v>
      </c>
      <c r="AQ1716">
        <v>1.008214285714286</v>
      </c>
      <c r="AR1716">
        <v>3.9507142857142861</v>
      </c>
      <c r="AS1716">
        <v>2788</v>
      </c>
      <c r="AT1716">
        <v>256.27428571428572</v>
      </c>
      <c r="AU1716">
        <v>1.7345938375350149E-2</v>
      </c>
      <c r="AV1716">
        <v>1.8519279054986969E-2</v>
      </c>
      <c r="AW1716">
        <v>0.38214285714285712</v>
      </c>
      <c r="AX1716">
        <v>84.997499106823867</v>
      </c>
      <c r="AY1716">
        <v>64</v>
      </c>
      <c r="AZ1716">
        <v>128.25</v>
      </c>
      <c r="BA1716">
        <v>0.59113586054615697</v>
      </c>
      <c r="BB1716">
        <v>0.49785714285714278</v>
      </c>
      <c r="BC1716">
        <v>5.304206710553208</v>
      </c>
      <c r="BD1716" t="s">
        <v>6560</v>
      </c>
      <c r="BE1716" t="s">
        <v>62</v>
      </c>
    </row>
    <row r="1717" spans="1:57" x14ac:dyDescent="0.3">
      <c r="A1717" t="s">
        <v>6561</v>
      </c>
      <c r="B1717">
        <v>1618</v>
      </c>
      <c r="C1717" t="s">
        <v>6562</v>
      </c>
      <c r="D1717" t="s">
        <v>6563</v>
      </c>
      <c r="E1717" t="s">
        <v>106</v>
      </c>
      <c r="F1717">
        <v>1650</v>
      </c>
      <c r="G1717">
        <v>130.20727272727271</v>
      </c>
      <c r="H1717">
        <v>130</v>
      </c>
      <c r="I1717">
        <v>5257.1255228650143</v>
      </c>
      <c r="J1717">
        <v>72.506037837307133</v>
      </c>
      <c r="K1717">
        <v>-4.4028319009101882E-2</v>
      </c>
      <c r="L1717">
        <v>-1.1347754001117101</v>
      </c>
      <c r="M1717">
        <v>7.8924941197346854</v>
      </c>
      <c r="N1717">
        <v>14</v>
      </c>
      <c r="O1717">
        <v>1</v>
      </c>
      <c r="P1717">
        <v>13</v>
      </c>
      <c r="Q1717">
        <v>2.482150635506184</v>
      </c>
      <c r="R1717">
        <v>5.4706600466800479</v>
      </c>
      <c r="S1717">
        <v>2</v>
      </c>
      <c r="T1717">
        <v>1</v>
      </c>
      <c r="U1717">
        <v>1</v>
      </c>
      <c r="V1717">
        <v>0.1015291077584267</v>
      </c>
      <c r="W1717">
        <v>7.3936326281150624</v>
      </c>
      <c r="X1717">
        <v>1</v>
      </c>
      <c r="Y1717">
        <v>1</v>
      </c>
      <c r="Z1717">
        <v>0</v>
      </c>
      <c r="AA1717">
        <v>0</v>
      </c>
      <c r="AB1717">
        <v>7.4073177104694166</v>
      </c>
      <c r="AC1717">
        <v>1</v>
      </c>
      <c r="AD1717">
        <v>1</v>
      </c>
      <c r="AE1717">
        <v>0</v>
      </c>
      <c r="AF1717">
        <v>0</v>
      </c>
      <c r="AG1717">
        <v>7.4067107301776414</v>
      </c>
      <c r="AH1717">
        <v>2.999247386655934E-2</v>
      </c>
      <c r="AI1717">
        <v>-2.315850511825435E-2</v>
      </c>
      <c r="AJ1717">
        <v>2.3181489448877411E-2</v>
      </c>
      <c r="AK1717">
        <v>1.039488455523847E-2</v>
      </c>
      <c r="AL1717">
        <v>2763.1063826261252</v>
      </c>
      <c r="AM1717">
        <v>5386.4172803720621</v>
      </c>
      <c r="AN1717">
        <v>214842</v>
      </c>
      <c r="AO1717">
        <v>126.100065977643</v>
      </c>
      <c r="AP1717">
        <v>2492.9323241608031</v>
      </c>
      <c r="AQ1717">
        <v>1.0139393939393939</v>
      </c>
      <c r="AR1717">
        <v>4.0339393939393942</v>
      </c>
      <c r="AS1717">
        <v>1641</v>
      </c>
      <c r="AT1717">
        <v>244.71030303030309</v>
      </c>
      <c r="AU1717">
        <v>3.4295900178253118E-2</v>
      </c>
      <c r="AV1717">
        <v>3.0010113482714078E-2</v>
      </c>
      <c r="AW1717">
        <v>0.36969696969696969</v>
      </c>
      <c r="AX1717">
        <v>81.778653729533048</v>
      </c>
      <c r="AY1717">
        <v>60</v>
      </c>
      <c r="AZ1717">
        <v>120</v>
      </c>
      <c r="BA1717">
        <v>0.55685090639426538</v>
      </c>
      <c r="BB1717">
        <v>0.49757575757575762</v>
      </c>
      <c r="BC1717">
        <v>5.2375878625157704</v>
      </c>
      <c r="BD1717" t="s">
        <v>6564</v>
      </c>
      <c r="BE1717" t="s">
        <v>68</v>
      </c>
    </row>
    <row r="1718" spans="1:57" x14ac:dyDescent="0.3">
      <c r="A1718" t="s">
        <v>6565</v>
      </c>
      <c r="B1718">
        <v>621</v>
      </c>
      <c r="C1718" t="s">
        <v>6566</v>
      </c>
      <c r="D1718" t="s">
        <v>6567</v>
      </c>
      <c r="E1718" t="s">
        <v>85</v>
      </c>
      <c r="F1718">
        <v>8</v>
      </c>
      <c r="G1718">
        <v>103.125</v>
      </c>
      <c r="H1718">
        <v>81</v>
      </c>
      <c r="I1718">
        <v>7079.109375</v>
      </c>
      <c r="J1718">
        <v>84.13744335906577</v>
      </c>
      <c r="K1718">
        <v>0.51454224454169006</v>
      </c>
      <c r="L1718">
        <v>-1.1122678115738589</v>
      </c>
      <c r="M1718">
        <v>3</v>
      </c>
      <c r="N1718">
        <v>1</v>
      </c>
      <c r="O1718">
        <v>1</v>
      </c>
      <c r="P1718">
        <v>0</v>
      </c>
      <c r="Q1718">
        <v>0</v>
      </c>
      <c r="R1718">
        <v>2.0794415416798362</v>
      </c>
      <c r="S1718">
        <v>1</v>
      </c>
      <c r="T1718">
        <v>1</v>
      </c>
      <c r="U1718">
        <v>0</v>
      </c>
      <c r="V1718">
        <v>0</v>
      </c>
      <c r="W1718">
        <v>1.945910149055313</v>
      </c>
      <c r="X1718">
        <v>1</v>
      </c>
      <c r="Y1718">
        <v>1</v>
      </c>
      <c r="Z1718">
        <v>0</v>
      </c>
      <c r="AA1718">
        <v>0</v>
      </c>
      <c r="AB1718">
        <v>1.791759469228055</v>
      </c>
      <c r="AC1718">
        <v>1</v>
      </c>
      <c r="AD1718">
        <v>1</v>
      </c>
      <c r="AE1718">
        <v>0</v>
      </c>
      <c r="AF1718">
        <v>0</v>
      </c>
      <c r="AG1718">
        <v>1.6094379124341009</v>
      </c>
      <c r="AH1718">
        <v>-0.53223089283388847</v>
      </c>
      <c r="AI1718">
        <v>-0.21229773784219849</v>
      </c>
      <c r="AJ1718">
        <v>1.53960376371498E-2</v>
      </c>
      <c r="AK1718">
        <v>0</v>
      </c>
      <c r="AL1718">
        <v>272.61761958643763</v>
      </c>
      <c r="AM1718">
        <v>259.59705986590899</v>
      </c>
      <c r="AN1718">
        <v>825</v>
      </c>
      <c r="AO1718">
        <v>13</v>
      </c>
      <c r="AP1718">
        <v>174.82848738120461</v>
      </c>
      <c r="AQ1718">
        <v>3.5</v>
      </c>
      <c r="AR1718">
        <v>3.25</v>
      </c>
      <c r="AS1718">
        <v>8</v>
      </c>
      <c r="AT1718">
        <v>0</v>
      </c>
      <c r="AU1718">
        <v>0.26305220883534142</v>
      </c>
      <c r="AV1718">
        <v>-0.58092648895913612</v>
      </c>
      <c r="AW1718">
        <v>0.375</v>
      </c>
      <c r="AX1718">
        <v>129.57142857142861</v>
      </c>
      <c r="AY1718">
        <v>63.5</v>
      </c>
      <c r="AZ1718">
        <v>119.75</v>
      </c>
      <c r="BA1718">
        <v>0.81587823863336506</v>
      </c>
      <c r="BB1718">
        <v>0.375</v>
      </c>
      <c r="BC1718">
        <v>1.945910149055313</v>
      </c>
      <c r="BD1718" t="s">
        <v>6566</v>
      </c>
      <c r="BE1718" t="s">
        <v>68</v>
      </c>
    </row>
    <row r="1719" spans="1:57" x14ac:dyDescent="0.3">
      <c r="A1719" t="s">
        <v>6568</v>
      </c>
      <c r="B1719">
        <v>2359</v>
      </c>
      <c r="C1719" t="s">
        <v>6569</v>
      </c>
      <c r="D1719" t="s">
        <v>6570</v>
      </c>
      <c r="E1719" t="s">
        <v>66</v>
      </c>
      <c r="F1719">
        <v>71</v>
      </c>
      <c r="G1719">
        <v>123.4647887323944</v>
      </c>
      <c r="H1719">
        <v>118</v>
      </c>
      <c r="I1719">
        <v>6667.713548899028</v>
      </c>
      <c r="J1719">
        <v>81.656068659341102</v>
      </c>
      <c r="K1719">
        <v>8.5481276130491238E-2</v>
      </c>
      <c r="L1719">
        <v>-1.3189622764171349</v>
      </c>
      <c r="M1719">
        <v>5.8962259927441156</v>
      </c>
      <c r="N1719">
        <v>2</v>
      </c>
      <c r="O1719">
        <v>1</v>
      </c>
      <c r="P1719">
        <v>1</v>
      </c>
      <c r="Q1719">
        <v>0.35226338173937988</v>
      </c>
      <c r="R1719">
        <v>4.0869524228148508</v>
      </c>
      <c r="S1719">
        <v>1</v>
      </c>
      <c r="T1719">
        <v>1</v>
      </c>
      <c r="U1719">
        <v>0</v>
      </c>
      <c r="V1719">
        <v>0</v>
      </c>
      <c r="W1719">
        <v>4.2484952420493576</v>
      </c>
      <c r="X1719">
        <v>1</v>
      </c>
      <c r="Y1719">
        <v>1</v>
      </c>
      <c r="Z1719">
        <v>0</v>
      </c>
      <c r="AA1719">
        <v>0</v>
      </c>
      <c r="AB1719">
        <v>4.2341065045972579</v>
      </c>
      <c r="AC1719">
        <v>1</v>
      </c>
      <c r="AD1719">
        <v>1</v>
      </c>
      <c r="AE1719">
        <v>0</v>
      </c>
      <c r="AF1719">
        <v>0</v>
      </c>
      <c r="AG1719">
        <v>4.2195077051761087</v>
      </c>
      <c r="AH1719">
        <v>0.12815229199393621</v>
      </c>
      <c r="AI1719">
        <v>8.8840333779672556E-2</v>
      </c>
      <c r="AJ1719">
        <v>4.7566939593233742E-2</v>
      </c>
      <c r="AK1719">
        <v>-0.16700281841126749</v>
      </c>
      <c r="AL1719">
        <v>747.13818040825947</v>
      </c>
      <c r="AM1719">
        <v>998.74147774898938</v>
      </c>
      <c r="AN1719">
        <v>8766</v>
      </c>
      <c r="AO1719">
        <v>150.62563082065989</v>
      </c>
      <c r="AP1719">
        <v>593.02921560762832</v>
      </c>
      <c r="AQ1719">
        <v>1.323943661971831</v>
      </c>
      <c r="AR1719">
        <v>3.915492957746479</v>
      </c>
      <c r="AS1719">
        <v>70</v>
      </c>
      <c r="AT1719">
        <v>6.71830985915493</v>
      </c>
      <c r="AU1719">
        <v>8.5893312631695751E-2</v>
      </c>
      <c r="AV1719">
        <v>0.13038343173770789</v>
      </c>
      <c r="AW1719">
        <v>0.352112676056338</v>
      </c>
      <c r="AX1719">
        <v>87.671428571428578</v>
      </c>
      <c r="AY1719">
        <v>71</v>
      </c>
      <c r="AZ1719">
        <v>140</v>
      </c>
      <c r="BA1719">
        <v>0.6613713067320578</v>
      </c>
      <c r="BB1719">
        <v>0.47887323943661969</v>
      </c>
      <c r="BC1719">
        <v>4.0825866272961644</v>
      </c>
      <c r="BD1719" t="s">
        <v>6571</v>
      </c>
      <c r="BE1719" t="s">
        <v>68</v>
      </c>
    </row>
    <row r="1720" spans="1:57" x14ac:dyDescent="0.3">
      <c r="A1720" t="s">
        <v>6572</v>
      </c>
      <c r="B1720">
        <v>1906</v>
      </c>
      <c r="C1720" t="s">
        <v>6573</v>
      </c>
      <c r="D1720" t="s">
        <v>6574</v>
      </c>
      <c r="E1720" t="s">
        <v>85</v>
      </c>
      <c r="F1720">
        <v>8</v>
      </c>
      <c r="G1720">
        <v>104.125</v>
      </c>
      <c r="H1720">
        <v>116</v>
      </c>
      <c r="I1720">
        <v>5110.859375</v>
      </c>
      <c r="J1720">
        <v>71.490274688239936</v>
      </c>
      <c r="K1720">
        <v>0.34230367420722307</v>
      </c>
      <c r="L1720">
        <v>-0.81794853072413121</v>
      </c>
      <c r="M1720">
        <v>3</v>
      </c>
      <c r="N1720">
        <v>1</v>
      </c>
      <c r="O1720">
        <v>1</v>
      </c>
      <c r="P1720">
        <v>0</v>
      </c>
      <c r="Q1720">
        <v>0</v>
      </c>
      <c r="R1720">
        <v>2.0794415416798362</v>
      </c>
      <c r="S1720">
        <v>1</v>
      </c>
      <c r="T1720">
        <v>1</v>
      </c>
      <c r="U1720">
        <v>0</v>
      </c>
      <c r="V1720">
        <v>0</v>
      </c>
      <c r="W1720">
        <v>1.945910149055313</v>
      </c>
      <c r="X1720">
        <v>1</v>
      </c>
      <c r="Y1720">
        <v>1</v>
      </c>
      <c r="Z1720">
        <v>0</v>
      </c>
      <c r="AA1720">
        <v>0</v>
      </c>
      <c r="AB1720">
        <v>1.791759469228055</v>
      </c>
      <c r="AC1720">
        <v>1</v>
      </c>
      <c r="AD1720">
        <v>1</v>
      </c>
      <c r="AE1720">
        <v>0</v>
      </c>
      <c r="AF1720">
        <v>0</v>
      </c>
      <c r="AG1720">
        <v>1.6094379124341009</v>
      </c>
      <c r="AH1720">
        <v>0.28739013130741842</v>
      </c>
      <c r="AI1720">
        <v>-0.26574313272902372</v>
      </c>
      <c r="AJ1720">
        <v>-0.15466645775692081</v>
      </c>
      <c r="AK1720">
        <v>0</v>
      </c>
      <c r="AL1720">
        <v>268.19508289832379</v>
      </c>
      <c r="AM1720">
        <v>235.99660486786931</v>
      </c>
      <c r="AN1720">
        <v>833</v>
      </c>
      <c r="AO1720">
        <v>39</v>
      </c>
      <c r="AP1720">
        <v>150.81887660876831</v>
      </c>
      <c r="AQ1720">
        <v>3.5</v>
      </c>
      <c r="AR1720">
        <v>3.625</v>
      </c>
      <c r="AS1720">
        <v>8</v>
      </c>
      <c r="AT1720">
        <v>0</v>
      </c>
      <c r="AU1720">
        <v>0.29516806722689082</v>
      </c>
      <c r="AV1720">
        <v>0.31642966903198538</v>
      </c>
      <c r="AW1720">
        <v>0.375</v>
      </c>
      <c r="AX1720">
        <v>72.142857142857139</v>
      </c>
      <c r="AY1720">
        <v>60.5</v>
      </c>
      <c r="AZ1720">
        <v>109</v>
      </c>
      <c r="BA1720">
        <v>0.68658126951490939</v>
      </c>
      <c r="BB1720">
        <v>0.625</v>
      </c>
      <c r="BC1720">
        <v>1.945910149055313</v>
      </c>
      <c r="BD1720" t="s">
        <v>6573</v>
      </c>
      <c r="BE1720" t="s">
        <v>68</v>
      </c>
    </row>
    <row r="1721" spans="1:57" x14ac:dyDescent="0.3">
      <c r="A1721" t="s">
        <v>6575</v>
      </c>
      <c r="B1721">
        <v>148</v>
      </c>
      <c r="C1721" t="s">
        <v>6576</v>
      </c>
      <c r="D1721" t="s">
        <v>6577</v>
      </c>
      <c r="E1721" t="s">
        <v>60</v>
      </c>
      <c r="F1721">
        <v>512</v>
      </c>
      <c r="G1721">
        <v>128.064453125</v>
      </c>
      <c r="H1721">
        <v>130</v>
      </c>
      <c r="I1721">
        <v>5467.7165489196777</v>
      </c>
      <c r="J1721">
        <v>73.944009553984003</v>
      </c>
      <c r="K1721">
        <v>-2.12908490919251E-2</v>
      </c>
      <c r="L1721">
        <v>-1.1856840991127799</v>
      </c>
      <c r="M1721">
        <v>7.6334631240990536</v>
      </c>
      <c r="N1721">
        <v>8</v>
      </c>
      <c r="O1721">
        <v>1</v>
      </c>
      <c r="P1721">
        <v>7</v>
      </c>
      <c r="Q1721">
        <v>1.1605769149479941</v>
      </c>
      <c r="R1721">
        <v>5.2911134423775703</v>
      </c>
      <c r="S1721">
        <v>2</v>
      </c>
      <c r="T1721">
        <v>1</v>
      </c>
      <c r="U1721">
        <v>1</v>
      </c>
      <c r="V1721">
        <v>4.4237310481092057E-2</v>
      </c>
      <c r="W1721">
        <v>6.2336566853874222</v>
      </c>
      <c r="X1721">
        <v>1</v>
      </c>
      <c r="Y1721">
        <v>1</v>
      </c>
      <c r="Z1721">
        <v>0</v>
      </c>
      <c r="AA1721">
        <v>0</v>
      </c>
      <c r="AB1721">
        <v>6.2344107257183694</v>
      </c>
      <c r="AC1721">
        <v>1</v>
      </c>
      <c r="AD1721">
        <v>1</v>
      </c>
      <c r="AE1721">
        <v>0</v>
      </c>
      <c r="AF1721">
        <v>0</v>
      </c>
      <c r="AG1721">
        <v>6.2324480165505216</v>
      </c>
      <c r="AH1721">
        <v>-7.4251101224566948E-2</v>
      </c>
      <c r="AI1721">
        <v>-2.430493357727153E-2</v>
      </c>
      <c r="AJ1721">
        <v>-1.3553225013681469E-2</v>
      </c>
      <c r="AK1721">
        <v>9.3814971400693753E-3</v>
      </c>
      <c r="AL1721">
        <v>1616.914121273569</v>
      </c>
      <c r="AM1721">
        <v>2929.5251704715092</v>
      </c>
      <c r="AN1721">
        <v>65569</v>
      </c>
      <c r="AO1721">
        <v>89.034516383691013</v>
      </c>
      <c r="AP1721">
        <v>1447.791401602713</v>
      </c>
      <c r="AQ1721">
        <v>1.044921875</v>
      </c>
      <c r="AR1721">
        <v>4.037109375</v>
      </c>
      <c r="AS1721">
        <v>511</v>
      </c>
      <c r="AT1721">
        <v>132</v>
      </c>
      <c r="AU1721">
        <v>1.8300935039370029E-2</v>
      </c>
      <c r="AV1721">
        <v>-7.4571902770678822E-2</v>
      </c>
      <c r="AW1721">
        <v>0.361328125</v>
      </c>
      <c r="AX1721">
        <v>88.767123287671239</v>
      </c>
      <c r="AY1721">
        <v>63</v>
      </c>
      <c r="AZ1721">
        <v>125.25</v>
      </c>
      <c r="BA1721">
        <v>0.57739683221705085</v>
      </c>
      <c r="BB1721">
        <v>0.505859375</v>
      </c>
      <c r="BC1721">
        <v>5.1245257974491061</v>
      </c>
      <c r="BD1721" t="s">
        <v>6578</v>
      </c>
      <c r="BE1721" t="s">
        <v>62</v>
      </c>
    </row>
    <row r="1722" spans="1:57" x14ac:dyDescent="0.3">
      <c r="A1722" t="s">
        <v>6579</v>
      </c>
      <c r="B1722">
        <v>3264</v>
      </c>
      <c r="C1722" t="s">
        <v>6580</v>
      </c>
      <c r="D1722" t="s">
        <v>6581</v>
      </c>
      <c r="E1722" t="s">
        <v>93</v>
      </c>
      <c r="F1722">
        <v>3264</v>
      </c>
      <c r="G1722">
        <v>130.1516544117647</v>
      </c>
      <c r="H1722">
        <v>131</v>
      </c>
      <c r="I1722">
        <v>5542.8896847629221</v>
      </c>
      <c r="J1722">
        <v>74.450585523304795</v>
      </c>
      <c r="K1722">
        <v>-4.1224889089827479E-2</v>
      </c>
      <c r="L1722">
        <v>-1.219703835234601</v>
      </c>
      <c r="M1722">
        <v>7.9488956204234906</v>
      </c>
      <c r="N1722">
        <v>23</v>
      </c>
      <c r="O1722">
        <v>2</v>
      </c>
      <c r="P1722">
        <v>21</v>
      </c>
      <c r="Q1722">
        <v>3.3236839500770832</v>
      </c>
      <c r="R1722">
        <v>5.5097545878618419</v>
      </c>
      <c r="S1722">
        <v>2</v>
      </c>
      <c r="T1722">
        <v>1</v>
      </c>
      <c r="U1722">
        <v>1</v>
      </c>
      <c r="V1722">
        <v>0.1515660314366585</v>
      </c>
      <c r="W1722">
        <v>8.0585383440698788</v>
      </c>
      <c r="X1722">
        <v>1</v>
      </c>
      <c r="Y1722">
        <v>1</v>
      </c>
      <c r="Z1722">
        <v>0</v>
      </c>
      <c r="AA1722">
        <v>0</v>
      </c>
      <c r="AB1722">
        <v>8.0900957831809599</v>
      </c>
      <c r="AC1722">
        <v>1</v>
      </c>
      <c r="AD1722">
        <v>1</v>
      </c>
      <c r="AE1722">
        <v>0</v>
      </c>
      <c r="AF1722">
        <v>0</v>
      </c>
      <c r="AG1722">
        <v>8.089789175789317</v>
      </c>
      <c r="AH1722">
        <v>-2.9085928374274501E-2</v>
      </c>
      <c r="AI1722">
        <v>1.416042777472824E-4</v>
      </c>
      <c r="AJ1722">
        <v>-2.598143532758174E-2</v>
      </c>
      <c r="AK1722">
        <v>-2.794242369760425E-2</v>
      </c>
      <c r="AL1722">
        <v>3901.567151915362</v>
      </c>
      <c r="AM1722">
        <v>7626.2796145365046</v>
      </c>
      <c r="AN1722">
        <v>424815</v>
      </c>
      <c r="AO1722">
        <v>110.2771987389177</v>
      </c>
      <c r="AP1722">
        <v>3568.942129544218</v>
      </c>
      <c r="AQ1722">
        <v>1.007046568627451</v>
      </c>
      <c r="AR1722">
        <v>4.070772058823529</v>
      </c>
      <c r="AS1722">
        <v>3251</v>
      </c>
      <c r="AT1722">
        <v>221.80392156862749</v>
      </c>
      <c r="AU1722">
        <v>2.414215686274512E-2</v>
      </c>
      <c r="AV1722">
        <v>-2.9092880649435968E-2</v>
      </c>
      <c r="AW1722">
        <v>0.36274509803921567</v>
      </c>
      <c r="AX1722">
        <v>87.755133312902231</v>
      </c>
      <c r="AY1722">
        <v>65</v>
      </c>
      <c r="AZ1722">
        <v>131</v>
      </c>
      <c r="BA1722">
        <v>0.57202949789453494</v>
      </c>
      <c r="BB1722">
        <v>0.50183823529411764</v>
      </c>
      <c r="BC1722">
        <v>5.3302988589466711</v>
      </c>
      <c r="BD1722" t="s">
        <v>6582</v>
      </c>
      <c r="BE1722" t="s">
        <v>62</v>
      </c>
    </row>
    <row r="1723" spans="1:57" x14ac:dyDescent="0.3">
      <c r="A1723" t="s">
        <v>6583</v>
      </c>
      <c r="B1723">
        <v>555</v>
      </c>
      <c r="C1723" t="s">
        <v>6584</v>
      </c>
      <c r="D1723" t="s">
        <v>6585</v>
      </c>
      <c r="E1723" t="s">
        <v>115</v>
      </c>
      <c r="F1723">
        <v>592</v>
      </c>
      <c r="G1723">
        <v>125.5253378378378</v>
      </c>
      <c r="H1723">
        <v>126</v>
      </c>
      <c r="I1723">
        <v>5218.5297633993796</v>
      </c>
      <c r="J1723">
        <v>72.239392047548264</v>
      </c>
      <c r="K1723">
        <v>5.5307876239299404E-4</v>
      </c>
      <c r="L1723">
        <v>-1.1134045999857569</v>
      </c>
      <c r="M1723">
        <v>7.6310373043586548</v>
      </c>
      <c r="N1723">
        <v>9</v>
      </c>
      <c r="O1723">
        <v>1</v>
      </c>
      <c r="P1723">
        <v>8</v>
      </c>
      <c r="Q1723">
        <v>1.4870870256368429</v>
      </c>
      <c r="R1723">
        <v>5.2894319922639816</v>
      </c>
      <c r="S1723">
        <v>2</v>
      </c>
      <c r="T1723">
        <v>1</v>
      </c>
      <c r="U1723">
        <v>1</v>
      </c>
      <c r="V1723">
        <v>5.8172637348087662E-2</v>
      </c>
      <c r="W1723">
        <v>6.3771246659302294</v>
      </c>
      <c r="X1723">
        <v>1</v>
      </c>
      <c r="Y1723">
        <v>1</v>
      </c>
      <c r="Z1723">
        <v>0</v>
      </c>
      <c r="AA1723">
        <v>0</v>
      </c>
      <c r="AB1723">
        <v>6.3801225368997674</v>
      </c>
      <c r="AC1723">
        <v>1</v>
      </c>
      <c r="AD1723">
        <v>1</v>
      </c>
      <c r="AE1723">
        <v>0</v>
      </c>
      <c r="AF1723">
        <v>0</v>
      </c>
      <c r="AG1723">
        <v>6.3784261836515856</v>
      </c>
      <c r="AH1723">
        <v>-5.3913164722975561E-2</v>
      </c>
      <c r="AI1723">
        <v>-6.2365153229600227E-2</v>
      </c>
      <c r="AJ1723">
        <v>1.47126020193993E-2</v>
      </c>
      <c r="AK1723">
        <v>-6.1883773340674908E-2</v>
      </c>
      <c r="AL1723">
        <v>1661.677248728565</v>
      </c>
      <c r="AM1723">
        <v>3107.428474005133</v>
      </c>
      <c r="AN1723">
        <v>74311</v>
      </c>
      <c r="AO1723">
        <v>203.83690432985739</v>
      </c>
      <c r="AP1723">
        <v>1345.5651548082619</v>
      </c>
      <c r="AQ1723">
        <v>1.0388513513513511</v>
      </c>
      <c r="AR1723">
        <v>3.9594594594594601</v>
      </c>
      <c r="AS1723">
        <v>587</v>
      </c>
      <c r="AT1723">
        <v>199.33108108108109</v>
      </c>
      <c r="AU1723">
        <v>3.4823794382617963E-2</v>
      </c>
      <c r="AV1723">
        <v>-5.3921368650573287E-2</v>
      </c>
      <c r="AW1723">
        <v>0.38006756756756749</v>
      </c>
      <c r="AX1723">
        <v>85.082910321488995</v>
      </c>
      <c r="AY1723">
        <v>60</v>
      </c>
      <c r="AZ1723">
        <v>120</v>
      </c>
      <c r="BA1723">
        <v>0.57549649570250128</v>
      </c>
      <c r="BB1723">
        <v>0.5</v>
      </c>
      <c r="BC1723">
        <v>5.1468852068603121</v>
      </c>
      <c r="BD1723" t="s">
        <v>6586</v>
      </c>
      <c r="BE1723" t="s">
        <v>62</v>
      </c>
    </row>
    <row r="1724" spans="1:57" x14ac:dyDescent="0.3">
      <c r="A1724" t="s">
        <v>6587</v>
      </c>
      <c r="B1724">
        <v>3714</v>
      </c>
      <c r="C1724" t="s">
        <v>6588</v>
      </c>
      <c r="D1724" t="s">
        <v>6589</v>
      </c>
      <c r="E1724" t="s">
        <v>93</v>
      </c>
      <c r="F1724">
        <v>3716</v>
      </c>
      <c r="G1724">
        <v>127.12970936490851</v>
      </c>
      <c r="H1724">
        <v>128</v>
      </c>
      <c r="I1724">
        <v>5329.1780086345843</v>
      </c>
      <c r="J1724">
        <v>73.001219227041574</v>
      </c>
      <c r="K1724">
        <v>-3.7129649971186932E-3</v>
      </c>
      <c r="L1724">
        <v>-1.178169807819831</v>
      </c>
      <c r="M1724">
        <v>7.9438172127147952</v>
      </c>
      <c r="N1724">
        <v>26</v>
      </c>
      <c r="O1724">
        <v>3</v>
      </c>
      <c r="P1724">
        <v>23</v>
      </c>
      <c r="Q1724">
        <v>3.988233425888585</v>
      </c>
      <c r="R1724">
        <v>5.506234503876815</v>
      </c>
      <c r="S1724">
        <v>3</v>
      </c>
      <c r="T1724">
        <v>1</v>
      </c>
      <c r="U1724">
        <v>2</v>
      </c>
      <c r="V1724">
        <v>0.17595568960705421</v>
      </c>
      <c r="W1724">
        <v>8.1784313540908009</v>
      </c>
      <c r="X1724">
        <v>1</v>
      </c>
      <c r="Y1724">
        <v>1</v>
      </c>
      <c r="Z1724">
        <v>0</v>
      </c>
      <c r="AA1724">
        <v>0</v>
      </c>
      <c r="AB1724">
        <v>8.2198647419126516</v>
      </c>
      <c r="AC1724">
        <v>1</v>
      </c>
      <c r="AD1724">
        <v>1</v>
      </c>
      <c r="AE1724">
        <v>0</v>
      </c>
      <c r="AF1724">
        <v>0</v>
      </c>
      <c r="AG1724">
        <v>8.2195954541770764</v>
      </c>
      <c r="AH1724">
        <v>2.7058358628430899E-2</v>
      </c>
      <c r="AI1724">
        <v>-1.560417062526228E-2</v>
      </c>
      <c r="AJ1724">
        <v>1.209745189713736E-2</v>
      </c>
      <c r="AK1724">
        <v>-1.037041927016037E-2</v>
      </c>
      <c r="AL1724">
        <v>4050.9894622676179</v>
      </c>
      <c r="AM1724">
        <v>7965.5862544194897</v>
      </c>
      <c r="AN1724">
        <v>472414</v>
      </c>
      <c r="AO1724">
        <v>104.3998757808363</v>
      </c>
      <c r="AP1724">
        <v>3654.7191717627161</v>
      </c>
      <c r="AQ1724">
        <v>1.006189451022605</v>
      </c>
      <c r="AR1724">
        <v>3.9951560818083962</v>
      </c>
      <c r="AS1724">
        <v>3699</v>
      </c>
      <c r="AT1724">
        <v>280.52099031216358</v>
      </c>
      <c r="AU1724">
        <v>1.1327803457227951E-2</v>
      </c>
      <c r="AV1724">
        <v>2.7073500012299259E-2</v>
      </c>
      <c r="AW1724">
        <v>0.37109795479009688</v>
      </c>
      <c r="AX1724">
        <v>83.362853297442797</v>
      </c>
      <c r="AY1724">
        <v>63</v>
      </c>
      <c r="AZ1724">
        <v>126</v>
      </c>
      <c r="BA1724">
        <v>0.57422627324272035</v>
      </c>
      <c r="BB1724">
        <v>0.50134553283100103</v>
      </c>
      <c r="BC1724">
        <v>5.2953815119917698</v>
      </c>
      <c r="BD1724" t="s">
        <v>6590</v>
      </c>
      <c r="BE1724" t="s">
        <v>68</v>
      </c>
    </row>
    <row r="1725" spans="1:57" x14ac:dyDescent="0.3">
      <c r="A1725" t="s">
        <v>6591</v>
      </c>
      <c r="B1725">
        <v>1305</v>
      </c>
      <c r="C1725" t="s">
        <v>6592</v>
      </c>
      <c r="D1725" t="s">
        <v>6593</v>
      </c>
      <c r="E1725" t="s">
        <v>66</v>
      </c>
      <c r="F1725">
        <v>71</v>
      </c>
      <c r="G1725">
        <v>114.112676056338</v>
      </c>
      <c r="H1725">
        <v>100</v>
      </c>
      <c r="I1725">
        <v>6142.1844872049196</v>
      </c>
      <c r="J1725">
        <v>78.372089975991585</v>
      </c>
      <c r="K1725">
        <v>0.320097739014155</v>
      </c>
      <c r="L1725">
        <v>-1.185314878890134</v>
      </c>
      <c r="M1725">
        <v>5.7516532813850949</v>
      </c>
      <c r="N1725">
        <v>3</v>
      </c>
      <c r="O1725">
        <v>1</v>
      </c>
      <c r="P1725">
        <v>2</v>
      </c>
      <c r="Q1725">
        <v>0.52663877066556086</v>
      </c>
      <c r="R1725">
        <v>3.9867422555504399</v>
      </c>
      <c r="S1725">
        <v>1</v>
      </c>
      <c r="T1725">
        <v>1</v>
      </c>
      <c r="U1725">
        <v>0</v>
      </c>
      <c r="V1725">
        <v>0</v>
      </c>
      <c r="W1725">
        <v>4.2484952420493576</v>
      </c>
      <c r="X1725">
        <v>1</v>
      </c>
      <c r="Y1725">
        <v>1</v>
      </c>
      <c r="Z1725">
        <v>0</v>
      </c>
      <c r="AA1725">
        <v>0</v>
      </c>
      <c r="AB1725">
        <v>4.2341065045972579</v>
      </c>
      <c r="AC1725">
        <v>1</v>
      </c>
      <c r="AD1725">
        <v>1</v>
      </c>
      <c r="AE1725">
        <v>0</v>
      </c>
      <c r="AF1725">
        <v>0</v>
      </c>
      <c r="AG1725">
        <v>4.2195077051761087</v>
      </c>
      <c r="AH1725">
        <v>0.30859476246140999</v>
      </c>
      <c r="AI1725">
        <v>0.17262190380180351</v>
      </c>
      <c r="AJ1725">
        <v>-4.031448842280734E-2</v>
      </c>
      <c r="AK1725">
        <v>-9.2507701320751701E-2</v>
      </c>
      <c r="AL1725">
        <v>672.65331704581695</v>
      </c>
      <c r="AM1725">
        <v>952.98138232982262</v>
      </c>
      <c r="AN1725">
        <v>8102</v>
      </c>
      <c r="AO1725">
        <v>52.658534761327637</v>
      </c>
      <c r="AP1725">
        <v>458.48537431165948</v>
      </c>
      <c r="AQ1725">
        <v>1.323943661971831</v>
      </c>
      <c r="AR1725">
        <v>3.549295774647887</v>
      </c>
      <c r="AS1725">
        <v>71</v>
      </c>
      <c r="AT1725">
        <v>13.140845070422539</v>
      </c>
      <c r="AU1725">
        <v>0.1419540867250749</v>
      </c>
      <c r="AV1725">
        <v>0.31022324823510072</v>
      </c>
      <c r="AW1725">
        <v>0.42253521126760563</v>
      </c>
      <c r="AX1725">
        <v>74.814285714285717</v>
      </c>
      <c r="AY1725">
        <v>58</v>
      </c>
      <c r="AZ1725">
        <v>130</v>
      </c>
      <c r="BA1725">
        <v>0.6867956539490746</v>
      </c>
      <c r="BB1725">
        <v>0.45070422535211269</v>
      </c>
      <c r="BC1725">
        <v>4.1023908324550202</v>
      </c>
      <c r="BD1725" t="s">
        <v>6594</v>
      </c>
      <c r="BE1725" t="s">
        <v>68</v>
      </c>
    </row>
    <row r="1726" spans="1:57" x14ac:dyDescent="0.3">
      <c r="A1726" t="s">
        <v>6595</v>
      </c>
      <c r="B1726">
        <v>2508</v>
      </c>
      <c r="C1726" t="s">
        <v>6596</v>
      </c>
      <c r="D1726" t="s">
        <v>6597</v>
      </c>
      <c r="E1726" t="s">
        <v>106</v>
      </c>
      <c r="F1726">
        <v>2550</v>
      </c>
      <c r="G1726">
        <v>127.7741176470588</v>
      </c>
      <c r="H1726">
        <v>130</v>
      </c>
      <c r="I1726">
        <v>5541.2776046136096</v>
      </c>
      <c r="J1726">
        <v>74.439758225115227</v>
      </c>
      <c r="K1726">
        <v>-2.5565170601506041E-2</v>
      </c>
      <c r="L1726">
        <v>-1.2190753673345951</v>
      </c>
      <c r="M1726">
        <v>7.9352286201986173</v>
      </c>
      <c r="N1726">
        <v>21</v>
      </c>
      <c r="O1726">
        <v>3</v>
      </c>
      <c r="P1726">
        <v>18</v>
      </c>
      <c r="Q1726">
        <v>2.953817296498507</v>
      </c>
      <c r="R1726">
        <v>5.5002813451892649</v>
      </c>
      <c r="S1726">
        <v>3</v>
      </c>
      <c r="T1726">
        <v>1</v>
      </c>
      <c r="U1726">
        <v>2</v>
      </c>
      <c r="V1726">
        <v>0.15350181427826459</v>
      </c>
      <c r="W1726">
        <v>7.8125897976635832</v>
      </c>
      <c r="X1726">
        <v>1</v>
      </c>
      <c r="Y1726">
        <v>1</v>
      </c>
      <c r="Z1726">
        <v>0</v>
      </c>
      <c r="AA1726">
        <v>0</v>
      </c>
      <c r="AB1726">
        <v>7.8430640166920558</v>
      </c>
      <c r="AC1726">
        <v>1</v>
      </c>
      <c r="AD1726">
        <v>1</v>
      </c>
      <c r="AE1726">
        <v>0</v>
      </c>
      <c r="AF1726">
        <v>0</v>
      </c>
      <c r="AG1726">
        <v>7.8426714749794577</v>
      </c>
      <c r="AH1726">
        <v>-9.3652506083473971E-3</v>
      </c>
      <c r="AI1726">
        <v>1.0343426659947979E-2</v>
      </c>
      <c r="AJ1726">
        <v>3.8119778141549841E-3</v>
      </c>
      <c r="AK1726">
        <v>-2.5742840069741601E-2</v>
      </c>
      <c r="AL1726">
        <v>3420.3292973444109</v>
      </c>
      <c r="AM1726">
        <v>6638.0328033030601</v>
      </c>
      <c r="AN1726">
        <v>325824</v>
      </c>
      <c r="AO1726">
        <v>73.046137396445502</v>
      </c>
      <c r="AP1726">
        <v>3044.102961166926</v>
      </c>
      <c r="AQ1726">
        <v>1.009019607843137</v>
      </c>
      <c r="AR1726">
        <v>3.9705882352941182</v>
      </c>
      <c r="AS1726">
        <v>2538</v>
      </c>
      <c r="AT1726">
        <v>224.23686274509799</v>
      </c>
      <c r="AU1726">
        <v>1.4509803921568641E-2</v>
      </c>
      <c r="AV1726">
        <v>-9.3688796368399992E-3</v>
      </c>
      <c r="AW1726">
        <v>0.36</v>
      </c>
      <c r="AX1726">
        <v>86.508042369556691</v>
      </c>
      <c r="AY1726">
        <v>65</v>
      </c>
      <c r="AZ1726">
        <v>130</v>
      </c>
      <c r="BA1726">
        <v>0.58258870885522185</v>
      </c>
      <c r="BB1726">
        <v>0.50784313725490193</v>
      </c>
      <c r="BC1726">
        <v>5.3134603537929337</v>
      </c>
      <c r="BD1726" t="s">
        <v>6598</v>
      </c>
      <c r="BE1726" t="s">
        <v>68</v>
      </c>
    </row>
    <row r="1727" spans="1:57" x14ac:dyDescent="0.3">
      <c r="A1727" t="s">
        <v>6599</v>
      </c>
      <c r="B1727">
        <v>527</v>
      </c>
      <c r="C1727" t="s">
        <v>6600</v>
      </c>
      <c r="D1727" t="s">
        <v>6601</v>
      </c>
      <c r="E1727" t="s">
        <v>72</v>
      </c>
      <c r="F1727">
        <v>536</v>
      </c>
      <c r="G1727">
        <v>129.8694029850746</v>
      </c>
      <c r="H1727">
        <v>126.5</v>
      </c>
      <c r="I1727">
        <v>5628.9866757629761</v>
      </c>
      <c r="J1727">
        <v>75.026573130877949</v>
      </c>
      <c r="K1727">
        <v>-1.092100284217414E-2</v>
      </c>
      <c r="L1727">
        <v>-1.2364525965093811</v>
      </c>
      <c r="M1727">
        <v>7.5978499968713749</v>
      </c>
      <c r="N1727">
        <v>7</v>
      </c>
      <c r="O1727">
        <v>1</v>
      </c>
      <c r="P1727">
        <v>6</v>
      </c>
      <c r="Q1727">
        <v>1.364497315883348</v>
      </c>
      <c r="R1727">
        <v>5.266428303648782</v>
      </c>
      <c r="S1727">
        <v>2</v>
      </c>
      <c r="T1727">
        <v>1</v>
      </c>
      <c r="U1727">
        <v>1</v>
      </c>
      <c r="V1727">
        <v>7.4881895815947716E-2</v>
      </c>
      <c r="W1727">
        <v>6.2744931336560814</v>
      </c>
      <c r="X1727">
        <v>1</v>
      </c>
      <c r="Y1727">
        <v>1</v>
      </c>
      <c r="Z1727">
        <v>0</v>
      </c>
      <c r="AA1727">
        <v>0</v>
      </c>
      <c r="AB1727">
        <v>6.2803958389601942</v>
      </c>
      <c r="AC1727">
        <v>1</v>
      </c>
      <c r="AD1727">
        <v>1</v>
      </c>
      <c r="AE1727">
        <v>0</v>
      </c>
      <c r="AF1727">
        <v>0</v>
      </c>
      <c r="AG1727">
        <v>6.2785214241658442</v>
      </c>
      <c r="AH1727">
        <v>1.3665209603968829E-2</v>
      </c>
      <c r="AI1727">
        <v>-5.8215424678618018E-2</v>
      </c>
      <c r="AJ1727">
        <v>7.3106614435015177E-2</v>
      </c>
      <c r="AK1727">
        <v>-2.8460061184912532E-3</v>
      </c>
      <c r="AL1727">
        <v>1678.070082627429</v>
      </c>
      <c r="AM1727">
        <v>3039.9715126610599</v>
      </c>
      <c r="AN1727">
        <v>69610</v>
      </c>
      <c r="AO1727">
        <v>130.78029700697209</v>
      </c>
      <c r="AP1727">
        <v>1483.146498884227</v>
      </c>
      <c r="AQ1727">
        <v>1.0429104477611939</v>
      </c>
      <c r="AR1727">
        <v>4.1044776119402986</v>
      </c>
      <c r="AS1727">
        <v>533</v>
      </c>
      <c r="AT1727">
        <v>177.41791044776119</v>
      </c>
      <c r="AU1727">
        <v>3.827187591454484E-2</v>
      </c>
      <c r="AV1727">
        <v>1.370490399129424E-2</v>
      </c>
      <c r="AW1727">
        <v>0.3712686567164179</v>
      </c>
      <c r="AX1727">
        <v>85.919626168224298</v>
      </c>
      <c r="AY1727">
        <v>65.5</v>
      </c>
      <c r="AZ1727">
        <v>131.25</v>
      </c>
      <c r="BA1727">
        <v>0.57770784654719987</v>
      </c>
      <c r="BB1727">
        <v>0.48507462686567171</v>
      </c>
      <c r="BC1727">
        <v>5.1182588713021921</v>
      </c>
      <c r="BD1727" t="s">
        <v>6602</v>
      </c>
      <c r="BE1727" t="s">
        <v>68</v>
      </c>
    </row>
    <row r="1728" spans="1:57" x14ac:dyDescent="0.3">
      <c r="A1728" t="s">
        <v>6603</v>
      </c>
      <c r="B1728">
        <v>839</v>
      </c>
      <c r="C1728" t="s">
        <v>6604</v>
      </c>
      <c r="D1728" t="s">
        <v>6605</v>
      </c>
      <c r="E1728" t="s">
        <v>128</v>
      </c>
      <c r="F1728">
        <v>32</v>
      </c>
      <c r="G1728">
        <v>122.8125</v>
      </c>
      <c r="H1728">
        <v>136</v>
      </c>
      <c r="I1728">
        <v>6869.71484375</v>
      </c>
      <c r="J1728">
        <v>82.8837429400362</v>
      </c>
      <c r="K1728">
        <v>5.4636054359602851E-2</v>
      </c>
      <c r="L1728">
        <v>-1.43005602376715</v>
      </c>
      <c r="M1728">
        <v>4.875</v>
      </c>
      <c r="N1728">
        <v>2</v>
      </c>
      <c r="O1728">
        <v>1</v>
      </c>
      <c r="P1728">
        <v>1</v>
      </c>
      <c r="Q1728">
        <v>0.24944382578492941</v>
      </c>
      <c r="R1728">
        <v>3.3790925052297318</v>
      </c>
      <c r="S1728">
        <v>1</v>
      </c>
      <c r="T1728">
        <v>1</v>
      </c>
      <c r="U1728">
        <v>0</v>
      </c>
      <c r="V1728">
        <v>0</v>
      </c>
      <c r="W1728">
        <v>3.4339872044851458</v>
      </c>
      <c r="X1728">
        <v>1</v>
      </c>
      <c r="Y1728">
        <v>1</v>
      </c>
      <c r="Z1728">
        <v>0</v>
      </c>
      <c r="AA1728">
        <v>0</v>
      </c>
      <c r="AB1728">
        <v>3.401197381662155</v>
      </c>
      <c r="AC1728">
        <v>1</v>
      </c>
      <c r="AD1728">
        <v>1</v>
      </c>
      <c r="AE1728">
        <v>0</v>
      </c>
      <c r="AF1728">
        <v>0</v>
      </c>
      <c r="AG1728">
        <v>3.3672958299864728</v>
      </c>
      <c r="AH1728">
        <v>0.31758005941499351</v>
      </c>
      <c r="AI1728">
        <v>-8.5368787766959484E-2</v>
      </c>
      <c r="AJ1728">
        <v>0.3537535353882843</v>
      </c>
      <c r="AK1728">
        <v>0.17471339472901609</v>
      </c>
      <c r="AL1728">
        <v>503.29788823585488</v>
      </c>
      <c r="AM1728">
        <v>670.20536829939579</v>
      </c>
      <c r="AN1728">
        <v>3930</v>
      </c>
      <c r="AO1728">
        <v>126.4391831664682</v>
      </c>
      <c r="AP1728">
        <v>281.65541800420118</v>
      </c>
      <c r="AQ1728">
        <v>1.71875</v>
      </c>
      <c r="AR1728">
        <v>3.6875</v>
      </c>
      <c r="AS1728">
        <v>32</v>
      </c>
      <c r="AT1728">
        <v>1.75</v>
      </c>
      <c r="AU1728">
        <v>0.14649209486166009</v>
      </c>
      <c r="AV1728">
        <v>0.32548097845400747</v>
      </c>
      <c r="AW1728">
        <v>0.25</v>
      </c>
      <c r="AX1728">
        <v>74.806451612903231</v>
      </c>
      <c r="AY1728">
        <v>72.5</v>
      </c>
      <c r="AZ1728">
        <v>150.5</v>
      </c>
      <c r="BA1728">
        <v>0.67488034963897159</v>
      </c>
      <c r="BB1728">
        <v>0.53125</v>
      </c>
      <c r="BC1728">
        <v>3.2998296856670919</v>
      </c>
      <c r="BD1728" t="s">
        <v>6606</v>
      </c>
      <c r="BE1728" t="s">
        <v>62</v>
      </c>
    </row>
    <row r="1729" spans="1:57" x14ac:dyDescent="0.3">
      <c r="A1729" t="s">
        <v>6607</v>
      </c>
      <c r="B1729">
        <v>2807</v>
      </c>
      <c r="C1729" t="s">
        <v>6608</v>
      </c>
      <c r="D1729" t="s">
        <v>6609</v>
      </c>
      <c r="E1729" t="s">
        <v>128</v>
      </c>
      <c r="F1729">
        <v>32</v>
      </c>
      <c r="G1729">
        <v>137.03125</v>
      </c>
      <c r="H1729">
        <v>140.5</v>
      </c>
      <c r="I1729">
        <v>5147.0302734375</v>
      </c>
      <c r="J1729">
        <v>71.742806422926478</v>
      </c>
      <c r="K1729">
        <v>-0.22382627811165429</v>
      </c>
      <c r="L1729">
        <v>-1.1252828217196811</v>
      </c>
      <c r="M1729">
        <v>4.9375</v>
      </c>
      <c r="N1729">
        <v>2</v>
      </c>
      <c r="O1729">
        <v>1</v>
      </c>
      <c r="P1729">
        <v>1</v>
      </c>
      <c r="Q1729">
        <v>0.17668469596940839</v>
      </c>
      <c r="R1729">
        <v>3.422414204014729</v>
      </c>
      <c r="S1729">
        <v>1</v>
      </c>
      <c r="T1729">
        <v>1</v>
      </c>
      <c r="U1729">
        <v>0</v>
      </c>
      <c r="V1729">
        <v>0</v>
      </c>
      <c r="W1729">
        <v>3.4339872044851458</v>
      </c>
      <c r="X1729">
        <v>1</v>
      </c>
      <c r="Y1729">
        <v>1</v>
      </c>
      <c r="Z1729">
        <v>0</v>
      </c>
      <c r="AA1729">
        <v>0</v>
      </c>
      <c r="AB1729">
        <v>3.401197381662155</v>
      </c>
      <c r="AC1729">
        <v>1</v>
      </c>
      <c r="AD1729">
        <v>1</v>
      </c>
      <c r="AE1729">
        <v>0</v>
      </c>
      <c r="AF1729">
        <v>0</v>
      </c>
      <c r="AG1729">
        <v>3.3672958299864728</v>
      </c>
      <c r="AH1729">
        <v>-1.1555895921096789E-2</v>
      </c>
      <c r="AI1729">
        <v>-3.503557449978266E-2</v>
      </c>
      <c r="AJ1729">
        <v>4.4805197608071556E-3</v>
      </c>
      <c r="AK1729">
        <v>-3.0971536890109761E-2</v>
      </c>
      <c r="AL1729">
        <v>495.26168040516171</v>
      </c>
      <c r="AM1729">
        <v>721.32022564340696</v>
      </c>
      <c r="AN1729">
        <v>4385</v>
      </c>
      <c r="AO1729">
        <v>52.378388748084767</v>
      </c>
      <c r="AP1729">
        <v>377.01940522097658</v>
      </c>
      <c r="AQ1729">
        <v>1.71875</v>
      </c>
      <c r="AR1729">
        <v>4.15625</v>
      </c>
      <c r="AS1729">
        <v>32</v>
      </c>
      <c r="AT1729">
        <v>0.93749999999999978</v>
      </c>
      <c r="AU1729">
        <v>0.13366596638655459</v>
      </c>
      <c r="AV1729">
        <v>-1.1387048665588231E-2</v>
      </c>
      <c r="AW1729">
        <v>0.40625</v>
      </c>
      <c r="AX1729">
        <v>87.387096774193552</v>
      </c>
      <c r="AY1729">
        <v>65</v>
      </c>
      <c r="AZ1729">
        <v>123</v>
      </c>
      <c r="BA1729">
        <v>0.52355069681497091</v>
      </c>
      <c r="BB1729">
        <v>0.5</v>
      </c>
      <c r="BC1729">
        <v>3.3445488586064429</v>
      </c>
      <c r="BD1729" t="s">
        <v>6610</v>
      </c>
      <c r="BE1729" t="s">
        <v>62</v>
      </c>
    </row>
    <row r="1730" spans="1:57" x14ac:dyDescent="0.3">
      <c r="A1730" t="s">
        <v>6611</v>
      </c>
      <c r="B1730">
        <v>3498</v>
      </c>
      <c r="C1730" t="s">
        <v>6612</v>
      </c>
      <c r="D1730" t="s">
        <v>6613</v>
      </c>
      <c r="E1730" t="s">
        <v>98</v>
      </c>
      <c r="F1730">
        <v>16</v>
      </c>
      <c r="G1730">
        <v>113.375</v>
      </c>
      <c r="H1730">
        <v>126</v>
      </c>
      <c r="I1730">
        <v>5652.734375</v>
      </c>
      <c r="J1730">
        <v>75.184668483674244</v>
      </c>
      <c r="K1730">
        <v>8.8339324625193588E-2</v>
      </c>
      <c r="L1730">
        <v>-1.1717467588392849</v>
      </c>
      <c r="M1730">
        <v>4</v>
      </c>
      <c r="N1730">
        <v>1</v>
      </c>
      <c r="O1730">
        <v>1</v>
      </c>
      <c r="P1730">
        <v>0</v>
      </c>
      <c r="Q1730">
        <v>0</v>
      </c>
      <c r="R1730">
        <v>2.7725887222397811</v>
      </c>
      <c r="S1730">
        <v>1</v>
      </c>
      <c r="T1730">
        <v>1</v>
      </c>
      <c r="U1730">
        <v>0</v>
      </c>
      <c r="V1730">
        <v>0</v>
      </c>
      <c r="W1730">
        <v>2.7080502011022101</v>
      </c>
      <c r="X1730">
        <v>1</v>
      </c>
      <c r="Y1730">
        <v>1</v>
      </c>
      <c r="Z1730">
        <v>0</v>
      </c>
      <c r="AA1730">
        <v>0</v>
      </c>
      <c r="AB1730">
        <v>2.639057329615258</v>
      </c>
      <c r="AC1730">
        <v>1</v>
      </c>
      <c r="AD1730">
        <v>1</v>
      </c>
      <c r="AE1730">
        <v>0</v>
      </c>
      <c r="AF1730">
        <v>0</v>
      </c>
      <c r="AG1730">
        <v>2.5649493574615372</v>
      </c>
      <c r="AH1730">
        <v>0.1157112500863797</v>
      </c>
      <c r="AI1730">
        <v>1.7022666021698569E-2</v>
      </c>
      <c r="AJ1730">
        <v>-0.14137879206689241</v>
      </c>
      <c r="AK1730">
        <v>-0.24270230115403221</v>
      </c>
      <c r="AL1730">
        <v>381.30794626533952</v>
      </c>
      <c r="AM1730">
        <v>388.21418072361678</v>
      </c>
      <c r="AN1730">
        <v>1814</v>
      </c>
      <c r="AO1730">
        <v>100.7291207345592</v>
      </c>
      <c r="AP1730">
        <v>287.62823227214682</v>
      </c>
      <c r="AQ1730">
        <v>2.25</v>
      </c>
      <c r="AR1730">
        <v>3.875</v>
      </c>
      <c r="AS1730">
        <v>16</v>
      </c>
      <c r="AT1730">
        <v>0</v>
      </c>
      <c r="AU1730">
        <v>0.15368852459016391</v>
      </c>
      <c r="AV1730">
        <v>0.1175888729944162</v>
      </c>
      <c r="AW1730">
        <v>0.3125</v>
      </c>
      <c r="AX1730">
        <v>83.2</v>
      </c>
      <c r="AY1730">
        <v>69</v>
      </c>
      <c r="AZ1730">
        <v>119.5</v>
      </c>
      <c r="BA1730">
        <v>0.6631503284116802</v>
      </c>
      <c r="BB1730">
        <v>0.5625</v>
      </c>
      <c r="BC1730">
        <v>2.7080502011022101</v>
      </c>
      <c r="BD1730" t="s">
        <v>6612</v>
      </c>
      <c r="BE1730" t="s">
        <v>62</v>
      </c>
    </row>
    <row r="1731" spans="1:57" x14ac:dyDescent="0.3">
      <c r="A1731" t="s">
        <v>6614</v>
      </c>
      <c r="B1731">
        <v>2850</v>
      </c>
      <c r="C1731" t="s">
        <v>6615</v>
      </c>
      <c r="D1731" t="s">
        <v>6616</v>
      </c>
      <c r="E1731" t="s">
        <v>115</v>
      </c>
      <c r="F1731">
        <v>2912</v>
      </c>
      <c r="G1731">
        <v>127.709478021978</v>
      </c>
      <c r="H1731">
        <v>127</v>
      </c>
      <c r="I1731">
        <v>5493.5522728044616</v>
      </c>
      <c r="J1731">
        <v>74.118501555309805</v>
      </c>
      <c r="K1731">
        <v>5.5980378180357426E-3</v>
      </c>
      <c r="L1731">
        <v>-1.214068046528886</v>
      </c>
      <c r="M1731">
        <v>7.9337748576545826</v>
      </c>
      <c r="N1731">
        <v>21</v>
      </c>
      <c r="O1731">
        <v>3</v>
      </c>
      <c r="P1731">
        <v>18</v>
      </c>
      <c r="Q1731">
        <v>3.384246592670221</v>
      </c>
      <c r="R1731">
        <v>5.4992736737806611</v>
      </c>
      <c r="S1731">
        <v>2</v>
      </c>
      <c r="T1731">
        <v>1</v>
      </c>
      <c r="U1731">
        <v>1</v>
      </c>
      <c r="V1731">
        <v>0.17378373352697199</v>
      </c>
      <c r="W1731">
        <v>7.9343440413826718</v>
      </c>
      <c r="X1731">
        <v>1</v>
      </c>
      <c r="Y1731">
        <v>1</v>
      </c>
      <c r="Z1731">
        <v>0</v>
      </c>
      <c r="AA1731">
        <v>0</v>
      </c>
      <c r="AB1731">
        <v>7.9759083601655378</v>
      </c>
      <c r="AC1731">
        <v>1</v>
      </c>
      <c r="AD1731">
        <v>1</v>
      </c>
      <c r="AE1731">
        <v>0</v>
      </c>
      <c r="AF1731">
        <v>0</v>
      </c>
      <c r="AG1731">
        <v>7.9755646584952018</v>
      </c>
      <c r="AH1731">
        <v>3.4449446293590237E-2</v>
      </c>
      <c r="AI1731">
        <v>9.7530779813566875E-3</v>
      </c>
      <c r="AJ1731">
        <v>1.0596315245395799E-2</v>
      </c>
      <c r="AK1731">
        <v>2.7378716398297909E-2</v>
      </c>
      <c r="AL1731">
        <v>3651.9191111559148</v>
      </c>
      <c r="AM1731">
        <v>7081.9904550609344</v>
      </c>
      <c r="AN1731">
        <v>371890</v>
      </c>
      <c r="AO1731">
        <v>136.95748078767471</v>
      </c>
      <c r="AP1731">
        <v>3283.3179083563709</v>
      </c>
      <c r="AQ1731">
        <v>1.007898351648352</v>
      </c>
      <c r="AR1731">
        <v>4.0065247252747254</v>
      </c>
      <c r="AS1731">
        <v>2902</v>
      </c>
      <c r="AT1731">
        <v>257.75824175824181</v>
      </c>
      <c r="AU1731">
        <v>1.362044817927177E-2</v>
      </c>
      <c r="AV1731">
        <v>3.4461826540436842E-2</v>
      </c>
      <c r="AW1731">
        <v>0.37980769230769229</v>
      </c>
      <c r="AX1731">
        <v>84.273102026794916</v>
      </c>
      <c r="AY1731">
        <v>65</v>
      </c>
      <c r="AZ1731">
        <v>130.25</v>
      </c>
      <c r="BA1731">
        <v>0.58036805649267831</v>
      </c>
      <c r="BB1731">
        <v>0.49862637362637358</v>
      </c>
      <c r="BC1731">
        <v>5.294766103971047</v>
      </c>
      <c r="BD1731" t="s">
        <v>6617</v>
      </c>
      <c r="BE1731" t="s">
        <v>62</v>
      </c>
    </row>
    <row r="1732" spans="1:57" x14ac:dyDescent="0.3">
      <c r="A1732" t="s">
        <v>6618</v>
      </c>
      <c r="B1732">
        <v>3773</v>
      </c>
      <c r="C1732" t="s">
        <v>6619</v>
      </c>
      <c r="D1732" t="s">
        <v>6620</v>
      </c>
      <c r="E1732" t="s">
        <v>72</v>
      </c>
      <c r="F1732">
        <v>3784</v>
      </c>
      <c r="G1732">
        <v>126.1165433403805</v>
      </c>
      <c r="H1732">
        <v>126</v>
      </c>
      <c r="I1732">
        <v>5520.0025381572123</v>
      </c>
      <c r="J1732">
        <v>74.296719565248722</v>
      </c>
      <c r="K1732">
        <v>1.9412671932042751E-2</v>
      </c>
      <c r="L1732">
        <v>-1.2251550282718451</v>
      </c>
      <c r="M1732">
        <v>7.9538363763626929</v>
      </c>
      <c r="N1732">
        <v>26</v>
      </c>
      <c r="O1732">
        <v>6</v>
      </c>
      <c r="P1732">
        <v>20</v>
      </c>
      <c r="Q1732">
        <v>3.7184873856852061</v>
      </c>
      <c r="R1732">
        <v>5.5131792589109381</v>
      </c>
      <c r="S1732">
        <v>3</v>
      </c>
      <c r="T1732">
        <v>1</v>
      </c>
      <c r="U1732">
        <v>2</v>
      </c>
      <c r="V1732">
        <v>0.16184580433137019</v>
      </c>
      <c r="W1732">
        <v>8.203777483206796</v>
      </c>
      <c r="X1732">
        <v>1</v>
      </c>
      <c r="Y1732">
        <v>1</v>
      </c>
      <c r="Z1732">
        <v>0</v>
      </c>
      <c r="AA1732">
        <v>0</v>
      </c>
      <c r="AB1732">
        <v>8.2380082492183995</v>
      </c>
      <c r="AC1732">
        <v>1</v>
      </c>
      <c r="AD1732">
        <v>1</v>
      </c>
      <c r="AE1732">
        <v>0</v>
      </c>
      <c r="AF1732">
        <v>0</v>
      </c>
      <c r="AG1732">
        <v>8.2377438038909307</v>
      </c>
      <c r="AH1732">
        <v>-1.0322332078299671E-2</v>
      </c>
      <c r="AI1732">
        <v>2.0935812733039089E-2</v>
      </c>
      <c r="AJ1732">
        <v>-3.5535873925754322E-3</v>
      </c>
      <c r="AK1732">
        <v>-4.9777774899632133E-3</v>
      </c>
      <c r="AL1732">
        <v>4185.5821211627444</v>
      </c>
      <c r="AM1732">
        <v>7972.1113456224894</v>
      </c>
      <c r="AN1732">
        <v>477225</v>
      </c>
      <c r="AO1732">
        <v>105.3414754562</v>
      </c>
      <c r="AP1732">
        <v>3841.552530593533</v>
      </c>
      <c r="AQ1732">
        <v>1.0060782241014801</v>
      </c>
      <c r="AR1732">
        <v>3.9746300211416492</v>
      </c>
      <c r="AS1732">
        <v>3768</v>
      </c>
      <c r="AT1732">
        <v>239.47568710359411</v>
      </c>
      <c r="AU1732">
        <v>1.6877046801807401E-2</v>
      </c>
      <c r="AV1732">
        <v>-1.032391093469969E-2</v>
      </c>
      <c r="AW1732">
        <v>0.370507399577167</v>
      </c>
      <c r="AX1732">
        <v>86.066349458102039</v>
      </c>
      <c r="AY1732">
        <v>65</v>
      </c>
      <c r="AZ1732">
        <v>129.25</v>
      </c>
      <c r="BA1732">
        <v>0.58911160738624579</v>
      </c>
      <c r="BB1732">
        <v>0.4973572938689218</v>
      </c>
      <c r="BC1732">
        <v>5.3359100164039379</v>
      </c>
      <c r="BD1732" t="s">
        <v>6621</v>
      </c>
      <c r="BE1732" t="s">
        <v>68</v>
      </c>
    </row>
    <row r="1733" spans="1:57" x14ac:dyDescent="0.3">
      <c r="A1733" t="s">
        <v>6622</v>
      </c>
      <c r="B1733">
        <v>3715</v>
      </c>
      <c r="C1733" t="s">
        <v>6623</v>
      </c>
      <c r="D1733" t="s">
        <v>6624</v>
      </c>
      <c r="E1733" t="s">
        <v>10622</v>
      </c>
      <c r="F1733">
        <v>64</v>
      </c>
      <c r="G1733">
        <v>132.328125</v>
      </c>
      <c r="H1733">
        <v>135</v>
      </c>
      <c r="I1733">
        <v>5439.751708984375</v>
      </c>
      <c r="J1733">
        <v>73.754672455271432</v>
      </c>
      <c r="K1733">
        <v>-0.1083962302550537</v>
      </c>
      <c r="L1733">
        <v>-1.114819029495669</v>
      </c>
      <c r="M1733">
        <v>5.875</v>
      </c>
      <c r="N1733">
        <v>2</v>
      </c>
      <c r="O1733">
        <v>1</v>
      </c>
      <c r="P1733">
        <v>1</v>
      </c>
      <c r="Q1733">
        <v>0.24944382578492941</v>
      </c>
      <c r="R1733">
        <v>4.072239685789679</v>
      </c>
      <c r="S1733">
        <v>1</v>
      </c>
      <c r="T1733">
        <v>1</v>
      </c>
      <c r="U1733">
        <v>0</v>
      </c>
      <c r="V1733">
        <v>0</v>
      </c>
      <c r="W1733">
        <v>4.1431347263915326</v>
      </c>
      <c r="X1733">
        <v>1</v>
      </c>
      <c r="Y1733">
        <v>1</v>
      </c>
      <c r="Z1733">
        <v>0</v>
      </c>
      <c r="AA1733">
        <v>0</v>
      </c>
      <c r="AB1733">
        <v>4.1271343850450908</v>
      </c>
      <c r="AC1733">
        <v>1</v>
      </c>
      <c r="AD1733">
        <v>1</v>
      </c>
      <c r="AE1733">
        <v>0</v>
      </c>
      <c r="AF1733">
        <v>0</v>
      </c>
      <c r="AG1733">
        <v>4.1108738641733096</v>
      </c>
      <c r="AH1733">
        <v>-6.1055395865164133E-2</v>
      </c>
      <c r="AI1733">
        <v>2.687564406810165E-2</v>
      </c>
      <c r="AJ1733">
        <v>-4.4322766893226638E-2</v>
      </c>
      <c r="AK1733">
        <v>-0.13646750477969721</v>
      </c>
      <c r="AL1733">
        <v>642.53313322416841</v>
      </c>
      <c r="AM1733">
        <v>1027.609932177153</v>
      </c>
      <c r="AN1733">
        <v>8469</v>
      </c>
      <c r="AO1733">
        <v>127.2984936790043</v>
      </c>
      <c r="AP1733">
        <v>472.392859203363</v>
      </c>
      <c r="AQ1733">
        <v>1.359375</v>
      </c>
      <c r="AR1733">
        <v>4.09375</v>
      </c>
      <c r="AS1733">
        <v>64</v>
      </c>
      <c r="AT1733">
        <v>3.5000000000000009</v>
      </c>
      <c r="AU1733">
        <v>9.9387254901960764E-2</v>
      </c>
      <c r="AV1733">
        <v>-6.1509827942647519E-2</v>
      </c>
      <c r="AW1733">
        <v>0.34375</v>
      </c>
      <c r="AX1733">
        <v>87.634920634920633</v>
      </c>
      <c r="AY1733">
        <v>65</v>
      </c>
      <c r="AZ1733">
        <v>133.25</v>
      </c>
      <c r="BA1733">
        <v>0.55736203059834355</v>
      </c>
      <c r="BB1733">
        <v>0.515625</v>
      </c>
      <c r="BC1733">
        <v>3.8404629330250621</v>
      </c>
      <c r="BD1733" t="s">
        <v>6625</v>
      </c>
      <c r="BE1733" t="s">
        <v>62</v>
      </c>
    </row>
    <row r="1734" spans="1:57" x14ac:dyDescent="0.3">
      <c r="A1734" t="s">
        <v>6626</v>
      </c>
      <c r="B1734">
        <v>747</v>
      </c>
      <c r="C1734" t="s">
        <v>6627</v>
      </c>
      <c r="D1734" t="s">
        <v>6628</v>
      </c>
      <c r="E1734" t="s">
        <v>115</v>
      </c>
      <c r="F1734">
        <v>787</v>
      </c>
      <c r="G1734">
        <v>126.7954256670902</v>
      </c>
      <c r="H1734">
        <v>126</v>
      </c>
      <c r="I1734">
        <v>5665.2453157972068</v>
      </c>
      <c r="J1734">
        <v>75.267823907677879</v>
      </c>
      <c r="K1734">
        <v>2.687595272931954E-3</v>
      </c>
      <c r="L1734">
        <v>-1.2285804404099461</v>
      </c>
      <c r="M1734">
        <v>7.7543603601306943</v>
      </c>
      <c r="N1734">
        <v>8</v>
      </c>
      <c r="O1734">
        <v>1</v>
      </c>
      <c r="P1734">
        <v>7</v>
      </c>
      <c r="Q1734">
        <v>1.6419795674713471</v>
      </c>
      <c r="R1734">
        <v>5.3749130206704052</v>
      </c>
      <c r="S1734">
        <v>2</v>
      </c>
      <c r="T1734">
        <v>1</v>
      </c>
      <c r="U1734">
        <v>1</v>
      </c>
      <c r="V1734">
        <v>0.10088132067017271</v>
      </c>
      <c r="W1734">
        <v>6.6528469261582659</v>
      </c>
      <c r="X1734">
        <v>1</v>
      </c>
      <c r="Y1734">
        <v>1</v>
      </c>
      <c r="Z1734">
        <v>0</v>
      </c>
      <c r="AA1734">
        <v>0</v>
      </c>
      <c r="AB1734">
        <v>6.6656837177824064</v>
      </c>
      <c r="AC1734">
        <v>1</v>
      </c>
      <c r="AD1734">
        <v>1</v>
      </c>
      <c r="AE1734">
        <v>0</v>
      </c>
      <c r="AF1734">
        <v>0</v>
      </c>
      <c r="AG1734">
        <v>6.6644090203504058</v>
      </c>
      <c r="AH1734">
        <v>3.8933387910504692E-2</v>
      </c>
      <c r="AI1734">
        <v>-3.9456362822111152E-2</v>
      </c>
      <c r="AJ1734">
        <v>2.402354356849408E-2</v>
      </c>
      <c r="AK1734">
        <v>-2.5229195591626109E-2</v>
      </c>
      <c r="AL1734">
        <v>1991.033529041787</v>
      </c>
      <c r="AM1734">
        <v>3625.8785812863898</v>
      </c>
      <c r="AN1734">
        <v>99788</v>
      </c>
      <c r="AO1734">
        <v>68.128920073723606</v>
      </c>
      <c r="AP1734">
        <v>1757.349858871052</v>
      </c>
      <c r="AQ1734">
        <v>1.0292249047013979</v>
      </c>
      <c r="AR1734">
        <v>3.9733163913595928</v>
      </c>
      <c r="AS1734">
        <v>783</v>
      </c>
      <c r="AT1734">
        <v>207.31512071156291</v>
      </c>
      <c r="AU1734">
        <v>2.2079378129905129E-2</v>
      </c>
      <c r="AV1734">
        <v>3.8996904232075642E-2</v>
      </c>
      <c r="AW1734">
        <v>0.37229987293519701</v>
      </c>
      <c r="AX1734">
        <v>85.376590330788801</v>
      </c>
      <c r="AY1734">
        <v>67</v>
      </c>
      <c r="AZ1734">
        <v>134</v>
      </c>
      <c r="BA1734">
        <v>0.59361624058346185</v>
      </c>
      <c r="BB1734">
        <v>0.49809402795425672</v>
      </c>
      <c r="BC1734">
        <v>5.170634067561334</v>
      </c>
      <c r="BD1734" t="s">
        <v>6629</v>
      </c>
      <c r="BE1734" t="s">
        <v>68</v>
      </c>
    </row>
    <row r="1735" spans="1:57" x14ac:dyDescent="0.3">
      <c r="A1735" t="s">
        <v>6630</v>
      </c>
      <c r="B1735">
        <v>1924</v>
      </c>
      <c r="C1735" t="s">
        <v>6631</v>
      </c>
      <c r="D1735" t="s">
        <v>6632</v>
      </c>
      <c r="E1735" t="s">
        <v>106</v>
      </c>
      <c r="F1735">
        <v>1950</v>
      </c>
      <c r="G1735">
        <v>124.59333333333331</v>
      </c>
      <c r="H1735">
        <v>121</v>
      </c>
      <c r="I1735">
        <v>5197.7961606837616</v>
      </c>
      <c r="J1735">
        <v>72.095743013604917</v>
      </c>
      <c r="K1735">
        <v>7.8522955360607119E-2</v>
      </c>
      <c r="L1735">
        <v>-1.1155568006293619</v>
      </c>
      <c r="M1735">
        <v>7.8925746047151257</v>
      </c>
      <c r="N1735">
        <v>16</v>
      </c>
      <c r="O1735">
        <v>1</v>
      </c>
      <c r="P1735">
        <v>15</v>
      </c>
      <c r="Q1735">
        <v>2.8049223498515352</v>
      </c>
      <c r="R1735">
        <v>5.4707158346173106</v>
      </c>
      <c r="S1735">
        <v>3</v>
      </c>
      <c r="T1735">
        <v>1</v>
      </c>
      <c r="U1735">
        <v>2</v>
      </c>
      <c r="V1735">
        <v>0.13782907634070271</v>
      </c>
      <c r="W1735">
        <v>7.5499082563146596</v>
      </c>
      <c r="X1735">
        <v>1</v>
      </c>
      <c r="Y1735">
        <v>1</v>
      </c>
      <c r="Z1735">
        <v>0</v>
      </c>
      <c r="AA1735">
        <v>0</v>
      </c>
      <c r="AB1735">
        <v>7.5745584842024796</v>
      </c>
      <c r="AC1735">
        <v>1</v>
      </c>
      <c r="AD1735">
        <v>1</v>
      </c>
      <c r="AE1735">
        <v>0</v>
      </c>
      <c r="AF1735">
        <v>0</v>
      </c>
      <c r="AG1735">
        <v>7.5740450053721977</v>
      </c>
      <c r="AH1735">
        <v>5.4366380771074291E-4</v>
      </c>
      <c r="AI1735">
        <v>6.8827450114425821E-3</v>
      </c>
      <c r="AJ1735">
        <v>2.38515022311568E-3</v>
      </c>
      <c r="AK1735">
        <v>-6.6806960137890586E-2</v>
      </c>
      <c r="AL1735">
        <v>2938.1324843364891</v>
      </c>
      <c r="AM1735">
        <v>5636.8344400458209</v>
      </c>
      <c r="AN1735">
        <v>242957</v>
      </c>
      <c r="AO1735">
        <v>66.64331340624085</v>
      </c>
      <c r="AP1735">
        <v>2588.9921445266332</v>
      </c>
      <c r="AQ1735">
        <v>1.0117948717948719</v>
      </c>
      <c r="AR1735">
        <v>4.0107692307692311</v>
      </c>
      <c r="AS1735">
        <v>1947</v>
      </c>
      <c r="AT1735">
        <v>262.35384615384612</v>
      </c>
      <c r="AU1735">
        <v>3.3333333333333333E-2</v>
      </c>
      <c r="AV1735">
        <v>5.4373904099816743E-4</v>
      </c>
      <c r="AW1735">
        <v>0.40769230769230769</v>
      </c>
      <c r="AX1735">
        <v>83.63160595177014</v>
      </c>
      <c r="AY1735">
        <v>61</v>
      </c>
      <c r="AZ1735">
        <v>121</v>
      </c>
      <c r="BA1735">
        <v>0.57864848049872852</v>
      </c>
      <c r="BB1735">
        <v>0.48153846153846153</v>
      </c>
      <c r="BC1735">
        <v>5.2714548582364804</v>
      </c>
      <c r="BD1735" t="s">
        <v>6633</v>
      </c>
      <c r="BE1735" t="s">
        <v>68</v>
      </c>
    </row>
    <row r="1736" spans="1:57" x14ac:dyDescent="0.3">
      <c r="A1736" t="s">
        <v>6634</v>
      </c>
      <c r="B1736">
        <v>586</v>
      </c>
      <c r="C1736" t="s">
        <v>6635</v>
      </c>
      <c r="D1736" t="s">
        <v>6636</v>
      </c>
      <c r="E1736" t="s">
        <v>10622</v>
      </c>
      <c r="F1736">
        <v>64</v>
      </c>
      <c r="G1736">
        <v>116.5</v>
      </c>
      <c r="H1736">
        <v>112</v>
      </c>
      <c r="I1736">
        <v>5138.46875</v>
      </c>
      <c r="J1736">
        <v>71.683113422897591</v>
      </c>
      <c r="K1736">
        <v>0.2002757542844926</v>
      </c>
      <c r="L1736">
        <v>-1.205749816687345</v>
      </c>
      <c r="M1736">
        <v>5.90625</v>
      </c>
      <c r="N1736">
        <v>2</v>
      </c>
      <c r="O1736">
        <v>1</v>
      </c>
      <c r="P1736">
        <v>1</v>
      </c>
      <c r="Q1736">
        <v>0.2162443599716872</v>
      </c>
      <c r="R1736">
        <v>4.0939005351821782</v>
      </c>
      <c r="S1736">
        <v>1</v>
      </c>
      <c r="T1736">
        <v>1</v>
      </c>
      <c r="U1736">
        <v>0</v>
      </c>
      <c r="V1736">
        <v>0</v>
      </c>
      <c r="W1736">
        <v>4.1431347263915326</v>
      </c>
      <c r="X1736">
        <v>1</v>
      </c>
      <c r="Y1736">
        <v>1</v>
      </c>
      <c r="Z1736">
        <v>0</v>
      </c>
      <c r="AA1736">
        <v>0</v>
      </c>
      <c r="AB1736">
        <v>4.1271343850450908</v>
      </c>
      <c r="AC1736">
        <v>1</v>
      </c>
      <c r="AD1736">
        <v>1</v>
      </c>
      <c r="AE1736">
        <v>0</v>
      </c>
      <c r="AF1736">
        <v>0</v>
      </c>
      <c r="AG1736">
        <v>4.1108738641733096</v>
      </c>
      <c r="AH1736">
        <v>-0.2220011737446102</v>
      </c>
      <c r="AI1736">
        <v>0.160748277392949</v>
      </c>
      <c r="AJ1736">
        <v>-8.5113968777177057E-2</v>
      </c>
      <c r="AK1736">
        <v>-0.17345269444326189</v>
      </c>
      <c r="AL1736">
        <v>630.1320820982902</v>
      </c>
      <c r="AM1736">
        <v>894.66170092972766</v>
      </c>
      <c r="AN1736">
        <v>7456</v>
      </c>
      <c r="AO1736">
        <v>78.484911892146243</v>
      </c>
      <c r="AP1736">
        <v>532.03113770603363</v>
      </c>
      <c r="AQ1736">
        <v>1.359375</v>
      </c>
      <c r="AR1736">
        <v>4.03125</v>
      </c>
      <c r="AS1736">
        <v>64</v>
      </c>
      <c r="AT1736">
        <v>2.71875</v>
      </c>
      <c r="AU1736">
        <v>0.14482460474308301</v>
      </c>
      <c r="AV1736">
        <v>-0.22324160328659221</v>
      </c>
      <c r="AW1736">
        <v>0.40625</v>
      </c>
      <c r="AX1736">
        <v>96.904761904761898</v>
      </c>
      <c r="AY1736">
        <v>58.5</v>
      </c>
      <c r="AZ1736">
        <v>116.5</v>
      </c>
      <c r="BA1736">
        <v>0.61530569461714668</v>
      </c>
      <c r="BB1736">
        <v>0.484375</v>
      </c>
      <c r="BC1736">
        <v>3.801847208443331</v>
      </c>
      <c r="BD1736" t="s">
        <v>6637</v>
      </c>
      <c r="BE1736" t="s">
        <v>62</v>
      </c>
    </row>
    <row r="1737" spans="1:57" x14ac:dyDescent="0.3">
      <c r="A1737" t="s">
        <v>6638</v>
      </c>
      <c r="B1737">
        <v>2798</v>
      </c>
      <c r="C1737" t="s">
        <v>6639</v>
      </c>
      <c r="D1737" t="s">
        <v>6640</v>
      </c>
      <c r="E1737" t="s">
        <v>115</v>
      </c>
      <c r="F1737">
        <v>2832</v>
      </c>
      <c r="G1737">
        <v>125.5109463276836</v>
      </c>
      <c r="H1737">
        <v>125</v>
      </c>
      <c r="I1737">
        <v>5382.8699366750861</v>
      </c>
      <c r="J1737">
        <v>73.36804438360808</v>
      </c>
      <c r="K1737">
        <v>2.7650407736090579E-2</v>
      </c>
      <c r="L1737">
        <v>-1.165254952630657</v>
      </c>
      <c r="M1737">
        <v>7.9293997571259807</v>
      </c>
      <c r="N1737">
        <v>21</v>
      </c>
      <c r="O1737">
        <v>3</v>
      </c>
      <c r="P1737">
        <v>18</v>
      </c>
      <c r="Q1737">
        <v>3.4477121037000749</v>
      </c>
      <c r="R1737">
        <v>5.4962410851845878</v>
      </c>
      <c r="S1737">
        <v>3</v>
      </c>
      <c r="T1737">
        <v>1</v>
      </c>
      <c r="U1737">
        <v>2</v>
      </c>
      <c r="V1737">
        <v>0.14443358339432469</v>
      </c>
      <c r="W1737">
        <v>7.9210830293192034</v>
      </c>
      <c r="X1737">
        <v>1</v>
      </c>
      <c r="Y1737">
        <v>1</v>
      </c>
      <c r="Z1737">
        <v>0</v>
      </c>
      <c r="AA1737">
        <v>0</v>
      </c>
      <c r="AB1737">
        <v>7.9480319906372809</v>
      </c>
      <c r="AC1737">
        <v>1</v>
      </c>
      <c r="AD1737">
        <v>1</v>
      </c>
      <c r="AE1737">
        <v>0</v>
      </c>
      <c r="AF1737">
        <v>0</v>
      </c>
      <c r="AG1737">
        <v>7.9476785713015676</v>
      </c>
      <c r="AH1737">
        <v>1.7012033345818901E-3</v>
      </c>
      <c r="AI1737">
        <v>-2.560808459771345E-3</v>
      </c>
      <c r="AJ1737">
        <v>2.0198388756290469E-2</v>
      </c>
      <c r="AK1737">
        <v>-1.427573110170699E-2</v>
      </c>
      <c r="AL1737">
        <v>3608.7119500757808</v>
      </c>
      <c r="AM1737">
        <v>6843.5352750884731</v>
      </c>
      <c r="AN1737">
        <v>355447</v>
      </c>
      <c r="AO1737">
        <v>170.0325536344676</v>
      </c>
      <c r="AP1737">
        <v>3291.6159358892191</v>
      </c>
      <c r="AQ1737">
        <v>1.0081214689265541</v>
      </c>
      <c r="AR1737">
        <v>3.9752824858757059</v>
      </c>
      <c r="AS1737">
        <v>2824</v>
      </c>
      <c r="AT1737">
        <v>275.07344632768371</v>
      </c>
      <c r="AU1737">
        <v>2.1448155533399849E-2</v>
      </c>
      <c r="AV1737">
        <v>1.7014420483940961E-3</v>
      </c>
      <c r="AW1737">
        <v>0.37888418079096048</v>
      </c>
      <c r="AX1737">
        <v>84.40233133168492</v>
      </c>
      <c r="AY1737">
        <v>63</v>
      </c>
      <c r="AZ1737">
        <v>127</v>
      </c>
      <c r="BA1737">
        <v>0.5845549454472202</v>
      </c>
      <c r="BB1737">
        <v>0.49858757062146891</v>
      </c>
      <c r="BC1737">
        <v>5.3045189990071648</v>
      </c>
      <c r="BD1737" t="s">
        <v>6641</v>
      </c>
      <c r="BE1737" t="s">
        <v>62</v>
      </c>
    </row>
    <row r="1738" spans="1:57" x14ac:dyDescent="0.3">
      <c r="A1738" t="s">
        <v>6642</v>
      </c>
      <c r="B1738">
        <v>2510</v>
      </c>
      <c r="C1738" t="s">
        <v>6643</v>
      </c>
      <c r="D1738" t="s">
        <v>6644</v>
      </c>
      <c r="E1738" t="s">
        <v>10622</v>
      </c>
      <c r="F1738">
        <v>64</v>
      </c>
      <c r="G1738">
        <v>135.109375</v>
      </c>
      <c r="H1738">
        <v>142.5</v>
      </c>
      <c r="I1738">
        <v>5817.191162109375</v>
      </c>
      <c r="J1738">
        <v>76.270513057861194</v>
      </c>
      <c r="K1738">
        <v>-0.1360251459813811</v>
      </c>
      <c r="L1738">
        <v>-1.2688450222043</v>
      </c>
      <c r="M1738">
        <v>5.78125</v>
      </c>
      <c r="N1738">
        <v>2</v>
      </c>
      <c r="O1738">
        <v>1</v>
      </c>
      <c r="P1738">
        <v>1</v>
      </c>
      <c r="Q1738">
        <v>0.32821556024332821</v>
      </c>
      <c r="R1738">
        <v>4.0072571376121839</v>
      </c>
      <c r="S1738">
        <v>1</v>
      </c>
      <c r="T1738">
        <v>1</v>
      </c>
      <c r="U1738">
        <v>0</v>
      </c>
      <c r="V1738">
        <v>0</v>
      </c>
      <c r="W1738">
        <v>4.1431347263915326</v>
      </c>
      <c r="X1738">
        <v>1</v>
      </c>
      <c r="Y1738">
        <v>1</v>
      </c>
      <c r="Z1738">
        <v>0</v>
      </c>
      <c r="AA1738">
        <v>0</v>
      </c>
      <c r="AB1738">
        <v>4.1271343850450908</v>
      </c>
      <c r="AC1738">
        <v>1</v>
      </c>
      <c r="AD1738">
        <v>1</v>
      </c>
      <c r="AE1738">
        <v>0</v>
      </c>
      <c r="AF1738">
        <v>0</v>
      </c>
      <c r="AG1738">
        <v>4.1108738641733096</v>
      </c>
      <c r="AH1738">
        <v>-0.12642286417548171</v>
      </c>
      <c r="AI1738">
        <v>0.21140836093307591</v>
      </c>
      <c r="AJ1738">
        <v>-0.1207181295894212</v>
      </c>
      <c r="AK1738">
        <v>0.1344200463104899</v>
      </c>
      <c r="AL1738">
        <v>665.23899719407143</v>
      </c>
      <c r="AM1738">
        <v>1047.877892033335</v>
      </c>
      <c r="AN1738">
        <v>8647</v>
      </c>
      <c r="AO1738">
        <v>146.4411144453633</v>
      </c>
      <c r="AP1738">
        <v>492.00464087828169</v>
      </c>
      <c r="AQ1738">
        <v>1.359375</v>
      </c>
      <c r="AR1738">
        <v>4.078125</v>
      </c>
      <c r="AS1738">
        <v>64</v>
      </c>
      <c r="AT1738">
        <v>5.46875</v>
      </c>
      <c r="AU1738">
        <v>6.2932312252964473E-2</v>
      </c>
      <c r="AV1738">
        <v>-0.12681801175767771</v>
      </c>
      <c r="AW1738">
        <v>0.3125</v>
      </c>
      <c r="AX1738">
        <v>97.825396825396822</v>
      </c>
      <c r="AY1738">
        <v>67.5</v>
      </c>
      <c r="AZ1738">
        <v>126.5</v>
      </c>
      <c r="BA1738">
        <v>0.56450940623373613</v>
      </c>
      <c r="BB1738">
        <v>0.515625</v>
      </c>
      <c r="BC1738">
        <v>3.9670973472017059</v>
      </c>
      <c r="BD1738" t="s">
        <v>6645</v>
      </c>
      <c r="BE1738" t="s">
        <v>62</v>
      </c>
    </row>
    <row r="1739" spans="1:57" x14ac:dyDescent="0.3">
      <c r="A1739" t="s">
        <v>6646</v>
      </c>
      <c r="B1739">
        <v>3650</v>
      </c>
      <c r="C1739" t="s">
        <v>6647</v>
      </c>
      <c r="D1739" t="s">
        <v>6648</v>
      </c>
      <c r="E1739" t="s">
        <v>115</v>
      </c>
      <c r="F1739">
        <v>3727</v>
      </c>
      <c r="G1739">
        <v>129.0249530453448</v>
      </c>
      <c r="H1739">
        <v>132</v>
      </c>
      <c r="I1739">
        <v>5284.9424951346346</v>
      </c>
      <c r="J1739">
        <v>72.697609968517085</v>
      </c>
      <c r="K1739">
        <v>-5.3484289032915418E-2</v>
      </c>
      <c r="L1739">
        <v>-1.1484438104954939</v>
      </c>
      <c r="M1739">
        <v>7.9505810261638752</v>
      </c>
      <c r="N1739">
        <v>26</v>
      </c>
      <c r="O1739">
        <v>6</v>
      </c>
      <c r="P1739">
        <v>20</v>
      </c>
      <c r="Q1739">
        <v>3.8053832622300918</v>
      </c>
      <c r="R1739">
        <v>5.5109228220988804</v>
      </c>
      <c r="S1739">
        <v>3</v>
      </c>
      <c r="T1739">
        <v>1</v>
      </c>
      <c r="U1739">
        <v>2</v>
      </c>
      <c r="V1739">
        <v>0.1803108134560362</v>
      </c>
      <c r="W1739">
        <v>8.1804860811181594</v>
      </c>
      <c r="X1739">
        <v>1</v>
      </c>
      <c r="Y1739">
        <v>1</v>
      </c>
      <c r="Z1739">
        <v>0</v>
      </c>
      <c r="AA1739">
        <v>0</v>
      </c>
      <c r="AB1739">
        <v>8.2228221308136575</v>
      </c>
      <c r="AC1739">
        <v>1</v>
      </c>
      <c r="AD1739">
        <v>1</v>
      </c>
      <c r="AE1739">
        <v>0</v>
      </c>
      <c r="AF1739">
        <v>0</v>
      </c>
      <c r="AG1739">
        <v>8.2225536383969562</v>
      </c>
      <c r="AH1739">
        <v>-1.9723133191816351E-2</v>
      </c>
      <c r="AI1739">
        <v>-2.920715390064493E-2</v>
      </c>
      <c r="AJ1739">
        <v>-8.2595193051177213E-4</v>
      </c>
      <c r="AK1739">
        <v>1.6492327578432409E-3</v>
      </c>
      <c r="AL1739">
        <v>4073.3351539371461</v>
      </c>
      <c r="AM1739">
        <v>8071.5503296268826</v>
      </c>
      <c r="AN1739">
        <v>480876</v>
      </c>
      <c r="AO1739">
        <v>83.202952023906462</v>
      </c>
      <c r="AP1739">
        <v>3725.1882719729019</v>
      </c>
      <c r="AQ1739">
        <v>1.006171183257311</v>
      </c>
      <c r="AR1739">
        <v>3.9863160719077011</v>
      </c>
      <c r="AS1739">
        <v>3718</v>
      </c>
      <c r="AT1739">
        <v>254.63455862624099</v>
      </c>
      <c r="AU1739">
        <v>2.3787202028651481E-2</v>
      </c>
      <c r="AV1739">
        <v>-1.972937790859039E-2</v>
      </c>
      <c r="AW1739">
        <v>0.3517574456667561</v>
      </c>
      <c r="AX1739">
        <v>84.803005904455176</v>
      </c>
      <c r="AY1739">
        <v>61</v>
      </c>
      <c r="AZ1739">
        <v>122</v>
      </c>
      <c r="BA1739">
        <v>0.56343837569906419</v>
      </c>
      <c r="BB1739">
        <v>0.51354977193453177</v>
      </c>
      <c r="BC1739">
        <v>5.3120619929817714</v>
      </c>
      <c r="BD1739" t="s">
        <v>6649</v>
      </c>
      <c r="BE1739" t="s">
        <v>68</v>
      </c>
    </row>
    <row r="1740" spans="1:57" x14ac:dyDescent="0.3">
      <c r="A1740" t="s">
        <v>6650</v>
      </c>
      <c r="B1740">
        <v>3350</v>
      </c>
      <c r="C1740" t="s">
        <v>6651</v>
      </c>
      <c r="D1740" t="s">
        <v>6652</v>
      </c>
      <c r="E1740" t="s">
        <v>66</v>
      </c>
      <c r="F1740">
        <v>70</v>
      </c>
      <c r="G1740">
        <v>116.6428571428571</v>
      </c>
      <c r="H1740">
        <v>107.5</v>
      </c>
      <c r="I1740">
        <v>4994.4010204081624</v>
      </c>
      <c r="J1740">
        <v>70.671076264679613</v>
      </c>
      <c r="K1740">
        <v>0.28993639291922441</v>
      </c>
      <c r="L1740">
        <v>-0.95295197325585113</v>
      </c>
      <c r="M1740">
        <v>5.7934290883117283</v>
      </c>
      <c r="N1740">
        <v>3</v>
      </c>
      <c r="O1740">
        <v>1</v>
      </c>
      <c r="P1740">
        <v>2</v>
      </c>
      <c r="Q1740">
        <v>0.46848389698594078</v>
      </c>
      <c r="R1740">
        <v>4.0156990383372468</v>
      </c>
      <c r="S1740">
        <v>2</v>
      </c>
      <c r="T1740">
        <v>1</v>
      </c>
      <c r="U1740">
        <v>1</v>
      </c>
      <c r="V1740">
        <v>0.1203728348804772</v>
      </c>
      <c r="W1740">
        <v>4.2140152819723324</v>
      </c>
      <c r="X1740">
        <v>1</v>
      </c>
      <c r="Y1740">
        <v>1</v>
      </c>
      <c r="Z1740">
        <v>0</v>
      </c>
      <c r="AA1740">
        <v>0</v>
      </c>
      <c r="AB1740">
        <v>4.2195077051761087</v>
      </c>
      <c r="AC1740">
        <v>1</v>
      </c>
      <c r="AD1740">
        <v>1</v>
      </c>
      <c r="AE1740">
        <v>0</v>
      </c>
      <c r="AF1740">
        <v>0</v>
      </c>
      <c r="AG1740">
        <v>4.2046926193909648</v>
      </c>
      <c r="AH1740">
        <v>-6.9387860592930464E-2</v>
      </c>
      <c r="AI1740">
        <v>-9.4504513815485122E-2</v>
      </c>
      <c r="AJ1740">
        <v>6.4432369763564132E-2</v>
      </c>
      <c r="AK1740">
        <v>-0.1581174382707447</v>
      </c>
      <c r="AL1740">
        <v>627.05363205910965</v>
      </c>
      <c r="AM1740">
        <v>953.31041246882376</v>
      </c>
      <c r="AN1740">
        <v>8165</v>
      </c>
      <c r="AO1740">
        <v>70.686697823223085</v>
      </c>
      <c r="AP1740">
        <v>448.42987818132337</v>
      </c>
      <c r="AQ1740">
        <v>1.328571428571429</v>
      </c>
      <c r="AR1740">
        <v>3.8285714285714292</v>
      </c>
      <c r="AS1740">
        <v>70</v>
      </c>
      <c r="AT1740">
        <v>10.914285714285709</v>
      </c>
      <c r="AU1740">
        <v>0.1163915765509391</v>
      </c>
      <c r="AV1740">
        <v>-7.0464822119251466E-2</v>
      </c>
      <c r="AW1740">
        <v>0.48571428571428571</v>
      </c>
      <c r="AX1740">
        <v>80.072463768115938</v>
      </c>
      <c r="AY1740">
        <v>51.5</v>
      </c>
      <c r="AZ1740">
        <v>104.5</v>
      </c>
      <c r="BA1740">
        <v>0.60587573037692255</v>
      </c>
      <c r="BB1740">
        <v>0.45714285714285707</v>
      </c>
      <c r="BC1740">
        <v>3.9126469425984438</v>
      </c>
      <c r="BD1740" t="s">
        <v>6653</v>
      </c>
      <c r="BE1740" t="s">
        <v>68</v>
      </c>
    </row>
    <row r="1741" spans="1:57" x14ac:dyDescent="0.3">
      <c r="A1741" t="s">
        <v>6654</v>
      </c>
      <c r="B1741">
        <v>3238</v>
      </c>
      <c r="C1741" t="s">
        <v>6655</v>
      </c>
      <c r="D1741" t="s">
        <v>6656</v>
      </c>
      <c r="E1741" t="s">
        <v>93</v>
      </c>
      <c r="F1741">
        <v>3248</v>
      </c>
      <c r="G1741">
        <v>126.9883004926108</v>
      </c>
      <c r="H1741">
        <v>127.5</v>
      </c>
      <c r="I1741">
        <v>5240.1605774072414</v>
      </c>
      <c r="J1741">
        <v>72.388953421134929</v>
      </c>
      <c r="K1741">
        <v>2.026628768485925E-3</v>
      </c>
      <c r="L1741">
        <v>-1.1587282342811229</v>
      </c>
      <c r="M1741">
        <v>7.9421672499652436</v>
      </c>
      <c r="N1741">
        <v>23</v>
      </c>
      <c r="O1741">
        <v>3</v>
      </c>
      <c r="P1741">
        <v>20</v>
      </c>
      <c r="Q1741">
        <v>3.5800008729049209</v>
      </c>
      <c r="R1741">
        <v>5.5050908368489484</v>
      </c>
      <c r="S1741">
        <v>3</v>
      </c>
      <c r="T1741">
        <v>1</v>
      </c>
      <c r="U1741">
        <v>2</v>
      </c>
      <c r="V1741">
        <v>0.14472884303958969</v>
      </c>
      <c r="W1741">
        <v>8.057147173711197</v>
      </c>
      <c r="X1741">
        <v>1</v>
      </c>
      <c r="Y1741">
        <v>1</v>
      </c>
      <c r="Z1741">
        <v>0</v>
      </c>
      <c r="AA1741">
        <v>0</v>
      </c>
      <c r="AB1741">
        <v>8.0851787480745365</v>
      </c>
      <c r="AC1741">
        <v>1</v>
      </c>
      <c r="AD1741">
        <v>1</v>
      </c>
      <c r="AE1741">
        <v>0</v>
      </c>
      <c r="AF1741">
        <v>0</v>
      </c>
      <c r="AG1741">
        <v>8.0848706291381909</v>
      </c>
      <c r="AH1741">
        <v>9.4572658848422284E-3</v>
      </c>
      <c r="AI1741">
        <v>1.1618268622141961E-2</v>
      </c>
      <c r="AJ1741">
        <v>-1.034299162331192E-2</v>
      </c>
      <c r="AK1741">
        <v>5.7968659214182835E-4</v>
      </c>
      <c r="AL1741">
        <v>3787.3224528884239</v>
      </c>
      <c r="AM1741">
        <v>7419.8093397234416</v>
      </c>
      <c r="AN1741">
        <v>412458</v>
      </c>
      <c r="AO1741">
        <v>58.620138208576712</v>
      </c>
      <c r="AP1741">
        <v>3446.5943400303581</v>
      </c>
      <c r="AQ1741">
        <v>1.007081280788177</v>
      </c>
      <c r="AR1741">
        <v>3.9689039408866988</v>
      </c>
      <c r="AS1741">
        <v>3240</v>
      </c>
      <c r="AT1741">
        <v>258.60098522167488</v>
      </c>
      <c r="AU1741">
        <v>1.8057567854728122E-2</v>
      </c>
      <c r="AV1741">
        <v>9.4635483025313962E-3</v>
      </c>
      <c r="AW1741">
        <v>0.38146551724137928</v>
      </c>
      <c r="AX1741">
        <v>82.979673544810595</v>
      </c>
      <c r="AY1741">
        <v>62.5</v>
      </c>
      <c r="AZ1741">
        <v>125</v>
      </c>
      <c r="BA1741">
        <v>0.5700442729001407</v>
      </c>
      <c r="BB1741">
        <v>0.5030788177339901</v>
      </c>
      <c r="BC1741">
        <v>5.2930726371579544</v>
      </c>
      <c r="BD1741" t="s">
        <v>6657</v>
      </c>
      <c r="BE1741" t="s">
        <v>62</v>
      </c>
    </row>
    <row r="1742" spans="1:57" x14ac:dyDescent="0.3">
      <c r="A1742" t="s">
        <v>6658</v>
      </c>
      <c r="B1742">
        <v>3629</v>
      </c>
      <c r="C1742" t="s">
        <v>6659</v>
      </c>
      <c r="D1742" t="s">
        <v>6660</v>
      </c>
      <c r="E1742" t="s">
        <v>72</v>
      </c>
      <c r="F1742">
        <v>3640</v>
      </c>
      <c r="G1742">
        <v>130.0302197802198</v>
      </c>
      <c r="H1742">
        <v>131</v>
      </c>
      <c r="I1742">
        <v>5336.2760098418066</v>
      </c>
      <c r="J1742">
        <v>73.049818684523828</v>
      </c>
      <c r="K1742">
        <v>-2.7317994547019941E-2</v>
      </c>
      <c r="L1742">
        <v>-1.184908575581336</v>
      </c>
      <c r="M1742">
        <v>7.9494175928809128</v>
      </c>
      <c r="N1742">
        <v>24</v>
      </c>
      <c r="O1742">
        <v>5</v>
      </c>
      <c r="P1742">
        <v>19</v>
      </c>
      <c r="Q1742">
        <v>3.7174367429049822</v>
      </c>
      <c r="R1742">
        <v>5.510116391599027</v>
      </c>
      <c r="S1742">
        <v>3</v>
      </c>
      <c r="T1742">
        <v>1</v>
      </c>
      <c r="U1742">
        <v>2</v>
      </c>
      <c r="V1742">
        <v>0.17144836059772009</v>
      </c>
      <c r="W1742">
        <v>8.1593201591231903</v>
      </c>
      <c r="X1742">
        <v>1</v>
      </c>
      <c r="Y1742">
        <v>1</v>
      </c>
      <c r="Z1742">
        <v>0</v>
      </c>
      <c r="AA1742">
        <v>0</v>
      </c>
      <c r="AB1742">
        <v>8.1991893590780709</v>
      </c>
      <c r="AC1742">
        <v>1</v>
      </c>
      <c r="AD1742">
        <v>1</v>
      </c>
      <c r="AE1742">
        <v>0</v>
      </c>
      <c r="AF1742">
        <v>0</v>
      </c>
      <c r="AG1742">
        <v>8.1989144449869897</v>
      </c>
      <c r="AH1742">
        <v>-1.233671705456782E-2</v>
      </c>
      <c r="AI1742">
        <v>1.174990414291819E-2</v>
      </c>
      <c r="AJ1742">
        <v>-3.7116012885595018E-2</v>
      </c>
      <c r="AK1742">
        <v>-1.154301671259159E-2</v>
      </c>
      <c r="AL1742">
        <v>4068.6814898787261</v>
      </c>
      <c r="AM1742">
        <v>8025.8631270361329</v>
      </c>
      <c r="AN1742">
        <v>473310</v>
      </c>
      <c r="AO1742">
        <v>49.934794647535121</v>
      </c>
      <c r="AP1742">
        <v>3809.4040165192241</v>
      </c>
      <c r="AQ1742">
        <v>1.0063186813186811</v>
      </c>
      <c r="AR1742">
        <v>4.0189560439560443</v>
      </c>
      <c r="AS1742">
        <v>3627</v>
      </c>
      <c r="AT1742">
        <v>248.80879120879121</v>
      </c>
      <c r="AU1742">
        <v>2.236048265460033E-2</v>
      </c>
      <c r="AV1742">
        <v>-1.234466282586469E-2</v>
      </c>
      <c r="AW1742">
        <v>0.36510989010989009</v>
      </c>
      <c r="AX1742">
        <v>84.76367133827975</v>
      </c>
      <c r="AY1742">
        <v>63</v>
      </c>
      <c r="AZ1742">
        <v>125</v>
      </c>
      <c r="BA1742">
        <v>0.56179108831773417</v>
      </c>
      <c r="BB1742">
        <v>0.50302197802197801</v>
      </c>
      <c r="BC1742">
        <v>5.310677595200783</v>
      </c>
      <c r="BD1742" t="s">
        <v>6661</v>
      </c>
      <c r="BE1742" t="s">
        <v>68</v>
      </c>
    </row>
    <row r="1743" spans="1:57" x14ac:dyDescent="0.3">
      <c r="A1743" t="s">
        <v>6662</v>
      </c>
      <c r="B1743">
        <v>3166</v>
      </c>
      <c r="C1743" t="s">
        <v>6663</v>
      </c>
      <c r="D1743" t="s">
        <v>6664</v>
      </c>
      <c r="E1743" t="s">
        <v>66</v>
      </c>
      <c r="F1743">
        <v>70</v>
      </c>
      <c r="G1743">
        <v>102</v>
      </c>
      <c r="H1743">
        <v>87.5</v>
      </c>
      <c r="I1743">
        <v>5033.9428571428571</v>
      </c>
      <c r="J1743">
        <v>70.950284404946942</v>
      </c>
      <c r="K1743">
        <v>0.37906790715283711</v>
      </c>
      <c r="L1743">
        <v>-1.1266896666741539</v>
      </c>
      <c r="M1743">
        <v>5.7934290883117292</v>
      </c>
      <c r="N1743">
        <v>3</v>
      </c>
      <c r="O1743">
        <v>1</v>
      </c>
      <c r="P1743">
        <v>2</v>
      </c>
      <c r="Q1743">
        <v>0.46848389698594078</v>
      </c>
      <c r="R1743">
        <v>4.0156990383372468</v>
      </c>
      <c r="S1743">
        <v>2</v>
      </c>
      <c r="T1743">
        <v>1</v>
      </c>
      <c r="U1743">
        <v>1</v>
      </c>
      <c r="V1743">
        <v>0.1203728348804772</v>
      </c>
      <c r="W1743">
        <v>4.2140152819723324</v>
      </c>
      <c r="X1743">
        <v>1</v>
      </c>
      <c r="Y1743">
        <v>1</v>
      </c>
      <c r="Z1743">
        <v>0</v>
      </c>
      <c r="AA1743">
        <v>0</v>
      </c>
      <c r="AB1743">
        <v>4.2195077051761087</v>
      </c>
      <c r="AC1743">
        <v>1</v>
      </c>
      <c r="AD1743">
        <v>1</v>
      </c>
      <c r="AE1743">
        <v>0</v>
      </c>
      <c r="AF1743">
        <v>0</v>
      </c>
      <c r="AG1743">
        <v>4.2046926193909648</v>
      </c>
      <c r="AH1743">
        <v>0.16771857334211179</v>
      </c>
      <c r="AI1743">
        <v>-8.3161168751560835E-2</v>
      </c>
      <c r="AJ1743">
        <v>5.1507480645673941E-3</v>
      </c>
      <c r="AK1743">
        <v>-0.104746066701478</v>
      </c>
      <c r="AL1743">
        <v>633.66004874755583</v>
      </c>
      <c r="AM1743">
        <v>824.09401321769406</v>
      </c>
      <c r="AN1743">
        <v>7140</v>
      </c>
      <c r="AO1743">
        <v>130.18619737534979</v>
      </c>
      <c r="AP1743">
        <v>535.80857694660654</v>
      </c>
      <c r="AQ1743">
        <v>1.328571428571429</v>
      </c>
      <c r="AR1743">
        <v>3.6142857142857139</v>
      </c>
      <c r="AS1743">
        <v>70</v>
      </c>
      <c r="AT1743">
        <v>10.914285714285709</v>
      </c>
      <c r="AU1743">
        <v>0.17497048406139321</v>
      </c>
      <c r="AV1743">
        <v>0.1700554918014773</v>
      </c>
      <c r="AW1743">
        <v>0.48571428571428571</v>
      </c>
      <c r="AX1743">
        <v>71.623188405797094</v>
      </c>
      <c r="AY1743">
        <v>52.5</v>
      </c>
      <c r="AZ1743">
        <v>114.5</v>
      </c>
      <c r="BA1743">
        <v>0.69559102357791114</v>
      </c>
      <c r="BB1743">
        <v>0.47142857142857142</v>
      </c>
      <c r="BC1743">
        <v>3.9577539976104821</v>
      </c>
      <c r="BD1743" t="s">
        <v>6665</v>
      </c>
      <c r="BE1743" t="s">
        <v>68</v>
      </c>
    </row>
    <row r="1744" spans="1:57" x14ac:dyDescent="0.3">
      <c r="A1744" t="s">
        <v>6666</v>
      </c>
      <c r="B1744">
        <v>1590</v>
      </c>
      <c r="C1744" t="s">
        <v>6667</v>
      </c>
      <c r="D1744" t="s">
        <v>6668</v>
      </c>
      <c r="E1744" t="s">
        <v>128</v>
      </c>
      <c r="F1744">
        <v>32</v>
      </c>
      <c r="G1744">
        <v>119.53125</v>
      </c>
      <c r="H1744">
        <v>125.5</v>
      </c>
      <c r="I1744">
        <v>5033.6240234375</v>
      </c>
      <c r="J1744">
        <v>70.948037488273769</v>
      </c>
      <c r="K1744">
        <v>-3.8965671417764247E-2</v>
      </c>
      <c r="L1744">
        <v>-1.1253745379065849</v>
      </c>
      <c r="M1744">
        <v>4.875</v>
      </c>
      <c r="N1744">
        <v>2</v>
      </c>
      <c r="O1744">
        <v>1</v>
      </c>
      <c r="P1744">
        <v>1</v>
      </c>
      <c r="Q1744">
        <v>0.24944382578492941</v>
      </c>
      <c r="R1744">
        <v>3.3790925052297318</v>
      </c>
      <c r="S1744">
        <v>1</v>
      </c>
      <c r="T1744">
        <v>1</v>
      </c>
      <c r="U1744">
        <v>0</v>
      </c>
      <c r="V1744">
        <v>0</v>
      </c>
      <c r="W1744">
        <v>3.4339872044851458</v>
      </c>
      <c r="X1744">
        <v>1</v>
      </c>
      <c r="Y1744">
        <v>1</v>
      </c>
      <c r="Z1744">
        <v>0</v>
      </c>
      <c r="AA1744">
        <v>0</v>
      </c>
      <c r="AB1744">
        <v>3.401197381662155</v>
      </c>
      <c r="AC1744">
        <v>1</v>
      </c>
      <c r="AD1744">
        <v>1</v>
      </c>
      <c r="AE1744">
        <v>0</v>
      </c>
      <c r="AF1744">
        <v>0</v>
      </c>
      <c r="AG1744">
        <v>3.3672958299864728</v>
      </c>
      <c r="AH1744">
        <v>0.25410427819287912</v>
      </c>
      <c r="AI1744">
        <v>-0.16054227178518829</v>
      </c>
      <c r="AJ1744">
        <v>2.2991256212373391E-2</v>
      </c>
      <c r="AK1744">
        <v>0.1692826400237</v>
      </c>
      <c r="AL1744">
        <v>481.2661973132316</v>
      </c>
      <c r="AM1744">
        <v>621.82461138464248</v>
      </c>
      <c r="AN1744">
        <v>3825</v>
      </c>
      <c r="AO1744">
        <v>112.9310555197349</v>
      </c>
      <c r="AP1744">
        <v>405.78398899129678</v>
      </c>
      <c r="AQ1744">
        <v>1.65625</v>
      </c>
      <c r="AR1744">
        <v>3.78125</v>
      </c>
      <c r="AS1744">
        <v>32</v>
      </c>
      <c r="AT1744">
        <v>1.75</v>
      </c>
      <c r="AU1744">
        <v>0.1339285714285714</v>
      </c>
      <c r="AV1744">
        <v>0.26452673466931192</v>
      </c>
      <c r="AW1744">
        <v>0.375</v>
      </c>
      <c r="AX1744">
        <v>67.387096774193552</v>
      </c>
      <c r="AY1744">
        <v>55.5</v>
      </c>
      <c r="AZ1744">
        <v>115</v>
      </c>
      <c r="BA1744">
        <v>0.59355220905222494</v>
      </c>
      <c r="BB1744">
        <v>0.53125</v>
      </c>
      <c r="BC1744">
        <v>3.3445488586064429</v>
      </c>
      <c r="BD1744" t="s">
        <v>6669</v>
      </c>
      <c r="BE1744" t="s">
        <v>62</v>
      </c>
    </row>
    <row r="1745" spans="1:57" x14ac:dyDescent="0.3">
      <c r="A1745" t="s">
        <v>6670</v>
      </c>
      <c r="B1745">
        <v>3633</v>
      </c>
      <c r="C1745" t="s">
        <v>6671</v>
      </c>
      <c r="D1745" t="s">
        <v>6672</v>
      </c>
      <c r="E1745" t="s">
        <v>93</v>
      </c>
      <c r="F1745">
        <v>3819</v>
      </c>
      <c r="G1745">
        <v>124.59099240638911</v>
      </c>
      <c r="H1745">
        <v>123</v>
      </c>
      <c r="I1745">
        <v>5507.7279733277765</v>
      </c>
      <c r="J1745">
        <v>74.214068567406926</v>
      </c>
      <c r="K1745">
        <v>4.1208032728195357E-2</v>
      </c>
      <c r="L1745">
        <v>-1.2186928908058561</v>
      </c>
      <c r="M1745">
        <v>7.9497402348379964</v>
      </c>
      <c r="N1745">
        <v>28</v>
      </c>
      <c r="O1745">
        <v>5</v>
      </c>
      <c r="P1745">
        <v>23</v>
      </c>
      <c r="Q1745">
        <v>3.8957495586887299</v>
      </c>
      <c r="R1745">
        <v>5.510340029961907</v>
      </c>
      <c r="S1745">
        <v>3</v>
      </c>
      <c r="T1745">
        <v>1</v>
      </c>
      <c r="U1745">
        <v>2</v>
      </c>
      <c r="V1745">
        <v>0.16423208318705981</v>
      </c>
      <c r="W1745">
        <v>8.2106724237155362</v>
      </c>
      <c r="X1745">
        <v>1</v>
      </c>
      <c r="Y1745">
        <v>1</v>
      </c>
      <c r="Z1745">
        <v>0</v>
      </c>
      <c r="AA1745">
        <v>0</v>
      </c>
      <c r="AB1745">
        <v>8.2472200527452273</v>
      </c>
      <c r="AC1745">
        <v>1</v>
      </c>
      <c r="AD1745">
        <v>1</v>
      </c>
      <c r="AE1745">
        <v>0</v>
      </c>
      <c r="AF1745">
        <v>0</v>
      </c>
      <c r="AG1745">
        <v>8.2469580325681768</v>
      </c>
      <c r="AH1745">
        <v>-3.7265649129951399E-3</v>
      </c>
      <c r="AI1745">
        <v>8.529714612684312E-3</v>
      </c>
      <c r="AJ1745">
        <v>-2.8562363777289838E-3</v>
      </c>
      <c r="AK1745">
        <v>-1.3101510604751671E-2</v>
      </c>
      <c r="AL1745">
        <v>4166.2753852906844</v>
      </c>
      <c r="AM1745">
        <v>7934.6188575079632</v>
      </c>
      <c r="AN1745">
        <v>475813</v>
      </c>
      <c r="AO1745">
        <v>131.60506883174449</v>
      </c>
      <c r="AP1745">
        <v>3741.7992211742348</v>
      </c>
      <c r="AQ1745">
        <v>1.0060225189840271</v>
      </c>
      <c r="AR1745">
        <v>3.9641267347473161</v>
      </c>
      <c r="AS1745">
        <v>3805</v>
      </c>
      <c r="AT1745">
        <v>260.44278606965167</v>
      </c>
      <c r="AU1745">
        <v>2.3332255133003629E-2</v>
      </c>
      <c r="AV1745">
        <v>-3.7277128836623059E-3</v>
      </c>
      <c r="AW1745">
        <v>0.37863315003927728</v>
      </c>
      <c r="AX1745">
        <v>86.43399685699319</v>
      </c>
      <c r="AY1745">
        <v>65</v>
      </c>
      <c r="AZ1745">
        <v>130</v>
      </c>
      <c r="BA1745">
        <v>0.59566158944570047</v>
      </c>
      <c r="BB1745">
        <v>0.49567949725058918</v>
      </c>
      <c r="BC1745">
        <v>5.3287463694021007</v>
      </c>
      <c r="BD1745" t="s">
        <v>6673</v>
      </c>
      <c r="BE1745" t="s">
        <v>68</v>
      </c>
    </row>
    <row r="1746" spans="1:57" x14ac:dyDescent="0.3">
      <c r="A1746" t="s">
        <v>6674</v>
      </c>
      <c r="B1746">
        <v>3380</v>
      </c>
      <c r="C1746" t="s">
        <v>6675</v>
      </c>
      <c r="D1746" t="s">
        <v>6676</v>
      </c>
      <c r="E1746" t="s">
        <v>10622</v>
      </c>
      <c r="F1746">
        <v>64</v>
      </c>
      <c r="G1746">
        <v>119.96875</v>
      </c>
      <c r="H1746">
        <v>114</v>
      </c>
      <c r="I1746">
        <v>5242.2177734375</v>
      </c>
      <c r="J1746">
        <v>72.403161349747009</v>
      </c>
      <c r="K1746">
        <v>3.1791212399509159E-3</v>
      </c>
      <c r="L1746">
        <v>-1.2515035490414479</v>
      </c>
      <c r="M1746">
        <v>5.863204882778696</v>
      </c>
      <c r="N1746">
        <v>3</v>
      </c>
      <c r="O1746">
        <v>1</v>
      </c>
      <c r="P1746">
        <v>2</v>
      </c>
      <c r="Q1746">
        <v>0.30912061651652339</v>
      </c>
      <c r="R1746">
        <v>4.0640639335433582</v>
      </c>
      <c r="S1746">
        <v>1</v>
      </c>
      <c r="T1746">
        <v>1</v>
      </c>
      <c r="U1746">
        <v>0</v>
      </c>
      <c r="V1746">
        <v>0</v>
      </c>
      <c r="W1746">
        <v>4.1431347263915326</v>
      </c>
      <c r="X1746">
        <v>1</v>
      </c>
      <c r="Y1746">
        <v>1</v>
      </c>
      <c r="Z1746">
        <v>0</v>
      </c>
      <c r="AA1746">
        <v>0</v>
      </c>
      <c r="AB1746">
        <v>4.1271343850450908</v>
      </c>
      <c r="AC1746">
        <v>1</v>
      </c>
      <c r="AD1746">
        <v>1</v>
      </c>
      <c r="AE1746">
        <v>0</v>
      </c>
      <c r="AF1746">
        <v>0</v>
      </c>
      <c r="AG1746">
        <v>4.1108738641733096</v>
      </c>
      <c r="AH1746">
        <v>-0.24034194579446361</v>
      </c>
      <c r="AI1746">
        <v>3.2880486113064551E-2</v>
      </c>
      <c r="AJ1746">
        <v>0.1393692439322724</v>
      </c>
      <c r="AK1746">
        <v>2.454900945057881E-2</v>
      </c>
      <c r="AL1746">
        <v>633.94141443312014</v>
      </c>
      <c r="AM1746">
        <v>924.52165094525219</v>
      </c>
      <c r="AN1746">
        <v>7678</v>
      </c>
      <c r="AO1746">
        <v>114.089735009162</v>
      </c>
      <c r="AP1746">
        <v>538.15719293149402</v>
      </c>
      <c r="AQ1746">
        <v>1.359375</v>
      </c>
      <c r="AR1746">
        <v>3.765625</v>
      </c>
      <c r="AS1746">
        <v>64</v>
      </c>
      <c r="AT1746">
        <v>5.3749999999999991</v>
      </c>
      <c r="AU1746">
        <v>5.6148373983739841E-2</v>
      </c>
      <c r="AV1746">
        <v>-0.24201544383319459</v>
      </c>
      <c r="AW1746">
        <v>0.375</v>
      </c>
      <c r="AX1746">
        <v>96.984126984126988</v>
      </c>
      <c r="AY1746">
        <v>67.5</v>
      </c>
      <c r="AZ1746">
        <v>121.25</v>
      </c>
      <c r="BA1746">
        <v>0.60351684375928738</v>
      </c>
      <c r="BB1746">
        <v>0.46875</v>
      </c>
      <c r="BC1746">
        <v>3.9670973472017059</v>
      </c>
      <c r="BD1746" t="s">
        <v>6677</v>
      </c>
      <c r="BE1746" t="s">
        <v>62</v>
      </c>
    </row>
    <row r="1747" spans="1:57" x14ac:dyDescent="0.3">
      <c r="A1747" t="s">
        <v>6678</v>
      </c>
      <c r="B1747">
        <v>1667</v>
      </c>
      <c r="C1747" t="s">
        <v>6679</v>
      </c>
      <c r="D1747" t="s">
        <v>6680</v>
      </c>
      <c r="E1747" t="s">
        <v>72</v>
      </c>
      <c r="F1747">
        <v>1680</v>
      </c>
      <c r="G1747">
        <v>128.97321428571431</v>
      </c>
      <c r="H1747">
        <v>129.5</v>
      </c>
      <c r="I1747">
        <v>5362.4617825255109</v>
      </c>
      <c r="J1747">
        <v>73.228831634305834</v>
      </c>
      <c r="K1747">
        <v>-4.6884865276410378E-2</v>
      </c>
      <c r="L1747">
        <v>-1.1672687663880621</v>
      </c>
      <c r="M1747">
        <v>7.8733712514586456</v>
      </c>
      <c r="N1747">
        <v>15</v>
      </c>
      <c r="O1747">
        <v>1</v>
      </c>
      <c r="P1747">
        <v>14</v>
      </c>
      <c r="Q1747">
        <v>2.7450239069997191</v>
      </c>
      <c r="R1747">
        <v>5.4574050844502811</v>
      </c>
      <c r="S1747">
        <v>2</v>
      </c>
      <c r="T1747">
        <v>1</v>
      </c>
      <c r="U1747">
        <v>1</v>
      </c>
      <c r="V1747">
        <v>0.13364828681945831</v>
      </c>
      <c r="W1747">
        <v>7.4011836565810558</v>
      </c>
      <c r="X1747">
        <v>1</v>
      </c>
      <c r="Y1747">
        <v>1</v>
      </c>
      <c r="Z1747">
        <v>0</v>
      </c>
      <c r="AA1747">
        <v>0</v>
      </c>
      <c r="AB1747">
        <v>7.4253578870271513</v>
      </c>
      <c r="AC1747">
        <v>1</v>
      </c>
      <c r="AD1747">
        <v>1</v>
      </c>
      <c r="AE1747">
        <v>0</v>
      </c>
      <c r="AF1747">
        <v>0</v>
      </c>
      <c r="AG1747">
        <v>7.42476176182321</v>
      </c>
      <c r="AH1747">
        <v>-1.2883705309652681E-2</v>
      </c>
      <c r="AI1747">
        <v>2.2753919158934689E-2</v>
      </c>
      <c r="AJ1747">
        <v>-4.776917281724127E-3</v>
      </c>
      <c r="AK1747">
        <v>1.317191728478442E-2</v>
      </c>
      <c r="AL1747">
        <v>2790.24326761166</v>
      </c>
      <c r="AM1747">
        <v>5400.8100788259362</v>
      </c>
      <c r="AN1747">
        <v>216675</v>
      </c>
      <c r="AO1747">
        <v>81.462863407612105</v>
      </c>
      <c r="AP1747">
        <v>2473.6757735421761</v>
      </c>
      <c r="AQ1747">
        <v>1.0136904761904759</v>
      </c>
      <c r="AR1747">
        <v>3.9672619047619051</v>
      </c>
      <c r="AS1747">
        <v>1674</v>
      </c>
      <c r="AT1747">
        <v>293.94285714285718</v>
      </c>
      <c r="AU1747">
        <v>2.3844537815126021E-2</v>
      </c>
      <c r="AV1747">
        <v>-1.28897260857337E-2</v>
      </c>
      <c r="AW1747">
        <v>0.37142857142857139</v>
      </c>
      <c r="AX1747">
        <v>84.993448481238829</v>
      </c>
      <c r="AY1747">
        <v>62.5</v>
      </c>
      <c r="AZ1747">
        <v>125</v>
      </c>
      <c r="BA1747">
        <v>0.56778325670074448</v>
      </c>
      <c r="BB1747">
        <v>0.50476190476190474</v>
      </c>
      <c r="BC1747">
        <v>5.2656022615771416</v>
      </c>
      <c r="BD1747" t="s">
        <v>6681</v>
      </c>
      <c r="BE1747" t="s">
        <v>62</v>
      </c>
    </row>
    <row r="1748" spans="1:57" x14ac:dyDescent="0.3">
      <c r="A1748" t="s">
        <v>6682</v>
      </c>
      <c r="B1748">
        <v>2595</v>
      </c>
      <c r="C1748" t="s">
        <v>6683</v>
      </c>
      <c r="D1748" t="s">
        <v>6684</v>
      </c>
      <c r="E1748" t="s">
        <v>10622</v>
      </c>
      <c r="F1748">
        <v>64</v>
      </c>
      <c r="G1748">
        <v>122.453125</v>
      </c>
      <c r="H1748">
        <v>115</v>
      </c>
      <c r="I1748">
        <v>5248.841552734375</v>
      </c>
      <c r="J1748">
        <v>72.448889244310536</v>
      </c>
      <c r="K1748">
        <v>0.16192711066166629</v>
      </c>
      <c r="L1748">
        <v>-1.120919569973797</v>
      </c>
      <c r="M1748">
        <v>5.78125</v>
      </c>
      <c r="N1748">
        <v>2</v>
      </c>
      <c r="O1748">
        <v>1</v>
      </c>
      <c r="P1748">
        <v>1</v>
      </c>
      <c r="Q1748">
        <v>0.32821556024332821</v>
      </c>
      <c r="R1748">
        <v>4.0072571376121839</v>
      </c>
      <c r="S1748">
        <v>1</v>
      </c>
      <c r="T1748">
        <v>1</v>
      </c>
      <c r="U1748">
        <v>0</v>
      </c>
      <c r="V1748">
        <v>0</v>
      </c>
      <c r="W1748">
        <v>4.1431347263915326</v>
      </c>
      <c r="X1748">
        <v>1</v>
      </c>
      <c r="Y1748">
        <v>1</v>
      </c>
      <c r="Z1748">
        <v>0</v>
      </c>
      <c r="AA1748">
        <v>0</v>
      </c>
      <c r="AB1748">
        <v>4.1271343850450908</v>
      </c>
      <c r="AC1748">
        <v>1</v>
      </c>
      <c r="AD1748">
        <v>1</v>
      </c>
      <c r="AE1748">
        <v>0</v>
      </c>
      <c r="AF1748">
        <v>0</v>
      </c>
      <c r="AG1748">
        <v>4.1108738641733096</v>
      </c>
      <c r="AH1748">
        <v>-0.31712987918069718</v>
      </c>
      <c r="AI1748">
        <v>0.19793307808805469</v>
      </c>
      <c r="AJ1748">
        <v>8.847531213872295E-2</v>
      </c>
      <c r="AK1748">
        <v>-0.14828464550283249</v>
      </c>
      <c r="AL1748">
        <v>620.12022773689091</v>
      </c>
      <c r="AM1748">
        <v>954.48515082820779</v>
      </c>
      <c r="AN1748">
        <v>7837</v>
      </c>
      <c r="AO1748">
        <v>25</v>
      </c>
      <c r="AP1748">
        <v>406.42033418594218</v>
      </c>
      <c r="AQ1748">
        <v>1.359375</v>
      </c>
      <c r="AR1748">
        <v>3.875</v>
      </c>
      <c r="AS1748">
        <v>64</v>
      </c>
      <c r="AT1748">
        <v>5.46875</v>
      </c>
      <c r="AU1748">
        <v>7.2668650793650813E-2</v>
      </c>
      <c r="AV1748">
        <v>-0.32322977818831478</v>
      </c>
      <c r="AW1748">
        <v>0.4375</v>
      </c>
      <c r="AX1748">
        <v>100.5714285714286</v>
      </c>
      <c r="AY1748">
        <v>60</v>
      </c>
      <c r="AZ1748">
        <v>114.25</v>
      </c>
      <c r="BA1748">
        <v>0.59164589914965859</v>
      </c>
      <c r="BB1748">
        <v>0.46875</v>
      </c>
      <c r="BC1748">
        <v>3.9670973472017059</v>
      </c>
      <c r="BD1748" t="s">
        <v>6685</v>
      </c>
      <c r="BE1748" t="s">
        <v>62</v>
      </c>
    </row>
    <row r="1749" spans="1:57" x14ac:dyDescent="0.3">
      <c r="A1749" t="s">
        <v>6686</v>
      </c>
      <c r="B1749">
        <v>3723</v>
      </c>
      <c r="C1749" t="s">
        <v>6687</v>
      </c>
      <c r="D1749" t="s">
        <v>6688</v>
      </c>
      <c r="E1749" t="s">
        <v>98</v>
      </c>
      <c r="F1749">
        <v>16</v>
      </c>
      <c r="G1749">
        <v>82.3125</v>
      </c>
      <c r="H1749">
        <v>45</v>
      </c>
      <c r="I1749">
        <v>6749.71484375</v>
      </c>
      <c r="J1749">
        <v>82.156648201773663</v>
      </c>
      <c r="K1749">
        <v>0.83767738853872853</v>
      </c>
      <c r="L1749">
        <v>-0.79630127505391579</v>
      </c>
      <c r="M1749">
        <v>4</v>
      </c>
      <c r="N1749">
        <v>1</v>
      </c>
      <c r="O1749">
        <v>1</v>
      </c>
      <c r="P1749">
        <v>0</v>
      </c>
      <c r="Q1749">
        <v>0</v>
      </c>
      <c r="R1749">
        <v>2.7725887222397811</v>
      </c>
      <c r="S1749">
        <v>1</v>
      </c>
      <c r="T1749">
        <v>1</v>
      </c>
      <c r="U1749">
        <v>0</v>
      </c>
      <c r="V1749">
        <v>0</v>
      </c>
      <c r="W1749">
        <v>2.7080502011022101</v>
      </c>
      <c r="X1749">
        <v>1</v>
      </c>
      <c r="Y1749">
        <v>1</v>
      </c>
      <c r="Z1749">
        <v>0</v>
      </c>
      <c r="AA1749">
        <v>0</v>
      </c>
      <c r="AB1749">
        <v>2.639057329615258</v>
      </c>
      <c r="AC1749">
        <v>1</v>
      </c>
      <c r="AD1749">
        <v>1</v>
      </c>
      <c r="AE1749">
        <v>0</v>
      </c>
      <c r="AF1749">
        <v>0</v>
      </c>
      <c r="AG1749">
        <v>2.5649493574615372</v>
      </c>
      <c r="AH1749">
        <v>-0.33097495582857378</v>
      </c>
      <c r="AI1749">
        <v>0.3128320091068662</v>
      </c>
      <c r="AJ1749">
        <v>7.4611478089062794E-2</v>
      </c>
      <c r="AK1749">
        <v>-6.7500898475456428E-2</v>
      </c>
      <c r="AL1749">
        <v>341.7985755948406</v>
      </c>
      <c r="AM1749">
        <v>315.55464458844222</v>
      </c>
      <c r="AN1749">
        <v>1317</v>
      </c>
      <c r="AO1749">
        <v>39.204591567825318</v>
      </c>
      <c r="AP1749">
        <v>244.33028272049609</v>
      </c>
      <c r="AQ1749">
        <v>2.25</v>
      </c>
      <c r="AR1749">
        <v>3.625</v>
      </c>
      <c r="AS1749">
        <v>16</v>
      </c>
      <c r="AT1749">
        <v>0</v>
      </c>
      <c r="AU1749">
        <v>0.39105731225296442</v>
      </c>
      <c r="AV1749">
        <v>-0.36583400502498509</v>
      </c>
      <c r="AW1749">
        <v>0.375</v>
      </c>
      <c r="AX1749">
        <v>111.8666666666667</v>
      </c>
      <c r="AY1749">
        <v>34.5</v>
      </c>
      <c r="AZ1749">
        <v>125.75</v>
      </c>
      <c r="BA1749">
        <v>0.99810658407621766</v>
      </c>
      <c r="BB1749">
        <v>0.3125</v>
      </c>
      <c r="BC1749">
        <v>2.7080502011022101</v>
      </c>
      <c r="BD1749" t="s">
        <v>6687</v>
      </c>
      <c r="BE1749" t="s">
        <v>62</v>
      </c>
    </row>
    <row r="1750" spans="1:57" x14ac:dyDescent="0.3">
      <c r="A1750" t="s">
        <v>6689</v>
      </c>
      <c r="B1750">
        <v>1581</v>
      </c>
      <c r="C1750" t="s">
        <v>6690</v>
      </c>
      <c r="D1750" t="s">
        <v>6691</v>
      </c>
      <c r="E1750" t="s">
        <v>66</v>
      </c>
      <c r="F1750">
        <v>70</v>
      </c>
      <c r="G1750">
        <v>121.1</v>
      </c>
      <c r="H1750">
        <v>125</v>
      </c>
      <c r="I1750">
        <v>6099.6042857142866</v>
      </c>
      <c r="J1750">
        <v>78.099963416856269</v>
      </c>
      <c r="K1750">
        <v>2.484826647287287E-2</v>
      </c>
      <c r="L1750">
        <v>-1.4951506040354789</v>
      </c>
      <c r="M1750">
        <v>5.8721401598021128</v>
      </c>
      <c r="N1750">
        <v>2</v>
      </c>
      <c r="O1750">
        <v>1</v>
      </c>
      <c r="P1750">
        <v>1</v>
      </c>
      <c r="Q1750">
        <v>0.35464438775055629</v>
      </c>
      <c r="R1750">
        <v>4.0702573956196586</v>
      </c>
      <c r="S1750">
        <v>2</v>
      </c>
      <c r="T1750">
        <v>1</v>
      </c>
      <c r="U1750">
        <v>1</v>
      </c>
      <c r="V1750">
        <v>0.1203728348804772</v>
      </c>
      <c r="W1750">
        <v>4.2140152819723324</v>
      </c>
      <c r="X1750">
        <v>1</v>
      </c>
      <c r="Y1750">
        <v>1</v>
      </c>
      <c r="Z1750">
        <v>0</v>
      </c>
      <c r="AA1750">
        <v>0</v>
      </c>
      <c r="AB1750">
        <v>4.2195077051761087</v>
      </c>
      <c r="AC1750">
        <v>1</v>
      </c>
      <c r="AD1750">
        <v>1</v>
      </c>
      <c r="AE1750">
        <v>0</v>
      </c>
      <c r="AF1750">
        <v>0</v>
      </c>
      <c r="AG1750">
        <v>4.2046926193909648</v>
      </c>
      <c r="AH1750">
        <v>0.11585456480432101</v>
      </c>
      <c r="AI1750">
        <v>-8.8940711142151338E-2</v>
      </c>
      <c r="AJ1750">
        <v>-8.6586764527815926E-2</v>
      </c>
      <c r="AK1750">
        <v>-2.127327697838946E-2</v>
      </c>
      <c r="AL1750">
        <v>692.78414165111315</v>
      </c>
      <c r="AM1750">
        <v>986.70519055933323</v>
      </c>
      <c r="AN1750">
        <v>8477</v>
      </c>
      <c r="AO1750">
        <v>106.0116343731757</v>
      </c>
      <c r="AP1750">
        <v>452.84747511800509</v>
      </c>
      <c r="AQ1750">
        <v>1.328571428571429</v>
      </c>
      <c r="AR1750">
        <v>3.7714285714285709</v>
      </c>
      <c r="AS1750">
        <v>70</v>
      </c>
      <c r="AT1750">
        <v>6.6857142857142868</v>
      </c>
      <c r="AU1750">
        <v>0.118778801843318</v>
      </c>
      <c r="AV1750">
        <v>0.1170204258064371</v>
      </c>
      <c r="AW1750">
        <v>0.37142857142857139</v>
      </c>
      <c r="AX1750">
        <v>83.014492753623188</v>
      </c>
      <c r="AY1750">
        <v>75</v>
      </c>
      <c r="AZ1750">
        <v>144.75</v>
      </c>
      <c r="BA1750">
        <v>0.64492125034563397</v>
      </c>
      <c r="BB1750">
        <v>0.5</v>
      </c>
      <c r="BC1750">
        <v>3.889897023304334</v>
      </c>
      <c r="BD1750" t="s">
        <v>6692</v>
      </c>
      <c r="BE1750" t="s">
        <v>68</v>
      </c>
    </row>
    <row r="1751" spans="1:57" x14ac:dyDescent="0.3">
      <c r="A1751" t="s">
        <v>6693</v>
      </c>
      <c r="B1751">
        <v>3502</v>
      </c>
      <c r="C1751" t="s">
        <v>6694</v>
      </c>
      <c r="D1751" t="s">
        <v>6695</v>
      </c>
      <c r="E1751" t="s">
        <v>128</v>
      </c>
      <c r="F1751">
        <v>32</v>
      </c>
      <c r="G1751">
        <v>132.625</v>
      </c>
      <c r="H1751">
        <v>131.5</v>
      </c>
      <c r="I1751">
        <v>4920.046875</v>
      </c>
      <c r="J1751">
        <v>70.143045806409063</v>
      </c>
      <c r="K1751">
        <v>5.5733551861334767E-2</v>
      </c>
      <c r="L1751">
        <v>-1.2037456296123441</v>
      </c>
      <c r="M1751">
        <v>4.9375</v>
      </c>
      <c r="N1751">
        <v>2</v>
      </c>
      <c r="O1751">
        <v>1</v>
      </c>
      <c r="P1751">
        <v>1</v>
      </c>
      <c r="Q1751">
        <v>0.17668469596940839</v>
      </c>
      <c r="R1751">
        <v>3.422414204014729</v>
      </c>
      <c r="S1751">
        <v>1</v>
      </c>
      <c r="T1751">
        <v>1</v>
      </c>
      <c r="U1751">
        <v>0</v>
      </c>
      <c r="V1751">
        <v>0</v>
      </c>
      <c r="W1751">
        <v>3.4339872044851458</v>
      </c>
      <c r="X1751">
        <v>1</v>
      </c>
      <c r="Y1751">
        <v>1</v>
      </c>
      <c r="Z1751">
        <v>0</v>
      </c>
      <c r="AA1751">
        <v>0</v>
      </c>
      <c r="AB1751">
        <v>3.401197381662155</v>
      </c>
      <c r="AC1751">
        <v>1</v>
      </c>
      <c r="AD1751">
        <v>1</v>
      </c>
      <c r="AE1751">
        <v>0</v>
      </c>
      <c r="AF1751">
        <v>0</v>
      </c>
      <c r="AG1751">
        <v>3.3672958299864728</v>
      </c>
      <c r="AH1751">
        <v>-4.462461056964015E-2</v>
      </c>
      <c r="AI1751">
        <v>-0.17252142065465589</v>
      </c>
      <c r="AJ1751">
        <v>-0.1571286993899321</v>
      </c>
      <c r="AK1751">
        <v>-0.24452435507791781</v>
      </c>
      <c r="AL1751">
        <v>484.14989407201858</v>
      </c>
      <c r="AM1751">
        <v>697.06590798148579</v>
      </c>
      <c r="AN1751">
        <v>4244</v>
      </c>
      <c r="AO1751">
        <v>56.329153128061073</v>
      </c>
      <c r="AP1751">
        <v>382.74459745883019</v>
      </c>
      <c r="AQ1751">
        <v>1.65625</v>
      </c>
      <c r="AR1751">
        <v>4.0625</v>
      </c>
      <c r="AS1751">
        <v>32</v>
      </c>
      <c r="AT1751">
        <v>0.9375</v>
      </c>
      <c r="AU1751">
        <v>0.1232775590551181</v>
      </c>
      <c r="AV1751">
        <v>-4.544826005569113E-2</v>
      </c>
      <c r="AW1751">
        <v>0.375</v>
      </c>
      <c r="AX1751">
        <v>80.41935483870968</v>
      </c>
      <c r="AY1751">
        <v>62.5</v>
      </c>
      <c r="AZ1751">
        <v>125</v>
      </c>
      <c r="BA1751">
        <v>0.52888253199931434</v>
      </c>
      <c r="BB1751">
        <v>0.5</v>
      </c>
      <c r="BC1751">
        <v>3.2551105127277409</v>
      </c>
      <c r="BD1751" t="s">
        <v>6696</v>
      </c>
      <c r="BE1751" t="s">
        <v>62</v>
      </c>
    </row>
    <row r="1752" spans="1:57" x14ac:dyDescent="0.3">
      <c r="A1752" t="s">
        <v>6697</v>
      </c>
      <c r="B1752">
        <v>3280</v>
      </c>
      <c r="C1752" t="s">
        <v>6698</v>
      </c>
      <c r="D1752" t="s">
        <v>6699</v>
      </c>
      <c r="E1752" t="s">
        <v>115</v>
      </c>
      <c r="F1752">
        <v>3360</v>
      </c>
      <c r="G1752">
        <v>127.5401785714286</v>
      </c>
      <c r="H1752">
        <v>130</v>
      </c>
      <c r="I1752">
        <v>5491.7608856823981</v>
      </c>
      <c r="J1752">
        <v>74.106415954911739</v>
      </c>
      <c r="K1752">
        <v>-1.9623940951052271E-2</v>
      </c>
      <c r="L1752">
        <v>-1.2189527336581449</v>
      </c>
      <c r="M1752">
        <v>7.9408240716739291</v>
      </c>
      <c r="N1752">
        <v>22</v>
      </c>
      <c r="O1752">
        <v>3</v>
      </c>
      <c r="P1752">
        <v>19</v>
      </c>
      <c r="Q1752">
        <v>3.6964932706553109</v>
      </c>
      <c r="R1752">
        <v>5.5041598166033321</v>
      </c>
      <c r="S1752">
        <v>3</v>
      </c>
      <c r="T1752">
        <v>1</v>
      </c>
      <c r="U1752">
        <v>2</v>
      </c>
      <c r="V1752">
        <v>0.15529010626216641</v>
      </c>
      <c r="W1752">
        <v>8.0866386900373506</v>
      </c>
      <c r="X1752">
        <v>1</v>
      </c>
      <c r="Y1752">
        <v>1</v>
      </c>
      <c r="Z1752">
        <v>0</v>
      </c>
      <c r="AA1752">
        <v>0</v>
      </c>
      <c r="AB1752">
        <v>8.119100837637486</v>
      </c>
      <c r="AC1752">
        <v>1</v>
      </c>
      <c r="AD1752">
        <v>1</v>
      </c>
      <c r="AE1752">
        <v>0</v>
      </c>
      <c r="AF1752">
        <v>0</v>
      </c>
      <c r="AG1752">
        <v>8.1188029969800333</v>
      </c>
      <c r="AH1752">
        <v>-1.2315941603610591E-2</v>
      </c>
      <c r="AI1752">
        <v>-5.8290103498757854E-3</v>
      </c>
      <c r="AJ1752">
        <v>1.24520350360013E-3</v>
      </c>
      <c r="AK1752">
        <v>2.0792026019001871E-2</v>
      </c>
      <c r="AL1752">
        <v>3931.9795769561251</v>
      </c>
      <c r="AM1752">
        <v>7592.5808264647349</v>
      </c>
      <c r="AN1752">
        <v>428535</v>
      </c>
      <c r="AO1752">
        <v>12.848197122796041</v>
      </c>
      <c r="AP1752">
        <v>3555.2567271790222</v>
      </c>
      <c r="AQ1752">
        <v>1.006845238095238</v>
      </c>
      <c r="AR1752">
        <v>3.972023809523809</v>
      </c>
      <c r="AS1752">
        <v>3344</v>
      </c>
      <c r="AT1752">
        <v>266.51428571428568</v>
      </c>
      <c r="AU1752">
        <v>1.3707983193277319E-2</v>
      </c>
      <c r="AV1752">
        <v>-1.231901731030974E-2</v>
      </c>
      <c r="AW1752">
        <v>0.35476190476190478</v>
      </c>
      <c r="AX1752">
        <v>85.815421256326289</v>
      </c>
      <c r="AY1752">
        <v>64</v>
      </c>
      <c r="AZ1752">
        <v>130.25</v>
      </c>
      <c r="BA1752">
        <v>0.58104368980014109</v>
      </c>
      <c r="BB1752">
        <v>0.50952380952380949</v>
      </c>
      <c r="BC1752">
        <v>5.3273052864787243</v>
      </c>
      <c r="BD1752" t="s">
        <v>6700</v>
      </c>
      <c r="BE1752" t="s">
        <v>62</v>
      </c>
    </row>
    <row r="1753" spans="1:57" x14ac:dyDescent="0.3">
      <c r="A1753" t="s">
        <v>6701</v>
      </c>
      <c r="B1753">
        <v>2924</v>
      </c>
      <c r="C1753" t="s">
        <v>6702</v>
      </c>
      <c r="D1753" t="s">
        <v>6703</v>
      </c>
      <c r="E1753" t="s">
        <v>85</v>
      </c>
      <c r="F1753">
        <v>8</v>
      </c>
      <c r="G1753">
        <v>113</v>
      </c>
      <c r="H1753">
        <v>120.5</v>
      </c>
      <c r="I1753">
        <v>1282</v>
      </c>
      <c r="J1753">
        <v>35.805027579936308</v>
      </c>
      <c r="K1753">
        <v>-0.95641162954947967</v>
      </c>
      <c r="L1753">
        <v>0.25977016459753571</v>
      </c>
      <c r="M1753">
        <v>3</v>
      </c>
      <c r="N1753">
        <v>1</v>
      </c>
      <c r="O1753">
        <v>1</v>
      </c>
      <c r="P1753">
        <v>0</v>
      </c>
      <c r="Q1753">
        <v>0</v>
      </c>
      <c r="R1753">
        <v>2.0794415416798362</v>
      </c>
      <c r="S1753">
        <v>1</v>
      </c>
      <c r="T1753">
        <v>1</v>
      </c>
      <c r="U1753">
        <v>0</v>
      </c>
      <c r="V1753">
        <v>0</v>
      </c>
      <c r="W1753">
        <v>1.945910149055313</v>
      </c>
      <c r="X1753">
        <v>1</v>
      </c>
      <c r="Y1753">
        <v>1</v>
      </c>
      <c r="Z1753">
        <v>0</v>
      </c>
      <c r="AA1753">
        <v>0</v>
      </c>
      <c r="AB1753">
        <v>1.791759469228055</v>
      </c>
      <c r="AC1753">
        <v>1</v>
      </c>
      <c r="AD1753">
        <v>1</v>
      </c>
      <c r="AE1753">
        <v>0</v>
      </c>
      <c r="AF1753">
        <v>0</v>
      </c>
      <c r="AG1753">
        <v>1.6094379124341009</v>
      </c>
      <c r="AH1753">
        <v>-0.45076053042121678</v>
      </c>
      <c r="AI1753">
        <v>0.28334633385335412</v>
      </c>
      <c r="AJ1753">
        <v>5.5089703588143517E-2</v>
      </c>
      <c r="AK1753">
        <v>0</v>
      </c>
      <c r="AL1753">
        <v>203.0765694219759</v>
      </c>
      <c r="AM1753">
        <v>266.77313761284398</v>
      </c>
      <c r="AN1753">
        <v>904</v>
      </c>
      <c r="AO1753">
        <v>68.600291544569984</v>
      </c>
      <c r="AP1753">
        <v>103.3529930716669</v>
      </c>
      <c r="AQ1753">
        <v>3.5</v>
      </c>
      <c r="AR1753">
        <v>3.125</v>
      </c>
      <c r="AS1753">
        <v>8</v>
      </c>
      <c r="AT1753">
        <v>0</v>
      </c>
      <c r="AU1753">
        <v>0.23125000000000001</v>
      </c>
      <c r="AV1753">
        <v>-0.45695696404590391</v>
      </c>
      <c r="AW1753">
        <v>0.5</v>
      </c>
      <c r="AX1753">
        <v>55</v>
      </c>
      <c r="AY1753">
        <v>17.5</v>
      </c>
      <c r="AZ1753">
        <v>36.5</v>
      </c>
      <c r="BA1753">
        <v>0.31685865114987888</v>
      </c>
      <c r="BB1753">
        <v>0.5</v>
      </c>
      <c r="BC1753">
        <v>1.945910149055313</v>
      </c>
      <c r="BD1753" t="s">
        <v>6702</v>
      </c>
      <c r="BE1753" t="s">
        <v>68</v>
      </c>
    </row>
    <row r="1754" spans="1:57" x14ac:dyDescent="0.3">
      <c r="A1754" t="s">
        <v>6704</v>
      </c>
      <c r="B1754">
        <v>3242</v>
      </c>
      <c r="C1754" t="s">
        <v>6705</v>
      </c>
      <c r="D1754" t="s">
        <v>6706</v>
      </c>
      <c r="E1754" t="s">
        <v>115</v>
      </c>
      <c r="F1754">
        <v>3313</v>
      </c>
      <c r="G1754">
        <v>127.9930576516752</v>
      </c>
      <c r="H1754">
        <v>128</v>
      </c>
      <c r="I1754">
        <v>5433.4895382813129</v>
      </c>
      <c r="J1754">
        <v>73.712207525492772</v>
      </c>
      <c r="K1754">
        <v>-4.1110041812470787E-3</v>
      </c>
      <c r="L1754">
        <v>-1.192458130609906</v>
      </c>
      <c r="M1754">
        <v>7.9497892689958141</v>
      </c>
      <c r="N1754">
        <v>22</v>
      </c>
      <c r="O1754">
        <v>5</v>
      </c>
      <c r="P1754">
        <v>17</v>
      </c>
      <c r="Q1754">
        <v>3.3762272616725522</v>
      </c>
      <c r="R1754">
        <v>5.5103740178501566</v>
      </c>
      <c r="S1754">
        <v>3</v>
      </c>
      <c r="T1754">
        <v>1</v>
      </c>
      <c r="U1754">
        <v>2</v>
      </c>
      <c r="V1754">
        <v>0.16396946816193059</v>
      </c>
      <c r="W1754">
        <v>8.0694133376722021</v>
      </c>
      <c r="X1754">
        <v>2</v>
      </c>
      <c r="Y1754">
        <v>1</v>
      </c>
      <c r="Z1754">
        <v>1</v>
      </c>
      <c r="AA1754">
        <v>2.4577365501779951E-2</v>
      </c>
      <c r="AB1754">
        <v>8.1041681504369336</v>
      </c>
      <c r="AC1754">
        <v>1</v>
      </c>
      <c r="AD1754">
        <v>1</v>
      </c>
      <c r="AE1754">
        <v>0</v>
      </c>
      <c r="AF1754">
        <v>0</v>
      </c>
      <c r="AG1754">
        <v>8.1047034683711097</v>
      </c>
      <c r="AH1754">
        <v>7.4546526014168859E-3</v>
      </c>
      <c r="AI1754">
        <v>1.3135120335490151E-3</v>
      </c>
      <c r="AJ1754">
        <v>2.089525277485352E-3</v>
      </c>
      <c r="AK1754">
        <v>-1.813123379944042E-3</v>
      </c>
      <c r="AL1754">
        <v>3883.6458800045461</v>
      </c>
      <c r="AM1754">
        <v>7562.5888212121981</v>
      </c>
      <c r="AN1754">
        <v>424041</v>
      </c>
      <c r="AO1754">
        <v>27.67846352204894</v>
      </c>
      <c r="AP1754">
        <v>3518.1760213218472</v>
      </c>
      <c r="AQ1754">
        <v>1.006942348324781</v>
      </c>
      <c r="AR1754">
        <v>4.0184123151222453</v>
      </c>
      <c r="AS1754">
        <v>3308</v>
      </c>
      <c r="AT1754">
        <v>225.48717174766071</v>
      </c>
      <c r="AU1754">
        <v>8.9794807147126898E-3</v>
      </c>
      <c r="AV1754">
        <v>7.4593615573117084E-3</v>
      </c>
      <c r="AW1754">
        <v>0.38092363416842739</v>
      </c>
      <c r="AX1754">
        <v>84.945048309178745</v>
      </c>
      <c r="AY1754">
        <v>64</v>
      </c>
      <c r="AZ1754">
        <v>129</v>
      </c>
      <c r="BA1754">
        <v>0.57590785686279766</v>
      </c>
      <c r="BB1754">
        <v>0.50015092061575617</v>
      </c>
      <c r="BC1754">
        <v>5.3036433235617269</v>
      </c>
      <c r="BD1754" t="s">
        <v>6707</v>
      </c>
      <c r="BE1754" t="s">
        <v>68</v>
      </c>
    </row>
    <row r="1755" spans="1:57" x14ac:dyDescent="0.3">
      <c r="A1755" t="s">
        <v>6708</v>
      </c>
      <c r="B1755">
        <v>3322</v>
      </c>
      <c r="C1755" t="s">
        <v>6709</v>
      </c>
      <c r="D1755" t="s">
        <v>6710</v>
      </c>
      <c r="E1755" t="s">
        <v>72</v>
      </c>
      <c r="F1755">
        <v>3432</v>
      </c>
      <c r="G1755">
        <v>127.6092657342657</v>
      </c>
      <c r="H1755">
        <v>127</v>
      </c>
      <c r="I1755">
        <v>5452.5480843093374</v>
      </c>
      <c r="J1755">
        <v>73.841371089040166</v>
      </c>
      <c r="K1755">
        <v>7.7538626751390612E-3</v>
      </c>
      <c r="L1755">
        <v>-1.1960344306010431</v>
      </c>
      <c r="M1755">
        <v>7.9522650790699352</v>
      </c>
      <c r="N1755">
        <v>22</v>
      </c>
      <c r="O1755">
        <v>6</v>
      </c>
      <c r="P1755">
        <v>16</v>
      </c>
      <c r="Q1755">
        <v>3.423123345352896</v>
      </c>
      <c r="R1755">
        <v>5.5120901186226341</v>
      </c>
      <c r="S1755">
        <v>2</v>
      </c>
      <c r="T1755">
        <v>1</v>
      </c>
      <c r="U1755">
        <v>1</v>
      </c>
      <c r="V1755">
        <v>0.15548739575969939</v>
      </c>
      <c r="W1755">
        <v>8.1070709216188845</v>
      </c>
      <c r="X1755">
        <v>2</v>
      </c>
      <c r="Y1755">
        <v>1</v>
      </c>
      <c r="Z1755">
        <v>1</v>
      </c>
      <c r="AA1755">
        <v>1.70746936929769E-2</v>
      </c>
      <c r="AB1755">
        <v>8.1399113727077612</v>
      </c>
      <c r="AC1755">
        <v>1</v>
      </c>
      <c r="AD1755">
        <v>1</v>
      </c>
      <c r="AE1755">
        <v>0</v>
      </c>
      <c r="AF1755">
        <v>0</v>
      </c>
      <c r="AG1755">
        <v>8.1400239524629221</v>
      </c>
      <c r="AH1755">
        <v>5.5874474036210842E-3</v>
      </c>
      <c r="AI1755">
        <v>1.1795294691086279E-3</v>
      </c>
      <c r="AJ1755">
        <v>1.1882282498130069E-2</v>
      </c>
      <c r="AK1755">
        <v>-3.339891860453074E-3</v>
      </c>
      <c r="AL1755">
        <v>3977.3881543444709</v>
      </c>
      <c r="AM1755">
        <v>7666.8536225547095</v>
      </c>
      <c r="AN1755">
        <v>437955</v>
      </c>
      <c r="AO1755">
        <v>88.404845474813214</v>
      </c>
      <c r="AP1755">
        <v>3681.1003615673421</v>
      </c>
      <c r="AQ1755">
        <v>1.006701631701632</v>
      </c>
      <c r="AR1755">
        <v>3.9912587412587408</v>
      </c>
      <c r="AS1755">
        <v>3417</v>
      </c>
      <c r="AT1755">
        <v>223.75757575757581</v>
      </c>
      <c r="AU1755">
        <v>1.315645139174554E-2</v>
      </c>
      <c r="AV1755">
        <v>5.5905798210895063E-3</v>
      </c>
      <c r="AW1755">
        <v>0.37004662004661998</v>
      </c>
      <c r="AX1755">
        <v>84.472165549402504</v>
      </c>
      <c r="AY1755">
        <v>63</v>
      </c>
      <c r="AZ1755">
        <v>126</v>
      </c>
      <c r="BA1755">
        <v>0.57865211169546149</v>
      </c>
      <c r="BB1755">
        <v>0.4970862470862471</v>
      </c>
      <c r="BC1755">
        <v>5.3166366594414924</v>
      </c>
      <c r="BD1755" t="s">
        <v>6711</v>
      </c>
      <c r="BE1755" t="s">
        <v>68</v>
      </c>
    </row>
    <row r="1756" spans="1:57" x14ac:dyDescent="0.3">
      <c r="A1756" t="s">
        <v>6712</v>
      </c>
      <c r="B1756">
        <v>3041</v>
      </c>
      <c r="C1756" t="s">
        <v>6713</v>
      </c>
      <c r="D1756" t="s">
        <v>6714</v>
      </c>
      <c r="E1756" t="s">
        <v>85</v>
      </c>
      <c r="F1756">
        <v>8</v>
      </c>
      <c r="G1756">
        <v>130.125</v>
      </c>
      <c r="H1756">
        <v>118.5</v>
      </c>
      <c r="I1756">
        <v>5326.609375</v>
      </c>
      <c r="J1756">
        <v>72.983624019364782</v>
      </c>
      <c r="K1756">
        <v>5.3981635518788477E-2</v>
      </c>
      <c r="L1756">
        <v>-1.4506451640514131</v>
      </c>
      <c r="M1756">
        <v>3</v>
      </c>
      <c r="N1756">
        <v>1</v>
      </c>
      <c r="O1756">
        <v>1</v>
      </c>
      <c r="P1756">
        <v>0</v>
      </c>
      <c r="Q1756">
        <v>0</v>
      </c>
      <c r="R1756">
        <v>2.0794415416798362</v>
      </c>
      <c r="S1756">
        <v>1</v>
      </c>
      <c r="T1756">
        <v>1</v>
      </c>
      <c r="U1756">
        <v>0</v>
      </c>
      <c r="V1756">
        <v>0</v>
      </c>
      <c r="W1756">
        <v>1.945910149055313</v>
      </c>
      <c r="X1756">
        <v>1</v>
      </c>
      <c r="Y1756">
        <v>1</v>
      </c>
      <c r="Z1756">
        <v>0</v>
      </c>
      <c r="AA1756">
        <v>0</v>
      </c>
      <c r="AB1756">
        <v>1.791759469228055</v>
      </c>
      <c r="AC1756">
        <v>1</v>
      </c>
      <c r="AD1756">
        <v>1</v>
      </c>
      <c r="AE1756">
        <v>0</v>
      </c>
      <c r="AF1756">
        <v>0</v>
      </c>
      <c r="AG1756">
        <v>1.6094379124341009</v>
      </c>
      <c r="AH1756">
        <v>-6.148706523556554E-2</v>
      </c>
      <c r="AI1756">
        <v>-0.14733003229657701</v>
      </c>
      <c r="AJ1756">
        <v>-0.21572302091797371</v>
      </c>
      <c r="AK1756">
        <v>0</v>
      </c>
      <c r="AL1756">
        <v>319.74892547204149</v>
      </c>
      <c r="AM1756">
        <v>275.37905631960251</v>
      </c>
      <c r="AN1756">
        <v>1041</v>
      </c>
      <c r="AO1756">
        <v>175</v>
      </c>
      <c r="AP1756">
        <v>203.00840370005511</v>
      </c>
      <c r="AQ1756">
        <v>3.5</v>
      </c>
      <c r="AR1756">
        <v>4.125</v>
      </c>
      <c r="AS1756">
        <v>8</v>
      </c>
      <c r="AT1756">
        <v>0</v>
      </c>
      <c r="AU1756">
        <v>0.14712389380530971</v>
      </c>
      <c r="AV1756">
        <v>-6.2391072077486488E-2</v>
      </c>
      <c r="AW1756">
        <v>0.375</v>
      </c>
      <c r="AX1756">
        <v>82</v>
      </c>
      <c r="AY1756">
        <v>72</v>
      </c>
      <c r="AZ1756">
        <v>128.75</v>
      </c>
      <c r="BA1756">
        <v>0.56087319131116065</v>
      </c>
      <c r="BB1756">
        <v>0.5</v>
      </c>
      <c r="BC1756">
        <v>1.945910149055313</v>
      </c>
      <c r="BD1756" t="s">
        <v>6713</v>
      </c>
      <c r="BE1756" t="s">
        <v>68</v>
      </c>
    </row>
    <row r="1757" spans="1:57" x14ac:dyDescent="0.3">
      <c r="A1757" t="s">
        <v>6715</v>
      </c>
      <c r="B1757">
        <v>847</v>
      </c>
      <c r="C1757" t="s">
        <v>6716</v>
      </c>
      <c r="D1757" t="s">
        <v>6717</v>
      </c>
      <c r="E1757" t="s">
        <v>66</v>
      </c>
      <c r="F1757">
        <v>72</v>
      </c>
      <c r="G1757">
        <v>129.29166666666671</v>
      </c>
      <c r="H1757">
        <v>136.5</v>
      </c>
      <c r="I1757">
        <v>6239.8732638888887</v>
      </c>
      <c r="J1757">
        <v>78.992868436896813</v>
      </c>
      <c r="K1757">
        <v>-0.1820955020246614</v>
      </c>
      <c r="L1757">
        <v>-1.285926651054683</v>
      </c>
      <c r="M1757">
        <v>5.881662675023378</v>
      </c>
      <c r="N1757">
        <v>3</v>
      </c>
      <c r="O1757">
        <v>1</v>
      </c>
      <c r="P1757">
        <v>2</v>
      </c>
      <c r="Q1757">
        <v>0.40930895291772651</v>
      </c>
      <c r="R1757">
        <v>4.0768579001971172</v>
      </c>
      <c r="S1757">
        <v>2</v>
      </c>
      <c r="T1757">
        <v>1</v>
      </c>
      <c r="U1757">
        <v>1</v>
      </c>
      <c r="V1757">
        <v>0.16776575221435111</v>
      </c>
      <c r="W1757">
        <v>4.2236293316576567</v>
      </c>
      <c r="X1757">
        <v>2</v>
      </c>
      <c r="Y1757">
        <v>1</v>
      </c>
      <c r="Z1757">
        <v>1</v>
      </c>
      <c r="AA1757">
        <v>0.11951030798891769</v>
      </c>
      <c r="AB1757">
        <v>4.2286910368905044</v>
      </c>
      <c r="AC1757">
        <v>1</v>
      </c>
      <c r="AD1757">
        <v>1</v>
      </c>
      <c r="AE1757">
        <v>0</v>
      </c>
      <c r="AF1757">
        <v>0</v>
      </c>
      <c r="AG1757">
        <v>4.2341065045972579</v>
      </c>
      <c r="AH1757">
        <v>0.28992642415088421</v>
      </c>
      <c r="AI1757">
        <v>0.16546225376345131</v>
      </c>
      <c r="AJ1757">
        <v>-0.24261043039396271</v>
      </c>
      <c r="AK1757">
        <v>0.22074197659089789</v>
      </c>
      <c r="AL1757">
        <v>689.57307155520277</v>
      </c>
      <c r="AM1757">
        <v>1085.051141184563</v>
      </c>
      <c r="AN1757">
        <v>9309</v>
      </c>
      <c r="AO1757">
        <v>27.000000000000028</v>
      </c>
      <c r="AP1757">
        <v>528.76771224554545</v>
      </c>
      <c r="AQ1757">
        <v>1.319444444444444</v>
      </c>
      <c r="AR1757">
        <v>3.9444444444444451</v>
      </c>
      <c r="AS1757">
        <v>71</v>
      </c>
      <c r="AT1757">
        <v>8.9444444444444464</v>
      </c>
      <c r="AU1757">
        <v>8.4426946631671024E-2</v>
      </c>
      <c r="AV1757">
        <v>0.29331965916699609</v>
      </c>
      <c r="AW1757">
        <v>0.30555555555555558</v>
      </c>
      <c r="AX1757">
        <v>77.08450704225352</v>
      </c>
      <c r="AY1757">
        <v>71</v>
      </c>
      <c r="AZ1757">
        <v>134</v>
      </c>
      <c r="BA1757">
        <v>0.61096643328569888</v>
      </c>
      <c r="BB1757">
        <v>0.54166666666666663</v>
      </c>
      <c r="BC1757">
        <v>4.0014816398818356</v>
      </c>
      <c r="BD1757" t="s">
        <v>6718</v>
      </c>
      <c r="BE1757" t="s">
        <v>68</v>
      </c>
    </row>
    <row r="1758" spans="1:57" x14ac:dyDescent="0.3">
      <c r="A1758" t="s">
        <v>6719</v>
      </c>
      <c r="B1758">
        <v>1532</v>
      </c>
      <c r="C1758" t="s">
        <v>6720</v>
      </c>
      <c r="D1758" t="s">
        <v>6721</v>
      </c>
      <c r="E1758" t="s">
        <v>66</v>
      </c>
      <c r="F1758">
        <v>71</v>
      </c>
      <c r="G1758">
        <v>122.1830985915493</v>
      </c>
      <c r="H1758">
        <v>122</v>
      </c>
      <c r="I1758">
        <v>5622.4876016663356</v>
      </c>
      <c r="J1758">
        <v>74.98324880709248</v>
      </c>
      <c r="K1758">
        <v>6.6431617202823229E-2</v>
      </c>
      <c r="L1758">
        <v>-1.29964506470585</v>
      </c>
      <c r="M1758">
        <v>5.868056978659606</v>
      </c>
      <c r="N1758">
        <v>2</v>
      </c>
      <c r="O1758">
        <v>1</v>
      </c>
      <c r="P1758">
        <v>1</v>
      </c>
      <c r="Q1758">
        <v>0.37021605870938418</v>
      </c>
      <c r="R1758">
        <v>4.067427150123021</v>
      </c>
      <c r="S1758">
        <v>1</v>
      </c>
      <c r="T1758">
        <v>1</v>
      </c>
      <c r="U1758">
        <v>0</v>
      </c>
      <c r="V1758">
        <v>0</v>
      </c>
      <c r="W1758">
        <v>4.2484952420493576</v>
      </c>
      <c r="X1758">
        <v>1</v>
      </c>
      <c r="Y1758">
        <v>1</v>
      </c>
      <c r="Z1758">
        <v>0</v>
      </c>
      <c r="AA1758">
        <v>0</v>
      </c>
      <c r="AB1758">
        <v>4.2341065045972579</v>
      </c>
      <c r="AC1758">
        <v>1</v>
      </c>
      <c r="AD1758">
        <v>1</v>
      </c>
      <c r="AE1758">
        <v>0</v>
      </c>
      <c r="AF1758">
        <v>0</v>
      </c>
      <c r="AG1758">
        <v>4.2195077051761087</v>
      </c>
      <c r="AH1758">
        <v>8.4110785172695823E-2</v>
      </c>
      <c r="AI1758">
        <v>0.15199076735233791</v>
      </c>
      <c r="AJ1758">
        <v>-0.15633155116503181</v>
      </c>
      <c r="AK1758">
        <v>2.7471449600997871E-2</v>
      </c>
      <c r="AL1758">
        <v>690.69908693413345</v>
      </c>
      <c r="AM1758">
        <v>990.99433464997867</v>
      </c>
      <c r="AN1758">
        <v>8675</v>
      </c>
      <c r="AO1758">
        <v>175.4791436981412</v>
      </c>
      <c r="AP1758">
        <v>550.39233213855641</v>
      </c>
      <c r="AQ1758">
        <v>1.323943661971831</v>
      </c>
      <c r="AR1758">
        <v>3.774647887323944</v>
      </c>
      <c r="AS1758">
        <v>71</v>
      </c>
      <c r="AT1758">
        <v>7.1830985915492969</v>
      </c>
      <c r="AU1758">
        <v>6.9008428078511264E-2</v>
      </c>
      <c r="AV1758">
        <v>8.6742271092271894E-2</v>
      </c>
      <c r="AW1758">
        <v>0.38028169014084512</v>
      </c>
      <c r="AX1758">
        <v>81.400000000000006</v>
      </c>
      <c r="AY1758">
        <v>71</v>
      </c>
      <c r="AZ1758">
        <v>138</v>
      </c>
      <c r="BA1758">
        <v>0.61369575392548315</v>
      </c>
      <c r="BB1758">
        <v>0.49295774647887319</v>
      </c>
      <c r="BC1758">
        <v>3.8695946287429068</v>
      </c>
      <c r="BD1758" t="s">
        <v>6722</v>
      </c>
      <c r="BE1758" t="s">
        <v>68</v>
      </c>
    </row>
    <row r="1759" spans="1:57" x14ac:dyDescent="0.3">
      <c r="A1759" t="s">
        <v>6723</v>
      </c>
      <c r="B1759">
        <v>133</v>
      </c>
      <c r="C1759" t="s">
        <v>6724</v>
      </c>
      <c r="D1759" t="s">
        <v>6725</v>
      </c>
      <c r="E1759" t="s">
        <v>60</v>
      </c>
      <c r="F1759">
        <v>256</v>
      </c>
      <c r="G1759">
        <v>134.84765625</v>
      </c>
      <c r="H1759">
        <v>146.5</v>
      </c>
      <c r="I1759">
        <v>5969.5119476318359</v>
      </c>
      <c r="J1759">
        <v>77.262616753717552</v>
      </c>
      <c r="K1759">
        <v>-0.22547146212945449</v>
      </c>
      <c r="L1759">
        <v>-1.1969746689829961</v>
      </c>
      <c r="M1759">
        <v>7.0475515390762897</v>
      </c>
      <c r="N1759">
        <v>6</v>
      </c>
      <c r="O1759">
        <v>1</v>
      </c>
      <c r="P1759">
        <v>5</v>
      </c>
      <c r="Q1759">
        <v>0.94198168936130056</v>
      </c>
      <c r="R1759">
        <v>4.8849904791616341</v>
      </c>
      <c r="S1759">
        <v>2</v>
      </c>
      <c r="T1759">
        <v>1</v>
      </c>
      <c r="U1759">
        <v>1</v>
      </c>
      <c r="V1759">
        <v>0.1084575426088607</v>
      </c>
      <c r="W1759">
        <v>5.5249541997334841</v>
      </c>
      <c r="X1759">
        <v>1</v>
      </c>
      <c r="Y1759">
        <v>1</v>
      </c>
      <c r="Z1759">
        <v>0</v>
      </c>
      <c r="AA1759">
        <v>0</v>
      </c>
      <c r="AB1759">
        <v>5.5373342670185366</v>
      </c>
      <c r="AC1759">
        <v>1</v>
      </c>
      <c r="AD1759">
        <v>1</v>
      </c>
      <c r="AE1759">
        <v>0</v>
      </c>
      <c r="AF1759">
        <v>0</v>
      </c>
      <c r="AG1759">
        <v>5.5333894887275203</v>
      </c>
      <c r="AH1759">
        <v>-5.1569064545586983E-2</v>
      </c>
      <c r="AI1759">
        <v>4.2563437479387289E-2</v>
      </c>
      <c r="AJ1759">
        <v>-9.2262553625081761E-2</v>
      </c>
      <c r="AK1759">
        <v>8.7634728673514156E-2</v>
      </c>
      <c r="AL1759">
        <v>1236.12304984924</v>
      </c>
      <c r="AM1759">
        <v>2157.6076579469709</v>
      </c>
      <c r="AN1759">
        <v>34521</v>
      </c>
      <c r="AO1759">
        <v>126.42064093480241</v>
      </c>
      <c r="AP1759">
        <v>959.5403351391102</v>
      </c>
      <c r="AQ1759">
        <v>1.08984375</v>
      </c>
      <c r="AR1759">
        <v>3.984375</v>
      </c>
      <c r="AS1759">
        <v>255</v>
      </c>
      <c r="AT1759">
        <v>79.03125</v>
      </c>
      <c r="AU1759">
        <v>0.10464392430278879</v>
      </c>
      <c r="AV1759">
        <v>-5.1701681062234058E-2</v>
      </c>
      <c r="AW1759">
        <v>0.28125</v>
      </c>
      <c r="AX1759">
        <v>91.050980392156859</v>
      </c>
      <c r="AY1759">
        <v>65.5</v>
      </c>
      <c r="AZ1759">
        <v>135</v>
      </c>
      <c r="BA1759">
        <v>0.57296225164252756</v>
      </c>
      <c r="BB1759">
        <v>0.55859375</v>
      </c>
      <c r="BC1759">
        <v>4.8706575366852913</v>
      </c>
      <c r="BD1759" t="s">
        <v>6726</v>
      </c>
      <c r="BE1759" t="s">
        <v>62</v>
      </c>
    </row>
    <row r="1760" spans="1:57" x14ac:dyDescent="0.3">
      <c r="A1760" t="s">
        <v>6727</v>
      </c>
      <c r="B1760">
        <v>507</v>
      </c>
      <c r="C1760" t="s">
        <v>6728</v>
      </c>
      <c r="D1760" t="s">
        <v>6729</v>
      </c>
      <c r="E1760" t="s">
        <v>115</v>
      </c>
      <c r="F1760">
        <v>528</v>
      </c>
      <c r="G1760">
        <v>129.75189393939391</v>
      </c>
      <c r="H1760">
        <v>132.5</v>
      </c>
      <c r="I1760">
        <v>5626.4441252008719</v>
      </c>
      <c r="J1760">
        <v>75.00962688349324</v>
      </c>
      <c r="K1760">
        <v>-6.354413092523753E-2</v>
      </c>
      <c r="L1760">
        <v>-1.2326874125920051</v>
      </c>
      <c r="M1760">
        <v>7.6641910967774853</v>
      </c>
      <c r="N1760">
        <v>6</v>
      </c>
      <c r="O1760">
        <v>1</v>
      </c>
      <c r="P1760">
        <v>5</v>
      </c>
      <c r="Q1760">
        <v>1.182745461821036</v>
      </c>
      <c r="R1760">
        <v>5.3124124500039613</v>
      </c>
      <c r="S1760">
        <v>2</v>
      </c>
      <c r="T1760">
        <v>1</v>
      </c>
      <c r="U1760">
        <v>1</v>
      </c>
      <c r="V1760">
        <v>6.160366334779515E-2</v>
      </c>
      <c r="W1760">
        <v>6.2619394693720256</v>
      </c>
      <c r="X1760">
        <v>1</v>
      </c>
      <c r="Y1760">
        <v>1</v>
      </c>
      <c r="Z1760">
        <v>0</v>
      </c>
      <c r="AA1760">
        <v>0</v>
      </c>
      <c r="AB1760">
        <v>6.2653012127377092</v>
      </c>
      <c r="AC1760">
        <v>1</v>
      </c>
      <c r="AD1760">
        <v>1</v>
      </c>
      <c r="AE1760">
        <v>0</v>
      </c>
      <c r="AF1760">
        <v>0</v>
      </c>
      <c r="AG1760">
        <v>6.2633982625916236</v>
      </c>
      <c r="AH1760">
        <v>9.1637244871640971E-3</v>
      </c>
      <c r="AI1760">
        <v>-3.8730286596478952E-2</v>
      </c>
      <c r="AJ1760">
        <v>-5.9001607948877093E-2</v>
      </c>
      <c r="AK1760">
        <v>2.43508177521327E-2</v>
      </c>
      <c r="AL1760">
        <v>1641.965479353448</v>
      </c>
      <c r="AM1760">
        <v>3027.1908371643181</v>
      </c>
      <c r="AN1760">
        <v>68509</v>
      </c>
      <c r="AO1760">
        <v>82.060521233957473</v>
      </c>
      <c r="AP1760">
        <v>1497.4819569545591</v>
      </c>
      <c r="AQ1760">
        <v>1.043560606060606</v>
      </c>
      <c r="AR1760">
        <v>4.0435606060606064</v>
      </c>
      <c r="AS1760">
        <v>527</v>
      </c>
      <c r="AT1760">
        <v>141.375</v>
      </c>
      <c r="AU1760">
        <v>2.9968805704099821E-2</v>
      </c>
      <c r="AV1760">
        <v>9.1644206603954583E-3</v>
      </c>
      <c r="AW1760">
        <v>0.34469696969696972</v>
      </c>
      <c r="AX1760">
        <v>85.18975332068311</v>
      </c>
      <c r="AY1760">
        <v>67</v>
      </c>
      <c r="AZ1760">
        <v>133.25</v>
      </c>
      <c r="BA1760">
        <v>0.57810043927782384</v>
      </c>
      <c r="BB1760">
        <v>0.51136363636363635</v>
      </c>
      <c r="BC1760">
        <v>5.0590594380591236</v>
      </c>
      <c r="BD1760" t="s">
        <v>6730</v>
      </c>
      <c r="BE1760" t="s">
        <v>62</v>
      </c>
    </row>
    <row r="1761" spans="1:57" x14ac:dyDescent="0.3">
      <c r="A1761" t="s">
        <v>6731</v>
      </c>
      <c r="B1761">
        <v>1321</v>
      </c>
      <c r="C1761" t="s">
        <v>6732</v>
      </c>
      <c r="D1761" t="s">
        <v>6733</v>
      </c>
      <c r="E1761" t="s">
        <v>66</v>
      </c>
      <c r="F1761">
        <v>71</v>
      </c>
      <c r="G1761">
        <v>131.38028169014081</v>
      </c>
      <c r="H1761">
        <v>128</v>
      </c>
      <c r="I1761">
        <v>5718.4891886530468</v>
      </c>
      <c r="J1761">
        <v>75.620692860175822</v>
      </c>
      <c r="K1761">
        <v>2.6342781355385241E-2</v>
      </c>
      <c r="L1761">
        <v>-1.276496536575513</v>
      </c>
      <c r="M1761">
        <v>5.7729177180657567</v>
      </c>
      <c r="N1761">
        <v>3</v>
      </c>
      <c r="O1761">
        <v>1</v>
      </c>
      <c r="P1761">
        <v>2</v>
      </c>
      <c r="Q1761">
        <v>0.45648973430599049</v>
      </c>
      <c r="R1761">
        <v>4.0014816398818356</v>
      </c>
      <c r="S1761">
        <v>1</v>
      </c>
      <c r="T1761">
        <v>1</v>
      </c>
      <c r="U1761">
        <v>0</v>
      </c>
      <c r="V1761">
        <v>0</v>
      </c>
      <c r="W1761">
        <v>4.2484952420493576</v>
      </c>
      <c r="X1761">
        <v>1</v>
      </c>
      <c r="Y1761">
        <v>1</v>
      </c>
      <c r="Z1761">
        <v>0</v>
      </c>
      <c r="AA1761">
        <v>0</v>
      </c>
      <c r="AB1761">
        <v>4.2341065045972579</v>
      </c>
      <c r="AC1761">
        <v>1</v>
      </c>
      <c r="AD1761">
        <v>1</v>
      </c>
      <c r="AE1761">
        <v>0</v>
      </c>
      <c r="AF1761">
        <v>0</v>
      </c>
      <c r="AG1761">
        <v>4.2195077051761087</v>
      </c>
      <c r="AH1761">
        <v>-6.2838960300985996E-3</v>
      </c>
      <c r="AI1761">
        <v>-3.5959828888016111E-2</v>
      </c>
      <c r="AJ1761">
        <v>-0.13197537057840719</v>
      </c>
      <c r="AK1761">
        <v>-0.2299808080693069</v>
      </c>
      <c r="AL1761">
        <v>691.89330063741249</v>
      </c>
      <c r="AM1761">
        <v>1073.690672648816</v>
      </c>
      <c r="AN1761">
        <v>9328</v>
      </c>
      <c r="AO1761">
        <v>89.737606482087159</v>
      </c>
      <c r="AP1761">
        <v>528.48654702395481</v>
      </c>
      <c r="AQ1761">
        <v>1.323943661971831</v>
      </c>
      <c r="AR1761">
        <v>4.070422535211268</v>
      </c>
      <c r="AS1761">
        <v>71</v>
      </c>
      <c r="AT1761">
        <v>9.8732394366197163</v>
      </c>
      <c r="AU1761">
        <v>0.1012850008417036</v>
      </c>
      <c r="AV1761">
        <v>-6.0950906785241944E-3</v>
      </c>
      <c r="AW1761">
        <v>0.38028169014084512</v>
      </c>
      <c r="AX1761">
        <v>85.871428571428567</v>
      </c>
      <c r="AY1761">
        <v>69</v>
      </c>
      <c r="AZ1761">
        <v>133.5</v>
      </c>
      <c r="BA1761">
        <v>0.57558632001205878</v>
      </c>
      <c r="BB1761">
        <v>0.47887323943661969</v>
      </c>
      <c r="BC1761">
        <v>4.0504531904608037</v>
      </c>
      <c r="BD1761" t="s">
        <v>6734</v>
      </c>
      <c r="BE1761" t="s">
        <v>68</v>
      </c>
    </row>
    <row r="1762" spans="1:57" x14ac:dyDescent="0.3">
      <c r="A1762" t="s">
        <v>6735</v>
      </c>
      <c r="B1762">
        <v>1045</v>
      </c>
      <c r="C1762" t="s">
        <v>6736</v>
      </c>
      <c r="D1762" t="s">
        <v>6737</v>
      </c>
      <c r="E1762" t="s">
        <v>98</v>
      </c>
      <c r="F1762">
        <v>16</v>
      </c>
      <c r="G1762">
        <v>118.5625</v>
      </c>
      <c r="H1762">
        <v>120.5</v>
      </c>
      <c r="I1762">
        <v>5754.12109375</v>
      </c>
      <c r="J1762">
        <v>75.855923260810684</v>
      </c>
      <c r="K1762">
        <v>0.1065480917119961</v>
      </c>
      <c r="L1762">
        <v>-1.0760940276631381</v>
      </c>
      <c r="M1762">
        <v>4</v>
      </c>
      <c r="N1762">
        <v>1</v>
      </c>
      <c r="O1762">
        <v>1</v>
      </c>
      <c r="P1762">
        <v>0</v>
      </c>
      <c r="Q1762">
        <v>0</v>
      </c>
      <c r="R1762">
        <v>2.7725887222397811</v>
      </c>
      <c r="S1762">
        <v>1</v>
      </c>
      <c r="T1762">
        <v>1</v>
      </c>
      <c r="U1762">
        <v>0</v>
      </c>
      <c r="V1762">
        <v>0</v>
      </c>
      <c r="W1762">
        <v>2.7080502011022101</v>
      </c>
      <c r="X1762">
        <v>1</v>
      </c>
      <c r="Y1762">
        <v>1</v>
      </c>
      <c r="Z1762">
        <v>0</v>
      </c>
      <c r="AA1762">
        <v>0</v>
      </c>
      <c r="AB1762">
        <v>2.639057329615258</v>
      </c>
      <c r="AC1762">
        <v>1</v>
      </c>
      <c r="AD1762">
        <v>1</v>
      </c>
      <c r="AE1762">
        <v>0</v>
      </c>
      <c r="AF1762">
        <v>0</v>
      </c>
      <c r="AG1762">
        <v>2.5649493574615372</v>
      </c>
      <c r="AH1762">
        <v>-0.1573539769390824</v>
      </c>
      <c r="AI1762">
        <v>-9.9138949326399897E-2</v>
      </c>
      <c r="AJ1762">
        <v>-4.543707634813364E-2</v>
      </c>
      <c r="AK1762">
        <v>-0.21347242635203709</v>
      </c>
      <c r="AL1762">
        <v>386.91530447104321</v>
      </c>
      <c r="AM1762">
        <v>408.99333388953897</v>
      </c>
      <c r="AN1762">
        <v>1897</v>
      </c>
      <c r="AO1762">
        <v>116.08618574965109</v>
      </c>
      <c r="AP1762">
        <v>290.54672085695842</v>
      </c>
      <c r="AQ1762">
        <v>2.25</v>
      </c>
      <c r="AR1762">
        <v>3.6875</v>
      </c>
      <c r="AS1762">
        <v>16</v>
      </c>
      <c r="AT1762">
        <v>0</v>
      </c>
      <c r="AU1762">
        <v>0.1217369477911646</v>
      </c>
      <c r="AV1762">
        <v>-0.15988441153427149</v>
      </c>
      <c r="AW1762">
        <v>0.3125</v>
      </c>
      <c r="AX1762">
        <v>93.533333333333331</v>
      </c>
      <c r="AY1762">
        <v>55</v>
      </c>
      <c r="AZ1762">
        <v>113</v>
      </c>
      <c r="BA1762">
        <v>0.63979692787188769</v>
      </c>
      <c r="BB1762">
        <v>0.5</v>
      </c>
      <c r="BC1762">
        <v>2.7080502011022101</v>
      </c>
      <c r="BD1762" t="s">
        <v>6736</v>
      </c>
      <c r="BE1762" t="s">
        <v>62</v>
      </c>
    </row>
    <row r="1763" spans="1:57" x14ac:dyDescent="0.3">
      <c r="A1763" t="s">
        <v>6738</v>
      </c>
      <c r="B1763">
        <v>2033</v>
      </c>
      <c r="C1763" t="s">
        <v>6739</v>
      </c>
      <c r="D1763" t="s">
        <v>6740</v>
      </c>
      <c r="E1763" t="s">
        <v>115</v>
      </c>
      <c r="F1763">
        <v>2087</v>
      </c>
      <c r="G1763">
        <v>127.4873023478678</v>
      </c>
      <c r="H1763">
        <v>126</v>
      </c>
      <c r="I1763">
        <v>5191.875138242558</v>
      </c>
      <c r="J1763">
        <v>72.054667706142112</v>
      </c>
      <c r="K1763">
        <v>1.7335594884170431E-2</v>
      </c>
      <c r="L1763">
        <v>-1.1566304302044701</v>
      </c>
      <c r="M1763">
        <v>7.9014095661542374</v>
      </c>
      <c r="N1763">
        <v>17</v>
      </c>
      <c r="O1763">
        <v>1</v>
      </c>
      <c r="P1763">
        <v>16</v>
      </c>
      <c r="Q1763">
        <v>2.9587387738419788</v>
      </c>
      <c r="R1763">
        <v>5.4768397632291883</v>
      </c>
      <c r="S1763">
        <v>2</v>
      </c>
      <c r="T1763">
        <v>1</v>
      </c>
      <c r="U1763">
        <v>1</v>
      </c>
      <c r="V1763">
        <v>0.1158461657546014</v>
      </c>
      <c r="W1763">
        <v>7.6243956575591092</v>
      </c>
      <c r="X1763">
        <v>1</v>
      </c>
      <c r="Y1763">
        <v>1</v>
      </c>
      <c r="Z1763">
        <v>0</v>
      </c>
      <c r="AA1763">
        <v>0</v>
      </c>
      <c r="AB1763">
        <v>7.642524134232902</v>
      </c>
      <c r="AC1763">
        <v>1</v>
      </c>
      <c r="AD1763">
        <v>1</v>
      </c>
      <c r="AE1763">
        <v>0</v>
      </c>
      <c r="AF1763">
        <v>0</v>
      </c>
      <c r="AG1763">
        <v>7.6420444028732568</v>
      </c>
      <c r="AH1763">
        <v>6.4623694004403093E-3</v>
      </c>
      <c r="AI1763">
        <v>-2.184688226347432E-2</v>
      </c>
      <c r="AJ1763">
        <v>-1.758624838217028E-2</v>
      </c>
      <c r="AK1763">
        <v>1.8403918695718509E-2</v>
      </c>
      <c r="AL1763">
        <v>3047.900915379736</v>
      </c>
      <c r="AM1763">
        <v>5955.315273772444</v>
      </c>
      <c r="AN1763">
        <v>266066</v>
      </c>
      <c r="AO1763">
        <v>88.529236453617031</v>
      </c>
      <c r="AP1763">
        <v>2757.455282871194</v>
      </c>
      <c r="AQ1763">
        <v>1.0110206037374221</v>
      </c>
      <c r="AR1763">
        <v>4.0234786775275513</v>
      </c>
      <c r="AS1763">
        <v>2075</v>
      </c>
      <c r="AT1763">
        <v>274.89746046957362</v>
      </c>
      <c r="AU1763">
        <v>1.944624519668911E-2</v>
      </c>
      <c r="AV1763">
        <v>6.468849652159739E-3</v>
      </c>
      <c r="AW1763">
        <v>0.392908481073311</v>
      </c>
      <c r="AX1763">
        <v>82.952540747842761</v>
      </c>
      <c r="AY1763">
        <v>62</v>
      </c>
      <c r="AZ1763">
        <v>124</v>
      </c>
      <c r="BA1763">
        <v>0.56519093571789925</v>
      </c>
      <c r="BB1763">
        <v>0.49161475802587451</v>
      </c>
      <c r="BC1763">
        <v>5.2631787236030956</v>
      </c>
      <c r="BD1763" t="s">
        <v>6741</v>
      </c>
      <c r="BE1763" t="s">
        <v>68</v>
      </c>
    </row>
    <row r="1764" spans="1:57" x14ac:dyDescent="0.3">
      <c r="A1764" t="s">
        <v>6742</v>
      </c>
      <c r="B1764">
        <v>1710</v>
      </c>
      <c r="C1764" t="s">
        <v>6743</v>
      </c>
      <c r="D1764" t="s">
        <v>6744</v>
      </c>
      <c r="E1764" t="s">
        <v>106</v>
      </c>
      <c r="F1764">
        <v>1728</v>
      </c>
      <c r="G1764">
        <v>127.8072916666667</v>
      </c>
      <c r="H1764">
        <v>129.5</v>
      </c>
      <c r="I1764">
        <v>5618.7157570167828</v>
      </c>
      <c r="J1764">
        <v>74.958093338990309</v>
      </c>
      <c r="K1764">
        <v>-5.1954717459409393E-3</v>
      </c>
      <c r="L1764">
        <v>-1.2061005613762379</v>
      </c>
      <c r="M1764">
        <v>7.882218182238045</v>
      </c>
      <c r="N1764">
        <v>14</v>
      </c>
      <c r="O1764">
        <v>1</v>
      </c>
      <c r="P1764">
        <v>13</v>
      </c>
      <c r="Q1764">
        <v>2.689679348918752</v>
      </c>
      <c r="R1764">
        <v>5.4635373095766413</v>
      </c>
      <c r="S1764">
        <v>3</v>
      </c>
      <c r="T1764">
        <v>1</v>
      </c>
      <c r="U1764">
        <v>2</v>
      </c>
      <c r="V1764">
        <v>0.1076653013458163</v>
      </c>
      <c r="W1764">
        <v>7.4393891692619523</v>
      </c>
      <c r="X1764">
        <v>1</v>
      </c>
      <c r="Y1764">
        <v>1</v>
      </c>
      <c r="Z1764">
        <v>0</v>
      </c>
      <c r="AA1764">
        <v>0</v>
      </c>
      <c r="AB1764">
        <v>7.4535618716433749</v>
      </c>
      <c r="AC1764">
        <v>1</v>
      </c>
      <c r="AD1764">
        <v>1</v>
      </c>
      <c r="AE1764">
        <v>0</v>
      </c>
      <c r="AF1764">
        <v>0</v>
      </c>
      <c r="AG1764">
        <v>7.4529823294654616</v>
      </c>
      <c r="AH1764">
        <v>-3.9309048748108677E-3</v>
      </c>
      <c r="AI1764">
        <v>-4.2032980607771414E-3</v>
      </c>
      <c r="AJ1764">
        <v>2.867315713055256E-2</v>
      </c>
      <c r="AK1764">
        <v>-1.586592728786617E-2</v>
      </c>
      <c r="AL1764">
        <v>2880.1823587033991</v>
      </c>
      <c r="AM1764">
        <v>5444.2684155553652</v>
      </c>
      <c r="AN1764">
        <v>220851</v>
      </c>
      <c r="AO1764">
        <v>62.226420232570753</v>
      </c>
      <c r="AP1764">
        <v>2611.5146138129339</v>
      </c>
      <c r="AQ1764">
        <v>1.0133101851851849</v>
      </c>
      <c r="AR1764">
        <v>4.0011574074074074</v>
      </c>
      <c r="AS1764">
        <v>1722</v>
      </c>
      <c r="AT1764">
        <v>274.37037037037038</v>
      </c>
      <c r="AU1764">
        <v>1.743600217864916E-2</v>
      </c>
      <c r="AV1764">
        <v>-3.9321370345801422E-3</v>
      </c>
      <c r="AW1764">
        <v>0.35648148148148151</v>
      </c>
      <c r="AX1764">
        <v>86.40880138969311</v>
      </c>
      <c r="AY1764">
        <v>65.5</v>
      </c>
      <c r="AZ1764">
        <v>129</v>
      </c>
      <c r="BA1764">
        <v>0.58649308941220668</v>
      </c>
      <c r="BB1764">
        <v>0.50752314814814814</v>
      </c>
      <c r="BC1764">
        <v>5.2912143337988988</v>
      </c>
      <c r="BD1764" t="s">
        <v>6745</v>
      </c>
      <c r="BE1764" t="s">
        <v>62</v>
      </c>
    </row>
    <row r="1765" spans="1:57" x14ac:dyDescent="0.3">
      <c r="A1765" t="s">
        <v>6746</v>
      </c>
      <c r="B1765">
        <v>1113</v>
      </c>
      <c r="C1765" t="s">
        <v>6747</v>
      </c>
      <c r="D1765" t="s">
        <v>6748</v>
      </c>
      <c r="E1765" t="s">
        <v>115</v>
      </c>
      <c r="F1765">
        <v>1153</v>
      </c>
      <c r="G1765">
        <v>130.18039895923681</v>
      </c>
      <c r="H1765">
        <v>129</v>
      </c>
      <c r="I1765">
        <v>5491.4470746023226</v>
      </c>
      <c r="J1765">
        <v>74.104298624319512</v>
      </c>
      <c r="K1765">
        <v>-3.0806665107609931E-3</v>
      </c>
      <c r="L1765">
        <v>-1.2177404127913289</v>
      </c>
      <c r="M1765">
        <v>7.8157886658449343</v>
      </c>
      <c r="N1765">
        <v>13</v>
      </c>
      <c r="O1765">
        <v>1</v>
      </c>
      <c r="P1765">
        <v>12</v>
      </c>
      <c r="Q1765">
        <v>2.1298016300243159</v>
      </c>
      <c r="R1765">
        <v>5.4174918775827914</v>
      </c>
      <c r="S1765">
        <v>2</v>
      </c>
      <c r="T1765">
        <v>1</v>
      </c>
      <c r="U1765">
        <v>1</v>
      </c>
      <c r="V1765">
        <v>8.8385607561589169E-2</v>
      </c>
      <c r="W1765">
        <v>7.0384244165595859</v>
      </c>
      <c r="X1765">
        <v>1</v>
      </c>
      <c r="Y1765">
        <v>1</v>
      </c>
      <c r="Z1765">
        <v>0</v>
      </c>
      <c r="AA1765">
        <v>0</v>
      </c>
      <c r="AB1765">
        <v>7.0483864087218819</v>
      </c>
      <c r="AC1765">
        <v>1</v>
      </c>
      <c r="AD1765">
        <v>1</v>
      </c>
      <c r="AE1765">
        <v>0</v>
      </c>
      <c r="AF1765">
        <v>0</v>
      </c>
      <c r="AG1765">
        <v>7.0475172213572961</v>
      </c>
      <c r="AH1765">
        <v>-8.8856470418504901E-3</v>
      </c>
      <c r="AI1765">
        <v>-1.3691132035832859E-2</v>
      </c>
      <c r="AJ1765">
        <v>-3.315850837017123E-2</v>
      </c>
      <c r="AK1765">
        <v>3.9210850880424863E-2</v>
      </c>
      <c r="AL1765">
        <v>2364.108005473583</v>
      </c>
      <c r="AM1765">
        <v>4503.604038817768</v>
      </c>
      <c r="AN1765">
        <v>150098</v>
      </c>
      <c r="AO1765">
        <v>81.648513802149282</v>
      </c>
      <c r="AP1765">
        <v>2095.1383544022292</v>
      </c>
      <c r="AQ1765">
        <v>1.019947961838682</v>
      </c>
      <c r="AR1765">
        <v>4.0173460537727674</v>
      </c>
      <c r="AS1765">
        <v>1146</v>
      </c>
      <c r="AT1765">
        <v>247.85429314830881</v>
      </c>
      <c r="AU1765">
        <v>2.53558491913678E-2</v>
      </c>
      <c r="AV1765">
        <v>-8.8858602337668468E-3</v>
      </c>
      <c r="AW1765">
        <v>0.37901127493495229</v>
      </c>
      <c r="AX1765">
        <v>86.2265625</v>
      </c>
      <c r="AY1765">
        <v>65</v>
      </c>
      <c r="AZ1765">
        <v>130</v>
      </c>
      <c r="BA1765">
        <v>0.56924313657637271</v>
      </c>
      <c r="BB1765">
        <v>0.49436253252385082</v>
      </c>
      <c r="BC1765">
        <v>5.2566470738780131</v>
      </c>
      <c r="BD1765" t="s">
        <v>6749</v>
      </c>
      <c r="BE1765" t="s">
        <v>68</v>
      </c>
    </row>
    <row r="1766" spans="1:57" x14ac:dyDescent="0.3">
      <c r="A1766" t="s">
        <v>6750</v>
      </c>
      <c r="B1766">
        <v>759</v>
      </c>
      <c r="C1766" t="s">
        <v>6751</v>
      </c>
      <c r="D1766" t="s">
        <v>6752</v>
      </c>
      <c r="E1766" t="s">
        <v>72</v>
      </c>
      <c r="F1766">
        <v>760</v>
      </c>
      <c r="G1766">
        <v>125.0552631578947</v>
      </c>
      <c r="H1766">
        <v>124.5</v>
      </c>
      <c r="I1766">
        <v>5218.7469459833792</v>
      </c>
      <c r="J1766">
        <v>72.240895246275699</v>
      </c>
      <c r="K1766">
        <v>2.1615543625413468E-2</v>
      </c>
      <c r="L1766">
        <v>-1.169290223651362</v>
      </c>
      <c r="M1766">
        <v>7.7607694942032976</v>
      </c>
      <c r="N1766">
        <v>7</v>
      </c>
      <c r="O1766">
        <v>1</v>
      </c>
      <c r="P1766">
        <v>6</v>
      </c>
      <c r="Q1766">
        <v>1.515160097409844</v>
      </c>
      <c r="R1766">
        <v>5.3793554938826471</v>
      </c>
      <c r="S1766">
        <v>2</v>
      </c>
      <c r="T1766">
        <v>1</v>
      </c>
      <c r="U1766">
        <v>1</v>
      </c>
      <c r="V1766">
        <v>7.259438201877999E-2</v>
      </c>
      <c r="W1766">
        <v>6.624695878259292</v>
      </c>
      <c r="X1766">
        <v>1</v>
      </c>
      <c r="Y1766">
        <v>1</v>
      </c>
      <c r="Z1766">
        <v>0</v>
      </c>
      <c r="AA1766">
        <v>0</v>
      </c>
      <c r="AB1766">
        <v>6.6306833856423726</v>
      </c>
      <c r="AC1766">
        <v>1</v>
      </c>
      <c r="AD1766">
        <v>1</v>
      </c>
      <c r="AE1766">
        <v>0</v>
      </c>
      <c r="AF1766">
        <v>0</v>
      </c>
      <c r="AG1766">
        <v>6.6293632534374476</v>
      </c>
      <c r="AH1766">
        <v>-2.0313763880946849E-2</v>
      </c>
      <c r="AI1766">
        <v>8.3303830187902474E-3</v>
      </c>
      <c r="AJ1766">
        <v>8.9924707673147784E-3</v>
      </c>
      <c r="AK1766">
        <v>6.4979716825748213E-2</v>
      </c>
      <c r="AL1766">
        <v>1894.0310148999749</v>
      </c>
      <c r="AM1766">
        <v>3502.0560410417429</v>
      </c>
      <c r="AN1766">
        <v>95042</v>
      </c>
      <c r="AO1766">
        <v>222.51535581164649</v>
      </c>
      <c r="AP1766">
        <v>1708.551803608709</v>
      </c>
      <c r="AQ1766">
        <v>1.030263157894737</v>
      </c>
      <c r="AR1766">
        <v>3.9605263157894739</v>
      </c>
      <c r="AS1766">
        <v>759</v>
      </c>
      <c r="AT1766">
        <v>181.31578947368419</v>
      </c>
      <c r="AU1766">
        <v>3.0288957688338499E-2</v>
      </c>
      <c r="AV1766">
        <v>-2.036240559646375E-2</v>
      </c>
      <c r="AW1766">
        <v>0.38026315789473691</v>
      </c>
      <c r="AX1766">
        <v>83.710144927536234</v>
      </c>
      <c r="AY1766">
        <v>60.5</v>
      </c>
      <c r="AZ1766">
        <v>120</v>
      </c>
      <c r="BA1766">
        <v>0.57767177024020466</v>
      </c>
      <c r="BB1766">
        <v>0.49473684210526309</v>
      </c>
      <c r="BC1766">
        <v>5.1659564737652959</v>
      </c>
      <c r="BD1766" t="s">
        <v>6753</v>
      </c>
      <c r="BE1766" t="s">
        <v>68</v>
      </c>
    </row>
    <row r="1767" spans="1:57" x14ac:dyDescent="0.3">
      <c r="A1767" t="s">
        <v>6754</v>
      </c>
      <c r="B1767">
        <v>3000</v>
      </c>
      <c r="C1767" t="s">
        <v>6755</v>
      </c>
      <c r="D1767" t="s">
        <v>6756</v>
      </c>
      <c r="E1767" t="s">
        <v>10622</v>
      </c>
      <c r="F1767">
        <v>64</v>
      </c>
      <c r="G1767">
        <v>119.625</v>
      </c>
      <c r="H1767">
        <v>112</v>
      </c>
      <c r="I1767">
        <v>7244.671875</v>
      </c>
      <c r="J1767">
        <v>85.115638251733742</v>
      </c>
      <c r="K1767">
        <v>0.1705660348844342</v>
      </c>
      <c r="L1767">
        <v>-1.410764885661536</v>
      </c>
      <c r="M1767">
        <v>5.738204882778696</v>
      </c>
      <c r="N1767">
        <v>3</v>
      </c>
      <c r="O1767">
        <v>1</v>
      </c>
      <c r="P1767">
        <v>2</v>
      </c>
      <c r="Q1767">
        <v>0.3976974544878587</v>
      </c>
      <c r="R1767">
        <v>3.9774205359733639</v>
      </c>
      <c r="S1767">
        <v>1</v>
      </c>
      <c r="T1767">
        <v>1</v>
      </c>
      <c r="U1767">
        <v>0</v>
      </c>
      <c r="V1767">
        <v>0</v>
      </c>
      <c r="W1767">
        <v>4.1431347263915326</v>
      </c>
      <c r="X1767">
        <v>1</v>
      </c>
      <c r="Y1767">
        <v>1</v>
      </c>
      <c r="Z1767">
        <v>0</v>
      </c>
      <c r="AA1767">
        <v>0</v>
      </c>
      <c r="AB1767">
        <v>4.1271343850450908</v>
      </c>
      <c r="AC1767">
        <v>1</v>
      </c>
      <c r="AD1767">
        <v>1</v>
      </c>
      <c r="AE1767">
        <v>0</v>
      </c>
      <c r="AF1767">
        <v>0</v>
      </c>
      <c r="AG1767">
        <v>4.1108738641733096</v>
      </c>
      <c r="AH1767">
        <v>-0.1047777367095214</v>
      </c>
      <c r="AI1767">
        <v>-0.22424487877944779</v>
      </c>
      <c r="AJ1767">
        <v>-0.1483529989173078</v>
      </c>
      <c r="AK1767">
        <v>3.0304261860548382E-2</v>
      </c>
      <c r="AL1767">
        <v>682.10923960037451</v>
      </c>
      <c r="AM1767">
        <v>956.15636025275649</v>
      </c>
      <c r="AN1767">
        <v>7656</v>
      </c>
      <c r="AO1767">
        <v>46.444074082874273</v>
      </c>
      <c r="AP1767">
        <v>502.92777126872858</v>
      </c>
      <c r="AQ1767">
        <v>1.359375</v>
      </c>
      <c r="AR1767">
        <v>4.078125</v>
      </c>
      <c r="AS1767">
        <v>64</v>
      </c>
      <c r="AT1767">
        <v>7.7499999999999991</v>
      </c>
      <c r="AU1767">
        <v>0.1542814960629921</v>
      </c>
      <c r="AV1767">
        <v>-0.10541025064659949</v>
      </c>
      <c r="AW1767">
        <v>0.359375</v>
      </c>
      <c r="AX1767">
        <v>105.26984126984129</v>
      </c>
      <c r="AY1767">
        <v>74.5</v>
      </c>
      <c r="AZ1767">
        <v>146.75</v>
      </c>
      <c r="BA1767">
        <v>0.7115204869528422</v>
      </c>
      <c r="BB1767">
        <v>0.46875</v>
      </c>
      <c r="BC1767">
        <v>3.9670973472017059</v>
      </c>
      <c r="BD1767" t="s">
        <v>6757</v>
      </c>
      <c r="BE1767" t="s">
        <v>62</v>
      </c>
    </row>
    <row r="1768" spans="1:57" x14ac:dyDescent="0.3">
      <c r="A1768" t="s">
        <v>6758</v>
      </c>
      <c r="B1768">
        <v>3377</v>
      </c>
      <c r="C1768" t="s">
        <v>6759</v>
      </c>
      <c r="D1768" t="s">
        <v>6760</v>
      </c>
      <c r="E1768" t="s">
        <v>10622</v>
      </c>
      <c r="F1768">
        <v>64</v>
      </c>
      <c r="G1768">
        <v>149.078125</v>
      </c>
      <c r="H1768">
        <v>157</v>
      </c>
      <c r="I1768">
        <v>5795.915771484375</v>
      </c>
      <c r="J1768">
        <v>76.130912062606839</v>
      </c>
      <c r="K1768">
        <v>-0.35517348386252151</v>
      </c>
      <c r="L1768">
        <v>-1.147334073319048</v>
      </c>
      <c r="M1768">
        <v>5.75</v>
      </c>
      <c r="N1768">
        <v>2</v>
      </c>
      <c r="O1768">
        <v>1</v>
      </c>
      <c r="P1768">
        <v>1</v>
      </c>
      <c r="Q1768">
        <v>0.34992710611188271</v>
      </c>
      <c r="R1768">
        <v>3.985596288219686</v>
      </c>
      <c r="S1768">
        <v>1</v>
      </c>
      <c r="T1768">
        <v>1</v>
      </c>
      <c r="U1768">
        <v>0</v>
      </c>
      <c r="V1768">
        <v>0</v>
      </c>
      <c r="W1768">
        <v>4.1431347263915326</v>
      </c>
      <c r="X1768">
        <v>1</v>
      </c>
      <c r="Y1768">
        <v>1</v>
      </c>
      <c r="Z1768">
        <v>0</v>
      </c>
      <c r="AA1768">
        <v>0</v>
      </c>
      <c r="AB1768">
        <v>4.1271343850450908</v>
      </c>
      <c r="AC1768">
        <v>1</v>
      </c>
      <c r="AD1768">
        <v>1</v>
      </c>
      <c r="AE1768">
        <v>0</v>
      </c>
      <c r="AF1768">
        <v>0</v>
      </c>
      <c r="AG1768">
        <v>4.1108738641733096</v>
      </c>
      <c r="AH1768">
        <v>-1.149454821028126E-2</v>
      </c>
      <c r="AI1768">
        <v>-5.6404581993457388E-2</v>
      </c>
      <c r="AJ1768">
        <v>2.122656022701027E-2</v>
      </c>
      <c r="AK1768">
        <v>1.341272710389114E-2</v>
      </c>
      <c r="AL1768">
        <v>685.33645758912098</v>
      </c>
      <c r="AM1768">
        <v>1150.4811775510259</v>
      </c>
      <c r="AN1768">
        <v>9541</v>
      </c>
      <c r="AO1768">
        <v>85.330275230384302</v>
      </c>
      <c r="AP1768">
        <v>557.91286936635254</v>
      </c>
      <c r="AQ1768">
        <v>1.359375</v>
      </c>
      <c r="AR1768">
        <v>4.453125</v>
      </c>
      <c r="AS1768">
        <v>63</v>
      </c>
      <c r="AT1768">
        <v>5.9999999999999982</v>
      </c>
      <c r="AU1768">
        <v>0.15900735294117649</v>
      </c>
      <c r="AV1768">
        <v>-1.225667441356015E-2</v>
      </c>
      <c r="AW1768">
        <v>0.34375</v>
      </c>
      <c r="AX1768">
        <v>85.523809523809518</v>
      </c>
      <c r="AY1768">
        <v>65</v>
      </c>
      <c r="AZ1768">
        <v>132.25</v>
      </c>
      <c r="BA1768">
        <v>0.51067795535130889</v>
      </c>
      <c r="BB1768">
        <v>0.515625</v>
      </c>
      <c r="BC1768">
        <v>3.8844722778225189</v>
      </c>
      <c r="BD1768" t="s">
        <v>6761</v>
      </c>
      <c r="BE1768" t="s">
        <v>62</v>
      </c>
    </row>
    <row r="1769" spans="1:57" x14ac:dyDescent="0.3">
      <c r="A1769" t="s">
        <v>6762</v>
      </c>
      <c r="B1769">
        <v>3032</v>
      </c>
      <c r="C1769" t="s">
        <v>6763</v>
      </c>
      <c r="D1769" t="s">
        <v>6764</v>
      </c>
      <c r="E1769" t="s">
        <v>93</v>
      </c>
      <c r="F1769">
        <v>3034</v>
      </c>
      <c r="G1769">
        <v>128.02603823335531</v>
      </c>
      <c r="H1769">
        <v>129</v>
      </c>
      <c r="I1769">
        <v>5419.6944439616236</v>
      </c>
      <c r="J1769">
        <v>73.6185740418926</v>
      </c>
      <c r="K1769">
        <v>-1.3469236763766291E-2</v>
      </c>
      <c r="L1769">
        <v>-1.1975370832914369</v>
      </c>
      <c r="M1769">
        <v>7.9457404702617369</v>
      </c>
      <c r="N1769">
        <v>22</v>
      </c>
      <c r="O1769">
        <v>4</v>
      </c>
      <c r="P1769">
        <v>18</v>
      </c>
      <c r="Q1769">
        <v>3.1895577763373009</v>
      </c>
      <c r="R1769">
        <v>5.5075676044229898</v>
      </c>
      <c r="S1769">
        <v>2</v>
      </c>
      <c r="T1769">
        <v>1</v>
      </c>
      <c r="U1769">
        <v>1</v>
      </c>
      <c r="V1769">
        <v>0.1429437112705603</v>
      </c>
      <c r="W1769">
        <v>7.9889691462017929</v>
      </c>
      <c r="X1769">
        <v>1</v>
      </c>
      <c r="Y1769">
        <v>1</v>
      </c>
      <c r="Z1769">
        <v>0</v>
      </c>
      <c r="AA1769">
        <v>0</v>
      </c>
      <c r="AB1769">
        <v>8.0169777467622581</v>
      </c>
      <c r="AC1769">
        <v>1</v>
      </c>
      <c r="AD1769">
        <v>1</v>
      </c>
      <c r="AE1769">
        <v>0</v>
      </c>
      <c r="AF1769">
        <v>0</v>
      </c>
      <c r="AG1769">
        <v>8.0166478770578031</v>
      </c>
      <c r="AH1769">
        <v>-2.078449437324052E-3</v>
      </c>
      <c r="AI1769">
        <v>8.2258348785611626E-3</v>
      </c>
      <c r="AJ1769">
        <v>1.5307792807955399E-2</v>
      </c>
      <c r="AK1769">
        <v>-2.1140718945451858E-2</v>
      </c>
      <c r="AL1769">
        <v>3710.586807278512</v>
      </c>
      <c r="AM1769">
        <v>7239.073182780422</v>
      </c>
      <c r="AN1769">
        <v>388431</v>
      </c>
      <c r="AO1769">
        <v>139.94556110986031</v>
      </c>
      <c r="AP1769">
        <v>3350.117855570978</v>
      </c>
      <c r="AQ1769">
        <v>1.00758075148319</v>
      </c>
      <c r="AR1769">
        <v>4.0177982860909687</v>
      </c>
      <c r="AS1769">
        <v>3024</v>
      </c>
      <c r="AT1769">
        <v>219.74818721160179</v>
      </c>
      <c r="AU1769">
        <v>1.2688872516706079E-2</v>
      </c>
      <c r="AV1769">
        <v>-2.0789163615304281E-3</v>
      </c>
      <c r="AW1769">
        <v>0.36783124588002641</v>
      </c>
      <c r="AX1769">
        <v>85.099571381470497</v>
      </c>
      <c r="AY1769">
        <v>64</v>
      </c>
      <c r="AZ1769">
        <v>126</v>
      </c>
      <c r="BA1769">
        <v>0.57502813535248765</v>
      </c>
      <c r="BB1769">
        <v>0.50230718523401452</v>
      </c>
      <c r="BC1769">
        <v>5.3118261183380433</v>
      </c>
      <c r="BD1769" t="s">
        <v>6765</v>
      </c>
      <c r="BE1769" t="s">
        <v>68</v>
      </c>
    </row>
    <row r="1770" spans="1:57" x14ac:dyDescent="0.3">
      <c r="A1770" t="s">
        <v>6766</v>
      </c>
      <c r="B1770">
        <v>639</v>
      </c>
      <c r="C1770" t="s">
        <v>6767</v>
      </c>
      <c r="D1770" t="s">
        <v>6768</v>
      </c>
      <c r="E1770" t="s">
        <v>85</v>
      </c>
      <c r="F1770">
        <v>8</v>
      </c>
      <c r="G1770">
        <v>87.25</v>
      </c>
      <c r="H1770">
        <v>86</v>
      </c>
      <c r="I1770">
        <v>5034.6875</v>
      </c>
      <c r="J1770">
        <v>70.955531849180019</v>
      </c>
      <c r="K1770">
        <v>0.25586788354821988</v>
      </c>
      <c r="L1770">
        <v>-1.1725659885281381</v>
      </c>
      <c r="M1770">
        <v>3</v>
      </c>
      <c r="N1770">
        <v>1</v>
      </c>
      <c r="O1770">
        <v>1</v>
      </c>
      <c r="P1770">
        <v>0</v>
      </c>
      <c r="Q1770">
        <v>0</v>
      </c>
      <c r="R1770">
        <v>2.0794415416798362</v>
      </c>
      <c r="S1770">
        <v>1</v>
      </c>
      <c r="T1770">
        <v>1</v>
      </c>
      <c r="U1770">
        <v>0</v>
      </c>
      <c r="V1770">
        <v>0</v>
      </c>
      <c r="W1770">
        <v>1.945910149055313</v>
      </c>
      <c r="X1770">
        <v>1</v>
      </c>
      <c r="Y1770">
        <v>1</v>
      </c>
      <c r="Z1770">
        <v>0</v>
      </c>
      <c r="AA1770">
        <v>0</v>
      </c>
      <c r="AB1770">
        <v>1.791759469228055</v>
      </c>
      <c r="AC1770">
        <v>1</v>
      </c>
      <c r="AD1770">
        <v>1</v>
      </c>
      <c r="AE1770">
        <v>0</v>
      </c>
      <c r="AF1770">
        <v>0</v>
      </c>
      <c r="AG1770">
        <v>1.6094379124341009</v>
      </c>
      <c r="AH1770">
        <v>0.48005555210725592</v>
      </c>
      <c r="AI1770">
        <v>0.15065172863261131</v>
      </c>
      <c r="AJ1770">
        <v>-0.24421358078331579</v>
      </c>
      <c r="AK1770">
        <v>0</v>
      </c>
      <c r="AL1770">
        <v>256.6669315825726</v>
      </c>
      <c r="AM1770">
        <v>187.88317176369739</v>
      </c>
      <c r="AN1770">
        <v>698</v>
      </c>
      <c r="AO1770">
        <v>104</v>
      </c>
      <c r="AP1770">
        <v>150.65855435387661</v>
      </c>
      <c r="AQ1770">
        <v>3.5</v>
      </c>
      <c r="AR1770">
        <v>3.125</v>
      </c>
      <c r="AS1770">
        <v>8</v>
      </c>
      <c r="AT1770">
        <v>0</v>
      </c>
      <c r="AU1770">
        <v>0.26016746411483249</v>
      </c>
      <c r="AV1770">
        <v>0.57044616736867915</v>
      </c>
      <c r="AW1770">
        <v>0.25</v>
      </c>
      <c r="AX1770">
        <v>65.142857142857139</v>
      </c>
      <c r="AY1770">
        <v>66</v>
      </c>
      <c r="AZ1770">
        <v>119</v>
      </c>
      <c r="BA1770">
        <v>0.81324391804217788</v>
      </c>
      <c r="BB1770">
        <v>0.375</v>
      </c>
      <c r="BC1770">
        <v>1.945910149055313</v>
      </c>
      <c r="BD1770" t="s">
        <v>6767</v>
      </c>
      <c r="BE1770" t="s">
        <v>68</v>
      </c>
    </row>
    <row r="1771" spans="1:57" x14ac:dyDescent="0.3">
      <c r="A1771" t="s">
        <v>6769</v>
      </c>
      <c r="B1771">
        <v>2020</v>
      </c>
      <c r="C1771" t="s">
        <v>6770</v>
      </c>
      <c r="D1771" t="s">
        <v>6771</v>
      </c>
      <c r="E1771" t="s">
        <v>93</v>
      </c>
      <c r="F1771">
        <v>2180</v>
      </c>
      <c r="G1771">
        <v>125.0573394495413</v>
      </c>
      <c r="H1771">
        <v>125</v>
      </c>
      <c r="I1771">
        <v>5494.4935011783518</v>
      </c>
      <c r="J1771">
        <v>74.124850766651477</v>
      </c>
      <c r="K1771">
        <v>3.103286501275463E-2</v>
      </c>
      <c r="L1771">
        <v>-1.202064155526988</v>
      </c>
      <c r="M1771">
        <v>7.902638643314841</v>
      </c>
      <c r="N1771">
        <v>18</v>
      </c>
      <c r="O1771">
        <v>1</v>
      </c>
      <c r="P1771">
        <v>17</v>
      </c>
      <c r="Q1771">
        <v>3.0948151575457619</v>
      </c>
      <c r="R1771">
        <v>5.4776916945977643</v>
      </c>
      <c r="S1771">
        <v>2</v>
      </c>
      <c r="T1771">
        <v>1</v>
      </c>
      <c r="U1771">
        <v>1</v>
      </c>
      <c r="V1771">
        <v>0.12851722726116849</v>
      </c>
      <c r="W1771">
        <v>7.6637178943754076</v>
      </c>
      <c r="X1771">
        <v>1</v>
      </c>
      <c r="Y1771">
        <v>1</v>
      </c>
      <c r="Z1771">
        <v>0</v>
      </c>
      <c r="AA1771">
        <v>0</v>
      </c>
      <c r="AB1771">
        <v>7.6861623034929067</v>
      </c>
      <c r="AC1771">
        <v>1</v>
      </c>
      <c r="AD1771">
        <v>1</v>
      </c>
      <c r="AE1771">
        <v>0</v>
      </c>
      <c r="AF1771">
        <v>0</v>
      </c>
      <c r="AG1771">
        <v>7.6857030612345456</v>
      </c>
      <c r="AH1771">
        <v>2.8719751645276001E-2</v>
      </c>
      <c r="AI1771">
        <v>-2.0985629234226959E-2</v>
      </c>
      <c r="AJ1771">
        <v>7.4396517420186907E-5</v>
      </c>
      <c r="AK1771">
        <v>-4.4692862285327602E-2</v>
      </c>
      <c r="AL1771">
        <v>3195.3617737236118</v>
      </c>
      <c r="AM1771">
        <v>5988.4402088545476</v>
      </c>
      <c r="AN1771">
        <v>272625</v>
      </c>
      <c r="AO1771">
        <v>121.1492318861675</v>
      </c>
      <c r="AP1771">
        <v>2912.697209967605</v>
      </c>
      <c r="AQ1771">
        <v>1.010550458715596</v>
      </c>
      <c r="AR1771">
        <v>3.9784403669724768</v>
      </c>
      <c r="AS1771">
        <v>2172</v>
      </c>
      <c r="AT1771">
        <v>287.93394495412849</v>
      </c>
      <c r="AU1771">
        <v>2.3070696168375589E-2</v>
      </c>
      <c r="AV1771">
        <v>2.872898785000759E-2</v>
      </c>
      <c r="AW1771">
        <v>0.3669724770642202</v>
      </c>
      <c r="AX1771">
        <v>83.741624598439657</v>
      </c>
      <c r="AY1771">
        <v>64</v>
      </c>
      <c r="AZ1771">
        <v>127</v>
      </c>
      <c r="BA1771">
        <v>0.5927269130538293</v>
      </c>
      <c r="BB1771">
        <v>0.4963302752293578</v>
      </c>
      <c r="BC1771">
        <v>5.2868096615852167</v>
      </c>
      <c r="BD1771" t="s">
        <v>6772</v>
      </c>
      <c r="BE1771" t="s">
        <v>68</v>
      </c>
    </row>
    <row r="1772" spans="1:57" x14ac:dyDescent="0.3">
      <c r="A1772" t="s">
        <v>6773</v>
      </c>
      <c r="B1772">
        <v>2623</v>
      </c>
      <c r="C1772" t="s">
        <v>6774</v>
      </c>
      <c r="D1772" t="s">
        <v>6775</v>
      </c>
      <c r="E1772" t="s">
        <v>115</v>
      </c>
      <c r="F1772">
        <v>2661</v>
      </c>
      <c r="G1772">
        <v>127.4539646749342</v>
      </c>
      <c r="H1772">
        <v>126</v>
      </c>
      <c r="I1772">
        <v>5351.3504737589928</v>
      </c>
      <c r="J1772">
        <v>73.152925257702393</v>
      </c>
      <c r="K1772">
        <v>4.4631983944260482E-2</v>
      </c>
      <c r="L1772">
        <v>-1.1699355345101909</v>
      </c>
      <c r="M1772">
        <v>7.9166601354803987</v>
      </c>
      <c r="N1772">
        <v>21</v>
      </c>
      <c r="O1772">
        <v>2</v>
      </c>
      <c r="P1772">
        <v>19</v>
      </c>
      <c r="Q1772">
        <v>3.4636236577857931</v>
      </c>
      <c r="R1772">
        <v>5.487410652359558</v>
      </c>
      <c r="S1772">
        <v>2</v>
      </c>
      <c r="T1772">
        <v>1</v>
      </c>
      <c r="U1772">
        <v>1</v>
      </c>
      <c r="V1772">
        <v>0.15139253004184069</v>
      </c>
      <c r="W1772">
        <v>7.8542904408628456</v>
      </c>
      <c r="X1772">
        <v>2</v>
      </c>
      <c r="Y1772">
        <v>1</v>
      </c>
      <c r="Z1772">
        <v>1</v>
      </c>
      <c r="AA1772">
        <v>1.9392812594221029E-2</v>
      </c>
      <c r="AB1772">
        <v>7.8851840319496294</v>
      </c>
      <c r="AC1772">
        <v>1</v>
      </c>
      <c r="AD1772">
        <v>1</v>
      </c>
      <c r="AE1772">
        <v>0</v>
      </c>
      <c r="AF1772">
        <v>0</v>
      </c>
      <c r="AG1772">
        <v>7.8853292392731911</v>
      </c>
      <c r="AH1772">
        <v>3.059722830824218E-3</v>
      </c>
      <c r="AI1772">
        <v>-1.72536465319604E-2</v>
      </c>
      <c r="AJ1772">
        <v>-6.7289452420926142E-3</v>
      </c>
      <c r="AK1772">
        <v>-2.696737137875015E-2</v>
      </c>
      <c r="AL1772">
        <v>3480.1889187702982</v>
      </c>
      <c r="AM1772">
        <v>6734.6030387594801</v>
      </c>
      <c r="AN1772">
        <v>339155</v>
      </c>
      <c r="AO1772">
        <v>71.833255975831761</v>
      </c>
      <c r="AP1772">
        <v>3196.8989670666278</v>
      </c>
      <c r="AQ1772">
        <v>1.0086433671552051</v>
      </c>
      <c r="AR1772">
        <v>4.0146561443066524</v>
      </c>
      <c r="AS1772">
        <v>2644</v>
      </c>
      <c r="AT1772">
        <v>295.45847425779777</v>
      </c>
      <c r="AU1772">
        <v>1.7123151402613002E-2</v>
      </c>
      <c r="AV1772">
        <v>3.0600957231365789E-3</v>
      </c>
      <c r="AW1772">
        <v>0.39270950770387081</v>
      </c>
      <c r="AX1772">
        <v>83.806390977443613</v>
      </c>
      <c r="AY1772">
        <v>63</v>
      </c>
      <c r="AZ1772">
        <v>125</v>
      </c>
      <c r="BA1772">
        <v>0.57395566661481046</v>
      </c>
      <c r="BB1772">
        <v>0.49116873355881252</v>
      </c>
      <c r="BC1772">
        <v>5.3002446921211259</v>
      </c>
      <c r="BD1772" t="s">
        <v>6776</v>
      </c>
      <c r="BE1772" t="s">
        <v>68</v>
      </c>
    </row>
    <row r="1773" spans="1:57" x14ac:dyDescent="0.3">
      <c r="A1773" t="s">
        <v>6777</v>
      </c>
      <c r="B1773">
        <v>3546</v>
      </c>
      <c r="C1773" t="s">
        <v>6778</v>
      </c>
      <c r="D1773" t="s">
        <v>6779</v>
      </c>
      <c r="E1773" t="s">
        <v>98</v>
      </c>
      <c r="F1773">
        <v>16</v>
      </c>
      <c r="G1773">
        <v>162.1875</v>
      </c>
      <c r="H1773">
        <v>177.5</v>
      </c>
      <c r="I1773">
        <v>5604.27734375</v>
      </c>
      <c r="J1773">
        <v>74.861721485349236</v>
      </c>
      <c r="K1773">
        <v>-0.54706917086089391</v>
      </c>
      <c r="L1773">
        <v>-1.2206854904460629</v>
      </c>
      <c r="M1773">
        <v>4</v>
      </c>
      <c r="N1773">
        <v>1</v>
      </c>
      <c r="O1773">
        <v>1</v>
      </c>
      <c r="P1773">
        <v>0</v>
      </c>
      <c r="Q1773">
        <v>0</v>
      </c>
      <c r="R1773">
        <v>2.7725887222397811</v>
      </c>
      <c r="S1773">
        <v>1</v>
      </c>
      <c r="T1773">
        <v>1</v>
      </c>
      <c r="U1773">
        <v>0</v>
      </c>
      <c r="V1773">
        <v>0</v>
      </c>
      <c r="W1773">
        <v>2.7080502011022101</v>
      </c>
      <c r="X1773">
        <v>1</v>
      </c>
      <c r="Y1773">
        <v>1</v>
      </c>
      <c r="Z1773">
        <v>0</v>
      </c>
      <c r="AA1773">
        <v>0</v>
      </c>
      <c r="AB1773">
        <v>2.639057329615258</v>
      </c>
      <c r="AC1773">
        <v>1</v>
      </c>
      <c r="AD1773">
        <v>1</v>
      </c>
      <c r="AE1773">
        <v>0</v>
      </c>
      <c r="AF1773">
        <v>0</v>
      </c>
      <c r="AG1773">
        <v>2.5649493574615372</v>
      </c>
      <c r="AH1773">
        <v>-0.19412876081675889</v>
      </c>
      <c r="AI1773">
        <v>-0.32078952320876558</v>
      </c>
      <c r="AJ1773">
        <v>-0.12421651465991029</v>
      </c>
      <c r="AK1773">
        <v>-0.15823476418332821</v>
      </c>
      <c r="AL1773">
        <v>425.14287504847522</v>
      </c>
      <c r="AM1773">
        <v>574.28088580024723</v>
      </c>
      <c r="AN1773">
        <v>2595</v>
      </c>
      <c r="AO1773">
        <v>68.459182663546898</v>
      </c>
      <c r="AP1773">
        <v>319.85756029771261</v>
      </c>
      <c r="AQ1773">
        <v>2.3125</v>
      </c>
      <c r="AR1773">
        <v>4.375</v>
      </c>
      <c r="AS1773">
        <v>16</v>
      </c>
      <c r="AT1773">
        <v>0</v>
      </c>
      <c r="AU1773">
        <v>0.23443877551020409</v>
      </c>
      <c r="AV1773">
        <v>-0.19830094326227879</v>
      </c>
      <c r="AW1773">
        <v>0.3125</v>
      </c>
      <c r="AX1773">
        <v>98.13333333333334</v>
      </c>
      <c r="AY1773">
        <v>62</v>
      </c>
      <c r="AZ1773">
        <v>138.25</v>
      </c>
      <c r="BA1773">
        <v>0.46157516137402232</v>
      </c>
      <c r="BB1773">
        <v>0.6875</v>
      </c>
      <c r="BC1773">
        <v>2.7080502011022101</v>
      </c>
      <c r="BD1773" t="s">
        <v>6778</v>
      </c>
      <c r="BE1773" t="s">
        <v>62</v>
      </c>
    </row>
    <row r="1774" spans="1:57" x14ac:dyDescent="0.3">
      <c r="A1774" t="s">
        <v>6780</v>
      </c>
      <c r="B1774">
        <v>1500</v>
      </c>
      <c r="C1774" t="s">
        <v>6781</v>
      </c>
      <c r="D1774" t="s">
        <v>6782</v>
      </c>
      <c r="E1774" t="s">
        <v>66</v>
      </c>
      <c r="F1774">
        <v>71</v>
      </c>
      <c r="G1774">
        <v>120.3098591549296</v>
      </c>
      <c r="H1774">
        <v>116</v>
      </c>
      <c r="I1774">
        <v>6240.0166633604449</v>
      </c>
      <c r="J1774">
        <v>78.993776105212518</v>
      </c>
      <c r="K1774">
        <v>0.10928001207334551</v>
      </c>
      <c r="L1774">
        <v>-1.293809662355033</v>
      </c>
      <c r="M1774">
        <v>5.8574247603192759</v>
      </c>
      <c r="N1774">
        <v>3</v>
      </c>
      <c r="O1774">
        <v>1</v>
      </c>
      <c r="P1774">
        <v>2</v>
      </c>
      <c r="Q1774">
        <v>0.41212475704841112</v>
      </c>
      <c r="R1774">
        <v>4.0600574579573241</v>
      </c>
      <c r="S1774">
        <v>1</v>
      </c>
      <c r="T1774">
        <v>1</v>
      </c>
      <c r="U1774">
        <v>0</v>
      </c>
      <c r="V1774">
        <v>0</v>
      </c>
      <c r="W1774">
        <v>4.2484952420493576</v>
      </c>
      <c r="X1774">
        <v>1</v>
      </c>
      <c r="Y1774">
        <v>1</v>
      </c>
      <c r="Z1774">
        <v>0</v>
      </c>
      <c r="AA1774">
        <v>0</v>
      </c>
      <c r="AB1774">
        <v>4.2341065045972579</v>
      </c>
      <c r="AC1774">
        <v>1</v>
      </c>
      <c r="AD1774">
        <v>1</v>
      </c>
      <c r="AE1774">
        <v>0</v>
      </c>
      <c r="AF1774">
        <v>0</v>
      </c>
      <c r="AG1774">
        <v>4.2195077051761087</v>
      </c>
      <c r="AH1774">
        <v>0.35215351433003822</v>
      </c>
      <c r="AI1774">
        <v>2.7812356305196521E-2</v>
      </c>
      <c r="AJ1774">
        <v>5.0848264858777536E-3</v>
      </c>
      <c r="AK1774">
        <v>-5.5924336863887496E-3</v>
      </c>
      <c r="AL1774">
        <v>711.13009801377098</v>
      </c>
      <c r="AM1774">
        <v>982.35532456383828</v>
      </c>
      <c r="AN1774">
        <v>8542</v>
      </c>
      <c r="AO1774">
        <v>45.631659796217747</v>
      </c>
      <c r="AP1774">
        <v>550.03942430484562</v>
      </c>
      <c r="AQ1774">
        <v>1.323943661971831</v>
      </c>
      <c r="AR1774">
        <v>3.929577464788732</v>
      </c>
      <c r="AS1774">
        <v>71</v>
      </c>
      <c r="AT1774">
        <v>8.9014084507042277</v>
      </c>
      <c r="AU1774">
        <v>8.6669624043473448E-2</v>
      </c>
      <c r="AV1774">
        <v>0.35436130703985708</v>
      </c>
      <c r="AW1774">
        <v>0.42253521126760563</v>
      </c>
      <c r="AX1774">
        <v>73.642857142857139</v>
      </c>
      <c r="AY1774">
        <v>71</v>
      </c>
      <c r="AZ1774">
        <v>150</v>
      </c>
      <c r="BA1774">
        <v>0.65658605753571631</v>
      </c>
      <c r="BB1774">
        <v>0.46478873239436619</v>
      </c>
      <c r="BC1774">
        <v>3.8770696022252582</v>
      </c>
      <c r="BD1774" t="s">
        <v>6783</v>
      </c>
      <c r="BE1774" t="s">
        <v>68</v>
      </c>
    </row>
    <row r="1775" spans="1:57" x14ac:dyDescent="0.3">
      <c r="A1775" t="s">
        <v>6784</v>
      </c>
      <c r="B1775">
        <v>3468</v>
      </c>
      <c r="C1775" t="s">
        <v>6785</v>
      </c>
      <c r="D1775" t="s">
        <v>6786</v>
      </c>
      <c r="E1775" t="s">
        <v>85</v>
      </c>
      <c r="F1775">
        <v>8</v>
      </c>
      <c r="G1775">
        <v>159.375</v>
      </c>
      <c r="H1775">
        <v>170.5</v>
      </c>
      <c r="I1775">
        <v>2836.734375</v>
      </c>
      <c r="J1775">
        <v>53.261002384483902</v>
      </c>
      <c r="K1775">
        <v>-0.32142839711494092</v>
      </c>
      <c r="L1775">
        <v>-1.1571529274442229</v>
      </c>
      <c r="M1775">
        <v>3</v>
      </c>
      <c r="N1775">
        <v>1</v>
      </c>
      <c r="O1775">
        <v>1</v>
      </c>
      <c r="P1775">
        <v>0</v>
      </c>
      <c r="Q1775">
        <v>0</v>
      </c>
      <c r="R1775">
        <v>2.0794415416798362</v>
      </c>
      <c r="S1775">
        <v>1</v>
      </c>
      <c r="T1775">
        <v>1</v>
      </c>
      <c r="U1775">
        <v>0</v>
      </c>
      <c r="V1775">
        <v>0</v>
      </c>
      <c r="W1775">
        <v>1.945910149055313</v>
      </c>
      <c r="X1775">
        <v>1</v>
      </c>
      <c r="Y1775">
        <v>1</v>
      </c>
      <c r="Z1775">
        <v>0</v>
      </c>
      <c r="AA1775">
        <v>0</v>
      </c>
      <c r="AB1775">
        <v>1.791759469228055</v>
      </c>
      <c r="AC1775">
        <v>1</v>
      </c>
      <c r="AD1775">
        <v>1</v>
      </c>
      <c r="AE1775">
        <v>0</v>
      </c>
      <c r="AF1775">
        <v>0</v>
      </c>
      <c r="AG1775">
        <v>1.6094379124341009</v>
      </c>
      <c r="AH1775">
        <v>-2.5932795743344849E-2</v>
      </c>
      <c r="AI1775">
        <v>-0.44269241149869731</v>
      </c>
      <c r="AJ1775">
        <v>-0.27455990327786678</v>
      </c>
      <c r="AK1775">
        <v>0</v>
      </c>
      <c r="AL1775">
        <v>286.20357800965837</v>
      </c>
      <c r="AM1775">
        <v>379.45291135326579</v>
      </c>
      <c r="AN1775">
        <v>1275</v>
      </c>
      <c r="AO1775">
        <v>3</v>
      </c>
      <c r="AP1775">
        <v>148.36415506242801</v>
      </c>
      <c r="AQ1775">
        <v>3.5</v>
      </c>
      <c r="AR1775">
        <v>3.875</v>
      </c>
      <c r="AS1775">
        <v>8</v>
      </c>
      <c r="AT1775">
        <v>0</v>
      </c>
      <c r="AU1775">
        <v>0.31489361702127661</v>
      </c>
      <c r="AV1775">
        <v>-2.4316374478819309E-2</v>
      </c>
      <c r="AW1775">
        <v>0.25</v>
      </c>
      <c r="AX1775">
        <v>70.571428571428569</v>
      </c>
      <c r="AY1775">
        <v>38.5</v>
      </c>
      <c r="AZ1775">
        <v>77.25</v>
      </c>
      <c r="BA1775">
        <v>0.33418668162813431</v>
      </c>
      <c r="BB1775">
        <v>0.625</v>
      </c>
      <c r="BC1775">
        <v>1.7478680974667571</v>
      </c>
      <c r="BD1775" t="s">
        <v>6785</v>
      </c>
      <c r="BE1775" t="s">
        <v>68</v>
      </c>
    </row>
    <row r="1776" spans="1:57" x14ac:dyDescent="0.3">
      <c r="A1776" t="s">
        <v>6787</v>
      </c>
      <c r="B1776">
        <v>156</v>
      </c>
      <c r="C1776" t="s">
        <v>6788</v>
      </c>
      <c r="D1776" t="s">
        <v>6789</v>
      </c>
      <c r="E1776" t="s">
        <v>60</v>
      </c>
      <c r="F1776">
        <v>512</v>
      </c>
      <c r="G1776">
        <v>129.244140625</v>
      </c>
      <c r="H1776">
        <v>134</v>
      </c>
      <c r="I1776">
        <v>5472.6767234802246</v>
      </c>
      <c r="J1776">
        <v>73.97754202107707</v>
      </c>
      <c r="K1776">
        <v>-9.4763103182435915E-2</v>
      </c>
      <c r="L1776">
        <v>-1.204194314316861</v>
      </c>
      <c r="M1776">
        <v>7.486688326485555</v>
      </c>
      <c r="N1776">
        <v>7</v>
      </c>
      <c r="O1776">
        <v>1</v>
      </c>
      <c r="P1776">
        <v>6</v>
      </c>
      <c r="Q1776">
        <v>1.410205481326039</v>
      </c>
      <c r="R1776">
        <v>5.189376905234516</v>
      </c>
      <c r="S1776">
        <v>2</v>
      </c>
      <c r="T1776">
        <v>1</v>
      </c>
      <c r="U1776">
        <v>1</v>
      </c>
      <c r="V1776">
        <v>6.2560641760670568E-2</v>
      </c>
      <c r="W1776">
        <v>6.2309437805711401</v>
      </c>
      <c r="X1776">
        <v>1</v>
      </c>
      <c r="Y1776">
        <v>1</v>
      </c>
      <c r="Z1776">
        <v>0</v>
      </c>
      <c r="AA1776">
        <v>0</v>
      </c>
      <c r="AB1776">
        <v>6.2344107257183694</v>
      </c>
      <c r="AC1776">
        <v>1</v>
      </c>
      <c r="AD1776">
        <v>1</v>
      </c>
      <c r="AE1776">
        <v>0</v>
      </c>
      <c r="AF1776">
        <v>0</v>
      </c>
      <c r="AG1776">
        <v>6.2324480165505216</v>
      </c>
      <c r="AH1776">
        <v>1.2046173891140451E-3</v>
      </c>
      <c r="AI1776">
        <v>-1.464581132832495E-2</v>
      </c>
      <c r="AJ1776">
        <v>-9.0572507141414613E-2</v>
      </c>
      <c r="AK1776">
        <v>-8.0365355560005944E-2</v>
      </c>
      <c r="AL1776">
        <v>1617.1500198502069</v>
      </c>
      <c r="AM1776">
        <v>2956.2321988129552</v>
      </c>
      <c r="AN1776">
        <v>66173</v>
      </c>
      <c r="AO1776">
        <v>99.05489972227322</v>
      </c>
      <c r="AP1776">
        <v>1415.9831517855041</v>
      </c>
      <c r="AQ1776">
        <v>1.044921875</v>
      </c>
      <c r="AR1776">
        <v>4.068359375</v>
      </c>
      <c r="AS1776">
        <v>509</v>
      </c>
      <c r="AT1776">
        <v>172.92578125</v>
      </c>
      <c r="AU1776">
        <v>3.5562193627450937E-2</v>
      </c>
      <c r="AV1776">
        <v>1.2024658814072441E-3</v>
      </c>
      <c r="AW1776">
        <v>0.341796875</v>
      </c>
      <c r="AX1776">
        <v>84.009784735812133</v>
      </c>
      <c r="AY1776">
        <v>64</v>
      </c>
      <c r="AZ1776">
        <v>127</v>
      </c>
      <c r="BA1776">
        <v>0.57238604135812887</v>
      </c>
      <c r="BB1776">
        <v>0.509765625</v>
      </c>
      <c r="BC1776">
        <v>5.1002707829373861</v>
      </c>
      <c r="BD1776" t="s">
        <v>6790</v>
      </c>
      <c r="BE1776" t="s">
        <v>62</v>
      </c>
    </row>
    <row r="1777" spans="1:57" x14ac:dyDescent="0.3">
      <c r="A1777" t="s">
        <v>6791</v>
      </c>
      <c r="B1777">
        <v>144</v>
      </c>
      <c r="C1777" t="s">
        <v>6792</v>
      </c>
      <c r="D1777" t="s">
        <v>6793</v>
      </c>
      <c r="E1777" t="s">
        <v>60</v>
      </c>
      <c r="F1777">
        <v>512</v>
      </c>
      <c r="G1777">
        <v>124.392578125</v>
      </c>
      <c r="H1777">
        <v>122</v>
      </c>
      <c r="I1777">
        <v>5300.6681480407706</v>
      </c>
      <c r="J1777">
        <v>72.805687607773962</v>
      </c>
      <c r="K1777">
        <v>4.4649336357990253E-2</v>
      </c>
      <c r="L1777">
        <v>-1.209300679567735</v>
      </c>
      <c r="M1777">
        <v>7.6017971096292012</v>
      </c>
      <c r="N1777">
        <v>6</v>
      </c>
      <c r="O1777">
        <v>1</v>
      </c>
      <c r="P1777">
        <v>5</v>
      </c>
      <c r="Q1777">
        <v>1.221377104870798</v>
      </c>
      <c r="R1777">
        <v>5.2691642337282207</v>
      </c>
      <c r="S1777">
        <v>2</v>
      </c>
      <c r="T1777">
        <v>1</v>
      </c>
      <c r="U1777">
        <v>1</v>
      </c>
      <c r="V1777">
        <v>6.2560641760670568E-2</v>
      </c>
      <c r="W1777">
        <v>6.2309437805711401</v>
      </c>
      <c r="X1777">
        <v>1</v>
      </c>
      <c r="Y1777">
        <v>1</v>
      </c>
      <c r="Z1777">
        <v>0</v>
      </c>
      <c r="AA1777">
        <v>0</v>
      </c>
      <c r="AB1777">
        <v>6.2344107257183694</v>
      </c>
      <c r="AC1777">
        <v>1</v>
      </c>
      <c r="AD1777">
        <v>1</v>
      </c>
      <c r="AE1777">
        <v>0</v>
      </c>
      <c r="AF1777">
        <v>0</v>
      </c>
      <c r="AG1777">
        <v>6.2324480165505216</v>
      </c>
      <c r="AH1777">
        <v>5.5818381720791288E-2</v>
      </c>
      <c r="AI1777">
        <v>1.9652725787626529E-2</v>
      </c>
      <c r="AJ1777">
        <v>1.716150507240255E-2</v>
      </c>
      <c r="AK1777">
        <v>-6.4934691451370569E-2</v>
      </c>
      <c r="AL1777">
        <v>1585.793326444418</v>
      </c>
      <c r="AM1777">
        <v>2849.8492110643938</v>
      </c>
      <c r="AN1777">
        <v>63689</v>
      </c>
      <c r="AO1777">
        <v>48.270410135296373</v>
      </c>
      <c r="AP1777">
        <v>1390.4333354871919</v>
      </c>
      <c r="AQ1777">
        <v>1.044921875</v>
      </c>
      <c r="AR1777">
        <v>3.978515625</v>
      </c>
      <c r="AS1777">
        <v>509</v>
      </c>
      <c r="AT1777">
        <v>143.59375</v>
      </c>
      <c r="AU1777">
        <v>2.908071887351776E-2</v>
      </c>
      <c r="AV1777">
        <v>5.5874475249440211E-2</v>
      </c>
      <c r="AW1777">
        <v>0.39453125</v>
      </c>
      <c r="AX1777">
        <v>82.097847358121328</v>
      </c>
      <c r="AY1777">
        <v>64</v>
      </c>
      <c r="AZ1777">
        <v>129</v>
      </c>
      <c r="BA1777">
        <v>0.58528964271978312</v>
      </c>
      <c r="BB1777">
        <v>0.494140625</v>
      </c>
      <c r="BC1777">
        <v>5.0721717753720306</v>
      </c>
      <c r="BD1777" t="s">
        <v>6794</v>
      </c>
      <c r="BE1777" t="s">
        <v>62</v>
      </c>
    </row>
    <row r="1778" spans="1:57" x14ac:dyDescent="0.3">
      <c r="A1778" t="s">
        <v>6795</v>
      </c>
      <c r="B1778">
        <v>3416</v>
      </c>
      <c r="C1778" t="s">
        <v>6796</v>
      </c>
      <c r="D1778" t="s">
        <v>6797</v>
      </c>
      <c r="E1778" t="s">
        <v>66</v>
      </c>
      <c r="F1778">
        <v>72</v>
      </c>
      <c r="G1778">
        <v>111.1111111111111</v>
      </c>
      <c r="H1778">
        <v>105</v>
      </c>
      <c r="I1778">
        <v>5786.3209876543206</v>
      </c>
      <c r="J1778">
        <v>76.067870928890343</v>
      </c>
      <c r="K1778">
        <v>0.1190095384151074</v>
      </c>
      <c r="L1778">
        <v>-1.2265598596515661</v>
      </c>
      <c r="M1778">
        <v>5.8156225708266636</v>
      </c>
      <c r="N1778">
        <v>3</v>
      </c>
      <c r="O1778">
        <v>1</v>
      </c>
      <c r="P1778">
        <v>2</v>
      </c>
      <c r="Q1778">
        <v>0.4760952285695233</v>
      </c>
      <c r="R1778">
        <v>4.0310823881692794</v>
      </c>
      <c r="S1778">
        <v>2</v>
      </c>
      <c r="T1778">
        <v>1</v>
      </c>
      <c r="U1778">
        <v>1</v>
      </c>
      <c r="V1778">
        <v>0.16776575221435111</v>
      </c>
      <c r="W1778">
        <v>4.2236293316576567</v>
      </c>
      <c r="X1778">
        <v>2</v>
      </c>
      <c r="Y1778">
        <v>1</v>
      </c>
      <c r="Z1778">
        <v>1</v>
      </c>
      <c r="AA1778">
        <v>0.11951030798891769</v>
      </c>
      <c r="AB1778">
        <v>4.2286910368905044</v>
      </c>
      <c r="AC1778">
        <v>1</v>
      </c>
      <c r="AD1778">
        <v>1</v>
      </c>
      <c r="AE1778">
        <v>0</v>
      </c>
      <c r="AF1778">
        <v>0</v>
      </c>
      <c r="AG1778">
        <v>4.2341065045972579</v>
      </c>
      <c r="AH1778">
        <v>0.17341129379445591</v>
      </c>
      <c r="AI1778">
        <v>-2.9336489160851451E-2</v>
      </c>
      <c r="AJ1778">
        <v>-0.11831425423187179</v>
      </c>
      <c r="AK1778">
        <v>-0.24425425202241319</v>
      </c>
      <c r="AL1778">
        <v>679.05337932043722</v>
      </c>
      <c r="AM1778">
        <v>918.90723581517977</v>
      </c>
      <c r="AN1778">
        <v>8000</v>
      </c>
      <c r="AO1778">
        <v>134.14938643958581</v>
      </c>
      <c r="AP1778">
        <v>484.75129203780989</v>
      </c>
      <c r="AQ1778">
        <v>1.319444444444444</v>
      </c>
      <c r="AR1778">
        <v>3.666666666666667</v>
      </c>
      <c r="AS1778">
        <v>71</v>
      </c>
      <c r="AT1778">
        <v>11.33333333333333</v>
      </c>
      <c r="AU1778">
        <v>0.1058743169398907</v>
      </c>
      <c r="AV1778">
        <v>0.17426321810431439</v>
      </c>
      <c r="AW1778">
        <v>0.3611111111111111</v>
      </c>
      <c r="AX1778">
        <v>77.873239436619713</v>
      </c>
      <c r="AY1778">
        <v>67.5</v>
      </c>
      <c r="AZ1778">
        <v>127.25</v>
      </c>
      <c r="BA1778">
        <v>0.68461083836001302</v>
      </c>
      <c r="BB1778">
        <v>0.4861111111111111</v>
      </c>
      <c r="BC1778">
        <v>3.9672169828586101</v>
      </c>
      <c r="BD1778" t="s">
        <v>6798</v>
      </c>
      <c r="BE1778" t="s">
        <v>68</v>
      </c>
    </row>
    <row r="1779" spans="1:57" x14ac:dyDescent="0.3">
      <c r="A1779" t="s">
        <v>6799</v>
      </c>
      <c r="B1779">
        <v>3813</v>
      </c>
      <c r="C1779" t="s">
        <v>6800</v>
      </c>
      <c r="D1779" t="s">
        <v>6801</v>
      </c>
      <c r="E1779" t="s">
        <v>106</v>
      </c>
      <c r="F1779">
        <v>3875</v>
      </c>
      <c r="G1779">
        <v>125.413935483871</v>
      </c>
      <c r="H1779">
        <v>127</v>
      </c>
      <c r="I1779">
        <v>5325.6165283829341</v>
      </c>
      <c r="J1779">
        <v>72.976821857237212</v>
      </c>
      <c r="K1779">
        <v>2.1880948938847782E-2</v>
      </c>
      <c r="L1779">
        <v>-1.1639122675417151</v>
      </c>
      <c r="M1779">
        <v>7.9509611968704919</v>
      </c>
      <c r="N1779">
        <v>26</v>
      </c>
      <c r="O1779">
        <v>4</v>
      </c>
      <c r="P1779">
        <v>22</v>
      </c>
      <c r="Q1779">
        <v>3.9082319190905799</v>
      </c>
      <c r="R1779">
        <v>5.5111863363523064</v>
      </c>
      <c r="S1779">
        <v>2</v>
      </c>
      <c r="T1779">
        <v>1</v>
      </c>
      <c r="U1779">
        <v>1</v>
      </c>
      <c r="V1779">
        <v>0.16843447969657241</v>
      </c>
      <c r="W1779">
        <v>8.2226798135789227</v>
      </c>
      <c r="X1779">
        <v>2</v>
      </c>
      <c r="Y1779">
        <v>1</v>
      </c>
      <c r="Z1779">
        <v>1</v>
      </c>
      <c r="AA1779">
        <v>1.606853329576682E-2</v>
      </c>
      <c r="AB1779">
        <v>8.261426741388977</v>
      </c>
      <c r="AC1779">
        <v>1</v>
      </c>
      <c r="AD1779">
        <v>1</v>
      </c>
      <c r="AE1779">
        <v>0</v>
      </c>
      <c r="AF1779">
        <v>0</v>
      </c>
      <c r="AG1779">
        <v>8.2615264483964665</v>
      </c>
      <c r="AH1779">
        <v>-8.0581305697766754E-4</v>
      </c>
      <c r="AI1779">
        <v>-1.0684833776095991E-2</v>
      </c>
      <c r="AJ1779">
        <v>-1.0691421066139239E-2</v>
      </c>
      <c r="AK1779">
        <v>-4.5990007733075992E-3</v>
      </c>
      <c r="AL1779">
        <v>4157.8712322284546</v>
      </c>
      <c r="AM1779">
        <v>8018.5665686709253</v>
      </c>
      <c r="AN1779">
        <v>485979</v>
      </c>
      <c r="AO1779">
        <v>135.71951201597361</v>
      </c>
      <c r="AP1779">
        <v>3764.9362511861809</v>
      </c>
      <c r="AQ1779">
        <v>1.005935483870968</v>
      </c>
      <c r="AR1779">
        <v>3.9788387096774191</v>
      </c>
      <c r="AS1779">
        <v>3860</v>
      </c>
      <c r="AT1779">
        <v>258.32645161290321</v>
      </c>
      <c r="AU1779">
        <v>2.4278304870335221E-2</v>
      </c>
      <c r="AV1779">
        <v>-8.0590170539909377E-4</v>
      </c>
      <c r="AW1779">
        <v>0.36980645161290321</v>
      </c>
      <c r="AX1779">
        <v>84.745224574083636</v>
      </c>
      <c r="AY1779">
        <v>62</v>
      </c>
      <c r="AZ1779">
        <v>125</v>
      </c>
      <c r="BA1779">
        <v>0.58188766324634233</v>
      </c>
      <c r="BB1779">
        <v>0.50787096774193552</v>
      </c>
      <c r="BC1779">
        <v>5.3121604189070766</v>
      </c>
      <c r="BD1779" t="s">
        <v>6802</v>
      </c>
      <c r="BE1779" t="s">
        <v>68</v>
      </c>
    </row>
    <row r="1780" spans="1:57" x14ac:dyDescent="0.3">
      <c r="A1780" t="s">
        <v>6803</v>
      </c>
      <c r="B1780">
        <v>3982</v>
      </c>
      <c r="C1780" t="s">
        <v>6804</v>
      </c>
      <c r="D1780" t="s">
        <v>6805</v>
      </c>
      <c r="E1780" t="s">
        <v>66</v>
      </c>
      <c r="F1780">
        <v>71</v>
      </c>
      <c r="G1780">
        <v>105.1408450704225</v>
      </c>
      <c r="H1780">
        <v>87</v>
      </c>
      <c r="I1780">
        <v>5823.6139654830413</v>
      </c>
      <c r="J1780">
        <v>76.312606858126927</v>
      </c>
      <c r="K1780">
        <v>0.33934667569490412</v>
      </c>
      <c r="L1780">
        <v>-1.1769534822136869</v>
      </c>
      <c r="M1780">
        <v>5.9525640209131296</v>
      </c>
      <c r="N1780">
        <v>2</v>
      </c>
      <c r="O1780">
        <v>1</v>
      </c>
      <c r="P1780">
        <v>1</v>
      </c>
      <c r="Q1780">
        <v>0.31210913055372153</v>
      </c>
      <c r="R1780">
        <v>4.1260029681985104</v>
      </c>
      <c r="S1780">
        <v>1</v>
      </c>
      <c r="T1780">
        <v>1</v>
      </c>
      <c r="U1780">
        <v>0</v>
      </c>
      <c r="V1780">
        <v>0</v>
      </c>
      <c r="W1780">
        <v>4.2484952420493576</v>
      </c>
      <c r="X1780">
        <v>1</v>
      </c>
      <c r="Y1780">
        <v>1</v>
      </c>
      <c r="Z1780">
        <v>0</v>
      </c>
      <c r="AA1780">
        <v>0</v>
      </c>
      <c r="AB1780">
        <v>4.2341065045972579</v>
      </c>
      <c r="AC1780">
        <v>1</v>
      </c>
      <c r="AD1780">
        <v>1</v>
      </c>
      <c r="AE1780">
        <v>0</v>
      </c>
      <c r="AF1780">
        <v>0</v>
      </c>
      <c r="AG1780">
        <v>4.2195077051761087</v>
      </c>
      <c r="AH1780">
        <v>0.18804660064375101</v>
      </c>
      <c r="AI1780">
        <v>0.14088541085721121</v>
      </c>
      <c r="AJ1780">
        <v>0.10412745942687961</v>
      </c>
      <c r="AK1780">
        <v>-0.1100939441947747</v>
      </c>
      <c r="AL1780">
        <v>659.94752960848348</v>
      </c>
      <c r="AM1780">
        <v>873.39696482393367</v>
      </c>
      <c r="AN1780">
        <v>7465</v>
      </c>
      <c r="AO1780">
        <v>29.01592990624038</v>
      </c>
      <c r="AP1780">
        <v>508.91735978140741</v>
      </c>
      <c r="AQ1780">
        <v>1.323943661971831</v>
      </c>
      <c r="AR1780">
        <v>3.71830985915493</v>
      </c>
      <c r="AS1780">
        <v>71</v>
      </c>
      <c r="AT1780">
        <v>5.6197183098591541</v>
      </c>
      <c r="AU1780">
        <v>0.16485145691965561</v>
      </c>
      <c r="AV1780">
        <v>0.18885117173926561</v>
      </c>
      <c r="AW1780">
        <v>0.42253521126760563</v>
      </c>
      <c r="AX1780">
        <v>77.742857142857147</v>
      </c>
      <c r="AY1780">
        <v>66</v>
      </c>
      <c r="AZ1780">
        <v>131.5</v>
      </c>
      <c r="BA1780">
        <v>0.72581313957495142</v>
      </c>
      <c r="BB1780">
        <v>0.45070422535211269</v>
      </c>
      <c r="BC1780">
        <v>4.0825866272961644</v>
      </c>
      <c r="BD1780" t="s">
        <v>6806</v>
      </c>
      <c r="BE1780" t="s">
        <v>68</v>
      </c>
    </row>
    <row r="1781" spans="1:57" x14ac:dyDescent="0.3">
      <c r="A1781" t="s">
        <v>6807</v>
      </c>
      <c r="B1781">
        <v>2232</v>
      </c>
      <c r="C1781" t="s">
        <v>6808</v>
      </c>
      <c r="D1781" t="s">
        <v>6809</v>
      </c>
      <c r="E1781" t="s">
        <v>106</v>
      </c>
      <c r="F1781">
        <v>2254</v>
      </c>
      <c r="G1781">
        <v>127.92945874001779</v>
      </c>
      <c r="H1781">
        <v>129.5</v>
      </c>
      <c r="I1781">
        <v>5448.5704454035777</v>
      </c>
      <c r="J1781">
        <v>73.814432500721551</v>
      </c>
      <c r="K1781">
        <v>-1.1083218663172009E-2</v>
      </c>
      <c r="L1781">
        <v>-1.2009100095499929</v>
      </c>
      <c r="M1781">
        <v>7.9227084168412896</v>
      </c>
      <c r="N1781">
        <v>17</v>
      </c>
      <c r="O1781">
        <v>2</v>
      </c>
      <c r="P1781">
        <v>15</v>
      </c>
      <c r="Q1781">
        <v>2.8710804634046312</v>
      </c>
      <c r="R1781">
        <v>5.4916030015320878</v>
      </c>
      <c r="S1781">
        <v>2</v>
      </c>
      <c r="T1781">
        <v>1</v>
      </c>
      <c r="U1781">
        <v>1</v>
      </c>
      <c r="V1781">
        <v>0.12813262430710631</v>
      </c>
      <c r="W1781">
        <v>7.6972514551408819</v>
      </c>
      <c r="X1781">
        <v>1</v>
      </c>
      <c r="Y1781">
        <v>1</v>
      </c>
      <c r="Z1781">
        <v>0</v>
      </c>
      <c r="AA1781">
        <v>0</v>
      </c>
      <c r="AB1781">
        <v>7.7195739892595832</v>
      </c>
      <c r="AC1781">
        <v>1</v>
      </c>
      <c r="AD1781">
        <v>1</v>
      </c>
      <c r="AE1781">
        <v>0</v>
      </c>
      <c r="AF1781">
        <v>0</v>
      </c>
      <c r="AG1781">
        <v>7.7191298409067306</v>
      </c>
      <c r="AH1781">
        <v>-1.495282862806525E-2</v>
      </c>
      <c r="AI1781">
        <v>6.4570368323442554E-3</v>
      </c>
      <c r="AJ1781">
        <v>-1.3265303822740481E-2</v>
      </c>
      <c r="AK1781">
        <v>5.5838339113411161E-3</v>
      </c>
      <c r="AL1781">
        <v>3231.3274699679419</v>
      </c>
      <c r="AM1781">
        <v>6223.2181210231238</v>
      </c>
      <c r="AN1781">
        <v>288353</v>
      </c>
      <c r="AO1781">
        <v>108.6915978868668</v>
      </c>
      <c r="AP1781">
        <v>2903.937311386464</v>
      </c>
      <c r="AQ1781">
        <v>1.010204081632653</v>
      </c>
      <c r="AR1781">
        <v>3.983584738243124</v>
      </c>
      <c r="AS1781">
        <v>2248</v>
      </c>
      <c r="AT1781">
        <v>239.67169476486251</v>
      </c>
      <c r="AU1781">
        <v>1.039024305374325E-2</v>
      </c>
      <c r="AV1781">
        <v>-1.496014164087598E-2</v>
      </c>
      <c r="AW1781">
        <v>0.36557231588287492</v>
      </c>
      <c r="AX1781">
        <v>86.393697292498885</v>
      </c>
      <c r="AY1781">
        <v>64.5</v>
      </c>
      <c r="AZ1781">
        <v>129</v>
      </c>
      <c r="BA1781">
        <v>0.57699323695826421</v>
      </c>
      <c r="BB1781">
        <v>0.50842945874001777</v>
      </c>
      <c r="BC1781">
        <v>5.3013823039655081</v>
      </c>
      <c r="BD1781" t="s">
        <v>6810</v>
      </c>
      <c r="BE1781" t="s">
        <v>68</v>
      </c>
    </row>
    <row r="1782" spans="1:57" x14ac:dyDescent="0.3">
      <c r="A1782" t="s">
        <v>6811</v>
      </c>
      <c r="B1782">
        <v>647</v>
      </c>
      <c r="C1782" t="s">
        <v>6812</v>
      </c>
      <c r="D1782" t="s">
        <v>6813</v>
      </c>
      <c r="E1782" t="s">
        <v>93</v>
      </c>
      <c r="F1782">
        <v>661</v>
      </c>
      <c r="G1782">
        <v>130.47957639939489</v>
      </c>
      <c r="H1782">
        <v>133</v>
      </c>
      <c r="I1782">
        <v>5783.5839247827416</v>
      </c>
      <c r="J1782">
        <v>76.04987787487066</v>
      </c>
      <c r="K1782">
        <v>-5.9192363850389403E-2</v>
      </c>
      <c r="L1782">
        <v>-1.2912293773424399</v>
      </c>
      <c r="M1782">
        <v>7.7180363622038053</v>
      </c>
      <c r="N1782">
        <v>10</v>
      </c>
      <c r="O1782">
        <v>1</v>
      </c>
      <c r="P1782">
        <v>9</v>
      </c>
      <c r="Q1782">
        <v>1.4764561691697939</v>
      </c>
      <c r="R1782">
        <v>5.3497351439207153</v>
      </c>
      <c r="S1782">
        <v>2</v>
      </c>
      <c r="T1782">
        <v>1</v>
      </c>
      <c r="U1782">
        <v>1</v>
      </c>
      <c r="V1782">
        <v>5.5047933970440228E-2</v>
      </c>
      <c r="W1782">
        <v>6.4880389430170773</v>
      </c>
      <c r="X1782">
        <v>1</v>
      </c>
      <c r="Y1782">
        <v>1</v>
      </c>
      <c r="Z1782">
        <v>0</v>
      </c>
      <c r="AA1782">
        <v>0</v>
      </c>
      <c r="AB1782">
        <v>6.4907235345025072</v>
      </c>
      <c r="AC1782">
        <v>1</v>
      </c>
      <c r="AD1782">
        <v>1</v>
      </c>
      <c r="AE1782">
        <v>0</v>
      </c>
      <c r="AF1782">
        <v>0</v>
      </c>
      <c r="AG1782">
        <v>6.4892049313253164</v>
      </c>
      <c r="AH1782">
        <v>-4.9836038934516408E-2</v>
      </c>
      <c r="AI1782">
        <v>2.4159417617391109E-2</v>
      </c>
      <c r="AJ1782">
        <v>-1.37681191908823E-2</v>
      </c>
      <c r="AK1782">
        <v>-0.10258479599635829</v>
      </c>
      <c r="AL1782">
        <v>1858.344852914104</v>
      </c>
      <c r="AM1782">
        <v>3409.2485106908321</v>
      </c>
      <c r="AN1782">
        <v>86247</v>
      </c>
      <c r="AO1782">
        <v>132.10914329700401</v>
      </c>
      <c r="AP1782">
        <v>1657.2854917715231</v>
      </c>
      <c r="AQ1782">
        <v>1.034795763993948</v>
      </c>
      <c r="AR1782">
        <v>4.0877458396369137</v>
      </c>
      <c r="AS1782">
        <v>658</v>
      </c>
      <c r="AT1782">
        <v>193.13918305597579</v>
      </c>
      <c r="AU1782">
        <v>4.241345554863396E-2</v>
      </c>
      <c r="AV1782">
        <v>-4.993045217753548E-2</v>
      </c>
      <c r="AW1782">
        <v>0.36308623298033282</v>
      </c>
      <c r="AX1782">
        <v>91.546969696969697</v>
      </c>
      <c r="AY1782">
        <v>71</v>
      </c>
      <c r="AZ1782">
        <v>142</v>
      </c>
      <c r="BA1782">
        <v>0.58284890228401576</v>
      </c>
      <c r="BB1782">
        <v>0.50378214826021184</v>
      </c>
      <c r="BC1782">
        <v>5.2177828346142778</v>
      </c>
      <c r="BD1782" t="s">
        <v>6814</v>
      </c>
      <c r="BE1782" t="s">
        <v>68</v>
      </c>
    </row>
    <row r="1783" spans="1:57" x14ac:dyDescent="0.3">
      <c r="A1783" t="s">
        <v>6815</v>
      </c>
      <c r="B1783">
        <v>129</v>
      </c>
      <c r="C1783" t="s">
        <v>6816</v>
      </c>
      <c r="D1783" t="s">
        <v>6817</v>
      </c>
      <c r="E1783" t="s">
        <v>60</v>
      </c>
      <c r="F1783">
        <v>256</v>
      </c>
      <c r="G1783">
        <v>127.48828125</v>
      </c>
      <c r="H1783">
        <v>129</v>
      </c>
      <c r="I1783">
        <v>5426.7498626708984</v>
      </c>
      <c r="J1783">
        <v>73.66647719737179</v>
      </c>
      <c r="K1783">
        <v>4.9235396802003843E-4</v>
      </c>
      <c r="L1783">
        <v>-1.208931487366536</v>
      </c>
      <c r="M1783">
        <v>7.164638134588154</v>
      </c>
      <c r="N1783">
        <v>4</v>
      </c>
      <c r="O1783">
        <v>1</v>
      </c>
      <c r="P1783">
        <v>3</v>
      </c>
      <c r="Q1783">
        <v>0.82946059418473206</v>
      </c>
      <c r="R1783">
        <v>4.9661487227220444</v>
      </c>
      <c r="S1783">
        <v>2</v>
      </c>
      <c r="T1783">
        <v>1</v>
      </c>
      <c r="U1783">
        <v>1</v>
      </c>
      <c r="V1783">
        <v>6.2621943781838052E-2</v>
      </c>
      <c r="W1783">
        <v>5.5358270966834446</v>
      </c>
      <c r="X1783">
        <v>1</v>
      </c>
      <c r="Y1783">
        <v>1</v>
      </c>
      <c r="Z1783">
        <v>0</v>
      </c>
      <c r="AA1783">
        <v>0</v>
      </c>
      <c r="AB1783">
        <v>5.5373342670185366</v>
      </c>
      <c r="AC1783">
        <v>1</v>
      </c>
      <c r="AD1783">
        <v>1</v>
      </c>
      <c r="AE1783">
        <v>0</v>
      </c>
      <c r="AF1783">
        <v>0</v>
      </c>
      <c r="AG1783">
        <v>5.5333894887275203</v>
      </c>
      <c r="AH1783">
        <v>-4.8864963373341529E-2</v>
      </c>
      <c r="AI1783">
        <v>0.1997317094146687</v>
      </c>
      <c r="AJ1783">
        <v>-0.10833169486850561</v>
      </c>
      <c r="AK1783">
        <v>-0.10221027140069371</v>
      </c>
      <c r="AL1783">
        <v>1155.6591663642221</v>
      </c>
      <c r="AM1783">
        <v>2052.9332408040818</v>
      </c>
      <c r="AN1783">
        <v>32637</v>
      </c>
      <c r="AO1783">
        <v>94.838680948477617</v>
      </c>
      <c r="AP1783">
        <v>890.74775061294645</v>
      </c>
      <c r="AQ1783">
        <v>1.08984375</v>
      </c>
      <c r="AR1783">
        <v>4.0234375</v>
      </c>
      <c r="AS1783">
        <v>256</v>
      </c>
      <c r="AT1783">
        <v>70.53125</v>
      </c>
      <c r="AU1783">
        <v>2.7542892156862741E-2</v>
      </c>
      <c r="AV1783">
        <v>-4.9080361040531859E-2</v>
      </c>
      <c r="AW1783">
        <v>0.3515625</v>
      </c>
      <c r="AX1783">
        <v>87.196078431372555</v>
      </c>
      <c r="AY1783">
        <v>67</v>
      </c>
      <c r="AZ1783">
        <v>134.25</v>
      </c>
      <c r="BA1783">
        <v>0.57782940106404324</v>
      </c>
      <c r="BB1783">
        <v>0.50390625</v>
      </c>
      <c r="BC1783">
        <v>4.8792070233889522</v>
      </c>
      <c r="BD1783" t="s">
        <v>6818</v>
      </c>
      <c r="BE1783" t="s">
        <v>62</v>
      </c>
    </row>
    <row r="1784" spans="1:57" x14ac:dyDescent="0.3">
      <c r="A1784" t="s">
        <v>6819</v>
      </c>
      <c r="B1784">
        <v>1986</v>
      </c>
      <c r="C1784" t="s">
        <v>6820</v>
      </c>
      <c r="D1784" t="s">
        <v>6821</v>
      </c>
      <c r="E1784" t="s">
        <v>10622</v>
      </c>
      <c r="F1784">
        <v>64</v>
      </c>
      <c r="G1784">
        <v>123.734375</v>
      </c>
      <c r="H1784">
        <v>105</v>
      </c>
      <c r="I1784">
        <v>5336.288818359375</v>
      </c>
      <c r="J1784">
        <v>73.04990635421359</v>
      </c>
      <c r="K1784">
        <v>0.12535087688109389</v>
      </c>
      <c r="L1784">
        <v>-1.2573374636492181</v>
      </c>
      <c r="M1784">
        <v>5.78125</v>
      </c>
      <c r="N1784">
        <v>2</v>
      </c>
      <c r="O1784">
        <v>1</v>
      </c>
      <c r="P1784">
        <v>1</v>
      </c>
      <c r="Q1784">
        <v>0.32821556024332821</v>
      </c>
      <c r="R1784">
        <v>4.0072571376121839</v>
      </c>
      <c r="S1784">
        <v>1</v>
      </c>
      <c r="T1784">
        <v>1</v>
      </c>
      <c r="U1784">
        <v>0</v>
      </c>
      <c r="V1784">
        <v>0</v>
      </c>
      <c r="W1784">
        <v>4.1431347263915326</v>
      </c>
      <c r="X1784">
        <v>1</v>
      </c>
      <c r="Y1784">
        <v>1</v>
      </c>
      <c r="Z1784">
        <v>0</v>
      </c>
      <c r="AA1784">
        <v>0</v>
      </c>
      <c r="AB1784">
        <v>4.1271343850450908</v>
      </c>
      <c r="AC1784">
        <v>1</v>
      </c>
      <c r="AD1784">
        <v>1</v>
      </c>
      <c r="AE1784">
        <v>0</v>
      </c>
      <c r="AF1784">
        <v>0</v>
      </c>
      <c r="AG1784">
        <v>4.1108738641733096</v>
      </c>
      <c r="AH1784">
        <v>-9.1891255678444306E-2</v>
      </c>
      <c r="AI1784">
        <v>0.13693543734698291</v>
      </c>
      <c r="AJ1784">
        <v>3.9214311515406733E-2</v>
      </c>
      <c r="AK1784">
        <v>-7.756862835119888E-3</v>
      </c>
      <c r="AL1784">
        <v>634.23073848377544</v>
      </c>
      <c r="AM1784">
        <v>958.71078556691168</v>
      </c>
      <c r="AN1784">
        <v>7919</v>
      </c>
      <c r="AO1784">
        <v>121.97549928238359</v>
      </c>
      <c r="AP1784">
        <v>418.35465133814319</v>
      </c>
      <c r="AQ1784">
        <v>1.359375</v>
      </c>
      <c r="AR1784">
        <v>3.8125</v>
      </c>
      <c r="AS1784">
        <v>64</v>
      </c>
      <c r="AT1784">
        <v>5.46875</v>
      </c>
      <c r="AU1784">
        <v>0.1050558943089431</v>
      </c>
      <c r="AV1784">
        <v>-9.2754621672025195E-2</v>
      </c>
      <c r="AW1784">
        <v>0.4375</v>
      </c>
      <c r="AX1784">
        <v>88.285714285714292</v>
      </c>
      <c r="AY1784">
        <v>60</v>
      </c>
      <c r="AZ1784">
        <v>119.75</v>
      </c>
      <c r="BA1784">
        <v>0.59037681609668768</v>
      </c>
      <c r="BB1784">
        <v>0.453125</v>
      </c>
      <c r="BC1784">
        <v>3.9367871487114772</v>
      </c>
      <c r="BD1784" t="s">
        <v>6822</v>
      </c>
      <c r="BE1784" t="s">
        <v>62</v>
      </c>
    </row>
    <row r="1785" spans="1:57" x14ac:dyDescent="0.3">
      <c r="A1785" t="s">
        <v>6823</v>
      </c>
      <c r="B1785">
        <v>1735</v>
      </c>
      <c r="C1785" t="s">
        <v>6824</v>
      </c>
      <c r="D1785" t="s">
        <v>6825</v>
      </c>
      <c r="E1785" t="s">
        <v>98</v>
      </c>
      <c r="F1785">
        <v>16</v>
      </c>
      <c r="G1785">
        <v>109</v>
      </c>
      <c r="H1785">
        <v>114</v>
      </c>
      <c r="I1785">
        <v>5278</v>
      </c>
      <c r="J1785">
        <v>72.649845147804683</v>
      </c>
      <c r="K1785">
        <v>0.10737369172189989</v>
      </c>
      <c r="L1785">
        <v>-1.455814303361376</v>
      </c>
      <c r="M1785">
        <v>4</v>
      </c>
      <c r="N1785">
        <v>1</v>
      </c>
      <c r="O1785">
        <v>1</v>
      </c>
      <c r="P1785">
        <v>0</v>
      </c>
      <c r="Q1785">
        <v>0</v>
      </c>
      <c r="R1785">
        <v>2.7725887222397811</v>
      </c>
      <c r="S1785">
        <v>1</v>
      </c>
      <c r="T1785">
        <v>1</v>
      </c>
      <c r="U1785">
        <v>0</v>
      </c>
      <c r="V1785">
        <v>0</v>
      </c>
      <c r="W1785">
        <v>2.7080502011022101</v>
      </c>
      <c r="X1785">
        <v>1</v>
      </c>
      <c r="Y1785">
        <v>1</v>
      </c>
      <c r="Z1785">
        <v>0</v>
      </c>
      <c r="AA1785">
        <v>0</v>
      </c>
      <c r="AB1785">
        <v>2.639057329615258</v>
      </c>
      <c r="AC1785">
        <v>1</v>
      </c>
      <c r="AD1785">
        <v>1</v>
      </c>
      <c r="AE1785">
        <v>0</v>
      </c>
      <c r="AF1785">
        <v>0</v>
      </c>
      <c r="AG1785">
        <v>2.5649493574615372</v>
      </c>
      <c r="AH1785">
        <v>0.14559255399772639</v>
      </c>
      <c r="AI1785">
        <v>-0.44771930655551351</v>
      </c>
      <c r="AJ1785">
        <v>3.1392099280030311E-2</v>
      </c>
      <c r="AK1785">
        <v>-0.2405267146646457</v>
      </c>
      <c r="AL1785">
        <v>341.92275652823679</v>
      </c>
      <c r="AM1785">
        <v>397.03000965686732</v>
      </c>
      <c r="AN1785">
        <v>1744</v>
      </c>
      <c r="AO1785">
        <v>26</v>
      </c>
      <c r="AP1785">
        <v>232.76371669363709</v>
      </c>
      <c r="AQ1785">
        <v>2.25</v>
      </c>
      <c r="AR1785">
        <v>3.875</v>
      </c>
      <c r="AS1785">
        <v>16</v>
      </c>
      <c r="AT1785">
        <v>0</v>
      </c>
      <c r="AU1785">
        <v>0.23045154185022029</v>
      </c>
      <c r="AV1785">
        <v>0.17114810101532929</v>
      </c>
      <c r="AW1785">
        <v>0.375</v>
      </c>
      <c r="AX1785">
        <v>76.666666666666671</v>
      </c>
      <c r="AY1785">
        <v>61.5</v>
      </c>
      <c r="AZ1785">
        <v>126.5</v>
      </c>
      <c r="BA1785">
        <v>0.66651234080554755</v>
      </c>
      <c r="BB1785">
        <v>0.5</v>
      </c>
      <c r="BC1785">
        <v>2.7080502011022101</v>
      </c>
      <c r="BD1785" t="s">
        <v>6824</v>
      </c>
      <c r="BE1785" t="s">
        <v>62</v>
      </c>
    </row>
    <row r="1786" spans="1:57" x14ac:dyDescent="0.3">
      <c r="A1786" t="s">
        <v>6826</v>
      </c>
      <c r="B1786">
        <v>3758</v>
      </c>
      <c r="C1786" t="s">
        <v>6827</v>
      </c>
      <c r="D1786" t="s">
        <v>6828</v>
      </c>
      <c r="E1786" t="s">
        <v>93</v>
      </c>
      <c r="F1786">
        <v>3982</v>
      </c>
      <c r="G1786">
        <v>127.91888498242091</v>
      </c>
      <c r="H1786">
        <v>127</v>
      </c>
      <c r="I1786">
        <v>5456.3085886110803</v>
      </c>
      <c r="J1786">
        <v>73.866830097216706</v>
      </c>
      <c r="K1786">
        <v>1.2073630660587739E-2</v>
      </c>
      <c r="L1786">
        <v>-1.190230839447884</v>
      </c>
      <c r="M1786">
        <v>7.9570680407011816</v>
      </c>
      <c r="N1786">
        <v>26</v>
      </c>
      <c r="O1786">
        <v>7</v>
      </c>
      <c r="P1786">
        <v>19</v>
      </c>
      <c r="Q1786">
        <v>3.7683065529948259</v>
      </c>
      <c r="R1786">
        <v>5.5154192779356741</v>
      </c>
      <c r="S1786">
        <v>3</v>
      </c>
      <c r="T1786">
        <v>1</v>
      </c>
      <c r="U1786">
        <v>2</v>
      </c>
      <c r="V1786">
        <v>0.17299331518336519</v>
      </c>
      <c r="W1786">
        <v>8.2501093060047452</v>
      </c>
      <c r="X1786">
        <v>1</v>
      </c>
      <c r="Y1786">
        <v>1</v>
      </c>
      <c r="Z1786">
        <v>0</v>
      </c>
      <c r="AA1786">
        <v>0</v>
      </c>
      <c r="AB1786">
        <v>8.2890370982784827</v>
      </c>
      <c r="AC1786">
        <v>1</v>
      </c>
      <c r="AD1786">
        <v>1</v>
      </c>
      <c r="AE1786">
        <v>0</v>
      </c>
      <c r="AF1786">
        <v>0</v>
      </c>
      <c r="AG1786">
        <v>8.2887858104269263</v>
      </c>
      <c r="AH1786">
        <v>-1.6692764023267389E-3</v>
      </c>
      <c r="AI1786">
        <v>9.0950180366446039E-3</v>
      </c>
      <c r="AJ1786">
        <v>-2.573028312001575E-2</v>
      </c>
      <c r="AK1786">
        <v>-9.2168712422422434E-3</v>
      </c>
      <c r="AL1786">
        <v>4252.8978061284788</v>
      </c>
      <c r="AM1786">
        <v>8294.4745011741161</v>
      </c>
      <c r="AN1786">
        <v>509373</v>
      </c>
      <c r="AO1786">
        <v>172.4312282724016</v>
      </c>
      <c r="AP1786">
        <v>3877.6165597146501</v>
      </c>
      <c r="AQ1786">
        <v>1.0057759919638369</v>
      </c>
      <c r="AR1786">
        <v>4.0102963335007544</v>
      </c>
      <c r="AS1786">
        <v>3969</v>
      </c>
      <c r="AT1786">
        <v>233.7066800602712</v>
      </c>
      <c r="AU1786">
        <v>1.0333756807594959E-2</v>
      </c>
      <c r="AV1786">
        <v>-1.6702718806763999E-3</v>
      </c>
      <c r="AW1786">
        <v>0.3746860873932697</v>
      </c>
      <c r="AX1786">
        <v>85.519718663652355</v>
      </c>
      <c r="AY1786">
        <v>63</v>
      </c>
      <c r="AZ1786">
        <v>126.75</v>
      </c>
      <c r="BA1786">
        <v>0.57745054694127274</v>
      </c>
      <c r="BB1786">
        <v>0.49949773982923162</v>
      </c>
      <c r="BC1786">
        <v>5.3236555665983243</v>
      </c>
      <c r="BD1786" t="s">
        <v>6829</v>
      </c>
      <c r="BE1786" t="s">
        <v>68</v>
      </c>
    </row>
    <row r="1787" spans="1:57" x14ac:dyDescent="0.3">
      <c r="A1787" t="s">
        <v>6830</v>
      </c>
      <c r="B1787">
        <v>3007</v>
      </c>
      <c r="C1787" t="s">
        <v>6831</v>
      </c>
      <c r="D1787" t="s">
        <v>6832</v>
      </c>
      <c r="E1787" t="s">
        <v>115</v>
      </c>
      <c r="F1787">
        <v>3056</v>
      </c>
      <c r="G1787">
        <v>126.1662303664921</v>
      </c>
      <c r="H1787">
        <v>124</v>
      </c>
      <c r="I1787">
        <v>5464.4383360516431</v>
      </c>
      <c r="J1787">
        <v>73.921839371403919</v>
      </c>
      <c r="K1787">
        <v>4.2950744866247281E-2</v>
      </c>
      <c r="L1787">
        <v>-1.193093689847099</v>
      </c>
      <c r="M1787">
        <v>7.9315755355218149</v>
      </c>
      <c r="N1787">
        <v>25</v>
      </c>
      <c r="O1787">
        <v>4</v>
      </c>
      <c r="P1787">
        <v>21</v>
      </c>
      <c r="Q1787">
        <v>3.6885591699198752</v>
      </c>
      <c r="R1787">
        <v>5.4977492198451801</v>
      </c>
      <c r="S1787">
        <v>2</v>
      </c>
      <c r="T1787">
        <v>1</v>
      </c>
      <c r="U1787">
        <v>1</v>
      </c>
      <c r="V1787">
        <v>0.15132962786084059</v>
      </c>
      <c r="W1787">
        <v>7.9927703526929648</v>
      </c>
      <c r="X1787">
        <v>1</v>
      </c>
      <c r="Y1787">
        <v>1</v>
      </c>
      <c r="Z1787">
        <v>0</v>
      </c>
      <c r="AA1787">
        <v>0</v>
      </c>
      <c r="AB1787">
        <v>8.0242074857785752</v>
      </c>
      <c r="AC1787">
        <v>1</v>
      </c>
      <c r="AD1787">
        <v>1</v>
      </c>
      <c r="AE1787">
        <v>0</v>
      </c>
      <c r="AF1787">
        <v>0</v>
      </c>
      <c r="AG1787">
        <v>8.0238799927348765</v>
      </c>
      <c r="AH1787">
        <v>2.0773304042336731E-2</v>
      </c>
      <c r="AI1787">
        <v>-9.5462008760471753E-3</v>
      </c>
      <c r="AJ1787">
        <v>1.9914808955124669E-2</v>
      </c>
      <c r="AK1787">
        <v>9.5928364347489907E-3</v>
      </c>
      <c r="AL1787">
        <v>3765.3719867736422</v>
      </c>
      <c r="AM1787">
        <v>7153.0730320066141</v>
      </c>
      <c r="AN1787">
        <v>385564</v>
      </c>
      <c r="AO1787">
        <v>151.98011350156881</v>
      </c>
      <c r="AP1787">
        <v>3474.4969731336741</v>
      </c>
      <c r="AQ1787">
        <v>1.007526178010471</v>
      </c>
      <c r="AR1787">
        <v>3.9816753926701569</v>
      </c>
      <c r="AS1787">
        <v>3045</v>
      </c>
      <c r="AT1787">
        <v>291.76963350785343</v>
      </c>
      <c r="AU1787">
        <v>1.854789036033266E-2</v>
      </c>
      <c r="AV1787">
        <v>2.0788954261914929E-2</v>
      </c>
      <c r="AW1787">
        <v>0.38023560209424079</v>
      </c>
      <c r="AX1787">
        <v>84.232078559738127</v>
      </c>
      <c r="AY1787">
        <v>63</v>
      </c>
      <c r="AZ1787">
        <v>127</v>
      </c>
      <c r="BA1787">
        <v>0.5859082827209241</v>
      </c>
      <c r="BB1787">
        <v>0.49083769633507851</v>
      </c>
      <c r="BC1787">
        <v>5.3009703646442503</v>
      </c>
      <c r="BD1787" t="s">
        <v>6833</v>
      </c>
      <c r="BE1787" t="s">
        <v>62</v>
      </c>
    </row>
    <row r="1788" spans="1:57" x14ac:dyDescent="0.3">
      <c r="A1788" t="s">
        <v>6834</v>
      </c>
      <c r="B1788">
        <v>622</v>
      </c>
      <c r="C1788" t="s">
        <v>6835</v>
      </c>
      <c r="D1788" t="s">
        <v>6836</v>
      </c>
      <c r="E1788" t="s">
        <v>93</v>
      </c>
      <c r="F1788">
        <v>622</v>
      </c>
      <c r="G1788">
        <v>126.8729903536977</v>
      </c>
      <c r="H1788">
        <v>121.5</v>
      </c>
      <c r="I1788">
        <v>5641.914736716948</v>
      </c>
      <c r="J1788">
        <v>75.112680265830932</v>
      </c>
      <c r="K1788">
        <v>6.8184009490953559E-2</v>
      </c>
      <c r="L1788">
        <v>-1.223156554407377</v>
      </c>
      <c r="M1788">
        <v>7.6830650800270046</v>
      </c>
      <c r="N1788">
        <v>8</v>
      </c>
      <c r="O1788">
        <v>1</v>
      </c>
      <c r="P1788">
        <v>7</v>
      </c>
      <c r="Q1788">
        <v>1.428430520311545</v>
      </c>
      <c r="R1788">
        <v>5.3254948982792873</v>
      </c>
      <c r="S1788">
        <v>2</v>
      </c>
      <c r="T1788">
        <v>1</v>
      </c>
      <c r="U1788">
        <v>1</v>
      </c>
      <c r="V1788">
        <v>5.675013916074409E-2</v>
      </c>
      <c r="W1788">
        <v>6.4268663657946066</v>
      </c>
      <c r="X1788">
        <v>1</v>
      </c>
      <c r="Y1788">
        <v>1</v>
      </c>
      <c r="Z1788">
        <v>0</v>
      </c>
      <c r="AA1788">
        <v>0</v>
      </c>
      <c r="AB1788">
        <v>6.4297194780391376</v>
      </c>
      <c r="AC1788">
        <v>1</v>
      </c>
      <c r="AD1788">
        <v>1</v>
      </c>
      <c r="AE1788">
        <v>0</v>
      </c>
      <c r="AF1788">
        <v>0</v>
      </c>
      <c r="AG1788">
        <v>6.4281052726845971</v>
      </c>
      <c r="AH1788">
        <v>1.1342240455498139E-2</v>
      </c>
      <c r="AI1788">
        <v>-4.0112064402183893E-2</v>
      </c>
      <c r="AJ1788">
        <v>6.3921879967643203E-2</v>
      </c>
      <c r="AK1788">
        <v>2.519174800855601E-2</v>
      </c>
      <c r="AL1788">
        <v>1800.701684855215</v>
      </c>
      <c r="AM1788">
        <v>3206.0764872597151</v>
      </c>
      <c r="AN1788">
        <v>78915</v>
      </c>
      <c r="AO1788">
        <v>68.113380711887842</v>
      </c>
      <c r="AP1788">
        <v>1599.0041663066511</v>
      </c>
      <c r="AQ1788">
        <v>1.036977491961415</v>
      </c>
      <c r="AR1788">
        <v>4.022508038585209</v>
      </c>
      <c r="AS1788">
        <v>618</v>
      </c>
      <c r="AT1788">
        <v>184.25723472668821</v>
      </c>
      <c r="AU1788">
        <v>2.9682869932538991E-2</v>
      </c>
      <c r="AV1788">
        <v>1.1349601212047899E-2</v>
      </c>
      <c r="AW1788">
        <v>0.38263665594855312</v>
      </c>
      <c r="AX1788">
        <v>86.576489533011269</v>
      </c>
      <c r="AY1788">
        <v>64.5</v>
      </c>
      <c r="AZ1788">
        <v>130.75</v>
      </c>
      <c r="BA1788">
        <v>0.59203050276052516</v>
      </c>
      <c r="BB1788">
        <v>0.48392282958199362</v>
      </c>
      <c r="BC1788">
        <v>5.1454143308336082</v>
      </c>
      <c r="BD1788" t="s">
        <v>6837</v>
      </c>
      <c r="BE1788" t="s">
        <v>68</v>
      </c>
    </row>
    <row r="1789" spans="1:57" x14ac:dyDescent="0.3">
      <c r="A1789" t="s">
        <v>6838</v>
      </c>
      <c r="B1789">
        <v>150</v>
      </c>
      <c r="C1789" t="s">
        <v>6839</v>
      </c>
      <c r="D1789" t="s">
        <v>6840</v>
      </c>
      <c r="E1789" t="s">
        <v>60</v>
      </c>
      <c r="F1789">
        <v>512</v>
      </c>
      <c r="G1789">
        <v>125.021484375</v>
      </c>
      <c r="H1789">
        <v>125</v>
      </c>
      <c r="I1789">
        <v>5104.5835227966309</v>
      </c>
      <c r="J1789">
        <v>71.446368156797377</v>
      </c>
      <c r="K1789">
        <v>-4.8737960751089604E-3</v>
      </c>
      <c r="L1789">
        <v>-1.128624875155497</v>
      </c>
      <c r="M1789">
        <v>7.5991567032931204</v>
      </c>
      <c r="N1789">
        <v>7</v>
      </c>
      <c r="O1789">
        <v>1</v>
      </c>
      <c r="P1789">
        <v>6</v>
      </c>
      <c r="Q1789">
        <v>1.2030951818243329</v>
      </c>
      <c r="R1789">
        <v>5.267334043520834</v>
      </c>
      <c r="S1789">
        <v>1</v>
      </c>
      <c r="T1789">
        <v>1</v>
      </c>
      <c r="U1789">
        <v>0</v>
      </c>
      <c r="V1789">
        <v>0</v>
      </c>
      <c r="W1789">
        <v>6.2363695902037044</v>
      </c>
      <c r="X1789">
        <v>1</v>
      </c>
      <c r="Y1789">
        <v>1</v>
      </c>
      <c r="Z1789">
        <v>0</v>
      </c>
      <c r="AA1789">
        <v>0</v>
      </c>
      <c r="AB1789">
        <v>6.2344107257183694</v>
      </c>
      <c r="AC1789">
        <v>1</v>
      </c>
      <c r="AD1789">
        <v>1</v>
      </c>
      <c r="AE1789">
        <v>0</v>
      </c>
      <c r="AF1789">
        <v>0</v>
      </c>
      <c r="AG1789">
        <v>6.2324480165505216</v>
      </c>
      <c r="AH1789">
        <v>-2.7621106382857339E-2</v>
      </c>
      <c r="AI1789">
        <v>-3.9431320673116582E-2</v>
      </c>
      <c r="AJ1789">
        <v>1.3236045194818731E-2</v>
      </c>
      <c r="AK1789">
        <v>3.2004608246830983E-2</v>
      </c>
      <c r="AL1789">
        <v>1543.2365999750821</v>
      </c>
      <c r="AM1789">
        <v>2869.6197999904712</v>
      </c>
      <c r="AN1789">
        <v>64011</v>
      </c>
      <c r="AO1789">
        <v>41.475040142775377</v>
      </c>
      <c r="AP1789">
        <v>1361.8716090082301</v>
      </c>
      <c r="AQ1789">
        <v>1.044921875</v>
      </c>
      <c r="AR1789">
        <v>3.966796875</v>
      </c>
      <c r="AS1789">
        <v>510</v>
      </c>
      <c r="AT1789">
        <v>136.828125</v>
      </c>
      <c r="AU1789">
        <v>3.1096210629921291E-2</v>
      </c>
      <c r="AV1789">
        <v>-2.7722076284702309E-2</v>
      </c>
      <c r="AW1789">
        <v>0.38671875</v>
      </c>
      <c r="AX1789">
        <v>82.896281800391392</v>
      </c>
      <c r="AY1789">
        <v>60</v>
      </c>
      <c r="AZ1789">
        <v>120</v>
      </c>
      <c r="BA1789">
        <v>0.57147272338004806</v>
      </c>
      <c r="BB1789">
        <v>0.49609375</v>
      </c>
      <c r="BC1789">
        <v>5.0639942996016316</v>
      </c>
      <c r="BD1789" t="s">
        <v>6841</v>
      </c>
      <c r="BE1789" t="s">
        <v>62</v>
      </c>
    </row>
    <row r="1790" spans="1:57" x14ac:dyDescent="0.3">
      <c r="A1790" t="s">
        <v>6842</v>
      </c>
      <c r="B1790">
        <v>894</v>
      </c>
      <c r="C1790" t="s">
        <v>6843</v>
      </c>
      <c r="D1790" t="s">
        <v>6844</v>
      </c>
      <c r="E1790" t="s">
        <v>66</v>
      </c>
      <c r="F1790">
        <v>70</v>
      </c>
      <c r="G1790">
        <v>114.37142857142859</v>
      </c>
      <c r="H1790">
        <v>94.5</v>
      </c>
      <c r="I1790">
        <v>6918.6620408163262</v>
      </c>
      <c r="J1790">
        <v>83.178495062223419</v>
      </c>
      <c r="K1790">
        <v>0.30137407219608697</v>
      </c>
      <c r="L1790">
        <v>-1.3618039060835629</v>
      </c>
      <c r="M1790">
        <v>5.8791433740260146</v>
      </c>
      <c r="N1790">
        <v>3</v>
      </c>
      <c r="O1790">
        <v>1</v>
      </c>
      <c r="P1790">
        <v>2</v>
      </c>
      <c r="Q1790">
        <v>0.42059370356146131</v>
      </c>
      <c r="R1790">
        <v>4.0751116538138126</v>
      </c>
      <c r="S1790">
        <v>2</v>
      </c>
      <c r="T1790">
        <v>1</v>
      </c>
      <c r="U1790">
        <v>1</v>
      </c>
      <c r="V1790">
        <v>0.1203728348804772</v>
      </c>
      <c r="W1790">
        <v>4.2140152819723324</v>
      </c>
      <c r="X1790">
        <v>1</v>
      </c>
      <c r="Y1790">
        <v>1</v>
      </c>
      <c r="Z1790">
        <v>0</v>
      </c>
      <c r="AA1790">
        <v>0</v>
      </c>
      <c r="AB1790">
        <v>4.2195077051761087</v>
      </c>
      <c r="AC1790">
        <v>1</v>
      </c>
      <c r="AD1790">
        <v>1</v>
      </c>
      <c r="AE1790">
        <v>0</v>
      </c>
      <c r="AF1790">
        <v>0</v>
      </c>
      <c r="AG1790">
        <v>4.2046926193909648</v>
      </c>
      <c r="AH1790">
        <v>0.114943314593241</v>
      </c>
      <c r="AI1790">
        <v>-1.6877608938596082E-2</v>
      </c>
      <c r="AJ1790">
        <v>-0.12532110094526611</v>
      </c>
      <c r="AK1790">
        <v>-0.18039481065846549</v>
      </c>
      <c r="AL1790">
        <v>727.85120496440345</v>
      </c>
      <c r="AM1790">
        <v>932.84330057725447</v>
      </c>
      <c r="AN1790">
        <v>8006</v>
      </c>
      <c r="AO1790">
        <v>144.11078577089449</v>
      </c>
      <c r="AP1790">
        <v>586.5902357716991</v>
      </c>
      <c r="AQ1790">
        <v>1.328571428571429</v>
      </c>
      <c r="AR1790">
        <v>3.8571428571428572</v>
      </c>
      <c r="AS1790">
        <v>70</v>
      </c>
      <c r="AT1790">
        <v>9.7142857142857135</v>
      </c>
      <c r="AU1790">
        <v>0.16085489313835771</v>
      </c>
      <c r="AV1790">
        <v>0.1163797141195955</v>
      </c>
      <c r="AW1790">
        <v>0.38571428571428568</v>
      </c>
      <c r="AX1790">
        <v>88.608695652173907</v>
      </c>
      <c r="AY1790">
        <v>64.5</v>
      </c>
      <c r="AZ1790">
        <v>158.75</v>
      </c>
      <c r="BA1790">
        <v>0.72726638200794902</v>
      </c>
      <c r="BB1790">
        <v>0.45714285714285707</v>
      </c>
      <c r="BC1790">
        <v>3.997936442860333</v>
      </c>
      <c r="BD1790" t="s">
        <v>6845</v>
      </c>
      <c r="BE1790" t="s">
        <v>68</v>
      </c>
    </row>
    <row r="1791" spans="1:57" x14ac:dyDescent="0.3">
      <c r="A1791" t="s">
        <v>6846</v>
      </c>
      <c r="B1791">
        <v>1125</v>
      </c>
      <c r="C1791" t="s">
        <v>6847</v>
      </c>
      <c r="D1791" t="s">
        <v>6848</v>
      </c>
      <c r="E1791" t="s">
        <v>85</v>
      </c>
      <c r="F1791">
        <v>8</v>
      </c>
      <c r="G1791">
        <v>136.75</v>
      </c>
      <c r="H1791">
        <v>133.5</v>
      </c>
      <c r="I1791">
        <v>3930.9375</v>
      </c>
      <c r="J1791">
        <v>62.697188932200142</v>
      </c>
      <c r="K1791">
        <v>5.017358765866145E-2</v>
      </c>
      <c r="L1791">
        <v>-1.1312746407645251</v>
      </c>
      <c r="M1791">
        <v>3</v>
      </c>
      <c r="N1791">
        <v>1</v>
      </c>
      <c r="O1791">
        <v>1</v>
      </c>
      <c r="P1791">
        <v>0</v>
      </c>
      <c r="Q1791">
        <v>0</v>
      </c>
      <c r="R1791">
        <v>2.0794415416798362</v>
      </c>
      <c r="S1791">
        <v>1</v>
      </c>
      <c r="T1791">
        <v>1</v>
      </c>
      <c r="U1791">
        <v>0</v>
      </c>
      <c r="V1791">
        <v>0</v>
      </c>
      <c r="W1791">
        <v>1.945910149055313</v>
      </c>
      <c r="X1791">
        <v>1</v>
      </c>
      <c r="Y1791">
        <v>1</v>
      </c>
      <c r="Z1791">
        <v>0</v>
      </c>
      <c r="AA1791">
        <v>0</v>
      </c>
      <c r="AB1791">
        <v>1.791759469228055</v>
      </c>
      <c r="AC1791">
        <v>1</v>
      </c>
      <c r="AD1791">
        <v>1</v>
      </c>
      <c r="AE1791">
        <v>0</v>
      </c>
      <c r="AF1791">
        <v>0</v>
      </c>
      <c r="AG1791">
        <v>1.6094379124341009</v>
      </c>
      <c r="AH1791">
        <v>-0.60201327609507915</v>
      </c>
      <c r="AI1791">
        <v>0.4124294459019</v>
      </c>
      <c r="AJ1791">
        <v>2.9420065188011761E-2</v>
      </c>
      <c r="AK1791">
        <v>0</v>
      </c>
      <c r="AL1791">
        <v>281.45716709821397</v>
      </c>
      <c r="AM1791">
        <v>319.11418503264332</v>
      </c>
      <c r="AN1791">
        <v>1094</v>
      </c>
      <c r="AO1791">
        <v>60.415229867972847</v>
      </c>
      <c r="AP1791">
        <v>186.20671926244151</v>
      </c>
      <c r="AQ1791">
        <v>3.5</v>
      </c>
      <c r="AR1791">
        <v>4.375</v>
      </c>
      <c r="AS1791">
        <v>8</v>
      </c>
      <c r="AT1791">
        <v>0</v>
      </c>
      <c r="AU1791">
        <v>0.20693277310924371</v>
      </c>
      <c r="AV1791">
        <v>-0.64113161391263729</v>
      </c>
      <c r="AW1791">
        <v>0.5</v>
      </c>
      <c r="AX1791">
        <v>99.285714285714292</v>
      </c>
      <c r="AY1791">
        <v>50</v>
      </c>
      <c r="AZ1791">
        <v>91.75</v>
      </c>
      <c r="BA1791">
        <v>0.45848035782230451</v>
      </c>
      <c r="BB1791">
        <v>0.5</v>
      </c>
      <c r="BC1791">
        <v>1.945910149055313</v>
      </c>
      <c r="BD1791" t="s">
        <v>6847</v>
      </c>
      <c r="BE1791" t="s">
        <v>68</v>
      </c>
    </row>
    <row r="1792" spans="1:57" x14ac:dyDescent="0.3">
      <c r="A1792" t="s">
        <v>6849</v>
      </c>
      <c r="B1792">
        <v>1104</v>
      </c>
      <c r="C1792" t="s">
        <v>6850</v>
      </c>
      <c r="D1792" t="s">
        <v>6851</v>
      </c>
      <c r="E1792" t="s">
        <v>128</v>
      </c>
      <c r="F1792">
        <v>32</v>
      </c>
      <c r="G1792">
        <v>137.34375</v>
      </c>
      <c r="H1792">
        <v>160</v>
      </c>
      <c r="I1792">
        <v>6291.3505859375</v>
      </c>
      <c r="J1792">
        <v>79.31803443062303</v>
      </c>
      <c r="K1792">
        <v>-0.2426941680779359</v>
      </c>
      <c r="L1792">
        <v>-1.3399302485580971</v>
      </c>
      <c r="M1792">
        <v>4.875</v>
      </c>
      <c r="N1792">
        <v>2</v>
      </c>
      <c r="O1792">
        <v>1</v>
      </c>
      <c r="P1792">
        <v>1</v>
      </c>
      <c r="Q1792">
        <v>0.24944382578492941</v>
      </c>
      <c r="R1792">
        <v>3.3790925052297318</v>
      </c>
      <c r="S1792">
        <v>1</v>
      </c>
      <c r="T1792">
        <v>1</v>
      </c>
      <c r="U1792">
        <v>0</v>
      </c>
      <c r="V1792">
        <v>0</v>
      </c>
      <c r="W1792">
        <v>3.4339872044851458</v>
      </c>
      <c r="X1792">
        <v>1</v>
      </c>
      <c r="Y1792">
        <v>1</v>
      </c>
      <c r="Z1792">
        <v>0</v>
      </c>
      <c r="AA1792">
        <v>0</v>
      </c>
      <c r="AB1792">
        <v>3.401197381662155</v>
      </c>
      <c r="AC1792">
        <v>1</v>
      </c>
      <c r="AD1792">
        <v>1</v>
      </c>
      <c r="AE1792">
        <v>0</v>
      </c>
      <c r="AF1792">
        <v>0</v>
      </c>
      <c r="AG1792">
        <v>3.3672958299864728</v>
      </c>
      <c r="AH1792">
        <v>-9.1956882961680239E-2</v>
      </c>
      <c r="AI1792">
        <v>1.0659388595112059E-2</v>
      </c>
      <c r="AJ1792">
        <v>5.9076347495002977E-2</v>
      </c>
      <c r="AK1792">
        <v>0.11869954572428081</v>
      </c>
      <c r="AL1792">
        <v>541.32402776840979</v>
      </c>
      <c r="AM1792">
        <v>715.48395996037948</v>
      </c>
      <c r="AN1792">
        <v>4395</v>
      </c>
      <c r="AO1792">
        <v>169.4254998517047</v>
      </c>
      <c r="AP1792">
        <v>386.72824738524429</v>
      </c>
      <c r="AQ1792">
        <v>1.71875</v>
      </c>
      <c r="AR1792">
        <v>4.4375</v>
      </c>
      <c r="AS1792">
        <v>32</v>
      </c>
      <c r="AT1792">
        <v>1.75</v>
      </c>
      <c r="AU1792">
        <v>0.12549999999999989</v>
      </c>
      <c r="AV1792">
        <v>-9.5475364484181258E-2</v>
      </c>
      <c r="AW1792">
        <v>0.34375</v>
      </c>
      <c r="AX1792">
        <v>99.387096774193552</v>
      </c>
      <c r="AY1792">
        <v>65.5</v>
      </c>
      <c r="AZ1792">
        <v>141.5</v>
      </c>
      <c r="BA1792">
        <v>0.57751469892603802</v>
      </c>
      <c r="BB1792">
        <v>0.53125</v>
      </c>
      <c r="BC1792">
        <v>3.3445488586064429</v>
      </c>
      <c r="BD1792" t="s">
        <v>6852</v>
      </c>
      <c r="BE1792" t="s">
        <v>62</v>
      </c>
    </row>
    <row r="1793" spans="1:57" x14ac:dyDescent="0.3">
      <c r="A1793" t="s">
        <v>6853</v>
      </c>
      <c r="B1793">
        <v>3396</v>
      </c>
      <c r="C1793" t="s">
        <v>6854</v>
      </c>
      <c r="D1793" t="s">
        <v>6855</v>
      </c>
      <c r="E1793" t="s">
        <v>10622</v>
      </c>
      <c r="F1793">
        <v>64</v>
      </c>
      <c r="G1793">
        <v>117.421875</v>
      </c>
      <c r="H1793">
        <v>113</v>
      </c>
      <c r="I1793">
        <v>5417.431396484375</v>
      </c>
      <c r="J1793">
        <v>73.603202352101334</v>
      </c>
      <c r="K1793">
        <v>6.8031445470857987E-2</v>
      </c>
      <c r="L1793">
        <v>-1.2693221589743471</v>
      </c>
      <c r="M1793">
        <v>5.8125</v>
      </c>
      <c r="N1793">
        <v>2</v>
      </c>
      <c r="O1793">
        <v>1</v>
      </c>
      <c r="P1793">
        <v>1</v>
      </c>
      <c r="Q1793">
        <v>0.30454347814923621</v>
      </c>
      <c r="R1793">
        <v>4.0289179870046823</v>
      </c>
      <c r="S1793">
        <v>1</v>
      </c>
      <c r="T1793">
        <v>1</v>
      </c>
      <c r="U1793">
        <v>0</v>
      </c>
      <c r="V1793">
        <v>0</v>
      </c>
      <c r="W1793">
        <v>4.1431347263915326</v>
      </c>
      <c r="X1793">
        <v>1</v>
      </c>
      <c r="Y1793">
        <v>1</v>
      </c>
      <c r="Z1793">
        <v>0</v>
      </c>
      <c r="AA1793">
        <v>0</v>
      </c>
      <c r="AB1793">
        <v>4.1271343850450908</v>
      </c>
      <c r="AC1793">
        <v>1</v>
      </c>
      <c r="AD1793">
        <v>1</v>
      </c>
      <c r="AE1793">
        <v>0</v>
      </c>
      <c r="AF1793">
        <v>0</v>
      </c>
      <c r="AG1793">
        <v>4.1108738641733096</v>
      </c>
      <c r="AH1793">
        <v>5.163857542715912E-2</v>
      </c>
      <c r="AI1793">
        <v>2.7418239288692969E-2</v>
      </c>
      <c r="AJ1793">
        <v>-8.7812420163202023E-2</v>
      </c>
      <c r="AK1793">
        <v>4.8957094823166257E-2</v>
      </c>
      <c r="AL1793">
        <v>645.7372845660027</v>
      </c>
      <c r="AM1793">
        <v>901.20161968414436</v>
      </c>
      <c r="AN1793">
        <v>7515</v>
      </c>
      <c r="AO1793">
        <v>95.908310787235564</v>
      </c>
      <c r="AP1793">
        <v>562.36080087153516</v>
      </c>
      <c r="AQ1793">
        <v>1.359375</v>
      </c>
      <c r="AR1793">
        <v>3.734375</v>
      </c>
      <c r="AS1793">
        <v>64</v>
      </c>
      <c r="AT1793">
        <v>4.8750000000000018</v>
      </c>
      <c r="AU1793">
        <v>8.0357142857142863E-2</v>
      </c>
      <c r="AV1793">
        <v>5.2263656963339657E-2</v>
      </c>
      <c r="AW1793">
        <v>0.359375</v>
      </c>
      <c r="AX1793">
        <v>84.095238095238102</v>
      </c>
      <c r="AY1793">
        <v>63</v>
      </c>
      <c r="AZ1793">
        <v>126</v>
      </c>
      <c r="BA1793">
        <v>0.62682700605914643</v>
      </c>
      <c r="BB1793">
        <v>0.46875</v>
      </c>
      <c r="BC1793">
        <v>3.9450926748029782</v>
      </c>
      <c r="BD1793" t="s">
        <v>6856</v>
      </c>
      <c r="BE1793" t="s">
        <v>62</v>
      </c>
    </row>
    <row r="1794" spans="1:57" x14ac:dyDescent="0.3">
      <c r="A1794" t="s">
        <v>6857</v>
      </c>
      <c r="B1794">
        <v>3560</v>
      </c>
      <c r="C1794" t="s">
        <v>6858</v>
      </c>
      <c r="D1794" t="s">
        <v>6859</v>
      </c>
      <c r="E1794" t="s">
        <v>98</v>
      </c>
      <c r="F1794">
        <v>16</v>
      </c>
      <c r="G1794">
        <v>134.875</v>
      </c>
      <c r="H1794">
        <v>118.5</v>
      </c>
      <c r="I1794">
        <v>6875.359375</v>
      </c>
      <c r="J1794">
        <v>82.917786843354662</v>
      </c>
      <c r="K1794">
        <v>-8.812348574126768E-5</v>
      </c>
      <c r="L1794">
        <v>-1.662860029542093</v>
      </c>
      <c r="M1794">
        <v>4</v>
      </c>
      <c r="N1794">
        <v>1</v>
      </c>
      <c r="O1794">
        <v>1</v>
      </c>
      <c r="P1794">
        <v>0</v>
      </c>
      <c r="Q1794">
        <v>0</v>
      </c>
      <c r="R1794">
        <v>2.7725887222397811</v>
      </c>
      <c r="S1794">
        <v>1</v>
      </c>
      <c r="T1794">
        <v>1</v>
      </c>
      <c r="U1794">
        <v>0</v>
      </c>
      <c r="V1794">
        <v>0</v>
      </c>
      <c r="W1794">
        <v>2.7080502011022101</v>
      </c>
      <c r="X1794">
        <v>1</v>
      </c>
      <c r="Y1794">
        <v>1</v>
      </c>
      <c r="Z1794">
        <v>0</v>
      </c>
      <c r="AA1794">
        <v>0</v>
      </c>
      <c r="AB1794">
        <v>2.639057329615258</v>
      </c>
      <c r="AC1794">
        <v>1</v>
      </c>
      <c r="AD1794">
        <v>1</v>
      </c>
      <c r="AE1794">
        <v>0</v>
      </c>
      <c r="AF1794">
        <v>0</v>
      </c>
      <c r="AG1794">
        <v>2.5649493574615372</v>
      </c>
      <c r="AH1794">
        <v>0.40366625721837268</v>
      </c>
      <c r="AI1794">
        <v>0.12494091217959059</v>
      </c>
      <c r="AJ1794">
        <v>-0.12821673526156591</v>
      </c>
      <c r="AK1794">
        <v>-1.293710783299964E-2</v>
      </c>
      <c r="AL1794">
        <v>396.55976858661819</v>
      </c>
      <c r="AM1794">
        <v>493.76750595652578</v>
      </c>
      <c r="AN1794">
        <v>2158</v>
      </c>
      <c r="AO1794">
        <v>48.332183894378282</v>
      </c>
      <c r="AP1794">
        <v>260.86367141806198</v>
      </c>
      <c r="AQ1794">
        <v>2.3125</v>
      </c>
      <c r="AR1794">
        <v>4.3125</v>
      </c>
      <c r="AS1794">
        <v>16</v>
      </c>
      <c r="AT1794">
        <v>0</v>
      </c>
      <c r="AU1794">
        <v>0.21031746031746029</v>
      </c>
      <c r="AV1794">
        <v>0.441008387507142</v>
      </c>
      <c r="AW1794">
        <v>0.3125</v>
      </c>
      <c r="AX1794">
        <v>60.2</v>
      </c>
      <c r="AY1794">
        <v>89</v>
      </c>
      <c r="AZ1794">
        <v>156.5</v>
      </c>
      <c r="BA1794">
        <v>0.614775064640257</v>
      </c>
      <c r="BB1794">
        <v>0.5</v>
      </c>
      <c r="BC1794">
        <v>2.523210952952891</v>
      </c>
      <c r="BD1794" t="s">
        <v>6858</v>
      </c>
      <c r="BE1794" t="s">
        <v>62</v>
      </c>
    </row>
    <row r="1795" spans="1:57" x14ac:dyDescent="0.3">
      <c r="A1795" t="s">
        <v>6860</v>
      </c>
      <c r="B1795">
        <v>3505</v>
      </c>
      <c r="C1795" t="s">
        <v>6861</v>
      </c>
      <c r="D1795" t="s">
        <v>6862</v>
      </c>
      <c r="E1795" t="s">
        <v>10622</v>
      </c>
      <c r="F1795">
        <v>64</v>
      </c>
      <c r="G1795">
        <v>108.5625</v>
      </c>
      <c r="H1795">
        <v>89.5</v>
      </c>
      <c r="I1795">
        <v>5349.93359375</v>
      </c>
      <c r="J1795">
        <v>73.143240246450659</v>
      </c>
      <c r="K1795">
        <v>0.34961286716847773</v>
      </c>
      <c r="L1795">
        <v>-1.1071517832388389</v>
      </c>
      <c r="M1795">
        <v>5.84375</v>
      </c>
      <c r="N1795">
        <v>2</v>
      </c>
      <c r="O1795">
        <v>1</v>
      </c>
      <c r="P1795">
        <v>1</v>
      </c>
      <c r="Q1795">
        <v>0.27850299534160988</v>
      </c>
      <c r="R1795">
        <v>4.0505788363971806</v>
      </c>
      <c r="S1795">
        <v>1</v>
      </c>
      <c r="T1795">
        <v>1</v>
      </c>
      <c r="U1795">
        <v>0</v>
      </c>
      <c r="V1795">
        <v>0</v>
      </c>
      <c r="W1795">
        <v>4.1431347263915326</v>
      </c>
      <c r="X1795">
        <v>1</v>
      </c>
      <c r="Y1795">
        <v>1</v>
      </c>
      <c r="Z1795">
        <v>0</v>
      </c>
      <c r="AA1795">
        <v>0</v>
      </c>
      <c r="AB1795">
        <v>4.1271343850450908</v>
      </c>
      <c r="AC1795">
        <v>1</v>
      </c>
      <c r="AD1795">
        <v>1</v>
      </c>
      <c r="AE1795">
        <v>0</v>
      </c>
      <c r="AF1795">
        <v>0</v>
      </c>
      <c r="AG1795">
        <v>4.1108738641733096</v>
      </c>
      <c r="AH1795">
        <v>-9.1530061066032509E-2</v>
      </c>
      <c r="AI1795">
        <v>-1.570096974772613E-2</v>
      </c>
      <c r="AJ1795">
        <v>9.1312225600785057E-2</v>
      </c>
      <c r="AK1795">
        <v>-9.0180665392312842E-2</v>
      </c>
      <c r="AL1795">
        <v>605.26210539763542</v>
      </c>
      <c r="AM1795">
        <v>854.60270522016344</v>
      </c>
      <c r="AN1795">
        <v>6948</v>
      </c>
      <c r="AO1795">
        <v>56.440668513147692</v>
      </c>
      <c r="AP1795">
        <v>474.54657404493918</v>
      </c>
      <c r="AQ1795">
        <v>1.359375</v>
      </c>
      <c r="AR1795">
        <v>3.671875</v>
      </c>
      <c r="AS1795">
        <v>63</v>
      </c>
      <c r="AT1795">
        <v>4.2187499999999991</v>
      </c>
      <c r="AU1795">
        <v>0.1757345617529881</v>
      </c>
      <c r="AV1795">
        <v>-9.4836669156978456E-2</v>
      </c>
      <c r="AW1795">
        <v>0.421875</v>
      </c>
      <c r="AX1795">
        <v>89.412698412698418</v>
      </c>
      <c r="AY1795">
        <v>60</v>
      </c>
      <c r="AZ1795">
        <v>118</v>
      </c>
      <c r="BA1795">
        <v>0.67374314562073145</v>
      </c>
      <c r="BB1795">
        <v>0.421875</v>
      </c>
      <c r="BC1795">
        <v>3.89277780391402</v>
      </c>
      <c r="BD1795" t="s">
        <v>6863</v>
      </c>
      <c r="BE1795" t="s">
        <v>62</v>
      </c>
    </row>
    <row r="1796" spans="1:57" x14ac:dyDescent="0.3">
      <c r="A1796" t="s">
        <v>6864</v>
      </c>
      <c r="B1796">
        <v>1258</v>
      </c>
      <c r="C1796" t="s">
        <v>6865</v>
      </c>
      <c r="D1796" t="s">
        <v>6866</v>
      </c>
      <c r="E1796" t="s">
        <v>10622</v>
      </c>
      <c r="F1796">
        <v>64</v>
      </c>
      <c r="G1796">
        <v>135.46875</v>
      </c>
      <c r="H1796">
        <v>148</v>
      </c>
      <c r="I1796">
        <v>5433.6552734375</v>
      </c>
      <c r="J1796">
        <v>73.713331721185284</v>
      </c>
      <c r="K1796">
        <v>-0.17639001673070359</v>
      </c>
      <c r="L1796">
        <v>-1.205649870428078</v>
      </c>
      <c r="M1796">
        <v>5.757659765557392</v>
      </c>
      <c r="N1796">
        <v>3</v>
      </c>
      <c r="O1796">
        <v>1</v>
      </c>
      <c r="P1796">
        <v>2</v>
      </c>
      <c r="Q1796">
        <v>0.42178299228671251</v>
      </c>
      <c r="R1796">
        <v>3.9909056331195418</v>
      </c>
      <c r="S1796">
        <v>1</v>
      </c>
      <c r="T1796">
        <v>1</v>
      </c>
      <c r="U1796">
        <v>0</v>
      </c>
      <c r="V1796">
        <v>0</v>
      </c>
      <c r="W1796">
        <v>4.1431347263915326</v>
      </c>
      <c r="X1796">
        <v>1</v>
      </c>
      <c r="Y1796">
        <v>1</v>
      </c>
      <c r="Z1796">
        <v>0</v>
      </c>
      <c r="AA1796">
        <v>0</v>
      </c>
      <c r="AB1796">
        <v>4.1271343850450908</v>
      </c>
      <c r="AC1796">
        <v>1</v>
      </c>
      <c r="AD1796">
        <v>1</v>
      </c>
      <c r="AE1796">
        <v>0</v>
      </c>
      <c r="AF1796">
        <v>0</v>
      </c>
      <c r="AG1796">
        <v>4.1108738641733096</v>
      </c>
      <c r="AH1796">
        <v>0.26805797928150699</v>
      </c>
      <c r="AI1796">
        <v>-4.1242798877367128E-2</v>
      </c>
      <c r="AJ1796">
        <v>-1.6952553938551738E-2</v>
      </c>
      <c r="AK1796">
        <v>-3.6733526606366612E-2</v>
      </c>
      <c r="AL1796">
        <v>638.75603355049475</v>
      </c>
      <c r="AM1796">
        <v>1055.5845440337021</v>
      </c>
      <c r="AN1796">
        <v>8670</v>
      </c>
      <c r="AO1796">
        <v>111.1765620890006</v>
      </c>
      <c r="AP1796">
        <v>431.94610184338859</v>
      </c>
      <c r="AQ1796">
        <v>1.359375</v>
      </c>
      <c r="AR1796">
        <v>4.09375</v>
      </c>
      <c r="AS1796">
        <v>64</v>
      </c>
      <c r="AT1796">
        <v>9.03125</v>
      </c>
      <c r="AU1796">
        <v>9.4488188976378007E-2</v>
      </c>
      <c r="AV1796">
        <v>0.26931355614557623</v>
      </c>
      <c r="AW1796">
        <v>0.359375</v>
      </c>
      <c r="AX1796">
        <v>71.777777777777771</v>
      </c>
      <c r="AY1796">
        <v>63</v>
      </c>
      <c r="AZ1796">
        <v>123.25</v>
      </c>
      <c r="BA1796">
        <v>0.54413532066388215</v>
      </c>
      <c r="BB1796">
        <v>0.53125</v>
      </c>
      <c r="BC1796">
        <v>3.8487684591165632</v>
      </c>
      <c r="BD1796" t="s">
        <v>6867</v>
      </c>
      <c r="BE1796" t="s">
        <v>62</v>
      </c>
    </row>
    <row r="1797" spans="1:57" x14ac:dyDescent="0.3">
      <c r="A1797" t="s">
        <v>6868</v>
      </c>
      <c r="B1797">
        <v>148</v>
      </c>
      <c r="C1797" t="s">
        <v>6869</v>
      </c>
      <c r="D1797" t="s">
        <v>6870</v>
      </c>
      <c r="E1797" t="s">
        <v>60</v>
      </c>
      <c r="F1797">
        <v>256</v>
      </c>
      <c r="G1797">
        <v>125.87890625</v>
      </c>
      <c r="H1797">
        <v>127</v>
      </c>
      <c r="I1797">
        <v>5588.3954925537109</v>
      </c>
      <c r="J1797">
        <v>74.755571648899263</v>
      </c>
      <c r="K1797">
        <v>1.537432970457701E-2</v>
      </c>
      <c r="L1797">
        <v>-1.1906235678272761</v>
      </c>
      <c r="M1797">
        <v>7.1623330937061898</v>
      </c>
      <c r="N1797">
        <v>5</v>
      </c>
      <c r="O1797">
        <v>1</v>
      </c>
      <c r="P1797">
        <v>4</v>
      </c>
      <c r="Q1797">
        <v>0.844213382581667</v>
      </c>
      <c r="R1797">
        <v>4.9645509901336364</v>
      </c>
      <c r="S1797">
        <v>2</v>
      </c>
      <c r="T1797">
        <v>1</v>
      </c>
      <c r="U1797">
        <v>1</v>
      </c>
      <c r="V1797">
        <v>6.2621943781838038E-2</v>
      </c>
      <c r="W1797">
        <v>5.5358270966834446</v>
      </c>
      <c r="X1797">
        <v>1</v>
      </c>
      <c r="Y1797">
        <v>1</v>
      </c>
      <c r="Z1797">
        <v>0</v>
      </c>
      <c r="AA1797">
        <v>0</v>
      </c>
      <c r="AB1797">
        <v>5.5373342670185366</v>
      </c>
      <c r="AC1797">
        <v>1</v>
      </c>
      <c r="AD1797">
        <v>1</v>
      </c>
      <c r="AE1797">
        <v>0</v>
      </c>
      <c r="AF1797">
        <v>0</v>
      </c>
      <c r="AG1797">
        <v>5.5333894887275203</v>
      </c>
      <c r="AH1797">
        <v>2.541845133310712E-2</v>
      </c>
      <c r="AI1797">
        <v>3.5572023332782157E-2</v>
      </c>
      <c r="AJ1797">
        <v>-3.7512131372445523E-2</v>
      </c>
      <c r="AK1797">
        <v>4.5631219582246113E-2</v>
      </c>
      <c r="AL1797">
        <v>1208.4222070957669</v>
      </c>
      <c r="AM1797">
        <v>2006.6870133126879</v>
      </c>
      <c r="AN1797">
        <v>32225</v>
      </c>
      <c r="AO1797">
        <v>61.253508665002819</v>
      </c>
      <c r="AP1797">
        <v>1102.946814090142</v>
      </c>
      <c r="AQ1797">
        <v>1.08984375</v>
      </c>
      <c r="AR1797">
        <v>3.91796875</v>
      </c>
      <c r="AS1797">
        <v>256</v>
      </c>
      <c r="AT1797">
        <v>73.0625</v>
      </c>
      <c r="AU1797">
        <v>3.7821691176470613E-2</v>
      </c>
      <c r="AV1797">
        <v>2.544916548767789E-2</v>
      </c>
      <c r="AW1797">
        <v>0.375</v>
      </c>
      <c r="AX1797">
        <v>84.89411764705882</v>
      </c>
      <c r="AY1797">
        <v>64.5</v>
      </c>
      <c r="AZ1797">
        <v>124.25</v>
      </c>
      <c r="BA1797">
        <v>0.59386893226123227</v>
      </c>
      <c r="BB1797">
        <v>0.50390625</v>
      </c>
      <c r="BC1797">
        <v>4.7800886253167327</v>
      </c>
      <c r="BD1797" t="s">
        <v>6871</v>
      </c>
      <c r="BE1797" t="s">
        <v>62</v>
      </c>
    </row>
    <row r="1798" spans="1:57" x14ac:dyDescent="0.3">
      <c r="A1798" t="s">
        <v>6872</v>
      </c>
      <c r="B1798">
        <v>1857</v>
      </c>
      <c r="C1798" t="s">
        <v>6873</v>
      </c>
      <c r="D1798" t="s">
        <v>6874</v>
      </c>
      <c r="E1798" t="s">
        <v>85</v>
      </c>
      <c r="F1798">
        <v>8</v>
      </c>
      <c r="G1798">
        <v>114.375</v>
      </c>
      <c r="H1798">
        <v>113</v>
      </c>
      <c r="I1798">
        <v>9113.234375</v>
      </c>
      <c r="J1798">
        <v>95.463261912633172</v>
      </c>
      <c r="K1798">
        <v>4.1082520735169527E-2</v>
      </c>
      <c r="L1798">
        <v>-1.740994011763606</v>
      </c>
      <c r="M1798">
        <v>3</v>
      </c>
      <c r="N1798">
        <v>1</v>
      </c>
      <c r="O1798">
        <v>1</v>
      </c>
      <c r="P1798">
        <v>0</v>
      </c>
      <c r="Q1798">
        <v>0</v>
      </c>
      <c r="R1798">
        <v>2.0794415416798362</v>
      </c>
      <c r="S1798">
        <v>1</v>
      </c>
      <c r="T1798">
        <v>1</v>
      </c>
      <c r="U1798">
        <v>0</v>
      </c>
      <c r="V1798">
        <v>0</v>
      </c>
      <c r="W1798">
        <v>1.945910149055313</v>
      </c>
      <c r="X1798">
        <v>1</v>
      </c>
      <c r="Y1798">
        <v>1</v>
      </c>
      <c r="Z1798">
        <v>0</v>
      </c>
      <c r="AA1798">
        <v>0</v>
      </c>
      <c r="AB1798">
        <v>1.791759469228055</v>
      </c>
      <c r="AC1798">
        <v>1</v>
      </c>
      <c r="AD1798">
        <v>1</v>
      </c>
      <c r="AE1798">
        <v>0</v>
      </c>
      <c r="AF1798">
        <v>0</v>
      </c>
      <c r="AG1798">
        <v>1.6094379124341009</v>
      </c>
      <c r="AH1798">
        <v>0.1382276719811675</v>
      </c>
      <c r="AI1798">
        <v>0.32182548731497979</v>
      </c>
      <c r="AJ1798">
        <v>-0.36851389719964273</v>
      </c>
      <c r="AK1798">
        <v>0</v>
      </c>
      <c r="AL1798">
        <v>337.92524900284627</v>
      </c>
      <c r="AM1798">
        <v>251.7251002311138</v>
      </c>
      <c r="AN1798">
        <v>915</v>
      </c>
      <c r="AO1798">
        <v>61.008713599877353</v>
      </c>
      <c r="AP1798">
        <v>306.84614120575401</v>
      </c>
      <c r="AQ1798">
        <v>3.5</v>
      </c>
      <c r="AR1798">
        <v>3.25</v>
      </c>
      <c r="AS1798">
        <v>8</v>
      </c>
      <c r="AT1798">
        <v>0</v>
      </c>
      <c r="AU1798">
        <v>0.34124472573839659</v>
      </c>
      <c r="AV1798">
        <v>0.2095137523817957</v>
      </c>
      <c r="AW1798">
        <v>0.125</v>
      </c>
      <c r="AX1798">
        <v>92.142857142857139</v>
      </c>
      <c r="AY1798">
        <v>103</v>
      </c>
      <c r="AZ1798">
        <v>196.5</v>
      </c>
      <c r="BA1798">
        <v>0.83465147027438835</v>
      </c>
      <c r="BB1798">
        <v>0.5</v>
      </c>
      <c r="BC1798">
        <v>1.945910149055313</v>
      </c>
      <c r="BD1798" t="s">
        <v>6873</v>
      </c>
      <c r="BE1798" t="s">
        <v>68</v>
      </c>
    </row>
    <row r="1799" spans="1:57" x14ac:dyDescent="0.3">
      <c r="A1799" t="s">
        <v>6875</v>
      </c>
      <c r="B1799">
        <v>136</v>
      </c>
      <c r="C1799" t="s">
        <v>6876</v>
      </c>
      <c r="D1799" t="s">
        <v>6877</v>
      </c>
      <c r="E1799" t="s">
        <v>60</v>
      </c>
      <c r="F1799">
        <v>512</v>
      </c>
      <c r="G1799">
        <v>122.056640625</v>
      </c>
      <c r="H1799">
        <v>115.5</v>
      </c>
      <c r="I1799">
        <v>5518.2174949645996</v>
      </c>
      <c r="J1799">
        <v>74.284705659809944</v>
      </c>
      <c r="K1799">
        <v>0.1187922573416775</v>
      </c>
      <c r="L1799">
        <v>-1.2125406771869349</v>
      </c>
      <c r="M1799">
        <v>7.5867394808312589</v>
      </c>
      <c r="N1799">
        <v>6</v>
      </c>
      <c r="O1799">
        <v>1</v>
      </c>
      <c r="P1799">
        <v>5</v>
      </c>
      <c r="Q1799">
        <v>1.232949832416631</v>
      </c>
      <c r="R1799">
        <v>5.2587270807810089</v>
      </c>
      <c r="S1799">
        <v>2</v>
      </c>
      <c r="T1799">
        <v>1</v>
      </c>
      <c r="U1799">
        <v>1</v>
      </c>
      <c r="V1799">
        <v>7.6620080535545518E-2</v>
      </c>
      <c r="W1799">
        <v>6.2282308757548588</v>
      </c>
      <c r="X1799">
        <v>1</v>
      </c>
      <c r="Y1799">
        <v>1</v>
      </c>
      <c r="Z1799">
        <v>0</v>
      </c>
      <c r="AA1799">
        <v>0</v>
      </c>
      <c r="AB1799">
        <v>6.2344107257183694</v>
      </c>
      <c r="AC1799">
        <v>1</v>
      </c>
      <c r="AD1799">
        <v>1</v>
      </c>
      <c r="AE1799">
        <v>0</v>
      </c>
      <c r="AF1799">
        <v>0</v>
      </c>
      <c r="AG1799">
        <v>6.2324480165505216</v>
      </c>
      <c r="AH1799">
        <v>-1.3241326260790611E-2</v>
      </c>
      <c r="AI1799">
        <v>-8.9834801813833409E-2</v>
      </c>
      <c r="AJ1799">
        <v>0.1016822256183076</v>
      </c>
      <c r="AK1799">
        <v>8.2166123449091411E-2</v>
      </c>
      <c r="AL1799">
        <v>1589.817925791059</v>
      </c>
      <c r="AM1799">
        <v>2815.2250288091391</v>
      </c>
      <c r="AN1799">
        <v>62493</v>
      </c>
      <c r="AO1799">
        <v>94.275703779281457</v>
      </c>
      <c r="AP1799">
        <v>1261.0339666836489</v>
      </c>
      <c r="AQ1799">
        <v>1.044921875</v>
      </c>
      <c r="AR1799">
        <v>3.96875</v>
      </c>
      <c r="AS1799">
        <v>512</v>
      </c>
      <c r="AT1799">
        <v>143.703125</v>
      </c>
      <c r="AU1799">
        <v>6.0830269607843157E-2</v>
      </c>
      <c r="AV1799">
        <v>-1.325073466290377E-2</v>
      </c>
      <c r="AW1799">
        <v>0.39453125</v>
      </c>
      <c r="AX1799">
        <v>85.348336594911942</v>
      </c>
      <c r="AY1799">
        <v>61.5</v>
      </c>
      <c r="AZ1799">
        <v>127</v>
      </c>
      <c r="BA1799">
        <v>0.60860847291412945</v>
      </c>
      <c r="BB1799">
        <v>0.4765625</v>
      </c>
      <c r="BC1799">
        <v>5.1059484753970539</v>
      </c>
      <c r="BD1799" t="s">
        <v>6878</v>
      </c>
      <c r="BE1799" t="s">
        <v>62</v>
      </c>
    </row>
    <row r="1800" spans="1:57" x14ac:dyDescent="0.3">
      <c r="A1800" t="s">
        <v>6879</v>
      </c>
      <c r="B1800">
        <v>3056</v>
      </c>
      <c r="C1800" t="s">
        <v>6880</v>
      </c>
      <c r="D1800" t="s">
        <v>6881</v>
      </c>
      <c r="E1800" t="s">
        <v>93</v>
      </c>
      <c r="F1800">
        <v>3056</v>
      </c>
      <c r="G1800">
        <v>127.31151832460731</v>
      </c>
      <c r="H1800">
        <v>127</v>
      </c>
      <c r="I1800">
        <v>5624.4265165428569</v>
      </c>
      <c r="J1800">
        <v>74.996176679500522</v>
      </c>
      <c r="K1800">
        <v>-4.9466959863555598E-3</v>
      </c>
      <c r="L1800">
        <v>-1.2408959343188259</v>
      </c>
      <c r="M1800">
        <v>7.9259125076599686</v>
      </c>
      <c r="N1800">
        <v>23</v>
      </c>
      <c r="O1800">
        <v>2</v>
      </c>
      <c r="P1800">
        <v>21</v>
      </c>
      <c r="Q1800">
        <v>3.7743997867210619</v>
      </c>
      <c r="R1800">
        <v>5.4938239080493112</v>
      </c>
      <c r="S1800">
        <v>3</v>
      </c>
      <c r="T1800">
        <v>1</v>
      </c>
      <c r="U1800">
        <v>2</v>
      </c>
      <c r="V1800">
        <v>0.15352743409214939</v>
      </c>
      <c r="W1800">
        <v>7.9925990767048258</v>
      </c>
      <c r="X1800">
        <v>1</v>
      </c>
      <c r="Y1800">
        <v>1</v>
      </c>
      <c r="Z1800">
        <v>0</v>
      </c>
      <c r="AA1800">
        <v>0</v>
      </c>
      <c r="AB1800">
        <v>8.0242074857785752</v>
      </c>
      <c r="AC1800">
        <v>1</v>
      </c>
      <c r="AD1800">
        <v>1</v>
      </c>
      <c r="AE1800">
        <v>0</v>
      </c>
      <c r="AF1800">
        <v>0</v>
      </c>
      <c r="AG1800">
        <v>8.0238799927348765</v>
      </c>
      <c r="AH1800">
        <v>-4.5562957362794011E-2</v>
      </c>
      <c r="AI1800">
        <v>-9.4794427904206727E-3</v>
      </c>
      <c r="AJ1800">
        <v>-5.5703956430711733E-3</v>
      </c>
      <c r="AK1800">
        <v>1.9027396263267049E-2</v>
      </c>
      <c r="AL1800">
        <v>3790.9060201234088</v>
      </c>
      <c r="AM1800">
        <v>7235.3028648835498</v>
      </c>
      <c r="AN1800">
        <v>389064</v>
      </c>
      <c r="AO1800">
        <v>133.00674056808819</v>
      </c>
      <c r="AP1800">
        <v>3410.4208564651872</v>
      </c>
      <c r="AQ1800">
        <v>1.007526178010471</v>
      </c>
      <c r="AR1800">
        <v>3.9803664921465969</v>
      </c>
      <c r="AS1800">
        <v>3046</v>
      </c>
      <c r="AT1800">
        <v>305.50785340314133</v>
      </c>
      <c r="AU1800">
        <v>1.9353762447387349E-2</v>
      </c>
      <c r="AV1800">
        <v>-4.5571182849719338E-2</v>
      </c>
      <c r="AW1800">
        <v>0.36583769633507851</v>
      </c>
      <c r="AX1800">
        <v>89.050736497545003</v>
      </c>
      <c r="AY1800">
        <v>66</v>
      </c>
      <c r="AZ1800">
        <v>131</v>
      </c>
      <c r="BA1800">
        <v>0.58907613126003333</v>
      </c>
      <c r="BB1800">
        <v>0.4986910994764398</v>
      </c>
      <c r="BC1800">
        <v>5.3330819420369444</v>
      </c>
      <c r="BD1800" t="s">
        <v>6882</v>
      </c>
      <c r="BE1800" t="s">
        <v>62</v>
      </c>
    </row>
    <row r="1801" spans="1:57" x14ac:dyDescent="0.3">
      <c r="A1801" t="s">
        <v>6883</v>
      </c>
      <c r="B1801">
        <v>2746</v>
      </c>
      <c r="C1801" t="s">
        <v>6884</v>
      </c>
      <c r="D1801" t="s">
        <v>6885</v>
      </c>
      <c r="E1801" t="s">
        <v>115</v>
      </c>
      <c r="F1801">
        <v>2800</v>
      </c>
      <c r="G1801">
        <v>126.9632142857143</v>
      </c>
      <c r="H1801">
        <v>127</v>
      </c>
      <c r="I1801">
        <v>5627.196146811224</v>
      </c>
      <c r="J1801">
        <v>75.014639549965338</v>
      </c>
      <c r="K1801">
        <v>-9.700809287745976E-4</v>
      </c>
      <c r="L1801">
        <v>-1.213410763957155</v>
      </c>
      <c r="M1801">
        <v>7.9452675917526641</v>
      </c>
      <c r="N1801">
        <v>19</v>
      </c>
      <c r="O1801">
        <v>2</v>
      </c>
      <c r="P1801">
        <v>17</v>
      </c>
      <c r="Q1801">
        <v>2.956058397596367</v>
      </c>
      <c r="R1801">
        <v>5.5072398300176646</v>
      </c>
      <c r="S1801">
        <v>2</v>
      </c>
      <c r="T1801">
        <v>1</v>
      </c>
      <c r="U1801">
        <v>1</v>
      </c>
      <c r="V1801">
        <v>0.14014985049874359</v>
      </c>
      <c r="W1801">
        <v>7.9097769786681544</v>
      </c>
      <c r="X1801">
        <v>1</v>
      </c>
      <c r="Y1801">
        <v>1</v>
      </c>
      <c r="Z1801">
        <v>0</v>
      </c>
      <c r="AA1801">
        <v>0</v>
      </c>
      <c r="AB1801">
        <v>7.9366601552254288</v>
      </c>
      <c r="AC1801">
        <v>1</v>
      </c>
      <c r="AD1801">
        <v>1</v>
      </c>
      <c r="AE1801">
        <v>0</v>
      </c>
      <c r="AF1801">
        <v>0</v>
      </c>
      <c r="AG1801">
        <v>7.9363026932019611</v>
      </c>
      <c r="AH1801">
        <v>4.4611751301610367E-2</v>
      </c>
      <c r="AI1801">
        <v>1.4166664801551531E-2</v>
      </c>
      <c r="AJ1801">
        <v>3.122265862455567E-3</v>
      </c>
      <c r="AK1801">
        <v>5.0275072231767493E-3</v>
      </c>
      <c r="AL1801">
        <v>3619.4941039773539</v>
      </c>
      <c r="AM1801">
        <v>6913.0639684059906</v>
      </c>
      <c r="AN1801">
        <v>355497</v>
      </c>
      <c r="AO1801">
        <v>51.470424454147363</v>
      </c>
      <c r="AP1801">
        <v>3270.5175311168591</v>
      </c>
      <c r="AQ1801">
        <v>1.008214285714286</v>
      </c>
      <c r="AR1801">
        <v>3.9771428571428569</v>
      </c>
      <c r="AS1801">
        <v>2794</v>
      </c>
      <c r="AT1801">
        <v>204.52571428571429</v>
      </c>
      <c r="AU1801">
        <v>1.7668067226890748E-2</v>
      </c>
      <c r="AV1801">
        <v>4.4630861166729298E-2</v>
      </c>
      <c r="AW1801">
        <v>0.36285714285714288</v>
      </c>
      <c r="AX1801">
        <v>84.088960342979632</v>
      </c>
      <c r="AY1801">
        <v>65</v>
      </c>
      <c r="AZ1801">
        <v>130.25</v>
      </c>
      <c r="BA1801">
        <v>0.59083759002158376</v>
      </c>
      <c r="BB1801">
        <v>0.50214285714285711</v>
      </c>
      <c r="BC1801">
        <v>5.2956031192323616</v>
      </c>
      <c r="BD1801" t="s">
        <v>6886</v>
      </c>
      <c r="BE1801" t="s">
        <v>62</v>
      </c>
    </row>
    <row r="1802" spans="1:57" x14ac:dyDescent="0.3">
      <c r="A1802" t="s">
        <v>6887</v>
      </c>
      <c r="B1802">
        <v>3828</v>
      </c>
      <c r="C1802" t="s">
        <v>6888</v>
      </c>
      <c r="D1802" t="s">
        <v>6889</v>
      </c>
      <c r="E1802" t="s">
        <v>106</v>
      </c>
      <c r="F1802">
        <v>3854</v>
      </c>
      <c r="G1802">
        <v>125.47016087182151</v>
      </c>
      <c r="H1802">
        <v>125</v>
      </c>
      <c r="I1802">
        <v>5436.2973711728746</v>
      </c>
      <c r="J1802">
        <v>73.731250980658629</v>
      </c>
      <c r="K1802">
        <v>3.4119527392967593E-2</v>
      </c>
      <c r="L1802">
        <v>-1.2015702759529061</v>
      </c>
      <c r="M1802">
        <v>7.9592719556149456</v>
      </c>
      <c r="N1802">
        <v>27</v>
      </c>
      <c r="O1802">
        <v>5</v>
      </c>
      <c r="P1802">
        <v>22</v>
      </c>
      <c r="Q1802">
        <v>3.5702954047730771</v>
      </c>
      <c r="R1802">
        <v>5.5169469153443416</v>
      </c>
      <c r="S1802">
        <v>3</v>
      </c>
      <c r="T1802">
        <v>1</v>
      </c>
      <c r="U1802">
        <v>2</v>
      </c>
      <c r="V1802">
        <v>0.17506014230559919</v>
      </c>
      <c r="W1802">
        <v>8.2159027734149657</v>
      </c>
      <c r="X1802">
        <v>1</v>
      </c>
      <c r="Y1802">
        <v>1</v>
      </c>
      <c r="Z1802">
        <v>0</v>
      </c>
      <c r="AA1802">
        <v>0</v>
      </c>
      <c r="AB1802">
        <v>8.2563477729180139</v>
      </c>
      <c r="AC1802">
        <v>1</v>
      </c>
      <c r="AD1802">
        <v>1</v>
      </c>
      <c r="AE1802">
        <v>0</v>
      </c>
      <c r="AF1802">
        <v>0</v>
      </c>
      <c r="AG1802">
        <v>8.2560881338149095</v>
      </c>
      <c r="AH1802">
        <v>-2.3435273393226739E-2</v>
      </c>
      <c r="AI1802">
        <v>-7.6593384104106143E-3</v>
      </c>
      <c r="AJ1802">
        <v>-1.178887884366526E-2</v>
      </c>
      <c r="AK1802">
        <v>6.6645331976979204E-4</v>
      </c>
      <c r="AL1802">
        <v>4194.3882227112854</v>
      </c>
      <c r="AM1802">
        <v>8001.9497272340368</v>
      </c>
      <c r="AN1802">
        <v>483562</v>
      </c>
      <c r="AO1802">
        <v>221.22137349958211</v>
      </c>
      <c r="AP1802">
        <v>3800.0245012530081</v>
      </c>
      <c r="AQ1802">
        <v>1.005967825635703</v>
      </c>
      <c r="AR1802">
        <v>3.9538142189932541</v>
      </c>
      <c r="AS1802">
        <v>3841</v>
      </c>
      <c r="AT1802">
        <v>216.75869226777371</v>
      </c>
      <c r="AU1802">
        <v>1.8726660357967769E-2</v>
      </c>
      <c r="AV1802">
        <v>-2.3437636331301161E-2</v>
      </c>
      <c r="AW1802">
        <v>0.37597301504929942</v>
      </c>
      <c r="AX1802">
        <v>86.581884246042051</v>
      </c>
      <c r="AY1802">
        <v>63</v>
      </c>
      <c r="AZ1802">
        <v>126.75</v>
      </c>
      <c r="BA1802">
        <v>0.58763972619738192</v>
      </c>
      <c r="BB1802">
        <v>0.49922158796056038</v>
      </c>
      <c r="BC1802">
        <v>5.327699911222048</v>
      </c>
      <c r="BD1802" t="s">
        <v>6890</v>
      </c>
      <c r="BE1802" t="s">
        <v>68</v>
      </c>
    </row>
    <row r="1803" spans="1:57" x14ac:dyDescent="0.3">
      <c r="A1803" t="s">
        <v>6891</v>
      </c>
      <c r="B1803">
        <v>2257</v>
      </c>
      <c r="C1803" t="s">
        <v>6892</v>
      </c>
      <c r="D1803" t="s">
        <v>6893</v>
      </c>
      <c r="E1803" t="s">
        <v>66</v>
      </c>
      <c r="F1803">
        <v>71</v>
      </c>
      <c r="G1803">
        <v>114.19718309859159</v>
      </c>
      <c r="H1803">
        <v>120</v>
      </c>
      <c r="I1803">
        <v>5699.4540765721076</v>
      </c>
      <c r="J1803">
        <v>75.494728799910973</v>
      </c>
      <c r="K1803">
        <v>8.0594804153014774E-2</v>
      </c>
      <c r="L1803">
        <v>-1.313540420382654</v>
      </c>
      <c r="M1803">
        <v>5.6777784574719048</v>
      </c>
      <c r="N1803">
        <v>3</v>
      </c>
      <c r="O1803">
        <v>1</v>
      </c>
      <c r="P1803">
        <v>2</v>
      </c>
      <c r="Q1803">
        <v>0.52821232895759818</v>
      </c>
      <c r="R1803">
        <v>3.9355361296406488</v>
      </c>
      <c r="S1803">
        <v>1</v>
      </c>
      <c r="T1803">
        <v>1</v>
      </c>
      <c r="U1803">
        <v>0</v>
      </c>
      <c r="V1803">
        <v>0</v>
      </c>
      <c r="W1803">
        <v>4.2484952420493576</v>
      </c>
      <c r="X1803">
        <v>1</v>
      </c>
      <c r="Y1803">
        <v>1</v>
      </c>
      <c r="Z1803">
        <v>0</v>
      </c>
      <c r="AA1803">
        <v>0</v>
      </c>
      <c r="AB1803">
        <v>4.2341065045972579</v>
      </c>
      <c r="AC1803">
        <v>1</v>
      </c>
      <c r="AD1803">
        <v>1</v>
      </c>
      <c r="AE1803">
        <v>0</v>
      </c>
      <c r="AF1803">
        <v>0</v>
      </c>
      <c r="AG1803">
        <v>4.2195077051761087</v>
      </c>
      <c r="AH1803">
        <v>1.685559555628376E-2</v>
      </c>
      <c r="AI1803">
        <v>-1.6604308396881321E-2</v>
      </c>
      <c r="AJ1803">
        <v>8.0144630006051279E-2</v>
      </c>
      <c r="AK1803">
        <v>-9.0124370613660326E-2</v>
      </c>
      <c r="AL1803">
        <v>680.99472220165467</v>
      </c>
      <c r="AM1803">
        <v>931.03071288410854</v>
      </c>
      <c r="AN1803">
        <v>8108</v>
      </c>
      <c r="AO1803">
        <v>66.758342958249443</v>
      </c>
      <c r="AP1803">
        <v>515.55936353495838</v>
      </c>
      <c r="AQ1803">
        <v>1.323943661971831</v>
      </c>
      <c r="AR1803">
        <v>3.830985915492958</v>
      </c>
      <c r="AS1803">
        <v>70</v>
      </c>
      <c r="AT1803">
        <v>11.88732394366197</v>
      </c>
      <c r="AU1803">
        <v>0.1324945721761398</v>
      </c>
      <c r="AV1803">
        <v>1.689515241235174E-2</v>
      </c>
      <c r="AW1803">
        <v>0.38028169014084512</v>
      </c>
      <c r="AX1803">
        <v>86.342857142857142</v>
      </c>
      <c r="AY1803">
        <v>70</v>
      </c>
      <c r="AZ1803">
        <v>148.5</v>
      </c>
      <c r="BA1803">
        <v>0.66109098973775027</v>
      </c>
      <c r="BB1803">
        <v>0.52112676056338025</v>
      </c>
      <c r="BC1803">
        <v>4.0627824221373086</v>
      </c>
      <c r="BD1803" t="s">
        <v>6894</v>
      </c>
      <c r="BE1803" t="s">
        <v>68</v>
      </c>
    </row>
    <row r="1804" spans="1:57" x14ac:dyDescent="0.3">
      <c r="A1804" t="s">
        <v>4032</v>
      </c>
      <c r="B1804">
        <v>1002</v>
      </c>
      <c r="C1804" t="s">
        <v>4033</v>
      </c>
      <c r="D1804" t="s">
        <v>4034</v>
      </c>
      <c r="E1804" t="s">
        <v>93</v>
      </c>
      <c r="F1804">
        <v>1002</v>
      </c>
      <c r="G1804">
        <v>127.3802395209581</v>
      </c>
      <c r="H1804">
        <v>128</v>
      </c>
      <c r="I1804">
        <v>5711.9322642140869</v>
      </c>
      <c r="J1804">
        <v>75.577326389692345</v>
      </c>
      <c r="K1804">
        <v>-2.0186005022627011E-2</v>
      </c>
      <c r="L1804">
        <v>-1.2692714260737541</v>
      </c>
      <c r="M1804">
        <v>7.7954309319382773</v>
      </c>
      <c r="N1804">
        <v>10</v>
      </c>
      <c r="O1804">
        <v>1</v>
      </c>
      <c r="P1804">
        <v>9</v>
      </c>
      <c r="Q1804">
        <v>1.9031314521186291</v>
      </c>
      <c r="R1804">
        <v>5.4033809717228243</v>
      </c>
      <c r="S1804">
        <v>2</v>
      </c>
      <c r="T1804">
        <v>1</v>
      </c>
      <c r="U1804">
        <v>1</v>
      </c>
      <c r="V1804">
        <v>9.9944948653193783E-2</v>
      </c>
      <c r="W1804">
        <v>6.8949056847985366</v>
      </c>
      <c r="X1804">
        <v>1</v>
      </c>
      <c r="Y1804">
        <v>1</v>
      </c>
      <c r="Z1804">
        <v>0</v>
      </c>
      <c r="AA1804">
        <v>0</v>
      </c>
      <c r="AB1804">
        <v>6.9077552789821342</v>
      </c>
      <c r="AC1804">
        <v>1</v>
      </c>
      <c r="AD1804">
        <v>1</v>
      </c>
      <c r="AE1804">
        <v>0</v>
      </c>
      <c r="AF1804">
        <v>0</v>
      </c>
      <c r="AG1804">
        <v>6.906754778648553</v>
      </c>
      <c r="AH1804">
        <v>1.5412658042369579E-2</v>
      </c>
      <c r="AI1804">
        <v>-4.0699361811332227E-2</v>
      </c>
      <c r="AJ1804">
        <v>-2.3041649734072769E-2</v>
      </c>
      <c r="AK1804">
        <v>6.6889436918700102E-3</v>
      </c>
      <c r="AL1804">
        <v>2222.7790352963661</v>
      </c>
      <c r="AM1804">
        <v>4128.0487352073442</v>
      </c>
      <c r="AN1804">
        <v>127635</v>
      </c>
      <c r="AO1804">
        <v>32.184174691574867</v>
      </c>
      <c r="AP1804">
        <v>1954.098574552813</v>
      </c>
      <c r="AQ1804">
        <v>1.0229540918163671</v>
      </c>
      <c r="AR1804">
        <v>4.0319361277445109</v>
      </c>
      <c r="AS1804">
        <v>996</v>
      </c>
      <c r="AT1804">
        <v>224.11377245508979</v>
      </c>
      <c r="AU1804">
        <v>3.2006575085123827E-2</v>
      </c>
      <c r="AV1804">
        <v>1.543018221391312E-2</v>
      </c>
      <c r="AW1804">
        <v>0.3602794411177645</v>
      </c>
      <c r="AX1804">
        <v>86.410589410589409</v>
      </c>
      <c r="AY1804">
        <v>65</v>
      </c>
      <c r="AZ1804">
        <v>131</v>
      </c>
      <c r="BA1804">
        <v>0.59332064905763882</v>
      </c>
      <c r="BB1804">
        <v>0.5</v>
      </c>
      <c r="BC1804">
        <v>5.2325469064202661</v>
      </c>
      <c r="BD1804" t="s">
        <v>4035</v>
      </c>
      <c r="BE1804" t="s">
        <v>68</v>
      </c>
    </row>
    <row r="1805" spans="1:57" x14ac:dyDescent="0.3">
      <c r="A1805" t="s">
        <v>6895</v>
      </c>
      <c r="B1805">
        <v>3975</v>
      </c>
      <c r="C1805" t="s">
        <v>6896</v>
      </c>
      <c r="D1805" t="s">
        <v>6897</v>
      </c>
      <c r="E1805" t="s">
        <v>98</v>
      </c>
      <c r="F1805">
        <v>16</v>
      </c>
      <c r="G1805">
        <v>148.8125</v>
      </c>
      <c r="H1805">
        <v>145.5</v>
      </c>
      <c r="I1805">
        <v>7683.15234375</v>
      </c>
      <c r="J1805">
        <v>87.653592874165753</v>
      </c>
      <c r="K1805">
        <v>-0.20198858781105081</v>
      </c>
      <c r="L1805">
        <v>-1.5211575153475481</v>
      </c>
      <c r="M1805">
        <v>3.875</v>
      </c>
      <c r="N1805">
        <v>2</v>
      </c>
      <c r="O1805">
        <v>1</v>
      </c>
      <c r="P1805">
        <v>1</v>
      </c>
      <c r="Q1805">
        <v>0.24944382578492949</v>
      </c>
      <c r="R1805">
        <v>2.6859453246697882</v>
      </c>
      <c r="S1805">
        <v>1</v>
      </c>
      <c r="T1805">
        <v>1</v>
      </c>
      <c r="U1805">
        <v>0</v>
      </c>
      <c r="V1805">
        <v>0</v>
      </c>
      <c r="W1805">
        <v>2.7080502011022101</v>
      </c>
      <c r="X1805">
        <v>1</v>
      </c>
      <c r="Y1805">
        <v>1</v>
      </c>
      <c r="Z1805">
        <v>0</v>
      </c>
      <c r="AA1805">
        <v>0</v>
      </c>
      <c r="AB1805">
        <v>2.639057329615258</v>
      </c>
      <c r="AC1805">
        <v>1</v>
      </c>
      <c r="AD1805">
        <v>1</v>
      </c>
      <c r="AE1805">
        <v>0</v>
      </c>
      <c r="AF1805">
        <v>0</v>
      </c>
      <c r="AG1805">
        <v>2.5649493574615372</v>
      </c>
      <c r="AH1805">
        <v>-7.797883787934945E-2</v>
      </c>
      <c r="AI1805">
        <v>-0.45377905543124752</v>
      </c>
      <c r="AJ1805">
        <v>-0.32266612799820221</v>
      </c>
      <c r="AK1805">
        <v>-4.509492665313259E-2</v>
      </c>
      <c r="AL1805">
        <v>442.89649079559479</v>
      </c>
      <c r="AM1805">
        <v>530.18458902626321</v>
      </c>
      <c r="AN1805">
        <v>2381</v>
      </c>
      <c r="AO1805">
        <v>50.902999654957867</v>
      </c>
      <c r="AP1805">
        <v>312.58064847957849</v>
      </c>
      <c r="AQ1805">
        <v>2.3125</v>
      </c>
      <c r="AR1805">
        <v>4.25</v>
      </c>
      <c r="AS1805">
        <v>16</v>
      </c>
      <c r="AT1805">
        <v>0.87499999999999989</v>
      </c>
      <c r="AU1805">
        <v>0.28848039215686272</v>
      </c>
      <c r="AV1805">
        <v>-7.9159937724941967E-2</v>
      </c>
      <c r="AW1805">
        <v>0.3125</v>
      </c>
      <c r="AX1805">
        <v>111.06666666666671</v>
      </c>
      <c r="AY1805">
        <v>89.5</v>
      </c>
      <c r="AZ1805">
        <v>176</v>
      </c>
      <c r="BA1805">
        <v>0.58902036370711974</v>
      </c>
      <c r="BB1805">
        <v>0.5</v>
      </c>
      <c r="BC1805">
        <v>2.615630577027551</v>
      </c>
      <c r="BD1805" t="s">
        <v>6896</v>
      </c>
      <c r="BE1805" t="s">
        <v>62</v>
      </c>
    </row>
    <row r="1806" spans="1:57" x14ac:dyDescent="0.3">
      <c r="A1806" t="s">
        <v>6898</v>
      </c>
      <c r="B1806">
        <v>590</v>
      </c>
      <c r="C1806" t="s">
        <v>6899</v>
      </c>
      <c r="D1806" t="s">
        <v>6900</v>
      </c>
      <c r="E1806" t="s">
        <v>72</v>
      </c>
      <c r="F1806">
        <v>592</v>
      </c>
      <c r="G1806">
        <v>130.85641891891891</v>
      </c>
      <c r="H1806">
        <v>134.5</v>
      </c>
      <c r="I1806">
        <v>5220.8324250136957</v>
      </c>
      <c r="J1806">
        <v>72.25532800433264</v>
      </c>
      <c r="K1806">
        <v>-4.2940725774903668E-2</v>
      </c>
      <c r="L1806">
        <v>-1.105051457243609</v>
      </c>
      <c r="M1806">
        <v>7.6487253170661509</v>
      </c>
      <c r="N1806">
        <v>8</v>
      </c>
      <c r="O1806">
        <v>1</v>
      </c>
      <c r="P1806">
        <v>7</v>
      </c>
      <c r="Q1806">
        <v>1.3664564181046099</v>
      </c>
      <c r="R1806">
        <v>5.3016923884018912</v>
      </c>
      <c r="S1806">
        <v>2</v>
      </c>
      <c r="T1806">
        <v>1</v>
      </c>
      <c r="U1806">
        <v>1</v>
      </c>
      <c r="V1806">
        <v>4.1134444405124058E-2</v>
      </c>
      <c r="W1806">
        <v>6.3794703416681644</v>
      </c>
      <c r="X1806">
        <v>1</v>
      </c>
      <c r="Y1806">
        <v>1</v>
      </c>
      <c r="Z1806">
        <v>0</v>
      </c>
      <c r="AA1806">
        <v>0</v>
      </c>
      <c r="AB1806">
        <v>6.3801225368997674</v>
      </c>
      <c r="AC1806">
        <v>1</v>
      </c>
      <c r="AD1806">
        <v>1</v>
      </c>
      <c r="AE1806">
        <v>0</v>
      </c>
      <c r="AF1806">
        <v>0</v>
      </c>
      <c r="AG1806">
        <v>6.3784261836515856</v>
      </c>
      <c r="AH1806">
        <v>1.6724596242723409E-2</v>
      </c>
      <c r="AI1806">
        <v>8.4018359773501639E-2</v>
      </c>
      <c r="AJ1806">
        <v>5.5954481590904187E-2</v>
      </c>
      <c r="AK1806">
        <v>0.1020594884430498</v>
      </c>
      <c r="AL1806">
        <v>1664.096199136003</v>
      </c>
      <c r="AM1806">
        <v>3233.9713727893609</v>
      </c>
      <c r="AN1806">
        <v>77467</v>
      </c>
      <c r="AO1806">
        <v>36.458618686255072</v>
      </c>
      <c r="AP1806">
        <v>1356.571523711046</v>
      </c>
      <c r="AQ1806">
        <v>1.0388513513513511</v>
      </c>
      <c r="AR1806">
        <v>4.0118243243243246</v>
      </c>
      <c r="AS1806">
        <v>589</v>
      </c>
      <c r="AT1806">
        <v>165.402027027027</v>
      </c>
      <c r="AU1806">
        <v>4.0507419183889781E-2</v>
      </c>
      <c r="AV1806">
        <v>1.6757239135945162E-2</v>
      </c>
      <c r="AW1806">
        <v>0.36655405405405411</v>
      </c>
      <c r="AX1806">
        <v>82.883248730964468</v>
      </c>
      <c r="AY1806">
        <v>59.5</v>
      </c>
      <c r="AZ1806">
        <v>121.25</v>
      </c>
      <c r="BA1806">
        <v>0.55217259192385049</v>
      </c>
      <c r="BB1806">
        <v>0.51858108108108103</v>
      </c>
      <c r="BC1806">
        <v>5.1168937017879834</v>
      </c>
      <c r="BD1806" t="s">
        <v>6901</v>
      </c>
      <c r="BE1806" t="s">
        <v>62</v>
      </c>
    </row>
    <row r="1807" spans="1:57" x14ac:dyDescent="0.3">
      <c r="A1807" t="s">
        <v>6902</v>
      </c>
      <c r="B1807">
        <v>3984</v>
      </c>
      <c r="C1807" t="s">
        <v>6903</v>
      </c>
      <c r="D1807" t="s">
        <v>6904</v>
      </c>
      <c r="E1807" t="s">
        <v>128</v>
      </c>
      <c r="F1807">
        <v>32</v>
      </c>
      <c r="G1807">
        <v>127.25</v>
      </c>
      <c r="H1807">
        <v>145.5</v>
      </c>
      <c r="I1807">
        <v>4247.875</v>
      </c>
      <c r="J1807">
        <v>65.175724008253255</v>
      </c>
      <c r="K1807">
        <v>-0.42691300804810339</v>
      </c>
      <c r="L1807">
        <v>-0.98567971118918507</v>
      </c>
      <c r="M1807">
        <v>4.8125</v>
      </c>
      <c r="N1807">
        <v>2</v>
      </c>
      <c r="O1807">
        <v>1</v>
      </c>
      <c r="P1807">
        <v>1</v>
      </c>
      <c r="Q1807">
        <v>0.3045434781492361</v>
      </c>
      <c r="R1807">
        <v>3.335770806444736</v>
      </c>
      <c r="S1807">
        <v>1</v>
      </c>
      <c r="T1807">
        <v>1</v>
      </c>
      <c r="U1807">
        <v>0</v>
      </c>
      <c r="V1807">
        <v>0</v>
      </c>
      <c r="W1807">
        <v>3.4339872044851458</v>
      </c>
      <c r="X1807">
        <v>1</v>
      </c>
      <c r="Y1807">
        <v>1</v>
      </c>
      <c r="Z1807">
        <v>0</v>
      </c>
      <c r="AA1807">
        <v>0</v>
      </c>
      <c r="AB1807">
        <v>3.401197381662155</v>
      </c>
      <c r="AC1807">
        <v>1</v>
      </c>
      <c r="AD1807">
        <v>1</v>
      </c>
      <c r="AE1807">
        <v>0</v>
      </c>
      <c r="AF1807">
        <v>0</v>
      </c>
      <c r="AG1807">
        <v>3.3672958299864728</v>
      </c>
      <c r="AH1807">
        <v>-4.1962617338080807E-2</v>
      </c>
      <c r="AI1807">
        <v>-7.5264654386016538E-2</v>
      </c>
      <c r="AJ1807">
        <v>2.868621810905453E-3</v>
      </c>
      <c r="AK1807">
        <v>-0.1331630888973899</v>
      </c>
      <c r="AL1807">
        <v>460.63107877055802</v>
      </c>
      <c r="AM1807">
        <v>664.76537911557341</v>
      </c>
      <c r="AN1807">
        <v>4072</v>
      </c>
      <c r="AO1807">
        <v>104.12528039829169</v>
      </c>
      <c r="AP1807">
        <v>353.60722870954169</v>
      </c>
      <c r="AQ1807">
        <v>1.71875</v>
      </c>
      <c r="AR1807">
        <v>3.59375</v>
      </c>
      <c r="AS1807">
        <v>32</v>
      </c>
      <c r="AT1807">
        <v>2.4375</v>
      </c>
      <c r="AU1807">
        <v>0.17425847457627119</v>
      </c>
      <c r="AV1807">
        <v>-4.5761758431807721E-2</v>
      </c>
      <c r="AW1807">
        <v>0.28125</v>
      </c>
      <c r="AX1807">
        <v>78.774193548387103</v>
      </c>
      <c r="AY1807">
        <v>36</v>
      </c>
      <c r="AZ1807">
        <v>103.25</v>
      </c>
      <c r="BA1807">
        <v>0.51218643621417093</v>
      </c>
      <c r="BB1807">
        <v>0.625</v>
      </c>
      <c r="BC1807">
        <v>3.2382315403482389</v>
      </c>
      <c r="BD1807" t="s">
        <v>6905</v>
      </c>
      <c r="BE1807" t="s">
        <v>62</v>
      </c>
    </row>
    <row r="1808" spans="1:57" x14ac:dyDescent="0.3">
      <c r="A1808" t="s">
        <v>6906</v>
      </c>
      <c r="B1808">
        <v>129</v>
      </c>
      <c r="C1808" t="s">
        <v>6907</v>
      </c>
      <c r="D1808" t="s">
        <v>6908</v>
      </c>
      <c r="E1808" t="s">
        <v>60</v>
      </c>
      <c r="F1808">
        <v>256</v>
      </c>
      <c r="G1808">
        <v>129.87109375</v>
      </c>
      <c r="H1808">
        <v>131</v>
      </c>
      <c r="I1808">
        <v>5326.3076019287109</v>
      </c>
      <c r="J1808">
        <v>72.981556587460588</v>
      </c>
      <c r="K1808">
        <v>-6.6361012291432209E-2</v>
      </c>
      <c r="L1808">
        <v>-1.129849891489132</v>
      </c>
      <c r="M1808">
        <v>7.220359472504132</v>
      </c>
      <c r="N1808">
        <v>4</v>
      </c>
      <c r="O1808">
        <v>1</v>
      </c>
      <c r="P1808">
        <v>3</v>
      </c>
      <c r="Q1808">
        <v>0.7573130183044684</v>
      </c>
      <c r="R1808">
        <v>5.0047718109955328</v>
      </c>
      <c r="S1808">
        <v>1</v>
      </c>
      <c r="T1808">
        <v>1</v>
      </c>
      <c r="U1808">
        <v>0</v>
      </c>
      <c r="V1808">
        <v>0</v>
      </c>
      <c r="W1808">
        <v>5.541263545158424</v>
      </c>
      <c r="X1808">
        <v>1</v>
      </c>
      <c r="Y1808">
        <v>1</v>
      </c>
      <c r="Z1808">
        <v>0</v>
      </c>
      <c r="AA1808">
        <v>0</v>
      </c>
      <c r="AB1808">
        <v>5.5373342670185366</v>
      </c>
      <c r="AC1808">
        <v>1</v>
      </c>
      <c r="AD1808">
        <v>1</v>
      </c>
      <c r="AE1808">
        <v>0</v>
      </c>
      <c r="AF1808">
        <v>0</v>
      </c>
      <c r="AG1808">
        <v>5.5333894887275203</v>
      </c>
      <c r="AH1808">
        <v>-9.2322295941740292E-3</v>
      </c>
      <c r="AI1808">
        <v>-0.1344915091155543</v>
      </c>
      <c r="AJ1808">
        <v>1.7533289133726121E-2</v>
      </c>
      <c r="AK1808">
        <v>2.2938566941649918E-2</v>
      </c>
      <c r="AL1808">
        <v>1167.365892127134</v>
      </c>
      <c r="AM1808">
        <v>2078.127973416993</v>
      </c>
      <c r="AN1808">
        <v>33247</v>
      </c>
      <c r="AO1808">
        <v>97.185717961796982</v>
      </c>
      <c r="AP1808">
        <v>974.84524439611391</v>
      </c>
      <c r="AQ1808">
        <v>1.08984375</v>
      </c>
      <c r="AR1808">
        <v>3.9609375</v>
      </c>
      <c r="AS1808">
        <v>255</v>
      </c>
      <c r="AT1808">
        <v>61.734374999999993</v>
      </c>
      <c r="AU1808">
        <v>4.4224877450980422E-2</v>
      </c>
      <c r="AV1808">
        <v>-9.2417385841881781E-3</v>
      </c>
      <c r="AW1808">
        <v>0.375</v>
      </c>
      <c r="AX1808">
        <v>83.890196078431373</v>
      </c>
      <c r="AY1808">
        <v>62</v>
      </c>
      <c r="AZ1808">
        <v>124.25</v>
      </c>
      <c r="BA1808">
        <v>0.56195381497247598</v>
      </c>
      <c r="BB1808">
        <v>0.50390625</v>
      </c>
      <c r="BC1808">
        <v>4.8546898639441753</v>
      </c>
      <c r="BD1808" t="s">
        <v>6909</v>
      </c>
      <c r="BE1808" t="s">
        <v>62</v>
      </c>
    </row>
    <row r="1809" spans="1:57" x14ac:dyDescent="0.3">
      <c r="A1809" t="s">
        <v>6910</v>
      </c>
      <c r="B1809">
        <v>3131</v>
      </c>
      <c r="C1809" t="s">
        <v>6911</v>
      </c>
      <c r="D1809" t="s">
        <v>6912</v>
      </c>
      <c r="E1809" t="s">
        <v>85</v>
      </c>
      <c r="F1809">
        <v>8</v>
      </c>
      <c r="G1809">
        <v>131.25</v>
      </c>
      <c r="H1809">
        <v>146.5</v>
      </c>
      <c r="I1809">
        <v>6845.4375</v>
      </c>
      <c r="J1809">
        <v>82.737159124543311</v>
      </c>
      <c r="K1809">
        <v>-0.21175187473839299</v>
      </c>
      <c r="L1809">
        <v>-1.5727520484227959</v>
      </c>
      <c r="M1809">
        <v>3</v>
      </c>
      <c r="N1809">
        <v>1</v>
      </c>
      <c r="O1809">
        <v>1</v>
      </c>
      <c r="P1809">
        <v>0</v>
      </c>
      <c r="Q1809">
        <v>0</v>
      </c>
      <c r="R1809">
        <v>2.0794415416798362</v>
      </c>
      <c r="S1809">
        <v>1</v>
      </c>
      <c r="T1809">
        <v>1</v>
      </c>
      <c r="U1809">
        <v>0</v>
      </c>
      <c r="V1809">
        <v>0</v>
      </c>
      <c r="W1809">
        <v>1.945910149055313</v>
      </c>
      <c r="X1809">
        <v>1</v>
      </c>
      <c r="Y1809">
        <v>1</v>
      </c>
      <c r="Z1809">
        <v>0</v>
      </c>
      <c r="AA1809">
        <v>0</v>
      </c>
      <c r="AB1809">
        <v>1.791759469228055</v>
      </c>
      <c r="AC1809">
        <v>1</v>
      </c>
      <c r="AD1809">
        <v>1</v>
      </c>
      <c r="AE1809">
        <v>0</v>
      </c>
      <c r="AF1809">
        <v>0</v>
      </c>
      <c r="AG1809">
        <v>1.6094379124341009</v>
      </c>
      <c r="AH1809">
        <v>1.385388990842441E-2</v>
      </c>
      <c r="AI1809">
        <v>-0.114385037479343</v>
      </c>
      <c r="AJ1809">
        <v>0.1190882156911081</v>
      </c>
      <c r="AK1809">
        <v>0</v>
      </c>
      <c r="AL1809">
        <v>349.0967327727696</v>
      </c>
      <c r="AM1809">
        <v>265.90876474343128</v>
      </c>
      <c r="AN1809">
        <v>1050</v>
      </c>
      <c r="AO1809">
        <v>220.34035774693561</v>
      </c>
      <c r="AP1809">
        <v>256.22255950637913</v>
      </c>
      <c r="AQ1809">
        <v>3.5</v>
      </c>
      <c r="AR1809">
        <v>3.625</v>
      </c>
      <c r="AS1809">
        <v>8</v>
      </c>
      <c r="AT1809">
        <v>0</v>
      </c>
      <c r="AU1809">
        <v>0.2457446808510638</v>
      </c>
      <c r="AV1809">
        <v>1.981947600893336E-2</v>
      </c>
      <c r="AW1809">
        <v>0.25</v>
      </c>
      <c r="AX1809">
        <v>99.285714285714292</v>
      </c>
      <c r="AY1809">
        <v>67.5</v>
      </c>
      <c r="AZ1809">
        <v>135.25</v>
      </c>
      <c r="BA1809">
        <v>0.63037835523461572</v>
      </c>
      <c r="BB1809">
        <v>0.5</v>
      </c>
      <c r="BC1809">
        <v>1.945910149055313</v>
      </c>
      <c r="BD1809" t="s">
        <v>6911</v>
      </c>
      <c r="BE1809" t="s">
        <v>68</v>
      </c>
    </row>
    <row r="1810" spans="1:57" x14ac:dyDescent="0.3">
      <c r="A1810" t="s">
        <v>6913</v>
      </c>
      <c r="B1810">
        <v>2627</v>
      </c>
      <c r="C1810" t="s">
        <v>6914</v>
      </c>
      <c r="D1810" t="s">
        <v>6915</v>
      </c>
      <c r="E1810" t="s">
        <v>115</v>
      </c>
      <c r="F1810">
        <v>2713</v>
      </c>
      <c r="G1810">
        <v>128.61334316255071</v>
      </c>
      <c r="H1810">
        <v>130</v>
      </c>
      <c r="I1810">
        <v>5476.4619966743521</v>
      </c>
      <c r="J1810">
        <v>74.00312153331339</v>
      </c>
      <c r="K1810">
        <v>-3.287459478523682E-2</v>
      </c>
      <c r="L1810">
        <v>-1.2006899630966881</v>
      </c>
      <c r="M1810">
        <v>7.9286942694956979</v>
      </c>
      <c r="N1810">
        <v>22</v>
      </c>
      <c r="O1810">
        <v>3</v>
      </c>
      <c r="P1810">
        <v>19</v>
      </c>
      <c r="Q1810">
        <v>3.31989657321368</v>
      </c>
      <c r="R1810">
        <v>5.4957520784227416</v>
      </c>
      <c r="S1810">
        <v>2</v>
      </c>
      <c r="T1810">
        <v>1</v>
      </c>
      <c r="U1810">
        <v>1</v>
      </c>
      <c r="V1810">
        <v>0.12879517243165209</v>
      </c>
      <c r="W1810">
        <v>7.8824389771390502</v>
      </c>
      <c r="X1810">
        <v>2</v>
      </c>
      <c r="Y1810">
        <v>1</v>
      </c>
      <c r="Z1810">
        <v>1</v>
      </c>
      <c r="AA1810">
        <v>1.9205924250440001E-2</v>
      </c>
      <c r="AB1810">
        <v>7.9045614904573078</v>
      </c>
      <c r="AC1810">
        <v>1</v>
      </c>
      <c r="AD1810">
        <v>1</v>
      </c>
      <c r="AE1810">
        <v>0</v>
      </c>
      <c r="AF1810">
        <v>0</v>
      </c>
      <c r="AG1810">
        <v>7.9047039138737469</v>
      </c>
      <c r="AH1810">
        <v>-4.8725492945153007E-2</v>
      </c>
      <c r="AI1810">
        <v>-4.292892006181658E-3</v>
      </c>
      <c r="AJ1810">
        <v>-1.6883820678126979E-2</v>
      </c>
      <c r="AK1810">
        <v>1.502288990870891E-2</v>
      </c>
      <c r="AL1810">
        <v>3548.9585374470698</v>
      </c>
      <c r="AM1810">
        <v>6865.8088598126242</v>
      </c>
      <c r="AN1810">
        <v>348927.99999999988</v>
      </c>
      <c r="AO1810">
        <v>97.33772360043757</v>
      </c>
      <c r="AP1810">
        <v>3174.9563968146599</v>
      </c>
      <c r="AQ1810">
        <v>1.00847769996314</v>
      </c>
      <c r="AR1810">
        <v>4.0062661260597121</v>
      </c>
      <c r="AS1810">
        <v>2707</v>
      </c>
      <c r="AT1810">
        <v>266.2436417250276</v>
      </c>
      <c r="AU1810">
        <v>2.0024139401429549E-2</v>
      </c>
      <c r="AV1810">
        <v>-4.8756531782919041E-2</v>
      </c>
      <c r="AW1810">
        <v>0.36122373755989678</v>
      </c>
      <c r="AX1810">
        <v>88.358775811209441</v>
      </c>
      <c r="AY1810">
        <v>64</v>
      </c>
      <c r="AZ1810">
        <v>127</v>
      </c>
      <c r="BA1810">
        <v>0.57539225490611023</v>
      </c>
      <c r="BB1810">
        <v>0.50681901953556951</v>
      </c>
      <c r="BC1810">
        <v>5.333600248992445</v>
      </c>
      <c r="BD1810" t="s">
        <v>6916</v>
      </c>
      <c r="BE1810" t="s">
        <v>68</v>
      </c>
    </row>
    <row r="1811" spans="1:57" x14ac:dyDescent="0.3">
      <c r="A1811" t="s">
        <v>6917</v>
      </c>
      <c r="B1811">
        <v>151</v>
      </c>
      <c r="C1811" t="s">
        <v>6918</v>
      </c>
      <c r="D1811" t="s">
        <v>6919</v>
      </c>
      <c r="E1811" t="s">
        <v>60</v>
      </c>
      <c r="F1811">
        <v>256</v>
      </c>
      <c r="G1811">
        <v>131.57421875</v>
      </c>
      <c r="H1811">
        <v>139</v>
      </c>
      <c r="I1811">
        <v>5718.8226165771484</v>
      </c>
      <c r="J1811">
        <v>75.622897435744605</v>
      </c>
      <c r="K1811">
        <v>-9.5641712404868184E-2</v>
      </c>
      <c r="L1811">
        <v>-1.220188340686486</v>
      </c>
      <c r="M1811">
        <v>7.0534490976869417</v>
      </c>
      <c r="N1811">
        <v>5</v>
      </c>
      <c r="O1811">
        <v>1</v>
      </c>
      <c r="P1811">
        <v>4</v>
      </c>
      <c r="Q1811">
        <v>0.86761678449354696</v>
      </c>
      <c r="R1811">
        <v>4.8890783552847932</v>
      </c>
      <c r="S1811">
        <v>1</v>
      </c>
      <c r="T1811">
        <v>1</v>
      </c>
      <c r="U1811">
        <v>0</v>
      </c>
      <c r="V1811">
        <v>0</v>
      </c>
      <c r="W1811">
        <v>5.541263545158424</v>
      </c>
      <c r="X1811">
        <v>1</v>
      </c>
      <c r="Y1811">
        <v>1</v>
      </c>
      <c r="Z1811">
        <v>0</v>
      </c>
      <c r="AA1811">
        <v>0</v>
      </c>
      <c r="AB1811">
        <v>5.5373342670185366</v>
      </c>
      <c r="AC1811">
        <v>1</v>
      </c>
      <c r="AD1811">
        <v>1</v>
      </c>
      <c r="AE1811">
        <v>0</v>
      </c>
      <c r="AF1811">
        <v>0</v>
      </c>
      <c r="AG1811">
        <v>5.5333894887275203</v>
      </c>
      <c r="AH1811">
        <v>-6.60358690484531E-2</v>
      </c>
      <c r="AI1811">
        <v>-4.8056491524369603E-2</v>
      </c>
      <c r="AJ1811">
        <v>-2.7733788170475119E-2</v>
      </c>
      <c r="AK1811">
        <v>-7.1264453535978378E-2</v>
      </c>
      <c r="AL1811">
        <v>1191.599284733893</v>
      </c>
      <c r="AM1811">
        <v>2115.6379994275189</v>
      </c>
      <c r="AN1811">
        <v>33683</v>
      </c>
      <c r="AO1811">
        <v>71.470755605391076</v>
      </c>
      <c r="AP1811">
        <v>1061.7344227647579</v>
      </c>
      <c r="AQ1811">
        <v>1.08984375</v>
      </c>
      <c r="AR1811">
        <v>4.09765625</v>
      </c>
      <c r="AS1811">
        <v>256</v>
      </c>
      <c r="AT1811">
        <v>65.28125</v>
      </c>
      <c r="AU1811">
        <v>6.8734681372549011E-2</v>
      </c>
      <c r="AV1811">
        <v>-6.6058430657095879E-2</v>
      </c>
      <c r="AW1811">
        <v>0.328125</v>
      </c>
      <c r="AX1811">
        <v>92.698039215686279</v>
      </c>
      <c r="AY1811">
        <v>64</v>
      </c>
      <c r="AZ1811">
        <v>124.75</v>
      </c>
      <c r="BA1811">
        <v>0.57475467575781902</v>
      </c>
      <c r="BB1811">
        <v>0.53515625</v>
      </c>
      <c r="BC1811">
        <v>4.8538052777776697</v>
      </c>
      <c r="BD1811" t="s">
        <v>6920</v>
      </c>
      <c r="BE1811" t="s">
        <v>62</v>
      </c>
    </row>
    <row r="1812" spans="1:57" x14ac:dyDescent="0.3">
      <c r="A1812" t="s">
        <v>6921</v>
      </c>
      <c r="B1812">
        <v>3692</v>
      </c>
      <c r="C1812" t="s">
        <v>6922</v>
      </c>
      <c r="D1812" t="s">
        <v>6923</v>
      </c>
      <c r="E1812" t="s">
        <v>85</v>
      </c>
      <c r="F1812">
        <v>8</v>
      </c>
      <c r="G1812">
        <v>173.125</v>
      </c>
      <c r="H1812">
        <v>185</v>
      </c>
      <c r="I1812">
        <v>4174.359375</v>
      </c>
      <c r="J1812">
        <v>64.609282421336331</v>
      </c>
      <c r="K1812">
        <v>-1.140982813043407</v>
      </c>
      <c r="L1812">
        <v>0.62970188901398405</v>
      </c>
      <c r="M1812">
        <v>3</v>
      </c>
      <c r="N1812">
        <v>1</v>
      </c>
      <c r="O1812">
        <v>1</v>
      </c>
      <c r="P1812">
        <v>0</v>
      </c>
      <c r="Q1812">
        <v>0</v>
      </c>
      <c r="R1812">
        <v>2.0794415416798362</v>
      </c>
      <c r="S1812">
        <v>1</v>
      </c>
      <c r="T1812">
        <v>1</v>
      </c>
      <c r="U1812">
        <v>0</v>
      </c>
      <c r="V1812">
        <v>0</v>
      </c>
      <c r="W1812">
        <v>1.945910149055313</v>
      </c>
      <c r="X1812">
        <v>1</v>
      </c>
      <c r="Y1812">
        <v>1</v>
      </c>
      <c r="Z1812">
        <v>0</v>
      </c>
      <c r="AA1812">
        <v>0</v>
      </c>
      <c r="AB1812">
        <v>1.791759469228055</v>
      </c>
      <c r="AC1812">
        <v>1</v>
      </c>
      <c r="AD1812">
        <v>1</v>
      </c>
      <c r="AE1812">
        <v>0</v>
      </c>
      <c r="AF1812">
        <v>0</v>
      </c>
      <c r="AG1812">
        <v>1.6094379124341009</v>
      </c>
      <c r="AH1812">
        <v>-0.16035067132306979</v>
      </c>
      <c r="AI1812">
        <v>-0.12947439539749739</v>
      </c>
      <c r="AJ1812">
        <v>-7.5923420135574696E-2</v>
      </c>
      <c r="AK1812">
        <v>0</v>
      </c>
      <c r="AL1812">
        <v>342.9862544466024</v>
      </c>
      <c r="AM1812">
        <v>394.37726767739872</v>
      </c>
      <c r="AN1812">
        <v>1385</v>
      </c>
      <c r="AO1812">
        <v>168.7656678952132</v>
      </c>
      <c r="AP1812">
        <v>198.08967494559809</v>
      </c>
      <c r="AQ1812">
        <v>3.5</v>
      </c>
      <c r="AR1812">
        <v>4.125</v>
      </c>
      <c r="AS1812">
        <v>8</v>
      </c>
      <c r="AT1812">
        <v>0</v>
      </c>
      <c r="AU1812">
        <v>0.32078313253012047</v>
      </c>
      <c r="AV1812">
        <v>-0.18237101134092051</v>
      </c>
      <c r="AW1812">
        <v>0</v>
      </c>
      <c r="AX1812">
        <v>70.285714285714292</v>
      </c>
      <c r="AY1812">
        <v>33.5</v>
      </c>
      <c r="AZ1812">
        <v>51.25</v>
      </c>
      <c r="BA1812">
        <v>0.37319441109797158</v>
      </c>
      <c r="BB1812">
        <v>0.625</v>
      </c>
      <c r="BC1812">
        <v>1.7478680974667571</v>
      </c>
      <c r="BD1812" t="s">
        <v>6922</v>
      </c>
      <c r="BE1812" t="s">
        <v>68</v>
      </c>
    </row>
    <row r="1813" spans="1:57" x14ac:dyDescent="0.3">
      <c r="A1813" t="s">
        <v>6924</v>
      </c>
      <c r="B1813">
        <v>929</v>
      </c>
      <c r="C1813" t="s">
        <v>6925</v>
      </c>
      <c r="D1813" t="s">
        <v>6926</v>
      </c>
      <c r="E1813" t="s">
        <v>85</v>
      </c>
      <c r="F1813">
        <v>8</v>
      </c>
      <c r="G1813">
        <v>111.5</v>
      </c>
      <c r="H1813">
        <v>133.5</v>
      </c>
      <c r="I1813">
        <v>4928.75</v>
      </c>
      <c r="J1813">
        <v>70.205056797925891</v>
      </c>
      <c r="K1813">
        <v>-0.30988097951844829</v>
      </c>
      <c r="L1813">
        <v>-1.5714995186608249</v>
      </c>
      <c r="M1813">
        <v>3</v>
      </c>
      <c r="N1813">
        <v>1</v>
      </c>
      <c r="O1813">
        <v>1</v>
      </c>
      <c r="P1813">
        <v>0</v>
      </c>
      <c r="Q1813">
        <v>0</v>
      </c>
      <c r="R1813">
        <v>2.0794415416798362</v>
      </c>
      <c r="S1813">
        <v>1</v>
      </c>
      <c r="T1813">
        <v>1</v>
      </c>
      <c r="U1813">
        <v>0</v>
      </c>
      <c r="V1813">
        <v>0</v>
      </c>
      <c r="W1813">
        <v>1.945910149055313</v>
      </c>
      <c r="X1813">
        <v>1</v>
      </c>
      <c r="Y1813">
        <v>1</v>
      </c>
      <c r="Z1813">
        <v>0</v>
      </c>
      <c r="AA1813">
        <v>0</v>
      </c>
      <c r="AB1813">
        <v>1.791759469228055</v>
      </c>
      <c r="AC1813">
        <v>1</v>
      </c>
      <c r="AD1813">
        <v>1</v>
      </c>
      <c r="AE1813">
        <v>0</v>
      </c>
      <c r="AF1813">
        <v>0</v>
      </c>
      <c r="AG1813">
        <v>1.6094379124341009</v>
      </c>
      <c r="AH1813">
        <v>-3.1416434187167129E-2</v>
      </c>
      <c r="AI1813">
        <v>-0.12892467664215071</v>
      </c>
      <c r="AJ1813">
        <v>-0.1065749429368501</v>
      </c>
      <c r="AK1813">
        <v>0</v>
      </c>
      <c r="AL1813">
        <v>294.629623669681</v>
      </c>
      <c r="AM1813">
        <v>228.2134633545142</v>
      </c>
      <c r="AN1813">
        <v>892</v>
      </c>
      <c r="AO1813">
        <v>177.79524436654981</v>
      </c>
      <c r="AP1813">
        <v>200.31583163336461</v>
      </c>
      <c r="AQ1813">
        <v>3.5</v>
      </c>
      <c r="AR1813">
        <v>3.625</v>
      </c>
      <c r="AS1813">
        <v>8</v>
      </c>
      <c r="AT1813">
        <v>0</v>
      </c>
      <c r="AU1813">
        <v>0.2384615384615385</v>
      </c>
      <c r="AV1813">
        <v>-1.572306455474811E-2</v>
      </c>
      <c r="AW1813">
        <v>0.25</v>
      </c>
      <c r="AX1813">
        <v>86.714285714285708</v>
      </c>
      <c r="AY1813">
        <v>55</v>
      </c>
      <c r="AZ1813">
        <v>131</v>
      </c>
      <c r="BA1813">
        <v>0.62964176500381963</v>
      </c>
      <c r="BB1813">
        <v>0.625</v>
      </c>
      <c r="BC1813">
        <v>1.945910149055313</v>
      </c>
      <c r="BD1813" t="s">
        <v>6925</v>
      </c>
      <c r="BE1813" t="s">
        <v>68</v>
      </c>
    </row>
    <row r="1814" spans="1:57" x14ac:dyDescent="0.3">
      <c r="A1814" t="s">
        <v>6927</v>
      </c>
      <c r="B1814">
        <v>2852</v>
      </c>
      <c r="C1814" t="s">
        <v>6928</v>
      </c>
      <c r="D1814" t="s">
        <v>6929</v>
      </c>
      <c r="E1814" t="s">
        <v>98</v>
      </c>
      <c r="F1814">
        <v>16</v>
      </c>
      <c r="G1814">
        <v>123.0625</v>
      </c>
      <c r="H1814">
        <v>126</v>
      </c>
      <c r="I1814">
        <v>4362.18359375</v>
      </c>
      <c r="J1814">
        <v>66.046828794045823</v>
      </c>
      <c r="K1814">
        <v>0.14245950076929861</v>
      </c>
      <c r="L1814">
        <v>-1.036613071029548</v>
      </c>
      <c r="M1814">
        <v>4</v>
      </c>
      <c r="N1814">
        <v>1</v>
      </c>
      <c r="O1814">
        <v>1</v>
      </c>
      <c r="P1814">
        <v>0</v>
      </c>
      <c r="Q1814">
        <v>0</v>
      </c>
      <c r="R1814">
        <v>2.7725887222397811</v>
      </c>
      <c r="S1814">
        <v>1</v>
      </c>
      <c r="T1814">
        <v>1</v>
      </c>
      <c r="U1814">
        <v>0</v>
      </c>
      <c r="V1814">
        <v>0</v>
      </c>
      <c r="W1814">
        <v>2.7080502011022101</v>
      </c>
      <c r="X1814">
        <v>1</v>
      </c>
      <c r="Y1814">
        <v>1</v>
      </c>
      <c r="Z1814">
        <v>0</v>
      </c>
      <c r="AA1814">
        <v>0</v>
      </c>
      <c r="AB1814">
        <v>2.639057329615258</v>
      </c>
      <c r="AC1814">
        <v>1</v>
      </c>
      <c r="AD1814">
        <v>1</v>
      </c>
      <c r="AE1814">
        <v>0</v>
      </c>
      <c r="AF1814">
        <v>0</v>
      </c>
      <c r="AG1814">
        <v>2.5649493574615372</v>
      </c>
      <c r="AH1814">
        <v>-7.2006532081929295E-2</v>
      </c>
      <c r="AI1814">
        <v>-9.1322212660481291E-3</v>
      </c>
      <c r="AJ1814">
        <v>-2.9593221302762821E-2</v>
      </c>
      <c r="AK1814">
        <v>-0.2277946600711549</v>
      </c>
      <c r="AL1814">
        <v>369.8894773601528</v>
      </c>
      <c r="AM1814">
        <v>418.67263409283521</v>
      </c>
      <c r="AN1814">
        <v>1969</v>
      </c>
      <c r="AO1814">
        <v>31</v>
      </c>
      <c r="AP1814">
        <v>284.33882924026221</v>
      </c>
      <c r="AQ1814">
        <v>2.3125</v>
      </c>
      <c r="AR1814">
        <v>4.25</v>
      </c>
      <c r="AS1814">
        <v>16</v>
      </c>
      <c r="AT1814">
        <v>0</v>
      </c>
      <c r="AU1814">
        <v>0.26299019607843133</v>
      </c>
      <c r="AV1814">
        <v>-9.3188304138882405E-2</v>
      </c>
      <c r="AW1814">
        <v>0.4375</v>
      </c>
      <c r="AX1814">
        <v>79.2</v>
      </c>
      <c r="AY1814">
        <v>56.5</v>
      </c>
      <c r="AZ1814">
        <v>113</v>
      </c>
      <c r="BA1814">
        <v>0.53669337770682235</v>
      </c>
      <c r="BB1814">
        <v>0.5</v>
      </c>
      <c r="BC1814">
        <v>2.488327743368588</v>
      </c>
      <c r="BD1814" t="s">
        <v>6928</v>
      </c>
      <c r="BE1814" t="s">
        <v>62</v>
      </c>
    </row>
    <row r="1815" spans="1:57" x14ac:dyDescent="0.3">
      <c r="A1815" t="s">
        <v>6930</v>
      </c>
      <c r="B1815">
        <v>1855</v>
      </c>
      <c r="C1815" t="s">
        <v>6931</v>
      </c>
      <c r="D1815" t="s">
        <v>6932</v>
      </c>
      <c r="E1815" t="s">
        <v>10622</v>
      </c>
      <c r="F1815">
        <v>64</v>
      </c>
      <c r="G1815">
        <v>117.78125</v>
      </c>
      <c r="H1815">
        <v>107.5</v>
      </c>
      <c r="I1815">
        <v>4620.7333984375</v>
      </c>
      <c r="J1815">
        <v>67.975976627316655</v>
      </c>
      <c r="K1815">
        <v>0.219361737910304</v>
      </c>
      <c r="L1815">
        <v>-0.75532955166926952</v>
      </c>
      <c r="M1815">
        <v>5.84375</v>
      </c>
      <c r="N1815">
        <v>2</v>
      </c>
      <c r="O1815">
        <v>1</v>
      </c>
      <c r="P1815">
        <v>1</v>
      </c>
      <c r="Q1815">
        <v>0.27850299534160988</v>
      </c>
      <c r="R1815">
        <v>4.0505788363971806</v>
      </c>
      <c r="S1815">
        <v>1</v>
      </c>
      <c r="T1815">
        <v>1</v>
      </c>
      <c r="U1815">
        <v>0</v>
      </c>
      <c r="V1815">
        <v>0</v>
      </c>
      <c r="W1815">
        <v>4.1431347263915326</v>
      </c>
      <c r="X1815">
        <v>1</v>
      </c>
      <c r="Y1815">
        <v>1</v>
      </c>
      <c r="Z1815">
        <v>0</v>
      </c>
      <c r="AA1815">
        <v>0</v>
      </c>
      <c r="AB1815">
        <v>4.1271343850450908</v>
      </c>
      <c r="AC1815">
        <v>1</v>
      </c>
      <c r="AD1815">
        <v>1</v>
      </c>
      <c r="AE1815">
        <v>0</v>
      </c>
      <c r="AF1815">
        <v>0</v>
      </c>
      <c r="AG1815">
        <v>4.1108738641733096</v>
      </c>
      <c r="AH1815">
        <v>-6.659062501386942E-2</v>
      </c>
      <c r="AI1815">
        <v>-0.19983807512673751</v>
      </c>
      <c r="AJ1815">
        <v>-0.1061574387616025</v>
      </c>
      <c r="AK1815">
        <v>-0.11559960112062841</v>
      </c>
      <c r="AL1815">
        <v>592.03193939266066</v>
      </c>
      <c r="AM1815">
        <v>912.72130617125686</v>
      </c>
      <c r="AN1815">
        <v>7538</v>
      </c>
      <c r="AO1815">
        <v>28.815745602801272</v>
      </c>
      <c r="AP1815">
        <v>414.12103505158882</v>
      </c>
      <c r="AQ1815">
        <v>1.359375</v>
      </c>
      <c r="AR1815">
        <v>3.84375</v>
      </c>
      <c r="AS1815">
        <v>64</v>
      </c>
      <c r="AT1815">
        <v>4.2187499999999991</v>
      </c>
      <c r="AU1815">
        <v>0.11550000000000001</v>
      </c>
      <c r="AV1815">
        <v>-6.6819347301939017E-2</v>
      </c>
      <c r="AW1815">
        <v>0.46875</v>
      </c>
      <c r="AX1815">
        <v>81.761904761904759</v>
      </c>
      <c r="AY1815">
        <v>46.5</v>
      </c>
      <c r="AZ1815">
        <v>89</v>
      </c>
      <c r="BA1815">
        <v>0.57713750386684348</v>
      </c>
      <c r="BB1815">
        <v>0.4375</v>
      </c>
      <c r="BC1815">
        <v>3.861368851946934</v>
      </c>
      <c r="BD1815" t="s">
        <v>6933</v>
      </c>
      <c r="BE1815" t="s">
        <v>62</v>
      </c>
    </row>
    <row r="1816" spans="1:57" x14ac:dyDescent="0.3">
      <c r="A1816" t="s">
        <v>6934</v>
      </c>
      <c r="B1816">
        <v>3498</v>
      </c>
      <c r="C1816" t="s">
        <v>6935</v>
      </c>
      <c r="D1816" t="s">
        <v>6936</v>
      </c>
      <c r="E1816" t="s">
        <v>93</v>
      </c>
      <c r="F1816">
        <v>3526</v>
      </c>
      <c r="G1816">
        <v>128.799489506523</v>
      </c>
      <c r="H1816">
        <v>128</v>
      </c>
      <c r="I1816">
        <v>5361.4813497110354</v>
      </c>
      <c r="J1816">
        <v>73.222137019558744</v>
      </c>
      <c r="K1816">
        <v>-1.4826863714181279E-2</v>
      </c>
      <c r="L1816">
        <v>-1.177281721264567</v>
      </c>
      <c r="M1816">
        <v>7.9558915724756227</v>
      </c>
      <c r="N1816">
        <v>28</v>
      </c>
      <c r="O1816">
        <v>6</v>
      </c>
      <c r="P1816">
        <v>22</v>
      </c>
      <c r="Q1816">
        <v>3.4237562608330849</v>
      </c>
      <c r="R1816">
        <v>5.5146038123021022</v>
      </c>
      <c r="S1816">
        <v>3</v>
      </c>
      <c r="T1816">
        <v>1</v>
      </c>
      <c r="U1816">
        <v>2</v>
      </c>
      <c r="V1816">
        <v>0.17008395691609021</v>
      </c>
      <c r="W1816">
        <v>8.1281597764504099</v>
      </c>
      <c r="X1816">
        <v>2</v>
      </c>
      <c r="Y1816">
        <v>1</v>
      </c>
      <c r="Z1816">
        <v>1</v>
      </c>
      <c r="AA1816">
        <v>1.6845427334610041E-2</v>
      </c>
      <c r="AB1816">
        <v>8.1669586004609762</v>
      </c>
      <c r="AC1816">
        <v>1</v>
      </c>
      <c r="AD1816">
        <v>1</v>
      </c>
      <c r="AE1816">
        <v>0</v>
      </c>
      <c r="AF1816">
        <v>0</v>
      </c>
      <c r="AG1816">
        <v>8.1670681783412391</v>
      </c>
      <c r="AH1816">
        <v>1.0426865880107539E-2</v>
      </c>
      <c r="AI1816">
        <v>-1.50927709619188E-2</v>
      </c>
      <c r="AJ1816">
        <v>-8.2606256914597685E-3</v>
      </c>
      <c r="AK1816">
        <v>-2.622022782521374E-2</v>
      </c>
      <c r="AL1816">
        <v>3991.880519967176</v>
      </c>
      <c r="AM1816">
        <v>7839.8580927403646</v>
      </c>
      <c r="AN1816">
        <v>454147</v>
      </c>
      <c r="AO1816">
        <v>161.87358414353881</v>
      </c>
      <c r="AP1816">
        <v>3640.1405083874929</v>
      </c>
      <c r="AQ1816">
        <v>1.0065229722064659</v>
      </c>
      <c r="AR1816">
        <v>3.9960294951786728</v>
      </c>
      <c r="AS1816">
        <v>3511</v>
      </c>
      <c r="AT1816">
        <v>217.87294384571749</v>
      </c>
      <c r="AU1816">
        <v>1.4491786504732349E-2</v>
      </c>
      <c r="AV1816">
        <v>1.042797123070538E-2</v>
      </c>
      <c r="AW1816">
        <v>0.37663074305161659</v>
      </c>
      <c r="AX1816">
        <v>84.272907801418441</v>
      </c>
      <c r="AY1816">
        <v>63</v>
      </c>
      <c r="AZ1816">
        <v>126</v>
      </c>
      <c r="BA1816">
        <v>0.56849710585111013</v>
      </c>
      <c r="BB1816">
        <v>0.49971639251276229</v>
      </c>
      <c r="BC1816">
        <v>5.3032927391354843</v>
      </c>
      <c r="BD1816" t="s">
        <v>6937</v>
      </c>
      <c r="BE1816" t="s">
        <v>68</v>
      </c>
    </row>
    <row r="1817" spans="1:57" x14ac:dyDescent="0.3">
      <c r="A1817" t="s">
        <v>6938</v>
      </c>
      <c r="B1817">
        <v>3594</v>
      </c>
      <c r="C1817" t="s">
        <v>6939</v>
      </c>
      <c r="D1817" t="s">
        <v>6940</v>
      </c>
      <c r="E1817" t="s">
        <v>115</v>
      </c>
      <c r="F1817">
        <v>3668</v>
      </c>
      <c r="G1817">
        <v>128.78298800436201</v>
      </c>
      <c r="H1817">
        <v>130</v>
      </c>
      <c r="I1817">
        <v>5506.4856211699762</v>
      </c>
      <c r="J1817">
        <v>74.205698037077823</v>
      </c>
      <c r="K1817">
        <v>-1.419364016038626E-2</v>
      </c>
      <c r="L1817">
        <v>-1.2068416301371281</v>
      </c>
      <c r="M1817">
        <v>7.9445466645051077</v>
      </c>
      <c r="N1817">
        <v>29</v>
      </c>
      <c r="O1817">
        <v>5</v>
      </c>
      <c r="P1817">
        <v>24</v>
      </c>
      <c r="Q1817">
        <v>3.993372194571275</v>
      </c>
      <c r="R1817">
        <v>5.5067401213286278</v>
      </c>
      <c r="S1817">
        <v>3</v>
      </c>
      <c r="T1817">
        <v>1</v>
      </c>
      <c r="U1817">
        <v>2</v>
      </c>
      <c r="V1817">
        <v>0.17013587943473191</v>
      </c>
      <c r="W1817">
        <v>8.1695099043776231</v>
      </c>
      <c r="X1817">
        <v>2</v>
      </c>
      <c r="Y1817">
        <v>1</v>
      </c>
      <c r="Z1817">
        <v>1</v>
      </c>
      <c r="AA1817">
        <v>1.6515957381087649E-2</v>
      </c>
      <c r="AB1817">
        <v>8.2064782793649744</v>
      </c>
      <c r="AC1817">
        <v>1</v>
      </c>
      <c r="AD1817">
        <v>1</v>
      </c>
      <c r="AE1817">
        <v>0</v>
      </c>
      <c r="AF1817">
        <v>0</v>
      </c>
      <c r="AG1817">
        <v>8.2065836143207527</v>
      </c>
      <c r="AH1817">
        <v>-1.206351441662915E-2</v>
      </c>
      <c r="AI1817">
        <v>4.6703054248085222E-3</v>
      </c>
      <c r="AJ1817">
        <v>-4.7192166102772064E-3</v>
      </c>
      <c r="AK1817">
        <v>5.5403297871713473E-3</v>
      </c>
      <c r="AL1817">
        <v>4111.5561704780548</v>
      </c>
      <c r="AM1817">
        <v>8007.9265641615266</v>
      </c>
      <c r="AN1817">
        <v>472376</v>
      </c>
      <c r="AO1817">
        <v>127.4282522388628</v>
      </c>
      <c r="AP1817">
        <v>3725.0572746023349</v>
      </c>
      <c r="AQ1817">
        <v>1.006270447110142</v>
      </c>
      <c r="AR1817">
        <v>4.0081788440567063</v>
      </c>
      <c r="AS1817">
        <v>3656</v>
      </c>
      <c r="AT1817">
        <v>284.92475463467832</v>
      </c>
      <c r="AU1817">
        <v>1.6010220882246021E-2</v>
      </c>
      <c r="AV1817">
        <v>-1.2067864933751711E-2</v>
      </c>
      <c r="AW1817">
        <v>0.36259541984732818</v>
      </c>
      <c r="AX1817">
        <v>86.66675756749386</v>
      </c>
      <c r="AY1817">
        <v>64</v>
      </c>
      <c r="AZ1817">
        <v>130</v>
      </c>
      <c r="BA1817">
        <v>0.57620730181042534</v>
      </c>
      <c r="BB1817">
        <v>0.5062704471101418</v>
      </c>
      <c r="BC1817">
        <v>5.3224984019773993</v>
      </c>
      <c r="BD1817" t="s">
        <v>6941</v>
      </c>
      <c r="BE1817" t="s">
        <v>68</v>
      </c>
    </row>
    <row r="1818" spans="1:57" x14ac:dyDescent="0.3">
      <c r="A1818" t="s">
        <v>6942</v>
      </c>
      <c r="B1818">
        <v>3772</v>
      </c>
      <c r="C1818" t="s">
        <v>6943</v>
      </c>
      <c r="D1818" t="s">
        <v>6944</v>
      </c>
      <c r="E1818" t="s">
        <v>72</v>
      </c>
      <c r="F1818">
        <v>3776</v>
      </c>
      <c r="G1818">
        <v>125.5940148305085</v>
      </c>
      <c r="H1818">
        <v>124.5</v>
      </c>
      <c r="I1818">
        <v>5447.4916908726609</v>
      </c>
      <c r="J1818">
        <v>73.807124932980969</v>
      </c>
      <c r="K1818">
        <v>3.0162415532421782E-2</v>
      </c>
      <c r="L1818">
        <v>-1.1998082708319251</v>
      </c>
      <c r="M1818">
        <v>7.9503407871371756</v>
      </c>
      <c r="N1818">
        <v>27</v>
      </c>
      <c r="O1818">
        <v>6</v>
      </c>
      <c r="P1818">
        <v>21</v>
      </c>
      <c r="Q1818">
        <v>3.8810436740650061</v>
      </c>
      <c r="R1818">
        <v>5.5107563010948706</v>
      </c>
      <c r="S1818">
        <v>4</v>
      </c>
      <c r="T1818">
        <v>1</v>
      </c>
      <c r="U1818">
        <v>3</v>
      </c>
      <c r="V1818">
        <v>0.22261682624626819</v>
      </c>
      <c r="W1818">
        <v>8.1775788400587555</v>
      </c>
      <c r="X1818">
        <v>3</v>
      </c>
      <c r="Y1818">
        <v>1</v>
      </c>
      <c r="Z1818">
        <v>2</v>
      </c>
      <c r="AA1818">
        <v>0.12411965040345491</v>
      </c>
      <c r="AB1818">
        <v>8.2181617833015466</v>
      </c>
      <c r="AC1818">
        <v>3</v>
      </c>
      <c r="AD1818">
        <v>1</v>
      </c>
      <c r="AE1818">
        <v>2</v>
      </c>
      <c r="AF1818">
        <v>0.1163825639828021</v>
      </c>
      <c r="AG1818">
        <v>8.2198678854759066</v>
      </c>
      <c r="AH1818">
        <v>2.253548248625251E-2</v>
      </c>
      <c r="AI1818">
        <v>9.7090438585866455E-4</v>
      </c>
      <c r="AJ1818">
        <v>-3.3623284872827737E-2</v>
      </c>
      <c r="AK1818">
        <v>2.4555402680309559E-3</v>
      </c>
      <c r="AL1818">
        <v>4130.456488389118</v>
      </c>
      <c r="AM1818">
        <v>7941.7340800057164</v>
      </c>
      <c r="AN1818">
        <v>474243</v>
      </c>
      <c r="AO1818">
        <v>45.218922802490873</v>
      </c>
      <c r="AP1818">
        <v>3764.3971666700959</v>
      </c>
      <c r="AQ1818">
        <v>1.006091101694915</v>
      </c>
      <c r="AR1818">
        <v>4.0002648305084749</v>
      </c>
      <c r="AS1818">
        <v>3757</v>
      </c>
      <c r="AT1818">
        <v>261.42372881355931</v>
      </c>
      <c r="AU1818">
        <v>1.7668868394815521E-2</v>
      </c>
      <c r="AV1818">
        <v>2.2541418079351928E-2</v>
      </c>
      <c r="AW1818">
        <v>0.3771186440677966</v>
      </c>
      <c r="AX1818">
        <v>84.498543046357611</v>
      </c>
      <c r="AY1818">
        <v>64.5</v>
      </c>
      <c r="AZ1818">
        <v>129</v>
      </c>
      <c r="BA1818">
        <v>0.58766434875567197</v>
      </c>
      <c r="BB1818">
        <v>0.4954978813559322</v>
      </c>
      <c r="BC1818">
        <v>5.3096347077085007</v>
      </c>
      <c r="BD1818" t="s">
        <v>6945</v>
      </c>
      <c r="BE1818" t="s">
        <v>3687</v>
      </c>
    </row>
    <row r="1819" spans="1:57" x14ac:dyDescent="0.3">
      <c r="A1819" t="s">
        <v>6946</v>
      </c>
      <c r="B1819">
        <v>851</v>
      </c>
      <c r="C1819" t="s">
        <v>6947</v>
      </c>
      <c r="D1819" t="s">
        <v>6948</v>
      </c>
      <c r="E1819" t="s">
        <v>106</v>
      </c>
      <c r="F1819">
        <v>851</v>
      </c>
      <c r="G1819">
        <v>132.28437132784961</v>
      </c>
      <c r="H1819">
        <v>133</v>
      </c>
      <c r="I1819">
        <v>5568.6711893521269</v>
      </c>
      <c r="J1819">
        <v>74.623529729919142</v>
      </c>
      <c r="K1819">
        <v>-7.2714661475270767E-2</v>
      </c>
      <c r="L1819">
        <v>-1.210454807006462</v>
      </c>
      <c r="M1819">
        <v>7.7575416568104956</v>
      </c>
      <c r="N1819">
        <v>9</v>
      </c>
      <c r="O1819">
        <v>1</v>
      </c>
      <c r="P1819">
        <v>8</v>
      </c>
      <c r="Q1819">
        <v>1.7506645883800951</v>
      </c>
      <c r="R1819">
        <v>5.3771181274945299</v>
      </c>
      <c r="S1819">
        <v>2</v>
      </c>
      <c r="T1819">
        <v>1</v>
      </c>
      <c r="U1819">
        <v>1</v>
      </c>
      <c r="V1819">
        <v>7.6695156194175856E-2</v>
      </c>
      <c r="W1819">
        <v>6.7370816767718908</v>
      </c>
      <c r="X1819">
        <v>1</v>
      </c>
      <c r="Y1819">
        <v>1</v>
      </c>
      <c r="Z1819">
        <v>0</v>
      </c>
      <c r="AA1819">
        <v>0</v>
      </c>
      <c r="AB1819">
        <v>6.7440591863113459</v>
      </c>
      <c r="AC1819">
        <v>1</v>
      </c>
      <c r="AD1819">
        <v>1</v>
      </c>
      <c r="AE1819">
        <v>0</v>
      </c>
      <c r="AF1819">
        <v>0</v>
      </c>
      <c r="AG1819">
        <v>6.7428806357919049</v>
      </c>
      <c r="AH1819">
        <v>9.0446104354086087E-4</v>
      </c>
      <c r="AI1819">
        <v>2.2641794309980659E-2</v>
      </c>
      <c r="AJ1819">
        <v>6.4891941646364436E-3</v>
      </c>
      <c r="AK1819">
        <v>-2.889633925891542E-2</v>
      </c>
      <c r="AL1819">
        <v>2074.1566819026398</v>
      </c>
      <c r="AM1819">
        <v>3915.1748439780608</v>
      </c>
      <c r="AN1819">
        <v>112574</v>
      </c>
      <c r="AO1819">
        <v>85.385766400974944</v>
      </c>
      <c r="AP1819">
        <v>1873.0154547130689</v>
      </c>
      <c r="AQ1819">
        <v>1.027027027027027</v>
      </c>
      <c r="AR1819">
        <v>4.0376028202115162</v>
      </c>
      <c r="AS1819">
        <v>848</v>
      </c>
      <c r="AT1819">
        <v>219.72032902467689</v>
      </c>
      <c r="AU1819">
        <v>4.0058984816018002E-2</v>
      </c>
      <c r="AV1819">
        <v>9.0646756818982157E-4</v>
      </c>
      <c r="AW1819">
        <v>0.3584018801410106</v>
      </c>
      <c r="AX1819">
        <v>86.692941176470583</v>
      </c>
      <c r="AY1819">
        <v>65</v>
      </c>
      <c r="AZ1819">
        <v>130.5</v>
      </c>
      <c r="BA1819">
        <v>0.56411448291933475</v>
      </c>
      <c r="BB1819">
        <v>0.50176263219741479</v>
      </c>
      <c r="BC1819">
        <v>5.2068357450962459</v>
      </c>
      <c r="BD1819" t="s">
        <v>6949</v>
      </c>
      <c r="BE1819" t="s">
        <v>68</v>
      </c>
    </row>
    <row r="1820" spans="1:57" x14ac:dyDescent="0.3">
      <c r="A1820" t="s">
        <v>6950</v>
      </c>
      <c r="B1820">
        <v>3486</v>
      </c>
      <c r="C1820" t="s">
        <v>6951</v>
      </c>
      <c r="D1820" t="s">
        <v>6952</v>
      </c>
      <c r="E1820" t="s">
        <v>72</v>
      </c>
      <c r="F1820">
        <v>3496</v>
      </c>
      <c r="G1820">
        <v>127.79662471395881</v>
      </c>
      <c r="H1820">
        <v>128</v>
      </c>
      <c r="I1820">
        <v>5431.0270023374214</v>
      </c>
      <c r="J1820">
        <v>73.695501913871382</v>
      </c>
      <c r="K1820">
        <v>-2.8446794279555231E-3</v>
      </c>
      <c r="L1820">
        <v>-1.195389140407493</v>
      </c>
      <c r="M1820">
        <v>7.9468384335890274</v>
      </c>
      <c r="N1820">
        <v>27</v>
      </c>
      <c r="O1820">
        <v>5</v>
      </c>
      <c r="P1820">
        <v>22</v>
      </c>
      <c r="Q1820">
        <v>3.7005858911123788</v>
      </c>
      <c r="R1820">
        <v>5.5083286546076389</v>
      </c>
      <c r="S1820">
        <v>3</v>
      </c>
      <c r="T1820">
        <v>1</v>
      </c>
      <c r="U1820">
        <v>2</v>
      </c>
      <c r="V1820">
        <v>0.2003367725446448</v>
      </c>
      <c r="W1820">
        <v>8.1074190789637797</v>
      </c>
      <c r="X1820">
        <v>2</v>
      </c>
      <c r="Y1820">
        <v>1</v>
      </c>
      <c r="Z1820">
        <v>1</v>
      </c>
      <c r="AA1820">
        <v>0.1015000518371984</v>
      </c>
      <c r="AB1820">
        <v>8.1445189769560749</v>
      </c>
      <c r="AC1820">
        <v>2</v>
      </c>
      <c r="AD1820">
        <v>1</v>
      </c>
      <c r="AE1820">
        <v>1</v>
      </c>
      <c r="AF1820">
        <v>9.2671253513035873E-2</v>
      </c>
      <c r="AG1820">
        <v>8.1466099090399844</v>
      </c>
      <c r="AH1820">
        <v>-4.8108515127784426E-3</v>
      </c>
      <c r="AI1820">
        <v>7.0723463830020634E-3</v>
      </c>
      <c r="AJ1820">
        <v>1.2429497732492269E-2</v>
      </c>
      <c r="AK1820">
        <v>1.9484155181665151E-2</v>
      </c>
      <c r="AL1820">
        <v>3995.297931039187</v>
      </c>
      <c r="AM1820">
        <v>7753.7769791395203</v>
      </c>
      <c r="AN1820">
        <v>446777</v>
      </c>
      <c r="AO1820">
        <v>91.151321369416678</v>
      </c>
      <c r="AP1820">
        <v>3675.0250160853848</v>
      </c>
      <c r="AQ1820">
        <v>1.006578947368421</v>
      </c>
      <c r="AR1820">
        <v>4.0245995423340961</v>
      </c>
      <c r="AS1820">
        <v>3482</v>
      </c>
      <c r="AT1820">
        <v>256.71395881006862</v>
      </c>
      <c r="AU1820">
        <v>1.023690940907257E-2</v>
      </c>
      <c r="AV1820">
        <v>-4.8114046810883672E-3</v>
      </c>
      <c r="AW1820">
        <v>0.37128146453089239</v>
      </c>
      <c r="AX1820">
        <v>85.505007153075823</v>
      </c>
      <c r="AY1820">
        <v>64</v>
      </c>
      <c r="AZ1820">
        <v>128</v>
      </c>
      <c r="BA1820">
        <v>0.57666234987677156</v>
      </c>
      <c r="BB1820">
        <v>0.50085812356979409</v>
      </c>
      <c r="BC1820">
        <v>5.317097591546661</v>
      </c>
      <c r="BD1820" t="s">
        <v>6953</v>
      </c>
      <c r="BE1820" t="s">
        <v>68</v>
      </c>
    </row>
    <row r="1821" spans="1:57" x14ac:dyDescent="0.3">
      <c r="A1821" t="s">
        <v>6954</v>
      </c>
      <c r="B1821">
        <v>1691</v>
      </c>
      <c r="C1821" t="s">
        <v>6955</v>
      </c>
      <c r="D1821" t="s">
        <v>6956</v>
      </c>
      <c r="E1821" t="s">
        <v>10622</v>
      </c>
      <c r="F1821">
        <v>64</v>
      </c>
      <c r="G1821">
        <v>135.84375</v>
      </c>
      <c r="H1821">
        <v>137</v>
      </c>
      <c r="I1821">
        <v>4875.6318359375</v>
      </c>
      <c r="J1821">
        <v>69.825724743374479</v>
      </c>
      <c r="K1821">
        <v>7.3608229198139363E-2</v>
      </c>
      <c r="L1821">
        <v>-1.0083080163769169</v>
      </c>
      <c r="M1821">
        <v>5.632659765557392</v>
      </c>
      <c r="N1821">
        <v>3</v>
      </c>
      <c r="O1821">
        <v>1</v>
      </c>
      <c r="P1821">
        <v>2</v>
      </c>
      <c r="Q1821">
        <v>0.48983981078291211</v>
      </c>
      <c r="R1821">
        <v>3.9042622355495489</v>
      </c>
      <c r="S1821">
        <v>1</v>
      </c>
      <c r="T1821">
        <v>1</v>
      </c>
      <c r="U1821">
        <v>0</v>
      </c>
      <c r="V1821">
        <v>0</v>
      </c>
      <c r="W1821">
        <v>4.1431347263915326</v>
      </c>
      <c r="X1821">
        <v>1</v>
      </c>
      <c r="Y1821">
        <v>1</v>
      </c>
      <c r="Z1821">
        <v>0</v>
      </c>
      <c r="AA1821">
        <v>0</v>
      </c>
      <c r="AB1821">
        <v>4.1271343850450908</v>
      </c>
      <c r="AC1821">
        <v>1</v>
      </c>
      <c r="AD1821">
        <v>1</v>
      </c>
      <c r="AE1821">
        <v>0</v>
      </c>
      <c r="AF1821">
        <v>0</v>
      </c>
      <c r="AG1821">
        <v>4.1108738641733096</v>
      </c>
      <c r="AH1821">
        <v>-0.1242382829438973</v>
      </c>
      <c r="AI1821">
        <v>9.2619950649425048E-2</v>
      </c>
      <c r="AJ1821">
        <v>1.0522483739587441E-2</v>
      </c>
      <c r="AK1821">
        <v>-1.1501595496336911E-2</v>
      </c>
      <c r="AL1821">
        <v>640.17035714975464</v>
      </c>
      <c r="AM1821">
        <v>1040.791964720499</v>
      </c>
      <c r="AN1821">
        <v>8694</v>
      </c>
      <c r="AO1821">
        <v>90</v>
      </c>
      <c r="AP1821">
        <v>514.76458985971522</v>
      </c>
      <c r="AQ1821">
        <v>1.359375</v>
      </c>
      <c r="AR1821">
        <v>3.921875</v>
      </c>
      <c r="AS1821">
        <v>64</v>
      </c>
      <c r="AT1821">
        <v>10.53125</v>
      </c>
      <c r="AU1821">
        <v>0.10324754901960791</v>
      </c>
      <c r="AV1821">
        <v>-0.12614898942927399</v>
      </c>
      <c r="AW1821">
        <v>0.375</v>
      </c>
      <c r="AX1821">
        <v>91.730158730158735</v>
      </c>
      <c r="AY1821">
        <v>55.5</v>
      </c>
      <c r="AZ1821">
        <v>108.75</v>
      </c>
      <c r="BA1821">
        <v>0.51401499696065867</v>
      </c>
      <c r="BB1821">
        <v>0.53125</v>
      </c>
      <c r="BC1821">
        <v>3.89277780391402</v>
      </c>
      <c r="BD1821" t="s">
        <v>6957</v>
      </c>
      <c r="BE1821" t="s">
        <v>62</v>
      </c>
    </row>
    <row r="1822" spans="1:57" x14ac:dyDescent="0.3">
      <c r="A1822" t="s">
        <v>6958</v>
      </c>
      <c r="B1822">
        <v>131</v>
      </c>
      <c r="C1822" t="s">
        <v>6959</v>
      </c>
      <c r="D1822" t="s">
        <v>6960</v>
      </c>
      <c r="E1822" t="s">
        <v>60</v>
      </c>
      <c r="F1822">
        <v>256</v>
      </c>
      <c r="G1822">
        <v>129.1328125</v>
      </c>
      <c r="H1822">
        <v>134</v>
      </c>
      <c r="I1822">
        <v>5643.6932983398438</v>
      </c>
      <c r="J1822">
        <v>75.124518623015774</v>
      </c>
      <c r="K1822">
        <v>-6.2371450958235743E-2</v>
      </c>
      <c r="L1822">
        <v>-1.227695711163117</v>
      </c>
      <c r="M1822">
        <v>7.1929393552828271</v>
      </c>
      <c r="N1822">
        <v>4</v>
      </c>
      <c r="O1822">
        <v>1</v>
      </c>
      <c r="P1822">
        <v>3</v>
      </c>
      <c r="Q1822">
        <v>0.76719011772084111</v>
      </c>
      <c r="R1822">
        <v>4.9857656340529619</v>
      </c>
      <c r="S1822">
        <v>2</v>
      </c>
      <c r="T1822">
        <v>1</v>
      </c>
      <c r="U1822">
        <v>1</v>
      </c>
      <c r="V1822">
        <v>6.2621943781838052E-2</v>
      </c>
      <c r="W1822">
        <v>5.5358270966834446</v>
      </c>
      <c r="X1822">
        <v>1</v>
      </c>
      <c r="Y1822">
        <v>1</v>
      </c>
      <c r="Z1822">
        <v>0</v>
      </c>
      <c r="AA1822">
        <v>0</v>
      </c>
      <c r="AB1822">
        <v>5.5373342670185366</v>
      </c>
      <c r="AC1822">
        <v>1</v>
      </c>
      <c r="AD1822">
        <v>1</v>
      </c>
      <c r="AE1822">
        <v>0</v>
      </c>
      <c r="AF1822">
        <v>0</v>
      </c>
      <c r="AG1822">
        <v>5.5333894887275203</v>
      </c>
      <c r="AH1822">
        <v>-5.3135576635357673E-2</v>
      </c>
      <c r="AI1822">
        <v>-1.8961414133511451E-2</v>
      </c>
      <c r="AJ1822">
        <v>0.13875696204369209</v>
      </c>
      <c r="AK1822">
        <v>-0.1103122866181388</v>
      </c>
      <c r="AL1822">
        <v>1199.6269050952239</v>
      </c>
      <c r="AM1822">
        <v>2067.4992838140611</v>
      </c>
      <c r="AN1822">
        <v>33058</v>
      </c>
      <c r="AO1822">
        <v>73.081963942359067</v>
      </c>
      <c r="AP1822">
        <v>1013.805851061952</v>
      </c>
      <c r="AQ1822">
        <v>1.08984375</v>
      </c>
      <c r="AR1822">
        <v>3.9453125</v>
      </c>
      <c r="AS1822">
        <v>256</v>
      </c>
      <c r="AT1822">
        <v>61.0859375</v>
      </c>
      <c r="AU1822">
        <v>3.7484681372549011E-2</v>
      </c>
      <c r="AV1822">
        <v>-5.3390179601177472E-2</v>
      </c>
      <c r="AW1822">
        <v>0.31640625</v>
      </c>
      <c r="AX1822">
        <v>88.890196078431373</v>
      </c>
      <c r="AY1822">
        <v>64.5</v>
      </c>
      <c r="AZ1822">
        <v>132</v>
      </c>
      <c r="BA1822">
        <v>0.5817616542891898</v>
      </c>
      <c r="BB1822">
        <v>0.5234375</v>
      </c>
      <c r="BC1822">
        <v>4.8778042659814069</v>
      </c>
      <c r="BD1822" t="s">
        <v>6961</v>
      </c>
      <c r="BE1822" t="s">
        <v>62</v>
      </c>
    </row>
    <row r="1823" spans="1:57" x14ac:dyDescent="0.3">
      <c r="A1823" t="s">
        <v>6962</v>
      </c>
      <c r="B1823">
        <v>3535</v>
      </c>
      <c r="C1823" t="s">
        <v>6963</v>
      </c>
      <c r="D1823" t="s">
        <v>6964</v>
      </c>
      <c r="E1823" t="s">
        <v>98</v>
      </c>
      <c r="F1823">
        <v>16</v>
      </c>
      <c r="G1823">
        <v>166.75</v>
      </c>
      <c r="H1823">
        <v>186</v>
      </c>
      <c r="I1823">
        <v>3294.4375</v>
      </c>
      <c r="J1823">
        <v>57.397190697803318</v>
      </c>
      <c r="K1823">
        <v>-0.53751519308003548</v>
      </c>
      <c r="L1823">
        <v>-0.78454005283330108</v>
      </c>
      <c r="M1823">
        <v>3.875</v>
      </c>
      <c r="N1823">
        <v>2</v>
      </c>
      <c r="O1823">
        <v>1</v>
      </c>
      <c r="P1823">
        <v>1</v>
      </c>
      <c r="Q1823">
        <v>0.24944382578492949</v>
      </c>
      <c r="R1823">
        <v>2.6859453246697882</v>
      </c>
      <c r="S1823">
        <v>1</v>
      </c>
      <c r="T1823">
        <v>1</v>
      </c>
      <c r="U1823">
        <v>0</v>
      </c>
      <c r="V1823">
        <v>0</v>
      </c>
      <c r="W1823">
        <v>2.7080502011022101</v>
      </c>
      <c r="X1823">
        <v>1</v>
      </c>
      <c r="Y1823">
        <v>1</v>
      </c>
      <c r="Z1823">
        <v>0</v>
      </c>
      <c r="AA1823">
        <v>0</v>
      </c>
      <c r="AB1823">
        <v>2.639057329615258</v>
      </c>
      <c r="AC1823">
        <v>1</v>
      </c>
      <c r="AD1823">
        <v>1</v>
      </c>
      <c r="AE1823">
        <v>0</v>
      </c>
      <c r="AF1823">
        <v>0</v>
      </c>
      <c r="AG1823">
        <v>2.5649493574615372</v>
      </c>
      <c r="AH1823">
        <v>2.30205744531502E-2</v>
      </c>
      <c r="AI1823">
        <v>-0.1280733622962949</v>
      </c>
      <c r="AJ1823">
        <v>7.7438769896226592E-3</v>
      </c>
      <c r="AK1823">
        <v>-0.17740841570070759</v>
      </c>
      <c r="AL1823">
        <v>352.54445582780812</v>
      </c>
      <c r="AM1823">
        <v>610.99296777055849</v>
      </c>
      <c r="AN1823">
        <v>2668</v>
      </c>
      <c r="AO1823">
        <v>24.499996897382861</v>
      </c>
      <c r="AP1823">
        <v>263.36331170297251</v>
      </c>
      <c r="AQ1823">
        <v>2.3125</v>
      </c>
      <c r="AR1823">
        <v>4.4375</v>
      </c>
      <c r="AS1823">
        <v>16</v>
      </c>
      <c r="AT1823">
        <v>0.87499999999999989</v>
      </c>
      <c r="AU1823">
        <v>0.23789525691699609</v>
      </c>
      <c r="AV1823">
        <v>2.437646258277482E-2</v>
      </c>
      <c r="AW1823">
        <v>0.25</v>
      </c>
      <c r="AX1823">
        <v>66.266666666666666</v>
      </c>
      <c r="AY1823">
        <v>39</v>
      </c>
      <c r="AZ1823">
        <v>81</v>
      </c>
      <c r="BA1823">
        <v>0.34421103866748609</v>
      </c>
      <c r="BB1823">
        <v>0.5625</v>
      </c>
      <c r="BC1823">
        <v>2.7080502011022101</v>
      </c>
      <c r="BD1823" t="s">
        <v>6963</v>
      </c>
      <c r="BE1823" t="s">
        <v>62</v>
      </c>
    </row>
    <row r="1824" spans="1:57" x14ac:dyDescent="0.3">
      <c r="A1824" t="s">
        <v>6965</v>
      </c>
      <c r="B1824">
        <v>677</v>
      </c>
      <c r="C1824" t="s">
        <v>6966</v>
      </c>
      <c r="D1824" t="s">
        <v>6967</v>
      </c>
      <c r="E1824" t="s">
        <v>106</v>
      </c>
      <c r="F1824">
        <v>685</v>
      </c>
      <c r="G1824">
        <v>135.92116788321169</v>
      </c>
      <c r="H1824">
        <v>136</v>
      </c>
      <c r="I1824">
        <v>5410.3441504608663</v>
      </c>
      <c r="J1824">
        <v>73.555041638631863</v>
      </c>
      <c r="K1824">
        <v>-8.1027957787945443E-2</v>
      </c>
      <c r="L1824">
        <v>-1.209041263614024</v>
      </c>
      <c r="M1824">
        <v>7.7162404143013763</v>
      </c>
      <c r="N1824">
        <v>9</v>
      </c>
      <c r="O1824">
        <v>1</v>
      </c>
      <c r="P1824">
        <v>8</v>
      </c>
      <c r="Q1824">
        <v>1.46609589035424</v>
      </c>
      <c r="R1824">
        <v>5.3484902876957134</v>
      </c>
      <c r="S1824">
        <v>2</v>
      </c>
      <c r="T1824">
        <v>1</v>
      </c>
      <c r="U1824">
        <v>1</v>
      </c>
      <c r="V1824">
        <v>5.4073574529577048E-2</v>
      </c>
      <c r="W1824">
        <v>6.5239044253385732</v>
      </c>
      <c r="X1824">
        <v>1</v>
      </c>
      <c r="Y1824">
        <v>1</v>
      </c>
      <c r="Z1824">
        <v>0</v>
      </c>
      <c r="AA1824">
        <v>0</v>
      </c>
      <c r="AB1824">
        <v>6.5264948595707892</v>
      </c>
      <c r="AC1824">
        <v>1</v>
      </c>
      <c r="AD1824">
        <v>1</v>
      </c>
      <c r="AE1824">
        <v>0</v>
      </c>
      <c r="AF1824">
        <v>0</v>
      </c>
      <c r="AG1824">
        <v>6.5250296578434632</v>
      </c>
      <c r="AH1824">
        <v>4.7803854090033363E-2</v>
      </c>
      <c r="AI1824">
        <v>3.4818999935787368E-2</v>
      </c>
      <c r="AJ1824">
        <v>8.984918910388431E-3</v>
      </c>
      <c r="AK1824">
        <v>5.23862155189945E-2</v>
      </c>
      <c r="AL1824">
        <v>1859.0660517443871</v>
      </c>
      <c r="AM1824">
        <v>3592.35791858934</v>
      </c>
      <c r="AN1824">
        <v>93106</v>
      </c>
      <c r="AO1824">
        <v>97.623023616973811</v>
      </c>
      <c r="AP1824">
        <v>1669.899616932556</v>
      </c>
      <c r="AQ1824">
        <v>1.033576642335766</v>
      </c>
      <c r="AR1824">
        <v>4.0729927007299267</v>
      </c>
      <c r="AS1824">
        <v>681</v>
      </c>
      <c r="AT1824">
        <v>179.2379562043796</v>
      </c>
      <c r="AU1824">
        <v>6.6638042078145054E-2</v>
      </c>
      <c r="AV1824">
        <v>4.7942758154061918E-2</v>
      </c>
      <c r="AW1824">
        <v>0.36642335766423362</v>
      </c>
      <c r="AX1824">
        <v>82.020467836257311</v>
      </c>
      <c r="AY1824">
        <v>63</v>
      </c>
      <c r="AZ1824">
        <v>127</v>
      </c>
      <c r="BA1824">
        <v>0.54115957642324697</v>
      </c>
      <c r="BB1824">
        <v>0.5036496350364964</v>
      </c>
      <c r="BC1824">
        <v>5.1183289137502612</v>
      </c>
      <c r="BD1824" t="s">
        <v>6968</v>
      </c>
      <c r="BE1824" t="s">
        <v>68</v>
      </c>
    </row>
    <row r="1825" spans="1:57" x14ac:dyDescent="0.3">
      <c r="A1825" t="s">
        <v>6969</v>
      </c>
      <c r="B1825">
        <v>520</v>
      </c>
      <c r="C1825" t="s">
        <v>6970</v>
      </c>
      <c r="D1825" t="s">
        <v>6971</v>
      </c>
      <c r="E1825" t="s">
        <v>115</v>
      </c>
      <c r="F1825">
        <v>544</v>
      </c>
      <c r="G1825">
        <v>129.3713235294118</v>
      </c>
      <c r="H1825">
        <v>129.5</v>
      </c>
      <c r="I1825">
        <v>5578.6415306012113</v>
      </c>
      <c r="J1825">
        <v>74.690304127116875</v>
      </c>
      <c r="K1825">
        <v>9.1333882477807656E-3</v>
      </c>
      <c r="L1825">
        <v>-1.2095199013216671</v>
      </c>
      <c r="M1825">
        <v>7.5798274649062014</v>
      </c>
      <c r="N1825">
        <v>8</v>
      </c>
      <c r="O1825">
        <v>1</v>
      </c>
      <c r="P1825">
        <v>7</v>
      </c>
      <c r="Q1825">
        <v>1.4306206842937359</v>
      </c>
      <c r="R1825">
        <v>5.2539360364305656</v>
      </c>
      <c r="S1825">
        <v>2</v>
      </c>
      <c r="T1825">
        <v>1</v>
      </c>
      <c r="U1825">
        <v>1</v>
      </c>
      <c r="V1825">
        <v>6.0689298186255097E-2</v>
      </c>
      <c r="W1825">
        <v>6.2920032633552259</v>
      </c>
      <c r="X1825">
        <v>1</v>
      </c>
      <c r="Y1825">
        <v>1</v>
      </c>
      <c r="Z1825">
        <v>0</v>
      </c>
      <c r="AA1825">
        <v>0</v>
      </c>
      <c r="AB1825">
        <v>6.2952660014396464</v>
      </c>
      <c r="AC1825">
        <v>1</v>
      </c>
      <c r="AD1825">
        <v>1</v>
      </c>
      <c r="AE1825">
        <v>0</v>
      </c>
      <c r="AF1825">
        <v>0</v>
      </c>
      <c r="AG1825">
        <v>6.2934192788464811</v>
      </c>
      <c r="AH1825">
        <v>-3.2555174696473899E-2</v>
      </c>
      <c r="AI1825">
        <v>-5.2802832726158572E-2</v>
      </c>
      <c r="AJ1825">
        <v>5.5613501444492612E-3</v>
      </c>
      <c r="AK1825">
        <v>2.5696371615578591E-2</v>
      </c>
      <c r="AL1825">
        <v>1658.144253874219</v>
      </c>
      <c r="AM1825">
        <v>3064.348810651933</v>
      </c>
      <c r="AN1825">
        <v>70378</v>
      </c>
      <c r="AO1825">
        <v>54.493798026395467</v>
      </c>
      <c r="AP1825">
        <v>1480.155647853959</v>
      </c>
      <c r="AQ1825">
        <v>1.0422794117647061</v>
      </c>
      <c r="AR1825">
        <v>4.0202205882352944</v>
      </c>
      <c r="AS1825">
        <v>541</v>
      </c>
      <c r="AT1825">
        <v>192.16176470588229</v>
      </c>
      <c r="AU1825">
        <v>2.9411764705882359E-2</v>
      </c>
      <c r="AV1825">
        <v>-3.2691503330560742E-2</v>
      </c>
      <c r="AW1825">
        <v>0.37316176470588241</v>
      </c>
      <c r="AX1825">
        <v>86.716390423572747</v>
      </c>
      <c r="AY1825">
        <v>64.5</v>
      </c>
      <c r="AZ1825">
        <v>128.5</v>
      </c>
      <c r="BA1825">
        <v>0.5773327665627267</v>
      </c>
      <c r="BB1825">
        <v>0.5</v>
      </c>
      <c r="BC1825">
        <v>5.1040473535190509</v>
      </c>
      <c r="BD1825" t="s">
        <v>6972</v>
      </c>
      <c r="BE1825" t="s">
        <v>62</v>
      </c>
    </row>
    <row r="1826" spans="1:57" x14ac:dyDescent="0.3">
      <c r="A1826" t="s">
        <v>6973</v>
      </c>
      <c r="B1826">
        <v>3158</v>
      </c>
      <c r="C1826" t="s">
        <v>6974</v>
      </c>
      <c r="D1826" t="s">
        <v>6975</v>
      </c>
      <c r="E1826" t="s">
        <v>128</v>
      </c>
      <c r="F1826">
        <v>32</v>
      </c>
      <c r="G1826">
        <v>106.625</v>
      </c>
      <c r="H1826">
        <v>87.5</v>
      </c>
      <c r="I1826">
        <v>4577.984375</v>
      </c>
      <c r="J1826">
        <v>67.660803830578303</v>
      </c>
      <c r="K1826">
        <v>0.62538247266102143</v>
      </c>
      <c r="L1826">
        <v>-0.90737388091125881</v>
      </c>
      <c r="M1826">
        <v>4.8125</v>
      </c>
      <c r="N1826">
        <v>2</v>
      </c>
      <c r="O1826">
        <v>1</v>
      </c>
      <c r="P1826">
        <v>1</v>
      </c>
      <c r="Q1826">
        <v>0.3045434781492361</v>
      </c>
      <c r="R1826">
        <v>3.335770806444736</v>
      </c>
      <c r="S1826">
        <v>1</v>
      </c>
      <c r="T1826">
        <v>1</v>
      </c>
      <c r="U1826">
        <v>0</v>
      </c>
      <c r="V1826">
        <v>0</v>
      </c>
      <c r="W1826">
        <v>3.4339872044851458</v>
      </c>
      <c r="X1826">
        <v>1</v>
      </c>
      <c r="Y1826">
        <v>1</v>
      </c>
      <c r="Z1826">
        <v>0</v>
      </c>
      <c r="AA1826">
        <v>0</v>
      </c>
      <c r="AB1826">
        <v>3.401197381662155</v>
      </c>
      <c r="AC1826">
        <v>1</v>
      </c>
      <c r="AD1826">
        <v>1</v>
      </c>
      <c r="AE1826">
        <v>0</v>
      </c>
      <c r="AF1826">
        <v>0</v>
      </c>
      <c r="AG1826">
        <v>3.3672958299864728</v>
      </c>
      <c r="AH1826">
        <v>-8.6306511974770558E-2</v>
      </c>
      <c r="AI1826">
        <v>-3.7610583601544068E-2</v>
      </c>
      <c r="AJ1826">
        <v>8.1102640524794281E-2</v>
      </c>
      <c r="AK1826">
        <v>0.16198343123167611</v>
      </c>
      <c r="AL1826">
        <v>445.76927622131291</v>
      </c>
      <c r="AM1826">
        <v>558.20225042284346</v>
      </c>
      <c r="AN1826">
        <v>3412</v>
      </c>
      <c r="AO1826">
        <v>125.43165943012809</v>
      </c>
      <c r="AP1826">
        <v>333.1592898277305</v>
      </c>
      <c r="AQ1826">
        <v>1.65625</v>
      </c>
      <c r="AR1826">
        <v>4.03125</v>
      </c>
      <c r="AS1826">
        <v>32</v>
      </c>
      <c r="AT1826">
        <v>2.4375</v>
      </c>
      <c r="AU1826">
        <v>0.27230290456431527</v>
      </c>
      <c r="AV1826">
        <v>-8.9625250757613087E-2</v>
      </c>
      <c r="AW1826">
        <v>0.5625</v>
      </c>
      <c r="AX1826">
        <v>78.806451612903231</v>
      </c>
      <c r="AY1826">
        <v>48</v>
      </c>
      <c r="AZ1826">
        <v>96</v>
      </c>
      <c r="BA1826">
        <v>0.63456791400307899</v>
      </c>
      <c r="BB1826">
        <v>0.375</v>
      </c>
      <c r="BC1826">
        <v>3.2382315403482389</v>
      </c>
      <c r="BD1826" t="s">
        <v>6976</v>
      </c>
      <c r="BE1826" t="s">
        <v>62</v>
      </c>
    </row>
    <row r="1827" spans="1:57" x14ac:dyDescent="0.3">
      <c r="A1827" t="s">
        <v>6977</v>
      </c>
      <c r="B1827">
        <v>987</v>
      </c>
      <c r="C1827" t="s">
        <v>6978</v>
      </c>
      <c r="D1827" t="s">
        <v>6979</v>
      </c>
      <c r="E1827" t="s">
        <v>66</v>
      </c>
      <c r="F1827">
        <v>71</v>
      </c>
      <c r="G1827">
        <v>111.3239436619718</v>
      </c>
      <c r="H1827">
        <v>95</v>
      </c>
      <c r="I1827">
        <v>5912.8668914897844</v>
      </c>
      <c r="J1827">
        <v>76.895168193390305</v>
      </c>
      <c r="K1827">
        <v>0.32036026852039112</v>
      </c>
      <c r="L1827">
        <v>-1.1793714176118251</v>
      </c>
      <c r="M1827">
        <v>5.8010867321502628</v>
      </c>
      <c r="N1827">
        <v>4</v>
      </c>
      <c r="O1827">
        <v>1</v>
      </c>
      <c r="P1827">
        <v>3</v>
      </c>
      <c r="Q1827">
        <v>0.53202965665041224</v>
      </c>
      <c r="R1827">
        <v>4.0210069125736636</v>
      </c>
      <c r="S1827">
        <v>1</v>
      </c>
      <c r="T1827">
        <v>1</v>
      </c>
      <c r="U1827">
        <v>0</v>
      </c>
      <c r="V1827">
        <v>0</v>
      </c>
      <c r="W1827">
        <v>4.2484952420493576</v>
      </c>
      <c r="X1827">
        <v>1</v>
      </c>
      <c r="Y1827">
        <v>1</v>
      </c>
      <c r="Z1827">
        <v>0</v>
      </c>
      <c r="AA1827">
        <v>0</v>
      </c>
      <c r="AB1827">
        <v>4.2341065045972579</v>
      </c>
      <c r="AC1827">
        <v>1</v>
      </c>
      <c r="AD1827">
        <v>1</v>
      </c>
      <c r="AE1827">
        <v>0</v>
      </c>
      <c r="AF1827">
        <v>0</v>
      </c>
      <c r="AG1827">
        <v>4.2195077051761087</v>
      </c>
      <c r="AH1827">
        <v>0.22849364011078341</v>
      </c>
      <c r="AI1827">
        <v>-2.108326632085868E-2</v>
      </c>
      <c r="AJ1827">
        <v>9.384168419497807E-2</v>
      </c>
      <c r="AK1827">
        <v>0.14192495961009599</v>
      </c>
      <c r="AL1827">
        <v>649.02145377114618</v>
      </c>
      <c r="AM1827">
        <v>937.27752162568572</v>
      </c>
      <c r="AN1827">
        <v>7904</v>
      </c>
      <c r="AO1827">
        <v>25.876187286628738</v>
      </c>
      <c r="AP1827">
        <v>504.66797733724923</v>
      </c>
      <c r="AQ1827">
        <v>1.323943661971831</v>
      </c>
      <c r="AR1827">
        <v>3.957746478873239</v>
      </c>
      <c r="AS1827">
        <v>71</v>
      </c>
      <c r="AT1827">
        <v>14.35211267605634</v>
      </c>
      <c r="AU1827">
        <v>0.13763380281690141</v>
      </c>
      <c r="AV1827">
        <v>0.23275700299760671</v>
      </c>
      <c r="AW1827">
        <v>0.43661971830985907</v>
      </c>
      <c r="AX1827">
        <v>74.142857142857139</v>
      </c>
      <c r="AY1827">
        <v>64</v>
      </c>
      <c r="AZ1827">
        <v>135.5</v>
      </c>
      <c r="BA1827">
        <v>0.69073341874123384</v>
      </c>
      <c r="BB1827">
        <v>0.46478873239436619</v>
      </c>
      <c r="BC1827">
        <v>4.0355032434961027</v>
      </c>
      <c r="BD1827" t="s">
        <v>6980</v>
      </c>
      <c r="BE1827" t="s">
        <v>68</v>
      </c>
    </row>
    <row r="1828" spans="1:57" x14ac:dyDescent="0.3">
      <c r="A1828" t="s">
        <v>6981</v>
      </c>
      <c r="B1828">
        <v>3698</v>
      </c>
      <c r="C1828" t="s">
        <v>6982</v>
      </c>
      <c r="D1828" t="s">
        <v>6983</v>
      </c>
      <c r="E1828" t="s">
        <v>128</v>
      </c>
      <c r="F1828">
        <v>32</v>
      </c>
      <c r="G1828">
        <v>135.03125</v>
      </c>
      <c r="H1828">
        <v>146.5</v>
      </c>
      <c r="I1828">
        <v>5945.7177734375</v>
      </c>
      <c r="J1828">
        <v>77.108480554589448</v>
      </c>
      <c r="K1828">
        <v>-0.26494006643641388</v>
      </c>
      <c r="L1828">
        <v>-1.2511098870842019</v>
      </c>
      <c r="M1828">
        <v>4.875</v>
      </c>
      <c r="N1828">
        <v>2</v>
      </c>
      <c r="O1828">
        <v>1</v>
      </c>
      <c r="P1828">
        <v>1</v>
      </c>
      <c r="Q1828">
        <v>0.24944382578492941</v>
      </c>
      <c r="R1828">
        <v>3.3790925052297318</v>
      </c>
      <c r="S1828">
        <v>1</v>
      </c>
      <c r="T1828">
        <v>1</v>
      </c>
      <c r="U1828">
        <v>0</v>
      </c>
      <c r="V1828">
        <v>0</v>
      </c>
      <c r="W1828">
        <v>3.4339872044851458</v>
      </c>
      <c r="X1828">
        <v>1</v>
      </c>
      <c r="Y1828">
        <v>1</v>
      </c>
      <c r="Z1828">
        <v>0</v>
      </c>
      <c r="AA1828">
        <v>0</v>
      </c>
      <c r="AB1828">
        <v>3.401197381662155</v>
      </c>
      <c r="AC1828">
        <v>1</v>
      </c>
      <c r="AD1828">
        <v>1</v>
      </c>
      <c r="AE1828">
        <v>0</v>
      </c>
      <c r="AF1828">
        <v>0</v>
      </c>
      <c r="AG1828">
        <v>3.3672958299864728</v>
      </c>
      <c r="AH1828">
        <v>-0.19873580090220519</v>
      </c>
      <c r="AI1828">
        <v>-2.2622154123856542E-2</v>
      </c>
      <c r="AJ1828">
        <v>-0.30524728623952208</v>
      </c>
      <c r="AK1828">
        <v>0.24858188666508441</v>
      </c>
      <c r="AL1828">
        <v>522.75478221847379</v>
      </c>
      <c r="AM1828">
        <v>707.43228486387022</v>
      </c>
      <c r="AN1828">
        <v>4321</v>
      </c>
      <c r="AO1828">
        <v>160.5628434160248</v>
      </c>
      <c r="AP1828">
        <v>359.76686306767908</v>
      </c>
      <c r="AQ1828">
        <v>1.71875</v>
      </c>
      <c r="AR1828">
        <v>3.90625</v>
      </c>
      <c r="AS1828">
        <v>32</v>
      </c>
      <c r="AT1828">
        <v>1.75</v>
      </c>
      <c r="AU1828">
        <v>0.1183943089430894</v>
      </c>
      <c r="AV1828">
        <v>-0.21085030927594009</v>
      </c>
      <c r="AW1828">
        <v>0.25</v>
      </c>
      <c r="AX1828">
        <v>101.9677419354839</v>
      </c>
      <c r="AY1828">
        <v>67.5</v>
      </c>
      <c r="AZ1828">
        <v>124.5</v>
      </c>
      <c r="BA1828">
        <v>0.571041744445004</v>
      </c>
      <c r="BB1828">
        <v>0.5625</v>
      </c>
      <c r="BC1828">
        <v>3.2829507132875908</v>
      </c>
      <c r="BD1828" t="s">
        <v>6984</v>
      </c>
      <c r="BE1828" t="s">
        <v>62</v>
      </c>
    </row>
    <row r="1829" spans="1:57" x14ac:dyDescent="0.3">
      <c r="A1829" t="s">
        <v>2622</v>
      </c>
      <c r="B1829">
        <v>897</v>
      </c>
      <c r="C1829" t="s">
        <v>6985</v>
      </c>
      <c r="D1829" t="s">
        <v>6986</v>
      </c>
      <c r="E1829" t="s">
        <v>98</v>
      </c>
      <c r="F1829">
        <v>16</v>
      </c>
      <c r="G1829">
        <v>124.6875</v>
      </c>
      <c r="H1829">
        <v>124.5</v>
      </c>
      <c r="I1829">
        <v>3649.46484375</v>
      </c>
      <c r="J1829">
        <v>60.410800720980347</v>
      </c>
      <c r="K1829">
        <v>3.1798810425775807E-2</v>
      </c>
      <c r="L1829">
        <v>-1.1369332908750409</v>
      </c>
      <c r="M1829">
        <v>4</v>
      </c>
      <c r="N1829">
        <v>1</v>
      </c>
      <c r="O1829">
        <v>1</v>
      </c>
      <c r="P1829">
        <v>0</v>
      </c>
      <c r="Q1829">
        <v>0</v>
      </c>
      <c r="R1829">
        <v>2.7725887222397811</v>
      </c>
      <c r="S1829">
        <v>1</v>
      </c>
      <c r="T1829">
        <v>1</v>
      </c>
      <c r="U1829">
        <v>0</v>
      </c>
      <c r="V1829">
        <v>0</v>
      </c>
      <c r="W1829">
        <v>2.7080502011022101</v>
      </c>
      <c r="X1829">
        <v>1</v>
      </c>
      <c r="Y1829">
        <v>1</v>
      </c>
      <c r="Z1829">
        <v>0</v>
      </c>
      <c r="AA1829">
        <v>0</v>
      </c>
      <c r="AB1829">
        <v>2.639057329615258</v>
      </c>
      <c r="AC1829">
        <v>1</v>
      </c>
      <c r="AD1829">
        <v>1</v>
      </c>
      <c r="AE1829">
        <v>0</v>
      </c>
      <c r="AF1829">
        <v>0</v>
      </c>
      <c r="AG1829">
        <v>2.5649493574615372</v>
      </c>
      <c r="AH1829">
        <v>-0.15771850378319599</v>
      </c>
      <c r="AI1829">
        <v>-0.15029721288331019</v>
      </c>
      <c r="AJ1829">
        <v>0.23809161606528351</v>
      </c>
      <c r="AK1829">
        <v>4.4864641969124333E-2</v>
      </c>
      <c r="AL1829">
        <v>336.81401865277888</v>
      </c>
      <c r="AM1829">
        <v>440.11284557368413</v>
      </c>
      <c r="AN1829">
        <v>1995</v>
      </c>
      <c r="AO1829">
        <v>25</v>
      </c>
      <c r="AP1829">
        <v>231.98931356712481</v>
      </c>
      <c r="AQ1829">
        <v>2.25</v>
      </c>
      <c r="AR1829">
        <v>3.75</v>
      </c>
      <c r="AS1829">
        <v>16</v>
      </c>
      <c r="AT1829">
        <v>0</v>
      </c>
      <c r="AU1829">
        <v>0.16793478260869571</v>
      </c>
      <c r="AV1829">
        <v>-0.1770856617102044</v>
      </c>
      <c r="AW1829">
        <v>0.4375</v>
      </c>
      <c r="AX1829">
        <v>81.733333333333334</v>
      </c>
      <c r="AY1829">
        <v>55.5</v>
      </c>
      <c r="AZ1829">
        <v>104.75</v>
      </c>
      <c r="BA1829">
        <v>0.48449764989257421</v>
      </c>
      <c r="BB1829">
        <v>0.5</v>
      </c>
      <c r="BC1829">
        <v>2.615630577027551</v>
      </c>
      <c r="BD1829" t="s">
        <v>6985</v>
      </c>
      <c r="BE1829" t="s">
        <v>62</v>
      </c>
    </row>
    <row r="1830" spans="1:57" x14ac:dyDescent="0.3">
      <c r="A1830" t="s">
        <v>6987</v>
      </c>
      <c r="B1830">
        <v>2106</v>
      </c>
      <c r="C1830" t="s">
        <v>6988</v>
      </c>
      <c r="D1830" t="s">
        <v>6989</v>
      </c>
      <c r="E1830" t="s">
        <v>85</v>
      </c>
      <c r="F1830">
        <v>8</v>
      </c>
      <c r="G1830">
        <v>112.25</v>
      </c>
      <c r="H1830">
        <v>105</v>
      </c>
      <c r="I1830">
        <v>3148.4375</v>
      </c>
      <c r="J1830">
        <v>56.110939218658601</v>
      </c>
      <c r="K1830">
        <v>0.8244986661274587</v>
      </c>
      <c r="L1830">
        <v>-0.16820589716087181</v>
      </c>
      <c r="M1830">
        <v>3</v>
      </c>
      <c r="N1830">
        <v>1</v>
      </c>
      <c r="O1830">
        <v>1</v>
      </c>
      <c r="P1830">
        <v>0</v>
      </c>
      <c r="Q1830">
        <v>0</v>
      </c>
      <c r="R1830">
        <v>2.0794415416798362</v>
      </c>
      <c r="S1830">
        <v>1</v>
      </c>
      <c r="T1830">
        <v>1</v>
      </c>
      <c r="U1830">
        <v>0</v>
      </c>
      <c r="V1830">
        <v>0</v>
      </c>
      <c r="W1830">
        <v>1.945910149055313</v>
      </c>
      <c r="X1830">
        <v>1</v>
      </c>
      <c r="Y1830">
        <v>1</v>
      </c>
      <c r="Z1830">
        <v>0</v>
      </c>
      <c r="AA1830">
        <v>0</v>
      </c>
      <c r="AB1830">
        <v>1.791759469228055</v>
      </c>
      <c r="AC1830">
        <v>1</v>
      </c>
      <c r="AD1830">
        <v>1</v>
      </c>
      <c r="AE1830">
        <v>0</v>
      </c>
      <c r="AF1830">
        <v>0</v>
      </c>
      <c r="AG1830">
        <v>1.6094379124341009</v>
      </c>
      <c r="AH1830">
        <v>0.18009677419354839</v>
      </c>
      <c r="AI1830">
        <v>0.21233250620347391</v>
      </c>
      <c r="AJ1830">
        <v>-0.18186848635235731</v>
      </c>
      <c r="AK1830">
        <v>0</v>
      </c>
      <c r="AL1830">
        <v>247.80361918899391</v>
      </c>
      <c r="AM1830">
        <v>254.12864127609879</v>
      </c>
      <c r="AN1830">
        <v>898</v>
      </c>
      <c r="AO1830">
        <v>64.513564465157245</v>
      </c>
      <c r="AP1830">
        <v>205.97756554535169</v>
      </c>
      <c r="AQ1830">
        <v>3.5</v>
      </c>
      <c r="AR1830">
        <v>3.875</v>
      </c>
      <c r="AS1830">
        <v>8</v>
      </c>
      <c r="AT1830">
        <v>0</v>
      </c>
      <c r="AU1830">
        <v>0.44891304347826089</v>
      </c>
      <c r="AV1830">
        <v>0.39338705290692239</v>
      </c>
      <c r="AW1830">
        <v>0.625</v>
      </c>
      <c r="AX1830">
        <v>46.428571428571431</v>
      </c>
      <c r="AY1830">
        <v>38.5</v>
      </c>
      <c r="AZ1830">
        <v>72.5</v>
      </c>
      <c r="BA1830">
        <v>0.49987473691455331</v>
      </c>
      <c r="BB1830">
        <v>0.5</v>
      </c>
      <c r="BC1830">
        <v>1.945910149055313</v>
      </c>
      <c r="BD1830" t="s">
        <v>6988</v>
      </c>
      <c r="BE1830" t="s">
        <v>68</v>
      </c>
    </row>
    <row r="1831" spans="1:57" x14ac:dyDescent="0.3">
      <c r="A1831" t="s">
        <v>6990</v>
      </c>
      <c r="B1831">
        <v>656</v>
      </c>
      <c r="C1831" t="s">
        <v>6991</v>
      </c>
      <c r="D1831" t="s">
        <v>6992</v>
      </c>
      <c r="E1831" t="s">
        <v>106</v>
      </c>
      <c r="F1831">
        <v>668</v>
      </c>
      <c r="G1831">
        <v>127.8667664670659</v>
      </c>
      <c r="H1831">
        <v>122.5</v>
      </c>
      <c r="I1831">
        <v>5478.4298536161205</v>
      </c>
      <c r="J1831">
        <v>74.016416108969509</v>
      </c>
      <c r="K1831">
        <v>5.0167661026593507E-2</v>
      </c>
      <c r="L1831">
        <v>-1.1818493547019231</v>
      </c>
      <c r="M1831">
        <v>7.7049065861380486</v>
      </c>
      <c r="N1831">
        <v>11</v>
      </c>
      <c r="O1831">
        <v>1</v>
      </c>
      <c r="P1831">
        <v>10</v>
      </c>
      <c r="Q1831">
        <v>1.531248582765784</v>
      </c>
      <c r="R1831">
        <v>5.3406342766593529</v>
      </c>
      <c r="S1831">
        <v>2</v>
      </c>
      <c r="T1831">
        <v>1</v>
      </c>
      <c r="U1831">
        <v>1</v>
      </c>
      <c r="V1831">
        <v>9.4840714182496094E-2</v>
      </c>
      <c r="W1831">
        <v>6.4903196318725644</v>
      </c>
      <c r="X1831">
        <v>1</v>
      </c>
      <c r="Y1831">
        <v>1</v>
      </c>
      <c r="Z1831">
        <v>0</v>
      </c>
      <c r="AA1831">
        <v>0</v>
      </c>
      <c r="AB1831">
        <v>6.5012896705403893</v>
      </c>
      <c r="AC1831">
        <v>1</v>
      </c>
      <c r="AD1831">
        <v>1</v>
      </c>
      <c r="AE1831">
        <v>0</v>
      </c>
      <c r="AF1831">
        <v>0</v>
      </c>
      <c r="AG1831">
        <v>6.4997870406558533</v>
      </c>
      <c r="AH1831">
        <v>-2.391972397051639E-2</v>
      </c>
      <c r="AI1831">
        <v>0.11688238925916131</v>
      </c>
      <c r="AJ1831">
        <v>4.8819125863430442E-4</v>
      </c>
      <c r="AK1831">
        <v>-5.9497987422562751E-2</v>
      </c>
      <c r="AL1831">
        <v>1808.612582844564</v>
      </c>
      <c r="AM1831">
        <v>3363.0717395227111</v>
      </c>
      <c r="AN1831">
        <v>85415</v>
      </c>
      <c r="AO1831">
        <v>120.7750610083486</v>
      </c>
      <c r="AP1831">
        <v>1611.1737752734259</v>
      </c>
      <c r="AQ1831">
        <v>1.034431137724551</v>
      </c>
      <c r="AR1831">
        <v>4.0314371257485027</v>
      </c>
      <c r="AS1831">
        <v>667</v>
      </c>
      <c r="AT1831">
        <v>202.17964071856289</v>
      </c>
      <c r="AU1831">
        <v>2.4773981448866941E-2</v>
      </c>
      <c r="AV1831">
        <v>-2.3932635606423058E-2</v>
      </c>
      <c r="AW1831">
        <v>0.39970059880239522</v>
      </c>
      <c r="AX1831">
        <v>85.905547226386801</v>
      </c>
      <c r="AY1831">
        <v>62.5</v>
      </c>
      <c r="AZ1831">
        <v>127.25</v>
      </c>
      <c r="BA1831">
        <v>0.57885577428779056</v>
      </c>
      <c r="BB1831">
        <v>0.48053892215568861</v>
      </c>
      <c r="BC1831">
        <v>5.1529060174653027</v>
      </c>
      <c r="BD1831" t="s">
        <v>6993</v>
      </c>
      <c r="BE1831" t="s">
        <v>68</v>
      </c>
    </row>
    <row r="1832" spans="1:57" x14ac:dyDescent="0.3">
      <c r="A1832" t="s">
        <v>6994</v>
      </c>
      <c r="B1832">
        <v>158</v>
      </c>
      <c r="C1832" t="s">
        <v>6995</v>
      </c>
      <c r="D1832" t="s">
        <v>6996</v>
      </c>
      <c r="E1832" t="s">
        <v>60</v>
      </c>
      <c r="F1832">
        <v>512</v>
      </c>
      <c r="G1832">
        <v>125.642578125</v>
      </c>
      <c r="H1832">
        <v>125</v>
      </c>
      <c r="I1832">
        <v>5620.7921714782706</v>
      </c>
      <c r="J1832">
        <v>74.971942561722855</v>
      </c>
      <c r="K1832">
        <v>3.5757918236614193E-2</v>
      </c>
      <c r="L1832">
        <v>-1.2345868728586651</v>
      </c>
      <c r="M1832">
        <v>7.6263625928033516</v>
      </c>
      <c r="N1832">
        <v>6</v>
      </c>
      <c r="O1832">
        <v>1</v>
      </c>
      <c r="P1832">
        <v>5</v>
      </c>
      <c r="Q1832">
        <v>1.164417170492936</v>
      </c>
      <c r="R1832">
        <v>5.2861917291294764</v>
      </c>
      <c r="S1832">
        <v>2</v>
      </c>
      <c r="T1832">
        <v>1</v>
      </c>
      <c r="U1832">
        <v>1</v>
      </c>
      <c r="V1832">
        <v>6.2560641760670568E-2</v>
      </c>
      <c r="W1832">
        <v>6.2309437805711401</v>
      </c>
      <c r="X1832">
        <v>1</v>
      </c>
      <c r="Y1832">
        <v>1</v>
      </c>
      <c r="Z1832">
        <v>0</v>
      </c>
      <c r="AA1832">
        <v>0</v>
      </c>
      <c r="AB1832">
        <v>6.2344107257183694</v>
      </c>
      <c r="AC1832">
        <v>1</v>
      </c>
      <c r="AD1832">
        <v>1</v>
      </c>
      <c r="AE1832">
        <v>0</v>
      </c>
      <c r="AF1832">
        <v>0</v>
      </c>
      <c r="AG1832">
        <v>6.2324480165505216</v>
      </c>
      <c r="AH1832">
        <v>-8.8572433031185713E-2</v>
      </c>
      <c r="AI1832">
        <v>2.542506814438605E-2</v>
      </c>
      <c r="AJ1832">
        <v>-2.0559603851970601E-2</v>
      </c>
      <c r="AK1832">
        <v>-4.183108530917639E-2</v>
      </c>
      <c r="AL1832">
        <v>1620.7162185067309</v>
      </c>
      <c r="AM1832">
        <v>2886.7950982134571</v>
      </c>
      <c r="AN1832">
        <v>64329</v>
      </c>
      <c r="AO1832">
        <v>150.01572388068851</v>
      </c>
      <c r="AP1832">
        <v>1414.4350377295671</v>
      </c>
      <c r="AQ1832">
        <v>1.044921875</v>
      </c>
      <c r="AR1832">
        <v>4.015625</v>
      </c>
      <c r="AS1832">
        <v>512</v>
      </c>
      <c r="AT1832">
        <v>132.875</v>
      </c>
      <c r="AU1832">
        <v>4.2777267156862697E-2</v>
      </c>
      <c r="AV1832">
        <v>-8.8700271388328561E-2</v>
      </c>
      <c r="AW1832">
        <v>0.365234375</v>
      </c>
      <c r="AX1832">
        <v>90.602739726027394</v>
      </c>
      <c r="AY1832">
        <v>66.5</v>
      </c>
      <c r="AZ1832">
        <v>133.25</v>
      </c>
      <c r="BA1832">
        <v>0.59670808797901576</v>
      </c>
      <c r="BB1832">
        <v>0.498046875</v>
      </c>
      <c r="BC1832">
        <v>5.1144585388513626</v>
      </c>
      <c r="BD1832" t="s">
        <v>6997</v>
      </c>
      <c r="BE1832" t="s">
        <v>62</v>
      </c>
    </row>
    <row r="1833" spans="1:57" x14ac:dyDescent="0.3">
      <c r="A1833" t="s">
        <v>6998</v>
      </c>
      <c r="B1833">
        <v>1340</v>
      </c>
      <c r="C1833" t="s">
        <v>6999</v>
      </c>
      <c r="D1833" t="s">
        <v>7000</v>
      </c>
      <c r="E1833" t="s">
        <v>106</v>
      </c>
      <c r="F1833">
        <v>1362</v>
      </c>
      <c r="G1833">
        <v>127.03010279001469</v>
      </c>
      <c r="H1833">
        <v>125</v>
      </c>
      <c r="I1833">
        <v>5617.4080512375986</v>
      </c>
      <c r="J1833">
        <v>74.949369918883235</v>
      </c>
      <c r="K1833">
        <v>1.7006918089862919E-2</v>
      </c>
      <c r="L1833">
        <v>-1.248862790053924</v>
      </c>
      <c r="M1833">
        <v>7.8606073737453839</v>
      </c>
      <c r="N1833">
        <v>15</v>
      </c>
      <c r="O1833">
        <v>1</v>
      </c>
      <c r="P1833">
        <v>14</v>
      </c>
      <c r="Q1833">
        <v>2.217217136886612</v>
      </c>
      <c r="R1833">
        <v>5.4485578386003386</v>
      </c>
      <c r="S1833">
        <v>2</v>
      </c>
      <c r="T1833">
        <v>1</v>
      </c>
      <c r="U1833">
        <v>1</v>
      </c>
      <c r="V1833">
        <v>8.989858636210013E-2</v>
      </c>
      <c r="W1833">
        <v>7.2047705662280146</v>
      </c>
      <c r="X1833">
        <v>1</v>
      </c>
      <c r="Y1833">
        <v>1</v>
      </c>
      <c r="Z1833">
        <v>0</v>
      </c>
      <c r="AA1833">
        <v>0</v>
      </c>
      <c r="AB1833">
        <v>7.2152399787300956</v>
      </c>
      <c r="AC1833">
        <v>1</v>
      </c>
      <c r="AD1833">
        <v>1</v>
      </c>
      <c r="AE1833">
        <v>0</v>
      </c>
      <c r="AF1833">
        <v>0</v>
      </c>
      <c r="AG1833">
        <v>7.2145044141511416</v>
      </c>
      <c r="AH1833">
        <v>-1.1584207982351911E-2</v>
      </c>
      <c r="AI1833">
        <v>3.4396076638412612E-2</v>
      </c>
      <c r="AJ1833">
        <v>7.3431031818291343E-3</v>
      </c>
      <c r="AK1833">
        <v>-2.1364298071687481E-3</v>
      </c>
      <c r="AL1833">
        <v>2605.9430464267061</v>
      </c>
      <c r="AM1833">
        <v>4778.9207818063178</v>
      </c>
      <c r="AN1833">
        <v>173015</v>
      </c>
      <c r="AO1833">
        <v>195.031445317334</v>
      </c>
      <c r="AP1833">
        <v>2303.8994054687828</v>
      </c>
      <c r="AQ1833">
        <v>1.0168869309838471</v>
      </c>
      <c r="AR1833">
        <v>3.9838472834067549</v>
      </c>
      <c r="AS1833">
        <v>1355</v>
      </c>
      <c r="AT1833">
        <v>232.8663729809104</v>
      </c>
      <c r="AU1833">
        <v>1.7906193314330129E-2</v>
      </c>
      <c r="AV1833">
        <v>-1.159672417550341E-2</v>
      </c>
      <c r="AW1833">
        <v>0.37665198237885461</v>
      </c>
      <c r="AX1833">
        <v>87.325495958853779</v>
      </c>
      <c r="AY1833">
        <v>67</v>
      </c>
      <c r="AZ1833">
        <v>132.5</v>
      </c>
      <c r="BA1833">
        <v>0.59001266843637235</v>
      </c>
      <c r="BB1833">
        <v>0.48972099853157119</v>
      </c>
      <c r="BC1833">
        <v>5.2759087633848569</v>
      </c>
      <c r="BD1833" t="s">
        <v>7001</v>
      </c>
      <c r="BE1833" t="s">
        <v>68</v>
      </c>
    </row>
    <row r="1834" spans="1:57" x14ac:dyDescent="0.3">
      <c r="A1834" t="s">
        <v>7002</v>
      </c>
      <c r="B1834">
        <v>3870</v>
      </c>
      <c r="C1834" t="s">
        <v>7003</v>
      </c>
      <c r="D1834" t="s">
        <v>7004</v>
      </c>
      <c r="E1834" t="s">
        <v>115</v>
      </c>
      <c r="F1834">
        <v>3913</v>
      </c>
      <c r="G1834">
        <v>128.8479427549195</v>
      </c>
      <c r="H1834">
        <v>130</v>
      </c>
      <c r="I1834">
        <v>5482.0180234958289</v>
      </c>
      <c r="J1834">
        <v>74.040651155266247</v>
      </c>
      <c r="K1834">
        <v>-3.0686178738767628E-2</v>
      </c>
      <c r="L1834">
        <v>-1.2019199005658929</v>
      </c>
      <c r="M1834">
        <v>7.9541654446694832</v>
      </c>
      <c r="N1834">
        <v>31</v>
      </c>
      <c r="O1834">
        <v>6</v>
      </c>
      <c r="P1834">
        <v>25</v>
      </c>
      <c r="Q1834">
        <v>3.873075930457075</v>
      </c>
      <c r="R1834">
        <v>5.513407351679998</v>
      </c>
      <c r="S1834">
        <v>3</v>
      </c>
      <c r="T1834">
        <v>1</v>
      </c>
      <c r="U1834">
        <v>2</v>
      </c>
      <c r="V1834">
        <v>0.17002053241466319</v>
      </c>
      <c r="W1834">
        <v>8.233485206750025</v>
      </c>
      <c r="X1834">
        <v>1</v>
      </c>
      <c r="Y1834">
        <v>1</v>
      </c>
      <c r="Z1834">
        <v>0</v>
      </c>
      <c r="AA1834">
        <v>0</v>
      </c>
      <c r="AB1834">
        <v>8.271548374755513</v>
      </c>
      <c r="AC1834">
        <v>1</v>
      </c>
      <c r="AD1834">
        <v>1</v>
      </c>
      <c r="AE1834">
        <v>0</v>
      </c>
      <c r="AF1834">
        <v>0</v>
      </c>
      <c r="AG1834">
        <v>8.2712926529794117</v>
      </c>
      <c r="AH1834">
        <v>1.0349411403795489E-2</v>
      </c>
      <c r="AI1834">
        <v>1.1304341443776209E-2</v>
      </c>
      <c r="AJ1834">
        <v>-8.0994642037182294E-4</v>
      </c>
      <c r="AK1834">
        <v>-7.3337072121345253E-3</v>
      </c>
      <c r="AL1834">
        <v>4259.9864512539862</v>
      </c>
      <c r="AM1834">
        <v>8262.3522943004846</v>
      </c>
      <c r="AN1834">
        <v>504182</v>
      </c>
      <c r="AO1834">
        <v>61.105482027219338</v>
      </c>
      <c r="AP1834">
        <v>4008.589879626616</v>
      </c>
      <c r="AQ1834">
        <v>1.0058778430871449</v>
      </c>
      <c r="AR1834">
        <v>4.0230002555583946</v>
      </c>
      <c r="AS1834">
        <v>3901</v>
      </c>
      <c r="AT1834">
        <v>251.23613595706621</v>
      </c>
      <c r="AU1834">
        <v>1.7139449697589241E-2</v>
      </c>
      <c r="AV1834">
        <v>1.0355199072013649E-2</v>
      </c>
      <c r="AW1834">
        <v>0.36110401226680289</v>
      </c>
      <c r="AX1834">
        <v>84.97955010224949</v>
      </c>
      <c r="AY1834">
        <v>64</v>
      </c>
      <c r="AZ1834">
        <v>129</v>
      </c>
      <c r="BA1834">
        <v>0.57463588142884281</v>
      </c>
      <c r="BB1834">
        <v>0.5065167390748786</v>
      </c>
      <c r="BC1834">
        <v>5.3179685832791321</v>
      </c>
      <c r="BD1834" t="s">
        <v>7005</v>
      </c>
      <c r="BE1834" t="s">
        <v>68</v>
      </c>
    </row>
    <row r="1835" spans="1:57" x14ac:dyDescent="0.3">
      <c r="A1835" t="s">
        <v>7006</v>
      </c>
      <c r="B1835">
        <v>738</v>
      </c>
      <c r="C1835" t="s">
        <v>7007</v>
      </c>
      <c r="D1835" t="s">
        <v>7008</v>
      </c>
      <c r="E1835" t="s">
        <v>85</v>
      </c>
      <c r="F1835">
        <v>8</v>
      </c>
      <c r="G1835">
        <v>128.875</v>
      </c>
      <c r="H1835">
        <v>122</v>
      </c>
      <c r="I1835">
        <v>9172.859375</v>
      </c>
      <c r="J1835">
        <v>95.77504567996823</v>
      </c>
      <c r="K1835">
        <v>4.343637060538854E-2</v>
      </c>
      <c r="L1835">
        <v>-1.8298857332800651</v>
      </c>
      <c r="M1835">
        <v>2.75</v>
      </c>
      <c r="N1835">
        <v>2</v>
      </c>
      <c r="O1835">
        <v>1</v>
      </c>
      <c r="P1835">
        <v>1</v>
      </c>
      <c r="Q1835">
        <v>0.3499271061118826</v>
      </c>
      <c r="R1835">
        <v>1.9061547465398501</v>
      </c>
      <c r="S1835">
        <v>1</v>
      </c>
      <c r="T1835">
        <v>1</v>
      </c>
      <c r="U1835">
        <v>0</v>
      </c>
      <c r="V1835">
        <v>0</v>
      </c>
      <c r="W1835">
        <v>1.945910149055313</v>
      </c>
      <c r="X1835">
        <v>1</v>
      </c>
      <c r="Y1835">
        <v>1</v>
      </c>
      <c r="Z1835">
        <v>0</v>
      </c>
      <c r="AA1835">
        <v>0</v>
      </c>
      <c r="AB1835">
        <v>1.791759469228055</v>
      </c>
      <c r="AC1835">
        <v>1</v>
      </c>
      <c r="AD1835">
        <v>1</v>
      </c>
      <c r="AE1835">
        <v>0</v>
      </c>
      <c r="AF1835">
        <v>0</v>
      </c>
      <c r="AG1835">
        <v>1.6094379124341009</v>
      </c>
      <c r="AH1835">
        <v>-1.1988704789775539E-2</v>
      </c>
      <c r="AI1835">
        <v>3.7283477241795183E-2</v>
      </c>
      <c r="AJ1835">
        <v>-0.17005095705230949</v>
      </c>
      <c r="AK1835">
        <v>0</v>
      </c>
      <c r="AL1835">
        <v>366.11168480716492</v>
      </c>
      <c r="AM1835">
        <v>268.72892335522641</v>
      </c>
      <c r="AN1835">
        <v>1031</v>
      </c>
      <c r="AO1835">
        <v>155.8248561895123</v>
      </c>
      <c r="AP1835">
        <v>275.61471291339768</v>
      </c>
      <c r="AQ1835">
        <v>3.5</v>
      </c>
      <c r="AR1835">
        <v>3.25</v>
      </c>
      <c r="AS1835">
        <v>8</v>
      </c>
      <c r="AT1835">
        <v>0.75</v>
      </c>
      <c r="AU1835">
        <v>0.30888429752066121</v>
      </c>
      <c r="AV1835">
        <v>-4.4238266541449987E-2</v>
      </c>
      <c r="AW1835">
        <v>0.25</v>
      </c>
      <c r="AX1835">
        <v>107.28571428571431</v>
      </c>
      <c r="AY1835">
        <v>102</v>
      </c>
      <c r="AZ1835">
        <v>201.25</v>
      </c>
      <c r="BA1835">
        <v>0.74316233311323554</v>
      </c>
      <c r="BB1835">
        <v>0.5</v>
      </c>
      <c r="BC1835">
        <v>1.7478680974667571</v>
      </c>
      <c r="BD1835" t="s">
        <v>7007</v>
      </c>
      <c r="BE1835" t="s">
        <v>68</v>
      </c>
    </row>
    <row r="1836" spans="1:57" x14ac:dyDescent="0.3">
      <c r="A1836" t="s">
        <v>7009</v>
      </c>
      <c r="B1836">
        <v>2225</v>
      </c>
      <c r="C1836" t="s">
        <v>7010</v>
      </c>
      <c r="D1836" t="s">
        <v>7011</v>
      </c>
      <c r="E1836" t="s">
        <v>106</v>
      </c>
      <c r="F1836">
        <v>2293</v>
      </c>
      <c r="G1836">
        <v>126.2468382032272</v>
      </c>
      <c r="H1836">
        <v>125</v>
      </c>
      <c r="I1836">
        <v>5532.2923199201796</v>
      </c>
      <c r="J1836">
        <v>74.3793810132901</v>
      </c>
      <c r="K1836">
        <v>2.5882740969617461E-2</v>
      </c>
      <c r="L1836">
        <v>-1.210179431536232</v>
      </c>
      <c r="M1836">
        <v>7.9181356266493577</v>
      </c>
      <c r="N1836">
        <v>18</v>
      </c>
      <c r="O1836">
        <v>2</v>
      </c>
      <c r="P1836">
        <v>16</v>
      </c>
      <c r="Q1836">
        <v>2.9938265541816942</v>
      </c>
      <c r="R1836">
        <v>5.4884333849032476</v>
      </c>
      <c r="S1836">
        <v>2</v>
      </c>
      <c r="T1836">
        <v>1</v>
      </c>
      <c r="U1836">
        <v>1</v>
      </c>
      <c r="V1836">
        <v>0.12178194680104309</v>
      </c>
      <c r="W1836">
        <v>7.7166155017970759</v>
      </c>
      <c r="X1836">
        <v>1</v>
      </c>
      <c r="Y1836">
        <v>1</v>
      </c>
      <c r="Z1836">
        <v>0</v>
      </c>
      <c r="AA1836">
        <v>0</v>
      </c>
      <c r="AB1836">
        <v>7.7367436824534943</v>
      </c>
      <c r="AC1836">
        <v>1</v>
      </c>
      <c r="AD1836">
        <v>1</v>
      </c>
      <c r="AE1836">
        <v>0</v>
      </c>
      <c r="AF1836">
        <v>0</v>
      </c>
      <c r="AG1836">
        <v>7.7363070965482867</v>
      </c>
      <c r="AH1836">
        <v>1.6128493724570751E-2</v>
      </c>
      <c r="AI1836">
        <v>-2.4641860224173591E-2</v>
      </c>
      <c r="AJ1836">
        <v>5.6449941472583413E-2</v>
      </c>
      <c r="AK1836">
        <v>1.3400508887325529E-2</v>
      </c>
      <c r="AL1836">
        <v>3271.745175525281</v>
      </c>
      <c r="AM1836">
        <v>6207.0660948975756</v>
      </c>
      <c r="AN1836">
        <v>289483.99999999988</v>
      </c>
      <c r="AO1836">
        <v>65.496500205247216</v>
      </c>
      <c r="AP1836">
        <v>2952.7757955497291</v>
      </c>
      <c r="AQ1836">
        <v>1.0100305276929791</v>
      </c>
      <c r="AR1836">
        <v>3.9812472743131271</v>
      </c>
      <c r="AS1836">
        <v>2285</v>
      </c>
      <c r="AT1836">
        <v>256.17051897078062</v>
      </c>
      <c r="AU1836">
        <v>1.8126779713193601E-2</v>
      </c>
      <c r="AV1836">
        <v>1.6134604682375951E-2</v>
      </c>
      <c r="AW1836">
        <v>0.37505451373746179</v>
      </c>
      <c r="AX1836">
        <v>85.806719022687602</v>
      </c>
      <c r="AY1836">
        <v>65</v>
      </c>
      <c r="AZ1836">
        <v>129</v>
      </c>
      <c r="BA1836">
        <v>0.58915836683020206</v>
      </c>
      <c r="BB1836">
        <v>0.49542084605320541</v>
      </c>
      <c r="BC1836">
        <v>5.2989371880010756</v>
      </c>
      <c r="BD1836" t="s">
        <v>7012</v>
      </c>
      <c r="BE1836" t="s">
        <v>68</v>
      </c>
    </row>
    <row r="1837" spans="1:57" x14ac:dyDescent="0.3">
      <c r="A1837" t="s">
        <v>7013</v>
      </c>
      <c r="B1837">
        <v>1657</v>
      </c>
      <c r="C1837" t="s">
        <v>7014</v>
      </c>
      <c r="D1837" t="s">
        <v>7015</v>
      </c>
      <c r="E1837" t="s">
        <v>85</v>
      </c>
      <c r="F1837">
        <v>8</v>
      </c>
      <c r="G1837">
        <v>126.5</v>
      </c>
      <c r="H1837">
        <v>142.5</v>
      </c>
      <c r="I1837">
        <v>3979.5</v>
      </c>
      <c r="J1837">
        <v>63.083278291477527</v>
      </c>
      <c r="K1837">
        <v>-0.28299335409667969</v>
      </c>
      <c r="L1837">
        <v>-0.70901595090595038</v>
      </c>
      <c r="M1837">
        <v>3</v>
      </c>
      <c r="N1837">
        <v>1</v>
      </c>
      <c r="O1837">
        <v>1</v>
      </c>
      <c r="P1837">
        <v>0</v>
      </c>
      <c r="Q1837">
        <v>0</v>
      </c>
      <c r="R1837">
        <v>2.0794415416798362</v>
      </c>
      <c r="S1837">
        <v>1</v>
      </c>
      <c r="T1837">
        <v>1</v>
      </c>
      <c r="U1837">
        <v>0</v>
      </c>
      <c r="V1837">
        <v>0</v>
      </c>
      <c r="W1837">
        <v>1.945910149055313</v>
      </c>
      <c r="X1837">
        <v>1</v>
      </c>
      <c r="Y1837">
        <v>1</v>
      </c>
      <c r="Z1837">
        <v>0</v>
      </c>
      <c r="AA1837">
        <v>0</v>
      </c>
      <c r="AB1837">
        <v>1.791759469228055</v>
      </c>
      <c r="AC1837">
        <v>1</v>
      </c>
      <c r="AD1837">
        <v>1</v>
      </c>
      <c r="AE1837">
        <v>0</v>
      </c>
      <c r="AF1837">
        <v>0</v>
      </c>
      <c r="AG1837">
        <v>1.6094379124341009</v>
      </c>
      <c r="AH1837">
        <v>-0.16103624827239599</v>
      </c>
      <c r="AI1837">
        <v>0.1186706872722704</v>
      </c>
      <c r="AJ1837">
        <v>-0.1401008292499058</v>
      </c>
      <c r="AK1837">
        <v>0</v>
      </c>
      <c r="AL1837">
        <v>289.71936894685729</v>
      </c>
      <c r="AM1837">
        <v>275.52983006751703</v>
      </c>
      <c r="AN1837">
        <v>1012</v>
      </c>
      <c r="AO1837">
        <v>129.95505609828299</v>
      </c>
      <c r="AP1837">
        <v>203.89625046008689</v>
      </c>
      <c r="AQ1837">
        <v>3.5</v>
      </c>
      <c r="AR1837">
        <v>3.25</v>
      </c>
      <c r="AS1837">
        <v>8</v>
      </c>
      <c r="AT1837">
        <v>0</v>
      </c>
      <c r="AU1837">
        <v>0.1913716814159292</v>
      </c>
      <c r="AV1837">
        <v>-0.2121715432281534</v>
      </c>
      <c r="AW1837">
        <v>0.25</v>
      </c>
      <c r="AX1837">
        <v>88.714285714285708</v>
      </c>
      <c r="AY1837">
        <v>49</v>
      </c>
      <c r="AZ1837">
        <v>79.75</v>
      </c>
      <c r="BA1837">
        <v>0.49868204182986192</v>
      </c>
      <c r="BB1837">
        <v>0.625</v>
      </c>
      <c r="BC1837">
        <v>1.945910149055313</v>
      </c>
      <c r="BD1837" t="s">
        <v>7014</v>
      </c>
      <c r="BE1837" t="s">
        <v>68</v>
      </c>
    </row>
    <row r="1838" spans="1:57" x14ac:dyDescent="0.3">
      <c r="A1838" t="s">
        <v>7016</v>
      </c>
      <c r="B1838">
        <v>3616</v>
      </c>
      <c r="C1838" t="s">
        <v>7017</v>
      </c>
      <c r="D1838" t="s">
        <v>7018</v>
      </c>
      <c r="E1838" t="s">
        <v>93</v>
      </c>
      <c r="F1838">
        <v>3629</v>
      </c>
      <c r="G1838">
        <v>127.5965830807385</v>
      </c>
      <c r="H1838">
        <v>127</v>
      </c>
      <c r="I1838">
        <v>5404.9130332406176</v>
      </c>
      <c r="J1838">
        <v>73.518113640385366</v>
      </c>
      <c r="K1838">
        <v>-7.5464771785950444E-3</v>
      </c>
      <c r="L1838">
        <v>-1.1890656738982781</v>
      </c>
      <c r="M1838">
        <v>7.9494699172612444</v>
      </c>
      <c r="N1838">
        <v>26</v>
      </c>
      <c r="O1838">
        <v>4</v>
      </c>
      <c r="P1838">
        <v>22</v>
      </c>
      <c r="Q1838">
        <v>3.737003438872974</v>
      </c>
      <c r="R1838">
        <v>5.510152660095736</v>
      </c>
      <c r="S1838">
        <v>3</v>
      </c>
      <c r="T1838">
        <v>1</v>
      </c>
      <c r="U1838">
        <v>2</v>
      </c>
      <c r="V1838">
        <v>0.16683230966436061</v>
      </c>
      <c r="W1838">
        <v>8.1584637158947189</v>
      </c>
      <c r="X1838">
        <v>2</v>
      </c>
      <c r="Y1838">
        <v>1</v>
      </c>
      <c r="Z1838">
        <v>1</v>
      </c>
      <c r="AA1838">
        <v>1.6604515414771499E-2</v>
      </c>
      <c r="AB1838">
        <v>8.1957789241295735</v>
      </c>
      <c r="AC1838">
        <v>1</v>
      </c>
      <c r="AD1838">
        <v>1</v>
      </c>
      <c r="AE1838">
        <v>0</v>
      </c>
      <c r="AF1838">
        <v>0</v>
      </c>
      <c r="AG1838">
        <v>8.1958853913147962</v>
      </c>
      <c r="AH1838">
        <v>-3.6351298368736268E-2</v>
      </c>
      <c r="AI1838">
        <v>1.6755040603902888E-2</v>
      </c>
      <c r="AJ1838">
        <v>-6.4390849497365397E-3</v>
      </c>
      <c r="AK1838">
        <v>-8.9126587555663581E-3</v>
      </c>
      <c r="AL1838">
        <v>4027.421814247371</v>
      </c>
      <c r="AM1838">
        <v>7904.2802031636229</v>
      </c>
      <c r="AN1838">
        <v>463047.99999999988</v>
      </c>
      <c r="AO1838">
        <v>63.702974874881519</v>
      </c>
      <c r="AP1838">
        <v>3603.426699587309</v>
      </c>
      <c r="AQ1838">
        <v>1.006337834114081</v>
      </c>
      <c r="AR1838">
        <v>4.0099200881785606</v>
      </c>
      <c r="AS1838">
        <v>3615</v>
      </c>
      <c r="AT1838">
        <v>252.19702397354641</v>
      </c>
      <c r="AU1838">
        <v>9.2976512732400596E-3</v>
      </c>
      <c r="AV1838">
        <v>-3.6353369917271748E-2</v>
      </c>
      <c r="AW1838">
        <v>0.37420777073573991</v>
      </c>
      <c r="AX1838">
        <v>86.222436604189639</v>
      </c>
      <c r="AY1838">
        <v>64</v>
      </c>
      <c r="AZ1838">
        <v>127</v>
      </c>
      <c r="BA1838">
        <v>0.57617619426270816</v>
      </c>
      <c r="BB1838">
        <v>0.49683108294295952</v>
      </c>
      <c r="BC1838">
        <v>5.3326734005734728</v>
      </c>
      <c r="BD1838" t="s">
        <v>7019</v>
      </c>
      <c r="BE1838" t="s">
        <v>68</v>
      </c>
    </row>
    <row r="1839" spans="1:57" x14ac:dyDescent="0.3">
      <c r="A1839" t="s">
        <v>7020</v>
      </c>
      <c r="B1839">
        <v>744</v>
      </c>
      <c r="C1839" t="s">
        <v>7021</v>
      </c>
      <c r="D1839" t="s">
        <v>7022</v>
      </c>
      <c r="E1839" t="s">
        <v>85</v>
      </c>
      <c r="F1839">
        <v>8</v>
      </c>
      <c r="G1839">
        <v>103.75</v>
      </c>
      <c r="H1839">
        <v>93</v>
      </c>
      <c r="I1839">
        <v>4157.9375</v>
      </c>
      <c r="J1839">
        <v>64.482071151599968</v>
      </c>
      <c r="K1839">
        <v>0.36538951877697379</v>
      </c>
      <c r="L1839">
        <v>-0.7116437918153129</v>
      </c>
      <c r="M1839">
        <v>3</v>
      </c>
      <c r="N1839">
        <v>1</v>
      </c>
      <c r="O1839">
        <v>1</v>
      </c>
      <c r="P1839">
        <v>0</v>
      </c>
      <c r="Q1839">
        <v>0</v>
      </c>
      <c r="R1839">
        <v>2.0794415416798362</v>
      </c>
      <c r="S1839">
        <v>1</v>
      </c>
      <c r="T1839">
        <v>1</v>
      </c>
      <c r="U1839">
        <v>0</v>
      </c>
      <c r="V1839">
        <v>0</v>
      </c>
      <c r="W1839">
        <v>1.945910149055313</v>
      </c>
      <c r="X1839">
        <v>1</v>
      </c>
      <c r="Y1839">
        <v>1</v>
      </c>
      <c r="Z1839">
        <v>0</v>
      </c>
      <c r="AA1839">
        <v>0</v>
      </c>
      <c r="AB1839">
        <v>1.791759469228055</v>
      </c>
      <c r="AC1839">
        <v>1</v>
      </c>
      <c r="AD1839">
        <v>1</v>
      </c>
      <c r="AE1839">
        <v>0</v>
      </c>
      <c r="AF1839">
        <v>0</v>
      </c>
      <c r="AG1839">
        <v>1.6094379124341009</v>
      </c>
      <c r="AH1839">
        <v>-0.26072308987328452</v>
      </c>
      <c r="AI1839">
        <v>-7.4229260300329183E-2</v>
      </c>
      <c r="AJ1839">
        <v>0.219623235678747</v>
      </c>
      <c r="AK1839">
        <v>0</v>
      </c>
      <c r="AL1839">
        <v>265.93852861420743</v>
      </c>
      <c r="AM1839">
        <v>220.57356822273701</v>
      </c>
      <c r="AN1839">
        <v>830</v>
      </c>
      <c r="AO1839">
        <v>110.52821532846551</v>
      </c>
      <c r="AP1839">
        <v>207.46930764887699</v>
      </c>
      <c r="AQ1839">
        <v>3.5</v>
      </c>
      <c r="AR1839">
        <v>3.75</v>
      </c>
      <c r="AS1839">
        <v>8</v>
      </c>
      <c r="AT1839">
        <v>0</v>
      </c>
      <c r="AU1839">
        <v>0.2203196347031964</v>
      </c>
      <c r="AV1839">
        <v>-0.3258102634528105</v>
      </c>
      <c r="AW1839">
        <v>0.625</v>
      </c>
      <c r="AX1839">
        <v>90.285714285714292</v>
      </c>
      <c r="AY1839">
        <v>34.5</v>
      </c>
      <c r="AZ1839">
        <v>68.75</v>
      </c>
      <c r="BA1839">
        <v>0.62151393881060213</v>
      </c>
      <c r="BB1839">
        <v>0.375</v>
      </c>
      <c r="BC1839">
        <v>1.945910149055313</v>
      </c>
      <c r="BD1839" t="s">
        <v>7021</v>
      </c>
      <c r="BE1839" t="s">
        <v>68</v>
      </c>
    </row>
    <row r="1840" spans="1:57" x14ac:dyDescent="0.3">
      <c r="A1840" t="s">
        <v>7023</v>
      </c>
      <c r="B1840">
        <v>1400</v>
      </c>
      <c r="C1840" t="s">
        <v>7024</v>
      </c>
      <c r="D1840" t="s">
        <v>7025</v>
      </c>
      <c r="E1840" t="s">
        <v>128</v>
      </c>
      <c r="F1840">
        <v>32</v>
      </c>
      <c r="G1840">
        <v>123.15625</v>
      </c>
      <c r="H1840">
        <v>109.5</v>
      </c>
      <c r="I1840">
        <v>4490.6318359375</v>
      </c>
      <c r="J1840">
        <v>67.012176773609582</v>
      </c>
      <c r="K1840">
        <v>0.16229676606848911</v>
      </c>
      <c r="L1840">
        <v>-1.435867147959395</v>
      </c>
      <c r="M1840">
        <v>4.9375</v>
      </c>
      <c r="N1840">
        <v>2</v>
      </c>
      <c r="O1840">
        <v>1</v>
      </c>
      <c r="P1840">
        <v>1</v>
      </c>
      <c r="Q1840">
        <v>0.1766846959694085</v>
      </c>
      <c r="R1840">
        <v>3.422414204014729</v>
      </c>
      <c r="S1840">
        <v>1</v>
      </c>
      <c r="T1840">
        <v>1</v>
      </c>
      <c r="U1840">
        <v>0</v>
      </c>
      <c r="V1840">
        <v>0</v>
      </c>
      <c r="W1840">
        <v>3.4339872044851458</v>
      </c>
      <c r="X1840">
        <v>1</v>
      </c>
      <c r="Y1840">
        <v>1</v>
      </c>
      <c r="Z1840">
        <v>0</v>
      </c>
      <c r="AA1840">
        <v>0</v>
      </c>
      <c r="AB1840">
        <v>3.401197381662155</v>
      </c>
      <c r="AC1840">
        <v>1</v>
      </c>
      <c r="AD1840">
        <v>1</v>
      </c>
      <c r="AE1840">
        <v>0</v>
      </c>
      <c r="AF1840">
        <v>0</v>
      </c>
      <c r="AG1840">
        <v>3.3672958299864728</v>
      </c>
      <c r="AH1840">
        <v>0.2150279909433854</v>
      </c>
      <c r="AI1840">
        <v>-6.869913048149065E-2</v>
      </c>
      <c r="AJ1840">
        <v>-8.9656027891832982E-2</v>
      </c>
      <c r="AK1840">
        <v>-0.16648935435684581</v>
      </c>
      <c r="AL1840">
        <v>435.92094486283997</v>
      </c>
      <c r="AM1840">
        <v>662.59484591255978</v>
      </c>
      <c r="AN1840">
        <v>3941</v>
      </c>
      <c r="AO1840">
        <v>24.98933836862734</v>
      </c>
      <c r="AP1840">
        <v>279.03214505681677</v>
      </c>
      <c r="AQ1840">
        <v>1.65625</v>
      </c>
      <c r="AR1840">
        <v>4.25</v>
      </c>
      <c r="AS1840">
        <v>32</v>
      </c>
      <c r="AT1840">
        <v>0.93749999999999978</v>
      </c>
      <c r="AU1840">
        <v>0.21563796680497929</v>
      </c>
      <c r="AV1840">
        <v>0.22753496054429359</v>
      </c>
      <c r="AW1840">
        <v>0.46875</v>
      </c>
      <c r="AX1840">
        <v>68.516129032258064</v>
      </c>
      <c r="AY1840">
        <v>58.5</v>
      </c>
      <c r="AZ1840">
        <v>128.5</v>
      </c>
      <c r="BA1840">
        <v>0.54412323185879385</v>
      </c>
      <c r="BB1840">
        <v>0.46875</v>
      </c>
      <c r="BC1840">
        <v>3.2998296856670919</v>
      </c>
      <c r="BD1840" t="s">
        <v>7026</v>
      </c>
      <c r="BE1840" t="s">
        <v>62</v>
      </c>
    </row>
    <row r="1841" spans="1:57" x14ac:dyDescent="0.3">
      <c r="A1841" t="s">
        <v>7027</v>
      </c>
      <c r="B1841">
        <v>1352</v>
      </c>
      <c r="C1841" t="s">
        <v>7028</v>
      </c>
      <c r="D1841" t="s">
        <v>7029</v>
      </c>
      <c r="E1841" t="s">
        <v>72</v>
      </c>
      <c r="F1841">
        <v>1360</v>
      </c>
      <c r="G1841">
        <v>128.09926470588229</v>
      </c>
      <c r="H1841">
        <v>128</v>
      </c>
      <c r="I1841">
        <v>5545.1041171064007</v>
      </c>
      <c r="J1841">
        <v>74.465455864490622</v>
      </c>
      <c r="K1841">
        <v>1.1091989802971099E-2</v>
      </c>
      <c r="L1841">
        <v>-1.244049855467849</v>
      </c>
      <c r="M1841">
        <v>7.8456237055436189</v>
      </c>
      <c r="N1841">
        <v>13</v>
      </c>
      <c r="O1841">
        <v>1</v>
      </c>
      <c r="P1841">
        <v>12</v>
      </c>
      <c r="Q1841">
        <v>2.326448771481652</v>
      </c>
      <c r="R1841">
        <v>5.4381719512318289</v>
      </c>
      <c r="S1841">
        <v>2</v>
      </c>
      <c r="T1841">
        <v>1</v>
      </c>
      <c r="U1841">
        <v>1</v>
      </c>
      <c r="V1841">
        <v>0.1118355515633654</v>
      </c>
      <c r="W1841">
        <v>7.1971629835852564</v>
      </c>
      <c r="X1841">
        <v>1</v>
      </c>
      <c r="Y1841">
        <v>1</v>
      </c>
      <c r="Z1841">
        <v>0</v>
      </c>
      <c r="AA1841">
        <v>0</v>
      </c>
      <c r="AB1841">
        <v>7.2137683081186417</v>
      </c>
      <c r="AC1841">
        <v>1</v>
      </c>
      <c r="AD1841">
        <v>1</v>
      </c>
      <c r="AE1841">
        <v>0</v>
      </c>
      <c r="AF1841">
        <v>0</v>
      </c>
      <c r="AG1841">
        <v>7.2130316598348703</v>
      </c>
      <c r="AH1841">
        <v>3.5376615336961341E-2</v>
      </c>
      <c r="AI1841">
        <v>1.200401300675784E-2</v>
      </c>
      <c r="AJ1841">
        <v>1.4868702599204109E-2</v>
      </c>
      <c r="AK1841">
        <v>-2.6404669869209928E-2</v>
      </c>
      <c r="AL1841">
        <v>2577.923576336605</v>
      </c>
      <c r="AM1841">
        <v>4817.9316137288506</v>
      </c>
      <c r="AN1841">
        <v>174215</v>
      </c>
      <c r="AO1841">
        <v>138.2551067330615</v>
      </c>
      <c r="AP1841">
        <v>2313.0374245076669</v>
      </c>
      <c r="AQ1841">
        <v>1.0169117647058821</v>
      </c>
      <c r="AR1841">
        <v>4.0419117647058824</v>
      </c>
      <c r="AS1841">
        <v>1352</v>
      </c>
      <c r="AT1841">
        <v>254.7352941176471</v>
      </c>
      <c r="AU1841">
        <v>2.0343137254902E-2</v>
      </c>
      <c r="AV1841">
        <v>3.5391740545017529E-2</v>
      </c>
      <c r="AW1841">
        <v>0.37352941176470589</v>
      </c>
      <c r="AX1841">
        <v>84.44002943340692</v>
      </c>
      <c r="AY1841">
        <v>66</v>
      </c>
      <c r="AZ1841">
        <v>132</v>
      </c>
      <c r="BA1841">
        <v>0.58131056439288953</v>
      </c>
      <c r="BB1841">
        <v>0.49705882352941178</v>
      </c>
      <c r="BC1841">
        <v>5.2399668176400187</v>
      </c>
      <c r="BD1841" t="s">
        <v>7030</v>
      </c>
      <c r="BE1841" t="s">
        <v>62</v>
      </c>
    </row>
    <row r="1842" spans="1:57" x14ac:dyDescent="0.3">
      <c r="A1842" t="s">
        <v>7031</v>
      </c>
      <c r="B1842">
        <v>1097</v>
      </c>
      <c r="C1842" t="s">
        <v>7032</v>
      </c>
      <c r="D1842" t="s">
        <v>7033</v>
      </c>
      <c r="E1842" t="s">
        <v>72</v>
      </c>
      <c r="F1842">
        <v>1104</v>
      </c>
      <c r="G1842">
        <v>128.2300724637681</v>
      </c>
      <c r="H1842">
        <v>126</v>
      </c>
      <c r="I1842">
        <v>5504.6028637628651</v>
      </c>
      <c r="J1842">
        <v>74.193010882177205</v>
      </c>
      <c r="K1842">
        <v>7.3627382446869024E-3</v>
      </c>
      <c r="L1842">
        <v>-1.2150574023017009</v>
      </c>
      <c r="M1842">
        <v>7.8312087732149003</v>
      </c>
      <c r="N1842">
        <v>11</v>
      </c>
      <c r="O1842">
        <v>1</v>
      </c>
      <c r="P1842">
        <v>10</v>
      </c>
      <c r="Q1842">
        <v>1.971451575665186</v>
      </c>
      <c r="R1842">
        <v>5.4281802815302118</v>
      </c>
      <c r="S1842">
        <v>2</v>
      </c>
      <c r="T1842">
        <v>1</v>
      </c>
      <c r="U1842">
        <v>1</v>
      </c>
      <c r="V1842">
        <v>7.9662220132419248E-2</v>
      </c>
      <c r="W1842">
        <v>6.996991140261807</v>
      </c>
      <c r="X1842">
        <v>1</v>
      </c>
      <c r="Y1842">
        <v>1</v>
      </c>
      <c r="Z1842">
        <v>0</v>
      </c>
      <c r="AA1842">
        <v>0</v>
      </c>
      <c r="AB1842">
        <v>7.0048819897128576</v>
      </c>
      <c r="AC1842">
        <v>1</v>
      </c>
      <c r="AD1842">
        <v>1</v>
      </c>
      <c r="AE1842">
        <v>0</v>
      </c>
      <c r="AF1842">
        <v>0</v>
      </c>
      <c r="AG1842">
        <v>7.0039741367226789</v>
      </c>
      <c r="AH1842">
        <v>2.3385790836952941E-2</v>
      </c>
      <c r="AI1842">
        <v>-1.933214271519023E-2</v>
      </c>
      <c r="AJ1842">
        <v>3.7575361420366049E-2</v>
      </c>
      <c r="AK1842">
        <v>-3.9300115254666562E-2</v>
      </c>
      <c r="AL1842">
        <v>2323.144798071773</v>
      </c>
      <c r="AM1842">
        <v>4339.7117700593972</v>
      </c>
      <c r="AN1842">
        <v>141566</v>
      </c>
      <c r="AO1842">
        <v>198.57586451994229</v>
      </c>
      <c r="AP1842">
        <v>2103.4814151473561</v>
      </c>
      <c r="AQ1842">
        <v>1.020833333333333</v>
      </c>
      <c r="AR1842">
        <v>4.0516304347826084</v>
      </c>
      <c r="AS1842">
        <v>1099</v>
      </c>
      <c r="AT1842">
        <v>223.56521739130429</v>
      </c>
      <c r="AU1842">
        <v>1.553708439897694E-2</v>
      </c>
      <c r="AV1842">
        <v>2.3394104097535569E-2</v>
      </c>
      <c r="AW1842">
        <v>0.3795289855072464</v>
      </c>
      <c r="AX1842">
        <v>84.568449682683593</v>
      </c>
      <c r="AY1842">
        <v>65</v>
      </c>
      <c r="AZ1842">
        <v>132</v>
      </c>
      <c r="BA1842">
        <v>0.57859291082550635</v>
      </c>
      <c r="BB1842">
        <v>0.49003623188405798</v>
      </c>
      <c r="BC1842">
        <v>5.2466455716336906</v>
      </c>
      <c r="BD1842" t="s">
        <v>7034</v>
      </c>
      <c r="BE1842" t="s">
        <v>62</v>
      </c>
    </row>
    <row r="1843" spans="1:57" x14ac:dyDescent="0.3">
      <c r="A1843" t="s">
        <v>7035</v>
      </c>
      <c r="B1843">
        <v>1528</v>
      </c>
      <c r="C1843" t="s">
        <v>7036</v>
      </c>
      <c r="D1843" t="s">
        <v>7037</v>
      </c>
      <c r="E1843" t="s">
        <v>106</v>
      </c>
      <c r="F1843">
        <v>1528</v>
      </c>
      <c r="G1843">
        <v>128.2702879581152</v>
      </c>
      <c r="H1843">
        <v>128</v>
      </c>
      <c r="I1843">
        <v>5547.4694836867138</v>
      </c>
      <c r="J1843">
        <v>74.481336478924121</v>
      </c>
      <c r="K1843">
        <v>2.0131756246066859E-2</v>
      </c>
      <c r="L1843">
        <v>-1.2323522176032731</v>
      </c>
      <c r="M1843">
        <v>7.8767924124851074</v>
      </c>
      <c r="N1843">
        <v>15</v>
      </c>
      <c r="O1843">
        <v>1</v>
      </c>
      <c r="P1843">
        <v>14</v>
      </c>
      <c r="Q1843">
        <v>2.41232998105566</v>
      </c>
      <c r="R1843">
        <v>5.4597764525700194</v>
      </c>
      <c r="S1843">
        <v>2</v>
      </c>
      <c r="T1843">
        <v>1</v>
      </c>
      <c r="U1843">
        <v>1</v>
      </c>
      <c r="V1843">
        <v>0.111537988436407</v>
      </c>
      <c r="W1843">
        <v>7.3138110630043052</v>
      </c>
      <c r="X1843">
        <v>1</v>
      </c>
      <c r="Y1843">
        <v>1</v>
      </c>
      <c r="Z1843">
        <v>0</v>
      </c>
      <c r="AA1843">
        <v>0</v>
      </c>
      <c r="AB1843">
        <v>7.3304052118444032</v>
      </c>
      <c r="AC1843">
        <v>1</v>
      </c>
      <c r="AD1843">
        <v>1</v>
      </c>
      <c r="AE1843">
        <v>0</v>
      </c>
      <c r="AF1843">
        <v>0</v>
      </c>
      <c r="AG1843">
        <v>7.3297496890415141</v>
      </c>
      <c r="AH1843">
        <v>-4.6228293962240929E-2</v>
      </c>
      <c r="AI1843">
        <v>3.4881911360620688E-2</v>
      </c>
      <c r="AJ1843">
        <v>9.1847055686482791E-3</v>
      </c>
      <c r="AK1843">
        <v>-3.3983500614154623E-2</v>
      </c>
      <c r="AL1843">
        <v>2719.7918808956861</v>
      </c>
      <c r="AM1843">
        <v>5120.5328945934834</v>
      </c>
      <c r="AN1843">
        <v>195997</v>
      </c>
      <c r="AO1843">
        <v>177.04640315782709</v>
      </c>
      <c r="AP1843">
        <v>2431.32097451653</v>
      </c>
      <c r="AQ1843">
        <v>1.0150523560209419</v>
      </c>
      <c r="AR1843">
        <v>4.0353403141361257</v>
      </c>
      <c r="AS1843">
        <v>1517</v>
      </c>
      <c r="AT1843">
        <v>249.5916230366492</v>
      </c>
      <c r="AU1843">
        <v>1.8044861923827149E-2</v>
      </c>
      <c r="AV1843">
        <v>-4.6250572902197758E-2</v>
      </c>
      <c r="AW1843">
        <v>0.37434554973821987</v>
      </c>
      <c r="AX1843">
        <v>88.227242960052394</v>
      </c>
      <c r="AY1843">
        <v>65</v>
      </c>
      <c r="AZ1843">
        <v>130</v>
      </c>
      <c r="BA1843">
        <v>0.580659306723042</v>
      </c>
      <c r="BB1843">
        <v>0.49672774869109948</v>
      </c>
      <c r="BC1843">
        <v>5.2997972048436646</v>
      </c>
      <c r="BD1843" t="s">
        <v>7038</v>
      </c>
      <c r="BE1843" t="s">
        <v>68</v>
      </c>
    </row>
    <row r="1844" spans="1:57" x14ac:dyDescent="0.3">
      <c r="A1844" t="s">
        <v>7039</v>
      </c>
      <c r="B1844">
        <v>3047</v>
      </c>
      <c r="C1844" t="s">
        <v>7040</v>
      </c>
      <c r="D1844" t="s">
        <v>7041</v>
      </c>
      <c r="E1844" t="s">
        <v>98</v>
      </c>
      <c r="F1844">
        <v>16</v>
      </c>
      <c r="G1844">
        <v>94.8125</v>
      </c>
      <c r="H1844">
        <v>92</v>
      </c>
      <c r="I1844">
        <v>3362.65234375</v>
      </c>
      <c r="J1844">
        <v>57.988381109925797</v>
      </c>
      <c r="K1844">
        <v>0.64156817552727163</v>
      </c>
      <c r="L1844">
        <v>-0.31292478974861909</v>
      </c>
      <c r="M1844">
        <v>4</v>
      </c>
      <c r="N1844">
        <v>1</v>
      </c>
      <c r="O1844">
        <v>1</v>
      </c>
      <c r="P1844">
        <v>0</v>
      </c>
      <c r="Q1844">
        <v>0</v>
      </c>
      <c r="R1844">
        <v>2.7725887222397811</v>
      </c>
      <c r="S1844">
        <v>1</v>
      </c>
      <c r="T1844">
        <v>1</v>
      </c>
      <c r="U1844">
        <v>0</v>
      </c>
      <c r="V1844">
        <v>0</v>
      </c>
      <c r="W1844">
        <v>2.7080502011022101</v>
      </c>
      <c r="X1844">
        <v>1</v>
      </c>
      <c r="Y1844">
        <v>1</v>
      </c>
      <c r="Z1844">
        <v>0</v>
      </c>
      <c r="AA1844">
        <v>0</v>
      </c>
      <c r="AB1844">
        <v>2.639057329615258</v>
      </c>
      <c r="AC1844">
        <v>1</v>
      </c>
      <c r="AD1844">
        <v>1</v>
      </c>
      <c r="AE1844">
        <v>0</v>
      </c>
      <c r="AF1844">
        <v>0</v>
      </c>
      <c r="AG1844">
        <v>2.5649493574615372</v>
      </c>
      <c r="AH1844">
        <v>7.3299928906566739E-2</v>
      </c>
      <c r="AI1844">
        <v>-0.23077152057469519</v>
      </c>
      <c r="AJ1844">
        <v>-0.1505378038169739</v>
      </c>
      <c r="AK1844">
        <v>1.4997432737132031E-2</v>
      </c>
      <c r="AL1844">
        <v>290.68779964174928</v>
      </c>
      <c r="AM1844">
        <v>336.35339026006289</v>
      </c>
      <c r="AN1844">
        <v>1517</v>
      </c>
      <c r="AO1844">
        <v>57.125837719802099</v>
      </c>
      <c r="AP1844">
        <v>191.07965526299159</v>
      </c>
      <c r="AQ1844">
        <v>2.25</v>
      </c>
      <c r="AR1844">
        <v>4.0625</v>
      </c>
      <c r="AS1844">
        <v>16</v>
      </c>
      <c r="AT1844">
        <v>0</v>
      </c>
      <c r="AU1844">
        <v>0.31027777777777782</v>
      </c>
      <c r="AV1844">
        <v>7.6827424987591986E-2</v>
      </c>
      <c r="AW1844">
        <v>0.6875</v>
      </c>
      <c r="AX1844">
        <v>69.400000000000006</v>
      </c>
      <c r="AY1844">
        <v>32</v>
      </c>
      <c r="AZ1844">
        <v>63.25</v>
      </c>
      <c r="BA1844">
        <v>0.61161113893132024</v>
      </c>
      <c r="BB1844">
        <v>0.4375</v>
      </c>
      <c r="BC1844">
        <v>2.7080502011022101</v>
      </c>
      <c r="BD1844" t="s">
        <v>7040</v>
      </c>
      <c r="BE1844" t="s">
        <v>62</v>
      </c>
    </row>
    <row r="1845" spans="1:57" x14ac:dyDescent="0.3">
      <c r="A1845" t="s">
        <v>7042</v>
      </c>
      <c r="B1845">
        <v>2852</v>
      </c>
      <c r="C1845" t="s">
        <v>7043</v>
      </c>
      <c r="D1845" t="s">
        <v>7044</v>
      </c>
      <c r="E1845" t="s">
        <v>106</v>
      </c>
      <c r="F1845">
        <v>2920</v>
      </c>
      <c r="G1845">
        <v>129.33801369863011</v>
      </c>
      <c r="H1845">
        <v>129</v>
      </c>
      <c r="I1845">
        <v>5406.8299248217299</v>
      </c>
      <c r="J1845">
        <v>73.531149350610107</v>
      </c>
      <c r="K1845">
        <v>-2.465582267579304E-2</v>
      </c>
      <c r="L1845">
        <v>-1.1903332194158891</v>
      </c>
      <c r="M1845">
        <v>7.937698835580445</v>
      </c>
      <c r="N1845">
        <v>20</v>
      </c>
      <c r="O1845">
        <v>2</v>
      </c>
      <c r="P1845">
        <v>18</v>
      </c>
      <c r="Q1845">
        <v>3.2809523674536938</v>
      </c>
      <c r="R1845">
        <v>5.5019935680165331</v>
      </c>
      <c r="S1845">
        <v>3</v>
      </c>
      <c r="T1845">
        <v>1</v>
      </c>
      <c r="U1845">
        <v>2</v>
      </c>
      <c r="V1845">
        <v>0.16035203761525829</v>
      </c>
      <c r="W1845">
        <v>7.9449184688578702</v>
      </c>
      <c r="X1845">
        <v>1</v>
      </c>
      <c r="Y1845">
        <v>1</v>
      </c>
      <c r="Z1845">
        <v>0</v>
      </c>
      <c r="AA1845">
        <v>0</v>
      </c>
      <c r="AB1845">
        <v>7.9786537290827324</v>
      </c>
      <c r="AC1845">
        <v>1</v>
      </c>
      <c r="AD1845">
        <v>1</v>
      </c>
      <c r="AE1845">
        <v>0</v>
      </c>
      <c r="AF1845">
        <v>0</v>
      </c>
      <c r="AG1845">
        <v>7.9783109698677226</v>
      </c>
      <c r="AH1845">
        <v>6.1626682882149264E-3</v>
      </c>
      <c r="AI1845">
        <v>1.4975914248073921E-2</v>
      </c>
      <c r="AJ1845">
        <v>-1.366879837093128E-2</v>
      </c>
      <c r="AK1845">
        <v>-1.2496698360768379E-2</v>
      </c>
      <c r="AL1845">
        <v>3654.58628577134</v>
      </c>
      <c r="AM1845">
        <v>7160.9107018487566</v>
      </c>
      <c r="AN1845">
        <v>377667</v>
      </c>
      <c r="AO1845">
        <v>38.257048514254002</v>
      </c>
      <c r="AP1845">
        <v>3328.9471620993568</v>
      </c>
      <c r="AQ1845">
        <v>1.0078767123287671</v>
      </c>
      <c r="AR1845">
        <v>4.0267123287671236</v>
      </c>
      <c r="AS1845">
        <v>2910</v>
      </c>
      <c r="AT1845">
        <v>241.6</v>
      </c>
      <c r="AU1845">
        <v>1.6357775987107189E-2</v>
      </c>
      <c r="AV1845">
        <v>6.1636437273663311E-3</v>
      </c>
      <c r="AW1845">
        <v>0.37123287671232869</v>
      </c>
      <c r="AX1845">
        <v>84.335731414868107</v>
      </c>
      <c r="AY1845">
        <v>63</v>
      </c>
      <c r="AZ1845">
        <v>127</v>
      </c>
      <c r="BA1845">
        <v>0.56851924076972971</v>
      </c>
      <c r="BB1845">
        <v>0.49965753424657527</v>
      </c>
      <c r="BC1845">
        <v>5.3030738460522011</v>
      </c>
      <c r="BD1845" t="s">
        <v>7045</v>
      </c>
      <c r="BE1845" t="s">
        <v>68</v>
      </c>
    </row>
    <row r="1846" spans="1:57" x14ac:dyDescent="0.3">
      <c r="A1846" t="s">
        <v>7046</v>
      </c>
      <c r="B1846">
        <v>3248</v>
      </c>
      <c r="C1846" t="s">
        <v>7047</v>
      </c>
      <c r="D1846" t="s">
        <v>7048</v>
      </c>
      <c r="E1846" t="s">
        <v>10622</v>
      </c>
      <c r="F1846">
        <v>64</v>
      </c>
      <c r="G1846">
        <v>123.6875</v>
      </c>
      <c r="H1846">
        <v>105</v>
      </c>
      <c r="I1846">
        <v>5819.93359375</v>
      </c>
      <c r="J1846">
        <v>76.288489261159185</v>
      </c>
      <c r="K1846">
        <v>0.19831231924179879</v>
      </c>
      <c r="L1846">
        <v>-1.2102547679248361</v>
      </c>
      <c r="M1846">
        <v>5.800704882778696</v>
      </c>
      <c r="N1846">
        <v>3</v>
      </c>
      <c r="O1846">
        <v>1</v>
      </c>
      <c r="P1846">
        <v>2</v>
      </c>
      <c r="Q1846">
        <v>0.35669242871684831</v>
      </c>
      <c r="R1846">
        <v>4.0207422347583606</v>
      </c>
      <c r="S1846">
        <v>1</v>
      </c>
      <c r="T1846">
        <v>1</v>
      </c>
      <c r="U1846">
        <v>0</v>
      </c>
      <c r="V1846">
        <v>0</v>
      </c>
      <c r="W1846">
        <v>4.1431347263915326</v>
      </c>
      <c r="X1846">
        <v>1</v>
      </c>
      <c r="Y1846">
        <v>1</v>
      </c>
      <c r="Z1846">
        <v>0</v>
      </c>
      <c r="AA1846">
        <v>0</v>
      </c>
      <c r="AB1846">
        <v>4.1271343850450908</v>
      </c>
      <c r="AC1846">
        <v>1</v>
      </c>
      <c r="AD1846">
        <v>1</v>
      </c>
      <c r="AE1846">
        <v>0</v>
      </c>
      <c r="AF1846">
        <v>0</v>
      </c>
      <c r="AG1846">
        <v>4.1108738641733096</v>
      </c>
      <c r="AH1846">
        <v>0.1973256711175157</v>
      </c>
      <c r="AI1846">
        <v>0.1175379999570442</v>
      </c>
      <c r="AJ1846">
        <v>-0.2250783796831069</v>
      </c>
      <c r="AK1846">
        <v>0.20239964866840321</v>
      </c>
      <c r="AL1846">
        <v>666.89361017692954</v>
      </c>
      <c r="AM1846">
        <v>952.28090010520611</v>
      </c>
      <c r="AN1846">
        <v>7916</v>
      </c>
      <c r="AO1846">
        <v>69.030852093332555</v>
      </c>
      <c r="AP1846">
        <v>505.20299433256992</v>
      </c>
      <c r="AQ1846">
        <v>1.359375</v>
      </c>
      <c r="AR1846">
        <v>3.859375</v>
      </c>
      <c r="AS1846">
        <v>64</v>
      </c>
      <c r="AT1846">
        <v>6.6875</v>
      </c>
      <c r="AU1846">
        <v>0.1117647058823529</v>
      </c>
      <c r="AV1846">
        <v>0.1996792942664041</v>
      </c>
      <c r="AW1846">
        <v>0.453125</v>
      </c>
      <c r="AX1846">
        <v>76.857142857142861</v>
      </c>
      <c r="AY1846">
        <v>59</v>
      </c>
      <c r="AZ1846">
        <v>128.75</v>
      </c>
      <c r="BA1846">
        <v>0.61678414763948808</v>
      </c>
      <c r="BB1846">
        <v>0.453125</v>
      </c>
      <c r="BC1846">
        <v>3.7661433897373748</v>
      </c>
      <c r="BD1846" t="s">
        <v>7049</v>
      </c>
      <c r="BE1846" t="s">
        <v>62</v>
      </c>
    </row>
    <row r="1847" spans="1:57" x14ac:dyDescent="0.3">
      <c r="A1847" t="s">
        <v>7050</v>
      </c>
      <c r="B1847">
        <v>2246</v>
      </c>
      <c r="C1847" t="s">
        <v>7051</v>
      </c>
      <c r="D1847" t="s">
        <v>7052</v>
      </c>
      <c r="E1847" t="s">
        <v>72</v>
      </c>
      <c r="F1847">
        <v>2256</v>
      </c>
      <c r="G1847">
        <v>127.4751773049645</v>
      </c>
      <c r="H1847">
        <v>128</v>
      </c>
      <c r="I1847">
        <v>5637.0445965997687</v>
      </c>
      <c r="J1847">
        <v>75.080254372236709</v>
      </c>
      <c r="K1847">
        <v>6.8131590321659653E-3</v>
      </c>
      <c r="L1847">
        <v>-1.236221241071459</v>
      </c>
      <c r="M1847">
        <v>7.9167797358112253</v>
      </c>
      <c r="N1847">
        <v>18</v>
      </c>
      <c r="O1847">
        <v>2</v>
      </c>
      <c r="P1847">
        <v>16</v>
      </c>
      <c r="Q1847">
        <v>2.940158371584769</v>
      </c>
      <c r="R1847">
        <v>5.4874935529916691</v>
      </c>
      <c r="S1847">
        <v>2</v>
      </c>
      <c r="T1847">
        <v>1</v>
      </c>
      <c r="U1847">
        <v>1</v>
      </c>
      <c r="V1847">
        <v>0.17100200529822671</v>
      </c>
      <c r="W1847">
        <v>7.6803307828308336</v>
      </c>
      <c r="X1847">
        <v>2</v>
      </c>
      <c r="Y1847">
        <v>1</v>
      </c>
      <c r="Z1847">
        <v>1</v>
      </c>
      <c r="AA1847">
        <v>0.1031818978889303</v>
      </c>
      <c r="AB1847">
        <v>7.7057007963446758</v>
      </c>
      <c r="AC1847">
        <v>2</v>
      </c>
      <c r="AD1847">
        <v>1</v>
      </c>
      <c r="AE1847">
        <v>1</v>
      </c>
      <c r="AF1847">
        <v>9.4214333842953926E-2</v>
      </c>
      <c r="AG1847">
        <v>7.7077117321666417</v>
      </c>
      <c r="AH1847">
        <v>2.6771819701094081E-2</v>
      </c>
      <c r="AI1847">
        <v>5.1968409101833517E-3</v>
      </c>
      <c r="AJ1847">
        <v>-1.650186886817203E-2</v>
      </c>
      <c r="AK1847">
        <v>-8.9388855227567014E-3</v>
      </c>
      <c r="AL1847">
        <v>3300.447131967991</v>
      </c>
      <c r="AM1847">
        <v>6203.5508161926318</v>
      </c>
      <c r="AN1847">
        <v>287584</v>
      </c>
      <c r="AO1847">
        <v>54.27761704284427</v>
      </c>
      <c r="AP1847">
        <v>3018.4961008174728</v>
      </c>
      <c r="AQ1847">
        <v>1.010195035460993</v>
      </c>
      <c r="AR1847">
        <v>3.981826241134752</v>
      </c>
      <c r="AS1847">
        <v>2248</v>
      </c>
      <c r="AT1847">
        <v>251.12056737588651</v>
      </c>
      <c r="AU1847">
        <v>1.9550479766374581E-2</v>
      </c>
      <c r="AV1847">
        <v>2.679059049017098E-2</v>
      </c>
      <c r="AW1847">
        <v>0.36524822695035458</v>
      </c>
      <c r="AX1847">
        <v>85.631042128603099</v>
      </c>
      <c r="AY1847">
        <v>67</v>
      </c>
      <c r="AZ1847">
        <v>134</v>
      </c>
      <c r="BA1847">
        <v>0.5889794072819281</v>
      </c>
      <c r="BB1847">
        <v>0.50044326241134751</v>
      </c>
      <c r="BC1847">
        <v>5.3029646073051637</v>
      </c>
      <c r="BD1847" t="s">
        <v>7053</v>
      </c>
      <c r="BE1847" t="s">
        <v>62</v>
      </c>
    </row>
    <row r="1848" spans="1:57" x14ac:dyDescent="0.3">
      <c r="A1848" t="s">
        <v>7054</v>
      </c>
      <c r="B1848">
        <v>575</v>
      </c>
      <c r="C1848" t="s">
        <v>7055</v>
      </c>
      <c r="D1848" t="s">
        <v>7056</v>
      </c>
      <c r="E1848" t="s">
        <v>128</v>
      </c>
      <c r="F1848">
        <v>32</v>
      </c>
      <c r="G1848">
        <v>112.6875</v>
      </c>
      <c r="H1848">
        <v>101</v>
      </c>
      <c r="I1848">
        <v>5778.27734375</v>
      </c>
      <c r="J1848">
        <v>76.014981048146026</v>
      </c>
      <c r="K1848">
        <v>0.41110900492061397</v>
      </c>
      <c r="L1848">
        <v>-0.99821585387054013</v>
      </c>
      <c r="M1848">
        <v>4.8125</v>
      </c>
      <c r="N1848">
        <v>2</v>
      </c>
      <c r="O1848">
        <v>1</v>
      </c>
      <c r="P1848">
        <v>1</v>
      </c>
      <c r="Q1848">
        <v>0.3045434781492361</v>
      </c>
      <c r="R1848">
        <v>3.335770806444736</v>
      </c>
      <c r="S1848">
        <v>2</v>
      </c>
      <c r="T1848">
        <v>1</v>
      </c>
      <c r="U1848">
        <v>1</v>
      </c>
      <c r="V1848">
        <v>0.17950549357115009</v>
      </c>
      <c r="W1848">
        <v>3.3892680315457948</v>
      </c>
      <c r="X1848">
        <v>1</v>
      </c>
      <c r="Y1848">
        <v>1</v>
      </c>
      <c r="Z1848">
        <v>0</v>
      </c>
      <c r="AA1848">
        <v>0</v>
      </c>
      <c r="AB1848">
        <v>3.401197381662155</v>
      </c>
      <c r="AC1848">
        <v>1</v>
      </c>
      <c r="AD1848">
        <v>1</v>
      </c>
      <c r="AE1848">
        <v>0</v>
      </c>
      <c r="AF1848">
        <v>0</v>
      </c>
      <c r="AG1848">
        <v>3.3672958299864728</v>
      </c>
      <c r="AH1848">
        <v>-0.19725938894931791</v>
      </c>
      <c r="AI1848">
        <v>6.9672945007534279E-2</v>
      </c>
      <c r="AJ1848">
        <v>0.21702990101667141</v>
      </c>
      <c r="AK1848">
        <v>1.4081691667134249E-2</v>
      </c>
      <c r="AL1848">
        <v>465.65243367554308</v>
      </c>
      <c r="AM1848">
        <v>611.90179850368486</v>
      </c>
      <c r="AN1848">
        <v>3606</v>
      </c>
      <c r="AO1848">
        <v>46.156450124225472</v>
      </c>
      <c r="AP1848">
        <v>351.81207151742211</v>
      </c>
      <c r="AQ1848">
        <v>1.65625</v>
      </c>
      <c r="AR1848">
        <v>3.65625</v>
      </c>
      <c r="AS1848">
        <v>32</v>
      </c>
      <c r="AT1848">
        <v>2.4375</v>
      </c>
      <c r="AU1848">
        <v>0.17175196850393701</v>
      </c>
      <c r="AV1848">
        <v>-0.20568184680146631</v>
      </c>
      <c r="AW1848">
        <v>0.40625</v>
      </c>
      <c r="AX1848">
        <v>94.774193548387103</v>
      </c>
      <c r="AY1848">
        <v>55.5</v>
      </c>
      <c r="AZ1848">
        <v>110.25</v>
      </c>
      <c r="BA1848">
        <v>0.67456444635071344</v>
      </c>
      <c r="BB1848">
        <v>0.4375</v>
      </c>
      <c r="BC1848">
        <v>3.1935123674088879</v>
      </c>
      <c r="BD1848" t="s">
        <v>7057</v>
      </c>
      <c r="BE1848" t="s">
        <v>62</v>
      </c>
    </row>
    <row r="1849" spans="1:57" x14ac:dyDescent="0.3">
      <c r="A1849" t="s">
        <v>7058</v>
      </c>
      <c r="B1849">
        <v>2401</v>
      </c>
      <c r="C1849" t="s">
        <v>7059</v>
      </c>
      <c r="D1849" t="s">
        <v>7060</v>
      </c>
      <c r="E1849" t="s">
        <v>85</v>
      </c>
      <c r="F1849">
        <v>8</v>
      </c>
      <c r="G1849">
        <v>133.5</v>
      </c>
      <c r="H1849">
        <v>147.5</v>
      </c>
      <c r="I1849">
        <v>5570.25</v>
      </c>
      <c r="J1849">
        <v>74.634107484447085</v>
      </c>
      <c r="K1849">
        <v>-0.1341998760873489</v>
      </c>
      <c r="L1849">
        <v>-1.7456270429424019</v>
      </c>
      <c r="M1849">
        <v>3</v>
      </c>
      <c r="N1849">
        <v>1</v>
      </c>
      <c r="O1849">
        <v>1</v>
      </c>
      <c r="P1849">
        <v>0</v>
      </c>
      <c r="Q1849">
        <v>0</v>
      </c>
      <c r="R1849">
        <v>2.0794415416798362</v>
      </c>
      <c r="S1849">
        <v>1</v>
      </c>
      <c r="T1849">
        <v>1</v>
      </c>
      <c r="U1849">
        <v>0</v>
      </c>
      <c r="V1849">
        <v>0</v>
      </c>
      <c r="W1849">
        <v>1.945910149055313</v>
      </c>
      <c r="X1849">
        <v>1</v>
      </c>
      <c r="Y1849">
        <v>1</v>
      </c>
      <c r="Z1849">
        <v>0</v>
      </c>
      <c r="AA1849">
        <v>0</v>
      </c>
      <c r="AB1849">
        <v>1.791759469228055</v>
      </c>
      <c r="AC1849">
        <v>1</v>
      </c>
      <c r="AD1849">
        <v>1</v>
      </c>
      <c r="AE1849">
        <v>0</v>
      </c>
      <c r="AF1849">
        <v>0</v>
      </c>
      <c r="AG1849">
        <v>1.6094379124341009</v>
      </c>
      <c r="AH1849">
        <v>0.23189601005340871</v>
      </c>
      <c r="AI1849">
        <v>-0.22147794084646111</v>
      </c>
      <c r="AJ1849">
        <v>-5.1035635743458548E-2</v>
      </c>
      <c r="AK1849">
        <v>0</v>
      </c>
      <c r="AL1849">
        <v>296.87354189902379</v>
      </c>
      <c r="AM1849">
        <v>314.65234802926318</v>
      </c>
      <c r="AN1849">
        <v>1068</v>
      </c>
      <c r="AO1849">
        <v>34.525353003264136</v>
      </c>
      <c r="AP1849">
        <v>213.093777622717</v>
      </c>
      <c r="AQ1849">
        <v>3.5</v>
      </c>
      <c r="AR1849">
        <v>4</v>
      </c>
      <c r="AS1849">
        <v>8</v>
      </c>
      <c r="AT1849">
        <v>0</v>
      </c>
      <c r="AU1849">
        <v>0.25336322869955152</v>
      </c>
      <c r="AV1849">
        <v>0.24802206698072801</v>
      </c>
      <c r="AW1849">
        <v>0.375</v>
      </c>
      <c r="AX1849">
        <v>62.571428571428569</v>
      </c>
      <c r="AY1849">
        <v>67</v>
      </c>
      <c r="AZ1849">
        <v>136.5</v>
      </c>
      <c r="BA1849">
        <v>0.55905698490222533</v>
      </c>
      <c r="BB1849">
        <v>0.5</v>
      </c>
      <c r="BC1849">
        <v>1.945910149055313</v>
      </c>
      <c r="BD1849" t="s">
        <v>7059</v>
      </c>
      <c r="BE1849" t="s">
        <v>68</v>
      </c>
    </row>
    <row r="1850" spans="1:57" x14ac:dyDescent="0.3">
      <c r="A1850" t="s">
        <v>7061</v>
      </c>
      <c r="B1850">
        <v>3344</v>
      </c>
      <c r="C1850" t="s">
        <v>7062</v>
      </c>
      <c r="D1850" t="s">
        <v>7063</v>
      </c>
      <c r="E1850" t="s">
        <v>128</v>
      </c>
      <c r="F1850">
        <v>32</v>
      </c>
      <c r="G1850">
        <v>138.21875</v>
      </c>
      <c r="H1850">
        <v>145</v>
      </c>
      <c r="I1850">
        <v>3283.6708984375</v>
      </c>
      <c r="J1850">
        <v>57.303323624703481</v>
      </c>
      <c r="K1850">
        <v>1.6736879695381859E-2</v>
      </c>
      <c r="L1850">
        <v>-0.81928769767438681</v>
      </c>
      <c r="M1850">
        <v>4.9375</v>
      </c>
      <c r="N1850">
        <v>2</v>
      </c>
      <c r="O1850">
        <v>1</v>
      </c>
      <c r="P1850">
        <v>1</v>
      </c>
      <c r="Q1850">
        <v>0.1766846959694085</v>
      </c>
      <c r="R1850">
        <v>3.422414204014729</v>
      </c>
      <c r="S1850">
        <v>1</v>
      </c>
      <c r="T1850">
        <v>1</v>
      </c>
      <c r="U1850">
        <v>0</v>
      </c>
      <c r="V1850">
        <v>0</v>
      </c>
      <c r="W1850">
        <v>3.4339872044851458</v>
      </c>
      <c r="X1850">
        <v>1</v>
      </c>
      <c r="Y1850">
        <v>1</v>
      </c>
      <c r="Z1850">
        <v>0</v>
      </c>
      <c r="AA1850">
        <v>0</v>
      </c>
      <c r="AB1850">
        <v>3.401197381662155</v>
      </c>
      <c r="AC1850">
        <v>1</v>
      </c>
      <c r="AD1850">
        <v>1</v>
      </c>
      <c r="AE1850">
        <v>0</v>
      </c>
      <c r="AF1850">
        <v>0</v>
      </c>
      <c r="AG1850">
        <v>3.3672958299864728</v>
      </c>
      <c r="AH1850">
        <v>0.3182647293113206</v>
      </c>
      <c r="AI1850">
        <v>-0.13986230471625249</v>
      </c>
      <c r="AJ1850">
        <v>0.14526494998184369</v>
      </c>
      <c r="AK1850">
        <v>-4.4153528542483091E-2</v>
      </c>
      <c r="AL1850">
        <v>414.85468225072259</v>
      </c>
      <c r="AM1850">
        <v>737.77679050960398</v>
      </c>
      <c r="AN1850">
        <v>4423</v>
      </c>
      <c r="AO1850">
        <v>65</v>
      </c>
      <c r="AP1850">
        <v>233.62112345737779</v>
      </c>
      <c r="AQ1850">
        <v>1.71875</v>
      </c>
      <c r="AR1850">
        <v>4.25</v>
      </c>
      <c r="AS1850">
        <v>32</v>
      </c>
      <c r="AT1850">
        <v>0.93749999999999978</v>
      </c>
      <c r="AU1850">
        <v>0.18109939759036139</v>
      </c>
      <c r="AV1850">
        <v>0.34168749743173588</v>
      </c>
      <c r="AW1850">
        <v>0.4375</v>
      </c>
      <c r="AX1850">
        <v>54.096774193548377</v>
      </c>
      <c r="AY1850">
        <v>43</v>
      </c>
      <c r="AZ1850">
        <v>86</v>
      </c>
      <c r="BA1850">
        <v>0.41458429934219121</v>
      </c>
      <c r="BB1850">
        <v>0.53125</v>
      </c>
      <c r="BC1850">
        <v>3.3892680315457948</v>
      </c>
      <c r="BD1850" t="s">
        <v>7064</v>
      </c>
      <c r="BE1850" t="s">
        <v>62</v>
      </c>
    </row>
    <row r="1851" spans="1:57" x14ac:dyDescent="0.3">
      <c r="A1851" t="s">
        <v>7065</v>
      </c>
      <c r="B1851">
        <v>1417</v>
      </c>
      <c r="C1851" t="s">
        <v>7066</v>
      </c>
      <c r="D1851" t="s">
        <v>7067</v>
      </c>
      <c r="E1851" t="s">
        <v>72</v>
      </c>
      <c r="F1851">
        <v>1424</v>
      </c>
      <c r="G1851">
        <v>127.501404494382</v>
      </c>
      <c r="H1851">
        <v>129</v>
      </c>
      <c r="I1851">
        <v>5429.5028070161597</v>
      </c>
      <c r="J1851">
        <v>73.68516001893569</v>
      </c>
      <c r="K1851">
        <v>2.1276931136245989E-2</v>
      </c>
      <c r="L1851">
        <v>-1.219377391368059</v>
      </c>
      <c r="M1851">
        <v>7.8631951534556039</v>
      </c>
      <c r="N1851">
        <v>11</v>
      </c>
      <c r="O1851">
        <v>1</v>
      </c>
      <c r="P1851">
        <v>10</v>
      </c>
      <c r="Q1851">
        <v>2.349749469250495</v>
      </c>
      <c r="R1851">
        <v>5.4503515508103808</v>
      </c>
      <c r="S1851">
        <v>2</v>
      </c>
      <c r="T1851">
        <v>1</v>
      </c>
      <c r="U1851">
        <v>1</v>
      </c>
      <c r="V1851">
        <v>0.1092924754824068</v>
      </c>
      <c r="W1851">
        <v>7.2439611053709214</v>
      </c>
      <c r="X1851">
        <v>1</v>
      </c>
      <c r="Y1851">
        <v>1</v>
      </c>
      <c r="Z1851">
        <v>0</v>
      </c>
      <c r="AA1851">
        <v>0</v>
      </c>
      <c r="AB1851">
        <v>7.2598196103631878</v>
      </c>
      <c r="AC1851">
        <v>1</v>
      </c>
      <c r="AD1851">
        <v>1</v>
      </c>
      <c r="AE1851">
        <v>0</v>
      </c>
      <c r="AF1851">
        <v>0</v>
      </c>
      <c r="AG1851">
        <v>7.2591161280971006</v>
      </c>
      <c r="AH1851">
        <v>3.4520540017180093E-2</v>
      </c>
      <c r="AI1851">
        <v>2.774926431671884E-3</v>
      </c>
      <c r="AJ1851">
        <v>3.2497523914539299E-2</v>
      </c>
      <c r="AK1851">
        <v>-5.7534293735316329E-2</v>
      </c>
      <c r="AL1851">
        <v>2585.637793673237</v>
      </c>
      <c r="AM1851">
        <v>4918.8920703679396</v>
      </c>
      <c r="AN1851">
        <v>181562</v>
      </c>
      <c r="AO1851">
        <v>167.72328416812721</v>
      </c>
      <c r="AP1851">
        <v>2365.082619036682</v>
      </c>
      <c r="AQ1851">
        <v>1.016151685393258</v>
      </c>
      <c r="AR1851">
        <v>3.964887640449438</v>
      </c>
      <c r="AS1851">
        <v>1421</v>
      </c>
      <c r="AT1851">
        <v>252.12359550561791</v>
      </c>
      <c r="AU1851">
        <v>1.329863406036569E-2</v>
      </c>
      <c r="AV1851">
        <v>3.4537374353521513E-2</v>
      </c>
      <c r="AW1851">
        <v>0.37359550561797761</v>
      </c>
      <c r="AX1851">
        <v>83.217849613492618</v>
      </c>
      <c r="AY1851">
        <v>65</v>
      </c>
      <c r="AZ1851">
        <v>130.25</v>
      </c>
      <c r="BA1851">
        <v>0.57791645755700216</v>
      </c>
      <c r="BB1851">
        <v>0.50491573033707871</v>
      </c>
      <c r="BC1851">
        <v>5.243087669221719</v>
      </c>
      <c r="BD1851" t="s">
        <v>7068</v>
      </c>
      <c r="BE1851" t="s">
        <v>62</v>
      </c>
    </row>
    <row r="1852" spans="1:57" x14ac:dyDescent="0.3">
      <c r="A1852" t="s">
        <v>7069</v>
      </c>
      <c r="B1852">
        <v>3970</v>
      </c>
      <c r="C1852" t="s">
        <v>7070</v>
      </c>
      <c r="D1852" t="s">
        <v>7071</v>
      </c>
      <c r="E1852" t="s">
        <v>10622</v>
      </c>
      <c r="F1852">
        <v>64</v>
      </c>
      <c r="G1852">
        <v>122.59375</v>
      </c>
      <c r="H1852">
        <v>133</v>
      </c>
      <c r="I1852">
        <v>4576.0537109375</v>
      </c>
      <c r="J1852">
        <v>67.646535099275411</v>
      </c>
      <c r="K1852">
        <v>-7.8247385162995273E-2</v>
      </c>
      <c r="L1852">
        <v>-1.0834555442092799</v>
      </c>
      <c r="M1852">
        <v>5.75</v>
      </c>
      <c r="N1852">
        <v>2</v>
      </c>
      <c r="O1852">
        <v>1</v>
      </c>
      <c r="P1852">
        <v>1</v>
      </c>
      <c r="Q1852">
        <v>0.3499271061118826</v>
      </c>
      <c r="R1852">
        <v>3.985596288219686</v>
      </c>
      <c r="S1852">
        <v>1</v>
      </c>
      <c r="T1852">
        <v>1</v>
      </c>
      <c r="U1852">
        <v>0</v>
      </c>
      <c r="V1852">
        <v>0</v>
      </c>
      <c r="W1852">
        <v>4.1431347263915326</v>
      </c>
      <c r="X1852">
        <v>1</v>
      </c>
      <c r="Y1852">
        <v>1</v>
      </c>
      <c r="Z1852">
        <v>0</v>
      </c>
      <c r="AA1852">
        <v>0</v>
      </c>
      <c r="AB1852">
        <v>4.1271343850450908</v>
      </c>
      <c r="AC1852">
        <v>1</v>
      </c>
      <c r="AD1852">
        <v>1</v>
      </c>
      <c r="AE1852">
        <v>0</v>
      </c>
      <c r="AF1852">
        <v>0</v>
      </c>
      <c r="AG1852">
        <v>4.1108738641733096</v>
      </c>
      <c r="AH1852">
        <v>-2.202076507417285E-2</v>
      </c>
      <c r="AI1852">
        <v>2.868591330463292E-2</v>
      </c>
      <c r="AJ1852">
        <v>-4.4908906765411573E-2</v>
      </c>
      <c r="AK1852">
        <v>-0.18160400775393479</v>
      </c>
      <c r="AL1852">
        <v>598.15832085558122</v>
      </c>
      <c r="AM1852">
        <v>947.0716040465112</v>
      </c>
      <c r="AN1852">
        <v>7846</v>
      </c>
      <c r="AO1852">
        <v>60.182667811667407</v>
      </c>
      <c r="AP1852">
        <v>500.38362794687208</v>
      </c>
      <c r="AQ1852">
        <v>1.359375</v>
      </c>
      <c r="AR1852">
        <v>3.765625</v>
      </c>
      <c r="AS1852">
        <v>64</v>
      </c>
      <c r="AT1852">
        <v>6</v>
      </c>
      <c r="AU1852">
        <v>0.1014081027667985</v>
      </c>
      <c r="AV1852">
        <v>-2.2825380712584858E-2</v>
      </c>
      <c r="AW1852">
        <v>0.359375</v>
      </c>
      <c r="AX1852">
        <v>79.80952380952381</v>
      </c>
      <c r="AY1852">
        <v>57.5</v>
      </c>
      <c r="AZ1852">
        <v>96.5</v>
      </c>
      <c r="BA1852">
        <v>0.5517943214827461</v>
      </c>
      <c r="BB1852">
        <v>0.515625</v>
      </c>
      <c r="BC1852">
        <v>3.8624676054237912</v>
      </c>
      <c r="BD1852" t="s">
        <v>7072</v>
      </c>
      <c r="BE1852" t="s">
        <v>62</v>
      </c>
    </row>
    <row r="1853" spans="1:57" x14ac:dyDescent="0.3">
      <c r="A1853" t="s">
        <v>7073</v>
      </c>
      <c r="B1853">
        <v>2772</v>
      </c>
      <c r="C1853" t="s">
        <v>7074</v>
      </c>
      <c r="D1853" t="s">
        <v>7075</v>
      </c>
      <c r="E1853" t="s">
        <v>128</v>
      </c>
      <c r="F1853">
        <v>32</v>
      </c>
      <c r="G1853">
        <v>134.53125</v>
      </c>
      <c r="H1853">
        <v>159</v>
      </c>
      <c r="I1853">
        <v>6489.0615234375</v>
      </c>
      <c r="J1853">
        <v>80.554711367104403</v>
      </c>
      <c r="K1853">
        <v>-0.22892365482684321</v>
      </c>
      <c r="L1853">
        <v>-1.45135310849523</v>
      </c>
      <c r="M1853">
        <v>4.8125</v>
      </c>
      <c r="N1853">
        <v>2</v>
      </c>
      <c r="O1853">
        <v>1</v>
      </c>
      <c r="P1853">
        <v>1</v>
      </c>
      <c r="Q1853">
        <v>0.30454347814923599</v>
      </c>
      <c r="R1853">
        <v>3.335770806444736</v>
      </c>
      <c r="S1853">
        <v>1</v>
      </c>
      <c r="T1853">
        <v>1</v>
      </c>
      <c r="U1853">
        <v>0</v>
      </c>
      <c r="V1853">
        <v>0</v>
      </c>
      <c r="W1853">
        <v>3.4339872044851458</v>
      </c>
      <c r="X1853">
        <v>1</v>
      </c>
      <c r="Y1853">
        <v>1</v>
      </c>
      <c r="Z1853">
        <v>0</v>
      </c>
      <c r="AA1853">
        <v>0</v>
      </c>
      <c r="AB1853">
        <v>3.401197381662155</v>
      </c>
      <c r="AC1853">
        <v>1</v>
      </c>
      <c r="AD1853">
        <v>1</v>
      </c>
      <c r="AE1853">
        <v>0</v>
      </c>
      <c r="AF1853">
        <v>0</v>
      </c>
      <c r="AG1853">
        <v>3.3672958299864728</v>
      </c>
      <c r="AH1853">
        <v>0.31422515094136028</v>
      </c>
      <c r="AI1853">
        <v>0.32625034067998138</v>
      </c>
      <c r="AJ1853">
        <v>-0.11484744026869741</v>
      </c>
      <c r="AK1853">
        <v>-0.2507597765560704</v>
      </c>
      <c r="AL1853">
        <v>520.71853342432848</v>
      </c>
      <c r="AM1853">
        <v>718.09415047639573</v>
      </c>
      <c r="AN1853">
        <v>4305</v>
      </c>
      <c r="AO1853">
        <v>68.21468844125765</v>
      </c>
      <c r="AP1853">
        <v>364.15422486969379</v>
      </c>
      <c r="AQ1853">
        <v>1.71875</v>
      </c>
      <c r="AR1853">
        <v>3.96875</v>
      </c>
      <c r="AS1853">
        <v>32</v>
      </c>
      <c r="AT1853">
        <v>2.4375</v>
      </c>
      <c r="AU1853">
        <v>0.14463932806324109</v>
      </c>
      <c r="AV1853">
        <v>0.32928976328131898</v>
      </c>
      <c r="AW1853">
        <v>0.28125</v>
      </c>
      <c r="AX1853">
        <v>70.225806451612897</v>
      </c>
      <c r="AY1853">
        <v>63.5</v>
      </c>
      <c r="AZ1853">
        <v>152</v>
      </c>
      <c r="BA1853">
        <v>0.59878066521424878</v>
      </c>
      <c r="BB1853">
        <v>0.5625</v>
      </c>
      <c r="BC1853">
        <v>3.3445488586064429</v>
      </c>
      <c r="BD1853" t="s">
        <v>7076</v>
      </c>
      <c r="BE1853" t="s">
        <v>62</v>
      </c>
    </row>
    <row r="1854" spans="1:57" x14ac:dyDescent="0.3">
      <c r="A1854" t="s">
        <v>7077</v>
      </c>
      <c r="B1854">
        <v>1714</v>
      </c>
      <c r="C1854" t="s">
        <v>7078</v>
      </c>
      <c r="D1854" t="s">
        <v>7079</v>
      </c>
      <c r="E1854" t="s">
        <v>115</v>
      </c>
      <c r="F1854">
        <v>1744</v>
      </c>
      <c r="G1854">
        <v>126.9873853211009</v>
      </c>
      <c r="H1854">
        <v>127</v>
      </c>
      <c r="I1854">
        <v>5327.2613087597838</v>
      </c>
      <c r="J1854">
        <v>72.988090184356679</v>
      </c>
      <c r="K1854">
        <v>-3.6501242954970939E-2</v>
      </c>
      <c r="L1854">
        <v>-1.184603414737833</v>
      </c>
      <c r="M1854">
        <v>7.8910992447062691</v>
      </c>
      <c r="N1854">
        <v>13</v>
      </c>
      <c r="O1854">
        <v>1</v>
      </c>
      <c r="P1854">
        <v>12</v>
      </c>
      <c r="Q1854">
        <v>2.591301555203485</v>
      </c>
      <c r="R1854">
        <v>5.4696931929868793</v>
      </c>
      <c r="S1854">
        <v>2</v>
      </c>
      <c r="T1854">
        <v>1</v>
      </c>
      <c r="U1854">
        <v>1</v>
      </c>
      <c r="V1854">
        <v>0.1097560975609756</v>
      </c>
      <c r="W1854">
        <v>7.4466607038197781</v>
      </c>
      <c r="X1854">
        <v>1</v>
      </c>
      <c r="Y1854">
        <v>1</v>
      </c>
      <c r="Z1854">
        <v>0</v>
      </c>
      <c r="AA1854">
        <v>0</v>
      </c>
      <c r="AB1854">
        <v>7.4627891574124456</v>
      </c>
      <c r="AC1854">
        <v>1</v>
      </c>
      <c r="AD1854">
        <v>1</v>
      </c>
      <c r="AE1854">
        <v>0</v>
      </c>
      <c r="AF1854">
        <v>0</v>
      </c>
      <c r="AG1854">
        <v>7.4622149397681898</v>
      </c>
      <c r="AH1854">
        <v>3.5901633584198719E-3</v>
      </c>
      <c r="AI1854">
        <v>-1.3188410796138561E-2</v>
      </c>
      <c r="AJ1854">
        <v>1.3926958097362951E-2</v>
      </c>
      <c r="AK1854">
        <v>-3.5331661484495368E-2</v>
      </c>
      <c r="AL1854">
        <v>2781.1110195974279</v>
      </c>
      <c r="AM1854">
        <v>5447.8944094644266</v>
      </c>
      <c r="AN1854">
        <v>221466</v>
      </c>
      <c r="AO1854">
        <v>94.375257068505633</v>
      </c>
      <c r="AP1854">
        <v>2440.4938159433932</v>
      </c>
      <c r="AQ1854">
        <v>1.0131880733944949</v>
      </c>
      <c r="AR1854">
        <v>3.9696100917431192</v>
      </c>
      <c r="AS1854">
        <v>1733</v>
      </c>
      <c r="AT1854">
        <v>252.3302752293578</v>
      </c>
      <c r="AU1854">
        <v>2.4163518618456559E-2</v>
      </c>
      <c r="AV1854">
        <v>3.5935329795147531E-3</v>
      </c>
      <c r="AW1854">
        <v>0.36582568807339449</v>
      </c>
      <c r="AX1854">
        <v>83.624211130235224</v>
      </c>
      <c r="AY1854">
        <v>63</v>
      </c>
      <c r="AZ1854">
        <v>127</v>
      </c>
      <c r="BA1854">
        <v>0.57476646203714366</v>
      </c>
      <c r="BB1854">
        <v>0.50229357798165142</v>
      </c>
      <c r="BC1854">
        <v>5.262369284254933</v>
      </c>
      <c r="BD1854" t="s">
        <v>7080</v>
      </c>
      <c r="BE1854" t="s">
        <v>62</v>
      </c>
    </row>
    <row r="1855" spans="1:57" x14ac:dyDescent="0.3">
      <c r="A1855" t="s">
        <v>7081</v>
      </c>
      <c r="B1855">
        <v>2085</v>
      </c>
      <c r="C1855" t="s">
        <v>7082</v>
      </c>
      <c r="D1855" t="s">
        <v>7083</v>
      </c>
      <c r="E1855" t="s">
        <v>98</v>
      </c>
      <c r="F1855">
        <v>16</v>
      </c>
      <c r="G1855">
        <v>133.9375</v>
      </c>
      <c r="H1855">
        <v>131.5</v>
      </c>
      <c r="I1855">
        <v>4636.80859375</v>
      </c>
      <c r="J1855">
        <v>68.094115705764182</v>
      </c>
      <c r="K1855">
        <v>6.5751900498004778E-2</v>
      </c>
      <c r="L1855">
        <v>-1.273158396440047</v>
      </c>
      <c r="M1855">
        <v>4</v>
      </c>
      <c r="N1855">
        <v>1</v>
      </c>
      <c r="O1855">
        <v>1</v>
      </c>
      <c r="P1855">
        <v>0</v>
      </c>
      <c r="Q1855">
        <v>0</v>
      </c>
      <c r="R1855">
        <v>2.7725887222397811</v>
      </c>
      <c r="S1855">
        <v>1</v>
      </c>
      <c r="T1855">
        <v>1</v>
      </c>
      <c r="U1855">
        <v>0</v>
      </c>
      <c r="V1855">
        <v>0</v>
      </c>
      <c r="W1855">
        <v>2.7080502011022101</v>
      </c>
      <c r="X1855">
        <v>1</v>
      </c>
      <c r="Y1855">
        <v>1</v>
      </c>
      <c r="Z1855">
        <v>0</v>
      </c>
      <c r="AA1855">
        <v>0</v>
      </c>
      <c r="AB1855">
        <v>2.639057329615258</v>
      </c>
      <c r="AC1855">
        <v>1</v>
      </c>
      <c r="AD1855">
        <v>1</v>
      </c>
      <c r="AE1855">
        <v>0</v>
      </c>
      <c r="AF1855">
        <v>0</v>
      </c>
      <c r="AG1855">
        <v>2.5649493574615372</v>
      </c>
      <c r="AH1855">
        <v>0.34019217614149011</v>
      </c>
      <c r="AI1855">
        <v>-0.22968647195547179</v>
      </c>
      <c r="AJ1855">
        <v>2.366313668732619E-2</v>
      </c>
      <c r="AK1855">
        <v>-0.35050763548810759</v>
      </c>
      <c r="AL1855">
        <v>369.56968605554971</v>
      </c>
      <c r="AM1855">
        <v>473.95700981080807</v>
      </c>
      <c r="AN1855">
        <v>2143</v>
      </c>
      <c r="AO1855">
        <v>67</v>
      </c>
      <c r="AP1855">
        <v>272.88275870783781</v>
      </c>
      <c r="AQ1855">
        <v>2.3125</v>
      </c>
      <c r="AR1855">
        <v>4.125</v>
      </c>
      <c r="AS1855">
        <v>16</v>
      </c>
      <c r="AT1855">
        <v>0</v>
      </c>
      <c r="AU1855">
        <v>0.2004482071713147</v>
      </c>
      <c r="AV1855">
        <v>0.35130688263231891</v>
      </c>
      <c r="AW1855">
        <v>0.4375</v>
      </c>
      <c r="AX1855">
        <v>69</v>
      </c>
      <c r="AY1855">
        <v>65</v>
      </c>
      <c r="AZ1855">
        <v>129</v>
      </c>
      <c r="BA1855">
        <v>0.50840217045834202</v>
      </c>
      <c r="BB1855">
        <v>0.5</v>
      </c>
      <c r="BC1855">
        <v>2.615630577027551</v>
      </c>
      <c r="BD1855" t="s">
        <v>7082</v>
      </c>
      <c r="BE1855" t="s">
        <v>62</v>
      </c>
    </row>
    <row r="1856" spans="1:57" x14ac:dyDescent="0.3">
      <c r="A1856" t="s">
        <v>7084</v>
      </c>
      <c r="B1856">
        <v>3092</v>
      </c>
      <c r="C1856" t="s">
        <v>7085</v>
      </c>
      <c r="D1856" t="s">
        <v>7086</v>
      </c>
      <c r="E1856" t="s">
        <v>85</v>
      </c>
      <c r="F1856">
        <v>8</v>
      </c>
      <c r="G1856">
        <v>149.375</v>
      </c>
      <c r="H1856">
        <v>140.5</v>
      </c>
      <c r="I1856">
        <v>5509.234375</v>
      </c>
      <c r="J1856">
        <v>74.224216903918901</v>
      </c>
      <c r="K1856">
        <v>-0.31812092702062728</v>
      </c>
      <c r="L1856">
        <v>-1.067426963792768</v>
      </c>
      <c r="M1856">
        <v>3</v>
      </c>
      <c r="N1856">
        <v>1</v>
      </c>
      <c r="O1856">
        <v>1</v>
      </c>
      <c r="P1856">
        <v>0</v>
      </c>
      <c r="Q1856">
        <v>0</v>
      </c>
      <c r="R1856">
        <v>2.0794415416798362</v>
      </c>
      <c r="S1856">
        <v>1</v>
      </c>
      <c r="T1856">
        <v>1</v>
      </c>
      <c r="U1856">
        <v>0</v>
      </c>
      <c r="V1856">
        <v>0</v>
      </c>
      <c r="W1856">
        <v>1.945910149055313</v>
      </c>
      <c r="X1856">
        <v>1</v>
      </c>
      <c r="Y1856">
        <v>1</v>
      </c>
      <c r="Z1856">
        <v>0</v>
      </c>
      <c r="AA1856">
        <v>0</v>
      </c>
      <c r="AB1856">
        <v>1.791759469228055</v>
      </c>
      <c r="AC1856">
        <v>1</v>
      </c>
      <c r="AD1856">
        <v>1</v>
      </c>
      <c r="AE1856">
        <v>0</v>
      </c>
      <c r="AF1856">
        <v>0</v>
      </c>
      <c r="AG1856">
        <v>1.6094379124341009</v>
      </c>
      <c r="AH1856">
        <v>-0.1980173203513419</v>
      </c>
      <c r="AI1856">
        <v>-0.59621558689813414</v>
      </c>
      <c r="AJ1856">
        <v>-0.23187382831666151</v>
      </c>
      <c r="AK1856">
        <v>0</v>
      </c>
      <c r="AL1856">
        <v>326.41435746636398</v>
      </c>
      <c r="AM1856">
        <v>340.63274540158471</v>
      </c>
      <c r="AN1856">
        <v>1195</v>
      </c>
      <c r="AO1856">
        <v>95.547081369537793</v>
      </c>
      <c r="AP1856">
        <v>218.7344399991984</v>
      </c>
      <c r="AQ1856">
        <v>3.5</v>
      </c>
      <c r="AR1856">
        <v>4.25</v>
      </c>
      <c r="AS1856">
        <v>8</v>
      </c>
      <c r="AT1856">
        <v>0</v>
      </c>
      <c r="AU1856">
        <v>0.22855648535564849</v>
      </c>
      <c r="AV1856">
        <v>-0.1996783884606963</v>
      </c>
      <c r="AW1856">
        <v>0.125</v>
      </c>
      <c r="AX1856">
        <v>105.28571428571431</v>
      </c>
      <c r="AY1856">
        <v>76.5</v>
      </c>
      <c r="AZ1856">
        <v>109.5</v>
      </c>
      <c r="BA1856">
        <v>0.49689852320615158</v>
      </c>
      <c r="BB1856">
        <v>0.375</v>
      </c>
      <c r="BC1856">
        <v>1.945910149055313</v>
      </c>
      <c r="BD1856" t="s">
        <v>7085</v>
      </c>
      <c r="BE1856" t="s">
        <v>68</v>
      </c>
    </row>
    <row r="1857" spans="1:57" x14ac:dyDescent="0.3">
      <c r="A1857" t="s">
        <v>7087</v>
      </c>
      <c r="B1857">
        <v>3752</v>
      </c>
      <c r="C1857" t="s">
        <v>7088</v>
      </c>
      <c r="D1857" t="s">
        <v>7089</v>
      </c>
      <c r="E1857" t="s">
        <v>10622</v>
      </c>
      <c r="F1857">
        <v>64</v>
      </c>
      <c r="G1857">
        <v>127.265625</v>
      </c>
      <c r="H1857">
        <v>124.5</v>
      </c>
      <c r="I1857">
        <v>5862.507568359375</v>
      </c>
      <c r="J1857">
        <v>76.567013578690492</v>
      </c>
      <c r="K1857">
        <v>-4.0281583372139438E-4</v>
      </c>
      <c r="L1857">
        <v>-1.363883374457419</v>
      </c>
      <c r="M1857">
        <v>5.75</v>
      </c>
      <c r="N1857">
        <v>2</v>
      </c>
      <c r="O1857">
        <v>1</v>
      </c>
      <c r="P1857">
        <v>1</v>
      </c>
      <c r="Q1857">
        <v>0.34992710611188271</v>
      </c>
      <c r="R1857">
        <v>3.985596288219686</v>
      </c>
      <c r="S1857">
        <v>1</v>
      </c>
      <c r="T1857">
        <v>1</v>
      </c>
      <c r="U1857">
        <v>0</v>
      </c>
      <c r="V1857">
        <v>0</v>
      </c>
      <c r="W1857">
        <v>4.1431347263915326</v>
      </c>
      <c r="X1857">
        <v>1</v>
      </c>
      <c r="Y1857">
        <v>1</v>
      </c>
      <c r="Z1857">
        <v>0</v>
      </c>
      <c r="AA1857">
        <v>0</v>
      </c>
      <c r="AB1857">
        <v>4.1271343850450908</v>
      </c>
      <c r="AC1857">
        <v>1</v>
      </c>
      <c r="AD1857">
        <v>1</v>
      </c>
      <c r="AE1857">
        <v>0</v>
      </c>
      <c r="AF1857">
        <v>0</v>
      </c>
      <c r="AG1857">
        <v>4.1108738641733096</v>
      </c>
      <c r="AH1857">
        <v>0.11476670469945841</v>
      </c>
      <c r="AI1857">
        <v>0.1072775620979467</v>
      </c>
      <c r="AJ1857">
        <v>-0.1084090658916893</v>
      </c>
      <c r="AK1857">
        <v>0.14946608518379201</v>
      </c>
      <c r="AL1857">
        <v>659.72044877030135</v>
      </c>
      <c r="AM1857">
        <v>988.20439660745899</v>
      </c>
      <c r="AN1857">
        <v>8145</v>
      </c>
      <c r="AO1857">
        <v>35.00820802454038</v>
      </c>
      <c r="AP1857">
        <v>530.17959997131368</v>
      </c>
      <c r="AQ1857">
        <v>1.359375</v>
      </c>
      <c r="AR1857">
        <v>4.25</v>
      </c>
      <c r="AS1857">
        <v>64</v>
      </c>
      <c r="AT1857">
        <v>5.9999999999999991</v>
      </c>
      <c r="AU1857">
        <v>9.283088235294118E-2</v>
      </c>
      <c r="AV1857">
        <v>0.1148833880021458</v>
      </c>
      <c r="AW1857">
        <v>0.421875</v>
      </c>
      <c r="AX1857">
        <v>84.238095238095241</v>
      </c>
      <c r="AY1857">
        <v>75.5</v>
      </c>
      <c r="AZ1857">
        <v>148.25</v>
      </c>
      <c r="BA1857">
        <v>0.60163153702101801</v>
      </c>
      <c r="BB1857">
        <v>0.46875</v>
      </c>
      <c r="BC1857">
        <v>3.9367871487114772</v>
      </c>
      <c r="BD1857" t="s">
        <v>7090</v>
      </c>
      <c r="BE1857" t="s">
        <v>62</v>
      </c>
    </row>
    <row r="1858" spans="1:57" x14ac:dyDescent="0.3">
      <c r="A1858" t="s">
        <v>7091</v>
      </c>
      <c r="B1858">
        <v>3750</v>
      </c>
      <c r="C1858" t="s">
        <v>7092</v>
      </c>
      <c r="D1858" t="s">
        <v>7093</v>
      </c>
      <c r="E1858" t="s">
        <v>66</v>
      </c>
      <c r="F1858">
        <v>71</v>
      </c>
      <c r="G1858">
        <v>111.49295774647889</v>
      </c>
      <c r="H1858">
        <v>103</v>
      </c>
      <c r="I1858">
        <v>5268.418964491173</v>
      </c>
      <c r="J1858">
        <v>72.583875375259296</v>
      </c>
      <c r="K1858">
        <v>0.27995047853574262</v>
      </c>
      <c r="L1858">
        <v>-0.99092710103692117</v>
      </c>
      <c r="M1858">
        <v>5.8467925419789477</v>
      </c>
      <c r="N1858">
        <v>3</v>
      </c>
      <c r="O1858">
        <v>1</v>
      </c>
      <c r="P1858">
        <v>2</v>
      </c>
      <c r="Q1858">
        <v>0.45014853172937652</v>
      </c>
      <c r="R1858">
        <v>4.0526877657916263</v>
      </c>
      <c r="S1858">
        <v>1</v>
      </c>
      <c r="T1858">
        <v>1</v>
      </c>
      <c r="U1858">
        <v>0</v>
      </c>
      <c r="V1858">
        <v>0</v>
      </c>
      <c r="W1858">
        <v>4.2484952420493576</v>
      </c>
      <c r="X1858">
        <v>1</v>
      </c>
      <c r="Y1858">
        <v>1</v>
      </c>
      <c r="Z1858">
        <v>0</v>
      </c>
      <c r="AA1858">
        <v>0</v>
      </c>
      <c r="AB1858">
        <v>4.2341065045972579</v>
      </c>
      <c r="AC1858">
        <v>1</v>
      </c>
      <c r="AD1858">
        <v>1</v>
      </c>
      <c r="AE1858">
        <v>0</v>
      </c>
      <c r="AF1858">
        <v>0</v>
      </c>
      <c r="AG1858">
        <v>4.2195077051761087</v>
      </c>
      <c r="AH1858">
        <v>1.49264241338322E-3</v>
      </c>
      <c r="AI1858">
        <v>0.1006054082542707</v>
      </c>
      <c r="AJ1858">
        <v>-0.1663764074841812</v>
      </c>
      <c r="AK1858">
        <v>-0.19537596948619321</v>
      </c>
      <c r="AL1858">
        <v>664.78160945722641</v>
      </c>
      <c r="AM1858">
        <v>902.60811636471544</v>
      </c>
      <c r="AN1858">
        <v>7916</v>
      </c>
      <c r="AO1858">
        <v>67.809114064263397</v>
      </c>
      <c r="AP1858">
        <v>575.30717038308092</v>
      </c>
      <c r="AQ1858">
        <v>1.323943661971831</v>
      </c>
      <c r="AR1858">
        <v>3.788732394366197</v>
      </c>
      <c r="AS1858">
        <v>71</v>
      </c>
      <c r="AT1858">
        <v>10.619718309859159</v>
      </c>
      <c r="AU1858">
        <v>0.14191122832613209</v>
      </c>
      <c r="AV1858">
        <v>1.3713006224931269E-3</v>
      </c>
      <c r="AW1858">
        <v>0.46478873239436619</v>
      </c>
      <c r="AX1858">
        <v>85.228571428571428</v>
      </c>
      <c r="AY1858">
        <v>55</v>
      </c>
      <c r="AZ1858">
        <v>117</v>
      </c>
      <c r="BA1858">
        <v>0.65101757852999109</v>
      </c>
      <c r="BB1858">
        <v>0.46478873239436619</v>
      </c>
      <c r="BC1858">
        <v>3.9637613963430298</v>
      </c>
      <c r="BD1858" t="s">
        <v>7094</v>
      </c>
      <c r="BE1858" t="s">
        <v>68</v>
      </c>
    </row>
    <row r="1859" spans="1:57" x14ac:dyDescent="0.3">
      <c r="A1859" t="s">
        <v>7095</v>
      </c>
      <c r="B1859">
        <v>156</v>
      </c>
      <c r="C1859" t="s">
        <v>7096</v>
      </c>
      <c r="D1859" t="s">
        <v>7097</v>
      </c>
      <c r="E1859" t="s">
        <v>60</v>
      </c>
      <c r="F1859">
        <v>256</v>
      </c>
      <c r="G1859">
        <v>118.69921875</v>
      </c>
      <c r="H1859">
        <v>109</v>
      </c>
      <c r="I1859">
        <v>5749.7415618896484</v>
      </c>
      <c r="J1859">
        <v>75.827050330931698</v>
      </c>
      <c r="K1859">
        <v>0.2217518301360738</v>
      </c>
      <c r="L1859">
        <v>-1.1766262855802869</v>
      </c>
      <c r="M1859">
        <v>7.1564355350955369</v>
      </c>
      <c r="N1859">
        <v>5</v>
      </c>
      <c r="O1859">
        <v>1</v>
      </c>
      <c r="P1859">
        <v>4</v>
      </c>
      <c r="Q1859">
        <v>0.83756560651118372</v>
      </c>
      <c r="R1859">
        <v>4.9604631140104747</v>
      </c>
      <c r="S1859">
        <v>1</v>
      </c>
      <c r="T1859">
        <v>1</v>
      </c>
      <c r="U1859">
        <v>0</v>
      </c>
      <c r="V1859">
        <v>0</v>
      </c>
      <c r="W1859">
        <v>5.541263545158424</v>
      </c>
      <c r="X1859">
        <v>1</v>
      </c>
      <c r="Y1859">
        <v>1</v>
      </c>
      <c r="Z1859">
        <v>0</v>
      </c>
      <c r="AA1859">
        <v>0</v>
      </c>
      <c r="AB1859">
        <v>5.5373342670185366</v>
      </c>
      <c r="AC1859">
        <v>1</v>
      </c>
      <c r="AD1859">
        <v>1</v>
      </c>
      <c r="AE1859">
        <v>0</v>
      </c>
      <c r="AF1859">
        <v>0</v>
      </c>
      <c r="AG1859">
        <v>5.5333894887275203</v>
      </c>
      <c r="AH1859">
        <v>-6.0922166904342268E-2</v>
      </c>
      <c r="AI1859">
        <v>-5.9722244490827317E-2</v>
      </c>
      <c r="AJ1859">
        <v>-2.6261683726301831E-3</v>
      </c>
      <c r="AK1859">
        <v>-1.4674287586965439E-2</v>
      </c>
      <c r="AL1859">
        <v>1207.761623695234</v>
      </c>
      <c r="AM1859">
        <v>1902.671506153664</v>
      </c>
      <c r="AN1859">
        <v>30387</v>
      </c>
      <c r="AO1859">
        <v>13</v>
      </c>
      <c r="AP1859">
        <v>1064.403204051036</v>
      </c>
      <c r="AQ1859">
        <v>1.08984375</v>
      </c>
      <c r="AR1859">
        <v>4.03515625</v>
      </c>
      <c r="AS1859">
        <v>256</v>
      </c>
      <c r="AT1859">
        <v>71.031250000000014</v>
      </c>
      <c r="AU1859">
        <v>9.2126225490196056E-2</v>
      </c>
      <c r="AV1859">
        <v>-6.1079265148652799E-2</v>
      </c>
      <c r="AW1859">
        <v>0.42578125</v>
      </c>
      <c r="AX1859">
        <v>91.145098039215682</v>
      </c>
      <c r="AY1859">
        <v>65</v>
      </c>
      <c r="AZ1859">
        <v>131.25</v>
      </c>
      <c r="BA1859">
        <v>0.63881675995387877</v>
      </c>
      <c r="BB1859">
        <v>0.45703125</v>
      </c>
      <c r="BC1859">
        <v>4.8690535384788891</v>
      </c>
      <c r="BD1859" t="s">
        <v>7098</v>
      </c>
      <c r="BE1859" t="s">
        <v>62</v>
      </c>
    </row>
    <row r="1860" spans="1:57" x14ac:dyDescent="0.3">
      <c r="A1860" t="s">
        <v>7099</v>
      </c>
      <c r="B1860">
        <v>3297</v>
      </c>
      <c r="C1860" t="s">
        <v>7100</v>
      </c>
      <c r="D1860" t="s">
        <v>7101</v>
      </c>
      <c r="E1860" t="s">
        <v>128</v>
      </c>
      <c r="F1860">
        <v>32</v>
      </c>
      <c r="G1860">
        <v>106.90625</v>
      </c>
      <c r="H1860">
        <v>88.5</v>
      </c>
      <c r="I1860">
        <v>3939.3349609375</v>
      </c>
      <c r="J1860">
        <v>62.76412160571914</v>
      </c>
      <c r="K1860">
        <v>0.41943273821097271</v>
      </c>
      <c r="L1860">
        <v>-0.95263713624183755</v>
      </c>
      <c r="M1860">
        <v>4.9375</v>
      </c>
      <c r="N1860">
        <v>2</v>
      </c>
      <c r="O1860">
        <v>1</v>
      </c>
      <c r="P1860">
        <v>1</v>
      </c>
      <c r="Q1860">
        <v>0.1766846959694085</v>
      </c>
      <c r="R1860">
        <v>3.422414204014729</v>
      </c>
      <c r="S1860">
        <v>1</v>
      </c>
      <c r="T1860">
        <v>1</v>
      </c>
      <c r="U1860">
        <v>0</v>
      </c>
      <c r="V1860">
        <v>0</v>
      </c>
      <c r="W1860">
        <v>3.4339872044851458</v>
      </c>
      <c r="X1860">
        <v>1</v>
      </c>
      <c r="Y1860">
        <v>1</v>
      </c>
      <c r="Z1860">
        <v>0</v>
      </c>
      <c r="AA1860">
        <v>0</v>
      </c>
      <c r="AB1860">
        <v>3.401197381662155</v>
      </c>
      <c r="AC1860">
        <v>1</v>
      </c>
      <c r="AD1860">
        <v>1</v>
      </c>
      <c r="AE1860">
        <v>0</v>
      </c>
      <c r="AF1860">
        <v>0</v>
      </c>
      <c r="AG1860">
        <v>3.3672958299864728</v>
      </c>
      <c r="AH1860">
        <v>0.14279152120080951</v>
      </c>
      <c r="AI1860">
        <v>-0.1212630727148732</v>
      </c>
      <c r="AJ1860">
        <v>-9.3392837576436974E-2</v>
      </c>
      <c r="AK1860">
        <v>-9.47571338902332E-2</v>
      </c>
      <c r="AL1860">
        <v>416.17219959518241</v>
      </c>
      <c r="AM1860">
        <v>564.43396450258695</v>
      </c>
      <c r="AN1860">
        <v>3421</v>
      </c>
      <c r="AO1860">
        <v>80.44152242813378</v>
      </c>
      <c r="AP1860">
        <v>365.54176047906452</v>
      </c>
      <c r="AQ1860">
        <v>1.65625</v>
      </c>
      <c r="AR1860">
        <v>3.96875</v>
      </c>
      <c r="AS1860">
        <v>32</v>
      </c>
      <c r="AT1860">
        <v>0.93749999999999978</v>
      </c>
      <c r="AU1860">
        <v>0.23605371900826441</v>
      </c>
      <c r="AV1860">
        <v>0.14429095250689539</v>
      </c>
      <c r="AW1860">
        <v>0.53125</v>
      </c>
      <c r="AX1860">
        <v>66.354838709677423</v>
      </c>
      <c r="AY1860">
        <v>45</v>
      </c>
      <c r="AZ1860">
        <v>106.75</v>
      </c>
      <c r="BA1860">
        <v>0.58709496971149155</v>
      </c>
      <c r="BB1860">
        <v>0.4375</v>
      </c>
      <c r="BC1860">
        <v>3.2382315403482389</v>
      </c>
      <c r="BD1860" t="s">
        <v>7102</v>
      </c>
      <c r="BE1860" t="s">
        <v>62</v>
      </c>
    </row>
    <row r="1861" spans="1:57" x14ac:dyDescent="0.3">
      <c r="A1861" t="s">
        <v>7103</v>
      </c>
      <c r="B1861">
        <v>3254</v>
      </c>
      <c r="C1861" t="s">
        <v>7104</v>
      </c>
      <c r="D1861" t="s">
        <v>7105</v>
      </c>
      <c r="E1861" t="s">
        <v>115</v>
      </c>
      <c r="F1861">
        <v>3328</v>
      </c>
      <c r="G1861">
        <v>130.58774038461539</v>
      </c>
      <c r="H1861">
        <v>132</v>
      </c>
      <c r="I1861">
        <v>5348.7459073941391</v>
      </c>
      <c r="J1861">
        <v>73.13512088862737</v>
      </c>
      <c r="K1861">
        <v>-5.4032982811628959E-2</v>
      </c>
      <c r="L1861">
        <v>-1.19722336223023</v>
      </c>
      <c r="M1861">
        <v>7.9420140082213324</v>
      </c>
      <c r="N1861">
        <v>24</v>
      </c>
      <c r="O1861">
        <v>4</v>
      </c>
      <c r="P1861">
        <v>20</v>
      </c>
      <c r="Q1861">
        <v>3.6593202920761119</v>
      </c>
      <c r="R1861">
        <v>5.5049846177662136</v>
      </c>
      <c r="S1861">
        <v>3</v>
      </c>
      <c r="T1861">
        <v>1</v>
      </c>
      <c r="U1861">
        <v>2</v>
      </c>
      <c r="V1861">
        <v>0.1724769441262107</v>
      </c>
      <c r="W1861">
        <v>8.0692510427234971</v>
      </c>
      <c r="X1861">
        <v>2</v>
      </c>
      <c r="Y1861">
        <v>1</v>
      </c>
      <c r="Z1861">
        <v>1</v>
      </c>
      <c r="AA1861">
        <v>1.7339591344841591E-2</v>
      </c>
      <c r="AB1861">
        <v>8.1091088544729217</v>
      </c>
      <c r="AC1861">
        <v>1</v>
      </c>
      <c r="AD1861">
        <v>1</v>
      </c>
      <c r="AE1861">
        <v>0</v>
      </c>
      <c r="AF1861">
        <v>0</v>
      </c>
      <c r="AG1861">
        <v>8.1092249530899529</v>
      </c>
      <c r="AH1861">
        <v>-5.1706649307758083E-2</v>
      </c>
      <c r="AI1861">
        <v>-2.0589331765950791E-2</v>
      </c>
      <c r="AJ1861">
        <v>3.0894068515960072E-4</v>
      </c>
      <c r="AK1861">
        <v>-4.9865524604742186E-3</v>
      </c>
      <c r="AL1861">
        <v>3856.5613515602572</v>
      </c>
      <c r="AM1861">
        <v>7725.3136209251552</v>
      </c>
      <c r="AN1861">
        <v>434596</v>
      </c>
      <c r="AO1861">
        <v>16.192268426179549</v>
      </c>
      <c r="AP1861">
        <v>3500.5639108875471</v>
      </c>
      <c r="AQ1861">
        <v>1.0069110576923079</v>
      </c>
      <c r="AR1861">
        <v>4.0402644230769234</v>
      </c>
      <c r="AS1861">
        <v>3316</v>
      </c>
      <c r="AT1861">
        <v>263.69230769230768</v>
      </c>
      <c r="AU1861">
        <v>2.4747831825037699E-2</v>
      </c>
      <c r="AV1861">
        <v>-5.173947350262801E-2</v>
      </c>
      <c r="AW1861">
        <v>0.36838942307692307</v>
      </c>
      <c r="AX1861">
        <v>86.611061015930261</v>
      </c>
      <c r="AY1861">
        <v>63</v>
      </c>
      <c r="AZ1861">
        <v>127</v>
      </c>
      <c r="BA1861">
        <v>0.56004584100486865</v>
      </c>
      <c r="BB1861">
        <v>0.50570913461538458</v>
      </c>
      <c r="BC1861">
        <v>5.3254791708640514</v>
      </c>
      <c r="BD1861" t="s">
        <v>7106</v>
      </c>
      <c r="BE1861" t="s">
        <v>62</v>
      </c>
    </row>
    <row r="1862" spans="1:57" x14ac:dyDescent="0.3">
      <c r="A1862" t="s">
        <v>7107</v>
      </c>
      <c r="B1862">
        <v>3490</v>
      </c>
      <c r="C1862" t="s">
        <v>7108</v>
      </c>
      <c r="D1862" t="s">
        <v>7109</v>
      </c>
      <c r="E1862" t="s">
        <v>106</v>
      </c>
      <c r="F1862">
        <v>3644</v>
      </c>
      <c r="G1862">
        <v>128.10373216245881</v>
      </c>
      <c r="H1862">
        <v>129</v>
      </c>
      <c r="I1862">
        <v>5550.2362209776611</v>
      </c>
      <c r="J1862">
        <v>74.499907523282616</v>
      </c>
      <c r="K1862">
        <v>-1.6670674790371921E-2</v>
      </c>
      <c r="L1862">
        <v>-1.196417649323126</v>
      </c>
      <c r="M1862">
        <v>7.9499220197186382</v>
      </c>
      <c r="N1862">
        <v>24</v>
      </c>
      <c r="O1862">
        <v>3</v>
      </c>
      <c r="P1862">
        <v>21</v>
      </c>
      <c r="Q1862">
        <v>3.6614212895233731</v>
      </c>
      <c r="R1862">
        <v>5.5104660336393989</v>
      </c>
      <c r="S1862">
        <v>4</v>
      </c>
      <c r="T1862">
        <v>1</v>
      </c>
      <c r="U1862">
        <v>3</v>
      </c>
      <c r="V1862">
        <v>0.1714520877137618</v>
      </c>
      <c r="W1862">
        <v>8.1617480770430895</v>
      </c>
      <c r="X1862">
        <v>1</v>
      </c>
      <c r="Y1862">
        <v>1</v>
      </c>
      <c r="Z1862">
        <v>0</v>
      </c>
      <c r="AA1862">
        <v>0</v>
      </c>
      <c r="AB1862">
        <v>8.2002882602875573</v>
      </c>
      <c r="AC1862">
        <v>1</v>
      </c>
      <c r="AD1862">
        <v>1</v>
      </c>
      <c r="AE1862">
        <v>0</v>
      </c>
      <c r="AF1862">
        <v>0</v>
      </c>
      <c r="AG1862">
        <v>8.2000136481754353</v>
      </c>
      <c r="AH1862">
        <v>-7.9524955882673345E-3</v>
      </c>
      <c r="AI1862">
        <v>-2.4570321014035081E-2</v>
      </c>
      <c r="AJ1862">
        <v>1.6836295360474159E-2</v>
      </c>
      <c r="AK1862">
        <v>1.782298009697438E-3</v>
      </c>
      <c r="AL1862">
        <v>4108.5964637170191</v>
      </c>
      <c r="AM1862">
        <v>7946.3575994496996</v>
      </c>
      <c r="AN1862">
        <v>466810</v>
      </c>
      <c r="AO1862">
        <v>104.4684985867576</v>
      </c>
      <c r="AP1862">
        <v>3727.916368803089</v>
      </c>
      <c r="AQ1862">
        <v>1.0063117453347969</v>
      </c>
      <c r="AR1862">
        <v>4.0090559824368821</v>
      </c>
      <c r="AS1862">
        <v>3629</v>
      </c>
      <c r="AT1862">
        <v>241.10208562019761</v>
      </c>
      <c r="AU1862">
        <v>1.323475603194069E-2</v>
      </c>
      <c r="AV1862">
        <v>-7.9544215701379539E-3</v>
      </c>
      <c r="AW1862">
        <v>0.3589462129527991</v>
      </c>
      <c r="AX1862">
        <v>86.264068075761742</v>
      </c>
      <c r="AY1862">
        <v>65</v>
      </c>
      <c r="AZ1862">
        <v>130</v>
      </c>
      <c r="BA1862">
        <v>0.5815592275547693</v>
      </c>
      <c r="BB1862">
        <v>0.50246981339187702</v>
      </c>
      <c r="BC1862">
        <v>5.3313303420930671</v>
      </c>
      <c r="BD1862" t="s">
        <v>7110</v>
      </c>
      <c r="BE1862" t="s">
        <v>68</v>
      </c>
    </row>
    <row r="1863" spans="1:57" x14ac:dyDescent="0.3">
      <c r="A1863" t="s">
        <v>7111</v>
      </c>
      <c r="B1863">
        <v>3536</v>
      </c>
      <c r="C1863" t="s">
        <v>7112</v>
      </c>
      <c r="D1863" t="s">
        <v>7113</v>
      </c>
      <c r="E1863" t="s">
        <v>72</v>
      </c>
      <c r="F1863">
        <v>3552</v>
      </c>
      <c r="G1863">
        <v>125.6773648648649</v>
      </c>
      <c r="H1863">
        <v>125</v>
      </c>
      <c r="I1863">
        <v>5484.3322804434511</v>
      </c>
      <c r="J1863">
        <v>74.056277792253724</v>
      </c>
      <c r="K1863">
        <v>3.2272563128663938E-2</v>
      </c>
      <c r="L1863">
        <v>-1.2091765714022871</v>
      </c>
      <c r="M1863">
        <v>7.9457179581422777</v>
      </c>
      <c r="N1863">
        <v>26</v>
      </c>
      <c r="O1863">
        <v>6</v>
      </c>
      <c r="P1863">
        <v>20</v>
      </c>
      <c r="Q1863">
        <v>3.8191540293630468</v>
      </c>
      <c r="R1863">
        <v>5.5075520002108496</v>
      </c>
      <c r="S1863">
        <v>3</v>
      </c>
      <c r="T1863">
        <v>1</v>
      </c>
      <c r="U1863">
        <v>2</v>
      </c>
      <c r="V1863">
        <v>0.16705079979274029</v>
      </c>
      <c r="W1863">
        <v>8.1382356959913977</v>
      </c>
      <c r="X1863">
        <v>1</v>
      </c>
      <c r="Y1863">
        <v>1</v>
      </c>
      <c r="Z1863">
        <v>0</v>
      </c>
      <c r="AA1863">
        <v>0</v>
      </c>
      <c r="AB1863">
        <v>8.174702882469461</v>
      </c>
      <c r="AC1863">
        <v>1</v>
      </c>
      <c r="AD1863">
        <v>1</v>
      </c>
      <c r="AE1863">
        <v>0</v>
      </c>
      <c r="AF1863">
        <v>0</v>
      </c>
      <c r="AG1863">
        <v>8.1744211526464987</v>
      </c>
      <c r="AH1863">
        <v>1.3108030143018709E-2</v>
      </c>
      <c r="AI1863">
        <v>-1.153739001045106E-2</v>
      </c>
      <c r="AJ1863">
        <v>-3.6556518840187039E-3</v>
      </c>
      <c r="AK1863">
        <v>-4.7045539860019973E-3</v>
      </c>
      <c r="AL1863">
        <v>4050.9327309823739</v>
      </c>
      <c r="AM1863">
        <v>7692.426275828434</v>
      </c>
      <c r="AN1863">
        <v>446406</v>
      </c>
      <c r="AO1863">
        <v>146.72623531723249</v>
      </c>
      <c r="AP1863">
        <v>3636.7577212300739</v>
      </c>
      <c r="AQ1863">
        <v>1.0064752252252249</v>
      </c>
      <c r="AR1863">
        <v>3.9940878378378382</v>
      </c>
      <c r="AS1863">
        <v>3537</v>
      </c>
      <c r="AT1863">
        <v>269.11711711711712</v>
      </c>
      <c r="AU1863">
        <v>1.953166401695813E-2</v>
      </c>
      <c r="AV1863">
        <v>1.311253515675647E-2</v>
      </c>
      <c r="AW1863">
        <v>0.37471846846846851</v>
      </c>
      <c r="AX1863">
        <v>84.934666291185579</v>
      </c>
      <c r="AY1863">
        <v>65</v>
      </c>
      <c r="AZ1863">
        <v>130</v>
      </c>
      <c r="BA1863">
        <v>0.58925708596677739</v>
      </c>
      <c r="BB1863">
        <v>0.49971846846846851</v>
      </c>
      <c r="BC1863">
        <v>5.3132870963797227</v>
      </c>
      <c r="BD1863" t="s">
        <v>7114</v>
      </c>
      <c r="BE1863" t="s">
        <v>62</v>
      </c>
    </row>
    <row r="1864" spans="1:57" x14ac:dyDescent="0.3">
      <c r="A1864" t="s">
        <v>7115</v>
      </c>
      <c r="B1864">
        <v>3864</v>
      </c>
      <c r="C1864" t="s">
        <v>7116</v>
      </c>
      <c r="D1864" t="s">
        <v>7117</v>
      </c>
      <c r="E1864" t="s">
        <v>93</v>
      </c>
      <c r="F1864">
        <v>3880</v>
      </c>
      <c r="G1864">
        <v>128.15051546391749</v>
      </c>
      <c r="H1864">
        <v>127</v>
      </c>
      <c r="I1864">
        <v>5537.1221904559461</v>
      </c>
      <c r="J1864">
        <v>74.411841735411613</v>
      </c>
      <c r="K1864">
        <v>-1.3103027251616181E-2</v>
      </c>
      <c r="L1864">
        <v>-1.205880322697654</v>
      </c>
      <c r="M1864">
        <v>7.9521722636469656</v>
      </c>
      <c r="N1864">
        <v>25</v>
      </c>
      <c r="O1864">
        <v>6</v>
      </c>
      <c r="P1864">
        <v>19</v>
      </c>
      <c r="Q1864">
        <v>3.8434959265621709</v>
      </c>
      <c r="R1864">
        <v>5.5120257838738889</v>
      </c>
      <c r="S1864">
        <v>3</v>
      </c>
      <c r="T1864">
        <v>1</v>
      </c>
      <c r="U1864">
        <v>2</v>
      </c>
      <c r="V1864">
        <v>0.1621887544649149</v>
      </c>
      <c r="W1864">
        <v>8.228039204259435</v>
      </c>
      <c r="X1864">
        <v>1</v>
      </c>
      <c r="Y1864">
        <v>1</v>
      </c>
      <c r="Z1864">
        <v>0</v>
      </c>
      <c r="AA1864">
        <v>0</v>
      </c>
      <c r="AB1864">
        <v>8.2630748358025947</v>
      </c>
      <c r="AC1864">
        <v>1</v>
      </c>
      <c r="AD1864">
        <v>1</v>
      </c>
      <c r="AE1864">
        <v>0</v>
      </c>
      <c r="AF1864">
        <v>0</v>
      </c>
      <c r="AG1864">
        <v>8.2628169376709266</v>
      </c>
      <c r="AH1864">
        <v>-1.2795270071945411E-2</v>
      </c>
      <c r="AI1864">
        <v>-2.0215377317797521E-2</v>
      </c>
      <c r="AJ1864">
        <v>-5.2303523349505254E-3</v>
      </c>
      <c r="AK1864">
        <v>-1.2531518793178211E-2</v>
      </c>
      <c r="AL1864">
        <v>4230.0511003084684</v>
      </c>
      <c r="AM1864">
        <v>8204.2802054037093</v>
      </c>
      <c r="AN1864">
        <v>497224</v>
      </c>
      <c r="AO1864">
        <v>93.161215688886074</v>
      </c>
      <c r="AP1864">
        <v>3843.6169288586589</v>
      </c>
      <c r="AQ1864">
        <v>1.0059278350515459</v>
      </c>
      <c r="AR1864">
        <v>4.0391752577319586</v>
      </c>
      <c r="AS1864">
        <v>3868</v>
      </c>
      <c r="AT1864">
        <v>249.5175257731959</v>
      </c>
      <c r="AU1864">
        <v>1.381645441681828E-2</v>
      </c>
      <c r="AV1864">
        <v>-1.279644577668884E-2</v>
      </c>
      <c r="AW1864">
        <v>0.3713917525773196</v>
      </c>
      <c r="AX1864">
        <v>86.729311678267592</v>
      </c>
      <c r="AY1864">
        <v>64</v>
      </c>
      <c r="AZ1864">
        <v>128.25</v>
      </c>
      <c r="BA1864">
        <v>0.58065971460226595</v>
      </c>
      <c r="BB1864">
        <v>0.49381443298969069</v>
      </c>
      <c r="BC1864">
        <v>5.3279034317307872</v>
      </c>
      <c r="BD1864" t="s">
        <v>7118</v>
      </c>
      <c r="BE1864" t="s">
        <v>68</v>
      </c>
    </row>
    <row r="1865" spans="1:57" x14ac:dyDescent="0.3">
      <c r="A1865" t="s">
        <v>7119</v>
      </c>
      <c r="B1865">
        <v>3374</v>
      </c>
      <c r="C1865" t="s">
        <v>7120</v>
      </c>
      <c r="D1865" t="s">
        <v>7121</v>
      </c>
      <c r="E1865" t="s">
        <v>10622</v>
      </c>
      <c r="F1865">
        <v>64</v>
      </c>
      <c r="G1865">
        <v>110.59375</v>
      </c>
      <c r="H1865">
        <v>95</v>
      </c>
      <c r="I1865">
        <v>5434.9287109375</v>
      </c>
      <c r="J1865">
        <v>73.721968984404512</v>
      </c>
      <c r="K1865">
        <v>0.25054129139954451</v>
      </c>
      <c r="L1865">
        <v>-1.2626416745858979</v>
      </c>
      <c r="M1865">
        <v>5.738204882778696</v>
      </c>
      <c r="N1865">
        <v>3</v>
      </c>
      <c r="O1865">
        <v>1</v>
      </c>
      <c r="P1865">
        <v>2</v>
      </c>
      <c r="Q1865">
        <v>0.3976974544878587</v>
      </c>
      <c r="R1865">
        <v>3.9774205359733639</v>
      </c>
      <c r="S1865">
        <v>1</v>
      </c>
      <c r="T1865">
        <v>1</v>
      </c>
      <c r="U1865">
        <v>0</v>
      </c>
      <c r="V1865">
        <v>0</v>
      </c>
      <c r="W1865">
        <v>4.1431347263915326</v>
      </c>
      <c r="X1865">
        <v>1</v>
      </c>
      <c r="Y1865">
        <v>1</v>
      </c>
      <c r="Z1865">
        <v>0</v>
      </c>
      <c r="AA1865">
        <v>0</v>
      </c>
      <c r="AB1865">
        <v>4.1271343850450908</v>
      </c>
      <c r="AC1865">
        <v>1</v>
      </c>
      <c r="AD1865">
        <v>1</v>
      </c>
      <c r="AE1865">
        <v>0</v>
      </c>
      <c r="AF1865">
        <v>0</v>
      </c>
      <c r="AG1865">
        <v>4.1108738641733096</v>
      </c>
      <c r="AH1865">
        <v>2.4618656662714251E-2</v>
      </c>
      <c r="AI1865">
        <v>-6.7679779698266076E-3</v>
      </c>
      <c r="AJ1865">
        <v>-7.7511875003032143E-3</v>
      </c>
      <c r="AK1865">
        <v>1.0816644032639719E-2</v>
      </c>
      <c r="AL1865">
        <v>630.97073750763298</v>
      </c>
      <c r="AM1865">
        <v>855.85859136254135</v>
      </c>
      <c r="AN1865">
        <v>7078</v>
      </c>
      <c r="AO1865">
        <v>97.066491689057344</v>
      </c>
      <c r="AP1865">
        <v>516.44507656707037</v>
      </c>
      <c r="AQ1865">
        <v>1.359375</v>
      </c>
      <c r="AR1865">
        <v>3.921875</v>
      </c>
      <c r="AS1865">
        <v>64</v>
      </c>
      <c r="AT1865">
        <v>7.7499999999999991</v>
      </c>
      <c r="AU1865">
        <v>0.12812499999999999</v>
      </c>
      <c r="AV1865">
        <v>2.4840761049358132E-2</v>
      </c>
      <c r="AW1865">
        <v>0.421875</v>
      </c>
      <c r="AX1865">
        <v>81.888888888888886</v>
      </c>
      <c r="AY1865">
        <v>62.5</v>
      </c>
      <c r="AZ1865">
        <v>132.75</v>
      </c>
      <c r="BA1865">
        <v>0.66660158448741014</v>
      </c>
      <c r="BB1865">
        <v>0.46875</v>
      </c>
      <c r="BC1865">
        <v>3.9367871487114772</v>
      </c>
      <c r="BD1865" t="s">
        <v>7122</v>
      </c>
      <c r="BE1865" t="s">
        <v>62</v>
      </c>
    </row>
    <row r="1866" spans="1:57" x14ac:dyDescent="0.3">
      <c r="A1866" t="s">
        <v>7123</v>
      </c>
      <c r="B1866">
        <v>1362</v>
      </c>
      <c r="C1866" t="s">
        <v>7124</v>
      </c>
      <c r="D1866" t="s">
        <v>7125</v>
      </c>
      <c r="E1866" t="s">
        <v>85</v>
      </c>
      <c r="F1866">
        <v>8</v>
      </c>
      <c r="G1866">
        <v>109.875</v>
      </c>
      <c r="H1866">
        <v>75</v>
      </c>
      <c r="I1866">
        <v>6172.859375</v>
      </c>
      <c r="J1866">
        <v>78.567546576178643</v>
      </c>
      <c r="K1866">
        <v>0.52456819528910525</v>
      </c>
      <c r="L1866">
        <v>-1.36980895734287</v>
      </c>
      <c r="M1866">
        <v>3</v>
      </c>
      <c r="N1866">
        <v>1</v>
      </c>
      <c r="O1866">
        <v>1</v>
      </c>
      <c r="P1866">
        <v>0</v>
      </c>
      <c r="Q1866">
        <v>0</v>
      </c>
      <c r="R1866">
        <v>2.0794415416798362</v>
      </c>
      <c r="S1866">
        <v>1</v>
      </c>
      <c r="T1866">
        <v>1</v>
      </c>
      <c r="U1866">
        <v>0</v>
      </c>
      <c r="V1866">
        <v>0</v>
      </c>
      <c r="W1866">
        <v>1.945910149055313</v>
      </c>
      <c r="X1866">
        <v>1</v>
      </c>
      <c r="Y1866">
        <v>1</v>
      </c>
      <c r="Z1866">
        <v>0</v>
      </c>
      <c r="AA1866">
        <v>0</v>
      </c>
      <c r="AB1866">
        <v>1.791759469228055</v>
      </c>
      <c r="AC1866">
        <v>1</v>
      </c>
      <c r="AD1866">
        <v>1</v>
      </c>
      <c r="AE1866">
        <v>0</v>
      </c>
      <c r="AF1866">
        <v>0</v>
      </c>
      <c r="AG1866">
        <v>1.6094379124341009</v>
      </c>
      <c r="AH1866">
        <v>-0.72741088130247578</v>
      </c>
      <c r="AI1866">
        <v>0.62722591080409962</v>
      </c>
      <c r="AJ1866">
        <v>-0.26269386148538332</v>
      </c>
      <c r="AK1866">
        <v>0</v>
      </c>
      <c r="AL1866">
        <v>273.78946462258142</v>
      </c>
      <c r="AM1866">
        <v>266.46262226000903</v>
      </c>
      <c r="AN1866">
        <v>879</v>
      </c>
      <c r="AO1866">
        <v>99.744674043279119</v>
      </c>
      <c r="AP1866">
        <v>142.70659222352319</v>
      </c>
      <c r="AQ1866">
        <v>3.5</v>
      </c>
      <c r="AR1866">
        <v>3.875</v>
      </c>
      <c r="AS1866">
        <v>8</v>
      </c>
      <c r="AT1866">
        <v>0</v>
      </c>
      <c r="AU1866">
        <v>0.36497890295358648</v>
      </c>
      <c r="AV1866">
        <v>-0.76470889246376228</v>
      </c>
      <c r="AW1866">
        <v>0.5</v>
      </c>
      <c r="AX1866">
        <v>148.28571428571431</v>
      </c>
      <c r="AY1866">
        <v>43.5</v>
      </c>
      <c r="AZ1866">
        <v>129</v>
      </c>
      <c r="BA1866">
        <v>0.71506299500503889</v>
      </c>
      <c r="BB1866">
        <v>0.375</v>
      </c>
      <c r="BC1866">
        <v>1.945910149055313</v>
      </c>
      <c r="BD1866" t="s">
        <v>7124</v>
      </c>
      <c r="BE1866" t="s">
        <v>68</v>
      </c>
    </row>
    <row r="1867" spans="1:57" x14ac:dyDescent="0.3">
      <c r="A1867" t="s">
        <v>7126</v>
      </c>
      <c r="B1867">
        <v>1464</v>
      </c>
      <c r="C1867" t="s">
        <v>7127</v>
      </c>
      <c r="D1867" t="s">
        <v>7128</v>
      </c>
      <c r="E1867" t="s">
        <v>10622</v>
      </c>
      <c r="F1867">
        <v>64</v>
      </c>
      <c r="G1867">
        <v>145.03125</v>
      </c>
      <c r="H1867">
        <v>156</v>
      </c>
      <c r="I1867">
        <v>4595.3740234375</v>
      </c>
      <c r="J1867">
        <v>67.789188101329998</v>
      </c>
      <c r="K1867">
        <v>-0.38453109437089539</v>
      </c>
      <c r="L1867">
        <v>-0.96879318587618313</v>
      </c>
      <c r="M1867">
        <v>5.738204882778696</v>
      </c>
      <c r="N1867">
        <v>3</v>
      </c>
      <c r="O1867">
        <v>1</v>
      </c>
      <c r="P1867">
        <v>2</v>
      </c>
      <c r="Q1867">
        <v>0.3976974544878587</v>
      </c>
      <c r="R1867">
        <v>3.9774205359733639</v>
      </c>
      <c r="S1867">
        <v>1</v>
      </c>
      <c r="T1867">
        <v>1</v>
      </c>
      <c r="U1867">
        <v>0</v>
      </c>
      <c r="V1867">
        <v>0</v>
      </c>
      <c r="W1867">
        <v>4.1431347263915326</v>
      </c>
      <c r="X1867">
        <v>1</v>
      </c>
      <c r="Y1867">
        <v>1</v>
      </c>
      <c r="Z1867">
        <v>0</v>
      </c>
      <c r="AA1867">
        <v>0</v>
      </c>
      <c r="AB1867">
        <v>4.1271343850450908</v>
      </c>
      <c r="AC1867">
        <v>1</v>
      </c>
      <c r="AD1867">
        <v>1</v>
      </c>
      <c r="AE1867">
        <v>0</v>
      </c>
      <c r="AF1867">
        <v>0</v>
      </c>
      <c r="AG1867">
        <v>4.1108738641733096</v>
      </c>
      <c r="AH1867">
        <v>9.6603812124880173E-2</v>
      </c>
      <c r="AI1867">
        <v>3.8976328893505552E-2</v>
      </c>
      <c r="AJ1867">
        <v>-8.9501325982119836E-2</v>
      </c>
      <c r="AK1867">
        <v>2.2205658108113559E-2</v>
      </c>
      <c r="AL1867">
        <v>652.20574386194198</v>
      </c>
      <c r="AM1867">
        <v>1102.230315167157</v>
      </c>
      <c r="AN1867">
        <v>9282</v>
      </c>
      <c r="AO1867">
        <v>190.40817170796331</v>
      </c>
      <c r="AP1867">
        <v>510.70509886569232</v>
      </c>
      <c r="AQ1867">
        <v>1.359375</v>
      </c>
      <c r="AR1867">
        <v>4.140625</v>
      </c>
      <c r="AS1867">
        <v>63</v>
      </c>
      <c r="AT1867">
        <v>7.75</v>
      </c>
      <c r="AU1867">
        <v>0.16582661290322581</v>
      </c>
      <c r="AV1867">
        <v>9.7165471174319437E-2</v>
      </c>
      <c r="AW1867">
        <v>0.328125</v>
      </c>
      <c r="AX1867">
        <v>75.61904761904762</v>
      </c>
      <c r="AY1867">
        <v>50.5</v>
      </c>
      <c r="AZ1867">
        <v>102.5</v>
      </c>
      <c r="BA1867">
        <v>0.46741090696887738</v>
      </c>
      <c r="BB1867">
        <v>0.515625</v>
      </c>
      <c r="BC1867">
        <v>4.0111066919991618</v>
      </c>
      <c r="BD1867" t="s">
        <v>7129</v>
      </c>
      <c r="BE1867" t="s">
        <v>62</v>
      </c>
    </row>
    <row r="1868" spans="1:57" x14ac:dyDescent="0.3">
      <c r="A1868" t="s">
        <v>7130</v>
      </c>
      <c r="B1868">
        <v>2151</v>
      </c>
      <c r="C1868" t="s">
        <v>7131</v>
      </c>
      <c r="D1868" t="s">
        <v>7132</v>
      </c>
      <c r="E1868" t="s">
        <v>98</v>
      </c>
      <c r="F1868">
        <v>16</v>
      </c>
      <c r="G1868">
        <v>108.1875</v>
      </c>
      <c r="H1868">
        <v>114</v>
      </c>
      <c r="I1868">
        <v>2424.15234375</v>
      </c>
      <c r="J1868">
        <v>49.235681611510167</v>
      </c>
      <c r="K1868">
        <v>-0.30756225929650299</v>
      </c>
      <c r="L1868">
        <v>-1.0438391335020021</v>
      </c>
      <c r="M1868">
        <v>4</v>
      </c>
      <c r="N1868">
        <v>1</v>
      </c>
      <c r="O1868">
        <v>1</v>
      </c>
      <c r="P1868">
        <v>0</v>
      </c>
      <c r="Q1868">
        <v>0</v>
      </c>
      <c r="R1868">
        <v>2.7725887222397811</v>
      </c>
      <c r="S1868">
        <v>1</v>
      </c>
      <c r="T1868">
        <v>1</v>
      </c>
      <c r="U1868">
        <v>0</v>
      </c>
      <c r="V1868">
        <v>0</v>
      </c>
      <c r="W1868">
        <v>2.7080502011022101</v>
      </c>
      <c r="X1868">
        <v>1</v>
      </c>
      <c r="Y1868">
        <v>1</v>
      </c>
      <c r="Z1868">
        <v>0</v>
      </c>
      <c r="AA1868">
        <v>0</v>
      </c>
      <c r="AB1868">
        <v>2.639057329615258</v>
      </c>
      <c r="AC1868">
        <v>1</v>
      </c>
      <c r="AD1868">
        <v>1</v>
      </c>
      <c r="AE1868">
        <v>0</v>
      </c>
      <c r="AF1868">
        <v>0</v>
      </c>
      <c r="AG1868">
        <v>2.5649493574615372</v>
      </c>
      <c r="AH1868">
        <v>-0.2331510249233382</v>
      </c>
      <c r="AI1868">
        <v>3.044697486073579E-2</v>
      </c>
      <c r="AJ1868">
        <v>-0.23434707766729029</v>
      </c>
      <c r="AK1868">
        <v>-0.15590763040560249</v>
      </c>
      <c r="AL1868">
        <v>280.42903027758769</v>
      </c>
      <c r="AM1868">
        <v>383.95124557366893</v>
      </c>
      <c r="AN1868">
        <v>1731</v>
      </c>
      <c r="AO1868">
        <v>41.020449250408547</v>
      </c>
      <c r="AP1868">
        <v>164.0510528458903</v>
      </c>
      <c r="AQ1868">
        <v>2.25</v>
      </c>
      <c r="AR1868">
        <v>3.875</v>
      </c>
      <c r="AS1868">
        <v>16</v>
      </c>
      <c r="AT1868">
        <v>0</v>
      </c>
      <c r="AU1868">
        <v>0.17686170212765959</v>
      </c>
      <c r="AV1868">
        <v>-0.2427456604590171</v>
      </c>
      <c r="AW1868">
        <v>0.4375</v>
      </c>
      <c r="AX1868">
        <v>69.599999999999994</v>
      </c>
      <c r="AY1868">
        <v>35.5</v>
      </c>
      <c r="AZ1868">
        <v>71.75</v>
      </c>
      <c r="BA1868">
        <v>0.45509584389610791</v>
      </c>
      <c r="BB1868">
        <v>0.5</v>
      </c>
      <c r="BC1868">
        <v>2.7080502011022101</v>
      </c>
      <c r="BD1868" t="s">
        <v>7131</v>
      </c>
      <c r="BE1868" t="s">
        <v>62</v>
      </c>
    </row>
    <row r="1869" spans="1:57" x14ac:dyDescent="0.3">
      <c r="A1869" t="s">
        <v>7133</v>
      </c>
      <c r="B1869">
        <v>747</v>
      </c>
      <c r="C1869" t="s">
        <v>7134</v>
      </c>
      <c r="D1869" t="s">
        <v>7135</v>
      </c>
      <c r="E1869" t="s">
        <v>93</v>
      </c>
      <c r="F1869">
        <v>751</v>
      </c>
      <c r="G1869">
        <v>128.54593874833549</v>
      </c>
      <c r="H1869">
        <v>127</v>
      </c>
      <c r="I1869">
        <v>5795.5581426274084</v>
      </c>
      <c r="J1869">
        <v>76.12856325077604</v>
      </c>
      <c r="K1869">
        <v>-6.8838052949806252E-4</v>
      </c>
      <c r="L1869">
        <v>-1.2606528551097891</v>
      </c>
      <c r="M1869">
        <v>7.7379530436667112</v>
      </c>
      <c r="N1869">
        <v>9</v>
      </c>
      <c r="O1869">
        <v>1</v>
      </c>
      <c r="P1869">
        <v>8</v>
      </c>
      <c r="Q1869">
        <v>1.509685167694097</v>
      </c>
      <c r="R1869">
        <v>5.3635403355228304</v>
      </c>
      <c r="S1869">
        <v>2</v>
      </c>
      <c r="T1869">
        <v>1</v>
      </c>
      <c r="U1869">
        <v>1</v>
      </c>
      <c r="V1869">
        <v>7.302862451408168E-2</v>
      </c>
      <c r="W1869">
        <v>6.6126796366043834</v>
      </c>
      <c r="X1869">
        <v>1</v>
      </c>
      <c r="Y1869">
        <v>1</v>
      </c>
      <c r="Z1869">
        <v>0</v>
      </c>
      <c r="AA1869">
        <v>0</v>
      </c>
      <c r="AB1869">
        <v>6.6187389835172183</v>
      </c>
      <c r="AC1869">
        <v>1</v>
      </c>
      <c r="AD1869">
        <v>1</v>
      </c>
      <c r="AE1869">
        <v>0</v>
      </c>
      <c r="AF1869">
        <v>0</v>
      </c>
      <c r="AG1869">
        <v>6.6174029779744794</v>
      </c>
      <c r="AH1869">
        <v>-5.2367189721595507E-2</v>
      </c>
      <c r="AI1869">
        <v>-7.9351369143315816E-4</v>
      </c>
      <c r="AJ1869">
        <v>2.59804734448091E-2</v>
      </c>
      <c r="AK1869">
        <v>-1.8900458970048731E-2</v>
      </c>
      <c r="AL1869">
        <v>1953.7248368068531</v>
      </c>
      <c r="AM1869">
        <v>3597.914849193075</v>
      </c>
      <c r="AN1869">
        <v>96537.999999999971</v>
      </c>
      <c r="AO1869">
        <v>82.89486078996832</v>
      </c>
      <c r="AP1869">
        <v>1702.090385462307</v>
      </c>
      <c r="AQ1869">
        <v>1.0306258322237021</v>
      </c>
      <c r="AR1869">
        <v>4.0386151797603196</v>
      </c>
      <c r="AS1869">
        <v>748</v>
      </c>
      <c r="AT1869">
        <v>174.80559254327559</v>
      </c>
      <c r="AU1869">
        <v>3.4354194407456802E-2</v>
      </c>
      <c r="AV1869">
        <v>-5.2442525519600582E-2</v>
      </c>
      <c r="AW1869">
        <v>0.37150466045272967</v>
      </c>
      <c r="AX1869">
        <v>90.304000000000002</v>
      </c>
      <c r="AY1869">
        <v>68</v>
      </c>
      <c r="AZ1869">
        <v>137.5</v>
      </c>
      <c r="BA1869">
        <v>0.5922284592733722</v>
      </c>
      <c r="BB1869">
        <v>0.49267643142476703</v>
      </c>
      <c r="BC1869">
        <v>5.2045407885471544</v>
      </c>
      <c r="BD1869" t="s">
        <v>7136</v>
      </c>
      <c r="BE1869" t="s">
        <v>68</v>
      </c>
    </row>
    <row r="1870" spans="1:57" x14ac:dyDescent="0.3">
      <c r="A1870" t="s">
        <v>7137</v>
      </c>
      <c r="B1870">
        <v>686</v>
      </c>
      <c r="C1870" t="s">
        <v>7138</v>
      </c>
      <c r="D1870" t="s">
        <v>7139</v>
      </c>
      <c r="E1870" t="s">
        <v>106</v>
      </c>
      <c r="F1870">
        <v>690</v>
      </c>
      <c r="G1870">
        <v>123.82173913043481</v>
      </c>
      <c r="H1870">
        <v>127.5</v>
      </c>
      <c r="I1870">
        <v>5972.337788279774</v>
      </c>
      <c r="J1870">
        <v>77.280901834022188</v>
      </c>
      <c r="K1870">
        <v>1.9646243688241579E-2</v>
      </c>
      <c r="L1870">
        <v>-1.2824723180706541</v>
      </c>
      <c r="M1870">
        <v>7.6791353584059028</v>
      </c>
      <c r="N1870">
        <v>9</v>
      </c>
      <c r="O1870">
        <v>1</v>
      </c>
      <c r="P1870">
        <v>8</v>
      </c>
      <c r="Q1870">
        <v>1.6439947657876379</v>
      </c>
      <c r="R1870">
        <v>5.3227710228172516</v>
      </c>
      <c r="S1870">
        <v>2</v>
      </c>
      <c r="T1870">
        <v>1</v>
      </c>
      <c r="U1870">
        <v>1</v>
      </c>
      <c r="V1870">
        <v>8.518512942665038E-2</v>
      </c>
      <c r="W1870">
        <v>6.5251810797138026</v>
      </c>
      <c r="X1870">
        <v>1</v>
      </c>
      <c r="Y1870">
        <v>1</v>
      </c>
      <c r="Z1870">
        <v>0</v>
      </c>
      <c r="AA1870">
        <v>0</v>
      </c>
      <c r="AB1870">
        <v>6.5337888379333453</v>
      </c>
      <c r="AC1870">
        <v>1</v>
      </c>
      <c r="AD1870">
        <v>1</v>
      </c>
      <c r="AE1870">
        <v>0</v>
      </c>
      <c r="AF1870">
        <v>0</v>
      </c>
      <c r="AG1870">
        <v>6.5323342922223517</v>
      </c>
      <c r="AH1870">
        <v>-2.0874801028235659E-2</v>
      </c>
      <c r="AI1870">
        <v>4.0750342470913248E-2</v>
      </c>
      <c r="AJ1870">
        <v>3.146762245201927E-2</v>
      </c>
      <c r="AK1870">
        <v>3.0622675112822979E-2</v>
      </c>
      <c r="AL1870">
        <v>1914.6437020051619</v>
      </c>
      <c r="AM1870">
        <v>3321.7481082062741</v>
      </c>
      <c r="AN1870">
        <v>85437</v>
      </c>
      <c r="AO1870">
        <v>134.09753680376289</v>
      </c>
      <c r="AP1870">
        <v>1708.8045169836071</v>
      </c>
      <c r="AQ1870">
        <v>1.033333333333333</v>
      </c>
      <c r="AR1870">
        <v>3.9362318840579711</v>
      </c>
      <c r="AS1870">
        <v>687</v>
      </c>
      <c r="AT1870">
        <v>223.74202898550729</v>
      </c>
      <c r="AU1870">
        <v>5.3367433930093799E-2</v>
      </c>
      <c r="AV1870">
        <v>-2.0894977017002811E-2</v>
      </c>
      <c r="AW1870">
        <v>0.33043478260869558</v>
      </c>
      <c r="AX1870">
        <v>91.838896952104506</v>
      </c>
      <c r="AY1870">
        <v>67.5</v>
      </c>
      <c r="AZ1870">
        <v>133.75</v>
      </c>
      <c r="BA1870">
        <v>0.62413032135345703</v>
      </c>
      <c r="BB1870">
        <v>0.50869565217391299</v>
      </c>
      <c r="BC1870">
        <v>5.1874724907631506</v>
      </c>
      <c r="BD1870" t="s">
        <v>7140</v>
      </c>
      <c r="BE1870" t="s">
        <v>68</v>
      </c>
    </row>
    <row r="1871" spans="1:57" x14ac:dyDescent="0.3">
      <c r="A1871" t="s">
        <v>7141</v>
      </c>
      <c r="B1871">
        <v>3494</v>
      </c>
      <c r="C1871" t="s">
        <v>7142</v>
      </c>
      <c r="D1871" t="s">
        <v>7143</v>
      </c>
      <c r="E1871" t="s">
        <v>106</v>
      </c>
      <c r="F1871">
        <v>3616</v>
      </c>
      <c r="G1871">
        <v>127.49004424778759</v>
      </c>
      <c r="H1871">
        <v>128</v>
      </c>
      <c r="I1871">
        <v>5451.471692918396</v>
      </c>
      <c r="J1871">
        <v>73.834082190533096</v>
      </c>
      <c r="K1871">
        <v>-1.447931224161512E-2</v>
      </c>
      <c r="L1871">
        <v>-1.224251120828012</v>
      </c>
      <c r="M1871">
        <v>7.952226890770091</v>
      </c>
      <c r="N1871">
        <v>23</v>
      </c>
      <c r="O1871">
        <v>6</v>
      </c>
      <c r="P1871">
        <v>17</v>
      </c>
      <c r="Q1871">
        <v>3.6325352716800969</v>
      </c>
      <c r="R1871">
        <v>5.5120636485102832</v>
      </c>
      <c r="S1871">
        <v>3</v>
      </c>
      <c r="T1871">
        <v>1</v>
      </c>
      <c r="U1871">
        <v>2</v>
      </c>
      <c r="V1871">
        <v>0.1595224501504629</v>
      </c>
      <c r="W1871">
        <v>8.1581888384256303</v>
      </c>
      <c r="X1871">
        <v>2</v>
      </c>
      <c r="Y1871">
        <v>1</v>
      </c>
      <c r="Z1871">
        <v>1</v>
      </c>
      <c r="AA1871">
        <v>1.663435283843534E-2</v>
      </c>
      <c r="AB1871">
        <v>8.1921868811241936</v>
      </c>
      <c r="AC1871">
        <v>1</v>
      </c>
      <c r="AD1871">
        <v>1</v>
      </c>
      <c r="AE1871">
        <v>0</v>
      </c>
      <c r="AF1871">
        <v>0</v>
      </c>
      <c r="AG1871">
        <v>8.1922937311476396</v>
      </c>
      <c r="AH1871">
        <v>-8.926136467172904E-3</v>
      </c>
      <c r="AI1871">
        <v>-3.5044736908143321E-3</v>
      </c>
      <c r="AJ1871">
        <v>-1.306928899166891E-2</v>
      </c>
      <c r="AK1871">
        <v>7.991676351694222E-3</v>
      </c>
      <c r="AL1871">
        <v>4049.7101520580718</v>
      </c>
      <c r="AM1871">
        <v>7879.4536412315929</v>
      </c>
      <c r="AN1871">
        <v>461004</v>
      </c>
      <c r="AO1871">
        <v>174.52173220584041</v>
      </c>
      <c r="AP1871">
        <v>3673.9838574968012</v>
      </c>
      <c r="AQ1871">
        <v>1.006360619469026</v>
      </c>
      <c r="AR1871">
        <v>4.0047013274336276</v>
      </c>
      <c r="AS1871">
        <v>3596</v>
      </c>
      <c r="AT1871">
        <v>239.15044247787611</v>
      </c>
      <c r="AU1871">
        <v>1.3617039736248501E-2</v>
      </c>
      <c r="AV1871">
        <v>-8.9280517168606639E-3</v>
      </c>
      <c r="AW1871">
        <v>0.37223451327433632</v>
      </c>
      <c r="AX1871">
        <v>86.033748271092676</v>
      </c>
      <c r="AY1871">
        <v>65</v>
      </c>
      <c r="AZ1871">
        <v>129</v>
      </c>
      <c r="BA1871">
        <v>0.57913606216208036</v>
      </c>
      <c r="BB1871">
        <v>0.50331858407079644</v>
      </c>
      <c r="BC1871">
        <v>5.3217329657548778</v>
      </c>
      <c r="BD1871" t="s">
        <v>7144</v>
      </c>
      <c r="BE1871" t="s">
        <v>62</v>
      </c>
    </row>
    <row r="1872" spans="1:57" x14ac:dyDescent="0.3">
      <c r="A1872" t="s">
        <v>7145</v>
      </c>
      <c r="B1872">
        <v>149</v>
      </c>
      <c r="C1872" t="s">
        <v>7146</v>
      </c>
      <c r="D1872" t="s">
        <v>7147</v>
      </c>
      <c r="E1872" t="s">
        <v>60</v>
      </c>
      <c r="F1872">
        <v>512</v>
      </c>
      <c r="G1872">
        <v>127.6484375</v>
      </c>
      <c r="H1872">
        <v>123.5</v>
      </c>
      <c r="I1872">
        <v>5739.7084350585938</v>
      </c>
      <c r="J1872">
        <v>75.760863478834466</v>
      </c>
      <c r="K1872">
        <v>1.893360624738805E-2</v>
      </c>
      <c r="L1872">
        <v>-1.2760967324347789</v>
      </c>
      <c r="M1872">
        <v>7.602723306044572</v>
      </c>
      <c r="N1872">
        <v>7</v>
      </c>
      <c r="O1872">
        <v>1</v>
      </c>
      <c r="P1872">
        <v>6</v>
      </c>
      <c r="Q1872">
        <v>1.2392431650129889</v>
      </c>
      <c r="R1872">
        <v>5.2698062241621786</v>
      </c>
      <c r="S1872">
        <v>2</v>
      </c>
      <c r="T1872">
        <v>1</v>
      </c>
      <c r="U1872">
        <v>1</v>
      </c>
      <c r="V1872">
        <v>4.4237310481092057E-2</v>
      </c>
      <c r="W1872">
        <v>6.2336566853874231</v>
      </c>
      <c r="X1872">
        <v>1</v>
      </c>
      <c r="Y1872">
        <v>1</v>
      </c>
      <c r="Z1872">
        <v>0</v>
      </c>
      <c r="AA1872">
        <v>0</v>
      </c>
      <c r="AB1872">
        <v>6.2344107257183694</v>
      </c>
      <c r="AC1872">
        <v>1</v>
      </c>
      <c r="AD1872">
        <v>1</v>
      </c>
      <c r="AE1872">
        <v>0</v>
      </c>
      <c r="AF1872">
        <v>0</v>
      </c>
      <c r="AG1872">
        <v>6.2324480165505216</v>
      </c>
      <c r="AH1872">
        <v>4.8051229230403926E-3</v>
      </c>
      <c r="AI1872">
        <v>5.3389225659251187E-2</v>
      </c>
      <c r="AJ1872">
        <v>-2.1378628413487411E-2</v>
      </c>
      <c r="AK1872">
        <v>-2.8504422458633639E-2</v>
      </c>
      <c r="AL1872">
        <v>1660.7333573947731</v>
      </c>
      <c r="AM1872">
        <v>2919.4668546904732</v>
      </c>
      <c r="AN1872">
        <v>65356</v>
      </c>
      <c r="AO1872">
        <v>83.650776872381257</v>
      </c>
      <c r="AP1872">
        <v>1394.681855590449</v>
      </c>
      <c r="AQ1872">
        <v>1.044921875</v>
      </c>
      <c r="AR1872">
        <v>4.025390625</v>
      </c>
      <c r="AS1872">
        <v>510</v>
      </c>
      <c r="AT1872">
        <v>149.16015625</v>
      </c>
      <c r="AU1872">
        <v>3.1196384803921621E-2</v>
      </c>
      <c r="AV1872">
        <v>4.8167409259045066E-3</v>
      </c>
      <c r="AW1872">
        <v>0.3828125</v>
      </c>
      <c r="AX1872">
        <v>88.142857142857139</v>
      </c>
      <c r="AY1872">
        <v>66.5</v>
      </c>
      <c r="AZ1872">
        <v>135</v>
      </c>
      <c r="BA1872">
        <v>0.59351187497954661</v>
      </c>
      <c r="BB1872">
        <v>0.482421875</v>
      </c>
      <c r="BC1872">
        <v>5.07552398098683</v>
      </c>
      <c r="BD1872" t="s">
        <v>7148</v>
      </c>
      <c r="BE1872" t="s">
        <v>62</v>
      </c>
    </row>
    <row r="1873" spans="1:57" x14ac:dyDescent="0.3">
      <c r="A1873" t="s">
        <v>7149</v>
      </c>
      <c r="B1873">
        <v>1461</v>
      </c>
      <c r="C1873" t="s">
        <v>7150</v>
      </c>
      <c r="D1873" t="s">
        <v>7151</v>
      </c>
      <c r="E1873" t="s">
        <v>66</v>
      </c>
      <c r="F1873">
        <v>71</v>
      </c>
      <c r="G1873">
        <v>126.4225352112676</v>
      </c>
      <c r="H1873">
        <v>125</v>
      </c>
      <c r="I1873">
        <v>5486.7510414600283</v>
      </c>
      <c r="J1873">
        <v>74.072606552355296</v>
      </c>
      <c r="K1873">
        <v>-5.2341349642486552E-2</v>
      </c>
      <c r="L1873">
        <v>-1.0797603251495611</v>
      </c>
      <c r="M1873">
        <v>5.8186235278944389</v>
      </c>
      <c r="N1873">
        <v>3</v>
      </c>
      <c r="O1873">
        <v>1</v>
      </c>
      <c r="P1873">
        <v>2</v>
      </c>
      <c r="Q1873">
        <v>0.46517619123176213</v>
      </c>
      <c r="R1873">
        <v>4.0331624930997956</v>
      </c>
      <c r="S1873">
        <v>1</v>
      </c>
      <c r="T1873">
        <v>1</v>
      </c>
      <c r="U1873">
        <v>0</v>
      </c>
      <c r="V1873">
        <v>0</v>
      </c>
      <c r="W1873">
        <v>4.2484952420493576</v>
      </c>
      <c r="X1873">
        <v>1</v>
      </c>
      <c r="Y1873">
        <v>1</v>
      </c>
      <c r="Z1873">
        <v>0</v>
      </c>
      <c r="AA1873">
        <v>0</v>
      </c>
      <c r="AB1873">
        <v>4.2341065045972579</v>
      </c>
      <c r="AC1873">
        <v>1</v>
      </c>
      <c r="AD1873">
        <v>1</v>
      </c>
      <c r="AE1873">
        <v>0</v>
      </c>
      <c r="AF1873">
        <v>0</v>
      </c>
      <c r="AG1873">
        <v>4.2195077051761087</v>
      </c>
      <c r="AH1873">
        <v>0.1704805821740239</v>
      </c>
      <c r="AI1873">
        <v>0.1167979422862252</v>
      </c>
      <c r="AJ1873">
        <v>-0.15388151047242149</v>
      </c>
      <c r="AK1873">
        <v>-0.12260331430340569</v>
      </c>
      <c r="AL1873">
        <v>668.70676895338886</v>
      </c>
      <c r="AM1873">
        <v>1037.862831570684</v>
      </c>
      <c r="AN1873">
        <v>8976</v>
      </c>
      <c r="AO1873">
        <v>90.394076813985066</v>
      </c>
      <c r="AP1873">
        <v>537.1086189169273</v>
      </c>
      <c r="AQ1873">
        <v>1.323943661971831</v>
      </c>
      <c r="AR1873">
        <v>3.76056338028169</v>
      </c>
      <c r="AS1873">
        <v>71</v>
      </c>
      <c r="AT1873">
        <v>10.971830985915499</v>
      </c>
      <c r="AU1873">
        <v>7.6601903913600181E-2</v>
      </c>
      <c r="AV1873">
        <v>0.1718800953139239</v>
      </c>
      <c r="AW1873">
        <v>0.42253521126760563</v>
      </c>
      <c r="AX1873">
        <v>76.98571428571428</v>
      </c>
      <c r="AY1873">
        <v>63</v>
      </c>
      <c r="AZ1873">
        <v>126.5</v>
      </c>
      <c r="BA1873">
        <v>0.58591299746181225</v>
      </c>
      <c r="BB1873">
        <v>0.47887323943661969</v>
      </c>
      <c r="BC1873">
        <v>4.0751116538138126</v>
      </c>
      <c r="BD1873" t="s">
        <v>7152</v>
      </c>
      <c r="BE1873" t="s">
        <v>68</v>
      </c>
    </row>
    <row r="1874" spans="1:57" x14ac:dyDescent="0.3">
      <c r="A1874" t="s">
        <v>7153</v>
      </c>
      <c r="B1874">
        <v>3042</v>
      </c>
      <c r="C1874" t="s">
        <v>7154</v>
      </c>
      <c r="D1874" t="s">
        <v>7155</v>
      </c>
      <c r="E1874" t="s">
        <v>93</v>
      </c>
      <c r="F1874">
        <v>3054</v>
      </c>
      <c r="G1874">
        <v>127.0749836280288</v>
      </c>
      <c r="H1874">
        <v>127</v>
      </c>
      <c r="I1874">
        <v>5465.4766957266484</v>
      </c>
      <c r="J1874">
        <v>73.92886239978705</v>
      </c>
      <c r="K1874">
        <v>2.3894128558152469E-2</v>
      </c>
      <c r="L1874">
        <v>-1.18468193717801</v>
      </c>
      <c r="M1874">
        <v>7.9437840565071802</v>
      </c>
      <c r="N1874">
        <v>24</v>
      </c>
      <c r="O1874">
        <v>4</v>
      </c>
      <c r="P1874">
        <v>20</v>
      </c>
      <c r="Q1874">
        <v>3.300529298816139</v>
      </c>
      <c r="R1874">
        <v>5.5062115217449996</v>
      </c>
      <c r="S1874">
        <v>3</v>
      </c>
      <c r="T1874">
        <v>1</v>
      </c>
      <c r="U1874">
        <v>2</v>
      </c>
      <c r="V1874">
        <v>0.1546393261658347</v>
      </c>
      <c r="W1874">
        <v>7.9914692007980026</v>
      </c>
      <c r="X1874">
        <v>1</v>
      </c>
      <c r="Y1874">
        <v>1</v>
      </c>
      <c r="Z1874">
        <v>0</v>
      </c>
      <c r="AA1874">
        <v>0</v>
      </c>
      <c r="AB1874">
        <v>8.0235523924043495</v>
      </c>
      <c r="AC1874">
        <v>1</v>
      </c>
      <c r="AD1874">
        <v>1</v>
      </c>
      <c r="AE1874">
        <v>0</v>
      </c>
      <c r="AF1874">
        <v>0</v>
      </c>
      <c r="AG1874">
        <v>8.0232246847166717</v>
      </c>
      <c r="AH1874">
        <v>8.3267799506158424E-3</v>
      </c>
      <c r="AI1874">
        <v>3.5127240854336372E-3</v>
      </c>
      <c r="AJ1874">
        <v>-7.6972584992115846E-3</v>
      </c>
      <c r="AK1874">
        <v>-9.1521492652817237E-3</v>
      </c>
      <c r="AL1874">
        <v>3758.7667240549831</v>
      </c>
      <c r="AM1874">
        <v>7202.734738565412</v>
      </c>
      <c r="AN1874">
        <v>388087</v>
      </c>
      <c r="AO1874">
        <v>57.624403797409869</v>
      </c>
      <c r="AP1874">
        <v>3472.5019305591591</v>
      </c>
      <c r="AQ1874">
        <v>1.0075311067452519</v>
      </c>
      <c r="AR1874">
        <v>4.0108055009823183</v>
      </c>
      <c r="AS1874">
        <v>3041</v>
      </c>
      <c r="AT1874">
        <v>233.76424361493119</v>
      </c>
      <c r="AU1874">
        <v>1.209214530605951E-2</v>
      </c>
      <c r="AV1874">
        <v>8.32982902396146E-3</v>
      </c>
      <c r="AW1874">
        <v>0.37229862475442038</v>
      </c>
      <c r="AX1874">
        <v>84.840157222404187</v>
      </c>
      <c r="AY1874">
        <v>64</v>
      </c>
      <c r="AZ1874">
        <v>128</v>
      </c>
      <c r="BA1874">
        <v>0.58177353472017779</v>
      </c>
      <c r="BB1874">
        <v>0.49934512115258678</v>
      </c>
      <c r="BC1874">
        <v>5.3133148303101869</v>
      </c>
      <c r="BD1874" t="s">
        <v>7156</v>
      </c>
      <c r="BE1874" t="s">
        <v>68</v>
      </c>
    </row>
    <row r="1875" spans="1:57" x14ac:dyDescent="0.3">
      <c r="A1875" t="s">
        <v>7157</v>
      </c>
      <c r="B1875">
        <v>3399</v>
      </c>
      <c r="C1875" t="s">
        <v>7158</v>
      </c>
      <c r="D1875" t="s">
        <v>7159</v>
      </c>
      <c r="E1875" t="s">
        <v>128</v>
      </c>
      <c r="F1875">
        <v>32</v>
      </c>
      <c r="G1875">
        <v>119.3125</v>
      </c>
      <c r="H1875">
        <v>126.5</v>
      </c>
      <c r="I1875">
        <v>4782.96484375</v>
      </c>
      <c r="J1875">
        <v>69.158982379369931</v>
      </c>
      <c r="K1875">
        <v>-1.6522810486398431E-2</v>
      </c>
      <c r="L1875">
        <v>-0.91620950146300073</v>
      </c>
      <c r="M1875">
        <v>4.9375</v>
      </c>
      <c r="N1875">
        <v>2</v>
      </c>
      <c r="O1875">
        <v>1</v>
      </c>
      <c r="P1875">
        <v>1</v>
      </c>
      <c r="Q1875">
        <v>0.1766846959694085</v>
      </c>
      <c r="R1875">
        <v>3.422414204014729</v>
      </c>
      <c r="S1875">
        <v>1</v>
      </c>
      <c r="T1875">
        <v>1</v>
      </c>
      <c r="U1875">
        <v>0</v>
      </c>
      <c r="V1875">
        <v>0</v>
      </c>
      <c r="W1875">
        <v>3.4339872044851458</v>
      </c>
      <c r="X1875">
        <v>1</v>
      </c>
      <c r="Y1875">
        <v>1</v>
      </c>
      <c r="Z1875">
        <v>0</v>
      </c>
      <c r="AA1875">
        <v>0</v>
      </c>
      <c r="AB1875">
        <v>3.401197381662155</v>
      </c>
      <c r="AC1875">
        <v>1</v>
      </c>
      <c r="AD1875">
        <v>1</v>
      </c>
      <c r="AE1875">
        <v>0</v>
      </c>
      <c r="AF1875">
        <v>0</v>
      </c>
      <c r="AG1875">
        <v>3.3672958299864728</v>
      </c>
      <c r="AH1875">
        <v>5.4742391209362001E-2</v>
      </c>
      <c r="AI1875">
        <v>0.28299363014409051</v>
      </c>
      <c r="AJ1875">
        <v>-3.5911879848649048E-2</v>
      </c>
      <c r="AK1875">
        <v>-0.16466668613136301</v>
      </c>
      <c r="AL1875">
        <v>468.21798906051703</v>
      </c>
      <c r="AM1875">
        <v>623.98871361598015</v>
      </c>
      <c r="AN1875">
        <v>3818</v>
      </c>
      <c r="AO1875">
        <v>116.8321216971203</v>
      </c>
      <c r="AP1875">
        <v>379.82666329027711</v>
      </c>
      <c r="AQ1875">
        <v>1.65625</v>
      </c>
      <c r="AR1875">
        <v>3.75</v>
      </c>
      <c r="AS1875">
        <v>32</v>
      </c>
      <c r="AT1875">
        <v>0.93749999999999978</v>
      </c>
      <c r="AU1875">
        <v>0.11693548387096769</v>
      </c>
      <c r="AV1875">
        <v>5.5128424136780138E-2</v>
      </c>
      <c r="AW1875">
        <v>0.3125</v>
      </c>
      <c r="AX1875">
        <v>75.193548387096769</v>
      </c>
      <c r="AY1875">
        <v>49</v>
      </c>
      <c r="AZ1875">
        <v>91.25</v>
      </c>
      <c r="BA1875">
        <v>0.5796457402147297</v>
      </c>
      <c r="BB1875">
        <v>0.5625</v>
      </c>
      <c r="BC1875">
        <v>3.3892680315457948</v>
      </c>
      <c r="BD1875" t="s">
        <v>7160</v>
      </c>
      <c r="BE1875" t="s">
        <v>62</v>
      </c>
    </row>
    <row r="1876" spans="1:57" x14ac:dyDescent="0.3">
      <c r="A1876" t="s">
        <v>7161</v>
      </c>
      <c r="B1876">
        <v>132</v>
      </c>
      <c r="C1876" t="s">
        <v>7162</v>
      </c>
      <c r="D1876" t="s">
        <v>7163</v>
      </c>
      <c r="E1876" t="s">
        <v>60</v>
      </c>
      <c r="F1876">
        <v>256</v>
      </c>
      <c r="G1876">
        <v>128.14453125</v>
      </c>
      <c r="H1876">
        <v>131.5</v>
      </c>
      <c r="I1876">
        <v>5796.3970794677734</v>
      </c>
      <c r="J1876">
        <v>76.134073051871937</v>
      </c>
      <c r="K1876">
        <v>-4.2973169996891158E-2</v>
      </c>
      <c r="L1876">
        <v>-1.2879838422217229</v>
      </c>
      <c r="M1876">
        <v>7.250575634588154</v>
      </c>
      <c r="N1876">
        <v>4</v>
      </c>
      <c r="O1876">
        <v>1</v>
      </c>
      <c r="P1876">
        <v>3</v>
      </c>
      <c r="Q1876">
        <v>0.73061948972508917</v>
      </c>
      <c r="R1876">
        <v>5.0257160585514136</v>
      </c>
      <c r="S1876">
        <v>1</v>
      </c>
      <c r="T1876">
        <v>1</v>
      </c>
      <c r="U1876">
        <v>0</v>
      </c>
      <c r="V1876">
        <v>0</v>
      </c>
      <c r="W1876">
        <v>5.541263545158424</v>
      </c>
      <c r="X1876">
        <v>1</v>
      </c>
      <c r="Y1876">
        <v>1</v>
      </c>
      <c r="Z1876">
        <v>0</v>
      </c>
      <c r="AA1876">
        <v>0</v>
      </c>
      <c r="AB1876">
        <v>5.5373342670185366</v>
      </c>
      <c r="AC1876">
        <v>1</v>
      </c>
      <c r="AD1876">
        <v>1</v>
      </c>
      <c r="AE1876">
        <v>0</v>
      </c>
      <c r="AF1876">
        <v>0</v>
      </c>
      <c r="AG1876">
        <v>5.5333894887275203</v>
      </c>
      <c r="AH1876">
        <v>8.3494337460219795E-2</v>
      </c>
      <c r="AI1876">
        <v>-9.4240782963263589E-2</v>
      </c>
      <c r="AJ1876">
        <v>-6.5233603541888965E-2</v>
      </c>
      <c r="AK1876">
        <v>-5.1455652267539093E-2</v>
      </c>
      <c r="AL1876">
        <v>1198.302505969167</v>
      </c>
      <c r="AM1876">
        <v>2061.9723820138852</v>
      </c>
      <c r="AN1876">
        <v>32805</v>
      </c>
      <c r="AO1876">
        <v>58.233099095433268</v>
      </c>
      <c r="AP1876">
        <v>957.08325249301117</v>
      </c>
      <c r="AQ1876">
        <v>1.08984375</v>
      </c>
      <c r="AR1876">
        <v>4.00390625</v>
      </c>
      <c r="AS1876">
        <v>255</v>
      </c>
      <c r="AT1876">
        <v>59.554687500000007</v>
      </c>
      <c r="AU1876">
        <v>4.5306348425196853E-2</v>
      </c>
      <c r="AV1876">
        <v>8.3622703270762572E-2</v>
      </c>
      <c r="AW1876">
        <v>0.3359375</v>
      </c>
      <c r="AX1876">
        <v>83.294117647058826</v>
      </c>
      <c r="AY1876">
        <v>70.5</v>
      </c>
      <c r="AZ1876">
        <v>141.25</v>
      </c>
      <c r="BA1876">
        <v>0.59412658744945024</v>
      </c>
      <c r="BB1876">
        <v>0.51171875</v>
      </c>
      <c r="BC1876">
        <v>4.8593366844367756</v>
      </c>
      <c r="BD1876" t="s">
        <v>7164</v>
      </c>
      <c r="BE1876" t="s">
        <v>62</v>
      </c>
    </row>
    <row r="1877" spans="1:57" x14ac:dyDescent="0.3">
      <c r="A1877" t="s">
        <v>7165</v>
      </c>
      <c r="B1877">
        <v>2534</v>
      </c>
      <c r="C1877" t="s">
        <v>7166</v>
      </c>
      <c r="D1877" t="s">
        <v>7167</v>
      </c>
      <c r="E1877" t="s">
        <v>85</v>
      </c>
      <c r="F1877">
        <v>8</v>
      </c>
      <c r="G1877">
        <v>102.625</v>
      </c>
      <c r="H1877">
        <v>120</v>
      </c>
      <c r="I1877">
        <v>4255.984375</v>
      </c>
      <c r="J1877">
        <v>65.23790596731321</v>
      </c>
      <c r="K1877">
        <v>-0.25994848810825227</v>
      </c>
      <c r="L1877">
        <v>-1.4139212834134289</v>
      </c>
      <c r="M1877">
        <v>3</v>
      </c>
      <c r="N1877">
        <v>1</v>
      </c>
      <c r="O1877">
        <v>1</v>
      </c>
      <c r="P1877">
        <v>0</v>
      </c>
      <c r="Q1877">
        <v>0</v>
      </c>
      <c r="R1877">
        <v>2.0794415416798362</v>
      </c>
      <c r="S1877">
        <v>1</v>
      </c>
      <c r="T1877">
        <v>1</v>
      </c>
      <c r="U1877">
        <v>0</v>
      </c>
      <c r="V1877">
        <v>0</v>
      </c>
      <c r="W1877">
        <v>1.945910149055313</v>
      </c>
      <c r="X1877">
        <v>1</v>
      </c>
      <c r="Y1877">
        <v>1</v>
      </c>
      <c r="Z1877">
        <v>0</v>
      </c>
      <c r="AA1877">
        <v>0</v>
      </c>
      <c r="AB1877">
        <v>1.791759469228055</v>
      </c>
      <c r="AC1877">
        <v>1</v>
      </c>
      <c r="AD1877">
        <v>1</v>
      </c>
      <c r="AE1877">
        <v>0</v>
      </c>
      <c r="AF1877">
        <v>0</v>
      </c>
      <c r="AG1877">
        <v>1.6094379124341009</v>
      </c>
      <c r="AH1877">
        <v>-0.28426195834541801</v>
      </c>
      <c r="AI1877">
        <v>0.10245040990076471</v>
      </c>
      <c r="AJ1877">
        <v>0.14736740178351809</v>
      </c>
      <c r="AK1877">
        <v>0</v>
      </c>
      <c r="AL1877">
        <v>254.75012678040969</v>
      </c>
      <c r="AM1877">
        <v>231.0960252911442</v>
      </c>
      <c r="AN1877">
        <v>821</v>
      </c>
      <c r="AO1877">
        <v>39</v>
      </c>
      <c r="AP1877">
        <v>212.39479160025681</v>
      </c>
      <c r="AQ1877">
        <v>3.5</v>
      </c>
      <c r="AR1877">
        <v>3.625</v>
      </c>
      <c r="AS1877">
        <v>8</v>
      </c>
      <c r="AT1877">
        <v>0</v>
      </c>
      <c r="AU1877">
        <v>0.1776315789473685</v>
      </c>
      <c r="AV1877">
        <v>-0.33275255335488102</v>
      </c>
      <c r="AW1877">
        <v>0.25</v>
      </c>
      <c r="AX1877">
        <v>98.285714285714292</v>
      </c>
      <c r="AY1877">
        <v>59.5</v>
      </c>
      <c r="AZ1877">
        <v>109</v>
      </c>
      <c r="BA1877">
        <v>0.63569214097260129</v>
      </c>
      <c r="BB1877">
        <v>0.625</v>
      </c>
      <c r="BC1877">
        <v>1.945910149055313</v>
      </c>
      <c r="BD1877" t="s">
        <v>7166</v>
      </c>
      <c r="BE1877" t="s">
        <v>68</v>
      </c>
    </row>
    <row r="1878" spans="1:57" x14ac:dyDescent="0.3">
      <c r="A1878" t="s">
        <v>7168</v>
      </c>
      <c r="B1878">
        <v>544</v>
      </c>
      <c r="C1878" t="s">
        <v>7169</v>
      </c>
      <c r="D1878" t="s">
        <v>7170</v>
      </c>
      <c r="E1878" t="s">
        <v>93</v>
      </c>
      <c r="F1878">
        <v>548</v>
      </c>
      <c r="G1878">
        <v>129.89598540145991</v>
      </c>
      <c r="H1878">
        <v>126</v>
      </c>
      <c r="I1878">
        <v>5582.8194729340939</v>
      </c>
      <c r="J1878">
        <v>74.718267330915097</v>
      </c>
      <c r="K1878">
        <v>-1.111619300453221E-2</v>
      </c>
      <c r="L1878">
        <v>-1.234020369873003</v>
      </c>
      <c r="M1878">
        <v>7.6524364874198296</v>
      </c>
      <c r="N1878">
        <v>7</v>
      </c>
      <c r="O1878">
        <v>1</v>
      </c>
      <c r="P1878">
        <v>6</v>
      </c>
      <c r="Q1878">
        <v>1.3434009529609829</v>
      </c>
      <c r="R1878">
        <v>5.3042647756691004</v>
      </c>
      <c r="S1878">
        <v>2</v>
      </c>
      <c r="T1878">
        <v>1</v>
      </c>
      <c r="U1878">
        <v>1</v>
      </c>
      <c r="V1878">
        <v>4.2756840768969788E-2</v>
      </c>
      <c r="W1878">
        <v>6.3019144434437004</v>
      </c>
      <c r="X1878">
        <v>1</v>
      </c>
      <c r="Y1878">
        <v>1</v>
      </c>
      <c r="Z1878">
        <v>0</v>
      </c>
      <c r="AA1878">
        <v>0</v>
      </c>
      <c r="AB1878">
        <v>6.302618975744906</v>
      </c>
      <c r="AC1878">
        <v>1</v>
      </c>
      <c r="AD1878">
        <v>1</v>
      </c>
      <c r="AE1878">
        <v>0</v>
      </c>
      <c r="AF1878">
        <v>0</v>
      </c>
      <c r="AG1878">
        <v>6.3007857946632448</v>
      </c>
      <c r="AH1878">
        <v>-5.8746209797574007E-2</v>
      </c>
      <c r="AI1878">
        <v>1.425121626559096E-2</v>
      </c>
      <c r="AJ1878">
        <v>2.8632366609042802E-2</v>
      </c>
      <c r="AK1878">
        <v>4.1385554039087169E-2</v>
      </c>
      <c r="AL1878">
        <v>1656.411887154426</v>
      </c>
      <c r="AM1878">
        <v>3092.259798285635</v>
      </c>
      <c r="AN1878">
        <v>71183</v>
      </c>
      <c r="AO1878">
        <v>61.542868162576653</v>
      </c>
      <c r="AP1878">
        <v>1357.181348912884</v>
      </c>
      <c r="AQ1878">
        <v>1.0419708029197079</v>
      </c>
      <c r="AR1878">
        <v>4.0346715328467164</v>
      </c>
      <c r="AS1878">
        <v>543</v>
      </c>
      <c r="AT1878">
        <v>181.87226277372261</v>
      </c>
      <c r="AU1878">
        <v>3.6024044654358163E-2</v>
      </c>
      <c r="AV1878">
        <v>-5.8893356864157489E-2</v>
      </c>
      <c r="AW1878">
        <v>0.38321167883211682</v>
      </c>
      <c r="AX1878">
        <v>90.477148080438752</v>
      </c>
      <c r="AY1878">
        <v>67</v>
      </c>
      <c r="AZ1878">
        <v>132.5</v>
      </c>
      <c r="BA1878">
        <v>0.57521614005228039</v>
      </c>
      <c r="BB1878">
        <v>0.48357664233576642</v>
      </c>
      <c r="BC1878">
        <v>5.1232499864622092</v>
      </c>
      <c r="BD1878" t="s">
        <v>7171</v>
      </c>
      <c r="BE1878" t="s">
        <v>68</v>
      </c>
    </row>
    <row r="1879" spans="1:57" x14ac:dyDescent="0.3">
      <c r="A1879" t="s">
        <v>7172</v>
      </c>
      <c r="B1879">
        <v>144</v>
      </c>
      <c r="C1879" t="s">
        <v>7173</v>
      </c>
      <c r="D1879" t="s">
        <v>7174</v>
      </c>
      <c r="E1879" t="s">
        <v>60</v>
      </c>
      <c r="F1879">
        <v>512</v>
      </c>
      <c r="G1879">
        <v>128.9765625</v>
      </c>
      <c r="H1879">
        <v>133</v>
      </c>
      <c r="I1879">
        <v>5561.7572631835938</v>
      </c>
      <c r="J1879">
        <v>74.577189965723392</v>
      </c>
      <c r="K1879">
        <v>-6.0410053979822902E-2</v>
      </c>
      <c r="L1879">
        <v>-1.158041920188998</v>
      </c>
      <c r="M1879">
        <v>7.5974503078925171</v>
      </c>
      <c r="N1879">
        <v>6</v>
      </c>
      <c r="O1879">
        <v>1</v>
      </c>
      <c r="P1879">
        <v>5</v>
      </c>
      <c r="Q1879">
        <v>1.199223078622802</v>
      </c>
      <c r="R1879">
        <v>5.2661512603599849</v>
      </c>
      <c r="S1879">
        <v>2</v>
      </c>
      <c r="T1879">
        <v>1</v>
      </c>
      <c r="U1879">
        <v>1</v>
      </c>
      <c r="V1879">
        <v>6.2560641760670568E-2</v>
      </c>
      <c r="W1879">
        <v>6.2309437805711401</v>
      </c>
      <c r="X1879">
        <v>1</v>
      </c>
      <c r="Y1879">
        <v>1</v>
      </c>
      <c r="Z1879">
        <v>0</v>
      </c>
      <c r="AA1879">
        <v>0</v>
      </c>
      <c r="AB1879">
        <v>6.2344107257183694</v>
      </c>
      <c r="AC1879">
        <v>1</v>
      </c>
      <c r="AD1879">
        <v>1</v>
      </c>
      <c r="AE1879">
        <v>0</v>
      </c>
      <c r="AF1879">
        <v>0</v>
      </c>
      <c r="AG1879">
        <v>6.2324480165505216</v>
      </c>
      <c r="AH1879">
        <v>-2.9695305694271399E-2</v>
      </c>
      <c r="AI1879">
        <v>1.1298213140794639E-2</v>
      </c>
      <c r="AJ1879">
        <v>1.931258378605428E-3</v>
      </c>
      <c r="AK1879">
        <v>2.093857669591119E-2</v>
      </c>
      <c r="AL1879">
        <v>1643.629262384052</v>
      </c>
      <c r="AM1879">
        <v>2943.3312501033352</v>
      </c>
      <c r="AN1879">
        <v>66036</v>
      </c>
      <c r="AO1879">
        <v>45.085524399277652</v>
      </c>
      <c r="AP1879">
        <v>1453.2657627029751</v>
      </c>
      <c r="AQ1879">
        <v>1.044921875</v>
      </c>
      <c r="AR1879">
        <v>3.994140625</v>
      </c>
      <c r="AS1879">
        <v>510</v>
      </c>
      <c r="AT1879">
        <v>137.1875</v>
      </c>
      <c r="AU1879">
        <v>3.8871017156862753E-2</v>
      </c>
      <c r="AV1879">
        <v>-2.9763334645790809E-2</v>
      </c>
      <c r="AW1879">
        <v>0.34375</v>
      </c>
      <c r="AX1879">
        <v>87.123287671232873</v>
      </c>
      <c r="AY1879">
        <v>61</v>
      </c>
      <c r="AZ1879">
        <v>123.5</v>
      </c>
      <c r="BA1879">
        <v>0.57822280668802439</v>
      </c>
      <c r="BB1879">
        <v>0.521484375</v>
      </c>
      <c r="BC1879">
        <v>5.1367092795459461</v>
      </c>
      <c r="BD1879" t="s">
        <v>7175</v>
      </c>
      <c r="BE1879" t="s">
        <v>62</v>
      </c>
    </row>
    <row r="1880" spans="1:57" x14ac:dyDescent="0.3">
      <c r="A1880" t="s">
        <v>7176</v>
      </c>
      <c r="B1880">
        <v>2410</v>
      </c>
      <c r="C1880" t="s">
        <v>7177</v>
      </c>
      <c r="D1880" t="s">
        <v>7178</v>
      </c>
      <c r="E1880" t="s">
        <v>72</v>
      </c>
      <c r="F1880">
        <v>2480</v>
      </c>
      <c r="G1880">
        <v>129.51169354838709</v>
      </c>
      <c r="H1880">
        <v>131</v>
      </c>
      <c r="I1880">
        <v>5346.174863260926</v>
      </c>
      <c r="J1880">
        <v>73.117541419695769</v>
      </c>
      <c r="K1880">
        <v>-1.458644988112736E-2</v>
      </c>
      <c r="L1880">
        <v>-1.155065887453983</v>
      </c>
      <c r="M1880">
        <v>7.9133741193973934</v>
      </c>
      <c r="N1880">
        <v>19</v>
      </c>
      <c r="O1880">
        <v>1</v>
      </c>
      <c r="P1880">
        <v>18</v>
      </c>
      <c r="Q1880">
        <v>3.3324868716920699</v>
      </c>
      <c r="R1880">
        <v>5.4851329595763438</v>
      </c>
      <c r="S1880">
        <v>2</v>
      </c>
      <c r="T1880">
        <v>1</v>
      </c>
      <c r="U1880">
        <v>1</v>
      </c>
      <c r="V1880">
        <v>0.14479837981710411</v>
      </c>
      <c r="W1880">
        <v>7.7865313441456241</v>
      </c>
      <c r="X1880">
        <v>1</v>
      </c>
      <c r="Y1880">
        <v>1</v>
      </c>
      <c r="Z1880">
        <v>0</v>
      </c>
      <c r="AA1880">
        <v>0</v>
      </c>
      <c r="AB1880">
        <v>7.8152070621890886</v>
      </c>
      <c r="AC1880">
        <v>1</v>
      </c>
      <c r="AD1880">
        <v>1</v>
      </c>
      <c r="AE1880">
        <v>0</v>
      </c>
      <c r="AF1880">
        <v>0</v>
      </c>
      <c r="AG1880">
        <v>7.8148034294893574</v>
      </c>
      <c r="AH1880">
        <v>-1.218571438344772E-2</v>
      </c>
      <c r="AI1880">
        <v>2.5664261905090871E-2</v>
      </c>
      <c r="AJ1880">
        <v>2.1847800136820781E-2</v>
      </c>
      <c r="AK1880">
        <v>1.7704988029030099E-2</v>
      </c>
      <c r="AL1880">
        <v>3369.6778515177512</v>
      </c>
      <c r="AM1880">
        <v>6595.5679192159569</v>
      </c>
      <c r="AN1880">
        <v>321189</v>
      </c>
      <c r="AO1880">
        <v>211.28799712897651</v>
      </c>
      <c r="AP1880">
        <v>3093.4635466407171</v>
      </c>
      <c r="AQ1880">
        <v>1.0092741935483871</v>
      </c>
      <c r="AR1880">
        <v>4.0580645161290319</v>
      </c>
      <c r="AS1880">
        <v>2471</v>
      </c>
      <c r="AT1880">
        <v>293.47096774193551</v>
      </c>
      <c r="AU1880">
        <v>2.3149905123339639E-2</v>
      </c>
      <c r="AV1880">
        <v>-1.2197718079504269E-2</v>
      </c>
      <c r="AW1880">
        <v>0.36653225806451611</v>
      </c>
      <c r="AX1880">
        <v>84.855990318676888</v>
      </c>
      <c r="AY1880">
        <v>62</v>
      </c>
      <c r="AZ1880">
        <v>124</v>
      </c>
      <c r="BA1880">
        <v>0.56456324071137409</v>
      </c>
      <c r="BB1880">
        <v>0.50725806451612898</v>
      </c>
      <c r="BC1880">
        <v>5.3034991447091784</v>
      </c>
      <c r="BD1880" t="s">
        <v>7179</v>
      </c>
      <c r="BE1880" t="s">
        <v>62</v>
      </c>
    </row>
    <row r="1881" spans="1:57" x14ac:dyDescent="0.3">
      <c r="A1881" t="s">
        <v>7180</v>
      </c>
      <c r="B1881">
        <v>2699</v>
      </c>
      <c r="C1881" t="s">
        <v>7181</v>
      </c>
      <c r="D1881" t="s">
        <v>7182</v>
      </c>
      <c r="E1881" t="s">
        <v>66</v>
      </c>
      <c r="F1881">
        <v>72</v>
      </c>
      <c r="G1881">
        <v>109.4722222222222</v>
      </c>
      <c r="H1881">
        <v>103</v>
      </c>
      <c r="I1881">
        <v>6467.971450617285</v>
      </c>
      <c r="J1881">
        <v>80.423699558135752</v>
      </c>
      <c r="K1881">
        <v>0.27262178491146022</v>
      </c>
      <c r="L1881">
        <v>-1.198144699218368</v>
      </c>
      <c r="M1881">
        <v>5.8643694458867603</v>
      </c>
      <c r="N1881">
        <v>2</v>
      </c>
      <c r="O1881">
        <v>1</v>
      </c>
      <c r="P1881">
        <v>1</v>
      </c>
      <c r="Q1881">
        <v>0.3844603081822483</v>
      </c>
      <c r="R1881">
        <v>4.0648711471782937</v>
      </c>
      <c r="S1881">
        <v>2</v>
      </c>
      <c r="T1881">
        <v>1</v>
      </c>
      <c r="U1881">
        <v>1</v>
      </c>
      <c r="V1881">
        <v>0.16776575221435111</v>
      </c>
      <c r="W1881">
        <v>4.2236293316576567</v>
      </c>
      <c r="X1881">
        <v>2</v>
      </c>
      <c r="Y1881">
        <v>1</v>
      </c>
      <c r="Z1881">
        <v>1</v>
      </c>
      <c r="AA1881">
        <v>0.11951030798891769</v>
      </c>
      <c r="AB1881">
        <v>4.2286910368905044</v>
      </c>
      <c r="AC1881">
        <v>1</v>
      </c>
      <c r="AD1881">
        <v>1</v>
      </c>
      <c r="AE1881">
        <v>0</v>
      </c>
      <c r="AF1881">
        <v>0</v>
      </c>
      <c r="AG1881">
        <v>4.2341065045972579</v>
      </c>
      <c r="AH1881">
        <v>0.2028685728515677</v>
      </c>
      <c r="AI1881">
        <v>7.8467960445435844E-2</v>
      </c>
      <c r="AJ1881">
        <v>-5.6541852468967098E-2</v>
      </c>
      <c r="AK1881">
        <v>4.6970925600887753E-2</v>
      </c>
      <c r="AL1881">
        <v>721.47148581747024</v>
      </c>
      <c r="AM1881">
        <v>898.90649967186903</v>
      </c>
      <c r="AN1881">
        <v>7882</v>
      </c>
      <c r="AO1881">
        <v>24.004338314539229</v>
      </c>
      <c r="AP1881">
        <v>618.14991204704916</v>
      </c>
      <c r="AQ1881">
        <v>1.319444444444444</v>
      </c>
      <c r="AR1881">
        <v>3.583333333333333</v>
      </c>
      <c r="AS1881">
        <v>72</v>
      </c>
      <c r="AT1881">
        <v>7.6388888888888884</v>
      </c>
      <c r="AU1881">
        <v>0.16470588235294109</v>
      </c>
      <c r="AV1881">
        <v>0.20504359383793971</v>
      </c>
      <c r="AW1881">
        <v>0.33333333333333331</v>
      </c>
      <c r="AX1881">
        <v>81.352112676056336</v>
      </c>
      <c r="AY1881">
        <v>68.5</v>
      </c>
      <c r="AZ1881">
        <v>134.25</v>
      </c>
      <c r="BA1881">
        <v>0.73464937429405908</v>
      </c>
      <c r="BB1881">
        <v>0.47222222222222221</v>
      </c>
      <c r="BC1881">
        <v>4.0479018774311921</v>
      </c>
      <c r="BD1881" t="s">
        <v>7183</v>
      </c>
      <c r="BE1881" t="s">
        <v>68</v>
      </c>
    </row>
    <row r="1882" spans="1:57" x14ac:dyDescent="0.3">
      <c r="A1882" t="s">
        <v>7184</v>
      </c>
      <c r="B1882">
        <v>1387</v>
      </c>
      <c r="C1882" t="s">
        <v>7185</v>
      </c>
      <c r="D1882" t="s">
        <v>7186</v>
      </c>
      <c r="E1882" t="s">
        <v>66</v>
      </c>
      <c r="F1882">
        <v>71</v>
      </c>
      <c r="G1882">
        <v>125.830985915493</v>
      </c>
      <c r="H1882">
        <v>134</v>
      </c>
      <c r="I1882">
        <v>5610.5629835350128</v>
      </c>
      <c r="J1882">
        <v>74.903691387908339</v>
      </c>
      <c r="K1882">
        <v>-0.20838721419844269</v>
      </c>
      <c r="L1882">
        <v>-1.0986260530167491</v>
      </c>
      <c r="M1882">
        <v>5.885593774403783</v>
      </c>
      <c r="N1882">
        <v>3</v>
      </c>
      <c r="O1882">
        <v>1</v>
      </c>
      <c r="P1882">
        <v>2</v>
      </c>
      <c r="Q1882">
        <v>0.39540808619778262</v>
      </c>
      <c r="R1882">
        <v>4.079582730649153</v>
      </c>
      <c r="S1882">
        <v>1</v>
      </c>
      <c r="T1882">
        <v>1</v>
      </c>
      <c r="U1882">
        <v>0</v>
      </c>
      <c r="V1882">
        <v>0</v>
      </c>
      <c r="W1882">
        <v>4.2484952420493576</v>
      </c>
      <c r="X1882">
        <v>1</v>
      </c>
      <c r="Y1882">
        <v>1</v>
      </c>
      <c r="Z1882">
        <v>0</v>
      </c>
      <c r="AA1882">
        <v>0</v>
      </c>
      <c r="AB1882">
        <v>4.2341065045972579</v>
      </c>
      <c r="AC1882">
        <v>1</v>
      </c>
      <c r="AD1882">
        <v>1</v>
      </c>
      <c r="AE1882">
        <v>0</v>
      </c>
      <c r="AF1882">
        <v>0</v>
      </c>
      <c r="AG1882">
        <v>4.2195077051761087</v>
      </c>
      <c r="AH1882">
        <v>0.11374695970614369</v>
      </c>
      <c r="AI1882">
        <v>-3.2952942233329133E-2</v>
      </c>
      <c r="AJ1882">
        <v>-9.4090271427782094E-5</v>
      </c>
      <c r="AK1882">
        <v>8.1726342351019929E-2</v>
      </c>
      <c r="AL1882">
        <v>679.95501822206222</v>
      </c>
      <c r="AM1882">
        <v>1029.6529382246399</v>
      </c>
      <c r="AN1882">
        <v>8934</v>
      </c>
      <c r="AO1882">
        <v>16.474945526996532</v>
      </c>
      <c r="AP1882">
        <v>510.03651454555001</v>
      </c>
      <c r="AQ1882">
        <v>1.323943661971831</v>
      </c>
      <c r="AR1882">
        <v>3.901408450704225</v>
      </c>
      <c r="AS1882">
        <v>71</v>
      </c>
      <c r="AT1882">
        <v>8.4647887323943607</v>
      </c>
      <c r="AU1882">
        <v>8.9663968060330501E-2</v>
      </c>
      <c r="AV1882">
        <v>0.114690318956903</v>
      </c>
      <c r="AW1882">
        <v>0.30985915492957739</v>
      </c>
      <c r="AX1882">
        <v>81.971428571428575</v>
      </c>
      <c r="AY1882">
        <v>58</v>
      </c>
      <c r="AZ1882">
        <v>117.5</v>
      </c>
      <c r="BA1882">
        <v>0.59527222840177885</v>
      </c>
      <c r="BB1882">
        <v>0.53521126760563376</v>
      </c>
      <c r="BC1882">
        <v>3.995894833178391</v>
      </c>
      <c r="BD1882" t="s">
        <v>7187</v>
      </c>
      <c r="BE1882" t="s">
        <v>68</v>
      </c>
    </row>
    <row r="1883" spans="1:57" x14ac:dyDescent="0.3">
      <c r="A1883" t="s">
        <v>7188</v>
      </c>
      <c r="B1883">
        <v>2234</v>
      </c>
      <c r="C1883" t="s">
        <v>7189</v>
      </c>
      <c r="D1883" t="s">
        <v>7190</v>
      </c>
      <c r="E1883" t="s">
        <v>98</v>
      </c>
      <c r="F1883">
        <v>16</v>
      </c>
      <c r="G1883">
        <v>149</v>
      </c>
      <c r="H1883">
        <v>158</v>
      </c>
      <c r="I1883">
        <v>5616</v>
      </c>
      <c r="J1883">
        <v>74.939975980780773</v>
      </c>
      <c r="K1883">
        <v>-0.3797305442230991</v>
      </c>
      <c r="L1883">
        <v>-0.65963675784388931</v>
      </c>
      <c r="M1883">
        <v>3.875</v>
      </c>
      <c r="N1883">
        <v>2</v>
      </c>
      <c r="O1883">
        <v>1</v>
      </c>
      <c r="P1883">
        <v>1</v>
      </c>
      <c r="Q1883">
        <v>0.24944382578492949</v>
      </c>
      <c r="R1883">
        <v>2.6859453246697882</v>
      </c>
      <c r="S1883">
        <v>1</v>
      </c>
      <c r="T1883">
        <v>1</v>
      </c>
      <c r="U1883">
        <v>0</v>
      </c>
      <c r="V1883">
        <v>0</v>
      </c>
      <c r="W1883">
        <v>2.7080502011022101</v>
      </c>
      <c r="X1883">
        <v>1</v>
      </c>
      <c r="Y1883">
        <v>1</v>
      </c>
      <c r="Z1883">
        <v>0</v>
      </c>
      <c r="AA1883">
        <v>0</v>
      </c>
      <c r="AB1883">
        <v>2.639057329615258</v>
      </c>
      <c r="AC1883">
        <v>1</v>
      </c>
      <c r="AD1883">
        <v>1</v>
      </c>
      <c r="AE1883">
        <v>0</v>
      </c>
      <c r="AF1883">
        <v>0</v>
      </c>
      <c r="AG1883">
        <v>2.5649493574615372</v>
      </c>
      <c r="AH1883">
        <v>-0.57246038105413111</v>
      </c>
      <c r="AI1883">
        <v>0.47992343304843299</v>
      </c>
      <c r="AJ1883">
        <v>1.029424857549857E-2</v>
      </c>
      <c r="AK1883">
        <v>7.2872150997150997E-2</v>
      </c>
      <c r="AL1883">
        <v>390.19719616156868</v>
      </c>
      <c r="AM1883">
        <v>541.12673941291268</v>
      </c>
      <c r="AN1883">
        <v>2384</v>
      </c>
      <c r="AO1883">
        <v>82.401382592529941</v>
      </c>
      <c r="AP1883">
        <v>216.74076299469351</v>
      </c>
      <c r="AQ1883">
        <v>2.3125</v>
      </c>
      <c r="AR1883">
        <v>4.5</v>
      </c>
      <c r="AS1883">
        <v>16</v>
      </c>
      <c r="AT1883">
        <v>0.87499999999999989</v>
      </c>
      <c r="AU1883">
        <v>0.21013779527559059</v>
      </c>
      <c r="AV1883">
        <v>-0.57621492725574974</v>
      </c>
      <c r="AW1883">
        <v>0.25</v>
      </c>
      <c r="AX1883">
        <v>107.5333333333333</v>
      </c>
      <c r="AY1883">
        <v>53.5</v>
      </c>
      <c r="AZ1883">
        <v>91.25</v>
      </c>
      <c r="BA1883">
        <v>0.50295285893141461</v>
      </c>
      <c r="BB1883">
        <v>0.5</v>
      </c>
      <c r="BC1883">
        <v>2.615630577027551</v>
      </c>
      <c r="BD1883" t="s">
        <v>7189</v>
      </c>
      <c r="BE1883" t="s">
        <v>62</v>
      </c>
    </row>
    <row r="1884" spans="1:57" x14ac:dyDescent="0.3">
      <c r="A1884" t="s">
        <v>7191</v>
      </c>
      <c r="B1884">
        <v>3669</v>
      </c>
      <c r="C1884" t="s">
        <v>7192</v>
      </c>
      <c r="D1884" t="s">
        <v>7193</v>
      </c>
      <c r="E1884" t="s">
        <v>10622</v>
      </c>
      <c r="F1884">
        <v>64</v>
      </c>
      <c r="G1884">
        <v>129.953125</v>
      </c>
      <c r="H1884">
        <v>114</v>
      </c>
      <c r="I1884">
        <v>5034.919677734375</v>
      </c>
      <c r="J1884">
        <v>70.957167909481669</v>
      </c>
      <c r="K1884">
        <v>0.11582724649430599</v>
      </c>
      <c r="L1884">
        <v>-1.1390053902690329</v>
      </c>
      <c r="M1884">
        <v>5.75</v>
      </c>
      <c r="N1884">
        <v>2</v>
      </c>
      <c r="O1884">
        <v>1</v>
      </c>
      <c r="P1884">
        <v>1</v>
      </c>
      <c r="Q1884">
        <v>0.3499271061118826</v>
      </c>
      <c r="R1884">
        <v>3.985596288219686</v>
      </c>
      <c r="S1884">
        <v>1</v>
      </c>
      <c r="T1884">
        <v>1</v>
      </c>
      <c r="U1884">
        <v>0</v>
      </c>
      <c r="V1884">
        <v>0</v>
      </c>
      <c r="W1884">
        <v>4.1431347263915326</v>
      </c>
      <c r="X1884">
        <v>1</v>
      </c>
      <c r="Y1884">
        <v>1</v>
      </c>
      <c r="Z1884">
        <v>0</v>
      </c>
      <c r="AA1884">
        <v>0</v>
      </c>
      <c r="AB1884">
        <v>4.1271343850450908</v>
      </c>
      <c r="AC1884">
        <v>1</v>
      </c>
      <c r="AD1884">
        <v>1</v>
      </c>
      <c r="AE1884">
        <v>0</v>
      </c>
      <c r="AF1884">
        <v>0</v>
      </c>
      <c r="AG1884">
        <v>4.1108738641733096</v>
      </c>
      <c r="AH1884">
        <v>4.390129944405359E-2</v>
      </c>
      <c r="AI1884">
        <v>-0.10001877421655429</v>
      </c>
      <c r="AJ1884">
        <v>8.328525020764406E-2</v>
      </c>
      <c r="AK1884">
        <v>-2.124083536750733E-2</v>
      </c>
      <c r="AL1884">
        <v>643.84866182053099</v>
      </c>
      <c r="AM1884">
        <v>994.24036363040068</v>
      </c>
      <c r="AN1884">
        <v>8317</v>
      </c>
      <c r="AO1884">
        <v>163.5637805992524</v>
      </c>
      <c r="AP1884">
        <v>521.43690971831177</v>
      </c>
      <c r="AQ1884">
        <v>1.359375</v>
      </c>
      <c r="AR1884">
        <v>3.9375</v>
      </c>
      <c r="AS1884">
        <v>63</v>
      </c>
      <c r="AT1884">
        <v>6</v>
      </c>
      <c r="AU1884">
        <v>9.0747549019607854E-2</v>
      </c>
      <c r="AV1884">
        <v>4.3974834684486437E-2</v>
      </c>
      <c r="AW1884">
        <v>0.453125</v>
      </c>
      <c r="AX1884">
        <v>80.206349206349202</v>
      </c>
      <c r="AY1884">
        <v>51.5</v>
      </c>
      <c r="AZ1884">
        <v>114</v>
      </c>
      <c r="BA1884">
        <v>0.54602125119716571</v>
      </c>
      <c r="BB1884">
        <v>0.46875</v>
      </c>
      <c r="BC1884">
        <v>4.055116036796619</v>
      </c>
      <c r="BD1884" t="s">
        <v>7194</v>
      </c>
      <c r="BE1884" t="s">
        <v>62</v>
      </c>
    </row>
    <row r="1885" spans="1:57" x14ac:dyDescent="0.3">
      <c r="A1885" t="s">
        <v>7195</v>
      </c>
      <c r="B1885">
        <v>3535</v>
      </c>
      <c r="C1885" t="s">
        <v>7196</v>
      </c>
      <c r="D1885" t="s">
        <v>7197</v>
      </c>
      <c r="E1885" t="s">
        <v>98</v>
      </c>
      <c r="F1885">
        <v>16</v>
      </c>
      <c r="G1885">
        <v>122.0625</v>
      </c>
      <c r="H1885">
        <v>110.5</v>
      </c>
      <c r="I1885">
        <v>8451.05859375</v>
      </c>
      <c r="J1885">
        <v>91.929639364842501</v>
      </c>
      <c r="K1885">
        <v>5.274194586043468E-2</v>
      </c>
      <c r="L1885">
        <v>-1.564478204967368</v>
      </c>
      <c r="M1885">
        <v>4</v>
      </c>
      <c r="N1885">
        <v>1</v>
      </c>
      <c r="O1885">
        <v>1</v>
      </c>
      <c r="P1885">
        <v>0</v>
      </c>
      <c r="Q1885">
        <v>0</v>
      </c>
      <c r="R1885">
        <v>2.7725887222397811</v>
      </c>
      <c r="S1885">
        <v>1</v>
      </c>
      <c r="T1885">
        <v>1</v>
      </c>
      <c r="U1885">
        <v>0</v>
      </c>
      <c r="V1885">
        <v>0</v>
      </c>
      <c r="W1885">
        <v>2.7080502011022101</v>
      </c>
      <c r="X1885">
        <v>1</v>
      </c>
      <c r="Y1885">
        <v>1</v>
      </c>
      <c r="Z1885">
        <v>0</v>
      </c>
      <c r="AA1885">
        <v>0</v>
      </c>
      <c r="AB1885">
        <v>2.639057329615258</v>
      </c>
      <c r="AC1885">
        <v>1</v>
      </c>
      <c r="AD1885">
        <v>1</v>
      </c>
      <c r="AE1885">
        <v>0</v>
      </c>
      <c r="AF1885">
        <v>0</v>
      </c>
      <c r="AG1885">
        <v>2.5649493574615372</v>
      </c>
      <c r="AH1885">
        <v>-0.3052835293378095</v>
      </c>
      <c r="AI1885">
        <v>-2.1191467322649579E-2</v>
      </c>
      <c r="AJ1885">
        <v>-0.16800008527962701</v>
      </c>
      <c r="AK1885">
        <v>3.5630417509640758E-2</v>
      </c>
      <c r="AL1885">
        <v>430.4782081187987</v>
      </c>
      <c r="AM1885">
        <v>433.92800363058882</v>
      </c>
      <c r="AN1885">
        <v>1953</v>
      </c>
      <c r="AO1885">
        <v>33.577146629861922</v>
      </c>
      <c r="AP1885">
        <v>327.29417448495639</v>
      </c>
      <c r="AQ1885">
        <v>2.3125</v>
      </c>
      <c r="AR1885">
        <v>3.5625</v>
      </c>
      <c r="AS1885">
        <v>16</v>
      </c>
      <c r="AT1885">
        <v>0</v>
      </c>
      <c r="AU1885">
        <v>0.189484126984127</v>
      </c>
      <c r="AV1885">
        <v>-0.30683306555825463</v>
      </c>
      <c r="AW1885">
        <v>0.25</v>
      </c>
      <c r="AX1885">
        <v>132.33333333333329</v>
      </c>
      <c r="AY1885">
        <v>91.5</v>
      </c>
      <c r="AZ1885">
        <v>180.25</v>
      </c>
      <c r="BA1885">
        <v>0.75313580636839739</v>
      </c>
      <c r="BB1885">
        <v>0.5</v>
      </c>
      <c r="BC1885">
        <v>2.7080502011022101</v>
      </c>
      <c r="BD1885" t="s">
        <v>7196</v>
      </c>
      <c r="BE1885" t="s">
        <v>62</v>
      </c>
    </row>
    <row r="1886" spans="1:57" x14ac:dyDescent="0.3">
      <c r="A1886" t="s">
        <v>7198</v>
      </c>
      <c r="B1886">
        <v>3056</v>
      </c>
      <c r="C1886" t="s">
        <v>7199</v>
      </c>
      <c r="D1886" t="s">
        <v>7200</v>
      </c>
      <c r="E1886" t="s">
        <v>85</v>
      </c>
      <c r="F1886">
        <v>8</v>
      </c>
      <c r="G1886">
        <v>130.875</v>
      </c>
      <c r="H1886">
        <v>114.5</v>
      </c>
      <c r="I1886">
        <v>6433.609375</v>
      </c>
      <c r="J1886">
        <v>80.209783536673385</v>
      </c>
      <c r="K1886">
        <v>0.27875343423269311</v>
      </c>
      <c r="L1886">
        <v>-1.5338708416691269</v>
      </c>
      <c r="M1886">
        <v>3</v>
      </c>
      <c r="N1886">
        <v>1</v>
      </c>
      <c r="O1886">
        <v>1</v>
      </c>
      <c r="P1886">
        <v>0</v>
      </c>
      <c r="Q1886">
        <v>0</v>
      </c>
      <c r="R1886">
        <v>2.0794415416798362</v>
      </c>
      <c r="S1886">
        <v>1</v>
      </c>
      <c r="T1886">
        <v>1</v>
      </c>
      <c r="U1886">
        <v>0</v>
      </c>
      <c r="V1886">
        <v>0</v>
      </c>
      <c r="W1886">
        <v>1.945910149055313</v>
      </c>
      <c r="X1886">
        <v>1</v>
      </c>
      <c r="Y1886">
        <v>1</v>
      </c>
      <c r="Z1886">
        <v>0</v>
      </c>
      <c r="AA1886">
        <v>0</v>
      </c>
      <c r="AB1886">
        <v>1.791759469228055</v>
      </c>
      <c r="AC1886">
        <v>1</v>
      </c>
      <c r="AD1886">
        <v>1</v>
      </c>
      <c r="AE1886">
        <v>0</v>
      </c>
      <c r="AF1886">
        <v>0</v>
      </c>
      <c r="AG1886">
        <v>1.6094379124341009</v>
      </c>
      <c r="AH1886">
        <v>-0.45235864636637191</v>
      </c>
      <c r="AI1886">
        <v>0.22020286532394581</v>
      </c>
      <c r="AJ1886">
        <v>0.180996221017071</v>
      </c>
      <c r="AK1886">
        <v>0</v>
      </c>
      <c r="AL1886">
        <v>323.63236388722521</v>
      </c>
      <c r="AM1886">
        <v>289.40817722512031</v>
      </c>
      <c r="AN1886">
        <v>1047</v>
      </c>
      <c r="AO1886">
        <v>129.20139318134309</v>
      </c>
      <c r="AP1886">
        <v>209.3906481891529</v>
      </c>
      <c r="AQ1886">
        <v>3.5</v>
      </c>
      <c r="AR1886">
        <v>4.375</v>
      </c>
      <c r="AS1886">
        <v>8</v>
      </c>
      <c r="AT1886">
        <v>0</v>
      </c>
      <c r="AU1886">
        <v>0.3110236220472441</v>
      </c>
      <c r="AV1886">
        <v>-0.50799368731677552</v>
      </c>
      <c r="AW1886">
        <v>0.5</v>
      </c>
      <c r="AX1886">
        <v>120.8571428571429</v>
      </c>
      <c r="AY1886">
        <v>70.5</v>
      </c>
      <c r="AZ1886">
        <v>148.5</v>
      </c>
      <c r="BA1886">
        <v>0.61287322664124844</v>
      </c>
      <c r="BB1886">
        <v>0.5</v>
      </c>
      <c r="BC1886">
        <v>1.945910149055313</v>
      </c>
      <c r="BD1886" t="s">
        <v>7199</v>
      </c>
      <c r="BE1886" t="s">
        <v>68</v>
      </c>
    </row>
    <row r="1887" spans="1:57" x14ac:dyDescent="0.3">
      <c r="A1887" t="s">
        <v>7201</v>
      </c>
      <c r="B1887">
        <v>3814</v>
      </c>
      <c r="C1887" t="s">
        <v>7202</v>
      </c>
      <c r="D1887" t="s">
        <v>7203</v>
      </c>
      <c r="E1887" t="s">
        <v>93</v>
      </c>
      <c r="F1887">
        <v>3814</v>
      </c>
      <c r="G1887">
        <v>127.4276350288411</v>
      </c>
      <c r="H1887">
        <v>127</v>
      </c>
      <c r="I1887">
        <v>5472.2888115542628</v>
      </c>
      <c r="J1887">
        <v>73.974920152402078</v>
      </c>
      <c r="K1887">
        <v>2.097901053440634E-3</v>
      </c>
      <c r="L1887">
        <v>-1.21521574029325</v>
      </c>
      <c r="M1887">
        <v>7.9531786336404346</v>
      </c>
      <c r="N1887">
        <v>26</v>
      </c>
      <c r="O1887">
        <v>6</v>
      </c>
      <c r="P1887">
        <v>20</v>
      </c>
      <c r="Q1887">
        <v>3.7807899384379651</v>
      </c>
      <c r="R1887">
        <v>5.5127233463974807</v>
      </c>
      <c r="S1887">
        <v>3</v>
      </c>
      <c r="T1887">
        <v>1</v>
      </c>
      <c r="U1887">
        <v>2</v>
      </c>
      <c r="V1887">
        <v>0.17363282081614839</v>
      </c>
      <c r="W1887">
        <v>8.2049508646175084</v>
      </c>
      <c r="X1887">
        <v>1</v>
      </c>
      <c r="Y1887">
        <v>1</v>
      </c>
      <c r="Z1887">
        <v>0</v>
      </c>
      <c r="AA1887">
        <v>0</v>
      </c>
      <c r="AB1887">
        <v>8.2459092647740952</v>
      </c>
      <c r="AC1887">
        <v>1</v>
      </c>
      <c r="AD1887">
        <v>1</v>
      </c>
      <c r="AE1887">
        <v>0</v>
      </c>
      <c r="AF1887">
        <v>0</v>
      </c>
      <c r="AG1887">
        <v>8.245646900873858</v>
      </c>
      <c r="AH1887">
        <v>-3.8339248707401477E-2</v>
      </c>
      <c r="AI1887">
        <v>2.7824170498575631E-3</v>
      </c>
      <c r="AJ1887">
        <v>-1.6727419495282611E-3</v>
      </c>
      <c r="AK1887">
        <v>7.0097697298908334E-3</v>
      </c>
      <c r="AL1887">
        <v>4150.4651647960063</v>
      </c>
      <c r="AM1887">
        <v>8097.8963883106608</v>
      </c>
      <c r="AN1887">
        <v>486008.99999999988</v>
      </c>
      <c r="AO1887">
        <v>74.192300126599491</v>
      </c>
      <c r="AP1887">
        <v>3688.3796180100712</v>
      </c>
      <c r="AQ1887">
        <v>1.006030414263241</v>
      </c>
      <c r="AR1887">
        <v>4.0159937073938119</v>
      </c>
      <c r="AS1887">
        <v>3803</v>
      </c>
      <c r="AT1887">
        <v>245.62034609334029</v>
      </c>
      <c r="AU1887">
        <v>9.2630864616428665E-3</v>
      </c>
      <c r="AV1887">
        <v>-3.8340855428488002E-2</v>
      </c>
      <c r="AW1887">
        <v>0.37231253277399062</v>
      </c>
      <c r="AX1887">
        <v>87.619722003671654</v>
      </c>
      <c r="AY1887">
        <v>64</v>
      </c>
      <c r="AZ1887">
        <v>128</v>
      </c>
      <c r="BA1887">
        <v>0.5805249397876614</v>
      </c>
      <c r="BB1887">
        <v>0.49921342422653381</v>
      </c>
      <c r="BC1887">
        <v>5.3384855488295102</v>
      </c>
      <c r="BD1887" t="s">
        <v>7204</v>
      </c>
      <c r="BE1887" t="s">
        <v>68</v>
      </c>
    </row>
    <row r="1888" spans="1:57" x14ac:dyDescent="0.3">
      <c r="A1888" t="s">
        <v>7205</v>
      </c>
      <c r="B1888">
        <v>152</v>
      </c>
      <c r="C1888" t="s">
        <v>7206</v>
      </c>
      <c r="D1888" t="s">
        <v>7207</v>
      </c>
      <c r="E1888" t="s">
        <v>60</v>
      </c>
      <c r="F1888">
        <v>256</v>
      </c>
      <c r="G1888">
        <v>123.515625</v>
      </c>
      <c r="H1888">
        <v>117</v>
      </c>
      <c r="I1888">
        <v>5308.163818359375</v>
      </c>
      <c r="J1888">
        <v>72.857146652606261</v>
      </c>
      <c r="K1888">
        <v>9.6279855610699447E-2</v>
      </c>
      <c r="L1888">
        <v>-1.158966604544617</v>
      </c>
      <c r="M1888">
        <v>7.1931929942135726</v>
      </c>
      <c r="N1888">
        <v>5</v>
      </c>
      <c r="O1888">
        <v>1</v>
      </c>
      <c r="P1888">
        <v>4</v>
      </c>
      <c r="Q1888">
        <v>0.78302014918463736</v>
      </c>
      <c r="R1888">
        <v>4.9859414431626883</v>
      </c>
      <c r="S1888">
        <v>1</v>
      </c>
      <c r="T1888">
        <v>1</v>
      </c>
      <c r="U1888">
        <v>0</v>
      </c>
      <c r="V1888">
        <v>0</v>
      </c>
      <c r="W1888">
        <v>5.541263545158424</v>
      </c>
      <c r="X1888">
        <v>1</v>
      </c>
      <c r="Y1888">
        <v>1</v>
      </c>
      <c r="Z1888">
        <v>0</v>
      </c>
      <c r="AA1888">
        <v>0</v>
      </c>
      <c r="AB1888">
        <v>5.5373342670185366</v>
      </c>
      <c r="AC1888">
        <v>1</v>
      </c>
      <c r="AD1888">
        <v>1</v>
      </c>
      <c r="AE1888">
        <v>0</v>
      </c>
      <c r="AF1888">
        <v>0</v>
      </c>
      <c r="AG1888">
        <v>5.5333894887275203</v>
      </c>
      <c r="AH1888">
        <v>3.9528449489206238E-2</v>
      </c>
      <c r="AI1888">
        <v>6.384340141728273E-2</v>
      </c>
      <c r="AJ1888">
        <v>-0.12797521771015621</v>
      </c>
      <c r="AK1888">
        <v>3.8927371322590103E-2</v>
      </c>
      <c r="AL1888">
        <v>1149.733449242797</v>
      </c>
      <c r="AM1888">
        <v>1985.5898357143799</v>
      </c>
      <c r="AN1888">
        <v>31620</v>
      </c>
      <c r="AO1888">
        <v>46.415839338257094</v>
      </c>
      <c r="AP1888">
        <v>949.50680568460393</v>
      </c>
      <c r="AQ1888">
        <v>1.08984375</v>
      </c>
      <c r="AR1888">
        <v>4.0390625</v>
      </c>
      <c r="AS1888">
        <v>254</v>
      </c>
      <c r="AT1888">
        <v>63.6328125</v>
      </c>
      <c r="AU1888">
        <v>5.4995078740157473E-2</v>
      </c>
      <c r="AV1888">
        <v>3.9718344089173498E-2</v>
      </c>
      <c r="AW1888">
        <v>0.42578125</v>
      </c>
      <c r="AX1888">
        <v>82.850980392156856</v>
      </c>
      <c r="AY1888">
        <v>62.5</v>
      </c>
      <c r="AZ1888">
        <v>129.75</v>
      </c>
      <c r="BA1888">
        <v>0.58986178188068317</v>
      </c>
      <c r="BB1888">
        <v>0.47265625</v>
      </c>
      <c r="BC1888">
        <v>4.7874707446819391</v>
      </c>
      <c r="BD1888" t="s">
        <v>7208</v>
      </c>
      <c r="BE1888" t="s">
        <v>62</v>
      </c>
    </row>
    <row r="1889" spans="1:57" x14ac:dyDescent="0.3">
      <c r="A1889" t="s">
        <v>7209</v>
      </c>
      <c r="B1889">
        <v>3136</v>
      </c>
      <c r="C1889" t="s">
        <v>7210</v>
      </c>
      <c r="D1889" t="s">
        <v>7211</v>
      </c>
      <c r="E1889" t="s">
        <v>85</v>
      </c>
      <c r="F1889">
        <v>8</v>
      </c>
      <c r="G1889">
        <v>131.5</v>
      </c>
      <c r="H1889">
        <v>128</v>
      </c>
      <c r="I1889">
        <v>3137.75</v>
      </c>
      <c r="J1889">
        <v>56.01562282078099</v>
      </c>
      <c r="K1889">
        <v>-0.1936243465891993</v>
      </c>
      <c r="L1889">
        <v>-0.86349955903918074</v>
      </c>
      <c r="M1889">
        <v>3</v>
      </c>
      <c r="N1889">
        <v>1</v>
      </c>
      <c r="O1889">
        <v>1</v>
      </c>
      <c r="P1889">
        <v>0</v>
      </c>
      <c r="Q1889">
        <v>0</v>
      </c>
      <c r="R1889">
        <v>2.0794415416798362</v>
      </c>
      <c r="S1889">
        <v>1</v>
      </c>
      <c r="T1889">
        <v>1</v>
      </c>
      <c r="U1889">
        <v>0</v>
      </c>
      <c r="V1889">
        <v>0</v>
      </c>
      <c r="W1889">
        <v>1.945910149055313</v>
      </c>
      <c r="X1889">
        <v>1</v>
      </c>
      <c r="Y1889">
        <v>1</v>
      </c>
      <c r="Z1889">
        <v>0</v>
      </c>
      <c r="AA1889">
        <v>0</v>
      </c>
      <c r="AB1889">
        <v>1.791759469228055</v>
      </c>
      <c r="AC1889">
        <v>1</v>
      </c>
      <c r="AD1889">
        <v>1</v>
      </c>
      <c r="AE1889">
        <v>0</v>
      </c>
      <c r="AF1889">
        <v>0</v>
      </c>
      <c r="AG1889">
        <v>1.6094379124341009</v>
      </c>
      <c r="AH1889">
        <v>9.4464584495259338E-2</v>
      </c>
      <c r="AI1889">
        <v>-0.54453828380208746</v>
      </c>
      <c r="AJ1889">
        <v>5.8053143175842557E-2</v>
      </c>
      <c r="AK1889">
        <v>0</v>
      </c>
      <c r="AL1889">
        <v>242.82704718886919</v>
      </c>
      <c r="AM1889">
        <v>323.22596608802132</v>
      </c>
      <c r="AN1889">
        <v>1052</v>
      </c>
      <c r="AO1889">
        <v>14</v>
      </c>
      <c r="AP1889">
        <v>75.385259171487547</v>
      </c>
      <c r="AQ1889">
        <v>3.5</v>
      </c>
      <c r="AR1889">
        <v>4</v>
      </c>
      <c r="AS1889">
        <v>8</v>
      </c>
      <c r="AT1889">
        <v>0</v>
      </c>
      <c r="AU1889">
        <v>0.17267441860465119</v>
      </c>
      <c r="AV1889">
        <v>0.14588802283350419</v>
      </c>
      <c r="AW1889">
        <v>0.375</v>
      </c>
      <c r="AX1889">
        <v>63</v>
      </c>
      <c r="AY1889">
        <v>33.5</v>
      </c>
      <c r="AZ1889">
        <v>70</v>
      </c>
      <c r="BA1889">
        <v>0.4259743180287528</v>
      </c>
      <c r="BB1889">
        <v>0.5</v>
      </c>
      <c r="BC1889">
        <v>1.945910149055313</v>
      </c>
      <c r="BD1889" t="s">
        <v>7210</v>
      </c>
      <c r="BE1889" t="s">
        <v>68</v>
      </c>
    </row>
    <row r="1890" spans="1:57" x14ac:dyDescent="0.3">
      <c r="A1890" t="s">
        <v>7212</v>
      </c>
      <c r="B1890">
        <v>3171</v>
      </c>
      <c r="C1890" t="s">
        <v>7213</v>
      </c>
      <c r="D1890" t="s">
        <v>7214</v>
      </c>
      <c r="E1890" t="s">
        <v>66</v>
      </c>
      <c r="F1890">
        <v>70</v>
      </c>
      <c r="G1890">
        <v>123.2</v>
      </c>
      <c r="H1890">
        <v>122</v>
      </c>
      <c r="I1890">
        <v>6182.988571428571</v>
      </c>
      <c r="J1890">
        <v>78.631981861253962</v>
      </c>
      <c r="K1890">
        <v>4.8790034157174082E-2</v>
      </c>
      <c r="L1890">
        <v>-1.256540282582697</v>
      </c>
      <c r="M1890">
        <v>5.764857659740299</v>
      </c>
      <c r="N1890">
        <v>3</v>
      </c>
      <c r="O1890">
        <v>1</v>
      </c>
      <c r="P1890">
        <v>2</v>
      </c>
      <c r="Q1890">
        <v>0.48275862068965519</v>
      </c>
      <c r="R1890">
        <v>3.995894833178391</v>
      </c>
      <c r="S1890">
        <v>2</v>
      </c>
      <c r="T1890">
        <v>1</v>
      </c>
      <c r="U1890">
        <v>1</v>
      </c>
      <c r="V1890">
        <v>0.1203728348804772</v>
      </c>
      <c r="W1890">
        <v>4.2140152819723324</v>
      </c>
      <c r="X1890">
        <v>1</v>
      </c>
      <c r="Y1890">
        <v>1</v>
      </c>
      <c r="Z1890">
        <v>0</v>
      </c>
      <c r="AA1890">
        <v>0</v>
      </c>
      <c r="AB1890">
        <v>4.2195077051761087</v>
      </c>
      <c r="AC1890">
        <v>1</v>
      </c>
      <c r="AD1890">
        <v>1</v>
      </c>
      <c r="AE1890">
        <v>0</v>
      </c>
      <c r="AF1890">
        <v>0</v>
      </c>
      <c r="AG1890">
        <v>4.2046926193909648</v>
      </c>
      <c r="AH1890">
        <v>3.5468654548008703E-2</v>
      </c>
      <c r="AI1890">
        <v>0.19771141648560139</v>
      </c>
      <c r="AJ1890">
        <v>-5.7014499691781052E-2</v>
      </c>
      <c r="AK1890">
        <v>0.21142803803616009</v>
      </c>
      <c r="AL1890">
        <v>707.06191545113597</v>
      </c>
      <c r="AM1890">
        <v>997.67201410011035</v>
      </c>
      <c r="AN1890">
        <v>8624</v>
      </c>
      <c r="AO1890">
        <v>156.52794446355281</v>
      </c>
      <c r="AP1890">
        <v>511.93050320007188</v>
      </c>
      <c r="AQ1890">
        <v>1.328571428571429</v>
      </c>
      <c r="AR1890">
        <v>3.8142857142857149</v>
      </c>
      <c r="AS1890">
        <v>70</v>
      </c>
      <c r="AT1890">
        <v>11.2</v>
      </c>
      <c r="AU1890">
        <v>8.3608423449060942E-2</v>
      </c>
      <c r="AV1890">
        <v>3.5671947669719893E-2</v>
      </c>
      <c r="AW1890">
        <v>0.34285714285714292</v>
      </c>
      <c r="AX1890">
        <v>88.478260869565219</v>
      </c>
      <c r="AY1890">
        <v>66</v>
      </c>
      <c r="AZ1890">
        <v>132</v>
      </c>
      <c r="BA1890">
        <v>0.63824660601667171</v>
      </c>
      <c r="BB1890">
        <v>0.5</v>
      </c>
      <c r="BC1890">
        <v>4.0457021945415574</v>
      </c>
      <c r="BD1890" t="s">
        <v>7215</v>
      </c>
      <c r="BE1890" t="s">
        <v>68</v>
      </c>
    </row>
    <row r="1891" spans="1:57" x14ac:dyDescent="0.3">
      <c r="A1891" t="s">
        <v>7216</v>
      </c>
      <c r="B1891">
        <v>2702</v>
      </c>
      <c r="C1891" t="s">
        <v>7217</v>
      </c>
      <c r="D1891" t="s">
        <v>7218</v>
      </c>
      <c r="E1891" t="s">
        <v>85</v>
      </c>
      <c r="F1891">
        <v>8</v>
      </c>
      <c r="G1891">
        <v>94.875</v>
      </c>
      <c r="H1891">
        <v>82</v>
      </c>
      <c r="I1891">
        <v>5044.609375</v>
      </c>
      <c r="J1891">
        <v>71.025413585561054</v>
      </c>
      <c r="K1891">
        <v>0.25432530914068641</v>
      </c>
      <c r="L1891">
        <v>-1.390433483964947</v>
      </c>
      <c r="M1891">
        <v>3</v>
      </c>
      <c r="N1891">
        <v>1</v>
      </c>
      <c r="O1891">
        <v>1</v>
      </c>
      <c r="P1891">
        <v>0</v>
      </c>
      <c r="Q1891">
        <v>0</v>
      </c>
      <c r="R1891">
        <v>2.0794415416798362</v>
      </c>
      <c r="S1891">
        <v>1</v>
      </c>
      <c r="T1891">
        <v>1</v>
      </c>
      <c r="U1891">
        <v>0</v>
      </c>
      <c r="V1891">
        <v>0</v>
      </c>
      <c r="W1891">
        <v>1.945910149055313</v>
      </c>
      <c r="X1891">
        <v>1</v>
      </c>
      <c r="Y1891">
        <v>1</v>
      </c>
      <c r="Z1891">
        <v>0</v>
      </c>
      <c r="AA1891">
        <v>0</v>
      </c>
      <c r="AB1891">
        <v>1.791759469228055</v>
      </c>
      <c r="AC1891">
        <v>1</v>
      </c>
      <c r="AD1891">
        <v>1</v>
      </c>
      <c r="AE1891">
        <v>0</v>
      </c>
      <c r="AF1891">
        <v>0</v>
      </c>
      <c r="AG1891">
        <v>1.6094379124341009</v>
      </c>
      <c r="AH1891">
        <v>0.37717822242183019</v>
      </c>
      <c r="AI1891">
        <v>-0.48801551780210928</v>
      </c>
      <c r="AJ1891">
        <v>0.2298969351566493</v>
      </c>
      <c r="AK1891">
        <v>0</v>
      </c>
      <c r="AL1891">
        <v>261.39860944396418</v>
      </c>
      <c r="AM1891">
        <v>209.85177383277431</v>
      </c>
      <c r="AN1891">
        <v>759</v>
      </c>
      <c r="AO1891">
        <v>43</v>
      </c>
      <c r="AP1891">
        <v>256.53264899423618</v>
      </c>
      <c r="AQ1891">
        <v>3.5</v>
      </c>
      <c r="AR1891">
        <v>3</v>
      </c>
      <c r="AS1891">
        <v>8</v>
      </c>
      <c r="AT1891">
        <v>0</v>
      </c>
      <c r="AU1891">
        <v>0.28773584905660382</v>
      </c>
      <c r="AV1891">
        <v>0.44306427508148022</v>
      </c>
      <c r="AW1891">
        <v>0.375</v>
      </c>
      <c r="AX1891">
        <v>65</v>
      </c>
      <c r="AY1891">
        <v>63.5</v>
      </c>
      <c r="AZ1891">
        <v>117.5</v>
      </c>
      <c r="BA1891">
        <v>0.74862096005861456</v>
      </c>
      <c r="BB1891">
        <v>0.5</v>
      </c>
      <c r="BC1891">
        <v>1.945910149055313</v>
      </c>
      <c r="BD1891" t="s">
        <v>7217</v>
      </c>
      <c r="BE1891" t="s">
        <v>68</v>
      </c>
    </row>
    <row r="1892" spans="1:57" x14ac:dyDescent="0.3">
      <c r="A1892" t="s">
        <v>7219</v>
      </c>
      <c r="B1892">
        <v>2143</v>
      </c>
      <c r="C1892" t="s">
        <v>7220</v>
      </c>
      <c r="D1892" t="s">
        <v>7221</v>
      </c>
      <c r="E1892" t="s">
        <v>128</v>
      </c>
      <c r="F1892">
        <v>32</v>
      </c>
      <c r="G1892">
        <v>115.4375</v>
      </c>
      <c r="H1892">
        <v>101.5</v>
      </c>
      <c r="I1892">
        <v>4144.68359375</v>
      </c>
      <c r="J1892">
        <v>64.379217094882407</v>
      </c>
      <c r="K1892">
        <v>0.29390607364306298</v>
      </c>
      <c r="L1892">
        <v>-1.048428431608895</v>
      </c>
      <c r="M1892">
        <v>5</v>
      </c>
      <c r="N1892">
        <v>1</v>
      </c>
      <c r="O1892">
        <v>1</v>
      </c>
      <c r="P1892">
        <v>0</v>
      </c>
      <c r="Q1892">
        <v>0</v>
      </c>
      <c r="R1892">
        <v>3.465735902799727</v>
      </c>
      <c r="S1892">
        <v>1</v>
      </c>
      <c r="T1892">
        <v>1</v>
      </c>
      <c r="U1892">
        <v>0</v>
      </c>
      <c r="V1892">
        <v>0</v>
      </c>
      <c r="W1892">
        <v>3.4339872044851458</v>
      </c>
      <c r="X1892">
        <v>1</v>
      </c>
      <c r="Y1892">
        <v>1</v>
      </c>
      <c r="Z1892">
        <v>0</v>
      </c>
      <c r="AA1892">
        <v>0</v>
      </c>
      <c r="AB1892">
        <v>3.401197381662155</v>
      </c>
      <c r="AC1892">
        <v>1</v>
      </c>
      <c r="AD1892">
        <v>1</v>
      </c>
      <c r="AE1892">
        <v>0</v>
      </c>
      <c r="AF1892">
        <v>0</v>
      </c>
      <c r="AG1892">
        <v>3.3672958299864728</v>
      </c>
      <c r="AH1892">
        <v>0.1220609880975157</v>
      </c>
      <c r="AI1892">
        <v>-0.1049434210241094</v>
      </c>
      <c r="AJ1892">
        <v>2.3142734385823711E-2</v>
      </c>
      <c r="AK1892">
        <v>-2.0208317036414309E-2</v>
      </c>
      <c r="AL1892">
        <v>435.8390863947688</v>
      </c>
      <c r="AM1892">
        <v>607.53624646647484</v>
      </c>
      <c r="AN1892">
        <v>3694</v>
      </c>
      <c r="AO1892">
        <v>60.049755103217933</v>
      </c>
      <c r="AP1892">
        <v>307.49969588279367</v>
      </c>
      <c r="AQ1892">
        <v>1.65625</v>
      </c>
      <c r="AR1892">
        <v>3.75</v>
      </c>
      <c r="AS1892">
        <v>32</v>
      </c>
      <c r="AT1892">
        <v>0</v>
      </c>
      <c r="AU1892">
        <v>0.18377659574468089</v>
      </c>
      <c r="AV1892">
        <v>0.1245998069093098</v>
      </c>
      <c r="AW1892">
        <v>0.46875</v>
      </c>
      <c r="AX1892">
        <v>68.838709677419359</v>
      </c>
      <c r="AY1892">
        <v>56</v>
      </c>
      <c r="AZ1892">
        <v>101</v>
      </c>
      <c r="BA1892">
        <v>0.55769760342074637</v>
      </c>
      <c r="BB1892">
        <v>0.4375</v>
      </c>
      <c r="BC1892">
        <v>3.3892680315457948</v>
      </c>
      <c r="BD1892" t="s">
        <v>7222</v>
      </c>
      <c r="BE1892" t="s">
        <v>62</v>
      </c>
    </row>
    <row r="1893" spans="1:57" x14ac:dyDescent="0.3">
      <c r="A1893" t="s">
        <v>7223</v>
      </c>
      <c r="B1893">
        <v>3084</v>
      </c>
      <c r="C1893" t="s">
        <v>7224</v>
      </c>
      <c r="D1893" t="s">
        <v>7225</v>
      </c>
      <c r="E1893" t="s">
        <v>98</v>
      </c>
      <c r="F1893">
        <v>16</v>
      </c>
      <c r="G1893">
        <v>137</v>
      </c>
      <c r="H1893">
        <v>125</v>
      </c>
      <c r="I1893">
        <v>4214.75</v>
      </c>
      <c r="J1893">
        <v>64.921105967166028</v>
      </c>
      <c r="K1893">
        <v>0.5406211394886552</v>
      </c>
      <c r="L1893">
        <v>-0.83772898570063736</v>
      </c>
      <c r="M1893">
        <v>3.75</v>
      </c>
      <c r="N1893">
        <v>2</v>
      </c>
      <c r="O1893">
        <v>1</v>
      </c>
      <c r="P1893">
        <v>1</v>
      </c>
      <c r="Q1893">
        <v>0.3499271061118826</v>
      </c>
      <c r="R1893">
        <v>2.5993019270997948</v>
      </c>
      <c r="S1893">
        <v>1</v>
      </c>
      <c r="T1893">
        <v>1</v>
      </c>
      <c r="U1893">
        <v>0</v>
      </c>
      <c r="V1893">
        <v>0</v>
      </c>
      <c r="W1893">
        <v>2.7080502011022101</v>
      </c>
      <c r="X1893">
        <v>1</v>
      </c>
      <c r="Y1893">
        <v>1</v>
      </c>
      <c r="Z1893">
        <v>0</v>
      </c>
      <c r="AA1893">
        <v>0</v>
      </c>
      <c r="AB1893">
        <v>2.639057329615258</v>
      </c>
      <c r="AC1893">
        <v>1</v>
      </c>
      <c r="AD1893">
        <v>1</v>
      </c>
      <c r="AE1893">
        <v>0</v>
      </c>
      <c r="AF1893">
        <v>0</v>
      </c>
      <c r="AG1893">
        <v>2.5649493574615372</v>
      </c>
      <c r="AH1893">
        <v>-0.28515926211519071</v>
      </c>
      <c r="AI1893">
        <v>0.1155021057002195</v>
      </c>
      <c r="AJ1893">
        <v>7.5034106412005461E-2</v>
      </c>
      <c r="AK1893">
        <v>-0.13538762678687941</v>
      </c>
      <c r="AL1893">
        <v>359.35667432922912</v>
      </c>
      <c r="AM1893">
        <v>488.469835931592</v>
      </c>
      <c r="AN1893">
        <v>2192</v>
      </c>
      <c r="AO1893">
        <v>37.646453545343029</v>
      </c>
      <c r="AP1893">
        <v>270.58396354543999</v>
      </c>
      <c r="AQ1893">
        <v>2.25</v>
      </c>
      <c r="AR1893">
        <v>3.9375</v>
      </c>
      <c r="AS1893">
        <v>16</v>
      </c>
      <c r="AT1893">
        <v>1.5</v>
      </c>
      <c r="AU1893">
        <v>0.30686274509803918</v>
      </c>
      <c r="AV1893">
        <v>-0.31276321585736572</v>
      </c>
      <c r="AW1893">
        <v>0.5</v>
      </c>
      <c r="AX1893">
        <v>86.86666666666666</v>
      </c>
      <c r="AY1893">
        <v>36</v>
      </c>
      <c r="AZ1893">
        <v>73.25</v>
      </c>
      <c r="BA1893">
        <v>0.47387668589172283</v>
      </c>
      <c r="BB1893">
        <v>0.4375</v>
      </c>
      <c r="BC1893">
        <v>2.7080502011022101</v>
      </c>
      <c r="BD1893" t="s">
        <v>7224</v>
      </c>
      <c r="BE1893" t="s">
        <v>62</v>
      </c>
    </row>
    <row r="1894" spans="1:57" x14ac:dyDescent="0.3">
      <c r="A1894" t="s">
        <v>7226</v>
      </c>
      <c r="B1894">
        <v>2010</v>
      </c>
      <c r="C1894" t="s">
        <v>7227</v>
      </c>
      <c r="D1894" t="s">
        <v>7228</v>
      </c>
      <c r="E1894" t="s">
        <v>93</v>
      </c>
      <c r="F1894">
        <v>2022</v>
      </c>
      <c r="G1894">
        <v>127.38921859545</v>
      </c>
      <c r="H1894">
        <v>130</v>
      </c>
      <c r="I1894">
        <v>5586.6709619017702</v>
      </c>
      <c r="J1894">
        <v>74.744036296561944</v>
      </c>
      <c r="K1894">
        <v>-2.3873607110994701E-2</v>
      </c>
      <c r="L1894">
        <v>-1.214144690270917</v>
      </c>
      <c r="M1894">
        <v>7.9015019879359878</v>
      </c>
      <c r="N1894">
        <v>18</v>
      </c>
      <c r="O1894">
        <v>1</v>
      </c>
      <c r="P1894">
        <v>17</v>
      </c>
      <c r="Q1894">
        <v>2.931083000973147</v>
      </c>
      <c r="R1894">
        <v>5.4769038251266364</v>
      </c>
      <c r="S1894">
        <v>2</v>
      </c>
      <c r="T1894">
        <v>1</v>
      </c>
      <c r="U1894">
        <v>1</v>
      </c>
      <c r="V1894">
        <v>0.1238354505285376</v>
      </c>
      <c r="W1894">
        <v>7.5900834298258344</v>
      </c>
      <c r="X1894">
        <v>1</v>
      </c>
      <c r="Y1894">
        <v>1</v>
      </c>
      <c r="Z1894">
        <v>0</v>
      </c>
      <c r="AA1894">
        <v>0</v>
      </c>
      <c r="AB1894">
        <v>7.610852790395251</v>
      </c>
      <c r="AC1894">
        <v>1</v>
      </c>
      <c r="AD1894">
        <v>1</v>
      </c>
      <c r="AE1894">
        <v>0</v>
      </c>
      <c r="AF1894">
        <v>0</v>
      </c>
      <c r="AG1894">
        <v>7.6103576183128387</v>
      </c>
      <c r="AH1894">
        <v>1.441329529255506E-2</v>
      </c>
      <c r="AI1894">
        <v>-9.6163356939124567E-4</v>
      </c>
      <c r="AJ1894">
        <v>1.814334508046433E-3</v>
      </c>
      <c r="AK1894">
        <v>4.8234279059792419E-2</v>
      </c>
      <c r="AL1894">
        <v>3099.9514520164239</v>
      </c>
      <c r="AM1894">
        <v>5873.6353304526192</v>
      </c>
      <c r="AN1894">
        <v>257581</v>
      </c>
      <c r="AO1894">
        <v>79.14965046841462</v>
      </c>
      <c r="AP1894">
        <v>2757.09507058483</v>
      </c>
      <c r="AQ1894">
        <v>1.0113748763600401</v>
      </c>
      <c r="AR1894">
        <v>3.984668644906034</v>
      </c>
      <c r="AS1894">
        <v>2016</v>
      </c>
      <c r="AT1894">
        <v>278.45499505440159</v>
      </c>
      <c r="AU1894">
        <v>1.5075347646476989E-2</v>
      </c>
      <c r="AV1894">
        <v>1.4415674153673459E-2</v>
      </c>
      <c r="AW1894">
        <v>0.35657764589515328</v>
      </c>
      <c r="AX1894">
        <v>85.119742701632859</v>
      </c>
      <c r="AY1894">
        <v>66</v>
      </c>
      <c r="AZ1894">
        <v>130.75</v>
      </c>
      <c r="BA1894">
        <v>0.58673753650947957</v>
      </c>
      <c r="BB1894">
        <v>0.50692383778437189</v>
      </c>
      <c r="BC1894">
        <v>5.2927628019532964</v>
      </c>
      <c r="BD1894" t="s">
        <v>7229</v>
      </c>
      <c r="BE1894" t="s">
        <v>68</v>
      </c>
    </row>
    <row r="1895" spans="1:57" x14ac:dyDescent="0.3">
      <c r="A1895" t="s">
        <v>7230</v>
      </c>
      <c r="B1895">
        <v>3983</v>
      </c>
      <c r="C1895" t="s">
        <v>7231</v>
      </c>
      <c r="D1895" t="s">
        <v>7232</v>
      </c>
      <c r="E1895" t="s">
        <v>66</v>
      </c>
      <c r="F1895">
        <v>71</v>
      </c>
      <c r="G1895">
        <v>111.9014084507042</v>
      </c>
      <c r="H1895">
        <v>102</v>
      </c>
      <c r="I1895">
        <v>5390.764927593731</v>
      </c>
      <c r="J1895">
        <v>73.421828685982291</v>
      </c>
      <c r="K1895">
        <v>0.18103934474146571</v>
      </c>
      <c r="L1895">
        <v>-1.131994174347623</v>
      </c>
      <c r="M1895">
        <v>5.952564020913127</v>
      </c>
      <c r="N1895">
        <v>2</v>
      </c>
      <c r="O1895">
        <v>1</v>
      </c>
      <c r="P1895">
        <v>1</v>
      </c>
      <c r="Q1895">
        <v>0.31210913055372153</v>
      </c>
      <c r="R1895">
        <v>4.1260029681985104</v>
      </c>
      <c r="S1895">
        <v>1</v>
      </c>
      <c r="T1895">
        <v>1</v>
      </c>
      <c r="U1895">
        <v>0</v>
      </c>
      <c r="V1895">
        <v>0</v>
      </c>
      <c r="W1895">
        <v>4.2484952420493576</v>
      </c>
      <c r="X1895">
        <v>1</v>
      </c>
      <c r="Y1895">
        <v>1</v>
      </c>
      <c r="Z1895">
        <v>0</v>
      </c>
      <c r="AA1895">
        <v>0</v>
      </c>
      <c r="AB1895">
        <v>4.2341065045972579</v>
      </c>
      <c r="AC1895">
        <v>1</v>
      </c>
      <c r="AD1895">
        <v>1</v>
      </c>
      <c r="AE1895">
        <v>0</v>
      </c>
      <c r="AF1895">
        <v>0</v>
      </c>
      <c r="AG1895">
        <v>4.2195077051761087</v>
      </c>
      <c r="AH1895">
        <v>9.1467429469854408E-2</v>
      </c>
      <c r="AI1895">
        <v>0.16019007503182581</v>
      </c>
      <c r="AJ1895">
        <v>0.21568322960489911</v>
      </c>
      <c r="AK1895">
        <v>-4.9345887789334693E-2</v>
      </c>
      <c r="AL1895">
        <v>662.37627432012698</v>
      </c>
      <c r="AM1895">
        <v>912.72047814091911</v>
      </c>
      <c r="AN1895">
        <v>7945</v>
      </c>
      <c r="AO1895">
        <v>155.39455655848559</v>
      </c>
      <c r="AP1895">
        <v>516.47280892789888</v>
      </c>
      <c r="AQ1895">
        <v>1.323943661971831</v>
      </c>
      <c r="AR1895">
        <v>3.52112676056338</v>
      </c>
      <c r="AS1895">
        <v>71</v>
      </c>
      <c r="AT1895">
        <v>5.619718309859155</v>
      </c>
      <c r="AU1895">
        <v>0.1067042253521127</v>
      </c>
      <c r="AV1895">
        <v>9.2063860999446662E-2</v>
      </c>
      <c r="AW1895">
        <v>0.39436619718309862</v>
      </c>
      <c r="AX1895">
        <v>80.828571428571422</v>
      </c>
      <c r="AY1895">
        <v>60</v>
      </c>
      <c r="AZ1895">
        <v>120</v>
      </c>
      <c r="BA1895">
        <v>0.65612962073061587</v>
      </c>
      <c r="BB1895">
        <v>0.47887323943661969</v>
      </c>
      <c r="BC1895">
        <v>3.983565601501887</v>
      </c>
      <c r="BD1895" t="s">
        <v>7233</v>
      </c>
      <c r="BE1895" t="s">
        <v>68</v>
      </c>
    </row>
    <row r="1896" spans="1:57" x14ac:dyDescent="0.3">
      <c r="A1896" t="s">
        <v>7234</v>
      </c>
      <c r="B1896">
        <v>1627</v>
      </c>
      <c r="C1896" t="s">
        <v>7235</v>
      </c>
      <c r="D1896" t="s">
        <v>7236</v>
      </c>
      <c r="E1896" t="s">
        <v>115</v>
      </c>
      <c r="F1896">
        <v>1648</v>
      </c>
      <c r="G1896">
        <v>129.71966019417479</v>
      </c>
      <c r="H1896">
        <v>134</v>
      </c>
      <c r="I1896">
        <v>5386.0403416321051</v>
      </c>
      <c r="J1896">
        <v>73.389647373673256</v>
      </c>
      <c r="K1896">
        <v>-5.6029467777274959E-2</v>
      </c>
      <c r="L1896">
        <v>-1.173889920806942</v>
      </c>
      <c r="M1896">
        <v>7.8754626947175748</v>
      </c>
      <c r="N1896">
        <v>17</v>
      </c>
      <c r="O1896">
        <v>1</v>
      </c>
      <c r="P1896">
        <v>16</v>
      </c>
      <c r="Q1896">
        <v>2.6553307232810002</v>
      </c>
      <c r="R1896">
        <v>5.4588547624485031</v>
      </c>
      <c r="S1896">
        <v>2</v>
      </c>
      <c r="T1896">
        <v>1</v>
      </c>
      <c r="U1896">
        <v>1</v>
      </c>
      <c r="V1896">
        <v>0.1073990455860105</v>
      </c>
      <c r="W1896">
        <v>7.3907182633523352</v>
      </c>
      <c r="X1896">
        <v>1</v>
      </c>
      <c r="Y1896">
        <v>1</v>
      </c>
      <c r="Z1896">
        <v>0</v>
      </c>
      <c r="AA1896">
        <v>0</v>
      </c>
      <c r="AB1896">
        <v>7.4061033812370134</v>
      </c>
      <c r="AC1896">
        <v>1</v>
      </c>
      <c r="AD1896">
        <v>1</v>
      </c>
      <c r="AE1896">
        <v>0</v>
      </c>
      <c r="AF1896">
        <v>0</v>
      </c>
      <c r="AG1896">
        <v>7.4054956631994724</v>
      </c>
      <c r="AH1896">
        <v>2.8976224706198941E-2</v>
      </c>
      <c r="AI1896">
        <v>-2.306385926722973E-2</v>
      </c>
      <c r="AJ1896">
        <v>-1.7630514411068578E-2</v>
      </c>
      <c r="AK1896">
        <v>-9.4199766081355142E-3</v>
      </c>
      <c r="AL1896">
        <v>2744.9494680698949</v>
      </c>
      <c r="AM1896">
        <v>5391.9065661176664</v>
      </c>
      <c r="AN1896">
        <v>213778</v>
      </c>
      <c r="AO1896">
        <v>55.424367752737027</v>
      </c>
      <c r="AP1896">
        <v>2441.6271957154581</v>
      </c>
      <c r="AQ1896">
        <v>1.0139563106796119</v>
      </c>
      <c r="AR1896">
        <v>3.996359223300971</v>
      </c>
      <c r="AS1896">
        <v>1641</v>
      </c>
      <c r="AT1896">
        <v>280.38834951456312</v>
      </c>
      <c r="AU1896">
        <v>2.904054825813818E-2</v>
      </c>
      <c r="AV1896">
        <v>2.899705543842275E-2</v>
      </c>
      <c r="AW1896">
        <v>0.35861650485436891</v>
      </c>
      <c r="AX1896">
        <v>82.989678202792959</v>
      </c>
      <c r="AY1896">
        <v>63</v>
      </c>
      <c r="AZ1896">
        <v>124</v>
      </c>
      <c r="BA1896">
        <v>0.56575577876027239</v>
      </c>
      <c r="BB1896">
        <v>0.50849514563106801</v>
      </c>
      <c r="BC1896">
        <v>5.2523778186713068</v>
      </c>
      <c r="BD1896" t="s">
        <v>7237</v>
      </c>
      <c r="BE1896" t="s">
        <v>62</v>
      </c>
    </row>
    <row r="1897" spans="1:57" x14ac:dyDescent="0.3">
      <c r="A1897" t="s">
        <v>7238</v>
      </c>
      <c r="B1897">
        <v>1550</v>
      </c>
      <c r="C1897" t="s">
        <v>7239</v>
      </c>
      <c r="D1897" t="s">
        <v>7240</v>
      </c>
      <c r="E1897" t="s">
        <v>85</v>
      </c>
      <c r="F1897">
        <v>8</v>
      </c>
      <c r="G1897">
        <v>153.5</v>
      </c>
      <c r="H1897">
        <v>163.5</v>
      </c>
      <c r="I1897">
        <v>6254.75</v>
      </c>
      <c r="J1897">
        <v>79.086977436237888</v>
      </c>
      <c r="K1897">
        <v>-0.27874684717983261</v>
      </c>
      <c r="L1897">
        <v>-1.2820810978013</v>
      </c>
      <c r="M1897">
        <v>3</v>
      </c>
      <c r="N1897">
        <v>1</v>
      </c>
      <c r="O1897">
        <v>1</v>
      </c>
      <c r="P1897">
        <v>0</v>
      </c>
      <c r="Q1897">
        <v>0</v>
      </c>
      <c r="R1897">
        <v>2.0794415416798362</v>
      </c>
      <c r="S1897">
        <v>1</v>
      </c>
      <c r="T1897">
        <v>1</v>
      </c>
      <c r="U1897">
        <v>0</v>
      </c>
      <c r="V1897">
        <v>0</v>
      </c>
      <c r="W1897">
        <v>1.945910149055313</v>
      </c>
      <c r="X1897">
        <v>1</v>
      </c>
      <c r="Y1897">
        <v>1</v>
      </c>
      <c r="Z1897">
        <v>0</v>
      </c>
      <c r="AA1897">
        <v>0</v>
      </c>
      <c r="AB1897">
        <v>1.791759469228055</v>
      </c>
      <c r="AC1897">
        <v>1</v>
      </c>
      <c r="AD1897">
        <v>1</v>
      </c>
      <c r="AE1897">
        <v>0</v>
      </c>
      <c r="AF1897">
        <v>0</v>
      </c>
      <c r="AG1897">
        <v>1.6094379124341009</v>
      </c>
      <c r="AH1897">
        <v>-0.36958411607178537</v>
      </c>
      <c r="AI1897">
        <v>-0.25095927095407489</v>
      </c>
      <c r="AJ1897">
        <v>-0.1157570246612574</v>
      </c>
      <c r="AK1897">
        <v>0</v>
      </c>
      <c r="AL1897">
        <v>344.23061160704879</v>
      </c>
      <c r="AM1897">
        <v>346.46974764420207</v>
      </c>
      <c r="AN1897">
        <v>1228</v>
      </c>
      <c r="AO1897">
        <v>84</v>
      </c>
      <c r="AP1897">
        <v>195.50242464217109</v>
      </c>
      <c r="AQ1897">
        <v>3.5</v>
      </c>
      <c r="AR1897">
        <v>4.5</v>
      </c>
      <c r="AS1897">
        <v>8</v>
      </c>
      <c r="AT1897">
        <v>0</v>
      </c>
      <c r="AU1897">
        <v>0.17045454545454539</v>
      </c>
      <c r="AV1897">
        <v>-0.39508783542829562</v>
      </c>
      <c r="AW1897">
        <v>0.25</v>
      </c>
      <c r="AX1897">
        <v>120.8571428571429</v>
      </c>
      <c r="AY1897">
        <v>75.5</v>
      </c>
      <c r="AZ1897">
        <v>140.75</v>
      </c>
      <c r="BA1897">
        <v>0.51522460870513287</v>
      </c>
      <c r="BB1897">
        <v>0.625</v>
      </c>
      <c r="BC1897">
        <v>1.7478680974667571</v>
      </c>
      <c r="BD1897" t="s">
        <v>7239</v>
      </c>
      <c r="BE1897" t="s">
        <v>68</v>
      </c>
    </row>
    <row r="1898" spans="1:57" x14ac:dyDescent="0.3">
      <c r="A1898" t="s">
        <v>7241</v>
      </c>
      <c r="B1898">
        <v>1130</v>
      </c>
      <c r="C1898" t="s">
        <v>7242</v>
      </c>
      <c r="D1898" t="s">
        <v>7243</v>
      </c>
      <c r="E1898" t="s">
        <v>98</v>
      </c>
      <c r="F1898">
        <v>16</v>
      </c>
      <c r="G1898">
        <v>139.3125</v>
      </c>
      <c r="H1898">
        <v>146.5</v>
      </c>
      <c r="I1898">
        <v>5324.83984375</v>
      </c>
      <c r="J1898">
        <v>72.971500215837693</v>
      </c>
      <c r="K1898">
        <v>-0.40420946087044229</v>
      </c>
      <c r="L1898">
        <v>-0.94703554095979303</v>
      </c>
      <c r="M1898">
        <v>4</v>
      </c>
      <c r="N1898">
        <v>1</v>
      </c>
      <c r="O1898">
        <v>1</v>
      </c>
      <c r="P1898">
        <v>0</v>
      </c>
      <c r="Q1898">
        <v>0</v>
      </c>
      <c r="R1898">
        <v>2.7725887222397811</v>
      </c>
      <c r="S1898">
        <v>1</v>
      </c>
      <c r="T1898">
        <v>1</v>
      </c>
      <c r="U1898">
        <v>0</v>
      </c>
      <c r="V1898">
        <v>0</v>
      </c>
      <c r="W1898">
        <v>2.7080502011022101</v>
      </c>
      <c r="X1898">
        <v>1</v>
      </c>
      <c r="Y1898">
        <v>1</v>
      </c>
      <c r="Z1898">
        <v>0</v>
      </c>
      <c r="AA1898">
        <v>0</v>
      </c>
      <c r="AB1898">
        <v>2.639057329615258</v>
      </c>
      <c r="AC1898">
        <v>1</v>
      </c>
      <c r="AD1898">
        <v>1</v>
      </c>
      <c r="AE1898">
        <v>0</v>
      </c>
      <c r="AF1898">
        <v>0</v>
      </c>
      <c r="AG1898">
        <v>2.5649493574615372</v>
      </c>
      <c r="AH1898">
        <v>0.16677323591745349</v>
      </c>
      <c r="AI1898">
        <v>-2.9227148116984149E-3</v>
      </c>
      <c r="AJ1898">
        <v>-0.1020407835769708</v>
      </c>
      <c r="AK1898">
        <v>9.9282897299581341E-2</v>
      </c>
      <c r="AL1898">
        <v>392.79113311309811</v>
      </c>
      <c r="AM1898">
        <v>491.365572407885</v>
      </c>
      <c r="AN1898">
        <v>2229</v>
      </c>
      <c r="AO1898">
        <v>25</v>
      </c>
      <c r="AP1898">
        <v>268.69649778553372</v>
      </c>
      <c r="AQ1898">
        <v>2.3125</v>
      </c>
      <c r="AR1898">
        <v>3.8125</v>
      </c>
      <c r="AS1898">
        <v>16</v>
      </c>
      <c r="AT1898">
        <v>0</v>
      </c>
      <c r="AU1898">
        <v>0.17366600790513839</v>
      </c>
      <c r="AV1898">
        <v>0.16746742225410369</v>
      </c>
      <c r="AW1898">
        <v>0.1875</v>
      </c>
      <c r="AX1898">
        <v>76.733333333333334</v>
      </c>
      <c r="AY1898">
        <v>50</v>
      </c>
      <c r="AZ1898">
        <v>95.75</v>
      </c>
      <c r="BA1898">
        <v>0.52379722003293094</v>
      </c>
      <c r="BB1898">
        <v>0.5625</v>
      </c>
      <c r="BC1898">
        <v>2.7080502011022101</v>
      </c>
      <c r="BD1898" t="s">
        <v>7242</v>
      </c>
      <c r="BE1898" t="s">
        <v>62</v>
      </c>
    </row>
    <row r="1899" spans="1:57" x14ac:dyDescent="0.3">
      <c r="A1899" t="s">
        <v>7244</v>
      </c>
      <c r="B1899">
        <v>3403</v>
      </c>
      <c r="C1899" t="s">
        <v>7245</v>
      </c>
      <c r="D1899" t="s">
        <v>7246</v>
      </c>
      <c r="E1899" t="s">
        <v>128</v>
      </c>
      <c r="F1899">
        <v>32</v>
      </c>
      <c r="G1899">
        <v>146.40625</v>
      </c>
      <c r="H1899">
        <v>158.5</v>
      </c>
      <c r="I1899">
        <v>4794.8662109375</v>
      </c>
      <c r="J1899">
        <v>69.24497245964865</v>
      </c>
      <c r="K1899">
        <v>-0.41603912091943651</v>
      </c>
      <c r="L1899">
        <v>-0.74554596741491519</v>
      </c>
      <c r="M1899">
        <v>4.9375</v>
      </c>
      <c r="N1899">
        <v>2</v>
      </c>
      <c r="O1899">
        <v>1</v>
      </c>
      <c r="P1899">
        <v>1</v>
      </c>
      <c r="Q1899">
        <v>0.1766846959694085</v>
      </c>
      <c r="R1899">
        <v>3.422414204014729</v>
      </c>
      <c r="S1899">
        <v>1</v>
      </c>
      <c r="T1899">
        <v>1</v>
      </c>
      <c r="U1899">
        <v>0</v>
      </c>
      <c r="V1899">
        <v>0</v>
      </c>
      <c r="W1899">
        <v>3.4339872044851458</v>
      </c>
      <c r="X1899">
        <v>1</v>
      </c>
      <c r="Y1899">
        <v>1</v>
      </c>
      <c r="Z1899">
        <v>0</v>
      </c>
      <c r="AA1899">
        <v>0</v>
      </c>
      <c r="AB1899">
        <v>3.401197381662155</v>
      </c>
      <c r="AC1899">
        <v>1</v>
      </c>
      <c r="AD1899">
        <v>1</v>
      </c>
      <c r="AE1899">
        <v>0</v>
      </c>
      <c r="AF1899">
        <v>0</v>
      </c>
      <c r="AG1899">
        <v>3.3672958299864728</v>
      </c>
      <c r="AH1899">
        <v>9.1666994657575454E-2</v>
      </c>
      <c r="AI1899">
        <v>-0.26442823521576531</v>
      </c>
      <c r="AJ1899">
        <v>-4.2270227220560397E-2</v>
      </c>
      <c r="AK1899">
        <v>-4.8370177107962348E-2</v>
      </c>
      <c r="AL1899">
        <v>491.54829079686232</v>
      </c>
      <c r="AM1899">
        <v>773.12953495173326</v>
      </c>
      <c r="AN1899">
        <v>4685</v>
      </c>
      <c r="AO1899">
        <v>29.40543556805774</v>
      </c>
      <c r="AP1899">
        <v>408.41008099139492</v>
      </c>
      <c r="AQ1899">
        <v>1.71875</v>
      </c>
      <c r="AR1899">
        <v>4.84375</v>
      </c>
      <c r="AS1899">
        <v>32</v>
      </c>
      <c r="AT1899">
        <v>0.93749999999999978</v>
      </c>
      <c r="AU1899">
        <v>0.16865079365079369</v>
      </c>
      <c r="AV1899">
        <v>9.4574414779699079E-2</v>
      </c>
      <c r="AW1899">
        <v>0.3125</v>
      </c>
      <c r="AX1899">
        <v>80.129032258064512</v>
      </c>
      <c r="AY1899">
        <v>55</v>
      </c>
      <c r="AZ1899">
        <v>100.5</v>
      </c>
      <c r="BA1899">
        <v>0.47296459310752548</v>
      </c>
      <c r="BB1899">
        <v>0.5625</v>
      </c>
      <c r="BC1899">
        <v>3.2998296856670919</v>
      </c>
      <c r="BD1899" t="s">
        <v>7247</v>
      </c>
      <c r="BE1899" t="s">
        <v>62</v>
      </c>
    </row>
    <row r="1900" spans="1:57" x14ac:dyDescent="0.3">
      <c r="A1900" t="s">
        <v>7248</v>
      </c>
      <c r="B1900">
        <v>2235</v>
      </c>
      <c r="C1900" t="s">
        <v>7249</v>
      </c>
      <c r="D1900" t="s">
        <v>7250</v>
      </c>
      <c r="E1900" t="s">
        <v>128</v>
      </c>
      <c r="F1900">
        <v>32</v>
      </c>
      <c r="G1900">
        <v>124.3125</v>
      </c>
      <c r="H1900">
        <v>119.5</v>
      </c>
      <c r="I1900">
        <v>6064.08984375</v>
      </c>
      <c r="J1900">
        <v>77.872266204021571</v>
      </c>
      <c r="K1900">
        <v>6.4043723837324928E-2</v>
      </c>
      <c r="L1900">
        <v>-1.21531499154427</v>
      </c>
      <c r="M1900">
        <v>4.9375</v>
      </c>
      <c r="N1900">
        <v>2</v>
      </c>
      <c r="O1900">
        <v>1</v>
      </c>
      <c r="P1900">
        <v>1</v>
      </c>
      <c r="Q1900">
        <v>0.17668469596940839</v>
      </c>
      <c r="R1900">
        <v>3.422414204014729</v>
      </c>
      <c r="S1900">
        <v>1</v>
      </c>
      <c r="T1900">
        <v>1</v>
      </c>
      <c r="U1900">
        <v>0</v>
      </c>
      <c r="V1900">
        <v>0</v>
      </c>
      <c r="W1900">
        <v>3.4339872044851458</v>
      </c>
      <c r="X1900">
        <v>1</v>
      </c>
      <c r="Y1900">
        <v>1</v>
      </c>
      <c r="Z1900">
        <v>0</v>
      </c>
      <c r="AA1900">
        <v>0</v>
      </c>
      <c r="AB1900">
        <v>3.401197381662155</v>
      </c>
      <c r="AC1900">
        <v>1</v>
      </c>
      <c r="AD1900">
        <v>1</v>
      </c>
      <c r="AE1900">
        <v>0</v>
      </c>
      <c r="AF1900">
        <v>0</v>
      </c>
      <c r="AG1900">
        <v>3.3672958299864728</v>
      </c>
      <c r="AH1900">
        <v>0.1136050138591233</v>
      </c>
      <c r="AI1900">
        <v>8.5129374899752447E-2</v>
      </c>
      <c r="AJ1900">
        <v>-0.2447334405539269</v>
      </c>
      <c r="AK1900">
        <v>8.1137992485218122E-2</v>
      </c>
      <c r="AL1900">
        <v>529.16181466468493</v>
      </c>
      <c r="AM1900">
        <v>639.18211325159712</v>
      </c>
      <c r="AN1900">
        <v>3978</v>
      </c>
      <c r="AO1900">
        <v>24</v>
      </c>
      <c r="AP1900">
        <v>413.00121065197862</v>
      </c>
      <c r="AQ1900">
        <v>1.65625</v>
      </c>
      <c r="AR1900">
        <v>4.25</v>
      </c>
      <c r="AS1900">
        <v>32</v>
      </c>
      <c r="AT1900">
        <v>0.93749999999999978</v>
      </c>
      <c r="AU1900">
        <v>9.5758032128514081E-2</v>
      </c>
      <c r="AV1900">
        <v>0.11635963231497889</v>
      </c>
      <c r="AW1900">
        <v>0.375</v>
      </c>
      <c r="AX1900">
        <v>86.903225806451616</v>
      </c>
      <c r="AY1900">
        <v>62</v>
      </c>
      <c r="AZ1900">
        <v>123.25</v>
      </c>
      <c r="BA1900">
        <v>0.62642345865477378</v>
      </c>
      <c r="BB1900">
        <v>0.46875</v>
      </c>
      <c r="BC1900">
        <v>3.2551105127277409</v>
      </c>
      <c r="BD1900" t="s">
        <v>7251</v>
      </c>
      <c r="BE1900" t="s">
        <v>62</v>
      </c>
    </row>
    <row r="1901" spans="1:57" x14ac:dyDescent="0.3">
      <c r="A1901" t="s">
        <v>7252</v>
      </c>
      <c r="B1901">
        <v>2274</v>
      </c>
      <c r="C1901" t="s">
        <v>7253</v>
      </c>
      <c r="D1901" t="s">
        <v>7254</v>
      </c>
      <c r="E1901" t="s">
        <v>10622</v>
      </c>
      <c r="F1901">
        <v>64</v>
      </c>
      <c r="G1901">
        <v>128.484375</v>
      </c>
      <c r="H1901">
        <v>137</v>
      </c>
      <c r="I1901">
        <v>5591.249755859375</v>
      </c>
      <c r="J1901">
        <v>74.774659851178029</v>
      </c>
      <c r="K1901">
        <v>3.5644450295469261E-2</v>
      </c>
      <c r="L1901">
        <v>-1.2320215201826019</v>
      </c>
      <c r="M1901">
        <v>5.78125</v>
      </c>
      <c r="N1901">
        <v>2</v>
      </c>
      <c r="O1901">
        <v>1</v>
      </c>
      <c r="P1901">
        <v>1</v>
      </c>
      <c r="Q1901">
        <v>0.32821556024332821</v>
      </c>
      <c r="R1901">
        <v>4.0072571376121839</v>
      </c>
      <c r="S1901">
        <v>1</v>
      </c>
      <c r="T1901">
        <v>1</v>
      </c>
      <c r="U1901">
        <v>0</v>
      </c>
      <c r="V1901">
        <v>0</v>
      </c>
      <c r="W1901">
        <v>4.1431347263915326</v>
      </c>
      <c r="X1901">
        <v>1</v>
      </c>
      <c r="Y1901">
        <v>1</v>
      </c>
      <c r="Z1901">
        <v>0</v>
      </c>
      <c r="AA1901">
        <v>0</v>
      </c>
      <c r="AB1901">
        <v>4.1271343850450908</v>
      </c>
      <c r="AC1901">
        <v>1</v>
      </c>
      <c r="AD1901">
        <v>1</v>
      </c>
      <c r="AE1901">
        <v>0</v>
      </c>
      <c r="AF1901">
        <v>0</v>
      </c>
      <c r="AG1901">
        <v>4.1108738641733096</v>
      </c>
      <c r="AH1901">
        <v>2.3121061765386669E-2</v>
      </c>
      <c r="AI1901">
        <v>-0.1020540837605531</v>
      </c>
      <c r="AJ1901">
        <v>-7.027181091744962E-2</v>
      </c>
      <c r="AK1901">
        <v>1.3311110458807991E-2</v>
      </c>
      <c r="AL1901">
        <v>671.69685321439601</v>
      </c>
      <c r="AM1901">
        <v>981.42260896205062</v>
      </c>
      <c r="AN1901">
        <v>8223</v>
      </c>
      <c r="AO1901">
        <v>122.1187863577787</v>
      </c>
      <c r="AP1901">
        <v>574.39492437535932</v>
      </c>
      <c r="AQ1901">
        <v>1.359375</v>
      </c>
      <c r="AR1901">
        <v>3.953125</v>
      </c>
      <c r="AS1901">
        <v>64</v>
      </c>
      <c r="AT1901">
        <v>5.46875</v>
      </c>
      <c r="AU1901">
        <v>5.4224308300395263E-2</v>
      </c>
      <c r="AV1901">
        <v>2.374566116805989E-2</v>
      </c>
      <c r="AW1901">
        <v>0.359375</v>
      </c>
      <c r="AX1901">
        <v>81.19047619047619</v>
      </c>
      <c r="AY1901">
        <v>66</v>
      </c>
      <c r="AZ1901">
        <v>128.5</v>
      </c>
      <c r="BA1901">
        <v>0.58197473312360382</v>
      </c>
      <c r="BB1901">
        <v>0.515625</v>
      </c>
      <c r="BC1901">
        <v>3.7964535882276049</v>
      </c>
      <c r="BD1901" t="s">
        <v>7255</v>
      </c>
      <c r="BE1901" t="s">
        <v>62</v>
      </c>
    </row>
    <row r="1902" spans="1:57" x14ac:dyDescent="0.3">
      <c r="A1902" t="s">
        <v>7256</v>
      </c>
      <c r="B1902">
        <v>1866</v>
      </c>
      <c r="C1902" t="s">
        <v>7257</v>
      </c>
      <c r="D1902" t="s">
        <v>7258</v>
      </c>
      <c r="E1902" t="s">
        <v>128</v>
      </c>
      <c r="F1902">
        <v>32</v>
      </c>
      <c r="G1902">
        <v>135.96875</v>
      </c>
      <c r="H1902">
        <v>145</v>
      </c>
      <c r="I1902">
        <v>4001.5927734375</v>
      </c>
      <c r="J1902">
        <v>63.258143929754212</v>
      </c>
      <c r="K1902">
        <v>2.044275666940764E-2</v>
      </c>
      <c r="L1902">
        <v>-1.013729951537589</v>
      </c>
      <c r="M1902">
        <v>5</v>
      </c>
      <c r="N1902">
        <v>1</v>
      </c>
      <c r="O1902">
        <v>1</v>
      </c>
      <c r="P1902">
        <v>0</v>
      </c>
      <c r="Q1902">
        <v>0</v>
      </c>
      <c r="R1902">
        <v>3.465735902799727</v>
      </c>
      <c r="S1902">
        <v>1</v>
      </c>
      <c r="T1902">
        <v>1</v>
      </c>
      <c r="U1902">
        <v>0</v>
      </c>
      <c r="V1902">
        <v>0</v>
      </c>
      <c r="W1902">
        <v>3.4339872044851458</v>
      </c>
      <c r="X1902">
        <v>1</v>
      </c>
      <c r="Y1902">
        <v>1</v>
      </c>
      <c r="Z1902">
        <v>0</v>
      </c>
      <c r="AA1902">
        <v>0</v>
      </c>
      <c r="AB1902">
        <v>3.401197381662155</v>
      </c>
      <c r="AC1902">
        <v>1</v>
      </c>
      <c r="AD1902">
        <v>1</v>
      </c>
      <c r="AE1902">
        <v>0</v>
      </c>
      <c r="AF1902">
        <v>0</v>
      </c>
      <c r="AG1902">
        <v>3.3672958299864728</v>
      </c>
      <c r="AH1902">
        <v>-1.9399997522959001E-2</v>
      </c>
      <c r="AI1902">
        <v>-0.1244277638713686</v>
      </c>
      <c r="AJ1902">
        <v>-0.36653133389756182</v>
      </c>
      <c r="AK1902">
        <v>0.1194316148769862</v>
      </c>
      <c r="AL1902">
        <v>456.3099697331358</v>
      </c>
      <c r="AM1902">
        <v>715.14488848214853</v>
      </c>
      <c r="AN1902">
        <v>4351</v>
      </c>
      <c r="AO1902">
        <v>28.10562944738118</v>
      </c>
      <c r="AP1902">
        <v>382.81280568129421</v>
      </c>
      <c r="AQ1902">
        <v>1.71875</v>
      </c>
      <c r="AR1902">
        <v>3.8125</v>
      </c>
      <c r="AS1902">
        <v>32</v>
      </c>
      <c r="AT1902">
        <v>0</v>
      </c>
      <c r="AU1902">
        <v>0.13258744855967081</v>
      </c>
      <c r="AV1902">
        <v>-1.9438090610030191E-2</v>
      </c>
      <c r="AW1902">
        <v>0.40625</v>
      </c>
      <c r="AX1902">
        <v>71.645161290322577</v>
      </c>
      <c r="AY1902">
        <v>55</v>
      </c>
      <c r="AZ1902">
        <v>89.75</v>
      </c>
      <c r="BA1902">
        <v>0.46524031389384851</v>
      </c>
      <c r="BB1902">
        <v>0.53125</v>
      </c>
      <c r="BC1902">
        <v>3.4339872044851458</v>
      </c>
      <c r="BD1902" t="s">
        <v>7259</v>
      </c>
      <c r="BE1902" t="s">
        <v>62</v>
      </c>
    </row>
    <row r="1903" spans="1:57" x14ac:dyDescent="0.3">
      <c r="A1903" t="s">
        <v>7260</v>
      </c>
      <c r="B1903">
        <v>3338</v>
      </c>
      <c r="C1903" t="s">
        <v>7261</v>
      </c>
      <c r="D1903" t="s">
        <v>7262</v>
      </c>
      <c r="E1903" t="s">
        <v>128</v>
      </c>
      <c r="F1903">
        <v>32</v>
      </c>
      <c r="G1903">
        <v>135.59375</v>
      </c>
      <c r="H1903">
        <v>142</v>
      </c>
      <c r="I1903">
        <v>6023.9912109375</v>
      </c>
      <c r="J1903">
        <v>77.614375027680921</v>
      </c>
      <c r="K1903">
        <v>-7.4646510196834465E-2</v>
      </c>
      <c r="L1903">
        <v>-1.6257385146214991</v>
      </c>
      <c r="M1903">
        <v>4.875</v>
      </c>
      <c r="N1903">
        <v>2</v>
      </c>
      <c r="O1903">
        <v>1</v>
      </c>
      <c r="P1903">
        <v>1</v>
      </c>
      <c r="Q1903">
        <v>0.24944382578492941</v>
      </c>
      <c r="R1903">
        <v>3.3790925052297318</v>
      </c>
      <c r="S1903">
        <v>1</v>
      </c>
      <c r="T1903">
        <v>1</v>
      </c>
      <c r="U1903">
        <v>0</v>
      </c>
      <c r="V1903">
        <v>0</v>
      </c>
      <c r="W1903">
        <v>3.4339872044851458</v>
      </c>
      <c r="X1903">
        <v>1</v>
      </c>
      <c r="Y1903">
        <v>1</v>
      </c>
      <c r="Z1903">
        <v>0</v>
      </c>
      <c r="AA1903">
        <v>0</v>
      </c>
      <c r="AB1903">
        <v>3.401197381662155</v>
      </c>
      <c r="AC1903">
        <v>1</v>
      </c>
      <c r="AD1903">
        <v>1</v>
      </c>
      <c r="AE1903">
        <v>0</v>
      </c>
      <c r="AF1903">
        <v>0</v>
      </c>
      <c r="AG1903">
        <v>3.3672958299864728</v>
      </c>
      <c r="AH1903">
        <v>-0.13176306283939199</v>
      </c>
      <c r="AI1903">
        <v>1.943748645349884E-2</v>
      </c>
      <c r="AJ1903">
        <v>-3.9607157748306858E-2</v>
      </c>
      <c r="AK1903">
        <v>-0.116541137106884</v>
      </c>
      <c r="AL1903">
        <v>536.58439143849023</v>
      </c>
      <c r="AM1903">
        <v>702.27216295720052</v>
      </c>
      <c r="AN1903">
        <v>4339</v>
      </c>
      <c r="AO1903">
        <v>41</v>
      </c>
      <c r="AP1903">
        <v>453.47223786175158</v>
      </c>
      <c r="AQ1903">
        <v>1.71875</v>
      </c>
      <c r="AR1903">
        <v>4.21875</v>
      </c>
      <c r="AS1903">
        <v>31</v>
      </c>
      <c r="AT1903">
        <v>1.75</v>
      </c>
      <c r="AU1903">
        <v>0.15575396825396831</v>
      </c>
      <c r="AV1903">
        <v>-0.13400369073304921</v>
      </c>
      <c r="AW1903">
        <v>0.375</v>
      </c>
      <c r="AX1903">
        <v>97.193548387096769</v>
      </c>
      <c r="AY1903">
        <v>70.5</v>
      </c>
      <c r="AZ1903">
        <v>145.25</v>
      </c>
      <c r="BA1903">
        <v>0.57240377987688162</v>
      </c>
      <c r="BB1903">
        <v>0.53125</v>
      </c>
      <c r="BC1903">
        <v>3.3892680315457948</v>
      </c>
      <c r="BD1903" t="s">
        <v>7263</v>
      </c>
      <c r="BE1903" t="s">
        <v>62</v>
      </c>
    </row>
    <row r="1904" spans="1:57" x14ac:dyDescent="0.3">
      <c r="A1904" t="s">
        <v>7264</v>
      </c>
      <c r="B1904">
        <v>3727</v>
      </c>
      <c r="C1904" t="s">
        <v>7265</v>
      </c>
      <c r="D1904" t="s">
        <v>7266</v>
      </c>
      <c r="E1904" t="s">
        <v>106</v>
      </c>
      <c r="F1904">
        <v>3785</v>
      </c>
      <c r="G1904">
        <v>126.0538969616909</v>
      </c>
      <c r="H1904">
        <v>126</v>
      </c>
      <c r="I1904">
        <v>5393.1157212733988</v>
      </c>
      <c r="J1904">
        <v>73.437835761093879</v>
      </c>
      <c r="K1904">
        <v>2.186505661886903E-2</v>
      </c>
      <c r="L1904">
        <v>-1.1807516413782999</v>
      </c>
      <c r="M1904">
        <v>7.9516016604444708</v>
      </c>
      <c r="N1904">
        <v>25</v>
      </c>
      <c r="O1904">
        <v>6</v>
      </c>
      <c r="P1904">
        <v>19</v>
      </c>
      <c r="Q1904">
        <v>3.8054153404176452</v>
      </c>
      <c r="R1904">
        <v>5.5116302718728676</v>
      </c>
      <c r="S1904">
        <v>3</v>
      </c>
      <c r="T1904">
        <v>1</v>
      </c>
      <c r="U1904">
        <v>2</v>
      </c>
      <c r="V1904">
        <v>0.16576519338296891</v>
      </c>
      <c r="W1904">
        <v>8.2010302512663813</v>
      </c>
      <c r="X1904">
        <v>1</v>
      </c>
      <c r="Y1904">
        <v>1</v>
      </c>
      <c r="Z1904">
        <v>0</v>
      </c>
      <c r="AA1904">
        <v>0</v>
      </c>
      <c r="AB1904">
        <v>8.23827262463303</v>
      </c>
      <c r="AC1904">
        <v>1</v>
      </c>
      <c r="AD1904">
        <v>1</v>
      </c>
      <c r="AE1904">
        <v>0</v>
      </c>
      <c r="AF1904">
        <v>0</v>
      </c>
      <c r="AG1904">
        <v>8.2380082492183995</v>
      </c>
      <c r="AH1904">
        <v>1.7396803005359989E-2</v>
      </c>
      <c r="AI1904">
        <v>1.860369776668175E-4</v>
      </c>
      <c r="AJ1904">
        <v>1.218369719927306E-2</v>
      </c>
      <c r="AK1904">
        <v>-1.784155039693348E-2</v>
      </c>
      <c r="AL1904">
        <v>4118.5740441249336</v>
      </c>
      <c r="AM1904">
        <v>7974.4824185059424</v>
      </c>
      <c r="AN1904">
        <v>477114</v>
      </c>
      <c r="AO1904">
        <v>138.58919175983939</v>
      </c>
      <c r="AP1904">
        <v>3757.986529919473</v>
      </c>
      <c r="AQ1904">
        <v>1.0060766182298551</v>
      </c>
      <c r="AR1904">
        <v>3.9656538969616908</v>
      </c>
      <c r="AS1904">
        <v>3772</v>
      </c>
      <c r="AT1904">
        <v>250.736856010568</v>
      </c>
      <c r="AU1904">
        <v>1.6976196026627369E-2</v>
      </c>
      <c r="AV1904">
        <v>1.7397717405096592E-2</v>
      </c>
      <c r="AW1904">
        <v>0.37542932628797893</v>
      </c>
      <c r="AX1904">
        <v>83.713266384778009</v>
      </c>
      <c r="AY1904">
        <v>63</v>
      </c>
      <c r="AZ1904">
        <v>127</v>
      </c>
      <c r="BA1904">
        <v>0.58259076102512264</v>
      </c>
      <c r="BB1904">
        <v>0.49722589167767511</v>
      </c>
      <c r="BC1904">
        <v>5.3109074179838647</v>
      </c>
      <c r="BD1904" t="s">
        <v>7267</v>
      </c>
      <c r="BE1904" t="s">
        <v>68</v>
      </c>
    </row>
    <row r="1905" spans="1:57" x14ac:dyDescent="0.3">
      <c r="A1905" t="s">
        <v>7268</v>
      </c>
      <c r="B1905">
        <v>1458</v>
      </c>
      <c r="C1905" t="s">
        <v>7269</v>
      </c>
      <c r="D1905" t="s">
        <v>7270</v>
      </c>
      <c r="E1905" t="s">
        <v>106</v>
      </c>
      <c r="F1905">
        <v>1486</v>
      </c>
      <c r="G1905">
        <v>127.7462987886945</v>
      </c>
      <c r="H1905">
        <v>126.5</v>
      </c>
      <c r="I1905">
        <v>5499.7411538649649</v>
      </c>
      <c r="J1905">
        <v>74.160239710136892</v>
      </c>
      <c r="K1905">
        <v>2.9754673400795928E-3</v>
      </c>
      <c r="L1905">
        <v>-1.217949199299371</v>
      </c>
      <c r="M1905">
        <v>7.8843153636451397</v>
      </c>
      <c r="N1905">
        <v>14</v>
      </c>
      <c r="O1905">
        <v>1</v>
      </c>
      <c r="P1905">
        <v>13</v>
      </c>
      <c r="Q1905">
        <v>2.3303654278554151</v>
      </c>
      <c r="R1905">
        <v>5.4649909649560851</v>
      </c>
      <c r="S1905">
        <v>2</v>
      </c>
      <c r="T1905">
        <v>1</v>
      </c>
      <c r="U1905">
        <v>1</v>
      </c>
      <c r="V1905">
        <v>0.11890544324921321</v>
      </c>
      <c r="W1905">
        <v>7.283565888554298</v>
      </c>
      <c r="X1905">
        <v>1</v>
      </c>
      <c r="Y1905">
        <v>1</v>
      </c>
      <c r="Z1905">
        <v>0</v>
      </c>
      <c r="AA1905">
        <v>0</v>
      </c>
      <c r="AB1905">
        <v>7.3024964237273267</v>
      </c>
      <c r="AC1905">
        <v>1</v>
      </c>
      <c r="AD1905">
        <v>1</v>
      </c>
      <c r="AE1905">
        <v>0</v>
      </c>
      <c r="AF1905">
        <v>0</v>
      </c>
      <c r="AG1905">
        <v>7.3018223421379336</v>
      </c>
      <c r="AH1905">
        <v>-3.4467972767309092E-3</v>
      </c>
      <c r="AI1905">
        <v>-1.0880397914380989E-2</v>
      </c>
      <c r="AJ1905">
        <v>1.6774707903159131E-2</v>
      </c>
      <c r="AK1905">
        <v>-6.7065521361621763E-3</v>
      </c>
      <c r="AL1905">
        <v>2668.0450475947732</v>
      </c>
      <c r="AM1905">
        <v>5030.3437878543646</v>
      </c>
      <c r="AN1905">
        <v>189831</v>
      </c>
      <c r="AO1905">
        <v>112.78664689928461</v>
      </c>
      <c r="AP1905">
        <v>2358.8659511943279</v>
      </c>
      <c r="AQ1905">
        <v>1.015477792732167</v>
      </c>
      <c r="AR1905">
        <v>4.0114401076716018</v>
      </c>
      <c r="AS1905">
        <v>1483</v>
      </c>
      <c r="AT1905">
        <v>239.5020188425303</v>
      </c>
      <c r="AU1905">
        <v>1.4833874330351221E-2</v>
      </c>
      <c r="AV1905">
        <v>-3.448239071380906E-3</v>
      </c>
      <c r="AW1905">
        <v>0.37954239569313591</v>
      </c>
      <c r="AX1905">
        <v>86.605387205387203</v>
      </c>
      <c r="AY1905">
        <v>65.5</v>
      </c>
      <c r="AZ1905">
        <v>131.75</v>
      </c>
      <c r="BA1905">
        <v>0.58052750187937385</v>
      </c>
      <c r="BB1905">
        <v>0.49798115746971738</v>
      </c>
      <c r="BC1905">
        <v>5.2707257460650814</v>
      </c>
      <c r="BD1905" t="s">
        <v>7271</v>
      </c>
      <c r="BE1905" t="s">
        <v>68</v>
      </c>
    </row>
    <row r="1906" spans="1:57" x14ac:dyDescent="0.3">
      <c r="A1906" t="s">
        <v>7272</v>
      </c>
      <c r="B1906">
        <v>2450</v>
      </c>
      <c r="C1906" t="s">
        <v>7273</v>
      </c>
      <c r="D1906" t="s">
        <v>7274</v>
      </c>
      <c r="E1906" t="s">
        <v>85</v>
      </c>
      <c r="F1906">
        <v>8</v>
      </c>
      <c r="G1906">
        <v>142</v>
      </c>
      <c r="H1906">
        <v>188.5</v>
      </c>
      <c r="I1906">
        <v>9000</v>
      </c>
      <c r="J1906">
        <v>94.868329805051374</v>
      </c>
      <c r="K1906">
        <v>-0.42678362824770788</v>
      </c>
      <c r="L1906">
        <v>-1.5985814259259259</v>
      </c>
      <c r="M1906">
        <v>3</v>
      </c>
      <c r="N1906">
        <v>1</v>
      </c>
      <c r="O1906">
        <v>1</v>
      </c>
      <c r="P1906">
        <v>0</v>
      </c>
      <c r="Q1906">
        <v>0</v>
      </c>
      <c r="R1906">
        <v>2.0794415416798362</v>
      </c>
      <c r="S1906">
        <v>1</v>
      </c>
      <c r="T1906">
        <v>1</v>
      </c>
      <c r="U1906">
        <v>0</v>
      </c>
      <c r="V1906">
        <v>0</v>
      </c>
      <c r="W1906">
        <v>1.945910149055313</v>
      </c>
      <c r="X1906">
        <v>1</v>
      </c>
      <c r="Y1906">
        <v>1</v>
      </c>
      <c r="Z1906">
        <v>0</v>
      </c>
      <c r="AA1906">
        <v>0</v>
      </c>
      <c r="AB1906">
        <v>1.791759469228055</v>
      </c>
      <c r="AC1906">
        <v>1</v>
      </c>
      <c r="AD1906">
        <v>1</v>
      </c>
      <c r="AE1906">
        <v>0</v>
      </c>
      <c r="AF1906">
        <v>0</v>
      </c>
      <c r="AG1906">
        <v>1.6094379124341009</v>
      </c>
      <c r="AH1906">
        <v>-0.61323611111111109</v>
      </c>
      <c r="AI1906">
        <v>0.13013888888888889</v>
      </c>
      <c r="AJ1906">
        <v>0.35444444444444451</v>
      </c>
      <c r="AK1906">
        <v>0</v>
      </c>
      <c r="AL1906">
        <v>358.5513668591326</v>
      </c>
      <c r="AM1906">
        <v>323.65555351862531</v>
      </c>
      <c r="AN1906">
        <v>1136</v>
      </c>
      <c r="AO1906">
        <v>80.953481837483537</v>
      </c>
      <c r="AP1906">
        <v>223.69667304209909</v>
      </c>
      <c r="AQ1906">
        <v>3.5</v>
      </c>
      <c r="AR1906">
        <v>4.5</v>
      </c>
      <c r="AS1906">
        <v>8</v>
      </c>
      <c r="AT1906">
        <v>0</v>
      </c>
      <c r="AU1906">
        <v>0.42016806722689071</v>
      </c>
      <c r="AV1906">
        <v>-0.6509816531383894</v>
      </c>
      <c r="AW1906">
        <v>0.125</v>
      </c>
      <c r="AX1906">
        <v>164.85714285714289</v>
      </c>
      <c r="AY1906">
        <v>42.5</v>
      </c>
      <c r="AZ1906">
        <v>177</v>
      </c>
      <c r="BA1906">
        <v>0.66808682961303789</v>
      </c>
      <c r="BB1906">
        <v>0.625</v>
      </c>
      <c r="BC1906">
        <v>1.945910149055313</v>
      </c>
      <c r="BD1906" t="s">
        <v>7273</v>
      </c>
      <c r="BE1906" t="s">
        <v>68</v>
      </c>
    </row>
    <row r="1907" spans="1:57" x14ac:dyDescent="0.3">
      <c r="A1907" t="s">
        <v>7275</v>
      </c>
      <c r="B1907">
        <v>3968</v>
      </c>
      <c r="C1907" t="s">
        <v>7276</v>
      </c>
      <c r="D1907" t="s">
        <v>7277</v>
      </c>
      <c r="E1907" t="s">
        <v>128</v>
      </c>
      <c r="F1907">
        <v>32</v>
      </c>
      <c r="G1907">
        <v>145.25</v>
      </c>
      <c r="H1907">
        <v>165.5</v>
      </c>
      <c r="I1907">
        <v>6454</v>
      </c>
      <c r="J1907">
        <v>80.336791073579732</v>
      </c>
      <c r="K1907">
        <v>-0.42868693435539712</v>
      </c>
      <c r="L1907">
        <v>-1.217907105825538</v>
      </c>
      <c r="M1907">
        <v>4.8125</v>
      </c>
      <c r="N1907">
        <v>2</v>
      </c>
      <c r="O1907">
        <v>1</v>
      </c>
      <c r="P1907">
        <v>1</v>
      </c>
      <c r="Q1907">
        <v>0.30454347814923599</v>
      </c>
      <c r="R1907">
        <v>3.335770806444736</v>
      </c>
      <c r="S1907">
        <v>1</v>
      </c>
      <c r="T1907">
        <v>1</v>
      </c>
      <c r="U1907">
        <v>0</v>
      </c>
      <c r="V1907">
        <v>0</v>
      </c>
      <c r="W1907">
        <v>3.4339872044851458</v>
      </c>
      <c r="X1907">
        <v>1</v>
      </c>
      <c r="Y1907">
        <v>1</v>
      </c>
      <c r="Z1907">
        <v>0</v>
      </c>
      <c r="AA1907">
        <v>0</v>
      </c>
      <c r="AB1907">
        <v>3.401197381662155</v>
      </c>
      <c r="AC1907">
        <v>1</v>
      </c>
      <c r="AD1907">
        <v>1</v>
      </c>
      <c r="AE1907">
        <v>0</v>
      </c>
      <c r="AF1907">
        <v>0</v>
      </c>
      <c r="AG1907">
        <v>3.3672958299864728</v>
      </c>
      <c r="AH1907">
        <v>-3.3034564320576387E-2</v>
      </c>
      <c r="AI1907">
        <v>-2.5935345328478462E-2</v>
      </c>
      <c r="AJ1907">
        <v>-5.4187870409823369E-2</v>
      </c>
      <c r="AK1907">
        <v>0.1182230738689185</v>
      </c>
      <c r="AL1907">
        <v>537.81198086559971</v>
      </c>
      <c r="AM1907">
        <v>769.68063067574963</v>
      </c>
      <c r="AN1907">
        <v>4648</v>
      </c>
      <c r="AO1907">
        <v>72.051027293649796</v>
      </c>
      <c r="AP1907">
        <v>422.99088326336408</v>
      </c>
      <c r="AQ1907">
        <v>1.71875</v>
      </c>
      <c r="AR1907">
        <v>4.0625</v>
      </c>
      <c r="AS1907">
        <v>32</v>
      </c>
      <c r="AT1907">
        <v>2.4375</v>
      </c>
      <c r="AU1907">
        <v>0.21849489795918359</v>
      </c>
      <c r="AV1907">
        <v>-3.3327404714401272E-2</v>
      </c>
      <c r="AW1907">
        <v>0.28125</v>
      </c>
      <c r="AX1907">
        <v>95.41935483870968</v>
      </c>
      <c r="AY1907">
        <v>62.5</v>
      </c>
      <c r="AZ1907">
        <v>123</v>
      </c>
      <c r="BA1907">
        <v>0.55309322597989485</v>
      </c>
      <c r="BB1907">
        <v>0.53125</v>
      </c>
      <c r="BC1907">
        <v>3.3892680315457948</v>
      </c>
      <c r="BD1907" t="s">
        <v>7278</v>
      </c>
      <c r="BE1907" t="s">
        <v>62</v>
      </c>
    </row>
    <row r="1908" spans="1:57" x14ac:dyDescent="0.3">
      <c r="A1908" t="s">
        <v>7279</v>
      </c>
      <c r="B1908">
        <v>2520</v>
      </c>
      <c r="C1908" t="s">
        <v>7280</v>
      </c>
      <c r="D1908" t="s">
        <v>7281</v>
      </c>
      <c r="E1908" t="s">
        <v>72</v>
      </c>
      <c r="F1908">
        <v>2536</v>
      </c>
      <c r="G1908">
        <v>128.22436908517349</v>
      </c>
      <c r="H1908">
        <v>128</v>
      </c>
      <c r="I1908">
        <v>5429.6125134032081</v>
      </c>
      <c r="J1908">
        <v>73.685904441780508</v>
      </c>
      <c r="K1908">
        <v>-9.5752820269398038E-3</v>
      </c>
      <c r="L1908">
        <v>-1.2000696067573411</v>
      </c>
      <c r="M1908">
        <v>7.9283729475532203</v>
      </c>
      <c r="N1908">
        <v>19</v>
      </c>
      <c r="O1908">
        <v>3</v>
      </c>
      <c r="P1908">
        <v>16</v>
      </c>
      <c r="Q1908">
        <v>3.1173343480448161</v>
      </c>
      <c r="R1908">
        <v>5.4955293550242557</v>
      </c>
      <c r="S1908">
        <v>3</v>
      </c>
      <c r="T1908">
        <v>1</v>
      </c>
      <c r="U1908">
        <v>2</v>
      </c>
      <c r="V1908">
        <v>0.15128196811405589</v>
      </c>
      <c r="W1908">
        <v>7.8071182523698681</v>
      </c>
      <c r="X1908">
        <v>2</v>
      </c>
      <c r="Y1908">
        <v>1</v>
      </c>
      <c r="Z1908">
        <v>1</v>
      </c>
      <c r="AA1908">
        <v>1.9865370115134819E-2</v>
      </c>
      <c r="AB1908">
        <v>7.8370072833905073</v>
      </c>
      <c r="AC1908">
        <v>1</v>
      </c>
      <c r="AD1908">
        <v>1</v>
      </c>
      <c r="AE1908">
        <v>0</v>
      </c>
      <c r="AF1908">
        <v>0</v>
      </c>
      <c r="AG1908">
        <v>7.8371596500016762</v>
      </c>
      <c r="AH1908">
        <v>-9.0354346823522764E-5</v>
      </c>
      <c r="AI1908">
        <v>4.0866504146926927E-2</v>
      </c>
      <c r="AJ1908">
        <v>1.547131739843826E-2</v>
      </c>
      <c r="AK1908">
        <v>-1.3064418479093769E-2</v>
      </c>
      <c r="AL1908">
        <v>3430.9886329334558</v>
      </c>
      <c r="AM1908">
        <v>6610.1006044296637</v>
      </c>
      <c r="AN1908">
        <v>325177</v>
      </c>
      <c r="AO1908">
        <v>55.494070144392943</v>
      </c>
      <c r="AP1908">
        <v>3084.5453021293192</v>
      </c>
      <c r="AQ1908">
        <v>1.0090694006309151</v>
      </c>
      <c r="AR1908">
        <v>4.0102523659305991</v>
      </c>
      <c r="AS1908">
        <v>2527</v>
      </c>
      <c r="AT1908">
        <v>251.12933753943221</v>
      </c>
      <c r="AU1908">
        <v>1.1611616255334909E-2</v>
      </c>
      <c r="AV1908">
        <v>-9.0288362654468765E-5</v>
      </c>
      <c r="AW1908">
        <v>0.36947949526813878</v>
      </c>
      <c r="AX1908">
        <v>84.718343195266272</v>
      </c>
      <c r="AY1908">
        <v>64</v>
      </c>
      <c r="AZ1908">
        <v>128</v>
      </c>
      <c r="BA1908">
        <v>0.57466380975393516</v>
      </c>
      <c r="BB1908">
        <v>0.49802839116719239</v>
      </c>
      <c r="BC1908">
        <v>5.3043450362872164</v>
      </c>
      <c r="BD1908" t="s">
        <v>7282</v>
      </c>
      <c r="BE1908" t="s">
        <v>68</v>
      </c>
    </row>
    <row r="1909" spans="1:57" x14ac:dyDescent="0.3">
      <c r="A1909" t="s">
        <v>7283</v>
      </c>
      <c r="B1909">
        <v>1572</v>
      </c>
      <c r="C1909" t="s">
        <v>7284</v>
      </c>
      <c r="D1909" t="s">
        <v>7285</v>
      </c>
      <c r="E1909" t="s">
        <v>93</v>
      </c>
      <c r="F1909">
        <v>1574</v>
      </c>
      <c r="G1909">
        <v>130.52668360864041</v>
      </c>
      <c r="H1909">
        <v>132</v>
      </c>
      <c r="I1909">
        <v>5366.2848661298849</v>
      </c>
      <c r="J1909">
        <v>73.254930660876923</v>
      </c>
      <c r="K1909">
        <v>-4.1170378188262177E-2</v>
      </c>
      <c r="L1909">
        <v>-1.1919036338525679</v>
      </c>
      <c r="M1909">
        <v>7.9010288204038472</v>
      </c>
      <c r="N1909">
        <v>14</v>
      </c>
      <c r="O1909">
        <v>1</v>
      </c>
      <c r="P1909">
        <v>13</v>
      </c>
      <c r="Q1909">
        <v>2.2416157807692541</v>
      </c>
      <c r="R1909">
        <v>5.4765758503858004</v>
      </c>
      <c r="S1909">
        <v>2</v>
      </c>
      <c r="T1909">
        <v>1</v>
      </c>
      <c r="U1909">
        <v>1</v>
      </c>
      <c r="V1909">
        <v>0.10696527029424389</v>
      </c>
      <c r="W1909">
        <v>7.3448763947937126</v>
      </c>
      <c r="X1909">
        <v>1</v>
      </c>
      <c r="Y1909">
        <v>1</v>
      </c>
      <c r="Z1909">
        <v>0</v>
      </c>
      <c r="AA1909">
        <v>0</v>
      </c>
      <c r="AB1909">
        <v>7.3601039729891529</v>
      </c>
      <c r="AC1909">
        <v>1</v>
      </c>
      <c r="AD1909">
        <v>1</v>
      </c>
      <c r="AE1909">
        <v>0</v>
      </c>
      <c r="AF1909">
        <v>0</v>
      </c>
      <c r="AG1909">
        <v>7.3594676382556221</v>
      </c>
      <c r="AH1909">
        <v>-2.3960222878866799E-2</v>
      </c>
      <c r="AI1909">
        <v>-1.660459092500564E-2</v>
      </c>
      <c r="AJ1909">
        <v>2.3131500154272211E-3</v>
      </c>
      <c r="AK1909">
        <v>-2.772976302972666E-2</v>
      </c>
      <c r="AL1909">
        <v>2690.8510484018102</v>
      </c>
      <c r="AM1909">
        <v>5293.6215991809286</v>
      </c>
      <c r="AN1909">
        <v>205449</v>
      </c>
      <c r="AO1909">
        <v>28.62688126005856</v>
      </c>
      <c r="AP1909">
        <v>2389.655327128618</v>
      </c>
      <c r="AQ1909">
        <v>1.014612452350699</v>
      </c>
      <c r="AR1909">
        <v>4.0393900889453622</v>
      </c>
      <c r="AS1909">
        <v>1566</v>
      </c>
      <c r="AT1909">
        <v>209.2172808132147</v>
      </c>
      <c r="AU1909">
        <v>2.5751800084709901E-2</v>
      </c>
      <c r="AV1909">
        <v>-2.396168802105109E-2</v>
      </c>
      <c r="AW1909">
        <v>0.36658195679796701</v>
      </c>
      <c r="AX1909">
        <v>85.514939605848696</v>
      </c>
      <c r="AY1909">
        <v>63</v>
      </c>
      <c r="AZ1909">
        <v>125</v>
      </c>
      <c r="BA1909">
        <v>0.56122570983660314</v>
      </c>
      <c r="BB1909">
        <v>0.50825921219822112</v>
      </c>
      <c r="BC1909">
        <v>5.2830585620512602</v>
      </c>
      <c r="BD1909" t="s">
        <v>7286</v>
      </c>
      <c r="BE1909" t="s">
        <v>68</v>
      </c>
    </row>
    <row r="1910" spans="1:57" x14ac:dyDescent="0.3">
      <c r="A1910" t="s">
        <v>7287</v>
      </c>
      <c r="B1910">
        <v>683</v>
      </c>
      <c r="C1910" t="s">
        <v>7288</v>
      </c>
      <c r="D1910" t="s">
        <v>7289</v>
      </c>
      <c r="E1910" t="s">
        <v>98</v>
      </c>
      <c r="F1910">
        <v>16</v>
      </c>
      <c r="G1910">
        <v>118.4375</v>
      </c>
      <c r="H1910">
        <v>126</v>
      </c>
      <c r="I1910">
        <v>5873.74609375</v>
      </c>
      <c r="J1910">
        <v>76.640368564810544</v>
      </c>
      <c r="K1910">
        <v>7.622922881813321E-2</v>
      </c>
      <c r="L1910">
        <v>-1.0585505783269009</v>
      </c>
      <c r="M1910">
        <v>3.75</v>
      </c>
      <c r="N1910">
        <v>2</v>
      </c>
      <c r="O1910">
        <v>1</v>
      </c>
      <c r="P1910">
        <v>1</v>
      </c>
      <c r="Q1910">
        <v>0.3499271061118826</v>
      </c>
      <c r="R1910">
        <v>2.5993019270997948</v>
      </c>
      <c r="S1910">
        <v>1</v>
      </c>
      <c r="T1910">
        <v>1</v>
      </c>
      <c r="U1910">
        <v>0</v>
      </c>
      <c r="V1910">
        <v>0</v>
      </c>
      <c r="W1910">
        <v>2.7080502011022101</v>
      </c>
      <c r="X1910">
        <v>1</v>
      </c>
      <c r="Y1910">
        <v>1</v>
      </c>
      <c r="Z1910">
        <v>0</v>
      </c>
      <c r="AA1910">
        <v>0</v>
      </c>
      <c r="AB1910">
        <v>2.639057329615258</v>
      </c>
      <c r="AC1910">
        <v>1</v>
      </c>
      <c r="AD1910">
        <v>1</v>
      </c>
      <c r="AE1910">
        <v>0</v>
      </c>
      <c r="AF1910">
        <v>0</v>
      </c>
      <c r="AG1910">
        <v>2.5649493574615372</v>
      </c>
      <c r="AH1910">
        <v>0.35462285334835419</v>
      </c>
      <c r="AI1910">
        <v>-4.9373070981240013E-3</v>
      </c>
      <c r="AJ1910">
        <v>-0.52543283007876018</v>
      </c>
      <c r="AK1910">
        <v>0.29464491756551758</v>
      </c>
      <c r="AL1910">
        <v>393.5601443149281</v>
      </c>
      <c r="AM1910">
        <v>404.38770110725801</v>
      </c>
      <c r="AN1910">
        <v>1895</v>
      </c>
      <c r="AO1910">
        <v>163</v>
      </c>
      <c r="AP1910">
        <v>261.17618574441281</v>
      </c>
      <c r="AQ1910">
        <v>2.3125</v>
      </c>
      <c r="AR1910">
        <v>3.9375</v>
      </c>
      <c r="AS1910">
        <v>16</v>
      </c>
      <c r="AT1910">
        <v>1.5</v>
      </c>
      <c r="AU1910">
        <v>0.167004048582996</v>
      </c>
      <c r="AV1910">
        <v>0.40744879767246173</v>
      </c>
      <c r="AW1910">
        <v>0.375</v>
      </c>
      <c r="AX1910">
        <v>66.066666666666663</v>
      </c>
      <c r="AY1910">
        <v>69</v>
      </c>
      <c r="AZ1910">
        <v>108.75</v>
      </c>
      <c r="BA1910">
        <v>0.64709546017781994</v>
      </c>
      <c r="BB1910">
        <v>0.5625</v>
      </c>
      <c r="BC1910">
        <v>2.615630577027551</v>
      </c>
      <c r="BD1910" t="s">
        <v>7288</v>
      </c>
      <c r="BE1910" t="s">
        <v>62</v>
      </c>
    </row>
    <row r="1911" spans="1:57" x14ac:dyDescent="0.3">
      <c r="A1911" t="s">
        <v>7290</v>
      </c>
      <c r="B1911">
        <v>3355</v>
      </c>
      <c r="C1911" t="s">
        <v>7291</v>
      </c>
      <c r="D1911" t="s">
        <v>7292</v>
      </c>
      <c r="E1911" t="s">
        <v>85</v>
      </c>
      <c r="F1911">
        <v>8</v>
      </c>
      <c r="G1911">
        <v>158.875</v>
      </c>
      <c r="H1911">
        <v>154</v>
      </c>
      <c r="I1911">
        <v>4428.359375</v>
      </c>
      <c r="J1911">
        <v>66.545919296377591</v>
      </c>
      <c r="K1911">
        <v>-0.56666129077855931</v>
      </c>
      <c r="L1911">
        <v>-0.25840248701390939</v>
      </c>
      <c r="M1911">
        <v>3</v>
      </c>
      <c r="N1911">
        <v>1</v>
      </c>
      <c r="O1911">
        <v>1</v>
      </c>
      <c r="P1911">
        <v>0</v>
      </c>
      <c r="Q1911">
        <v>0</v>
      </c>
      <c r="R1911">
        <v>2.0794415416798362</v>
      </c>
      <c r="S1911">
        <v>1</v>
      </c>
      <c r="T1911">
        <v>1</v>
      </c>
      <c r="U1911">
        <v>0</v>
      </c>
      <c r="V1911">
        <v>0</v>
      </c>
      <c r="W1911">
        <v>1.945910149055313</v>
      </c>
      <c r="X1911">
        <v>1</v>
      </c>
      <c r="Y1911">
        <v>1</v>
      </c>
      <c r="Z1911">
        <v>0</v>
      </c>
      <c r="AA1911">
        <v>0</v>
      </c>
      <c r="AB1911">
        <v>1.791759469228055</v>
      </c>
      <c r="AC1911">
        <v>1</v>
      </c>
      <c r="AD1911">
        <v>1</v>
      </c>
      <c r="AE1911">
        <v>0</v>
      </c>
      <c r="AF1911">
        <v>0</v>
      </c>
      <c r="AG1911">
        <v>1.6094379124341009</v>
      </c>
      <c r="AH1911">
        <v>1.5341019353245239E-2</v>
      </c>
      <c r="AI1911">
        <v>0.1430508265264718</v>
      </c>
      <c r="AJ1911">
        <v>7.4633929043981445E-2</v>
      </c>
      <c r="AK1911">
        <v>0</v>
      </c>
      <c r="AL1911">
        <v>322.11339266634837</v>
      </c>
      <c r="AM1911">
        <v>365.51328603071988</v>
      </c>
      <c r="AN1911">
        <v>1271</v>
      </c>
      <c r="AO1911">
        <v>15</v>
      </c>
      <c r="AP1911">
        <v>231.53234949559749</v>
      </c>
      <c r="AQ1911">
        <v>3.5</v>
      </c>
      <c r="AR1911">
        <v>4.375</v>
      </c>
      <c r="AS1911">
        <v>8</v>
      </c>
      <c r="AT1911">
        <v>0</v>
      </c>
      <c r="AU1911">
        <v>0.27100000000000002</v>
      </c>
      <c r="AV1911">
        <v>3.2487888377320827E-2</v>
      </c>
      <c r="AW1911">
        <v>0.125</v>
      </c>
      <c r="AX1911">
        <v>74.428571428571431</v>
      </c>
      <c r="AY1911">
        <v>38</v>
      </c>
      <c r="AZ1911">
        <v>73.25</v>
      </c>
      <c r="BA1911">
        <v>0.41885708447759301</v>
      </c>
      <c r="BB1911">
        <v>0.5</v>
      </c>
      <c r="BC1911">
        <v>1.945910149055313</v>
      </c>
      <c r="BD1911" t="s">
        <v>7291</v>
      </c>
      <c r="BE1911" t="s">
        <v>68</v>
      </c>
    </row>
    <row r="1912" spans="1:57" x14ac:dyDescent="0.3">
      <c r="A1912" t="s">
        <v>7293</v>
      </c>
      <c r="B1912">
        <v>1560</v>
      </c>
      <c r="C1912" t="s">
        <v>7294</v>
      </c>
      <c r="D1912" t="s">
        <v>7295</v>
      </c>
      <c r="E1912" t="s">
        <v>72</v>
      </c>
      <c r="F1912">
        <v>1568</v>
      </c>
      <c r="G1912">
        <v>125.3290816326531</v>
      </c>
      <c r="H1912">
        <v>122</v>
      </c>
      <c r="I1912">
        <v>5404.9567562994589</v>
      </c>
      <c r="J1912">
        <v>73.518411002275201</v>
      </c>
      <c r="K1912">
        <v>2.9982352431895769E-2</v>
      </c>
      <c r="L1912">
        <v>-1.2164744755404959</v>
      </c>
      <c r="M1912">
        <v>7.8811172428213263</v>
      </c>
      <c r="N1912">
        <v>12</v>
      </c>
      <c r="O1912">
        <v>1</v>
      </c>
      <c r="P1912">
        <v>11</v>
      </c>
      <c r="Q1912">
        <v>2.3749817377229441</v>
      </c>
      <c r="R1912">
        <v>5.4627741965239682</v>
      </c>
      <c r="S1912">
        <v>2</v>
      </c>
      <c r="T1912">
        <v>1</v>
      </c>
      <c r="U1912">
        <v>1</v>
      </c>
      <c r="V1912">
        <v>0.14508481371677209</v>
      </c>
      <c r="W1912">
        <v>7.3277237854849577</v>
      </c>
      <c r="X1912">
        <v>2</v>
      </c>
      <c r="Y1912">
        <v>1</v>
      </c>
      <c r="Z1912">
        <v>1</v>
      </c>
      <c r="AA1912">
        <v>9.1108853346163504E-2</v>
      </c>
      <c r="AB1912">
        <v>7.3447716858134822</v>
      </c>
      <c r="AC1912">
        <v>2</v>
      </c>
      <c r="AD1912">
        <v>1</v>
      </c>
      <c r="AE1912">
        <v>1</v>
      </c>
      <c r="AF1912">
        <v>7.9934423759845996E-2</v>
      </c>
      <c r="AG1912">
        <v>7.3467829920405787</v>
      </c>
      <c r="AH1912">
        <v>-4.3613873308809012E-3</v>
      </c>
      <c r="AI1912">
        <v>-1.8003352940704442E-2</v>
      </c>
      <c r="AJ1912">
        <v>3.9405718880465582E-2</v>
      </c>
      <c r="AK1912">
        <v>2.720475920070109E-2</v>
      </c>
      <c r="AL1912">
        <v>2686.6717124435409</v>
      </c>
      <c r="AM1912">
        <v>5087.8224329820796</v>
      </c>
      <c r="AN1912">
        <v>196516</v>
      </c>
      <c r="AO1912">
        <v>32.000000000000227</v>
      </c>
      <c r="AP1912">
        <v>2424.4197499645588</v>
      </c>
      <c r="AQ1912">
        <v>1.014668367346939</v>
      </c>
      <c r="AR1912">
        <v>3.9661989795918369</v>
      </c>
      <c r="AS1912">
        <v>1562</v>
      </c>
      <c r="AT1912">
        <v>233.91326530612241</v>
      </c>
      <c r="AU1912">
        <v>3.042967186874751E-2</v>
      </c>
      <c r="AV1912">
        <v>-4.3657676232097854E-3</v>
      </c>
      <c r="AW1912">
        <v>0.38647959183673469</v>
      </c>
      <c r="AX1912">
        <v>84.904275686024249</v>
      </c>
      <c r="AY1912">
        <v>64</v>
      </c>
      <c r="AZ1912">
        <v>127</v>
      </c>
      <c r="BA1912">
        <v>0.58660296592423777</v>
      </c>
      <c r="BB1912">
        <v>0.48596938775510212</v>
      </c>
      <c r="BC1912">
        <v>5.2769170733054338</v>
      </c>
      <c r="BD1912" t="s">
        <v>7296</v>
      </c>
      <c r="BE1912" t="s">
        <v>62</v>
      </c>
    </row>
    <row r="1913" spans="1:57" x14ac:dyDescent="0.3">
      <c r="A1913" t="s">
        <v>7297</v>
      </c>
      <c r="B1913">
        <v>3818</v>
      </c>
      <c r="C1913" t="s">
        <v>7298</v>
      </c>
      <c r="D1913" t="s">
        <v>7299</v>
      </c>
      <c r="E1913" t="s">
        <v>93</v>
      </c>
      <c r="F1913">
        <v>4066</v>
      </c>
      <c r="G1913">
        <v>126.994343334973</v>
      </c>
      <c r="H1913">
        <v>127</v>
      </c>
      <c r="I1913">
        <v>5565.1517141900413</v>
      </c>
      <c r="J1913">
        <v>74.599944465060034</v>
      </c>
      <c r="K1913">
        <v>-2.326919932790255E-4</v>
      </c>
      <c r="L1913">
        <v>-1.2250007009036079</v>
      </c>
      <c r="M1913">
        <v>7.9422279279861936</v>
      </c>
      <c r="N1913">
        <v>32</v>
      </c>
      <c r="O1913">
        <v>6</v>
      </c>
      <c r="P1913">
        <v>26</v>
      </c>
      <c r="Q1913">
        <v>4.5399633357378288</v>
      </c>
      <c r="R1913">
        <v>5.5051328956481047</v>
      </c>
      <c r="S1913">
        <v>3</v>
      </c>
      <c r="T1913">
        <v>1</v>
      </c>
      <c r="U1913">
        <v>2</v>
      </c>
      <c r="V1913">
        <v>0.17106605576106129</v>
      </c>
      <c r="W1913">
        <v>8.2701395783423557</v>
      </c>
      <c r="X1913">
        <v>2</v>
      </c>
      <c r="Y1913">
        <v>1</v>
      </c>
      <c r="Z1913">
        <v>1</v>
      </c>
      <c r="AA1913">
        <v>1.5686394653338119E-2</v>
      </c>
      <c r="AB1913">
        <v>8.3095818735198534</v>
      </c>
      <c r="AC1913">
        <v>1</v>
      </c>
      <c r="AD1913">
        <v>1</v>
      </c>
      <c r="AE1913">
        <v>0</v>
      </c>
      <c r="AF1913">
        <v>0</v>
      </c>
      <c r="AG1913">
        <v>8.3096768959877227</v>
      </c>
      <c r="AH1913">
        <v>3.492725468276307E-3</v>
      </c>
      <c r="AI1913">
        <v>-1.121280292204708E-2</v>
      </c>
      <c r="AJ1913">
        <v>3.2766945727560341E-3</v>
      </c>
      <c r="AK1913">
        <v>-1.3746434707021089E-2</v>
      </c>
      <c r="AL1913">
        <v>4329.196131667115</v>
      </c>
      <c r="AM1913">
        <v>8334.3050012318636</v>
      </c>
      <c r="AN1913">
        <v>516359</v>
      </c>
      <c r="AO1913">
        <v>111.00000000000109</v>
      </c>
      <c r="AP1913">
        <v>3981.3368705261282</v>
      </c>
      <c r="AQ1913">
        <v>1.005656665027054</v>
      </c>
      <c r="AR1913">
        <v>4.0039350713231681</v>
      </c>
      <c r="AS1913">
        <v>4053</v>
      </c>
      <c r="AT1913">
        <v>332.21347761928189</v>
      </c>
      <c r="AU1913">
        <v>1.6209986207960801E-2</v>
      </c>
      <c r="AV1913">
        <v>3.4936293663228989E-3</v>
      </c>
      <c r="AW1913">
        <v>0.36669945892769312</v>
      </c>
      <c r="AX1913">
        <v>85.985239852398522</v>
      </c>
      <c r="AY1913">
        <v>64</v>
      </c>
      <c r="AZ1913">
        <v>128.75</v>
      </c>
      <c r="BA1913">
        <v>0.58742730192547066</v>
      </c>
      <c r="BB1913">
        <v>0.50319724545007383</v>
      </c>
      <c r="BC1913">
        <v>5.3281632738431917</v>
      </c>
      <c r="BD1913" t="s">
        <v>7300</v>
      </c>
      <c r="BE1913" t="s">
        <v>68</v>
      </c>
    </row>
    <row r="1914" spans="1:57" x14ac:dyDescent="0.3">
      <c r="A1914" t="s">
        <v>7301</v>
      </c>
      <c r="B1914">
        <v>1753</v>
      </c>
      <c r="C1914" t="s">
        <v>7302</v>
      </c>
      <c r="D1914" t="s">
        <v>7303</v>
      </c>
      <c r="E1914" t="s">
        <v>115</v>
      </c>
      <c r="F1914">
        <v>1793</v>
      </c>
      <c r="G1914">
        <v>124.861684327942</v>
      </c>
      <c r="H1914">
        <v>122</v>
      </c>
      <c r="I1914">
        <v>5503.5480745751984</v>
      </c>
      <c r="J1914">
        <v>74.185902128202216</v>
      </c>
      <c r="K1914">
        <v>4.66129478595953E-2</v>
      </c>
      <c r="L1914">
        <v>-1.194795021472898</v>
      </c>
      <c r="M1914">
        <v>7.8885152181343772</v>
      </c>
      <c r="N1914">
        <v>15</v>
      </c>
      <c r="O1914">
        <v>1</v>
      </c>
      <c r="P1914">
        <v>14</v>
      </c>
      <c r="Q1914">
        <v>2.6522273433503161</v>
      </c>
      <c r="R1914">
        <v>5.4679020822540636</v>
      </c>
      <c r="S1914">
        <v>3</v>
      </c>
      <c r="T1914">
        <v>1</v>
      </c>
      <c r="U1914">
        <v>2</v>
      </c>
      <c r="V1914">
        <v>0.12944052722460389</v>
      </c>
      <c r="W1914">
        <v>7.4691347529907244</v>
      </c>
      <c r="X1914">
        <v>1</v>
      </c>
      <c r="Y1914">
        <v>1</v>
      </c>
      <c r="Z1914">
        <v>0</v>
      </c>
      <c r="AA1914">
        <v>0</v>
      </c>
      <c r="AB1914">
        <v>7.4905294020607096</v>
      </c>
      <c r="AC1914">
        <v>1</v>
      </c>
      <c r="AD1914">
        <v>1</v>
      </c>
      <c r="AE1914">
        <v>0</v>
      </c>
      <c r="AF1914">
        <v>0</v>
      </c>
      <c r="AG1914">
        <v>7.4899708988347999</v>
      </c>
      <c r="AH1914">
        <v>2.1774346030906621E-2</v>
      </c>
      <c r="AI1914">
        <v>-1.073534632117812E-2</v>
      </c>
      <c r="AJ1914">
        <v>-7.2960962433172754E-3</v>
      </c>
      <c r="AK1914">
        <v>2.2941299716710759E-2</v>
      </c>
      <c r="AL1914">
        <v>2917.5254807719598</v>
      </c>
      <c r="AM1914">
        <v>5413.8309974588537</v>
      </c>
      <c r="AN1914">
        <v>223877</v>
      </c>
      <c r="AO1914">
        <v>174.55936353400671</v>
      </c>
      <c r="AP1914">
        <v>2565.8824806976259</v>
      </c>
      <c r="AQ1914">
        <v>1.012827663134412</v>
      </c>
      <c r="AR1914">
        <v>3.9827105409927501</v>
      </c>
      <c r="AS1914">
        <v>1785</v>
      </c>
      <c r="AT1914">
        <v>255.10652537646399</v>
      </c>
      <c r="AU1914">
        <v>2.7249762146911109E-2</v>
      </c>
      <c r="AV1914">
        <v>2.1794190323533729E-2</v>
      </c>
      <c r="AW1914">
        <v>0.37479085331846068</v>
      </c>
      <c r="AX1914">
        <v>84.558035714285708</v>
      </c>
      <c r="AY1914">
        <v>64</v>
      </c>
      <c r="AZ1914">
        <v>128</v>
      </c>
      <c r="BA1914">
        <v>0.59414465316163145</v>
      </c>
      <c r="BB1914">
        <v>0.49470161740100388</v>
      </c>
      <c r="BC1914">
        <v>5.2753585746540876</v>
      </c>
      <c r="BD1914" t="s">
        <v>7304</v>
      </c>
      <c r="BE1914" t="s">
        <v>68</v>
      </c>
    </row>
    <row r="1915" spans="1:57" x14ac:dyDescent="0.3">
      <c r="A1915" t="s">
        <v>7305</v>
      </c>
      <c r="B1915">
        <v>774</v>
      </c>
      <c r="C1915" t="s">
        <v>7306</v>
      </c>
      <c r="D1915" t="s">
        <v>7307</v>
      </c>
      <c r="E1915" t="s">
        <v>10622</v>
      </c>
      <c r="F1915">
        <v>64</v>
      </c>
      <c r="G1915">
        <v>113.4375</v>
      </c>
      <c r="H1915">
        <v>118</v>
      </c>
      <c r="I1915">
        <v>5095.05859375</v>
      </c>
      <c r="J1915">
        <v>71.37967913734272</v>
      </c>
      <c r="K1915">
        <v>0.12512951408400991</v>
      </c>
      <c r="L1915">
        <v>-0.95716357437042587</v>
      </c>
      <c r="M1915">
        <v>5.738204882778696</v>
      </c>
      <c r="N1915">
        <v>3</v>
      </c>
      <c r="O1915">
        <v>1</v>
      </c>
      <c r="P1915">
        <v>2</v>
      </c>
      <c r="Q1915">
        <v>0.3976974544878587</v>
      </c>
      <c r="R1915">
        <v>3.9774205359733639</v>
      </c>
      <c r="S1915">
        <v>1</v>
      </c>
      <c r="T1915">
        <v>1</v>
      </c>
      <c r="U1915">
        <v>0</v>
      </c>
      <c r="V1915">
        <v>0</v>
      </c>
      <c r="W1915">
        <v>4.1431347263915326</v>
      </c>
      <c r="X1915">
        <v>1</v>
      </c>
      <c r="Y1915">
        <v>1</v>
      </c>
      <c r="Z1915">
        <v>0</v>
      </c>
      <c r="AA1915">
        <v>0</v>
      </c>
      <c r="AB1915">
        <v>4.1271343850450908</v>
      </c>
      <c r="AC1915">
        <v>1</v>
      </c>
      <c r="AD1915">
        <v>1</v>
      </c>
      <c r="AE1915">
        <v>0</v>
      </c>
      <c r="AF1915">
        <v>0</v>
      </c>
      <c r="AG1915">
        <v>4.1108738641733096</v>
      </c>
      <c r="AH1915">
        <v>5.6129164957622081E-2</v>
      </c>
      <c r="AI1915">
        <v>9.2924723134777495E-2</v>
      </c>
      <c r="AJ1915">
        <v>8.9850515300900463E-2</v>
      </c>
      <c r="AK1915">
        <v>4.5753918663533526E-3</v>
      </c>
      <c r="AL1915">
        <v>602.3324944438607</v>
      </c>
      <c r="AM1915">
        <v>887.03752239521214</v>
      </c>
      <c r="AN1915">
        <v>7260</v>
      </c>
      <c r="AO1915">
        <v>92.921527274838155</v>
      </c>
      <c r="AP1915">
        <v>475.97018983683421</v>
      </c>
      <c r="AQ1915">
        <v>1.359375</v>
      </c>
      <c r="AR1915">
        <v>3.875</v>
      </c>
      <c r="AS1915">
        <v>64</v>
      </c>
      <c r="AT1915">
        <v>7.75</v>
      </c>
      <c r="AU1915">
        <v>0.15798611111111119</v>
      </c>
      <c r="AV1915">
        <v>5.7563141052108698E-2</v>
      </c>
      <c r="AW1915">
        <v>0.34375</v>
      </c>
      <c r="AX1915">
        <v>80.571428571428569</v>
      </c>
      <c r="AY1915">
        <v>54</v>
      </c>
      <c r="AZ1915">
        <v>104</v>
      </c>
      <c r="BA1915">
        <v>0.62924235052202948</v>
      </c>
      <c r="BB1915">
        <v>0.515625</v>
      </c>
      <c r="BC1915">
        <v>3.9230880024042492</v>
      </c>
      <c r="BD1915" t="s">
        <v>7308</v>
      </c>
      <c r="BE1915" t="s">
        <v>62</v>
      </c>
    </row>
    <row r="1916" spans="1:57" x14ac:dyDescent="0.3">
      <c r="A1916" t="s">
        <v>7309</v>
      </c>
      <c r="B1916">
        <v>3612</v>
      </c>
      <c r="C1916" t="s">
        <v>7310</v>
      </c>
      <c r="D1916" t="s">
        <v>7311</v>
      </c>
      <c r="E1916" t="s">
        <v>66</v>
      </c>
      <c r="F1916">
        <v>70</v>
      </c>
      <c r="G1916">
        <v>113.9</v>
      </c>
      <c r="H1916">
        <v>98</v>
      </c>
      <c r="I1916">
        <v>6001.9471428571424</v>
      </c>
      <c r="J1916">
        <v>77.472234657696191</v>
      </c>
      <c r="K1916">
        <v>0.28991574318968089</v>
      </c>
      <c r="L1916">
        <v>-1.2568825942244159</v>
      </c>
      <c r="M1916">
        <v>5.9864258740878276</v>
      </c>
      <c r="N1916">
        <v>2</v>
      </c>
      <c r="O1916">
        <v>1</v>
      </c>
      <c r="P1916">
        <v>1</v>
      </c>
      <c r="Q1916">
        <v>0.26646935501059649</v>
      </c>
      <c r="R1916">
        <v>4.1494742162550811</v>
      </c>
      <c r="S1916">
        <v>2</v>
      </c>
      <c r="T1916">
        <v>1</v>
      </c>
      <c r="U1916">
        <v>1</v>
      </c>
      <c r="V1916">
        <v>0.1203728348804772</v>
      </c>
      <c r="W1916">
        <v>4.2140152819723324</v>
      </c>
      <c r="X1916">
        <v>1</v>
      </c>
      <c r="Y1916">
        <v>1</v>
      </c>
      <c r="Z1916">
        <v>0</v>
      </c>
      <c r="AA1916">
        <v>0</v>
      </c>
      <c r="AB1916">
        <v>4.2195077051761087</v>
      </c>
      <c r="AC1916">
        <v>1</v>
      </c>
      <c r="AD1916">
        <v>1</v>
      </c>
      <c r="AE1916">
        <v>0</v>
      </c>
      <c r="AF1916">
        <v>0</v>
      </c>
      <c r="AG1916">
        <v>4.2046926193909648</v>
      </c>
      <c r="AH1916">
        <v>0.1066413209237098</v>
      </c>
      <c r="AI1916">
        <v>-6.5824876355601691E-2</v>
      </c>
      <c r="AJ1916">
        <v>-2.8547283345904659E-2</v>
      </c>
      <c r="AK1916">
        <v>-0.1116190150672532</v>
      </c>
      <c r="AL1916">
        <v>680.39232854827469</v>
      </c>
      <c r="AM1916">
        <v>930.22969166365408</v>
      </c>
      <c r="AN1916">
        <v>7973</v>
      </c>
      <c r="AO1916">
        <v>144.0381350536434</v>
      </c>
      <c r="AP1916">
        <v>547.62074663238275</v>
      </c>
      <c r="AQ1916">
        <v>1.328571428571429</v>
      </c>
      <c r="AR1916">
        <v>3.8285714285714292</v>
      </c>
      <c r="AS1916">
        <v>70</v>
      </c>
      <c r="AT1916">
        <v>4.2857142857142856</v>
      </c>
      <c r="AU1916">
        <v>0.13921568627450981</v>
      </c>
      <c r="AV1916">
        <v>0.10875741019796351</v>
      </c>
      <c r="AW1916">
        <v>0.41428571428571431</v>
      </c>
      <c r="AX1916">
        <v>83.246376811594203</v>
      </c>
      <c r="AY1916">
        <v>65</v>
      </c>
      <c r="AZ1916">
        <v>145</v>
      </c>
      <c r="BA1916">
        <v>0.68017765283315357</v>
      </c>
      <c r="BB1916">
        <v>0.44285714285714278</v>
      </c>
      <c r="BC1916">
        <v>3.8974803297357039</v>
      </c>
      <c r="BD1916" t="s">
        <v>7312</v>
      </c>
      <c r="BE1916" t="s">
        <v>68</v>
      </c>
    </row>
    <row r="1917" spans="1:57" x14ac:dyDescent="0.3">
      <c r="A1917" t="s">
        <v>7313</v>
      </c>
      <c r="B1917">
        <v>1773</v>
      </c>
      <c r="C1917" t="s">
        <v>7314</v>
      </c>
      <c r="D1917" t="s">
        <v>7315</v>
      </c>
      <c r="E1917" t="s">
        <v>106</v>
      </c>
      <c r="F1917">
        <v>1793</v>
      </c>
      <c r="G1917">
        <v>126.4171779141104</v>
      </c>
      <c r="H1917">
        <v>127</v>
      </c>
      <c r="I1917">
        <v>5417.020608432932</v>
      </c>
      <c r="J1917">
        <v>73.600411740919853</v>
      </c>
      <c r="K1917">
        <v>3.6102993760091642E-2</v>
      </c>
      <c r="L1917">
        <v>-1.1761900285253251</v>
      </c>
      <c r="M1917">
        <v>7.9056954375140629</v>
      </c>
      <c r="N1917">
        <v>15</v>
      </c>
      <c r="O1917">
        <v>1</v>
      </c>
      <c r="P1917">
        <v>14</v>
      </c>
      <c r="Q1917">
        <v>2.514796908541709</v>
      </c>
      <c r="R1917">
        <v>5.4798105028784976</v>
      </c>
      <c r="S1917">
        <v>2</v>
      </c>
      <c r="T1917">
        <v>1</v>
      </c>
      <c r="U1917">
        <v>1</v>
      </c>
      <c r="V1917">
        <v>0.1029633962605291</v>
      </c>
      <c r="W1917">
        <v>7.4763891600185381</v>
      </c>
      <c r="X1917">
        <v>1</v>
      </c>
      <c r="Y1917">
        <v>1</v>
      </c>
      <c r="Z1917">
        <v>0</v>
      </c>
      <c r="AA1917">
        <v>0</v>
      </c>
      <c r="AB1917">
        <v>7.4905294020607096</v>
      </c>
      <c r="AC1917">
        <v>1</v>
      </c>
      <c r="AD1917">
        <v>1</v>
      </c>
      <c r="AE1917">
        <v>0</v>
      </c>
      <c r="AF1917">
        <v>0</v>
      </c>
      <c r="AG1917">
        <v>7.4899708988347999</v>
      </c>
      <c r="AH1917">
        <v>-1.164971299106643E-2</v>
      </c>
      <c r="AI1917">
        <v>1.1885604387377719E-2</v>
      </c>
      <c r="AJ1917">
        <v>6.6331083128933939E-3</v>
      </c>
      <c r="AK1917">
        <v>1.9556748890072612E-2</v>
      </c>
      <c r="AL1917">
        <v>2885.991303964277</v>
      </c>
      <c r="AM1917">
        <v>5480.7160292650242</v>
      </c>
      <c r="AN1917">
        <v>226666</v>
      </c>
      <c r="AO1917">
        <v>45.025017704567382</v>
      </c>
      <c r="AP1917">
        <v>2564.0817587853649</v>
      </c>
      <c r="AQ1917">
        <v>1.012827663134412</v>
      </c>
      <c r="AR1917">
        <v>4.0027886224205247</v>
      </c>
      <c r="AS1917">
        <v>1788</v>
      </c>
      <c r="AT1917">
        <v>231.15616285554941</v>
      </c>
      <c r="AU1917">
        <v>1.903918287895201E-2</v>
      </c>
      <c r="AV1917">
        <v>-1.165785579714319E-2</v>
      </c>
      <c r="AW1917">
        <v>0.36475181260457329</v>
      </c>
      <c r="AX1917">
        <v>85.701450892857139</v>
      </c>
      <c r="AY1917">
        <v>63</v>
      </c>
      <c r="AZ1917">
        <v>126</v>
      </c>
      <c r="BA1917">
        <v>0.58220261641123638</v>
      </c>
      <c r="BB1917">
        <v>0.50195203569436697</v>
      </c>
      <c r="BC1917">
        <v>5.2800609947341473</v>
      </c>
      <c r="BD1917" t="s">
        <v>7316</v>
      </c>
      <c r="BE1917" t="s">
        <v>68</v>
      </c>
    </row>
    <row r="1918" spans="1:57" x14ac:dyDescent="0.3">
      <c r="A1918" t="s">
        <v>7317</v>
      </c>
      <c r="B1918">
        <v>829</v>
      </c>
      <c r="C1918" t="s">
        <v>7318</v>
      </c>
      <c r="D1918" t="s">
        <v>7319</v>
      </c>
      <c r="E1918" t="s">
        <v>66</v>
      </c>
      <c r="F1918">
        <v>72</v>
      </c>
      <c r="G1918">
        <v>119.3611111111111</v>
      </c>
      <c r="H1918">
        <v>115</v>
      </c>
      <c r="I1918">
        <v>5845.8418209876554</v>
      </c>
      <c r="J1918">
        <v>76.458105005209575</v>
      </c>
      <c r="K1918">
        <v>9.1874111230681177E-2</v>
      </c>
      <c r="L1918">
        <v>-1.1987474908930991</v>
      </c>
      <c r="M1918">
        <v>5.8261071194678236</v>
      </c>
      <c r="N1918">
        <v>3</v>
      </c>
      <c r="O1918">
        <v>1</v>
      </c>
      <c r="P1918">
        <v>2</v>
      </c>
      <c r="Q1918">
        <v>0.43969686527576402</v>
      </c>
      <c r="R1918">
        <v>4.0383497234993424</v>
      </c>
      <c r="S1918">
        <v>2</v>
      </c>
      <c r="T1918">
        <v>1</v>
      </c>
      <c r="U1918">
        <v>1</v>
      </c>
      <c r="V1918">
        <v>0.16776575221435111</v>
      </c>
      <c r="W1918">
        <v>4.2236293316576567</v>
      </c>
      <c r="X1918">
        <v>2</v>
      </c>
      <c r="Y1918">
        <v>1</v>
      </c>
      <c r="Z1918">
        <v>1</v>
      </c>
      <c r="AA1918">
        <v>0.11951030798891769</v>
      </c>
      <c r="AB1918">
        <v>4.2286910368905044</v>
      </c>
      <c r="AC1918">
        <v>1</v>
      </c>
      <c r="AD1918">
        <v>1</v>
      </c>
      <c r="AE1918">
        <v>0</v>
      </c>
      <c r="AF1918">
        <v>0</v>
      </c>
      <c r="AG1918">
        <v>4.2341065045972579</v>
      </c>
      <c r="AH1918">
        <v>0.22313814290253761</v>
      </c>
      <c r="AI1918">
        <v>0.26802326460490022</v>
      </c>
      <c r="AJ1918">
        <v>-7.6572410154774076E-2</v>
      </c>
      <c r="AK1918">
        <v>8.7671400358012408E-2</v>
      </c>
      <c r="AL1918">
        <v>688.10871570035272</v>
      </c>
      <c r="AM1918">
        <v>986.50716945048646</v>
      </c>
      <c r="AN1918">
        <v>8594</v>
      </c>
      <c r="AO1918">
        <v>37.880288802041648</v>
      </c>
      <c r="AP1918">
        <v>566.72527062617223</v>
      </c>
      <c r="AQ1918">
        <v>1.319444444444444</v>
      </c>
      <c r="AR1918">
        <v>3.6111111111111112</v>
      </c>
      <c r="AS1918">
        <v>72</v>
      </c>
      <c r="AT1918">
        <v>9.6666666666666661</v>
      </c>
      <c r="AU1918">
        <v>7.8302712160979837E-2</v>
      </c>
      <c r="AV1918">
        <v>0.2265901850071734</v>
      </c>
      <c r="AW1918">
        <v>0.34722222222222221</v>
      </c>
      <c r="AX1918">
        <v>80.760563380281695</v>
      </c>
      <c r="AY1918">
        <v>69</v>
      </c>
      <c r="AZ1918">
        <v>126.75</v>
      </c>
      <c r="BA1918">
        <v>0.64056127069759006</v>
      </c>
      <c r="BB1918">
        <v>0.4861111111111111</v>
      </c>
      <c r="BC1918">
        <v>3.962431094498176</v>
      </c>
      <c r="BD1918" t="s">
        <v>7320</v>
      </c>
      <c r="BE1918" t="s">
        <v>68</v>
      </c>
    </row>
    <row r="1919" spans="1:57" x14ac:dyDescent="0.3">
      <c r="A1919" t="s">
        <v>7321</v>
      </c>
      <c r="B1919">
        <v>2821</v>
      </c>
      <c r="C1919" t="s">
        <v>7322</v>
      </c>
      <c r="D1919" t="s">
        <v>7323</v>
      </c>
      <c r="E1919" t="s">
        <v>98</v>
      </c>
      <c r="F1919">
        <v>16</v>
      </c>
      <c r="G1919">
        <v>147</v>
      </c>
      <c r="H1919">
        <v>147.5</v>
      </c>
      <c r="I1919">
        <v>4567</v>
      </c>
      <c r="J1919">
        <v>67.57958271549181</v>
      </c>
      <c r="K1919">
        <v>-2.5425586007219909E-2</v>
      </c>
      <c r="L1919">
        <v>-1.236874750359451</v>
      </c>
      <c r="M1919">
        <v>3.75</v>
      </c>
      <c r="N1919">
        <v>2</v>
      </c>
      <c r="O1919">
        <v>1</v>
      </c>
      <c r="P1919">
        <v>1</v>
      </c>
      <c r="Q1919">
        <v>0.3499271061118826</v>
      </c>
      <c r="R1919">
        <v>2.5993019270997948</v>
      </c>
      <c r="S1919">
        <v>1</v>
      </c>
      <c r="T1919">
        <v>1</v>
      </c>
      <c r="U1919">
        <v>0</v>
      </c>
      <c r="V1919">
        <v>0</v>
      </c>
      <c r="W1919">
        <v>2.7080502011022101</v>
      </c>
      <c r="X1919">
        <v>1</v>
      </c>
      <c r="Y1919">
        <v>1</v>
      </c>
      <c r="Z1919">
        <v>0</v>
      </c>
      <c r="AA1919">
        <v>0</v>
      </c>
      <c r="AB1919">
        <v>2.639057329615258</v>
      </c>
      <c r="AC1919">
        <v>1</v>
      </c>
      <c r="AD1919">
        <v>1</v>
      </c>
      <c r="AE1919">
        <v>0</v>
      </c>
      <c r="AF1919">
        <v>0</v>
      </c>
      <c r="AG1919">
        <v>2.5649493574615372</v>
      </c>
      <c r="AH1919">
        <v>-8.4108824173418001E-2</v>
      </c>
      <c r="AI1919">
        <v>-4.0179548938033723E-2</v>
      </c>
      <c r="AJ1919">
        <v>0.10807149113203419</v>
      </c>
      <c r="AK1919">
        <v>0.24726297350558349</v>
      </c>
      <c r="AL1919">
        <v>388.39471841405231</v>
      </c>
      <c r="AM1919">
        <v>517.65388311889342</v>
      </c>
      <c r="AN1919">
        <v>2352</v>
      </c>
      <c r="AO1919">
        <v>116.91122808214971</v>
      </c>
      <c r="AP1919">
        <v>245.7816967634499</v>
      </c>
      <c r="AQ1919">
        <v>2.3125</v>
      </c>
      <c r="AR1919">
        <v>4.1875</v>
      </c>
      <c r="AS1919">
        <v>15</v>
      </c>
      <c r="AT1919">
        <v>1.5</v>
      </c>
      <c r="AU1919">
        <v>0.18032786885245899</v>
      </c>
      <c r="AV1919">
        <v>-9.0687463576605148E-2</v>
      </c>
      <c r="AW1919">
        <v>0.375</v>
      </c>
      <c r="AX1919">
        <v>78.400000000000006</v>
      </c>
      <c r="AY1919">
        <v>63</v>
      </c>
      <c r="AZ1919">
        <v>103</v>
      </c>
      <c r="BA1919">
        <v>0.45972505248633883</v>
      </c>
      <c r="BB1919">
        <v>0.5</v>
      </c>
      <c r="BC1919">
        <v>2.7080502011022101</v>
      </c>
      <c r="BD1919" t="s">
        <v>7322</v>
      </c>
      <c r="BE1919" t="s">
        <v>62</v>
      </c>
    </row>
    <row r="1920" spans="1:57" x14ac:dyDescent="0.3">
      <c r="A1920" t="s">
        <v>7324</v>
      </c>
      <c r="B1920">
        <v>2136</v>
      </c>
      <c r="C1920" t="s">
        <v>7325</v>
      </c>
      <c r="D1920" t="s">
        <v>7326</v>
      </c>
      <c r="E1920" t="s">
        <v>106</v>
      </c>
      <c r="F1920">
        <v>2172</v>
      </c>
      <c r="G1920">
        <v>127.53867403314921</v>
      </c>
      <c r="H1920">
        <v>128</v>
      </c>
      <c r="I1920">
        <v>5488.7659997151077</v>
      </c>
      <c r="J1920">
        <v>74.086206541535844</v>
      </c>
      <c r="K1920">
        <v>-3.787875100085397E-3</v>
      </c>
      <c r="L1920">
        <v>-1.1797113027297459</v>
      </c>
      <c r="M1920">
        <v>7.9071817157120776</v>
      </c>
      <c r="N1920">
        <v>19</v>
      </c>
      <c r="O1920">
        <v>2</v>
      </c>
      <c r="P1920">
        <v>17</v>
      </c>
      <c r="Q1920">
        <v>3.0464743326302619</v>
      </c>
      <c r="R1920">
        <v>5.4808407124209726</v>
      </c>
      <c r="S1920">
        <v>3</v>
      </c>
      <c r="T1920">
        <v>1</v>
      </c>
      <c r="U1920">
        <v>2</v>
      </c>
      <c r="V1920">
        <v>0.13234150387609109</v>
      </c>
      <c r="W1920">
        <v>7.6597143144457362</v>
      </c>
      <c r="X1920">
        <v>1</v>
      </c>
      <c r="Y1920">
        <v>1</v>
      </c>
      <c r="Z1920">
        <v>0</v>
      </c>
      <c r="AA1920">
        <v>0</v>
      </c>
      <c r="AB1920">
        <v>7.6824824465345047</v>
      </c>
      <c r="AC1920">
        <v>1</v>
      </c>
      <c r="AD1920">
        <v>1</v>
      </c>
      <c r="AE1920">
        <v>0</v>
      </c>
      <c r="AF1920">
        <v>0</v>
      </c>
      <c r="AG1920">
        <v>7.6820215108268739</v>
      </c>
      <c r="AH1920">
        <v>2.8693709245940269E-2</v>
      </c>
      <c r="AI1920">
        <v>8.0541187790613596E-3</v>
      </c>
      <c r="AJ1920">
        <v>3.8088472963689723E-2</v>
      </c>
      <c r="AK1920">
        <v>-3.9925195904131738E-2</v>
      </c>
      <c r="AL1920">
        <v>3198.1074570692131</v>
      </c>
      <c r="AM1920">
        <v>6084.7108964221388</v>
      </c>
      <c r="AN1920">
        <v>277014</v>
      </c>
      <c r="AO1920">
        <v>153.5728834864133</v>
      </c>
      <c r="AP1920">
        <v>2886.6539467968528</v>
      </c>
      <c r="AQ1920">
        <v>1.010589318600368</v>
      </c>
      <c r="AR1920">
        <v>3.99171270718232</v>
      </c>
      <c r="AS1920">
        <v>2166</v>
      </c>
      <c r="AT1920">
        <v>280.03683241252298</v>
      </c>
      <c r="AU1920">
        <v>1.2474271476546421E-2</v>
      </c>
      <c r="AV1920">
        <v>2.871124571130448E-2</v>
      </c>
      <c r="AW1920">
        <v>0.36325966850828728</v>
      </c>
      <c r="AX1920">
        <v>83.949792722247807</v>
      </c>
      <c r="AY1920">
        <v>64</v>
      </c>
      <c r="AZ1920">
        <v>127</v>
      </c>
      <c r="BA1920">
        <v>0.58089208707219075</v>
      </c>
      <c r="BB1920">
        <v>0.50322283609576424</v>
      </c>
      <c r="BC1920">
        <v>5.2786232649199523</v>
      </c>
      <c r="BD1920" t="s">
        <v>7327</v>
      </c>
      <c r="BE1920" t="s">
        <v>68</v>
      </c>
    </row>
    <row r="1921" spans="1:57" x14ac:dyDescent="0.3">
      <c r="A1921" t="s">
        <v>7328</v>
      </c>
      <c r="B1921">
        <v>2742</v>
      </c>
      <c r="C1921" t="s">
        <v>7329</v>
      </c>
      <c r="D1921" t="s">
        <v>7330</v>
      </c>
      <c r="E1921" t="s">
        <v>72</v>
      </c>
      <c r="F1921">
        <v>2760</v>
      </c>
      <c r="G1921">
        <v>128.08115942028991</v>
      </c>
      <c r="H1921">
        <v>129</v>
      </c>
      <c r="I1921">
        <v>5551.1100798151647</v>
      </c>
      <c r="J1921">
        <v>74.505772124145963</v>
      </c>
      <c r="K1921">
        <v>-2.643918190089491E-2</v>
      </c>
      <c r="L1921">
        <v>-1.2146685420813179</v>
      </c>
      <c r="M1921">
        <v>7.9447164940608008</v>
      </c>
      <c r="N1921">
        <v>19</v>
      </c>
      <c r="O1921">
        <v>4</v>
      </c>
      <c r="P1921">
        <v>15</v>
      </c>
      <c r="Q1921">
        <v>2.9828611998381689</v>
      </c>
      <c r="R1921">
        <v>5.5068578382063436</v>
      </c>
      <c r="S1921">
        <v>2</v>
      </c>
      <c r="T1921">
        <v>1</v>
      </c>
      <c r="U1921">
        <v>1</v>
      </c>
      <c r="V1921">
        <v>0.14986672195868159</v>
      </c>
      <c r="W1921">
        <v>7.8914708919449286</v>
      </c>
      <c r="X1921">
        <v>2</v>
      </c>
      <c r="Y1921">
        <v>1</v>
      </c>
      <c r="Z1921">
        <v>1</v>
      </c>
      <c r="AA1921">
        <v>1.904157380980295E-2</v>
      </c>
      <c r="AB1921">
        <v>7.9217584135522596</v>
      </c>
      <c r="AC1921">
        <v>1</v>
      </c>
      <c r="AD1921">
        <v>1</v>
      </c>
      <c r="AE1921">
        <v>0</v>
      </c>
      <c r="AF1921">
        <v>0</v>
      </c>
      <c r="AG1921">
        <v>7.9218984110237951</v>
      </c>
      <c r="AH1921">
        <v>-6.9306687464112003E-3</v>
      </c>
      <c r="AI1921">
        <v>-9.1938394899810233E-3</v>
      </c>
      <c r="AJ1921">
        <v>-1.216600829043935E-2</v>
      </c>
      <c r="AK1921">
        <v>-2.7844843850508322E-3</v>
      </c>
      <c r="AL1921">
        <v>3579.603073156949</v>
      </c>
      <c r="AM1921">
        <v>6912.6483954158484</v>
      </c>
      <c r="AN1921">
        <v>353504</v>
      </c>
      <c r="AO1921">
        <v>83.093623856113567</v>
      </c>
      <c r="AP1921">
        <v>3228.6378467200961</v>
      </c>
      <c r="AQ1921">
        <v>1.0083333333333331</v>
      </c>
      <c r="AR1921">
        <v>4.005797101449275</v>
      </c>
      <c r="AS1921">
        <v>2750</v>
      </c>
      <c r="AT1921">
        <v>211.26956521739129</v>
      </c>
      <c r="AU1921">
        <v>1.3299232736572851E-2</v>
      </c>
      <c r="AV1921">
        <v>-6.9324743537308529E-3</v>
      </c>
      <c r="AW1921">
        <v>0.35833333333333328</v>
      </c>
      <c r="AX1921">
        <v>86.863356288510332</v>
      </c>
      <c r="AY1921">
        <v>65</v>
      </c>
      <c r="AZ1921">
        <v>130</v>
      </c>
      <c r="BA1921">
        <v>0.58170750843736663</v>
      </c>
      <c r="BB1921">
        <v>0.50289855072463763</v>
      </c>
      <c r="BC1921">
        <v>5.3155957596948049</v>
      </c>
      <c r="BD1921" t="s">
        <v>7331</v>
      </c>
      <c r="BE1921" t="s">
        <v>68</v>
      </c>
    </row>
    <row r="1922" spans="1:57" x14ac:dyDescent="0.3">
      <c r="A1922" t="s">
        <v>7332</v>
      </c>
      <c r="B1922">
        <v>3073</v>
      </c>
      <c r="C1922" t="s">
        <v>7333</v>
      </c>
      <c r="D1922" t="s">
        <v>7334</v>
      </c>
      <c r="E1922" t="s">
        <v>72</v>
      </c>
      <c r="F1922">
        <v>3080</v>
      </c>
      <c r="G1922">
        <v>127.34415584415579</v>
      </c>
      <c r="H1922">
        <v>126.5</v>
      </c>
      <c r="I1922">
        <v>5608.5776606510371</v>
      </c>
      <c r="J1922">
        <v>74.890437711706809</v>
      </c>
      <c r="K1922">
        <v>1.793673612152056E-3</v>
      </c>
      <c r="L1922">
        <v>-1.2034640217963299</v>
      </c>
      <c r="M1922">
        <v>7.9358142201870434</v>
      </c>
      <c r="N1922">
        <v>23</v>
      </c>
      <c r="O1922">
        <v>4</v>
      </c>
      <c r="P1922">
        <v>19</v>
      </c>
      <c r="Q1922">
        <v>3.5596205468420372</v>
      </c>
      <c r="R1922">
        <v>5.5006872521701657</v>
      </c>
      <c r="S1922">
        <v>3</v>
      </c>
      <c r="T1922">
        <v>1</v>
      </c>
      <c r="U1922">
        <v>2</v>
      </c>
      <c r="V1922">
        <v>0.16711643942412191</v>
      </c>
      <c r="W1922">
        <v>7.994369899636796</v>
      </c>
      <c r="X1922">
        <v>2</v>
      </c>
      <c r="Y1922">
        <v>1</v>
      </c>
      <c r="Z1922">
        <v>1</v>
      </c>
      <c r="AA1922">
        <v>2.549063170859904E-2</v>
      </c>
      <c r="AB1922">
        <v>8.0311345383357171</v>
      </c>
      <c r="AC1922">
        <v>1</v>
      </c>
      <c r="AD1922">
        <v>1</v>
      </c>
      <c r="AE1922">
        <v>0</v>
      </c>
      <c r="AF1922">
        <v>0</v>
      </c>
      <c r="AG1922">
        <v>8.0317103753220422</v>
      </c>
      <c r="AH1922">
        <v>2.355613987449591E-2</v>
      </c>
      <c r="AI1922">
        <v>-2.3349368792127761E-3</v>
      </c>
      <c r="AJ1922">
        <v>-1.7650685346246549E-3</v>
      </c>
      <c r="AK1922">
        <v>-8.3898563904332335E-4</v>
      </c>
      <c r="AL1922">
        <v>3803.1921574577291</v>
      </c>
      <c r="AM1922">
        <v>7263.4064607078153</v>
      </c>
      <c r="AN1922">
        <v>392220</v>
      </c>
      <c r="AO1922">
        <v>40.406190376714846</v>
      </c>
      <c r="AP1922">
        <v>3460.9864132883122</v>
      </c>
      <c r="AQ1922">
        <v>1.007467532467532</v>
      </c>
      <c r="AR1922">
        <v>4.002272727272727</v>
      </c>
      <c r="AS1922">
        <v>3072</v>
      </c>
      <c r="AT1922">
        <v>269.61038961038957</v>
      </c>
      <c r="AU1922">
        <v>1.809269162210338E-2</v>
      </c>
      <c r="AV1922">
        <v>2.356651183367903E-2</v>
      </c>
      <c r="AW1922">
        <v>0.36266233766233769</v>
      </c>
      <c r="AX1922">
        <v>85.607015264696329</v>
      </c>
      <c r="AY1922">
        <v>64.5</v>
      </c>
      <c r="AZ1922">
        <v>128.25</v>
      </c>
      <c r="BA1922">
        <v>0.58809481452260715</v>
      </c>
      <c r="BB1922">
        <v>0.49545454545454548</v>
      </c>
      <c r="BC1922">
        <v>5.3052020131691009</v>
      </c>
      <c r="BD1922" t="s">
        <v>7335</v>
      </c>
      <c r="BE1922" t="s">
        <v>68</v>
      </c>
    </row>
    <row r="1923" spans="1:57" x14ac:dyDescent="0.3">
      <c r="A1923" t="s">
        <v>7336</v>
      </c>
      <c r="B1923">
        <v>2062</v>
      </c>
      <c r="C1923" t="s">
        <v>7337</v>
      </c>
      <c r="D1923" t="s">
        <v>7338</v>
      </c>
      <c r="E1923" t="s">
        <v>66</v>
      </c>
      <c r="F1923">
        <v>70</v>
      </c>
      <c r="G1923">
        <v>108.1571428571429</v>
      </c>
      <c r="H1923">
        <v>96.5</v>
      </c>
      <c r="I1923">
        <v>5176.1610204081644</v>
      </c>
      <c r="J1923">
        <v>71.945542046802075</v>
      </c>
      <c r="K1923">
        <v>0.32148875728691739</v>
      </c>
      <c r="L1923">
        <v>-1.0852352733177719</v>
      </c>
      <c r="M1923">
        <v>5.9007115883735421</v>
      </c>
      <c r="N1923">
        <v>2</v>
      </c>
      <c r="O1923">
        <v>1</v>
      </c>
      <c r="P1923">
        <v>1</v>
      </c>
      <c r="Q1923">
        <v>0.33523564017462137</v>
      </c>
      <c r="R1923">
        <v>4.0900616007785153</v>
      </c>
      <c r="S1923">
        <v>2</v>
      </c>
      <c r="T1923">
        <v>1</v>
      </c>
      <c r="U1923">
        <v>1</v>
      </c>
      <c r="V1923">
        <v>0.1203728348804772</v>
      </c>
      <c r="W1923">
        <v>4.2140152819723324</v>
      </c>
      <c r="X1923">
        <v>1</v>
      </c>
      <c r="Y1923">
        <v>1</v>
      </c>
      <c r="Z1923">
        <v>0</v>
      </c>
      <c r="AA1923">
        <v>0</v>
      </c>
      <c r="AB1923">
        <v>4.2195077051761087</v>
      </c>
      <c r="AC1923">
        <v>1</v>
      </c>
      <c r="AD1923">
        <v>1</v>
      </c>
      <c r="AE1923">
        <v>0</v>
      </c>
      <c r="AF1923">
        <v>0</v>
      </c>
      <c r="AG1923">
        <v>4.2046926193909648</v>
      </c>
      <c r="AH1923">
        <v>-2.034971740231201E-2</v>
      </c>
      <c r="AI1923">
        <v>0.1949190436130544</v>
      </c>
      <c r="AJ1923">
        <v>-6.6734369584654073E-3</v>
      </c>
      <c r="AK1923">
        <v>0.1143162917835653</v>
      </c>
      <c r="AL1923">
        <v>647.56710609303445</v>
      </c>
      <c r="AM1923">
        <v>872.83781030973478</v>
      </c>
      <c r="AN1923">
        <v>7571</v>
      </c>
      <c r="AO1923">
        <v>43.000000000000092</v>
      </c>
      <c r="AP1923">
        <v>494.62576440872232</v>
      </c>
      <c r="AQ1923">
        <v>1.328571428571429</v>
      </c>
      <c r="AR1923">
        <v>3.8142857142857149</v>
      </c>
      <c r="AS1923">
        <v>70</v>
      </c>
      <c r="AT1923">
        <v>6.1714285714285744</v>
      </c>
      <c r="AU1923">
        <v>0.16190476190476191</v>
      </c>
      <c r="AV1923">
        <v>-2.0456441406596151E-2</v>
      </c>
      <c r="AW1923">
        <v>0.45714285714285707</v>
      </c>
      <c r="AX1923">
        <v>82.94202898550725</v>
      </c>
      <c r="AY1923">
        <v>59</v>
      </c>
      <c r="AZ1923">
        <v>111.5</v>
      </c>
      <c r="BA1923">
        <v>0.66519455069028466</v>
      </c>
      <c r="BB1923">
        <v>0.44285714285714278</v>
      </c>
      <c r="BC1923">
        <v>4.0256109719166293</v>
      </c>
      <c r="BD1923" t="s">
        <v>7339</v>
      </c>
      <c r="BE1923" t="s">
        <v>68</v>
      </c>
    </row>
    <row r="1924" spans="1:57" x14ac:dyDescent="0.3">
      <c r="A1924" t="s">
        <v>7340</v>
      </c>
      <c r="B1924">
        <v>136</v>
      </c>
      <c r="C1924" t="s">
        <v>7341</v>
      </c>
      <c r="D1924" t="s">
        <v>7342</v>
      </c>
      <c r="E1924" t="s">
        <v>60</v>
      </c>
      <c r="F1924">
        <v>512</v>
      </c>
      <c r="G1924">
        <v>122.69140625</v>
      </c>
      <c r="H1924">
        <v>120</v>
      </c>
      <c r="I1924">
        <v>4852.0219573974609</v>
      </c>
      <c r="J1924">
        <v>69.656456681326105</v>
      </c>
      <c r="K1924">
        <v>7.5649402739238675E-2</v>
      </c>
      <c r="L1924">
        <v>-1.0525833608408259</v>
      </c>
      <c r="M1924">
        <v>7.555283712480815</v>
      </c>
      <c r="N1924">
        <v>7</v>
      </c>
      <c r="O1924">
        <v>1</v>
      </c>
      <c r="P1924">
        <v>6</v>
      </c>
      <c r="Q1924">
        <v>1.3228836086367659</v>
      </c>
      <c r="R1924">
        <v>5.2369236036365523</v>
      </c>
      <c r="S1924">
        <v>2</v>
      </c>
      <c r="T1924">
        <v>1</v>
      </c>
      <c r="U1924">
        <v>1</v>
      </c>
      <c r="V1924">
        <v>8.8472037443809867E-2</v>
      </c>
      <c r="W1924">
        <v>6.2255179709385784</v>
      </c>
      <c r="X1924">
        <v>1</v>
      </c>
      <c r="Y1924">
        <v>1</v>
      </c>
      <c r="Z1924">
        <v>0</v>
      </c>
      <c r="AA1924">
        <v>0</v>
      </c>
      <c r="AB1924">
        <v>6.2344107257183694</v>
      </c>
      <c r="AC1924">
        <v>1</v>
      </c>
      <c r="AD1924">
        <v>1</v>
      </c>
      <c r="AE1924">
        <v>0</v>
      </c>
      <c r="AF1924">
        <v>0</v>
      </c>
      <c r="AG1924">
        <v>6.2324480165505216</v>
      </c>
      <c r="AH1924">
        <v>1.409482689592835E-2</v>
      </c>
      <c r="AI1924">
        <v>-3.1262682538334679E-3</v>
      </c>
      <c r="AJ1924">
        <v>3.2551578200996273E-2</v>
      </c>
      <c r="AK1924">
        <v>-0.1108023177270222</v>
      </c>
      <c r="AL1924">
        <v>1526.9949879955141</v>
      </c>
      <c r="AM1924">
        <v>2803.524622084954</v>
      </c>
      <c r="AN1924">
        <v>62818</v>
      </c>
      <c r="AO1924">
        <v>97.474721586139282</v>
      </c>
      <c r="AP1924">
        <v>1375.5995696503021</v>
      </c>
      <c r="AQ1924">
        <v>1.044921875</v>
      </c>
      <c r="AR1924">
        <v>3.85546875</v>
      </c>
      <c r="AS1924">
        <v>510</v>
      </c>
      <c r="AT1924">
        <v>162.4375</v>
      </c>
      <c r="AU1924">
        <v>5.7529105392156832E-2</v>
      </c>
      <c r="AV1924">
        <v>1.410347780579559E-2</v>
      </c>
      <c r="AW1924">
        <v>0.3984375</v>
      </c>
      <c r="AX1924">
        <v>80.305283757338557</v>
      </c>
      <c r="AY1924">
        <v>56.5</v>
      </c>
      <c r="AZ1924">
        <v>113.25</v>
      </c>
      <c r="BA1924">
        <v>0.56773704703809358</v>
      </c>
      <c r="BB1924">
        <v>0.486328125</v>
      </c>
      <c r="BC1924">
        <v>5.0378359591743234</v>
      </c>
      <c r="BD1924" t="s">
        <v>7343</v>
      </c>
      <c r="BE1924" t="s">
        <v>62</v>
      </c>
    </row>
    <row r="1925" spans="1:57" x14ac:dyDescent="0.3">
      <c r="A1925" t="s">
        <v>7344</v>
      </c>
      <c r="B1925">
        <v>2269</v>
      </c>
      <c r="C1925" t="s">
        <v>7345</v>
      </c>
      <c r="D1925" t="s">
        <v>7346</v>
      </c>
      <c r="E1925" t="s">
        <v>115</v>
      </c>
      <c r="F1925">
        <v>2335</v>
      </c>
      <c r="G1925">
        <v>129.05267665952891</v>
      </c>
      <c r="H1925">
        <v>131</v>
      </c>
      <c r="I1925">
        <v>5467.6105014008044</v>
      </c>
      <c r="J1925">
        <v>73.943292470654868</v>
      </c>
      <c r="K1925">
        <v>-4.5465549152063273E-2</v>
      </c>
      <c r="L1925">
        <v>-1.1909254606136139</v>
      </c>
      <c r="M1925">
        <v>7.9210116833559354</v>
      </c>
      <c r="N1925">
        <v>17</v>
      </c>
      <c r="O1925">
        <v>2</v>
      </c>
      <c r="P1925">
        <v>15</v>
      </c>
      <c r="Q1925">
        <v>2.8886020027308539</v>
      </c>
      <c r="R1925">
        <v>5.4904269155005556</v>
      </c>
      <c r="S1925">
        <v>2</v>
      </c>
      <c r="T1925">
        <v>1</v>
      </c>
      <c r="U1925">
        <v>1</v>
      </c>
      <c r="V1925">
        <v>0.13570857556667179</v>
      </c>
      <c r="W1925">
        <v>7.7297986853708558</v>
      </c>
      <c r="X1925">
        <v>1</v>
      </c>
      <c r="Y1925">
        <v>1</v>
      </c>
      <c r="Z1925">
        <v>0</v>
      </c>
      <c r="AA1925">
        <v>0</v>
      </c>
      <c r="AB1925">
        <v>7.75491027202143</v>
      </c>
      <c r="AC1925">
        <v>1</v>
      </c>
      <c r="AD1925">
        <v>1</v>
      </c>
      <c r="AE1925">
        <v>0</v>
      </c>
      <c r="AF1925">
        <v>0</v>
      </c>
      <c r="AG1925">
        <v>7.7544815474703803</v>
      </c>
      <c r="AH1925">
        <v>6.2142264855963997E-4</v>
      </c>
      <c r="AI1925">
        <v>6.9359933416452508E-3</v>
      </c>
      <c r="AJ1925">
        <v>4.2262115585835923E-3</v>
      </c>
      <c r="AK1925">
        <v>1.0195427103433539E-2</v>
      </c>
      <c r="AL1925">
        <v>3296.8892449391869</v>
      </c>
      <c r="AM1925">
        <v>6386.3813937631612</v>
      </c>
      <c r="AN1925">
        <v>301338</v>
      </c>
      <c r="AO1925">
        <v>173.8063212307201</v>
      </c>
      <c r="AP1925">
        <v>3041.5051307541771</v>
      </c>
      <c r="AQ1925">
        <v>1.009850107066381</v>
      </c>
      <c r="AR1925">
        <v>4.0055674518201281</v>
      </c>
      <c r="AS1925">
        <v>2328</v>
      </c>
      <c r="AT1925">
        <v>232.3640256959315</v>
      </c>
      <c r="AU1925">
        <v>2.1169752697652981E-2</v>
      </c>
      <c r="AV1925">
        <v>6.2184443769332492E-4</v>
      </c>
      <c r="AW1925">
        <v>0.35674518201284788</v>
      </c>
      <c r="AX1925">
        <v>85.917309340188524</v>
      </c>
      <c r="AY1925">
        <v>64</v>
      </c>
      <c r="AZ1925">
        <v>128</v>
      </c>
      <c r="BA1925">
        <v>0.57296984754322089</v>
      </c>
      <c r="BB1925">
        <v>0.50578158458244116</v>
      </c>
      <c r="BC1925">
        <v>5.3045108008400366</v>
      </c>
      <c r="BD1925" t="s">
        <v>7347</v>
      </c>
      <c r="BE1925" t="s">
        <v>68</v>
      </c>
    </row>
    <row r="1926" spans="1:57" x14ac:dyDescent="0.3">
      <c r="A1926" t="s">
        <v>7348</v>
      </c>
      <c r="B1926">
        <v>150</v>
      </c>
      <c r="C1926" t="s">
        <v>7349</v>
      </c>
      <c r="D1926" t="s">
        <v>7350</v>
      </c>
      <c r="E1926" t="s">
        <v>60</v>
      </c>
      <c r="F1926">
        <v>256</v>
      </c>
      <c r="G1926">
        <v>121.41796875</v>
      </c>
      <c r="H1926">
        <v>118.5</v>
      </c>
      <c r="I1926">
        <v>5243.6729583740234</v>
      </c>
      <c r="J1926">
        <v>72.413209833386219</v>
      </c>
      <c r="K1926">
        <v>3.7400827807693382E-2</v>
      </c>
      <c r="L1926">
        <v>-1.16989370132707</v>
      </c>
      <c r="M1926">
        <v>7.1340318730115149</v>
      </c>
      <c r="N1926">
        <v>5</v>
      </c>
      <c r="O1926">
        <v>1</v>
      </c>
      <c r="P1926">
        <v>4</v>
      </c>
      <c r="Q1926">
        <v>0.83898367492686243</v>
      </c>
      <c r="R1926">
        <v>4.9449340788027172</v>
      </c>
      <c r="S1926">
        <v>1</v>
      </c>
      <c r="T1926">
        <v>1</v>
      </c>
      <c r="U1926">
        <v>0</v>
      </c>
      <c r="V1926">
        <v>0</v>
      </c>
      <c r="W1926">
        <v>5.541263545158424</v>
      </c>
      <c r="X1926">
        <v>1</v>
      </c>
      <c r="Y1926">
        <v>1</v>
      </c>
      <c r="Z1926">
        <v>0</v>
      </c>
      <c r="AA1926">
        <v>0</v>
      </c>
      <c r="AB1926">
        <v>5.5373342670185366</v>
      </c>
      <c r="AC1926">
        <v>1</v>
      </c>
      <c r="AD1926">
        <v>1</v>
      </c>
      <c r="AE1926">
        <v>0</v>
      </c>
      <c r="AF1926">
        <v>0</v>
      </c>
      <c r="AG1926">
        <v>5.5333894887275203</v>
      </c>
      <c r="AH1926">
        <v>3.8616206428813388E-2</v>
      </c>
      <c r="AI1926">
        <v>-6.6723142023699033E-3</v>
      </c>
      <c r="AJ1926">
        <v>-0.1067495413756252</v>
      </c>
      <c r="AK1926">
        <v>-2.1477844218487991E-2</v>
      </c>
      <c r="AL1926">
        <v>1106.883830834415</v>
      </c>
      <c r="AM1926">
        <v>1972.6183576752319</v>
      </c>
      <c r="AN1926">
        <v>31083</v>
      </c>
      <c r="AO1926">
        <v>51.467241507821917</v>
      </c>
      <c r="AP1926">
        <v>934.86344755000459</v>
      </c>
      <c r="AQ1926">
        <v>1.08984375</v>
      </c>
      <c r="AR1926">
        <v>3.796875</v>
      </c>
      <c r="AS1926">
        <v>252</v>
      </c>
      <c r="AT1926">
        <v>68.640625</v>
      </c>
      <c r="AU1926">
        <v>5.2542892156862697E-2</v>
      </c>
      <c r="AV1926">
        <v>3.8747001799331812E-2</v>
      </c>
      <c r="AW1926">
        <v>0.39453125</v>
      </c>
      <c r="AX1926">
        <v>81.654901960784315</v>
      </c>
      <c r="AY1926">
        <v>67.5</v>
      </c>
      <c r="AZ1926">
        <v>130.75</v>
      </c>
      <c r="BA1926">
        <v>0.59639615601283247</v>
      </c>
      <c r="BB1926">
        <v>0.4921875</v>
      </c>
      <c r="BC1926">
        <v>4.7416487366522047</v>
      </c>
      <c r="BD1926" t="s">
        <v>7351</v>
      </c>
      <c r="BE1926" t="s">
        <v>62</v>
      </c>
    </row>
    <row r="1927" spans="1:57" x14ac:dyDescent="0.3">
      <c r="A1927" t="s">
        <v>7352</v>
      </c>
      <c r="B1927">
        <v>3760</v>
      </c>
      <c r="C1927" t="s">
        <v>7353</v>
      </c>
      <c r="D1927" t="s">
        <v>7354</v>
      </c>
      <c r="E1927" t="s">
        <v>72</v>
      </c>
      <c r="F1927">
        <v>3768</v>
      </c>
      <c r="G1927">
        <v>127.85138004246279</v>
      </c>
      <c r="H1927">
        <v>128</v>
      </c>
      <c r="I1927">
        <v>5475.477912108222</v>
      </c>
      <c r="J1927">
        <v>73.996472295023779</v>
      </c>
      <c r="K1927">
        <v>-1.7556305337542509E-2</v>
      </c>
      <c r="L1927">
        <v>-1.1812618141599169</v>
      </c>
      <c r="M1927">
        <v>7.9517653807651474</v>
      </c>
      <c r="N1927">
        <v>27</v>
      </c>
      <c r="O1927">
        <v>6</v>
      </c>
      <c r="P1927">
        <v>21</v>
      </c>
      <c r="Q1927">
        <v>3.7758225511138628</v>
      </c>
      <c r="R1927">
        <v>5.5117437541515351</v>
      </c>
      <c r="S1927">
        <v>3</v>
      </c>
      <c r="T1927">
        <v>1</v>
      </c>
      <c r="U1927">
        <v>2</v>
      </c>
      <c r="V1927">
        <v>0.17634281370224911</v>
      </c>
      <c r="W1927">
        <v>8.193365485117809</v>
      </c>
      <c r="X1927">
        <v>1</v>
      </c>
      <c r="Y1927">
        <v>1</v>
      </c>
      <c r="Z1927">
        <v>0</v>
      </c>
      <c r="AA1927">
        <v>0</v>
      </c>
      <c r="AB1927">
        <v>8.2337687092170935</v>
      </c>
      <c r="AC1927">
        <v>1</v>
      </c>
      <c r="AD1927">
        <v>1</v>
      </c>
      <c r="AE1927">
        <v>0</v>
      </c>
      <c r="AF1927">
        <v>0</v>
      </c>
      <c r="AG1927">
        <v>8.2335031402339922</v>
      </c>
      <c r="AH1927">
        <v>2.5899483538991339E-3</v>
      </c>
      <c r="AI1927">
        <v>-1.169573741802309E-2</v>
      </c>
      <c r="AJ1927">
        <v>4.2326132088706192E-3</v>
      </c>
      <c r="AK1927">
        <v>1.6650459683334319E-2</v>
      </c>
      <c r="AL1927">
        <v>4156.1097815030653</v>
      </c>
      <c r="AM1927">
        <v>8059.1555068812604</v>
      </c>
      <c r="AN1927">
        <v>481744</v>
      </c>
      <c r="AO1927">
        <v>46.237484231710233</v>
      </c>
      <c r="AP1927">
        <v>3784.8316096315612</v>
      </c>
      <c r="AQ1927">
        <v>1.006104033970276</v>
      </c>
      <c r="AR1927">
        <v>3.9928343949044591</v>
      </c>
      <c r="AS1927">
        <v>3762</v>
      </c>
      <c r="AT1927">
        <v>247.96602972399151</v>
      </c>
      <c r="AU1927">
        <v>1.0965405270388419E-2</v>
      </c>
      <c r="AV1927">
        <v>2.590199049687054E-3</v>
      </c>
      <c r="AW1927">
        <v>0.36385350318471338</v>
      </c>
      <c r="AX1927">
        <v>85.434563312981155</v>
      </c>
      <c r="AY1927">
        <v>64</v>
      </c>
      <c r="AZ1927">
        <v>127</v>
      </c>
      <c r="BA1927">
        <v>0.57876944519838247</v>
      </c>
      <c r="BB1927">
        <v>0.50185774946921446</v>
      </c>
      <c r="BC1927">
        <v>5.3154457659179286</v>
      </c>
      <c r="BD1927" t="s">
        <v>7355</v>
      </c>
      <c r="BE1927" t="s">
        <v>68</v>
      </c>
    </row>
    <row r="1928" spans="1:57" x14ac:dyDescent="0.3">
      <c r="A1928" t="s">
        <v>7356</v>
      </c>
      <c r="B1928">
        <v>140</v>
      </c>
      <c r="C1928" t="s">
        <v>7357</v>
      </c>
      <c r="D1928" t="s">
        <v>7358</v>
      </c>
      <c r="E1928" t="s">
        <v>60</v>
      </c>
      <c r="F1928">
        <v>512</v>
      </c>
      <c r="G1928">
        <v>127.568359375</v>
      </c>
      <c r="H1928">
        <v>132</v>
      </c>
      <c r="I1928">
        <v>5248.1632957458496</v>
      </c>
      <c r="J1928">
        <v>72.44420815873309</v>
      </c>
      <c r="K1928">
        <v>-2.6310476852327701E-2</v>
      </c>
      <c r="L1928">
        <v>-1.1297053341077361</v>
      </c>
      <c r="M1928">
        <v>7.5267342121574643</v>
      </c>
      <c r="N1928">
        <v>9</v>
      </c>
      <c r="O1928">
        <v>1</v>
      </c>
      <c r="P1928">
        <v>8</v>
      </c>
      <c r="Q1928">
        <v>1.4303541723123669</v>
      </c>
      <c r="R1928">
        <v>5.2171345979810262</v>
      </c>
      <c r="S1928">
        <v>2</v>
      </c>
      <c r="T1928">
        <v>1</v>
      </c>
      <c r="U1928">
        <v>1</v>
      </c>
      <c r="V1928">
        <v>7.6620080535545504E-2</v>
      </c>
      <c r="W1928">
        <v>6.2282308757548588</v>
      </c>
      <c r="X1928">
        <v>1</v>
      </c>
      <c r="Y1928">
        <v>1</v>
      </c>
      <c r="Z1928">
        <v>0</v>
      </c>
      <c r="AA1928">
        <v>0</v>
      </c>
      <c r="AB1928">
        <v>6.2344107257183694</v>
      </c>
      <c r="AC1928">
        <v>1</v>
      </c>
      <c r="AD1928">
        <v>1</v>
      </c>
      <c r="AE1928">
        <v>0</v>
      </c>
      <c r="AF1928">
        <v>0</v>
      </c>
      <c r="AG1928">
        <v>6.2324480165505216</v>
      </c>
      <c r="AH1928">
        <v>-5.6008625198689363E-2</v>
      </c>
      <c r="AI1928">
        <v>-2.3901260221811282E-2</v>
      </c>
      <c r="AJ1928">
        <v>-1.5811276239293851E-2</v>
      </c>
      <c r="AK1928">
        <v>-6.1088270472453243E-2</v>
      </c>
      <c r="AL1928">
        <v>1584.6772643403699</v>
      </c>
      <c r="AM1928">
        <v>2916.8450366590819</v>
      </c>
      <c r="AN1928">
        <v>65315</v>
      </c>
      <c r="AO1928">
        <v>163.05573974831589</v>
      </c>
      <c r="AP1928">
        <v>1357.3023971168629</v>
      </c>
      <c r="AQ1928">
        <v>1.044921875</v>
      </c>
      <c r="AR1928">
        <v>3.982421875</v>
      </c>
      <c r="AS1928">
        <v>511</v>
      </c>
      <c r="AT1928">
        <v>188.16406250000011</v>
      </c>
      <c r="AU1928">
        <v>2.5544414370078709E-2</v>
      </c>
      <c r="AV1928">
        <v>-5.6114073483979773E-2</v>
      </c>
      <c r="AW1928">
        <v>0.359375</v>
      </c>
      <c r="AX1928">
        <v>87.438356164383563</v>
      </c>
      <c r="AY1928">
        <v>60</v>
      </c>
      <c r="AZ1928">
        <v>120</v>
      </c>
      <c r="BA1928">
        <v>0.56788539504357871</v>
      </c>
      <c r="BB1928">
        <v>0.51171875</v>
      </c>
      <c r="BC1928">
        <v>5.0538994458466071</v>
      </c>
      <c r="BD1928" t="s">
        <v>7359</v>
      </c>
      <c r="BE1928" t="s">
        <v>62</v>
      </c>
    </row>
    <row r="1929" spans="1:57" x14ac:dyDescent="0.3">
      <c r="A1929" t="s">
        <v>7360</v>
      </c>
      <c r="B1929">
        <v>1197</v>
      </c>
      <c r="C1929" t="s">
        <v>7361</v>
      </c>
      <c r="D1929" t="s">
        <v>7362</v>
      </c>
      <c r="E1929" t="s">
        <v>85</v>
      </c>
      <c r="F1929">
        <v>8</v>
      </c>
      <c r="G1929">
        <v>120.125</v>
      </c>
      <c r="H1929">
        <v>157</v>
      </c>
      <c r="I1929">
        <v>5203.109375</v>
      </c>
      <c r="J1929">
        <v>72.132581923843546</v>
      </c>
      <c r="K1929">
        <v>-0.5094945540689978</v>
      </c>
      <c r="L1929">
        <v>-1.4328095116350761</v>
      </c>
      <c r="M1929">
        <v>2.75</v>
      </c>
      <c r="N1929">
        <v>2</v>
      </c>
      <c r="O1929">
        <v>1</v>
      </c>
      <c r="P1929">
        <v>1</v>
      </c>
      <c r="Q1929">
        <v>0.3499271061118826</v>
      </c>
      <c r="R1929">
        <v>1.9061547465398501</v>
      </c>
      <c r="S1929">
        <v>1</v>
      </c>
      <c r="T1929">
        <v>1</v>
      </c>
      <c r="U1929">
        <v>0</v>
      </c>
      <c r="V1929">
        <v>0</v>
      </c>
      <c r="W1929">
        <v>1.945910149055313</v>
      </c>
      <c r="X1929">
        <v>1</v>
      </c>
      <c r="Y1929">
        <v>1</v>
      </c>
      <c r="Z1929">
        <v>0</v>
      </c>
      <c r="AA1929">
        <v>0</v>
      </c>
      <c r="AB1929">
        <v>1.791759469228055</v>
      </c>
      <c r="AC1929">
        <v>1</v>
      </c>
      <c r="AD1929">
        <v>1</v>
      </c>
      <c r="AE1929">
        <v>0</v>
      </c>
      <c r="AF1929">
        <v>0</v>
      </c>
      <c r="AG1929">
        <v>1.6094379124341009</v>
      </c>
      <c r="AH1929">
        <v>0.32027686269328137</v>
      </c>
      <c r="AI1929">
        <v>-0.27222979648587531</v>
      </c>
      <c r="AJ1929">
        <v>-8.3218342998027023E-2</v>
      </c>
      <c r="AK1929">
        <v>0</v>
      </c>
      <c r="AL1929">
        <v>281.0721719278074</v>
      </c>
      <c r="AM1929">
        <v>279.39834317294202</v>
      </c>
      <c r="AN1929">
        <v>961</v>
      </c>
      <c r="AO1929">
        <v>49.384680577380188</v>
      </c>
      <c r="AP1929">
        <v>238.75719884434901</v>
      </c>
      <c r="AQ1929">
        <v>3.5</v>
      </c>
      <c r="AR1929">
        <v>3.5</v>
      </c>
      <c r="AS1929">
        <v>7</v>
      </c>
      <c r="AT1929">
        <v>0.74999999999999989</v>
      </c>
      <c r="AU1929">
        <v>0.40306122448979592</v>
      </c>
      <c r="AV1929">
        <v>0.34875521119905489</v>
      </c>
      <c r="AW1929">
        <v>0.25</v>
      </c>
      <c r="AX1929">
        <v>65.285714285714292</v>
      </c>
      <c r="AY1929">
        <v>30.5</v>
      </c>
      <c r="AZ1929">
        <v>128.25</v>
      </c>
      <c r="BA1929">
        <v>0.60047935004240205</v>
      </c>
      <c r="BB1929">
        <v>0.625</v>
      </c>
      <c r="BC1929">
        <v>1.7478680974667571</v>
      </c>
      <c r="BD1929" t="s">
        <v>7361</v>
      </c>
      <c r="BE1929" t="s">
        <v>68</v>
      </c>
    </row>
    <row r="1930" spans="1:57" x14ac:dyDescent="0.3">
      <c r="A1930" t="s">
        <v>7363</v>
      </c>
      <c r="B1930">
        <v>3308</v>
      </c>
      <c r="C1930" t="s">
        <v>7364</v>
      </c>
      <c r="D1930" t="s">
        <v>7365</v>
      </c>
      <c r="E1930" t="s">
        <v>10622</v>
      </c>
      <c r="F1930">
        <v>64</v>
      </c>
      <c r="G1930">
        <v>140.53125</v>
      </c>
      <c r="H1930">
        <v>134.5</v>
      </c>
      <c r="I1930">
        <v>5034.9990234375</v>
      </c>
      <c r="J1930">
        <v>70.957727017129713</v>
      </c>
      <c r="K1930">
        <v>-7.6874424100059444E-2</v>
      </c>
      <c r="L1930">
        <v>-1.288732067193334</v>
      </c>
      <c r="M1930">
        <v>5.769454882778696</v>
      </c>
      <c r="N1930">
        <v>3</v>
      </c>
      <c r="O1930">
        <v>1</v>
      </c>
      <c r="P1930">
        <v>2</v>
      </c>
      <c r="Q1930">
        <v>0.37790630225505289</v>
      </c>
      <c r="R1930">
        <v>3.9990813853658631</v>
      </c>
      <c r="S1930">
        <v>1</v>
      </c>
      <c r="T1930">
        <v>1</v>
      </c>
      <c r="U1930">
        <v>0</v>
      </c>
      <c r="V1930">
        <v>0</v>
      </c>
      <c r="W1930">
        <v>4.1431347263915326</v>
      </c>
      <c r="X1930">
        <v>1</v>
      </c>
      <c r="Y1930">
        <v>1</v>
      </c>
      <c r="Z1930">
        <v>0</v>
      </c>
      <c r="AA1930">
        <v>0</v>
      </c>
      <c r="AB1930">
        <v>4.1271343850450908</v>
      </c>
      <c r="AC1930">
        <v>1</v>
      </c>
      <c r="AD1930">
        <v>1</v>
      </c>
      <c r="AE1930">
        <v>0</v>
      </c>
      <c r="AF1930">
        <v>0</v>
      </c>
      <c r="AG1930">
        <v>4.1108738641733096</v>
      </c>
      <c r="AH1930">
        <v>-0.20180915572130939</v>
      </c>
      <c r="AI1930">
        <v>-0.17161300638945479</v>
      </c>
      <c r="AJ1930">
        <v>-0.2369517508450128</v>
      </c>
      <c r="AK1930">
        <v>0.13066861547655001</v>
      </c>
      <c r="AL1930">
        <v>628.66688050334938</v>
      </c>
      <c r="AM1930">
        <v>1091.3092840062279</v>
      </c>
      <c r="AN1930">
        <v>8994</v>
      </c>
      <c r="AO1930">
        <v>94.643359784999049</v>
      </c>
      <c r="AP1930">
        <v>484.23748056303981</v>
      </c>
      <c r="AQ1930">
        <v>1.359375</v>
      </c>
      <c r="AR1930">
        <v>4.265625</v>
      </c>
      <c r="AS1930">
        <v>64</v>
      </c>
      <c r="AT1930">
        <v>7.25</v>
      </c>
      <c r="AU1930">
        <v>8.8419117647058787E-2</v>
      </c>
      <c r="AV1930">
        <v>-0.2024445722770716</v>
      </c>
      <c r="AW1930">
        <v>0.421875</v>
      </c>
      <c r="AX1930">
        <v>93.968253968253961</v>
      </c>
      <c r="AY1930">
        <v>64.5</v>
      </c>
      <c r="AZ1930">
        <v>122.75</v>
      </c>
      <c r="BA1930">
        <v>0.5049248976091063</v>
      </c>
      <c r="BB1930">
        <v>0.484375</v>
      </c>
      <c r="BC1930">
        <v>3.914782476312749</v>
      </c>
      <c r="BD1930" t="s">
        <v>7366</v>
      </c>
      <c r="BE1930" t="s">
        <v>62</v>
      </c>
    </row>
    <row r="1931" spans="1:57" x14ac:dyDescent="0.3">
      <c r="A1931" t="s">
        <v>7367</v>
      </c>
      <c r="B1931">
        <v>3463</v>
      </c>
      <c r="C1931" t="s">
        <v>7368</v>
      </c>
      <c r="D1931" t="s">
        <v>7369</v>
      </c>
      <c r="E1931" t="s">
        <v>115</v>
      </c>
      <c r="F1931">
        <v>3519</v>
      </c>
      <c r="G1931">
        <v>127.4236999147485</v>
      </c>
      <c r="H1931">
        <v>127</v>
      </c>
      <c r="I1931">
        <v>5467.2683328863623</v>
      </c>
      <c r="J1931">
        <v>73.940978711985963</v>
      </c>
      <c r="K1931">
        <v>-2.9369818876518782E-3</v>
      </c>
      <c r="L1931">
        <v>-1.1928744855181681</v>
      </c>
      <c r="M1931">
        <v>7.9543687533502831</v>
      </c>
      <c r="N1931">
        <v>24</v>
      </c>
      <c r="O1931">
        <v>6</v>
      </c>
      <c r="P1931">
        <v>18</v>
      </c>
      <c r="Q1931">
        <v>3.4212662664883209</v>
      </c>
      <c r="R1931">
        <v>5.5135482745188664</v>
      </c>
      <c r="S1931">
        <v>3</v>
      </c>
      <c r="T1931">
        <v>1</v>
      </c>
      <c r="U1931">
        <v>2</v>
      </c>
      <c r="V1931">
        <v>0.1554846083218096</v>
      </c>
      <c r="W1931">
        <v>8.1334317969466685</v>
      </c>
      <c r="X1931">
        <v>1</v>
      </c>
      <c r="Y1931">
        <v>1</v>
      </c>
      <c r="Z1931">
        <v>0</v>
      </c>
      <c r="AA1931">
        <v>0</v>
      </c>
      <c r="AB1931">
        <v>8.16536363247398</v>
      </c>
      <c r="AC1931">
        <v>1</v>
      </c>
      <c r="AD1931">
        <v>1</v>
      </c>
      <c r="AE1931">
        <v>0</v>
      </c>
      <c r="AF1931">
        <v>0</v>
      </c>
      <c r="AG1931">
        <v>8.1650792588050667</v>
      </c>
      <c r="AH1931">
        <v>-4.973401424966677E-3</v>
      </c>
      <c r="AI1931">
        <v>-3.9860152707419374E-3</v>
      </c>
      <c r="AJ1931">
        <v>2.7984369572665101E-2</v>
      </c>
      <c r="AK1931">
        <v>1.190492532389672E-2</v>
      </c>
      <c r="AL1931">
        <v>4015.7342881730669</v>
      </c>
      <c r="AM1931">
        <v>7762.1190487386339</v>
      </c>
      <c r="AN1931">
        <v>448404</v>
      </c>
      <c r="AO1931">
        <v>102.09753956716401</v>
      </c>
      <c r="AP1931">
        <v>3660.373235722152</v>
      </c>
      <c r="AQ1931">
        <v>1.0065359477124181</v>
      </c>
      <c r="AR1931">
        <v>4.0113668655868144</v>
      </c>
      <c r="AS1931">
        <v>3507</v>
      </c>
      <c r="AT1931">
        <v>217.98891730605291</v>
      </c>
      <c r="AU1931">
        <v>9.8891730605285555E-3</v>
      </c>
      <c r="AV1931">
        <v>-4.9736359234278243E-3</v>
      </c>
      <c r="AW1931">
        <v>0.36885478829212842</v>
      </c>
      <c r="AX1931">
        <v>85.573052870949397</v>
      </c>
      <c r="AY1931">
        <v>63</v>
      </c>
      <c r="AZ1931">
        <v>127</v>
      </c>
      <c r="BA1931">
        <v>0.58027650085074756</v>
      </c>
      <c r="BB1931">
        <v>0.49786871270247229</v>
      </c>
      <c r="BC1931">
        <v>5.3190454348064691</v>
      </c>
      <c r="BD1931" t="s">
        <v>7370</v>
      </c>
      <c r="BE1931" t="s">
        <v>68</v>
      </c>
    </row>
    <row r="1932" spans="1:57" x14ac:dyDescent="0.3">
      <c r="A1932" t="s">
        <v>7371</v>
      </c>
      <c r="B1932">
        <v>1880</v>
      </c>
      <c r="C1932" t="s">
        <v>7372</v>
      </c>
      <c r="D1932" t="s">
        <v>7373</v>
      </c>
      <c r="E1932" t="s">
        <v>128</v>
      </c>
      <c r="F1932">
        <v>32</v>
      </c>
      <c r="G1932">
        <v>136.0625</v>
      </c>
      <c r="H1932">
        <v>139.5</v>
      </c>
      <c r="I1932">
        <v>5254.87109375</v>
      </c>
      <c r="J1932">
        <v>72.490489677957072</v>
      </c>
      <c r="K1932">
        <v>-0.1477382527971246</v>
      </c>
      <c r="L1932">
        <v>-0.93980326344810594</v>
      </c>
      <c r="M1932">
        <v>5</v>
      </c>
      <c r="N1932">
        <v>1</v>
      </c>
      <c r="O1932">
        <v>1</v>
      </c>
      <c r="P1932">
        <v>0</v>
      </c>
      <c r="Q1932">
        <v>0</v>
      </c>
      <c r="R1932">
        <v>3.465735902799727</v>
      </c>
      <c r="S1932">
        <v>1</v>
      </c>
      <c r="T1932">
        <v>1</v>
      </c>
      <c r="U1932">
        <v>0</v>
      </c>
      <c r="V1932">
        <v>0</v>
      </c>
      <c r="W1932">
        <v>3.4339872044851458</v>
      </c>
      <c r="X1932">
        <v>1</v>
      </c>
      <c r="Y1932">
        <v>1</v>
      </c>
      <c r="Z1932">
        <v>0</v>
      </c>
      <c r="AA1932">
        <v>0</v>
      </c>
      <c r="AB1932">
        <v>3.401197381662155</v>
      </c>
      <c r="AC1932">
        <v>1</v>
      </c>
      <c r="AD1932">
        <v>1</v>
      </c>
      <c r="AE1932">
        <v>0</v>
      </c>
      <c r="AF1932">
        <v>0</v>
      </c>
      <c r="AG1932">
        <v>3.3672958299864728</v>
      </c>
      <c r="AH1932">
        <v>0.10310669248844261</v>
      </c>
      <c r="AI1932">
        <v>-2.843808609125313E-4</v>
      </c>
      <c r="AJ1932">
        <v>-0.21145793765011181</v>
      </c>
      <c r="AK1932">
        <v>3.9564249167624979E-2</v>
      </c>
      <c r="AL1932">
        <v>508.81939409367271</v>
      </c>
      <c r="AM1932">
        <v>708.2900706590118</v>
      </c>
      <c r="AN1932">
        <v>4354</v>
      </c>
      <c r="AO1932">
        <v>169.7778088074129</v>
      </c>
      <c r="AP1932">
        <v>395.76599685965311</v>
      </c>
      <c r="AQ1932">
        <v>1.71875</v>
      </c>
      <c r="AR1932">
        <v>3.75</v>
      </c>
      <c r="AS1932">
        <v>32</v>
      </c>
      <c r="AT1932">
        <v>0</v>
      </c>
      <c r="AU1932">
        <v>0.11042490118577079</v>
      </c>
      <c r="AV1932">
        <v>0.10922784956395939</v>
      </c>
      <c r="AW1932">
        <v>0.3125</v>
      </c>
      <c r="AX1932">
        <v>72.322580645161295</v>
      </c>
      <c r="AY1932">
        <v>56</v>
      </c>
      <c r="AZ1932">
        <v>107</v>
      </c>
      <c r="BA1932">
        <v>0.53277346570845807</v>
      </c>
      <c r="BB1932">
        <v>0.5</v>
      </c>
      <c r="BC1932">
        <v>3.2998296856670919</v>
      </c>
      <c r="BD1932" t="s">
        <v>7374</v>
      </c>
      <c r="BE1932" t="s">
        <v>62</v>
      </c>
    </row>
    <row r="1933" spans="1:57" x14ac:dyDescent="0.3">
      <c r="A1933" t="s">
        <v>7375</v>
      </c>
      <c r="B1933">
        <v>146</v>
      </c>
      <c r="C1933" t="s">
        <v>7376</v>
      </c>
      <c r="D1933" t="s">
        <v>7377</v>
      </c>
      <c r="E1933" t="s">
        <v>60</v>
      </c>
      <c r="F1933">
        <v>256</v>
      </c>
      <c r="G1933">
        <v>123.9140625</v>
      </c>
      <c r="H1933">
        <v>126</v>
      </c>
      <c r="I1933">
        <v>5422.9535522460938</v>
      </c>
      <c r="J1933">
        <v>73.640705810347129</v>
      </c>
      <c r="K1933">
        <v>1.813140207010068E-2</v>
      </c>
      <c r="L1933">
        <v>-1.1725159363506581</v>
      </c>
      <c r="M1933">
        <v>7.169501855282828</v>
      </c>
      <c r="N1933">
        <v>4</v>
      </c>
      <c r="O1933">
        <v>1</v>
      </c>
      <c r="P1933">
        <v>3</v>
      </c>
      <c r="Q1933">
        <v>0.83606825354230441</v>
      </c>
      <c r="R1933">
        <v>4.9695199970085886</v>
      </c>
      <c r="S1933">
        <v>1</v>
      </c>
      <c r="T1933">
        <v>1</v>
      </c>
      <c r="U1933">
        <v>0</v>
      </c>
      <c r="V1933">
        <v>0</v>
      </c>
      <c r="W1933">
        <v>5.541263545158424</v>
      </c>
      <c r="X1933">
        <v>1</v>
      </c>
      <c r="Y1933">
        <v>1</v>
      </c>
      <c r="Z1933">
        <v>0</v>
      </c>
      <c r="AA1933">
        <v>0</v>
      </c>
      <c r="AB1933">
        <v>5.5373342670185366</v>
      </c>
      <c r="AC1933">
        <v>1</v>
      </c>
      <c r="AD1933">
        <v>1</v>
      </c>
      <c r="AE1933">
        <v>0</v>
      </c>
      <c r="AF1933">
        <v>0</v>
      </c>
      <c r="AG1933">
        <v>5.5333894887275203</v>
      </c>
      <c r="AH1933">
        <v>7.5065044724180796E-2</v>
      </c>
      <c r="AI1933">
        <v>-0.10420675553556639</v>
      </c>
      <c r="AJ1933">
        <v>5.7749438787665863E-2</v>
      </c>
      <c r="AK1933">
        <v>-7.7577650530214121E-2</v>
      </c>
      <c r="AL1933">
        <v>1163.828310083609</v>
      </c>
      <c r="AM1933">
        <v>1991.1257279860381</v>
      </c>
      <c r="AN1933">
        <v>31722</v>
      </c>
      <c r="AO1933">
        <v>53.274059620456093</v>
      </c>
      <c r="AP1933">
        <v>979.58970818274997</v>
      </c>
      <c r="AQ1933">
        <v>1.08984375</v>
      </c>
      <c r="AR1933">
        <v>3.93359375</v>
      </c>
      <c r="AS1933">
        <v>256</v>
      </c>
      <c r="AT1933">
        <v>72.546875</v>
      </c>
      <c r="AU1933">
        <v>4.5306348425196853E-2</v>
      </c>
      <c r="AV1933">
        <v>7.5300777601223917E-2</v>
      </c>
      <c r="AW1933">
        <v>0.359375</v>
      </c>
      <c r="AX1933">
        <v>80.878431372549016</v>
      </c>
      <c r="AY1933">
        <v>64.5</v>
      </c>
      <c r="AZ1933">
        <v>128.5</v>
      </c>
      <c r="BA1933">
        <v>0.59428852807038857</v>
      </c>
      <c r="BB1933">
        <v>0.5078125</v>
      </c>
      <c r="BC1933">
        <v>4.7852783592920147</v>
      </c>
      <c r="BD1933" t="s">
        <v>7378</v>
      </c>
      <c r="BE1933" t="s">
        <v>62</v>
      </c>
    </row>
    <row r="1934" spans="1:57" x14ac:dyDescent="0.3">
      <c r="A1934" t="s">
        <v>7379</v>
      </c>
      <c r="B1934">
        <v>3240</v>
      </c>
      <c r="C1934" t="s">
        <v>7380</v>
      </c>
      <c r="D1934" t="s">
        <v>7381</v>
      </c>
      <c r="E1934" t="s">
        <v>115</v>
      </c>
      <c r="F1934">
        <v>3312</v>
      </c>
      <c r="G1934">
        <v>128.48097826086959</v>
      </c>
      <c r="H1934">
        <v>127</v>
      </c>
      <c r="I1934">
        <v>5433.7037444536336</v>
      </c>
      <c r="J1934">
        <v>73.713660500979287</v>
      </c>
      <c r="K1934">
        <v>-6.7366467972489758E-3</v>
      </c>
      <c r="L1934">
        <v>-1.204749745022428</v>
      </c>
      <c r="M1934">
        <v>7.9495932896667627</v>
      </c>
      <c r="N1934">
        <v>22</v>
      </c>
      <c r="O1934">
        <v>6</v>
      </c>
      <c r="P1934">
        <v>16</v>
      </c>
      <c r="Q1934">
        <v>3.4066800187279109</v>
      </c>
      <c r="R1934">
        <v>5.5102381753307794</v>
      </c>
      <c r="S1934">
        <v>3</v>
      </c>
      <c r="T1934">
        <v>1</v>
      </c>
      <c r="U1934">
        <v>2</v>
      </c>
      <c r="V1934">
        <v>0.16307154882223909</v>
      </c>
      <c r="W1934">
        <v>8.0695192123821577</v>
      </c>
      <c r="X1934">
        <v>1</v>
      </c>
      <c r="Y1934">
        <v>1</v>
      </c>
      <c r="Z1934">
        <v>0</v>
      </c>
      <c r="AA1934">
        <v>0</v>
      </c>
      <c r="AB1934">
        <v>8.1047034683711097</v>
      </c>
      <c r="AC1934">
        <v>1</v>
      </c>
      <c r="AD1934">
        <v>1</v>
      </c>
      <c r="AE1934">
        <v>0</v>
      </c>
      <c r="AF1934">
        <v>0</v>
      </c>
      <c r="AG1934">
        <v>8.1044013079216164</v>
      </c>
      <c r="AH1934">
        <v>-2.621079433520877E-2</v>
      </c>
      <c r="AI1934">
        <v>-6.1469370623919526E-3</v>
      </c>
      <c r="AJ1934">
        <v>2.0977031976107299E-2</v>
      </c>
      <c r="AK1934">
        <v>3.379328543571159E-3</v>
      </c>
      <c r="AL1934">
        <v>3886.9866048672611</v>
      </c>
      <c r="AM1934">
        <v>7586.8401942826295</v>
      </c>
      <c r="AN1934">
        <v>425529</v>
      </c>
      <c r="AO1934">
        <v>64.290813984074106</v>
      </c>
      <c r="AP1934">
        <v>3572.8218105352971</v>
      </c>
      <c r="AQ1934">
        <v>1.006944444444444</v>
      </c>
      <c r="AR1934">
        <v>4.0368357487922708</v>
      </c>
      <c r="AS1934">
        <v>3299</v>
      </c>
      <c r="AT1934">
        <v>229.6425120772947</v>
      </c>
      <c r="AU1934">
        <v>1.541631145211708E-2</v>
      </c>
      <c r="AV1934">
        <v>-2.621983697547333E-2</v>
      </c>
      <c r="AW1934">
        <v>0.37711352657004832</v>
      </c>
      <c r="AX1934">
        <v>86.252491694352159</v>
      </c>
      <c r="AY1934">
        <v>64</v>
      </c>
      <c r="AZ1934">
        <v>128</v>
      </c>
      <c r="BA1934">
        <v>0.5737320924760555</v>
      </c>
      <c r="BB1934">
        <v>0.4954710144927536</v>
      </c>
      <c r="BC1934">
        <v>5.3192066016691211</v>
      </c>
      <c r="BD1934" t="s">
        <v>7382</v>
      </c>
      <c r="BE1934" t="s">
        <v>62</v>
      </c>
    </row>
    <row r="1935" spans="1:57" x14ac:dyDescent="0.3">
      <c r="A1935" t="s">
        <v>7383</v>
      </c>
      <c r="B1935">
        <v>3760</v>
      </c>
      <c r="C1935" t="s">
        <v>7384</v>
      </c>
      <c r="D1935" t="s">
        <v>7385</v>
      </c>
      <c r="E1935" t="s">
        <v>93</v>
      </c>
      <c r="F1935">
        <v>3892</v>
      </c>
      <c r="G1935">
        <v>127.5827338129496</v>
      </c>
      <c r="H1935">
        <v>127</v>
      </c>
      <c r="I1935">
        <v>5454.7765569661433</v>
      </c>
      <c r="J1935">
        <v>73.856459141811982</v>
      </c>
      <c r="K1935">
        <v>3.7336702805297328E-3</v>
      </c>
      <c r="L1935">
        <v>-1.183847803409616</v>
      </c>
      <c r="M1935">
        <v>7.9588965031519114</v>
      </c>
      <c r="N1935">
        <v>25</v>
      </c>
      <c r="O1935">
        <v>7</v>
      </c>
      <c r="P1935">
        <v>18</v>
      </c>
      <c r="Q1935">
        <v>3.607412886595462</v>
      </c>
      <c r="R1935">
        <v>5.5166866715281522</v>
      </c>
      <c r="S1935">
        <v>3</v>
      </c>
      <c r="T1935">
        <v>1</v>
      </c>
      <c r="U1935">
        <v>2</v>
      </c>
      <c r="V1935">
        <v>0.16739509777818029</v>
      </c>
      <c r="W1935">
        <v>8.2287428802821356</v>
      </c>
      <c r="X1935">
        <v>1</v>
      </c>
      <c r="Y1935">
        <v>1</v>
      </c>
      <c r="Z1935">
        <v>0</v>
      </c>
      <c r="AA1935">
        <v>0</v>
      </c>
      <c r="AB1935">
        <v>8.26616443661249</v>
      </c>
      <c r="AC1935">
        <v>1</v>
      </c>
      <c r="AD1935">
        <v>1</v>
      </c>
      <c r="AE1935">
        <v>0</v>
      </c>
      <c r="AF1935">
        <v>0</v>
      </c>
      <c r="AG1935">
        <v>8.2659073341557416</v>
      </c>
      <c r="AH1935">
        <v>-1.9942146115993941E-2</v>
      </c>
      <c r="AI1935">
        <v>-9.7073265437111478E-3</v>
      </c>
      <c r="AJ1935">
        <v>1.8108871069069839E-2</v>
      </c>
      <c r="AK1935">
        <v>-3.5886856942725039E-3</v>
      </c>
      <c r="AL1935">
        <v>4193.6940422464204</v>
      </c>
      <c r="AM1935">
        <v>8185.0096078151864</v>
      </c>
      <c r="AN1935">
        <v>496552</v>
      </c>
      <c r="AO1935">
        <v>168.96406911373739</v>
      </c>
      <c r="AP1935">
        <v>3815.563182103052</v>
      </c>
      <c r="AQ1935">
        <v>1.005909558067831</v>
      </c>
      <c r="AR1935">
        <v>4.0077081192189103</v>
      </c>
      <c r="AS1935">
        <v>3879</v>
      </c>
      <c r="AT1935">
        <v>219.1284686536485</v>
      </c>
      <c r="AU1935">
        <v>9.6034097092074777E-3</v>
      </c>
      <c r="AV1935">
        <v>-1.9942187908763741E-2</v>
      </c>
      <c r="AW1935">
        <v>0.36844809866392603</v>
      </c>
      <c r="AX1935">
        <v>86.478797224363916</v>
      </c>
      <c r="AY1935">
        <v>63</v>
      </c>
      <c r="AZ1935">
        <v>128</v>
      </c>
      <c r="BA1935">
        <v>0.5788907082841922</v>
      </c>
      <c r="BB1935">
        <v>0.49640287769784169</v>
      </c>
      <c r="BC1935">
        <v>5.3317106637748761</v>
      </c>
      <c r="BD1935" t="s">
        <v>7386</v>
      </c>
      <c r="BE1935" t="s">
        <v>68</v>
      </c>
    </row>
    <row r="1936" spans="1:57" x14ac:dyDescent="0.3">
      <c r="A1936" t="s">
        <v>7387</v>
      </c>
      <c r="B1936">
        <v>1023</v>
      </c>
      <c r="C1936" t="s">
        <v>7388</v>
      </c>
      <c r="D1936" t="s">
        <v>7389</v>
      </c>
      <c r="E1936" t="s">
        <v>128</v>
      </c>
      <c r="F1936">
        <v>32</v>
      </c>
      <c r="G1936">
        <v>118.84375</v>
      </c>
      <c r="H1936">
        <v>123.5</v>
      </c>
      <c r="I1936">
        <v>5156.0693359375</v>
      </c>
      <c r="J1936">
        <v>71.805775087645287</v>
      </c>
      <c r="K1936">
        <v>-1.3609734032955101E-2</v>
      </c>
      <c r="L1936">
        <v>-1.4230207444532501</v>
      </c>
      <c r="M1936">
        <v>4.9375</v>
      </c>
      <c r="N1936">
        <v>2</v>
      </c>
      <c r="O1936">
        <v>1</v>
      </c>
      <c r="P1936">
        <v>1</v>
      </c>
      <c r="Q1936">
        <v>0.1766846959694085</v>
      </c>
      <c r="R1936">
        <v>3.422414204014729</v>
      </c>
      <c r="S1936">
        <v>1</v>
      </c>
      <c r="T1936">
        <v>1</v>
      </c>
      <c r="U1936">
        <v>0</v>
      </c>
      <c r="V1936">
        <v>0</v>
      </c>
      <c r="W1936">
        <v>3.4339872044851458</v>
      </c>
      <c r="X1936">
        <v>1</v>
      </c>
      <c r="Y1936">
        <v>1</v>
      </c>
      <c r="Z1936">
        <v>0</v>
      </c>
      <c r="AA1936">
        <v>0</v>
      </c>
      <c r="AB1936">
        <v>3.401197381662155</v>
      </c>
      <c r="AC1936">
        <v>1</v>
      </c>
      <c r="AD1936">
        <v>1</v>
      </c>
      <c r="AE1936">
        <v>0</v>
      </c>
      <c r="AF1936">
        <v>0</v>
      </c>
      <c r="AG1936">
        <v>3.3672958299864728</v>
      </c>
      <c r="AH1936">
        <v>-0.42127381001985859</v>
      </c>
      <c r="AI1936">
        <v>0.1545251940645648</v>
      </c>
      <c r="AJ1936">
        <v>-5.5221614062235143E-2</v>
      </c>
      <c r="AK1936">
        <v>0.2041030201815783</v>
      </c>
      <c r="AL1936">
        <v>443.44002162696353</v>
      </c>
      <c r="AM1936">
        <v>648.31932503934991</v>
      </c>
      <c r="AN1936">
        <v>3803</v>
      </c>
      <c r="AO1936">
        <v>88.331962039930517</v>
      </c>
      <c r="AP1936">
        <v>274.01614639227341</v>
      </c>
      <c r="AQ1936">
        <v>1.71875</v>
      </c>
      <c r="AR1936">
        <v>3.625</v>
      </c>
      <c r="AS1936">
        <v>32</v>
      </c>
      <c r="AT1936">
        <v>0.93749999999999978</v>
      </c>
      <c r="AU1936">
        <v>0.1294642857142857</v>
      </c>
      <c r="AV1936">
        <v>-0.43962297794182448</v>
      </c>
      <c r="AW1936">
        <v>0.375</v>
      </c>
      <c r="AX1936">
        <v>105.3548387096774</v>
      </c>
      <c r="AY1936">
        <v>69</v>
      </c>
      <c r="AZ1936">
        <v>137.25</v>
      </c>
      <c r="BA1936">
        <v>0.6042032087311725</v>
      </c>
      <c r="BB1936">
        <v>0.53125</v>
      </c>
      <c r="BC1936">
        <v>3.3892680315457948</v>
      </c>
      <c r="BD1936" t="s">
        <v>7390</v>
      </c>
      <c r="BE1936" t="s">
        <v>62</v>
      </c>
    </row>
    <row r="1937" spans="1:57" x14ac:dyDescent="0.3">
      <c r="A1937" t="s">
        <v>7391</v>
      </c>
      <c r="B1937">
        <v>128</v>
      </c>
      <c r="C1937" t="s">
        <v>7392</v>
      </c>
      <c r="D1937" t="s">
        <v>7393</v>
      </c>
      <c r="E1937" t="s">
        <v>60</v>
      </c>
      <c r="F1937">
        <v>256</v>
      </c>
      <c r="G1937">
        <v>130.83203125</v>
      </c>
      <c r="H1937">
        <v>133</v>
      </c>
      <c r="I1937">
        <v>5164.6866302490234</v>
      </c>
      <c r="J1937">
        <v>71.865754224449788</v>
      </c>
      <c r="K1937">
        <v>-4.3260969458810833E-2</v>
      </c>
      <c r="L1937">
        <v>-1.127928897191355</v>
      </c>
      <c r="M1937">
        <v>7.179382031114784</v>
      </c>
      <c r="N1937">
        <v>4</v>
      </c>
      <c r="O1937">
        <v>1</v>
      </c>
      <c r="P1937">
        <v>3</v>
      </c>
      <c r="Q1937">
        <v>0.76792897000596505</v>
      </c>
      <c r="R1937">
        <v>4.9763684130299453</v>
      </c>
      <c r="S1937">
        <v>2</v>
      </c>
      <c r="T1937">
        <v>1</v>
      </c>
      <c r="U1937">
        <v>1</v>
      </c>
      <c r="V1937">
        <v>0.12522895335061121</v>
      </c>
      <c r="W1937">
        <v>5.5195177512585047</v>
      </c>
      <c r="X1937">
        <v>1</v>
      </c>
      <c r="Y1937">
        <v>1</v>
      </c>
      <c r="Z1937">
        <v>0</v>
      </c>
      <c r="AA1937">
        <v>0</v>
      </c>
      <c r="AB1937">
        <v>5.5373342670185366</v>
      </c>
      <c r="AC1937">
        <v>1</v>
      </c>
      <c r="AD1937">
        <v>1</v>
      </c>
      <c r="AE1937">
        <v>0</v>
      </c>
      <c r="AF1937">
        <v>0</v>
      </c>
      <c r="AG1937">
        <v>5.5333894887275203</v>
      </c>
      <c r="AH1937">
        <v>-3.3742350189421948E-2</v>
      </c>
      <c r="AI1937">
        <v>4.3704486898578997E-2</v>
      </c>
      <c r="AJ1937">
        <v>-3.4588952348960263E-2</v>
      </c>
      <c r="AK1937">
        <v>0.10125056531759501</v>
      </c>
      <c r="AL1937">
        <v>1144.552974890117</v>
      </c>
      <c r="AM1937">
        <v>2096.2145614583892</v>
      </c>
      <c r="AN1937">
        <v>33493</v>
      </c>
      <c r="AO1937">
        <v>58.844595025935647</v>
      </c>
      <c r="AP1937">
        <v>983.77913718979198</v>
      </c>
      <c r="AQ1937">
        <v>1.08984375</v>
      </c>
      <c r="AR1937">
        <v>4.0703125</v>
      </c>
      <c r="AS1937">
        <v>255</v>
      </c>
      <c r="AT1937">
        <v>59.710937500000007</v>
      </c>
      <c r="AU1937">
        <v>4.8697916666666667E-2</v>
      </c>
      <c r="AV1937">
        <v>-3.3871924691736742E-2</v>
      </c>
      <c r="AW1937">
        <v>0.359375</v>
      </c>
      <c r="AX1937">
        <v>84.756862745098033</v>
      </c>
      <c r="AY1937">
        <v>62</v>
      </c>
      <c r="AZ1937">
        <v>118.25</v>
      </c>
      <c r="BA1937">
        <v>0.54929785571489997</v>
      </c>
      <c r="BB1937">
        <v>0.515625</v>
      </c>
      <c r="BC1937">
        <v>4.8411518840640912</v>
      </c>
      <c r="BD1937" t="s">
        <v>7394</v>
      </c>
      <c r="BE1937" t="s">
        <v>62</v>
      </c>
    </row>
    <row r="1938" spans="1:57" x14ac:dyDescent="0.3">
      <c r="A1938" t="s">
        <v>7395</v>
      </c>
      <c r="B1938">
        <v>606</v>
      </c>
      <c r="C1938" t="s">
        <v>7396</v>
      </c>
      <c r="D1938" t="s">
        <v>7397</v>
      </c>
      <c r="E1938" t="s">
        <v>93</v>
      </c>
      <c r="F1938">
        <v>636</v>
      </c>
      <c r="G1938">
        <v>125.0110062893082</v>
      </c>
      <c r="H1938">
        <v>121</v>
      </c>
      <c r="I1938">
        <v>5366.6115140817219</v>
      </c>
      <c r="J1938">
        <v>73.257160155726226</v>
      </c>
      <c r="K1938">
        <v>4.419603481461265E-2</v>
      </c>
      <c r="L1938">
        <v>-1.2475683039995951</v>
      </c>
      <c r="M1938">
        <v>7.6872911012841669</v>
      </c>
      <c r="N1938">
        <v>8</v>
      </c>
      <c r="O1938">
        <v>1</v>
      </c>
      <c r="P1938">
        <v>7</v>
      </c>
      <c r="Q1938">
        <v>1.442667803583725</v>
      </c>
      <c r="R1938">
        <v>5.3284241529986911</v>
      </c>
      <c r="S1938">
        <v>2</v>
      </c>
      <c r="T1938">
        <v>1</v>
      </c>
      <c r="U1938">
        <v>1</v>
      </c>
      <c r="V1938">
        <v>6.8733565281561618E-2</v>
      </c>
      <c r="W1938">
        <v>6.4470755767141714</v>
      </c>
      <c r="X1938">
        <v>1</v>
      </c>
      <c r="Y1938">
        <v>1</v>
      </c>
      <c r="Z1938">
        <v>0</v>
      </c>
      <c r="AA1938">
        <v>0</v>
      </c>
      <c r="AB1938">
        <v>6.4520489544372257</v>
      </c>
      <c r="AC1938">
        <v>1</v>
      </c>
      <c r="AD1938">
        <v>1</v>
      </c>
      <c r="AE1938">
        <v>0</v>
      </c>
      <c r="AF1938">
        <v>0</v>
      </c>
      <c r="AG1938">
        <v>6.4504704221441749</v>
      </c>
      <c r="AH1938">
        <v>2.5500780921147052E-2</v>
      </c>
      <c r="AI1938">
        <v>5.4861348671190989E-3</v>
      </c>
      <c r="AJ1938">
        <v>3.3566709772763582E-2</v>
      </c>
      <c r="AK1938">
        <v>5.4971669640939802E-2</v>
      </c>
      <c r="AL1938">
        <v>1750.099538379656</v>
      </c>
      <c r="AM1938">
        <v>3207.735432632081</v>
      </c>
      <c r="AN1938">
        <v>79507</v>
      </c>
      <c r="AO1938">
        <v>145.2919480186514</v>
      </c>
      <c r="AP1938">
        <v>1585.9663574138369</v>
      </c>
      <c r="AQ1938">
        <v>1.0361635220125791</v>
      </c>
      <c r="AR1938">
        <v>3.9889937106918238</v>
      </c>
      <c r="AS1938">
        <v>634</v>
      </c>
      <c r="AT1938">
        <v>183.811320754717</v>
      </c>
      <c r="AU1938">
        <v>4.2526822049574593E-2</v>
      </c>
      <c r="AV1938">
        <v>2.5537917289171409E-2</v>
      </c>
      <c r="AW1938">
        <v>0.39465408805031449</v>
      </c>
      <c r="AX1938">
        <v>83.976377952755911</v>
      </c>
      <c r="AY1938">
        <v>65</v>
      </c>
      <c r="AZ1938">
        <v>131</v>
      </c>
      <c r="BA1938">
        <v>0.58600568326112012</v>
      </c>
      <c r="BB1938">
        <v>0.48742138364779869</v>
      </c>
      <c r="BC1938">
        <v>5.1192564231302731</v>
      </c>
      <c r="BD1938" t="s">
        <v>7398</v>
      </c>
      <c r="BE1938" t="s">
        <v>68</v>
      </c>
    </row>
    <row r="1939" spans="1:57" x14ac:dyDescent="0.3">
      <c r="A1939" t="s">
        <v>7399</v>
      </c>
      <c r="B1939">
        <v>2842</v>
      </c>
      <c r="C1939" t="s">
        <v>7400</v>
      </c>
      <c r="D1939" t="s">
        <v>7401</v>
      </c>
      <c r="E1939" t="s">
        <v>93</v>
      </c>
      <c r="F1939">
        <v>2842</v>
      </c>
      <c r="G1939">
        <v>128.2945109078114</v>
      </c>
      <c r="H1939">
        <v>128.5</v>
      </c>
      <c r="I1939">
        <v>5485.2851845074474</v>
      </c>
      <c r="J1939">
        <v>74.062711160930689</v>
      </c>
      <c r="K1939">
        <v>-4.9879486908271297E-3</v>
      </c>
      <c r="L1939">
        <v>-1.202324924316498</v>
      </c>
      <c r="M1939">
        <v>7.9370085577466014</v>
      </c>
      <c r="N1939">
        <v>24</v>
      </c>
      <c r="O1939">
        <v>2</v>
      </c>
      <c r="P1939">
        <v>22</v>
      </c>
      <c r="Q1939">
        <v>3.2363652542001109</v>
      </c>
      <c r="R1939">
        <v>5.5015151038822143</v>
      </c>
      <c r="S1939">
        <v>3</v>
      </c>
      <c r="T1939">
        <v>1</v>
      </c>
      <c r="U1939">
        <v>2</v>
      </c>
      <c r="V1939">
        <v>0.14893085498055769</v>
      </c>
      <c r="W1939">
        <v>7.9219616443772178</v>
      </c>
      <c r="X1939">
        <v>1</v>
      </c>
      <c r="Y1939">
        <v>1</v>
      </c>
      <c r="Z1939">
        <v>0</v>
      </c>
      <c r="AA1939">
        <v>0</v>
      </c>
      <c r="AB1939">
        <v>7.9515593311552522</v>
      </c>
      <c r="AC1939">
        <v>1</v>
      </c>
      <c r="AD1939">
        <v>1</v>
      </c>
      <c r="AE1939">
        <v>0</v>
      </c>
      <c r="AF1939">
        <v>0</v>
      </c>
      <c r="AG1939">
        <v>7.9512071564729698</v>
      </c>
      <c r="AH1939">
        <v>4.4616132056467007E-3</v>
      </c>
      <c r="AI1939">
        <v>3.2435720377710843E-2</v>
      </c>
      <c r="AJ1939">
        <v>-1.1995428020267949E-2</v>
      </c>
      <c r="AK1939">
        <v>-1.05040969455629E-2</v>
      </c>
      <c r="AL1939">
        <v>3612.006053695904</v>
      </c>
      <c r="AM1939">
        <v>7022.8512206983387</v>
      </c>
      <c r="AN1939">
        <v>364613</v>
      </c>
      <c r="AO1939">
        <v>118.7534413521323</v>
      </c>
      <c r="AP1939">
        <v>3282.0713751640219</v>
      </c>
      <c r="AQ1939">
        <v>1.008092892329346</v>
      </c>
      <c r="AR1939">
        <v>3.9957776213933851</v>
      </c>
      <c r="AS1939">
        <v>2828</v>
      </c>
      <c r="AT1939">
        <v>241.52990851513019</v>
      </c>
      <c r="AU1939">
        <v>1.153978832912483E-2</v>
      </c>
      <c r="AV1939">
        <v>4.4633798491142034E-3</v>
      </c>
      <c r="AW1939">
        <v>0.36840253342716389</v>
      </c>
      <c r="AX1939">
        <v>84.749384019711371</v>
      </c>
      <c r="AY1939">
        <v>63.5</v>
      </c>
      <c r="AZ1939">
        <v>128</v>
      </c>
      <c r="BA1939">
        <v>0.5772866714005398</v>
      </c>
      <c r="BB1939">
        <v>0.5</v>
      </c>
      <c r="BC1939">
        <v>5.3020866915358891</v>
      </c>
      <c r="BD1939" t="s">
        <v>7402</v>
      </c>
      <c r="BE1939" t="s">
        <v>68</v>
      </c>
    </row>
    <row r="1940" spans="1:57" x14ac:dyDescent="0.3">
      <c r="A1940" t="s">
        <v>7403</v>
      </c>
      <c r="B1940">
        <v>1358</v>
      </c>
      <c r="C1940" t="s">
        <v>7404</v>
      </c>
      <c r="D1940" t="s">
        <v>7405</v>
      </c>
      <c r="E1940" t="s">
        <v>72</v>
      </c>
      <c r="F1940">
        <v>1360</v>
      </c>
      <c r="G1940">
        <v>123.92720588235289</v>
      </c>
      <c r="H1940">
        <v>120</v>
      </c>
      <c r="I1940">
        <v>5673.2483774870243</v>
      </c>
      <c r="J1940">
        <v>75.320969042405608</v>
      </c>
      <c r="K1940">
        <v>6.6542046096713714E-2</v>
      </c>
      <c r="L1940">
        <v>-1.246240878173154</v>
      </c>
      <c r="M1940">
        <v>7.8571988875801164</v>
      </c>
      <c r="N1940">
        <v>14</v>
      </c>
      <c r="O1940">
        <v>1</v>
      </c>
      <c r="P1940">
        <v>13</v>
      </c>
      <c r="Q1940">
        <v>2.3609783459405129</v>
      </c>
      <c r="R1940">
        <v>5.4461952560248967</v>
      </c>
      <c r="S1940">
        <v>2</v>
      </c>
      <c r="T1940">
        <v>1</v>
      </c>
      <c r="U1940">
        <v>1</v>
      </c>
      <c r="V1940">
        <v>0.1150766993253842</v>
      </c>
      <c r="W1940">
        <v>7.1961428994343217</v>
      </c>
      <c r="X1940">
        <v>2</v>
      </c>
      <c r="Y1940">
        <v>1</v>
      </c>
      <c r="Z1940">
        <v>1</v>
      </c>
      <c r="AA1940">
        <v>6.6469354848109383E-2</v>
      </c>
      <c r="AB1940">
        <v>7.207643296213841</v>
      </c>
      <c r="AC1940">
        <v>2</v>
      </c>
      <c r="AD1940">
        <v>1</v>
      </c>
      <c r="AE1940">
        <v>1</v>
      </c>
      <c r="AF1940">
        <v>6.0700477634154822E-2</v>
      </c>
      <c r="AG1940">
        <v>7.2079237218793812</v>
      </c>
      <c r="AH1940">
        <v>5.5055443203181197E-2</v>
      </c>
      <c r="AI1940">
        <v>-2.34949890346292E-2</v>
      </c>
      <c r="AJ1940">
        <v>3.9862521016794633E-2</v>
      </c>
      <c r="AK1940">
        <v>-2.797888025989869E-2</v>
      </c>
      <c r="AL1940">
        <v>2568.0893721164998</v>
      </c>
      <c r="AM1940">
        <v>4691.1992045555126</v>
      </c>
      <c r="AN1940">
        <v>168541</v>
      </c>
      <c r="AO1940">
        <v>54.547943968796588</v>
      </c>
      <c r="AP1940">
        <v>2194.7579203077989</v>
      </c>
      <c r="AQ1940">
        <v>1.0169117647058821</v>
      </c>
      <c r="AR1940">
        <v>3.9514705882352938</v>
      </c>
      <c r="AS1940">
        <v>1356</v>
      </c>
      <c r="AT1940">
        <v>268.61176470588242</v>
      </c>
      <c r="AU1940">
        <v>3.9460784313725517E-2</v>
      </c>
      <c r="AV1940">
        <v>5.5081272015204713E-2</v>
      </c>
      <c r="AW1940">
        <v>0.38382352941176467</v>
      </c>
      <c r="AX1940">
        <v>83.414275202354673</v>
      </c>
      <c r="AY1940">
        <v>66</v>
      </c>
      <c r="AZ1940">
        <v>133</v>
      </c>
      <c r="BA1940">
        <v>0.60778396887209418</v>
      </c>
      <c r="BB1940">
        <v>0.49264705882352938</v>
      </c>
      <c r="BC1940">
        <v>5.2598479924325598</v>
      </c>
      <c r="BD1940" t="s">
        <v>7406</v>
      </c>
      <c r="BE1940" t="s">
        <v>62</v>
      </c>
    </row>
    <row r="1941" spans="1:57" x14ac:dyDescent="0.3">
      <c r="A1941" t="s">
        <v>7407</v>
      </c>
      <c r="B1941">
        <v>2922</v>
      </c>
      <c r="C1941" t="s">
        <v>7408</v>
      </c>
      <c r="D1941" t="s">
        <v>7409</v>
      </c>
      <c r="E1941" t="s">
        <v>106</v>
      </c>
      <c r="F1941">
        <v>2950</v>
      </c>
      <c r="G1941">
        <v>130.21457627118639</v>
      </c>
      <c r="H1941">
        <v>132</v>
      </c>
      <c r="I1941">
        <v>5498.1895502441821</v>
      </c>
      <c r="J1941">
        <v>74.149777816553041</v>
      </c>
      <c r="K1941">
        <v>-4.89219446147304E-2</v>
      </c>
      <c r="L1941">
        <v>-1.197644012325001</v>
      </c>
      <c r="M1941">
        <v>7.9423076628562566</v>
      </c>
      <c r="N1941">
        <v>20</v>
      </c>
      <c r="O1941">
        <v>3</v>
      </c>
      <c r="P1941">
        <v>17</v>
      </c>
      <c r="Q1941">
        <v>3.1769798053487448</v>
      </c>
      <c r="R1941">
        <v>5.5051881636484756</v>
      </c>
      <c r="S1941">
        <v>2</v>
      </c>
      <c r="T1941">
        <v>1</v>
      </c>
      <c r="U1941">
        <v>1</v>
      </c>
      <c r="V1941">
        <v>0.1377765316543878</v>
      </c>
      <c r="W1941">
        <v>7.9628963887329736</v>
      </c>
      <c r="X1941">
        <v>1</v>
      </c>
      <c r="Y1941">
        <v>1</v>
      </c>
      <c r="Z1941">
        <v>0</v>
      </c>
      <c r="AA1941">
        <v>0</v>
      </c>
      <c r="AB1941">
        <v>7.9888822533092263</v>
      </c>
      <c r="AC1941">
        <v>1</v>
      </c>
      <c r="AD1941">
        <v>1</v>
      </c>
      <c r="AE1941">
        <v>0</v>
      </c>
      <c r="AF1941">
        <v>0</v>
      </c>
      <c r="AG1941">
        <v>7.9885429827376937</v>
      </c>
      <c r="AH1941">
        <v>-1.041304561242549E-2</v>
      </c>
      <c r="AI1941">
        <v>1.473398849449516E-2</v>
      </c>
      <c r="AJ1941">
        <v>-8.6456503544054229E-3</v>
      </c>
      <c r="AK1941">
        <v>-2.770459533240683E-4</v>
      </c>
      <c r="AL1941">
        <v>3678.9643595297262</v>
      </c>
      <c r="AM1941">
        <v>7259.7931266193809</v>
      </c>
      <c r="AN1941">
        <v>384133</v>
      </c>
      <c r="AO1941">
        <v>57.025313943410417</v>
      </c>
      <c r="AP1941">
        <v>3313.211889964276</v>
      </c>
      <c r="AQ1941">
        <v>1.007796610169492</v>
      </c>
      <c r="AR1941">
        <v>4.01728813559322</v>
      </c>
      <c r="AS1941">
        <v>2941</v>
      </c>
      <c r="AT1941">
        <v>224.22644067796611</v>
      </c>
      <c r="AU1941">
        <v>2.3383183781987341E-2</v>
      </c>
      <c r="AV1941">
        <v>-1.041616006901222E-2</v>
      </c>
      <c r="AW1941">
        <v>0.35898305084745757</v>
      </c>
      <c r="AX1941">
        <v>86.234316717531371</v>
      </c>
      <c r="AY1941">
        <v>64</v>
      </c>
      <c r="AZ1941">
        <v>128.75</v>
      </c>
      <c r="BA1941">
        <v>0.56944299125259079</v>
      </c>
      <c r="BB1941">
        <v>0.5057627118644068</v>
      </c>
      <c r="BC1941">
        <v>5.3149146875882876</v>
      </c>
      <c r="BD1941" t="s">
        <v>7410</v>
      </c>
      <c r="BE1941" t="s">
        <v>68</v>
      </c>
    </row>
    <row r="1942" spans="1:57" x14ac:dyDescent="0.3">
      <c r="A1942" t="s">
        <v>7411</v>
      </c>
      <c r="B1942">
        <v>1084</v>
      </c>
      <c r="C1942" t="s">
        <v>7412</v>
      </c>
      <c r="D1942" t="s">
        <v>7413</v>
      </c>
      <c r="E1942" t="s">
        <v>10622</v>
      </c>
      <c r="F1942">
        <v>64</v>
      </c>
      <c r="G1942">
        <v>115.9375</v>
      </c>
      <c r="H1942">
        <v>99</v>
      </c>
      <c r="I1942">
        <v>5117.83984375</v>
      </c>
      <c r="J1942">
        <v>71.539079136860579</v>
      </c>
      <c r="K1942">
        <v>0.16934329708475171</v>
      </c>
      <c r="L1942">
        <v>-1.132359175819502</v>
      </c>
      <c r="M1942">
        <v>5.78125</v>
      </c>
      <c r="N1942">
        <v>2</v>
      </c>
      <c r="O1942">
        <v>1</v>
      </c>
      <c r="P1942">
        <v>1</v>
      </c>
      <c r="Q1942">
        <v>0.32821556024332821</v>
      </c>
      <c r="R1942">
        <v>4.0072571376121839</v>
      </c>
      <c r="S1942">
        <v>1</v>
      </c>
      <c r="T1942">
        <v>1</v>
      </c>
      <c r="U1942">
        <v>0</v>
      </c>
      <c r="V1942">
        <v>0</v>
      </c>
      <c r="W1942">
        <v>4.1431347263915326</v>
      </c>
      <c r="X1942">
        <v>1</v>
      </c>
      <c r="Y1942">
        <v>1</v>
      </c>
      <c r="Z1942">
        <v>0</v>
      </c>
      <c r="AA1942">
        <v>0</v>
      </c>
      <c r="AB1942">
        <v>4.1271343850450908</v>
      </c>
      <c r="AC1942">
        <v>1</v>
      </c>
      <c r="AD1942">
        <v>1</v>
      </c>
      <c r="AE1942">
        <v>0</v>
      </c>
      <c r="AF1942">
        <v>0</v>
      </c>
      <c r="AG1942">
        <v>4.1108738641733096</v>
      </c>
      <c r="AH1942">
        <v>5.3484009576641747E-2</v>
      </c>
      <c r="AI1942">
        <v>9.4403757307274568E-3</v>
      </c>
      <c r="AJ1942">
        <v>-2.8124909362699561E-2</v>
      </c>
      <c r="AK1942">
        <v>-0.20639880736577859</v>
      </c>
      <c r="AL1942">
        <v>612.81309887977045</v>
      </c>
      <c r="AM1942">
        <v>901.25363014046866</v>
      </c>
      <c r="AN1942">
        <v>7420</v>
      </c>
      <c r="AO1942">
        <v>50.422106780338403</v>
      </c>
      <c r="AP1942">
        <v>416.62529657188838</v>
      </c>
      <c r="AQ1942">
        <v>1.359375</v>
      </c>
      <c r="AR1942">
        <v>3.9375</v>
      </c>
      <c r="AS1942">
        <v>64</v>
      </c>
      <c r="AT1942">
        <v>5.4687499999999991</v>
      </c>
      <c r="AU1942">
        <v>0.13523284313725489</v>
      </c>
      <c r="AV1942">
        <v>5.3863447007180897E-2</v>
      </c>
      <c r="AW1942">
        <v>0.4375</v>
      </c>
      <c r="AX1942">
        <v>80.253968253968253</v>
      </c>
      <c r="AY1942">
        <v>57.5</v>
      </c>
      <c r="AZ1942">
        <v>126</v>
      </c>
      <c r="BA1942">
        <v>0.61704866101874356</v>
      </c>
      <c r="BB1942">
        <v>0.46875</v>
      </c>
      <c r="BC1942">
        <v>3.9230880024042492</v>
      </c>
      <c r="BD1942" t="s">
        <v>7414</v>
      </c>
      <c r="BE1942" t="s">
        <v>62</v>
      </c>
    </row>
    <row r="1943" spans="1:57" x14ac:dyDescent="0.3">
      <c r="A1943" t="s">
        <v>7415</v>
      </c>
      <c r="B1943">
        <v>1770</v>
      </c>
      <c r="C1943" t="s">
        <v>7416</v>
      </c>
      <c r="D1943" t="s">
        <v>7417</v>
      </c>
      <c r="E1943" t="s">
        <v>85</v>
      </c>
      <c r="F1943">
        <v>8</v>
      </c>
      <c r="G1943">
        <v>109</v>
      </c>
      <c r="H1943">
        <v>102.5</v>
      </c>
      <c r="I1943">
        <v>1744.25</v>
      </c>
      <c r="J1943">
        <v>41.76421913552317</v>
      </c>
      <c r="K1943">
        <v>0.1100796692513894</v>
      </c>
      <c r="L1943">
        <v>-1.69580274293005</v>
      </c>
      <c r="M1943">
        <v>3</v>
      </c>
      <c r="N1943">
        <v>1</v>
      </c>
      <c r="O1943">
        <v>1</v>
      </c>
      <c r="P1943">
        <v>0</v>
      </c>
      <c r="Q1943">
        <v>0</v>
      </c>
      <c r="R1943">
        <v>2.0794415416798362</v>
      </c>
      <c r="S1943">
        <v>1</v>
      </c>
      <c r="T1943">
        <v>1</v>
      </c>
      <c r="U1943">
        <v>0</v>
      </c>
      <c r="V1943">
        <v>0</v>
      </c>
      <c r="W1943">
        <v>1.945910149055313</v>
      </c>
      <c r="X1943">
        <v>1</v>
      </c>
      <c r="Y1943">
        <v>1</v>
      </c>
      <c r="Z1943">
        <v>0</v>
      </c>
      <c r="AA1943">
        <v>0</v>
      </c>
      <c r="AB1943">
        <v>1.791759469228055</v>
      </c>
      <c r="AC1943">
        <v>1</v>
      </c>
      <c r="AD1943">
        <v>1</v>
      </c>
      <c r="AE1943">
        <v>0</v>
      </c>
      <c r="AF1943">
        <v>0</v>
      </c>
      <c r="AG1943">
        <v>1.6094379124341009</v>
      </c>
      <c r="AH1943">
        <v>0.69736276336534331</v>
      </c>
      <c r="AI1943">
        <v>0.24609430987530459</v>
      </c>
      <c r="AJ1943">
        <v>-0.40103196216138742</v>
      </c>
      <c r="AK1943">
        <v>0</v>
      </c>
      <c r="AL1943">
        <v>187.08694152231129</v>
      </c>
      <c r="AM1943">
        <v>272.03028565185031</v>
      </c>
      <c r="AN1943">
        <v>872</v>
      </c>
      <c r="AO1943">
        <v>14</v>
      </c>
      <c r="AP1943">
        <v>58.408128571630002</v>
      </c>
      <c r="AQ1943">
        <v>3.5</v>
      </c>
      <c r="AR1943">
        <v>4.25</v>
      </c>
      <c r="AS1943">
        <v>8</v>
      </c>
      <c r="AT1943">
        <v>0</v>
      </c>
      <c r="AU1943">
        <v>0.34431137724550898</v>
      </c>
      <c r="AV1943">
        <v>0.79284301583793071</v>
      </c>
      <c r="AW1943">
        <v>0.625</v>
      </c>
      <c r="AX1943">
        <v>22.285714285714281</v>
      </c>
      <c r="AY1943">
        <v>40</v>
      </c>
      <c r="AZ1943">
        <v>80.75</v>
      </c>
      <c r="BA1943">
        <v>0.38315797372039612</v>
      </c>
      <c r="BB1943">
        <v>0.5</v>
      </c>
      <c r="BC1943">
        <v>1.945910149055313</v>
      </c>
      <c r="BD1943" t="s">
        <v>7416</v>
      </c>
      <c r="BE1943" t="s">
        <v>68</v>
      </c>
    </row>
    <row r="1944" spans="1:57" x14ac:dyDescent="0.3">
      <c r="A1944" t="s">
        <v>7418</v>
      </c>
      <c r="B1944">
        <v>145</v>
      </c>
      <c r="C1944" t="s">
        <v>7419</v>
      </c>
      <c r="D1944" t="s">
        <v>7420</v>
      </c>
      <c r="E1944" t="s">
        <v>60</v>
      </c>
      <c r="F1944">
        <v>512</v>
      </c>
      <c r="G1944">
        <v>132.3515625</v>
      </c>
      <c r="H1944">
        <v>139</v>
      </c>
      <c r="I1944">
        <v>5560.7787475585938</v>
      </c>
      <c r="J1944">
        <v>74.570629255482302</v>
      </c>
      <c r="K1944">
        <v>-0.10437990224738281</v>
      </c>
      <c r="L1944">
        <v>-1.176395951338306</v>
      </c>
      <c r="M1944">
        <v>7.5998768089377862</v>
      </c>
      <c r="N1944">
        <v>8</v>
      </c>
      <c r="O1944">
        <v>1</v>
      </c>
      <c r="P1944">
        <v>7</v>
      </c>
      <c r="Q1944">
        <v>1.2977168935490011</v>
      </c>
      <c r="R1944">
        <v>5.2678331827181388</v>
      </c>
      <c r="S1944">
        <v>2</v>
      </c>
      <c r="T1944">
        <v>1</v>
      </c>
      <c r="U1944">
        <v>1</v>
      </c>
      <c r="V1944">
        <v>4.4237310481092057E-2</v>
      </c>
      <c r="W1944">
        <v>6.2336566853874231</v>
      </c>
      <c r="X1944">
        <v>1</v>
      </c>
      <c r="Y1944">
        <v>1</v>
      </c>
      <c r="Z1944">
        <v>0</v>
      </c>
      <c r="AA1944">
        <v>0</v>
      </c>
      <c r="AB1944">
        <v>6.2344107257183694</v>
      </c>
      <c r="AC1944">
        <v>1</v>
      </c>
      <c r="AD1944">
        <v>1</v>
      </c>
      <c r="AE1944">
        <v>0</v>
      </c>
      <c r="AF1944">
        <v>0</v>
      </c>
      <c r="AG1944">
        <v>6.2324480165505216</v>
      </c>
      <c r="AH1944">
        <v>-1.726802829230075E-3</v>
      </c>
      <c r="AI1944">
        <v>3.3612757343021202E-2</v>
      </c>
      <c r="AJ1944">
        <v>3.9883456899330587E-2</v>
      </c>
      <c r="AK1944">
        <v>5.8691237752187394E-3</v>
      </c>
      <c r="AL1944">
        <v>1616.1862951596429</v>
      </c>
      <c r="AM1944">
        <v>3033.765294042727</v>
      </c>
      <c r="AN1944">
        <v>67764</v>
      </c>
      <c r="AO1944">
        <v>64.977228967124461</v>
      </c>
      <c r="AP1944">
        <v>1389.9094392284551</v>
      </c>
      <c r="AQ1944">
        <v>1.044921875</v>
      </c>
      <c r="AR1944">
        <v>4.05078125</v>
      </c>
      <c r="AS1944">
        <v>510</v>
      </c>
      <c r="AT1944">
        <v>166.515625</v>
      </c>
      <c r="AU1944">
        <v>4.8943014705882359E-2</v>
      </c>
      <c r="AV1944">
        <v>-1.7356360900540871E-3</v>
      </c>
      <c r="AW1944">
        <v>0.33203125</v>
      </c>
      <c r="AX1944">
        <v>85.626223091976513</v>
      </c>
      <c r="AY1944">
        <v>62</v>
      </c>
      <c r="AZ1944">
        <v>123.75</v>
      </c>
      <c r="BA1944">
        <v>0.56342840119837878</v>
      </c>
      <c r="BB1944">
        <v>0.525390625</v>
      </c>
      <c r="BC1944">
        <v>5.1254201787185591</v>
      </c>
      <c r="BD1944" t="s">
        <v>7421</v>
      </c>
      <c r="BE1944" t="s">
        <v>62</v>
      </c>
    </row>
    <row r="1945" spans="1:57" x14ac:dyDescent="0.3">
      <c r="A1945" t="s">
        <v>7422</v>
      </c>
      <c r="B1945">
        <v>2618</v>
      </c>
      <c r="C1945" t="s">
        <v>7423</v>
      </c>
      <c r="D1945" t="s">
        <v>7424</v>
      </c>
      <c r="E1945" t="s">
        <v>10622</v>
      </c>
      <c r="F1945">
        <v>64</v>
      </c>
      <c r="G1945">
        <v>121.046875</v>
      </c>
      <c r="H1945">
        <v>112</v>
      </c>
      <c r="I1945">
        <v>5194.919677734375</v>
      </c>
      <c r="J1945">
        <v>72.075791204359149</v>
      </c>
      <c r="K1945">
        <v>0.1178998834410159</v>
      </c>
      <c r="L1945">
        <v>-1.1864469202332331</v>
      </c>
      <c r="M1945">
        <v>5.738204882778696</v>
      </c>
      <c r="N1945">
        <v>3</v>
      </c>
      <c r="O1945">
        <v>1</v>
      </c>
      <c r="P1945">
        <v>2</v>
      </c>
      <c r="Q1945">
        <v>0.3976974544878587</v>
      </c>
      <c r="R1945">
        <v>3.9774205359733639</v>
      </c>
      <c r="S1945">
        <v>1</v>
      </c>
      <c r="T1945">
        <v>1</v>
      </c>
      <c r="U1945">
        <v>0</v>
      </c>
      <c r="V1945">
        <v>0</v>
      </c>
      <c r="W1945">
        <v>4.1431347263915326</v>
      </c>
      <c r="X1945">
        <v>1</v>
      </c>
      <c r="Y1945">
        <v>1</v>
      </c>
      <c r="Z1945">
        <v>0</v>
      </c>
      <c r="AA1945">
        <v>0</v>
      </c>
      <c r="AB1945">
        <v>4.1271343850450908</v>
      </c>
      <c r="AC1945">
        <v>1</v>
      </c>
      <c r="AD1945">
        <v>1</v>
      </c>
      <c r="AE1945">
        <v>0</v>
      </c>
      <c r="AF1945">
        <v>0</v>
      </c>
      <c r="AG1945">
        <v>4.1108738641733096</v>
      </c>
      <c r="AH1945">
        <v>0.13192669781164371</v>
      </c>
      <c r="AI1945">
        <v>-4.7633173074505493E-2</v>
      </c>
      <c r="AJ1945">
        <v>0.1870773169303544</v>
      </c>
      <c r="AK1945">
        <v>-0.11148420039137361</v>
      </c>
      <c r="AL1945">
        <v>605.5319720372745</v>
      </c>
      <c r="AM1945">
        <v>950.5556432111955</v>
      </c>
      <c r="AN1945">
        <v>7747</v>
      </c>
      <c r="AO1945">
        <v>32.322259793548461</v>
      </c>
      <c r="AP1945">
        <v>406.73876249734309</v>
      </c>
      <c r="AQ1945">
        <v>1.359375</v>
      </c>
      <c r="AR1945">
        <v>3.84375</v>
      </c>
      <c r="AS1945">
        <v>64</v>
      </c>
      <c r="AT1945">
        <v>7.75</v>
      </c>
      <c r="AU1945">
        <v>0.10848577235772359</v>
      </c>
      <c r="AV1945">
        <v>0.13626691114154341</v>
      </c>
      <c r="AW1945">
        <v>0.421875</v>
      </c>
      <c r="AX1945">
        <v>72.111111111111114</v>
      </c>
      <c r="AY1945">
        <v>61</v>
      </c>
      <c r="AZ1945">
        <v>132.25</v>
      </c>
      <c r="BA1945">
        <v>0.59543702556847622</v>
      </c>
      <c r="BB1945">
        <v>0.46875</v>
      </c>
      <c r="BC1945">
        <v>3.89277780391402</v>
      </c>
      <c r="BD1945" t="s">
        <v>7425</v>
      </c>
      <c r="BE1945" t="s">
        <v>62</v>
      </c>
    </row>
    <row r="1946" spans="1:57" x14ac:dyDescent="0.3">
      <c r="A1946" t="s">
        <v>7426</v>
      </c>
      <c r="B1946">
        <v>151</v>
      </c>
      <c r="C1946" t="s">
        <v>7427</v>
      </c>
      <c r="D1946" t="s">
        <v>7428</v>
      </c>
      <c r="E1946" t="s">
        <v>60</v>
      </c>
      <c r="F1946">
        <v>256</v>
      </c>
      <c r="G1946">
        <v>132.125</v>
      </c>
      <c r="H1946">
        <v>138</v>
      </c>
      <c r="I1946">
        <v>5550.0625</v>
      </c>
      <c r="J1946">
        <v>74.498741600110264</v>
      </c>
      <c r="K1946">
        <v>-7.7678411565223524E-2</v>
      </c>
      <c r="L1946">
        <v>-1.250383238982083</v>
      </c>
      <c r="M1946">
        <v>7.22920581042011</v>
      </c>
      <c r="N1946">
        <v>4</v>
      </c>
      <c r="O1946">
        <v>1</v>
      </c>
      <c r="P1946">
        <v>3</v>
      </c>
      <c r="Q1946">
        <v>0.75648439268760503</v>
      </c>
      <c r="R1946">
        <v>5.0109036251802737</v>
      </c>
      <c r="S1946">
        <v>1</v>
      </c>
      <c r="T1946">
        <v>1</v>
      </c>
      <c r="U1946">
        <v>0</v>
      </c>
      <c r="V1946">
        <v>0</v>
      </c>
      <c r="W1946">
        <v>5.541263545158424</v>
      </c>
      <c r="X1946">
        <v>1</v>
      </c>
      <c r="Y1946">
        <v>1</v>
      </c>
      <c r="Z1946">
        <v>0</v>
      </c>
      <c r="AA1946">
        <v>0</v>
      </c>
      <c r="AB1946">
        <v>5.5373342670185366</v>
      </c>
      <c r="AC1946">
        <v>1</v>
      </c>
      <c r="AD1946">
        <v>1</v>
      </c>
      <c r="AE1946">
        <v>0</v>
      </c>
      <c r="AF1946">
        <v>0</v>
      </c>
      <c r="AG1946">
        <v>5.5333894887275203</v>
      </c>
      <c r="AH1946">
        <v>1.169651365834844E-3</v>
      </c>
      <c r="AI1946">
        <v>-1.3716171728077389E-2</v>
      </c>
      <c r="AJ1946">
        <v>-2.626832265754327E-2</v>
      </c>
      <c r="AK1946">
        <v>3.1301884797186971E-2</v>
      </c>
      <c r="AL1946">
        <v>1198.4295917476379</v>
      </c>
      <c r="AM1946">
        <v>2110.350329595442</v>
      </c>
      <c r="AN1946">
        <v>33824</v>
      </c>
      <c r="AO1946">
        <v>67.67449501746502</v>
      </c>
      <c r="AP1946">
        <v>1015.423322131327</v>
      </c>
      <c r="AQ1946">
        <v>1.08984375</v>
      </c>
      <c r="AR1946">
        <v>3.9375</v>
      </c>
      <c r="AS1946">
        <v>256</v>
      </c>
      <c r="AT1946">
        <v>62.34375</v>
      </c>
      <c r="AU1946">
        <v>5.6040846456692939E-2</v>
      </c>
      <c r="AV1946">
        <v>1.1906097883963641E-3</v>
      </c>
      <c r="AW1946">
        <v>0.35546875</v>
      </c>
      <c r="AX1946">
        <v>85.564705882352939</v>
      </c>
      <c r="AY1946">
        <v>65</v>
      </c>
      <c r="AZ1946">
        <v>131.5</v>
      </c>
      <c r="BA1946">
        <v>0.56385045676526213</v>
      </c>
      <c r="BB1946">
        <v>0.515625</v>
      </c>
      <c r="BC1946">
        <v>4.8709992093691152</v>
      </c>
      <c r="BD1946" t="s">
        <v>7429</v>
      </c>
      <c r="BE1946" t="s">
        <v>62</v>
      </c>
    </row>
    <row r="1947" spans="1:57" x14ac:dyDescent="0.3">
      <c r="A1947" t="s">
        <v>7430</v>
      </c>
      <c r="B1947">
        <v>138</v>
      </c>
      <c r="C1947" t="s">
        <v>7431</v>
      </c>
      <c r="D1947" t="s">
        <v>7432</v>
      </c>
      <c r="E1947" t="s">
        <v>60</v>
      </c>
      <c r="F1947">
        <v>256</v>
      </c>
      <c r="G1947">
        <v>125.74609375</v>
      </c>
      <c r="H1947">
        <v>128</v>
      </c>
      <c r="I1947">
        <v>4854.5488128662109</v>
      </c>
      <c r="J1947">
        <v>69.674592304987414</v>
      </c>
      <c r="K1947">
        <v>-6.6767909012930796E-2</v>
      </c>
      <c r="L1947">
        <v>-1.0498549716018899</v>
      </c>
      <c r="M1947">
        <v>7.1927019902328189</v>
      </c>
      <c r="N1947">
        <v>5</v>
      </c>
      <c r="O1947">
        <v>1</v>
      </c>
      <c r="P1947">
        <v>4</v>
      </c>
      <c r="Q1947">
        <v>0.75953523038380366</v>
      </c>
      <c r="R1947">
        <v>4.9856011051377864</v>
      </c>
      <c r="S1947">
        <v>1</v>
      </c>
      <c r="T1947">
        <v>1</v>
      </c>
      <c r="U1947">
        <v>0</v>
      </c>
      <c r="V1947">
        <v>0</v>
      </c>
      <c r="W1947">
        <v>5.541263545158424</v>
      </c>
      <c r="X1947">
        <v>1</v>
      </c>
      <c r="Y1947">
        <v>1</v>
      </c>
      <c r="Z1947">
        <v>0</v>
      </c>
      <c r="AA1947">
        <v>0</v>
      </c>
      <c r="AB1947">
        <v>5.5373342670185366</v>
      </c>
      <c r="AC1947">
        <v>1</v>
      </c>
      <c r="AD1947">
        <v>1</v>
      </c>
      <c r="AE1947">
        <v>0</v>
      </c>
      <c r="AF1947">
        <v>0</v>
      </c>
      <c r="AG1947">
        <v>5.5333894887275203</v>
      </c>
      <c r="AH1947">
        <v>1.577569576194043E-2</v>
      </c>
      <c r="AI1947">
        <v>-4.9382926435112717E-2</v>
      </c>
      <c r="AJ1947">
        <v>7.7526718546389289E-4</v>
      </c>
      <c r="AK1947">
        <v>-8.4447664119961241E-2</v>
      </c>
      <c r="AL1947">
        <v>1111.318283470544</v>
      </c>
      <c r="AM1947">
        <v>2013.8591492018711</v>
      </c>
      <c r="AN1947">
        <v>32191</v>
      </c>
      <c r="AO1947">
        <v>102.51380808750331</v>
      </c>
      <c r="AP1947">
        <v>875.33563964054179</v>
      </c>
      <c r="AQ1947">
        <v>1.08984375</v>
      </c>
      <c r="AR1947">
        <v>3.93359375</v>
      </c>
      <c r="AS1947">
        <v>256</v>
      </c>
      <c r="AT1947">
        <v>59.140625000000007</v>
      </c>
      <c r="AU1947">
        <v>4.6627964426877437E-2</v>
      </c>
      <c r="AV1947">
        <v>1.579390017587665E-2</v>
      </c>
      <c r="AW1947">
        <v>0.36328125</v>
      </c>
      <c r="AX1947">
        <v>78.898039215686268</v>
      </c>
      <c r="AY1947">
        <v>55.5</v>
      </c>
      <c r="AZ1947">
        <v>110.5</v>
      </c>
      <c r="BA1947">
        <v>0.55408951663746941</v>
      </c>
      <c r="BB1947">
        <v>0.5078125</v>
      </c>
      <c r="BC1947">
        <v>4.7956083427592926</v>
      </c>
      <c r="BD1947" t="s">
        <v>7433</v>
      </c>
      <c r="BE1947" t="s">
        <v>62</v>
      </c>
    </row>
    <row r="1948" spans="1:57" x14ac:dyDescent="0.3">
      <c r="A1948" t="s">
        <v>7434</v>
      </c>
      <c r="B1948">
        <v>1548</v>
      </c>
      <c r="C1948" t="s">
        <v>7435</v>
      </c>
      <c r="D1948" t="s">
        <v>7436</v>
      </c>
      <c r="E1948" t="s">
        <v>106</v>
      </c>
      <c r="F1948">
        <v>1572</v>
      </c>
      <c r="G1948">
        <v>128.36259541984731</v>
      </c>
      <c r="H1948">
        <v>132</v>
      </c>
      <c r="I1948">
        <v>5386.6675067498009</v>
      </c>
      <c r="J1948">
        <v>73.393920093900149</v>
      </c>
      <c r="K1948">
        <v>-4.7618060332398737E-2</v>
      </c>
      <c r="L1948">
        <v>-1.1850451042352239</v>
      </c>
      <c r="M1948">
        <v>7.8998395657710097</v>
      </c>
      <c r="N1948">
        <v>13</v>
      </c>
      <c r="O1948">
        <v>1</v>
      </c>
      <c r="P1948">
        <v>12</v>
      </c>
      <c r="Q1948">
        <v>2.2698236956589821</v>
      </c>
      <c r="R1948">
        <v>5.4757515218900599</v>
      </c>
      <c r="S1948">
        <v>2</v>
      </c>
      <c r="T1948">
        <v>1</v>
      </c>
      <c r="U1948">
        <v>1</v>
      </c>
      <c r="V1948">
        <v>0.12862846209197251</v>
      </c>
      <c r="W1948">
        <v>7.3365245107004862</v>
      </c>
      <c r="X1948">
        <v>2</v>
      </c>
      <c r="Y1948">
        <v>1</v>
      </c>
      <c r="Z1948">
        <v>1</v>
      </c>
      <c r="AA1948">
        <v>2.5237718130303802E-2</v>
      </c>
      <c r="AB1948">
        <v>7.3579479083034247</v>
      </c>
      <c r="AC1948">
        <v>1</v>
      </c>
      <c r="AD1948">
        <v>1</v>
      </c>
      <c r="AE1948">
        <v>0</v>
      </c>
      <c r="AF1948">
        <v>0</v>
      </c>
      <c r="AG1948">
        <v>7.3581937527330306</v>
      </c>
      <c r="AH1948">
        <v>-4.0918716714065689E-2</v>
      </c>
      <c r="AI1948">
        <v>-1.9387423017707579E-2</v>
      </c>
      <c r="AJ1948">
        <v>-7.3294666350870721E-3</v>
      </c>
      <c r="AK1948">
        <v>-1.452706660995688E-2</v>
      </c>
      <c r="AL1948">
        <v>2690.7557491293342</v>
      </c>
      <c r="AM1948">
        <v>5208.5938120117826</v>
      </c>
      <c r="AN1948">
        <v>201786</v>
      </c>
      <c r="AO1948">
        <v>72.895623459778847</v>
      </c>
      <c r="AP1948">
        <v>2419.3335867289879</v>
      </c>
      <c r="AQ1948">
        <v>1.0146310432569969</v>
      </c>
      <c r="AR1948">
        <v>3.9834605597964381</v>
      </c>
      <c r="AS1948">
        <v>1566</v>
      </c>
      <c r="AT1948">
        <v>214.7888040712468</v>
      </c>
      <c r="AU1948">
        <v>2.1882951653944049E-2</v>
      </c>
      <c r="AV1948">
        <v>-4.093422792388951E-2</v>
      </c>
      <c r="AW1948">
        <v>0.36068702290076338</v>
      </c>
      <c r="AX1948">
        <v>87.926161680458307</v>
      </c>
      <c r="AY1948">
        <v>62</v>
      </c>
      <c r="AZ1948">
        <v>125</v>
      </c>
      <c r="BA1948">
        <v>0.57177030313109445</v>
      </c>
      <c r="BB1948">
        <v>0.51081424936386766</v>
      </c>
      <c r="BC1948">
        <v>5.2889814236846542</v>
      </c>
      <c r="BD1948" t="s">
        <v>7437</v>
      </c>
      <c r="BE1948" t="s">
        <v>68</v>
      </c>
    </row>
    <row r="1949" spans="1:57" x14ac:dyDescent="0.3">
      <c r="A1949" t="s">
        <v>7438</v>
      </c>
      <c r="B1949">
        <v>138</v>
      </c>
      <c r="C1949" t="s">
        <v>7439</v>
      </c>
      <c r="D1949" t="s">
        <v>7440</v>
      </c>
      <c r="E1949" t="s">
        <v>60</v>
      </c>
      <c r="F1949">
        <v>512</v>
      </c>
      <c r="G1949">
        <v>122.76953125</v>
      </c>
      <c r="H1949">
        <v>124</v>
      </c>
      <c r="I1949">
        <v>5525.5679779052734</v>
      </c>
      <c r="J1949">
        <v>74.334164271250629</v>
      </c>
      <c r="K1949">
        <v>5.1573101707462481E-2</v>
      </c>
      <c r="L1949">
        <v>-1.206430767605283</v>
      </c>
      <c r="M1949">
        <v>7.6158972677324703</v>
      </c>
      <c r="N1949">
        <v>6</v>
      </c>
      <c r="O1949">
        <v>1</v>
      </c>
      <c r="P1949">
        <v>5</v>
      </c>
      <c r="Q1949">
        <v>1.160878225631349</v>
      </c>
      <c r="R1949">
        <v>5.2789377185629496</v>
      </c>
      <c r="S1949">
        <v>2</v>
      </c>
      <c r="T1949">
        <v>1</v>
      </c>
      <c r="U1949">
        <v>1</v>
      </c>
      <c r="V1949">
        <v>4.4237310481092057E-2</v>
      </c>
      <c r="W1949">
        <v>6.2336566853874231</v>
      </c>
      <c r="X1949">
        <v>1</v>
      </c>
      <c r="Y1949">
        <v>1</v>
      </c>
      <c r="Z1949">
        <v>0</v>
      </c>
      <c r="AA1949">
        <v>0</v>
      </c>
      <c r="AB1949">
        <v>6.2344107257183694</v>
      </c>
      <c r="AC1949">
        <v>1</v>
      </c>
      <c r="AD1949">
        <v>1</v>
      </c>
      <c r="AE1949">
        <v>0</v>
      </c>
      <c r="AF1949">
        <v>0</v>
      </c>
      <c r="AG1949">
        <v>6.2324480165505216</v>
      </c>
      <c r="AH1949">
        <v>-1.2306722113039631E-2</v>
      </c>
      <c r="AI1949">
        <v>4.8197939305229337E-2</v>
      </c>
      <c r="AJ1949">
        <v>-3.7861153272899357E-2</v>
      </c>
      <c r="AK1949">
        <v>-4.560355756818784E-2</v>
      </c>
      <c r="AL1949">
        <v>1609.9254809521819</v>
      </c>
      <c r="AM1949">
        <v>2820.3329494548839</v>
      </c>
      <c r="AN1949">
        <v>62858</v>
      </c>
      <c r="AO1949">
        <v>168.57684536794051</v>
      </c>
      <c r="AP1949">
        <v>1362.764005642895</v>
      </c>
      <c r="AQ1949">
        <v>1.044921875</v>
      </c>
      <c r="AR1949">
        <v>3.9609375</v>
      </c>
      <c r="AS1949">
        <v>507</v>
      </c>
      <c r="AT1949">
        <v>128.5546875</v>
      </c>
      <c r="AU1949">
        <v>4.3926164215686292E-2</v>
      </c>
      <c r="AV1949">
        <v>-1.2341922086542631E-2</v>
      </c>
      <c r="AW1949">
        <v>0.3671875</v>
      </c>
      <c r="AX1949">
        <v>85.041095890410958</v>
      </c>
      <c r="AY1949">
        <v>64</v>
      </c>
      <c r="AZ1949">
        <v>128</v>
      </c>
      <c r="BA1949">
        <v>0.60547729973719056</v>
      </c>
      <c r="BB1949">
        <v>0.50390625</v>
      </c>
      <c r="BC1949">
        <v>5.1083082531757524</v>
      </c>
      <c r="BD1949" t="s">
        <v>7441</v>
      </c>
      <c r="BE1949" t="s">
        <v>62</v>
      </c>
    </row>
    <row r="1950" spans="1:57" x14ac:dyDescent="0.3">
      <c r="A1950" t="s">
        <v>7442</v>
      </c>
      <c r="B1950">
        <v>2591</v>
      </c>
      <c r="C1950" t="s">
        <v>7443</v>
      </c>
      <c r="D1950" t="s">
        <v>7444</v>
      </c>
      <c r="E1950" t="s">
        <v>10622</v>
      </c>
      <c r="F1950">
        <v>64</v>
      </c>
      <c r="G1950">
        <v>151.5</v>
      </c>
      <c r="H1950">
        <v>177.5</v>
      </c>
      <c r="I1950">
        <v>6238.34375</v>
      </c>
      <c r="J1950">
        <v>78.983186501938505</v>
      </c>
      <c r="K1950">
        <v>-0.4609368371625937</v>
      </c>
      <c r="L1950">
        <v>-1.1988518305264551</v>
      </c>
      <c r="M1950">
        <v>5.706954882778696</v>
      </c>
      <c r="N1950">
        <v>3</v>
      </c>
      <c r="O1950">
        <v>1</v>
      </c>
      <c r="P1950">
        <v>2</v>
      </c>
      <c r="Q1950">
        <v>0.41620084153671261</v>
      </c>
      <c r="R1950">
        <v>3.9557596865808669</v>
      </c>
      <c r="S1950">
        <v>1</v>
      </c>
      <c r="T1950">
        <v>1</v>
      </c>
      <c r="U1950">
        <v>0</v>
      </c>
      <c r="V1950">
        <v>0</v>
      </c>
      <c r="W1950">
        <v>4.1431347263915326</v>
      </c>
      <c r="X1950">
        <v>1</v>
      </c>
      <c r="Y1950">
        <v>1</v>
      </c>
      <c r="Z1950">
        <v>0</v>
      </c>
      <c r="AA1950">
        <v>0</v>
      </c>
      <c r="AB1950">
        <v>4.1271343850450908</v>
      </c>
      <c r="AC1950">
        <v>1</v>
      </c>
      <c r="AD1950">
        <v>1</v>
      </c>
      <c r="AE1950">
        <v>0</v>
      </c>
      <c r="AF1950">
        <v>0</v>
      </c>
      <c r="AG1950">
        <v>4.1108738641733096</v>
      </c>
      <c r="AH1950">
        <v>-4.413856843012218E-3</v>
      </c>
      <c r="AI1950">
        <v>0.12520225220035369</v>
      </c>
      <c r="AJ1950">
        <v>6.135505217230134E-2</v>
      </c>
      <c r="AK1950">
        <v>-3.8464235799766558E-2</v>
      </c>
      <c r="AL1950">
        <v>716.56192799499615</v>
      </c>
      <c r="AM1950">
        <v>1163.931700465321</v>
      </c>
      <c r="AN1950">
        <v>9696</v>
      </c>
      <c r="AO1950">
        <v>101.0842679813989</v>
      </c>
      <c r="AP1950">
        <v>552.89868465180211</v>
      </c>
      <c r="AQ1950">
        <v>1.359375</v>
      </c>
      <c r="AR1950">
        <v>4.21875</v>
      </c>
      <c r="AS1950">
        <v>64</v>
      </c>
      <c r="AT1950">
        <v>8.1875000000000036</v>
      </c>
      <c r="AU1950">
        <v>0.19037990196078439</v>
      </c>
      <c r="AV1950">
        <v>-4.7004579832303738E-3</v>
      </c>
      <c r="AW1950">
        <v>0.234375</v>
      </c>
      <c r="AX1950">
        <v>88.285714285714292</v>
      </c>
      <c r="AY1950">
        <v>54</v>
      </c>
      <c r="AZ1950">
        <v>128</v>
      </c>
      <c r="BA1950">
        <v>0.52134116502929706</v>
      </c>
      <c r="BB1950">
        <v>0.5625</v>
      </c>
      <c r="BC1950">
        <v>4.0771207091953476</v>
      </c>
      <c r="BD1950" t="s">
        <v>7445</v>
      </c>
      <c r="BE1950" t="s">
        <v>62</v>
      </c>
    </row>
    <row r="1951" spans="1:57" x14ac:dyDescent="0.3">
      <c r="A1951" t="s">
        <v>7446</v>
      </c>
      <c r="B1951">
        <v>3106</v>
      </c>
      <c r="C1951" t="s">
        <v>7447</v>
      </c>
      <c r="D1951" t="s">
        <v>7448</v>
      </c>
      <c r="E1951" t="s">
        <v>66</v>
      </c>
      <c r="F1951">
        <v>70</v>
      </c>
      <c r="G1951">
        <v>125.6571428571429</v>
      </c>
      <c r="H1951">
        <v>120.5</v>
      </c>
      <c r="I1951">
        <v>6122.4253061224481</v>
      </c>
      <c r="J1951">
        <v>78.245928367694944</v>
      </c>
      <c r="K1951">
        <v>0.13486959717080679</v>
      </c>
      <c r="L1951">
        <v>-1.2272847646824261</v>
      </c>
      <c r="M1951">
        <v>5.8791433740260146</v>
      </c>
      <c r="N1951">
        <v>3</v>
      </c>
      <c r="O1951">
        <v>1</v>
      </c>
      <c r="P1951">
        <v>2</v>
      </c>
      <c r="Q1951">
        <v>0.42059370356146131</v>
      </c>
      <c r="R1951">
        <v>4.0751116538138126</v>
      </c>
      <c r="S1951">
        <v>2</v>
      </c>
      <c r="T1951">
        <v>1</v>
      </c>
      <c r="U1951">
        <v>1</v>
      </c>
      <c r="V1951">
        <v>0.1203728348804772</v>
      </c>
      <c r="W1951">
        <v>4.2140152819723324</v>
      </c>
      <c r="X1951">
        <v>1</v>
      </c>
      <c r="Y1951">
        <v>1</v>
      </c>
      <c r="Z1951">
        <v>0</v>
      </c>
      <c r="AA1951">
        <v>0</v>
      </c>
      <c r="AB1951">
        <v>4.2195077051761087</v>
      </c>
      <c r="AC1951">
        <v>1</v>
      </c>
      <c r="AD1951">
        <v>1</v>
      </c>
      <c r="AE1951">
        <v>0</v>
      </c>
      <c r="AF1951">
        <v>0</v>
      </c>
      <c r="AG1951">
        <v>4.2046926193909648</v>
      </c>
      <c r="AH1951">
        <v>-6.434385641529243E-2</v>
      </c>
      <c r="AI1951">
        <v>0.25701477855238192</v>
      </c>
      <c r="AJ1951">
        <v>-0.1172352247381071</v>
      </c>
      <c r="AK1951">
        <v>-0.17136467213387521</v>
      </c>
      <c r="AL1951">
        <v>664.83209728509837</v>
      </c>
      <c r="AM1951">
        <v>1044.9154427127089</v>
      </c>
      <c r="AN1951">
        <v>8796</v>
      </c>
      <c r="AO1951">
        <v>42.834486200855892</v>
      </c>
      <c r="AP1951">
        <v>493.88154446379212</v>
      </c>
      <c r="AQ1951">
        <v>1.328571428571429</v>
      </c>
      <c r="AR1951">
        <v>4.0142857142857142</v>
      </c>
      <c r="AS1951">
        <v>69</v>
      </c>
      <c r="AT1951">
        <v>9.7142857142857135</v>
      </c>
      <c r="AU1951">
        <v>7.3109243697479065E-2</v>
      </c>
      <c r="AV1951">
        <v>-6.5781670260012651E-2</v>
      </c>
      <c r="AW1951">
        <v>0.41428571428571431</v>
      </c>
      <c r="AX1951">
        <v>93.753623188405797</v>
      </c>
      <c r="AY1951">
        <v>70</v>
      </c>
      <c r="AZ1951">
        <v>139</v>
      </c>
      <c r="BA1951">
        <v>0.62269383648688559</v>
      </c>
      <c r="BB1951">
        <v>0.48571428571428571</v>
      </c>
      <c r="BC1951">
        <v>3.9452460814169261</v>
      </c>
      <c r="BD1951" t="s">
        <v>7449</v>
      </c>
      <c r="BE1951" t="s">
        <v>68</v>
      </c>
    </row>
    <row r="1952" spans="1:57" x14ac:dyDescent="0.3">
      <c r="A1952" t="s">
        <v>7450</v>
      </c>
      <c r="B1952">
        <v>1719</v>
      </c>
      <c r="C1952" t="s">
        <v>7451</v>
      </c>
      <c r="D1952" t="s">
        <v>7452</v>
      </c>
      <c r="E1952" t="s">
        <v>128</v>
      </c>
      <c r="F1952">
        <v>32</v>
      </c>
      <c r="G1952">
        <v>125.0625</v>
      </c>
      <c r="H1952">
        <v>124</v>
      </c>
      <c r="I1952">
        <v>5370.05859375</v>
      </c>
      <c r="J1952">
        <v>73.280683633205825</v>
      </c>
      <c r="K1952">
        <v>6.5197954973641156E-2</v>
      </c>
      <c r="L1952">
        <v>-1.1035114717392061</v>
      </c>
      <c r="M1952">
        <v>4.875</v>
      </c>
      <c r="N1952">
        <v>2</v>
      </c>
      <c r="O1952">
        <v>1</v>
      </c>
      <c r="P1952">
        <v>1</v>
      </c>
      <c r="Q1952">
        <v>0.24944382578492941</v>
      </c>
      <c r="R1952">
        <v>3.3790925052297318</v>
      </c>
      <c r="S1952">
        <v>1</v>
      </c>
      <c r="T1952">
        <v>1</v>
      </c>
      <c r="U1952">
        <v>0</v>
      </c>
      <c r="V1952">
        <v>0</v>
      </c>
      <c r="W1952">
        <v>3.4339872044851458</v>
      </c>
      <c r="X1952">
        <v>1</v>
      </c>
      <c r="Y1952">
        <v>1</v>
      </c>
      <c r="Z1952">
        <v>0</v>
      </c>
      <c r="AA1952">
        <v>0</v>
      </c>
      <c r="AB1952">
        <v>3.401197381662155</v>
      </c>
      <c r="AC1952">
        <v>1</v>
      </c>
      <c r="AD1952">
        <v>1</v>
      </c>
      <c r="AE1952">
        <v>0</v>
      </c>
      <c r="AF1952">
        <v>0</v>
      </c>
      <c r="AG1952">
        <v>3.3672958299864728</v>
      </c>
      <c r="AH1952">
        <v>-0.13337954678538039</v>
      </c>
      <c r="AI1952">
        <v>0.18260823904243359</v>
      </c>
      <c r="AJ1952">
        <v>-1.124555368852906E-2</v>
      </c>
      <c r="AK1952">
        <v>0.25159589848225289</v>
      </c>
      <c r="AL1952">
        <v>493.00065347762347</v>
      </c>
      <c r="AM1952">
        <v>655.20405651265332</v>
      </c>
      <c r="AN1952">
        <v>4002</v>
      </c>
      <c r="AO1952">
        <v>64.383678634539081</v>
      </c>
      <c r="AP1952">
        <v>398.68973144126778</v>
      </c>
      <c r="AQ1952">
        <v>1.65625</v>
      </c>
      <c r="AR1952">
        <v>4.03125</v>
      </c>
      <c r="AS1952">
        <v>32</v>
      </c>
      <c r="AT1952">
        <v>1.75</v>
      </c>
      <c r="AU1952">
        <v>8.7450592885375489E-2</v>
      </c>
      <c r="AV1952">
        <v>-0.14887828389365421</v>
      </c>
      <c r="AW1952">
        <v>0.375</v>
      </c>
      <c r="AX1952">
        <v>89.903225806451616</v>
      </c>
      <c r="AY1952">
        <v>65</v>
      </c>
      <c r="AZ1952">
        <v>127.25</v>
      </c>
      <c r="BA1952">
        <v>0.585952492819237</v>
      </c>
      <c r="BB1952">
        <v>0.46875</v>
      </c>
      <c r="BC1952">
        <v>3.210391339788389</v>
      </c>
      <c r="BD1952" t="s">
        <v>7453</v>
      </c>
      <c r="BE1952" t="s">
        <v>62</v>
      </c>
    </row>
    <row r="1953" spans="1:57" x14ac:dyDescent="0.3">
      <c r="A1953" t="s">
        <v>7454</v>
      </c>
      <c r="B1953">
        <v>1820</v>
      </c>
      <c r="C1953" t="s">
        <v>7455</v>
      </c>
      <c r="D1953" t="s">
        <v>7456</v>
      </c>
      <c r="E1953" t="s">
        <v>128</v>
      </c>
      <c r="F1953">
        <v>32</v>
      </c>
      <c r="G1953">
        <v>149.5625</v>
      </c>
      <c r="H1953">
        <v>145.5</v>
      </c>
      <c r="I1953">
        <v>3703.62109375</v>
      </c>
      <c r="J1953">
        <v>60.857383231207038</v>
      </c>
      <c r="K1953">
        <v>-0.16271646325220471</v>
      </c>
      <c r="L1953">
        <v>-1.007810449128254</v>
      </c>
      <c r="M1953">
        <v>4.9375</v>
      </c>
      <c r="N1953">
        <v>2</v>
      </c>
      <c r="O1953">
        <v>1</v>
      </c>
      <c r="P1953">
        <v>1</v>
      </c>
      <c r="Q1953">
        <v>0.1766846959694085</v>
      </c>
      <c r="R1953">
        <v>3.422414204014729</v>
      </c>
      <c r="S1953">
        <v>1</v>
      </c>
      <c r="T1953">
        <v>1</v>
      </c>
      <c r="U1953">
        <v>0</v>
      </c>
      <c r="V1953">
        <v>0</v>
      </c>
      <c r="W1953">
        <v>3.4339872044851458</v>
      </c>
      <c r="X1953">
        <v>1</v>
      </c>
      <c r="Y1953">
        <v>1</v>
      </c>
      <c r="Z1953">
        <v>0</v>
      </c>
      <c r="AA1953">
        <v>0</v>
      </c>
      <c r="AB1953">
        <v>3.401197381662155</v>
      </c>
      <c r="AC1953">
        <v>1</v>
      </c>
      <c r="AD1953">
        <v>1</v>
      </c>
      <c r="AE1953">
        <v>0</v>
      </c>
      <c r="AF1953">
        <v>0</v>
      </c>
      <c r="AG1953">
        <v>3.3672958299864728</v>
      </c>
      <c r="AH1953">
        <v>0.1129516074850732</v>
      </c>
      <c r="AI1953">
        <v>-4.5948551723556018E-2</v>
      </c>
      <c r="AJ1953">
        <v>-0.17728443156876661</v>
      </c>
      <c r="AK1953">
        <v>0.19162642504643371</v>
      </c>
      <c r="AL1953">
        <v>443.71788848560692</v>
      </c>
      <c r="AM1953">
        <v>798.39616446841387</v>
      </c>
      <c r="AN1953">
        <v>4786</v>
      </c>
      <c r="AO1953">
        <v>64</v>
      </c>
      <c r="AP1953">
        <v>265.74916495048888</v>
      </c>
      <c r="AQ1953">
        <v>1.71875</v>
      </c>
      <c r="AR1953">
        <v>3.9375</v>
      </c>
      <c r="AS1953">
        <v>32</v>
      </c>
      <c r="AT1953">
        <v>0.93749999999999978</v>
      </c>
      <c r="AU1953">
        <v>0.14407630522088349</v>
      </c>
      <c r="AV1953">
        <v>0.123814455265171</v>
      </c>
      <c r="AW1953">
        <v>0.375</v>
      </c>
      <c r="AX1953">
        <v>62.774193548387103</v>
      </c>
      <c r="AY1953">
        <v>56</v>
      </c>
      <c r="AZ1953">
        <v>101.25</v>
      </c>
      <c r="BA1953">
        <v>0.40690268771387911</v>
      </c>
      <c r="BB1953">
        <v>0.46875</v>
      </c>
      <c r="BC1953">
        <v>3.3445488586064429</v>
      </c>
      <c r="BD1953" t="s">
        <v>7457</v>
      </c>
      <c r="BE1953" t="s">
        <v>62</v>
      </c>
    </row>
    <row r="1954" spans="1:57" x14ac:dyDescent="0.3">
      <c r="A1954" t="s">
        <v>7458</v>
      </c>
      <c r="B1954">
        <v>1321</v>
      </c>
      <c r="C1954" t="s">
        <v>7459</v>
      </c>
      <c r="D1954" t="s">
        <v>7460</v>
      </c>
      <c r="E1954" t="s">
        <v>72</v>
      </c>
      <c r="F1954">
        <v>1328</v>
      </c>
      <c r="G1954">
        <v>126.0376506024096</v>
      </c>
      <c r="H1954">
        <v>124</v>
      </c>
      <c r="I1954">
        <v>5522.5874378538247</v>
      </c>
      <c r="J1954">
        <v>74.314113315398075</v>
      </c>
      <c r="K1954">
        <v>2.0916351648946951E-2</v>
      </c>
      <c r="L1954">
        <v>-1.2150958492689321</v>
      </c>
      <c r="M1954">
        <v>7.8641825195332702</v>
      </c>
      <c r="N1954">
        <v>14</v>
      </c>
      <c r="O1954">
        <v>1</v>
      </c>
      <c r="P1954">
        <v>13</v>
      </c>
      <c r="Q1954">
        <v>2.1765094502801459</v>
      </c>
      <c r="R1954">
        <v>5.4510359408232851</v>
      </c>
      <c r="S1954">
        <v>2</v>
      </c>
      <c r="T1954">
        <v>1</v>
      </c>
      <c r="U1954">
        <v>1</v>
      </c>
      <c r="V1954">
        <v>0.1063118761634131</v>
      </c>
      <c r="W1954">
        <v>7.1750057891047767</v>
      </c>
      <c r="X1954">
        <v>1</v>
      </c>
      <c r="Y1954">
        <v>1</v>
      </c>
      <c r="Z1954">
        <v>0</v>
      </c>
      <c r="AA1954">
        <v>0</v>
      </c>
      <c r="AB1954">
        <v>7.1899221707458061</v>
      </c>
      <c r="AC1954">
        <v>1</v>
      </c>
      <c r="AD1954">
        <v>1</v>
      </c>
      <c r="AE1954">
        <v>0</v>
      </c>
      <c r="AF1954">
        <v>0</v>
      </c>
      <c r="AG1954">
        <v>7.1891677384203234</v>
      </c>
      <c r="AH1954">
        <v>2.1603265998388671E-3</v>
      </c>
      <c r="AI1954">
        <v>-7.0122518900490498E-3</v>
      </c>
      <c r="AJ1954">
        <v>5.1042776070593668E-2</v>
      </c>
      <c r="AK1954">
        <v>-1.0834436192512179E-2</v>
      </c>
      <c r="AL1954">
        <v>2525.2723178907172</v>
      </c>
      <c r="AM1954">
        <v>4696.054271459695</v>
      </c>
      <c r="AN1954">
        <v>167378</v>
      </c>
      <c r="AO1954">
        <v>42.68995776457264</v>
      </c>
      <c r="AP1954">
        <v>2269.1419088671109</v>
      </c>
      <c r="AQ1954">
        <v>1.0173192771084341</v>
      </c>
      <c r="AR1954">
        <v>3.99472891566265</v>
      </c>
      <c r="AS1954">
        <v>1323</v>
      </c>
      <c r="AT1954">
        <v>231.95481927710841</v>
      </c>
      <c r="AU1954">
        <v>2.4757854949208621E-2</v>
      </c>
      <c r="AV1954">
        <v>2.1608649841854642E-3</v>
      </c>
      <c r="AW1954">
        <v>0.37650602409638562</v>
      </c>
      <c r="AX1954">
        <v>85.894498869630752</v>
      </c>
      <c r="AY1954">
        <v>64</v>
      </c>
      <c r="AZ1954">
        <v>128</v>
      </c>
      <c r="BA1954">
        <v>0.58961836372073173</v>
      </c>
      <c r="BB1954">
        <v>0.49171686746987953</v>
      </c>
      <c r="BC1954">
        <v>5.253445054154195</v>
      </c>
      <c r="BD1954" t="s">
        <v>7461</v>
      </c>
      <c r="BE1954" t="s">
        <v>62</v>
      </c>
    </row>
    <row r="1955" spans="1:57" x14ac:dyDescent="0.3">
      <c r="A1955" t="s">
        <v>7462</v>
      </c>
      <c r="B1955">
        <v>2043</v>
      </c>
      <c r="C1955" t="s">
        <v>7463</v>
      </c>
      <c r="D1955" t="s">
        <v>7464</v>
      </c>
      <c r="E1955" t="s">
        <v>106</v>
      </c>
      <c r="F1955">
        <v>2079</v>
      </c>
      <c r="G1955">
        <v>128.2895622895623</v>
      </c>
      <c r="H1955">
        <v>127</v>
      </c>
      <c r="I1955">
        <v>5539.0705548348642</v>
      </c>
      <c r="J1955">
        <v>74.424932346861183</v>
      </c>
      <c r="K1955">
        <v>7.5556224468726263E-4</v>
      </c>
      <c r="L1955">
        <v>-1.2210562593450629</v>
      </c>
      <c r="M1955">
        <v>7.9113200764928271</v>
      </c>
      <c r="N1955">
        <v>15</v>
      </c>
      <c r="O1955">
        <v>2</v>
      </c>
      <c r="P1955">
        <v>13</v>
      </c>
      <c r="Q1955">
        <v>2.8098919113928451</v>
      </c>
      <c r="R1955">
        <v>5.4837092055282959</v>
      </c>
      <c r="S1955">
        <v>2</v>
      </c>
      <c r="T1955">
        <v>1</v>
      </c>
      <c r="U1955">
        <v>1</v>
      </c>
      <c r="V1955">
        <v>0.1051995649002173</v>
      </c>
      <c r="W1955">
        <v>7.623817201348416</v>
      </c>
      <c r="X1955">
        <v>1</v>
      </c>
      <c r="Y1955">
        <v>1</v>
      </c>
      <c r="Z1955">
        <v>0</v>
      </c>
      <c r="AA1955">
        <v>0</v>
      </c>
      <c r="AB1955">
        <v>7.6386798238761138</v>
      </c>
      <c r="AC1955">
        <v>1</v>
      </c>
      <c r="AD1955">
        <v>1</v>
      </c>
      <c r="AE1955">
        <v>0</v>
      </c>
      <c r="AF1955">
        <v>0</v>
      </c>
      <c r="AG1955">
        <v>7.6381982442857792</v>
      </c>
      <c r="AH1955">
        <v>-1.95562408574986E-4</v>
      </c>
      <c r="AI1955">
        <v>-3.3445477937905893E-2</v>
      </c>
      <c r="AJ1955">
        <v>2.0798369131489181E-2</v>
      </c>
      <c r="AK1955">
        <v>-8.2259094706107049E-3</v>
      </c>
      <c r="AL1955">
        <v>3140.721871446719</v>
      </c>
      <c r="AM1955">
        <v>5989.0079417392844</v>
      </c>
      <c r="AN1955">
        <v>266714</v>
      </c>
      <c r="AO1955">
        <v>73.765365298647964</v>
      </c>
      <c r="AP1955">
        <v>2844.903225463233</v>
      </c>
      <c r="AQ1955">
        <v>1.011063011063011</v>
      </c>
      <c r="AR1955">
        <v>4.0216450216450212</v>
      </c>
      <c r="AS1955">
        <v>2074</v>
      </c>
      <c r="AT1955">
        <v>248.8884078884079</v>
      </c>
      <c r="AU1955">
        <v>1.8911807147101278E-2</v>
      </c>
      <c r="AV1955">
        <v>-1.9581217042217471E-4</v>
      </c>
      <c r="AW1955">
        <v>0.37133237133237129</v>
      </c>
      <c r="AX1955">
        <v>86.197305101058717</v>
      </c>
      <c r="AY1955">
        <v>64</v>
      </c>
      <c r="AZ1955">
        <v>128</v>
      </c>
      <c r="BA1955">
        <v>0.58013240530727439</v>
      </c>
      <c r="BB1955">
        <v>0.49543049543049539</v>
      </c>
      <c r="BC1955">
        <v>5.3001341548187373</v>
      </c>
      <c r="BD1955" t="s">
        <v>7465</v>
      </c>
      <c r="BE1955" t="s">
        <v>68</v>
      </c>
    </row>
    <row r="1956" spans="1:57" x14ac:dyDescent="0.3">
      <c r="A1956" t="s">
        <v>7466</v>
      </c>
      <c r="B1956">
        <v>1215</v>
      </c>
      <c r="C1956" t="s">
        <v>7467</v>
      </c>
      <c r="D1956" t="s">
        <v>7468</v>
      </c>
      <c r="E1956" t="s">
        <v>85</v>
      </c>
      <c r="F1956">
        <v>8</v>
      </c>
      <c r="G1956">
        <v>157.625</v>
      </c>
      <c r="H1956">
        <v>181.5</v>
      </c>
      <c r="I1956">
        <v>4555.234375</v>
      </c>
      <c r="J1956">
        <v>67.492476432562469</v>
      </c>
      <c r="K1956">
        <v>-1.066095391926505</v>
      </c>
      <c r="L1956">
        <v>-1.522314909860922E-2</v>
      </c>
      <c r="M1956">
        <v>3</v>
      </c>
      <c r="N1956">
        <v>1</v>
      </c>
      <c r="O1956">
        <v>1</v>
      </c>
      <c r="P1956">
        <v>0</v>
      </c>
      <c r="Q1956">
        <v>0</v>
      </c>
      <c r="R1956">
        <v>2.0794415416798362</v>
      </c>
      <c r="S1956">
        <v>1</v>
      </c>
      <c r="T1956">
        <v>1</v>
      </c>
      <c r="U1956">
        <v>0</v>
      </c>
      <c r="V1956">
        <v>0</v>
      </c>
      <c r="W1956">
        <v>1.945910149055313</v>
      </c>
      <c r="X1956">
        <v>1</v>
      </c>
      <c r="Y1956">
        <v>1</v>
      </c>
      <c r="Z1956">
        <v>0</v>
      </c>
      <c r="AA1956">
        <v>0</v>
      </c>
      <c r="AB1956">
        <v>1.791759469228055</v>
      </c>
      <c r="AC1956">
        <v>1</v>
      </c>
      <c r="AD1956">
        <v>1</v>
      </c>
      <c r="AE1956">
        <v>0</v>
      </c>
      <c r="AF1956">
        <v>0</v>
      </c>
      <c r="AG1956">
        <v>1.6094379124341009</v>
      </c>
      <c r="AH1956">
        <v>0.13092038691752281</v>
      </c>
      <c r="AI1956">
        <v>-6.833227571303617E-2</v>
      </c>
      <c r="AJ1956">
        <v>-0.34250304423139588</v>
      </c>
      <c r="AK1956">
        <v>0</v>
      </c>
      <c r="AL1956">
        <v>313.5646914096406</v>
      </c>
      <c r="AM1956">
        <v>369.97862681670802</v>
      </c>
      <c r="AN1956">
        <v>1261</v>
      </c>
      <c r="AO1956">
        <v>56.224323214263329</v>
      </c>
      <c r="AP1956">
        <v>189.21152184790441</v>
      </c>
      <c r="AQ1956">
        <v>3.5</v>
      </c>
      <c r="AR1956">
        <v>4.125</v>
      </c>
      <c r="AS1956">
        <v>8</v>
      </c>
      <c r="AT1956">
        <v>0</v>
      </c>
      <c r="AU1956">
        <v>0.3771186440677966</v>
      </c>
      <c r="AV1956">
        <v>0.1676233859696018</v>
      </c>
      <c r="AW1956">
        <v>0.125</v>
      </c>
      <c r="AX1956">
        <v>58.571428571428569</v>
      </c>
      <c r="AY1956">
        <v>23.5</v>
      </c>
      <c r="AZ1956">
        <v>50.5</v>
      </c>
      <c r="BA1956">
        <v>0.42818383145162547</v>
      </c>
      <c r="BB1956">
        <v>0.75</v>
      </c>
      <c r="BC1956">
        <v>1.945910149055313</v>
      </c>
      <c r="BD1956" t="s">
        <v>7467</v>
      </c>
      <c r="BE1956" t="s">
        <v>68</v>
      </c>
    </row>
    <row r="1957" spans="1:57" x14ac:dyDescent="0.3">
      <c r="A1957" t="s">
        <v>7469</v>
      </c>
      <c r="B1957">
        <v>724</v>
      </c>
      <c r="C1957" t="s">
        <v>7470</v>
      </c>
      <c r="D1957" t="s">
        <v>7471</v>
      </c>
      <c r="E1957" t="s">
        <v>98</v>
      </c>
      <c r="F1957">
        <v>16</v>
      </c>
      <c r="G1957">
        <v>171.75</v>
      </c>
      <c r="H1957">
        <v>178.5</v>
      </c>
      <c r="I1957">
        <v>3645.8125</v>
      </c>
      <c r="J1957">
        <v>60.380563925819708</v>
      </c>
      <c r="K1957">
        <v>-0.73736788473483716</v>
      </c>
      <c r="L1957">
        <v>-0.24156115788289639</v>
      </c>
      <c r="M1957">
        <v>3.875</v>
      </c>
      <c r="N1957">
        <v>2</v>
      </c>
      <c r="O1957">
        <v>1</v>
      </c>
      <c r="P1957">
        <v>1</v>
      </c>
      <c r="Q1957">
        <v>0.24944382578492949</v>
      </c>
      <c r="R1957">
        <v>2.6859453246697882</v>
      </c>
      <c r="S1957">
        <v>1</v>
      </c>
      <c r="T1957">
        <v>1</v>
      </c>
      <c r="U1957">
        <v>0</v>
      </c>
      <c r="V1957">
        <v>0</v>
      </c>
      <c r="W1957">
        <v>2.7080502011022101</v>
      </c>
      <c r="X1957">
        <v>1</v>
      </c>
      <c r="Y1957">
        <v>1</v>
      </c>
      <c r="Z1957">
        <v>0</v>
      </c>
      <c r="AA1957">
        <v>0</v>
      </c>
      <c r="AB1957">
        <v>2.639057329615258</v>
      </c>
      <c r="AC1957">
        <v>1</v>
      </c>
      <c r="AD1957">
        <v>1</v>
      </c>
      <c r="AE1957">
        <v>0</v>
      </c>
      <c r="AF1957">
        <v>0</v>
      </c>
      <c r="AG1957">
        <v>2.5649493574615372</v>
      </c>
      <c r="AH1957">
        <v>3.5064843227675592E-2</v>
      </c>
      <c r="AI1957">
        <v>6.7751101434865346E-2</v>
      </c>
      <c r="AJ1957">
        <v>-2.5436931068177529E-2</v>
      </c>
      <c r="AK1957">
        <v>-7.8696878267875817E-2</v>
      </c>
      <c r="AL1957">
        <v>394.24522198336302</v>
      </c>
      <c r="AM1957">
        <v>612.26849089536597</v>
      </c>
      <c r="AN1957">
        <v>2748</v>
      </c>
      <c r="AO1957">
        <v>139.55118545172459</v>
      </c>
      <c r="AP1957">
        <v>259.34570273730571</v>
      </c>
      <c r="AQ1957">
        <v>2.3125</v>
      </c>
      <c r="AR1957">
        <v>4.5</v>
      </c>
      <c r="AS1957">
        <v>16</v>
      </c>
      <c r="AT1957">
        <v>0.87499999999999989</v>
      </c>
      <c r="AU1957">
        <v>0.23272357723577239</v>
      </c>
      <c r="AV1957">
        <v>3.5387862725698042E-2</v>
      </c>
      <c r="AW1957">
        <v>0.1875</v>
      </c>
      <c r="AX1957">
        <v>68.933333333333337</v>
      </c>
      <c r="AY1957">
        <v>43</v>
      </c>
      <c r="AZ1957">
        <v>83.25</v>
      </c>
      <c r="BA1957">
        <v>0.35156077977187611</v>
      </c>
      <c r="BB1957">
        <v>0.5625</v>
      </c>
      <c r="BC1957">
        <v>2.7080502011022101</v>
      </c>
      <c r="BD1957" t="s">
        <v>7470</v>
      </c>
      <c r="BE1957" t="s">
        <v>62</v>
      </c>
    </row>
    <row r="1958" spans="1:57" x14ac:dyDescent="0.3">
      <c r="A1958" t="s">
        <v>7472</v>
      </c>
      <c r="B1958">
        <v>1954</v>
      </c>
      <c r="C1958" t="s">
        <v>7473</v>
      </c>
      <c r="D1958" t="s">
        <v>7474</v>
      </c>
      <c r="E1958" t="s">
        <v>66</v>
      </c>
      <c r="F1958">
        <v>71</v>
      </c>
      <c r="G1958">
        <v>123.92957746478869</v>
      </c>
      <c r="H1958">
        <v>126</v>
      </c>
      <c r="I1958">
        <v>6060.0372941876622</v>
      </c>
      <c r="J1958">
        <v>77.846241361980105</v>
      </c>
      <c r="K1958">
        <v>5.6048459180094198E-2</v>
      </c>
      <c r="L1958">
        <v>-1.241058804965119</v>
      </c>
      <c r="M1958">
        <v>6.008902049082141</v>
      </c>
      <c r="N1958">
        <v>2</v>
      </c>
      <c r="O1958">
        <v>1</v>
      </c>
      <c r="P1958">
        <v>1</v>
      </c>
      <c r="Q1958">
        <v>0.26460983631171181</v>
      </c>
      <c r="R1958">
        <v>4.1650535135821691</v>
      </c>
      <c r="S1958">
        <v>1</v>
      </c>
      <c r="T1958">
        <v>1</v>
      </c>
      <c r="U1958">
        <v>0</v>
      </c>
      <c r="V1958">
        <v>0</v>
      </c>
      <c r="W1958">
        <v>4.2484952420493576</v>
      </c>
      <c r="X1958">
        <v>1</v>
      </c>
      <c r="Y1958">
        <v>1</v>
      </c>
      <c r="Z1958">
        <v>0</v>
      </c>
      <c r="AA1958">
        <v>0</v>
      </c>
      <c r="AB1958">
        <v>4.2341065045972579</v>
      </c>
      <c r="AC1958">
        <v>1</v>
      </c>
      <c r="AD1958">
        <v>1</v>
      </c>
      <c r="AE1958">
        <v>0</v>
      </c>
      <c r="AF1958">
        <v>0</v>
      </c>
      <c r="AG1958">
        <v>4.2195077051761087</v>
      </c>
      <c r="AH1958">
        <v>3.2710699599122123E-2</v>
      </c>
      <c r="AI1958">
        <v>-3.8714207719613362E-2</v>
      </c>
      <c r="AJ1958">
        <v>-4.753358513815014E-2</v>
      </c>
      <c r="AK1958">
        <v>-3.5485613671896739E-2</v>
      </c>
      <c r="AL1958">
        <v>712.22869939921668</v>
      </c>
      <c r="AM1958">
        <v>1006.702180265892</v>
      </c>
      <c r="AN1958">
        <v>8799</v>
      </c>
      <c r="AO1958">
        <v>230.68335798531399</v>
      </c>
      <c r="AP1958">
        <v>513.04570475339892</v>
      </c>
      <c r="AQ1958">
        <v>1.323943661971831</v>
      </c>
      <c r="AR1958">
        <v>3.802816901408451</v>
      </c>
      <c r="AS1958">
        <v>71</v>
      </c>
      <c r="AT1958">
        <v>4.2957746478873249</v>
      </c>
      <c r="AU1958">
        <v>5.8021435385219762E-2</v>
      </c>
      <c r="AV1958">
        <v>3.3883345173900951E-2</v>
      </c>
      <c r="AW1958">
        <v>0.36619718309859162</v>
      </c>
      <c r="AX1958">
        <v>86.642857142857139</v>
      </c>
      <c r="AY1958">
        <v>70</v>
      </c>
      <c r="AZ1958">
        <v>134</v>
      </c>
      <c r="BA1958">
        <v>0.62814900973980992</v>
      </c>
      <c r="BB1958">
        <v>0.52112676056338025</v>
      </c>
      <c r="BC1958">
        <v>4.0553074486549594</v>
      </c>
      <c r="BD1958" t="s">
        <v>7475</v>
      </c>
      <c r="BE1958" t="s">
        <v>68</v>
      </c>
    </row>
    <row r="1959" spans="1:57" x14ac:dyDescent="0.3">
      <c r="A1959" t="s">
        <v>7476</v>
      </c>
      <c r="B1959">
        <v>3761</v>
      </c>
      <c r="C1959" t="s">
        <v>7477</v>
      </c>
      <c r="D1959" t="s">
        <v>7478</v>
      </c>
      <c r="E1959" t="s">
        <v>72</v>
      </c>
      <c r="F1959">
        <v>3768</v>
      </c>
      <c r="G1959">
        <v>126.2446921443737</v>
      </c>
      <c r="H1959">
        <v>126</v>
      </c>
      <c r="I1959">
        <v>5586.4337563277313</v>
      </c>
      <c r="J1959">
        <v>74.742449493763118</v>
      </c>
      <c r="K1959">
        <v>2.9788078149516301E-2</v>
      </c>
      <c r="L1959">
        <v>-1.2062318824460581</v>
      </c>
      <c r="M1959">
        <v>7.9553157821313736</v>
      </c>
      <c r="N1959">
        <v>25</v>
      </c>
      <c r="O1959">
        <v>6</v>
      </c>
      <c r="P1959">
        <v>19</v>
      </c>
      <c r="Q1959">
        <v>3.6270199113735231</v>
      </c>
      <c r="R1959">
        <v>5.5142047048483924</v>
      </c>
      <c r="S1959">
        <v>3</v>
      </c>
      <c r="T1959">
        <v>1</v>
      </c>
      <c r="U1959">
        <v>2</v>
      </c>
      <c r="V1959">
        <v>0.16856099359297089</v>
      </c>
      <c r="W1959">
        <v>8.1958513525067787</v>
      </c>
      <c r="X1959">
        <v>1</v>
      </c>
      <c r="Y1959">
        <v>1</v>
      </c>
      <c r="Z1959">
        <v>0</v>
      </c>
      <c r="AA1959">
        <v>0</v>
      </c>
      <c r="AB1959">
        <v>8.2337687092170935</v>
      </c>
      <c r="AC1959">
        <v>1</v>
      </c>
      <c r="AD1959">
        <v>1</v>
      </c>
      <c r="AE1959">
        <v>0</v>
      </c>
      <c r="AF1959">
        <v>0</v>
      </c>
      <c r="AG1959">
        <v>8.2335031402339922</v>
      </c>
      <c r="AH1959">
        <v>-1.6383435995264129E-3</v>
      </c>
      <c r="AI1959">
        <v>3.2102800549359461E-2</v>
      </c>
      <c r="AJ1959">
        <v>2.1507721443733901E-2</v>
      </c>
      <c r="AK1959">
        <v>1.822460164667335E-2</v>
      </c>
      <c r="AL1959">
        <v>4162.8021456348706</v>
      </c>
      <c r="AM1959">
        <v>7985.8686626000617</v>
      </c>
      <c r="AN1959">
        <v>475690</v>
      </c>
      <c r="AO1959">
        <v>172.57358996281781</v>
      </c>
      <c r="AP1959">
        <v>3780.078557103735</v>
      </c>
      <c r="AQ1959">
        <v>1.006104033970276</v>
      </c>
      <c r="AR1959">
        <v>3.9806263269639071</v>
      </c>
      <c r="AS1959">
        <v>3757</v>
      </c>
      <c r="AT1959">
        <v>228.80679405520169</v>
      </c>
      <c r="AU1959">
        <v>1.661358811040339E-2</v>
      </c>
      <c r="AV1959">
        <v>-1.6391141895153909E-3</v>
      </c>
      <c r="AW1959">
        <v>0.36916135881104029</v>
      </c>
      <c r="AX1959">
        <v>86.658083355455275</v>
      </c>
      <c r="AY1959">
        <v>65</v>
      </c>
      <c r="AZ1959">
        <v>129</v>
      </c>
      <c r="BA1959">
        <v>0.59204429290609306</v>
      </c>
      <c r="BB1959">
        <v>0.49787685774946921</v>
      </c>
      <c r="BC1959">
        <v>5.3301712228893896</v>
      </c>
      <c r="BD1959" t="s">
        <v>7479</v>
      </c>
      <c r="BE1959" t="s">
        <v>68</v>
      </c>
    </row>
    <row r="1960" spans="1:57" x14ac:dyDescent="0.3">
      <c r="A1960" t="s">
        <v>7480</v>
      </c>
      <c r="B1960">
        <v>1931</v>
      </c>
      <c r="C1960" t="s">
        <v>7481</v>
      </c>
      <c r="D1960" t="s">
        <v>7482</v>
      </c>
      <c r="E1960" t="s">
        <v>85</v>
      </c>
      <c r="F1960">
        <v>8</v>
      </c>
      <c r="G1960">
        <v>127.5</v>
      </c>
      <c r="H1960">
        <v>132</v>
      </c>
      <c r="I1960">
        <v>3788</v>
      </c>
      <c r="J1960">
        <v>61.546730213716472</v>
      </c>
      <c r="K1960">
        <v>0.46894178327768082</v>
      </c>
      <c r="L1960">
        <v>-0.45500899317050791</v>
      </c>
      <c r="M1960">
        <v>3</v>
      </c>
      <c r="N1960">
        <v>1</v>
      </c>
      <c r="O1960">
        <v>1</v>
      </c>
      <c r="P1960">
        <v>0</v>
      </c>
      <c r="Q1960">
        <v>0</v>
      </c>
      <c r="R1960">
        <v>2.0794415416798362</v>
      </c>
      <c r="S1960">
        <v>1</v>
      </c>
      <c r="T1960">
        <v>1</v>
      </c>
      <c r="U1960">
        <v>0</v>
      </c>
      <c r="V1960">
        <v>0</v>
      </c>
      <c r="W1960">
        <v>1.945910149055313</v>
      </c>
      <c r="X1960">
        <v>1</v>
      </c>
      <c r="Y1960">
        <v>1</v>
      </c>
      <c r="Z1960">
        <v>0</v>
      </c>
      <c r="AA1960">
        <v>0</v>
      </c>
      <c r="AB1960">
        <v>1.791759469228055</v>
      </c>
      <c r="AC1960">
        <v>1</v>
      </c>
      <c r="AD1960">
        <v>1</v>
      </c>
      <c r="AE1960">
        <v>0</v>
      </c>
      <c r="AF1960">
        <v>0</v>
      </c>
      <c r="AG1960">
        <v>1.6094379124341009</v>
      </c>
      <c r="AH1960">
        <v>-0.5129108368532207</v>
      </c>
      <c r="AI1960">
        <v>0.3634338701161563</v>
      </c>
      <c r="AJ1960">
        <v>8.9303392291446668E-2</v>
      </c>
      <c r="AK1960">
        <v>0</v>
      </c>
      <c r="AL1960">
        <v>281.39125687690188</v>
      </c>
      <c r="AM1960">
        <v>284.90868809714698</v>
      </c>
      <c r="AN1960">
        <v>1020</v>
      </c>
      <c r="AO1960">
        <v>124.40257232067189</v>
      </c>
      <c r="AP1960">
        <v>173.58122759346799</v>
      </c>
      <c r="AQ1960">
        <v>3.5</v>
      </c>
      <c r="AR1960">
        <v>3.625</v>
      </c>
      <c r="AS1960">
        <v>8</v>
      </c>
      <c r="AT1960">
        <v>0</v>
      </c>
      <c r="AU1960">
        <v>0.35080645161290319</v>
      </c>
      <c r="AV1960">
        <v>-0.52625106448254189</v>
      </c>
      <c r="AW1960">
        <v>0.375</v>
      </c>
      <c r="AX1960">
        <v>99.714285714285708</v>
      </c>
      <c r="AY1960">
        <v>42.5</v>
      </c>
      <c r="AZ1960">
        <v>67</v>
      </c>
      <c r="BA1960">
        <v>0.48271945265659982</v>
      </c>
      <c r="BB1960">
        <v>0.625</v>
      </c>
      <c r="BC1960">
        <v>1.945910149055313</v>
      </c>
      <c r="BD1960" t="s">
        <v>7481</v>
      </c>
      <c r="BE1960" t="s">
        <v>68</v>
      </c>
    </row>
    <row r="1961" spans="1:57" x14ac:dyDescent="0.3">
      <c r="A1961" t="s">
        <v>7483</v>
      </c>
      <c r="B1961">
        <v>3188</v>
      </c>
      <c r="C1961" t="s">
        <v>7484</v>
      </c>
      <c r="D1961" t="s">
        <v>7485</v>
      </c>
      <c r="E1961" t="s">
        <v>128</v>
      </c>
      <c r="F1961">
        <v>32</v>
      </c>
      <c r="G1961">
        <v>144.25</v>
      </c>
      <c r="H1961">
        <v>156.5</v>
      </c>
      <c r="I1961">
        <v>5745.625</v>
      </c>
      <c r="J1961">
        <v>75.799901055344392</v>
      </c>
      <c r="K1961">
        <v>-0.41780320266775339</v>
      </c>
      <c r="L1961">
        <v>-1.0919902145807829</v>
      </c>
      <c r="M1961">
        <v>5</v>
      </c>
      <c r="N1961">
        <v>1</v>
      </c>
      <c r="O1961">
        <v>1</v>
      </c>
      <c r="P1961">
        <v>0</v>
      </c>
      <c r="Q1961">
        <v>0</v>
      </c>
      <c r="R1961">
        <v>3.465735902799727</v>
      </c>
      <c r="S1961">
        <v>1</v>
      </c>
      <c r="T1961">
        <v>1</v>
      </c>
      <c r="U1961">
        <v>0</v>
      </c>
      <c r="V1961">
        <v>0</v>
      </c>
      <c r="W1961">
        <v>3.4339872044851458</v>
      </c>
      <c r="X1961">
        <v>1</v>
      </c>
      <c r="Y1961">
        <v>1</v>
      </c>
      <c r="Z1961">
        <v>0</v>
      </c>
      <c r="AA1961">
        <v>0</v>
      </c>
      <c r="AB1961">
        <v>3.401197381662155</v>
      </c>
      <c r="AC1961">
        <v>1</v>
      </c>
      <c r="AD1961">
        <v>1</v>
      </c>
      <c r="AE1961">
        <v>0</v>
      </c>
      <c r="AF1961">
        <v>0</v>
      </c>
      <c r="AG1961">
        <v>3.3672958299864728</v>
      </c>
      <c r="AH1961">
        <v>-0.1139430137060807</v>
      </c>
      <c r="AI1961">
        <v>-6.547305014685087E-2</v>
      </c>
      <c r="AJ1961">
        <v>0.12976415479168929</v>
      </c>
      <c r="AK1961">
        <v>0.18930096268900251</v>
      </c>
      <c r="AL1961">
        <v>508.19022957694852</v>
      </c>
      <c r="AM1961">
        <v>769.06481557962877</v>
      </c>
      <c r="AN1961">
        <v>4616</v>
      </c>
      <c r="AO1961">
        <v>86.745776996921904</v>
      </c>
      <c r="AP1961">
        <v>394.23958715945639</v>
      </c>
      <c r="AQ1961">
        <v>1.71875</v>
      </c>
      <c r="AR1961">
        <v>4.3125</v>
      </c>
      <c r="AS1961">
        <v>32</v>
      </c>
      <c r="AT1961">
        <v>0</v>
      </c>
      <c r="AU1961">
        <v>0.17366600790513839</v>
      </c>
      <c r="AV1961">
        <v>-0.11777052278894699</v>
      </c>
      <c r="AW1961">
        <v>0.21875</v>
      </c>
      <c r="AX1961">
        <v>90.387096774193552</v>
      </c>
      <c r="AY1961">
        <v>63.5</v>
      </c>
      <c r="AZ1961">
        <v>122.5</v>
      </c>
      <c r="BA1961">
        <v>0.52547591719476183</v>
      </c>
      <c r="BB1961">
        <v>0.59375</v>
      </c>
      <c r="BC1961">
        <v>3.3892680315457948</v>
      </c>
      <c r="BD1961" t="s">
        <v>7486</v>
      </c>
      <c r="BE1961" t="s">
        <v>62</v>
      </c>
    </row>
    <row r="1962" spans="1:57" x14ac:dyDescent="0.3">
      <c r="A1962" t="s">
        <v>7487</v>
      </c>
      <c r="B1962">
        <v>1126</v>
      </c>
      <c r="C1962" t="s">
        <v>7488</v>
      </c>
      <c r="D1962" t="s">
        <v>7489</v>
      </c>
      <c r="E1962" t="s">
        <v>10622</v>
      </c>
      <c r="F1962">
        <v>64</v>
      </c>
      <c r="G1962">
        <v>125.390625</v>
      </c>
      <c r="H1962">
        <v>118</v>
      </c>
      <c r="I1962">
        <v>5975.456787109375</v>
      </c>
      <c r="J1962">
        <v>77.301078822416017</v>
      </c>
      <c r="K1962">
        <v>6.4167069804679164E-3</v>
      </c>
      <c r="L1962">
        <v>-1.310036901070754</v>
      </c>
      <c r="M1962">
        <v>5.71875</v>
      </c>
      <c r="N1962">
        <v>2</v>
      </c>
      <c r="O1962">
        <v>1</v>
      </c>
      <c r="P1962">
        <v>1</v>
      </c>
      <c r="Q1962">
        <v>0.36994527180683268</v>
      </c>
      <c r="R1962">
        <v>3.9639354388271881</v>
      </c>
      <c r="S1962">
        <v>1</v>
      </c>
      <c r="T1962">
        <v>1</v>
      </c>
      <c r="U1962">
        <v>0</v>
      </c>
      <c r="V1962">
        <v>0</v>
      </c>
      <c r="W1962">
        <v>4.1431347263915326</v>
      </c>
      <c r="X1962">
        <v>1</v>
      </c>
      <c r="Y1962">
        <v>1</v>
      </c>
      <c r="Z1962">
        <v>0</v>
      </c>
      <c r="AA1962">
        <v>0</v>
      </c>
      <c r="AB1962">
        <v>4.1271343850450908</v>
      </c>
      <c r="AC1962">
        <v>1</v>
      </c>
      <c r="AD1962">
        <v>1</v>
      </c>
      <c r="AE1962">
        <v>0</v>
      </c>
      <c r="AF1962">
        <v>0</v>
      </c>
      <c r="AG1962">
        <v>4.1108738641733096</v>
      </c>
      <c r="AH1962">
        <v>4.9259940058967611E-2</v>
      </c>
      <c r="AI1962">
        <v>-0.1282176564140482</v>
      </c>
      <c r="AJ1962">
        <v>-0.1136086749106892</v>
      </c>
      <c r="AK1962">
        <v>0.12733525511112739</v>
      </c>
      <c r="AL1962">
        <v>638.33167065008433</v>
      </c>
      <c r="AM1962">
        <v>990.56634217253315</v>
      </c>
      <c r="AN1962">
        <v>8025</v>
      </c>
      <c r="AO1962">
        <v>83.835827168583663</v>
      </c>
      <c r="AP1962">
        <v>464.39107292121088</v>
      </c>
      <c r="AQ1962">
        <v>1.359375</v>
      </c>
      <c r="AR1962">
        <v>4.015625</v>
      </c>
      <c r="AS1962">
        <v>63</v>
      </c>
      <c r="AT1962">
        <v>6.4687500000000027</v>
      </c>
      <c r="AU1962">
        <v>6.5476190476190466E-2</v>
      </c>
      <c r="AV1962">
        <v>5.0062103059309353E-2</v>
      </c>
      <c r="AW1962">
        <v>0.375</v>
      </c>
      <c r="AX1962">
        <v>86.746031746031747</v>
      </c>
      <c r="AY1962">
        <v>69.5</v>
      </c>
      <c r="AZ1962">
        <v>136.25</v>
      </c>
      <c r="BA1962">
        <v>0.61648212394200941</v>
      </c>
      <c r="BB1962">
        <v>0.46875</v>
      </c>
      <c r="BC1962">
        <v>3.972490967417432</v>
      </c>
      <c r="BD1962" t="s">
        <v>7490</v>
      </c>
      <c r="BE1962" t="s">
        <v>62</v>
      </c>
    </row>
    <row r="1963" spans="1:57" x14ac:dyDescent="0.3">
      <c r="A1963" t="s">
        <v>7491</v>
      </c>
      <c r="B1963">
        <v>2175</v>
      </c>
      <c r="C1963" t="s">
        <v>7492</v>
      </c>
      <c r="D1963" t="s">
        <v>7493</v>
      </c>
      <c r="E1963" t="s">
        <v>115</v>
      </c>
      <c r="F1963">
        <v>2208</v>
      </c>
      <c r="G1963">
        <v>125.93931159420291</v>
      </c>
      <c r="H1963">
        <v>125</v>
      </c>
      <c r="I1963">
        <v>5513.3794690913146</v>
      </c>
      <c r="J1963">
        <v>74.252134441316329</v>
      </c>
      <c r="K1963">
        <v>2.519874552077549E-2</v>
      </c>
      <c r="L1963">
        <v>-1.18651317842499</v>
      </c>
      <c r="M1963">
        <v>7.9282211294565554</v>
      </c>
      <c r="N1963">
        <v>18</v>
      </c>
      <c r="O1963">
        <v>2</v>
      </c>
      <c r="P1963">
        <v>16</v>
      </c>
      <c r="Q1963">
        <v>2.7243118397129211</v>
      </c>
      <c r="R1963">
        <v>5.4954241227386014</v>
      </c>
      <c r="S1963">
        <v>3</v>
      </c>
      <c r="T1963">
        <v>1</v>
      </c>
      <c r="U1963">
        <v>2</v>
      </c>
      <c r="V1963">
        <v>0.13297226838144999</v>
      </c>
      <c r="W1963">
        <v>7.6759113185788026</v>
      </c>
      <c r="X1963">
        <v>1</v>
      </c>
      <c r="Y1963">
        <v>1</v>
      </c>
      <c r="Z1963">
        <v>0</v>
      </c>
      <c r="AA1963">
        <v>0</v>
      </c>
      <c r="AB1963">
        <v>7.6989361998134473</v>
      </c>
      <c r="AC1963">
        <v>1</v>
      </c>
      <c r="AD1963">
        <v>1</v>
      </c>
      <c r="AE1963">
        <v>0</v>
      </c>
      <c r="AF1963">
        <v>0</v>
      </c>
      <c r="AG1963">
        <v>7.6984827878809474</v>
      </c>
      <c r="AH1963">
        <v>-1.3490224409471809E-2</v>
      </c>
      <c r="AI1963">
        <v>-1.2906302295460449E-2</v>
      </c>
      <c r="AJ1963">
        <v>5.7559579861857033E-3</v>
      </c>
      <c r="AK1963">
        <v>-1.21658125702065E-2</v>
      </c>
      <c r="AL1963">
        <v>3226.1929462511198</v>
      </c>
      <c r="AM1963">
        <v>6065.1190485891957</v>
      </c>
      <c r="AN1963">
        <v>278074</v>
      </c>
      <c r="AO1963">
        <v>151.50014066598251</v>
      </c>
      <c r="AP1963">
        <v>2935.204137355644</v>
      </c>
      <c r="AQ1963">
        <v>1.010416666666667</v>
      </c>
      <c r="AR1963">
        <v>3.9977355072463769</v>
      </c>
      <c r="AS1963">
        <v>2197</v>
      </c>
      <c r="AT1963">
        <v>220.28985507246381</v>
      </c>
      <c r="AU1963">
        <v>1.8419650468883161E-2</v>
      </c>
      <c r="AV1963">
        <v>-1.3499261676130031E-2</v>
      </c>
      <c r="AW1963">
        <v>0.37590579710144928</v>
      </c>
      <c r="AX1963">
        <v>86.938830992297241</v>
      </c>
      <c r="AY1963">
        <v>63</v>
      </c>
      <c r="AZ1963">
        <v>126</v>
      </c>
      <c r="BA1963">
        <v>0.58958663106376885</v>
      </c>
      <c r="BB1963">
        <v>0.49592391304347833</v>
      </c>
      <c r="BC1963">
        <v>5.2986032131894918</v>
      </c>
      <c r="BD1963" t="s">
        <v>7494</v>
      </c>
      <c r="BE1963" t="s">
        <v>62</v>
      </c>
    </row>
    <row r="1964" spans="1:57" x14ac:dyDescent="0.3">
      <c r="A1964" t="s">
        <v>7495</v>
      </c>
      <c r="B1964">
        <v>139</v>
      </c>
      <c r="C1964" t="s">
        <v>7496</v>
      </c>
      <c r="D1964" t="s">
        <v>7497</v>
      </c>
      <c r="E1964" t="s">
        <v>60</v>
      </c>
      <c r="F1964">
        <v>256</v>
      </c>
      <c r="G1964">
        <v>121.8671875</v>
      </c>
      <c r="H1964">
        <v>113</v>
      </c>
      <c r="I1964">
        <v>5875.8573608398438</v>
      </c>
      <c r="J1964">
        <v>76.654141185195229</v>
      </c>
      <c r="K1964">
        <v>0.12657277659786451</v>
      </c>
      <c r="L1964">
        <v>-1.247840302290308</v>
      </c>
      <c r="M1964">
        <v>7.1514083613541191</v>
      </c>
      <c r="N1964">
        <v>7</v>
      </c>
      <c r="O1964">
        <v>1</v>
      </c>
      <c r="P1964">
        <v>6</v>
      </c>
      <c r="Q1964">
        <v>0.89393287690765677</v>
      </c>
      <c r="R1964">
        <v>4.9569785427054249</v>
      </c>
      <c r="S1964">
        <v>1</v>
      </c>
      <c r="T1964">
        <v>1</v>
      </c>
      <c r="U1964">
        <v>0</v>
      </c>
      <c r="V1964">
        <v>0</v>
      </c>
      <c r="W1964">
        <v>5.541263545158424</v>
      </c>
      <c r="X1964">
        <v>1</v>
      </c>
      <c r="Y1964">
        <v>1</v>
      </c>
      <c r="Z1964">
        <v>0</v>
      </c>
      <c r="AA1964">
        <v>0</v>
      </c>
      <c r="AB1964">
        <v>5.5373342670185366</v>
      </c>
      <c r="AC1964">
        <v>1</v>
      </c>
      <c r="AD1964">
        <v>1</v>
      </c>
      <c r="AE1964">
        <v>0</v>
      </c>
      <c r="AF1964">
        <v>0</v>
      </c>
      <c r="AG1964">
        <v>5.5333894887275203</v>
      </c>
      <c r="AH1964">
        <v>-6.7113428236147013E-4</v>
      </c>
      <c r="AI1964">
        <v>5.1358723676404767E-2</v>
      </c>
      <c r="AJ1964">
        <v>-0.1028363281523198</v>
      </c>
      <c r="AK1964">
        <v>-4.4147924733666119E-2</v>
      </c>
      <c r="AL1964">
        <v>1212.006713029815</v>
      </c>
      <c r="AM1964">
        <v>1958.895537687159</v>
      </c>
      <c r="AN1964">
        <v>31198</v>
      </c>
      <c r="AO1964">
        <v>62.870262257616723</v>
      </c>
      <c r="AP1964">
        <v>995.12323783220518</v>
      </c>
      <c r="AQ1964">
        <v>1.08984375</v>
      </c>
      <c r="AR1964">
        <v>3.92578125</v>
      </c>
      <c r="AS1964">
        <v>254</v>
      </c>
      <c r="AT1964">
        <v>81.921875</v>
      </c>
      <c r="AU1964">
        <v>6.4813112745098045E-2</v>
      </c>
      <c r="AV1964">
        <v>-6.4669107525218504E-4</v>
      </c>
      <c r="AW1964">
        <v>0.37890625</v>
      </c>
      <c r="AX1964">
        <v>88.533333333333331</v>
      </c>
      <c r="AY1964">
        <v>67.5</v>
      </c>
      <c r="AZ1964">
        <v>136.75</v>
      </c>
      <c r="BA1964">
        <v>0.62899737622315466</v>
      </c>
      <c r="BB1964">
        <v>0.47265625</v>
      </c>
      <c r="BC1964">
        <v>4.9165427506739139</v>
      </c>
      <c r="BD1964" t="s">
        <v>7498</v>
      </c>
      <c r="BE1964" t="s">
        <v>62</v>
      </c>
    </row>
    <row r="1965" spans="1:57" x14ac:dyDescent="0.3">
      <c r="A1965" t="s">
        <v>7499</v>
      </c>
      <c r="B1965">
        <v>2335</v>
      </c>
      <c r="C1965" t="s">
        <v>7500</v>
      </c>
      <c r="D1965" t="s">
        <v>7501</v>
      </c>
      <c r="E1965" t="s">
        <v>72</v>
      </c>
      <c r="F1965">
        <v>2344</v>
      </c>
      <c r="G1965">
        <v>125.9133959044369</v>
      </c>
      <c r="H1965">
        <v>126</v>
      </c>
      <c r="I1965">
        <v>5336.49121986715</v>
      </c>
      <c r="J1965">
        <v>73.051291705671773</v>
      </c>
      <c r="K1965">
        <v>2.6453740202705571E-2</v>
      </c>
      <c r="L1965">
        <v>-1.179722128516262</v>
      </c>
      <c r="M1965">
        <v>7.915854027829563</v>
      </c>
      <c r="N1965">
        <v>20</v>
      </c>
      <c r="O1965">
        <v>2</v>
      </c>
      <c r="P1965">
        <v>18</v>
      </c>
      <c r="Q1965">
        <v>3.1173343480448161</v>
      </c>
      <c r="R1965">
        <v>5.4868519011141412</v>
      </c>
      <c r="S1965">
        <v>2</v>
      </c>
      <c r="T1965">
        <v>1</v>
      </c>
      <c r="U1965">
        <v>1</v>
      </c>
      <c r="V1965">
        <v>0.1273346587185025</v>
      </c>
      <c r="W1965">
        <v>7.7367037911656906</v>
      </c>
      <c r="X1965">
        <v>1</v>
      </c>
      <c r="Y1965">
        <v>1</v>
      </c>
      <c r="Z1965">
        <v>0</v>
      </c>
      <c r="AA1965">
        <v>0</v>
      </c>
      <c r="AB1965">
        <v>7.7587605441576626</v>
      </c>
      <c r="AC1965">
        <v>1</v>
      </c>
      <c r="AD1965">
        <v>1</v>
      </c>
      <c r="AE1965">
        <v>0</v>
      </c>
      <c r="AF1965">
        <v>0</v>
      </c>
      <c r="AG1965">
        <v>7.7583334674909104</v>
      </c>
      <c r="AH1965">
        <v>3.5027833463331642E-3</v>
      </c>
      <c r="AI1965">
        <v>1.5193414886169369E-2</v>
      </c>
      <c r="AJ1965">
        <v>3.7968138296553891E-3</v>
      </c>
      <c r="AK1965">
        <v>-8.86022428062129E-3</v>
      </c>
      <c r="AL1965">
        <v>3250.6552600526402</v>
      </c>
      <c r="AM1965">
        <v>6253.3336213808479</v>
      </c>
      <c r="AN1965">
        <v>295141</v>
      </c>
      <c r="AO1965">
        <v>32.887127658595631</v>
      </c>
      <c r="AP1965">
        <v>2966.1658342946498</v>
      </c>
      <c r="AQ1965">
        <v>1.0098122866894199</v>
      </c>
      <c r="AR1965">
        <v>3.928754266211604</v>
      </c>
      <c r="AS1965">
        <v>2337</v>
      </c>
      <c r="AT1965">
        <v>271.69965870307169</v>
      </c>
      <c r="AU1965">
        <v>1.8205848892458021E-2</v>
      </c>
      <c r="AV1965">
        <v>3.5050677840000721E-3</v>
      </c>
      <c r="AW1965">
        <v>0.37969283276450511</v>
      </c>
      <c r="AX1965">
        <v>84.096030729833544</v>
      </c>
      <c r="AY1965">
        <v>62.5</v>
      </c>
      <c r="AZ1965">
        <v>124.5</v>
      </c>
      <c r="BA1965">
        <v>0.58017092765184997</v>
      </c>
      <c r="BB1965">
        <v>0.50042662116040959</v>
      </c>
      <c r="BC1965">
        <v>5.2874073440336282</v>
      </c>
      <c r="BD1965" t="s">
        <v>7502</v>
      </c>
      <c r="BE1965" t="s">
        <v>68</v>
      </c>
    </row>
    <row r="1966" spans="1:57" x14ac:dyDescent="0.3">
      <c r="A1966" t="s">
        <v>7503</v>
      </c>
      <c r="B1966">
        <v>1284</v>
      </c>
      <c r="C1966" t="s">
        <v>7504</v>
      </c>
      <c r="D1966" t="s">
        <v>7505</v>
      </c>
      <c r="E1966" t="s">
        <v>10622</v>
      </c>
      <c r="F1966">
        <v>64</v>
      </c>
      <c r="G1966">
        <v>136.34375</v>
      </c>
      <c r="H1966">
        <v>138</v>
      </c>
      <c r="I1966">
        <v>5544.1318359375</v>
      </c>
      <c r="J1966">
        <v>74.458927174231434</v>
      </c>
      <c r="K1966">
        <v>-0.28927939343576542</v>
      </c>
      <c r="L1966">
        <v>-0.98837432786764889</v>
      </c>
      <c r="M1966">
        <v>5.601409765557392</v>
      </c>
      <c r="N1966">
        <v>3</v>
      </c>
      <c r="O1966">
        <v>1</v>
      </c>
      <c r="P1966">
        <v>2</v>
      </c>
      <c r="Q1966">
        <v>0.50441834802323093</v>
      </c>
      <c r="R1966">
        <v>3.882601386157051</v>
      </c>
      <c r="S1966">
        <v>1</v>
      </c>
      <c r="T1966">
        <v>1</v>
      </c>
      <c r="U1966">
        <v>0</v>
      </c>
      <c r="V1966">
        <v>0</v>
      </c>
      <c r="W1966">
        <v>4.1431347263915326</v>
      </c>
      <c r="X1966">
        <v>1</v>
      </c>
      <c r="Y1966">
        <v>1</v>
      </c>
      <c r="Z1966">
        <v>0</v>
      </c>
      <c r="AA1966">
        <v>0</v>
      </c>
      <c r="AB1966">
        <v>4.1271343850450908</v>
      </c>
      <c r="AC1966">
        <v>1</v>
      </c>
      <c r="AD1966">
        <v>1</v>
      </c>
      <c r="AE1966">
        <v>0</v>
      </c>
      <c r="AF1966">
        <v>0</v>
      </c>
      <c r="AG1966">
        <v>4.1108738641733096</v>
      </c>
      <c r="AH1966">
        <v>3.6166496666221022E-2</v>
      </c>
      <c r="AI1966">
        <v>-0.13591744249048521</v>
      </c>
      <c r="AJ1966">
        <v>1.3303316508111139E-3</v>
      </c>
      <c r="AK1966">
        <v>0.171557746383731</v>
      </c>
      <c r="AL1966">
        <v>674.82874003127654</v>
      </c>
      <c r="AM1966">
        <v>1043.631243125559</v>
      </c>
      <c r="AN1966">
        <v>8726</v>
      </c>
      <c r="AO1966">
        <v>54.453985162797572</v>
      </c>
      <c r="AP1966">
        <v>521.33824925566569</v>
      </c>
      <c r="AQ1966">
        <v>1.359375</v>
      </c>
      <c r="AR1966">
        <v>4.015625</v>
      </c>
      <c r="AS1966">
        <v>64</v>
      </c>
      <c r="AT1966">
        <v>10.75</v>
      </c>
      <c r="AU1966">
        <v>0.13516865079365081</v>
      </c>
      <c r="AV1966">
        <v>3.6711612190440703E-2</v>
      </c>
      <c r="AW1966">
        <v>0.3125</v>
      </c>
      <c r="AX1966">
        <v>82.920634920634924</v>
      </c>
      <c r="AY1966">
        <v>57.5</v>
      </c>
      <c r="AZ1966">
        <v>111.75</v>
      </c>
      <c r="BA1966">
        <v>0.54611177391139254</v>
      </c>
      <c r="BB1966">
        <v>0.5</v>
      </c>
      <c r="BC1966">
        <v>3.898171424129746</v>
      </c>
      <c r="BD1966" t="s">
        <v>7506</v>
      </c>
      <c r="BE1966" t="s">
        <v>62</v>
      </c>
    </row>
    <row r="1967" spans="1:57" x14ac:dyDescent="0.3">
      <c r="A1967" t="s">
        <v>7507</v>
      </c>
      <c r="B1967">
        <v>1491</v>
      </c>
      <c r="C1967" t="s">
        <v>7508</v>
      </c>
      <c r="D1967" t="s">
        <v>7509</v>
      </c>
      <c r="E1967" t="s">
        <v>115</v>
      </c>
      <c r="F1967">
        <v>1557</v>
      </c>
      <c r="G1967">
        <v>129.06486833654461</v>
      </c>
      <c r="H1967">
        <v>131</v>
      </c>
      <c r="I1967">
        <v>5607.4171151560749</v>
      </c>
      <c r="J1967">
        <v>74.88268902193667</v>
      </c>
      <c r="K1967">
        <v>-5.0680998888877567E-2</v>
      </c>
      <c r="L1967">
        <v>-1.2283256946416441</v>
      </c>
      <c r="M1967">
        <v>7.8826993576296243</v>
      </c>
      <c r="N1967">
        <v>14</v>
      </c>
      <c r="O1967">
        <v>1</v>
      </c>
      <c r="P1967">
        <v>13</v>
      </c>
      <c r="Q1967">
        <v>2.3940660233217121</v>
      </c>
      <c r="R1967">
        <v>5.4638708349426732</v>
      </c>
      <c r="S1967">
        <v>2</v>
      </c>
      <c r="T1967">
        <v>1</v>
      </c>
      <c r="U1967">
        <v>1</v>
      </c>
      <c r="V1967">
        <v>0.11889453053640681</v>
      </c>
      <c r="W1967">
        <v>7.3302731417919116</v>
      </c>
      <c r="X1967">
        <v>1</v>
      </c>
      <c r="Y1967">
        <v>1</v>
      </c>
      <c r="Z1967">
        <v>0</v>
      </c>
      <c r="AA1967">
        <v>0</v>
      </c>
      <c r="AB1967">
        <v>7.3492308246133344</v>
      </c>
      <c r="AC1967">
        <v>1</v>
      </c>
      <c r="AD1967">
        <v>1</v>
      </c>
      <c r="AE1967">
        <v>0</v>
      </c>
      <c r="AF1967">
        <v>0</v>
      </c>
      <c r="AG1967">
        <v>7.348587530927591</v>
      </c>
      <c r="AH1967">
        <v>4.1453171955761987E-2</v>
      </c>
      <c r="AI1967">
        <v>-9.2018297005010963E-2</v>
      </c>
      <c r="AJ1967">
        <v>-1.4443545441524951E-2</v>
      </c>
      <c r="AK1967">
        <v>-3.6755716218681768E-2</v>
      </c>
      <c r="AL1967">
        <v>2742.928231332889</v>
      </c>
      <c r="AM1967">
        <v>5209.9131199816611</v>
      </c>
      <c r="AN1967">
        <v>200954</v>
      </c>
      <c r="AO1967">
        <v>154.11062291832499</v>
      </c>
      <c r="AP1967">
        <v>2437.117174489028</v>
      </c>
      <c r="AQ1967">
        <v>1.014771997430957</v>
      </c>
      <c r="AR1967">
        <v>3.9833012202954401</v>
      </c>
      <c r="AS1967">
        <v>1553</v>
      </c>
      <c r="AT1967">
        <v>241.24791265253691</v>
      </c>
      <c r="AU1967">
        <v>2.191998186557859E-2</v>
      </c>
      <c r="AV1967">
        <v>4.1467767462981253E-2</v>
      </c>
      <c r="AW1967">
        <v>0.34938985228002573</v>
      </c>
      <c r="AX1967">
        <v>84.493573264781489</v>
      </c>
      <c r="AY1967">
        <v>66</v>
      </c>
      <c r="AZ1967">
        <v>133</v>
      </c>
      <c r="BA1967">
        <v>0.5801942076652139</v>
      </c>
      <c r="BB1967">
        <v>0.50931278098908161</v>
      </c>
      <c r="BC1967">
        <v>5.2629375717502027</v>
      </c>
      <c r="BD1967" t="s">
        <v>7510</v>
      </c>
      <c r="BE1967" t="s">
        <v>68</v>
      </c>
    </row>
    <row r="1968" spans="1:57" x14ac:dyDescent="0.3">
      <c r="A1968" t="s">
        <v>7511</v>
      </c>
      <c r="B1968">
        <v>2694</v>
      </c>
      <c r="C1968" t="s">
        <v>7512</v>
      </c>
      <c r="D1968" t="s">
        <v>7513</v>
      </c>
      <c r="E1968" t="s">
        <v>106</v>
      </c>
      <c r="F1968">
        <v>2756</v>
      </c>
      <c r="G1968">
        <v>129.3124092888244</v>
      </c>
      <c r="H1968">
        <v>131</v>
      </c>
      <c r="I1968">
        <v>5305.6705426713797</v>
      </c>
      <c r="J1968">
        <v>72.840033928269008</v>
      </c>
      <c r="K1968">
        <v>-4.6421173406742462E-2</v>
      </c>
      <c r="L1968">
        <v>-1.178182493579891</v>
      </c>
      <c r="M1968">
        <v>7.9242005201885517</v>
      </c>
      <c r="N1968">
        <v>28</v>
      </c>
      <c r="O1968">
        <v>2</v>
      </c>
      <c r="P1968">
        <v>26</v>
      </c>
      <c r="Q1968">
        <v>3.452771475116041</v>
      </c>
      <c r="R1968">
        <v>5.4926372487603379</v>
      </c>
      <c r="S1968">
        <v>3</v>
      </c>
      <c r="T1968">
        <v>1</v>
      </c>
      <c r="U1968">
        <v>2</v>
      </c>
      <c r="V1968">
        <v>0.13202416521408011</v>
      </c>
      <c r="W1968">
        <v>7.8978359561586</v>
      </c>
      <c r="X1968">
        <v>1</v>
      </c>
      <c r="Y1968">
        <v>1</v>
      </c>
      <c r="Z1968">
        <v>0</v>
      </c>
      <c r="AA1968">
        <v>0</v>
      </c>
      <c r="AB1968">
        <v>7.9208096792886007</v>
      </c>
      <c r="AC1968">
        <v>1</v>
      </c>
      <c r="AD1968">
        <v>1</v>
      </c>
      <c r="AE1968">
        <v>0</v>
      </c>
      <c r="AF1968">
        <v>0</v>
      </c>
      <c r="AG1968">
        <v>7.9204465051426096</v>
      </c>
      <c r="AH1968">
        <v>-4.4007988704736073E-2</v>
      </c>
      <c r="AI1968">
        <v>3.7311117207993717E-2</v>
      </c>
      <c r="AJ1968">
        <v>5.9661848937387501E-4</v>
      </c>
      <c r="AK1968">
        <v>2.1657100892207432E-2</v>
      </c>
      <c r="AL1968">
        <v>3513.151756473867</v>
      </c>
      <c r="AM1968">
        <v>6954.5090219212871</v>
      </c>
      <c r="AN1968">
        <v>356385</v>
      </c>
      <c r="AO1968">
        <v>105.83766386882139</v>
      </c>
      <c r="AP1968">
        <v>3169.325276173533</v>
      </c>
      <c r="AQ1968">
        <v>1.008345428156749</v>
      </c>
      <c r="AR1968">
        <v>3.9702467343976782</v>
      </c>
      <c r="AS1968">
        <v>2750</v>
      </c>
      <c r="AT1968">
        <v>283.48911465892598</v>
      </c>
      <c r="AU1968">
        <v>2.2318506502746221E-2</v>
      </c>
      <c r="AV1968">
        <v>-4.400855320816334E-2</v>
      </c>
      <c r="AW1968">
        <v>0.3711901306240929</v>
      </c>
      <c r="AX1968">
        <v>86.371324863883842</v>
      </c>
      <c r="AY1968">
        <v>62</v>
      </c>
      <c r="AZ1968">
        <v>124</v>
      </c>
      <c r="BA1968">
        <v>0.56328726940334028</v>
      </c>
      <c r="BB1968">
        <v>0.50471698113207553</v>
      </c>
      <c r="BC1968">
        <v>5.3161082507697568</v>
      </c>
      <c r="BD1968" t="s">
        <v>7514</v>
      </c>
      <c r="BE1968" t="s">
        <v>68</v>
      </c>
    </row>
    <row r="1969" spans="1:57" x14ac:dyDescent="0.3">
      <c r="A1969" t="s">
        <v>7515</v>
      </c>
      <c r="B1969">
        <v>2441</v>
      </c>
      <c r="C1969" t="s">
        <v>7516</v>
      </c>
      <c r="D1969" t="s">
        <v>7517</v>
      </c>
      <c r="E1969" t="s">
        <v>72</v>
      </c>
      <c r="F1969">
        <v>2448</v>
      </c>
      <c r="G1969">
        <v>130.22916666666671</v>
      </c>
      <c r="H1969">
        <v>131</v>
      </c>
      <c r="I1969">
        <v>5596.9854728349674</v>
      </c>
      <c r="J1969">
        <v>74.813003367295494</v>
      </c>
      <c r="K1969">
        <v>-4.6679188131662767E-2</v>
      </c>
      <c r="L1969">
        <v>-1.199472910031075</v>
      </c>
      <c r="M1969">
        <v>7.9208954997898893</v>
      </c>
      <c r="N1969">
        <v>20</v>
      </c>
      <c r="O1969">
        <v>2</v>
      </c>
      <c r="P1969">
        <v>18</v>
      </c>
      <c r="Q1969">
        <v>3.1380975526582979</v>
      </c>
      <c r="R1969">
        <v>5.4903463831893093</v>
      </c>
      <c r="S1969">
        <v>2</v>
      </c>
      <c r="T1969">
        <v>1</v>
      </c>
      <c r="U1969">
        <v>1</v>
      </c>
      <c r="V1969">
        <v>0.1429135847556165</v>
      </c>
      <c r="W1969">
        <v>7.7742916563907709</v>
      </c>
      <c r="X1969">
        <v>1</v>
      </c>
      <c r="Y1969">
        <v>1</v>
      </c>
      <c r="Z1969">
        <v>0</v>
      </c>
      <c r="AA1969">
        <v>0</v>
      </c>
      <c r="AB1969">
        <v>7.8022093162471169</v>
      </c>
      <c r="AC1969">
        <v>1</v>
      </c>
      <c r="AD1969">
        <v>1</v>
      </c>
      <c r="AE1969">
        <v>0</v>
      </c>
      <c r="AF1969">
        <v>0</v>
      </c>
      <c r="AG1969">
        <v>7.8018004019089719</v>
      </c>
      <c r="AH1969">
        <v>7.8133466505150243E-3</v>
      </c>
      <c r="AI1969">
        <v>-2.2711784564299401E-2</v>
      </c>
      <c r="AJ1969">
        <v>-1.844926355676416E-2</v>
      </c>
      <c r="AK1969">
        <v>-1.037100988824232E-2</v>
      </c>
      <c r="AL1969">
        <v>3398.9883890189171</v>
      </c>
      <c r="AM1969">
        <v>6607.9866019321335</v>
      </c>
      <c r="AN1969">
        <v>318801</v>
      </c>
      <c r="AO1969">
        <v>123.5025987342147</v>
      </c>
      <c r="AP1969">
        <v>3058.9865739688562</v>
      </c>
      <c r="AQ1969">
        <v>1.0093954248366011</v>
      </c>
      <c r="AR1969">
        <v>4.0506535947712417</v>
      </c>
      <c r="AS1969">
        <v>2434</v>
      </c>
      <c r="AT1969">
        <v>263.6339869281046</v>
      </c>
      <c r="AU1969">
        <v>2.6470588235294131E-2</v>
      </c>
      <c r="AV1969">
        <v>7.8163899278928823E-3</v>
      </c>
      <c r="AW1969">
        <v>0.34967320261437912</v>
      </c>
      <c r="AX1969">
        <v>85.416836943195747</v>
      </c>
      <c r="AY1969">
        <v>65</v>
      </c>
      <c r="AZ1969">
        <v>129</v>
      </c>
      <c r="BA1969">
        <v>0.57447195034877363</v>
      </c>
      <c r="BB1969">
        <v>0.50081699346405228</v>
      </c>
      <c r="BC1969">
        <v>5.3074298925180834</v>
      </c>
      <c r="BD1969" t="s">
        <v>7518</v>
      </c>
      <c r="BE1969" t="s">
        <v>62</v>
      </c>
    </row>
    <row r="1970" spans="1:57" x14ac:dyDescent="0.3">
      <c r="A1970" t="s">
        <v>7519</v>
      </c>
      <c r="B1970">
        <v>3267</v>
      </c>
      <c r="C1970" t="s">
        <v>7520</v>
      </c>
      <c r="D1970" t="s">
        <v>7521</v>
      </c>
      <c r="E1970" t="s">
        <v>85</v>
      </c>
      <c r="F1970">
        <v>8</v>
      </c>
      <c r="G1970">
        <v>108</v>
      </c>
      <c r="H1970">
        <v>82</v>
      </c>
      <c r="I1970">
        <v>7610.25</v>
      </c>
      <c r="J1970">
        <v>87.236746844434776</v>
      </c>
      <c r="K1970">
        <v>0.59851132497279969</v>
      </c>
      <c r="L1970">
        <v>-1.083574302599202</v>
      </c>
      <c r="M1970">
        <v>3</v>
      </c>
      <c r="N1970">
        <v>1</v>
      </c>
      <c r="O1970">
        <v>1</v>
      </c>
      <c r="P1970">
        <v>0</v>
      </c>
      <c r="Q1970">
        <v>0</v>
      </c>
      <c r="R1970">
        <v>2.0794415416798362</v>
      </c>
      <c r="S1970">
        <v>1</v>
      </c>
      <c r="T1970">
        <v>1</v>
      </c>
      <c r="U1970">
        <v>0</v>
      </c>
      <c r="V1970">
        <v>0</v>
      </c>
      <c r="W1970">
        <v>1.945910149055313</v>
      </c>
      <c r="X1970">
        <v>1</v>
      </c>
      <c r="Y1970">
        <v>1</v>
      </c>
      <c r="Z1970">
        <v>0</v>
      </c>
      <c r="AA1970">
        <v>0</v>
      </c>
      <c r="AB1970">
        <v>1.791759469228055</v>
      </c>
      <c r="AC1970">
        <v>1</v>
      </c>
      <c r="AD1970">
        <v>1</v>
      </c>
      <c r="AE1970">
        <v>0</v>
      </c>
      <c r="AF1970">
        <v>0</v>
      </c>
      <c r="AG1970">
        <v>1.6094379124341009</v>
      </c>
      <c r="AH1970">
        <v>-0.23839558490194149</v>
      </c>
      <c r="AI1970">
        <v>-0.2212476594067212</v>
      </c>
      <c r="AJ1970">
        <v>-0.1326007687001084</v>
      </c>
      <c r="AK1970">
        <v>0</v>
      </c>
      <c r="AL1970">
        <v>314.88416861020158</v>
      </c>
      <c r="AM1970">
        <v>234.61023072036321</v>
      </c>
      <c r="AN1970">
        <v>864</v>
      </c>
      <c r="AO1970">
        <v>91.268374084877607</v>
      </c>
      <c r="AP1970">
        <v>268.63415017796461</v>
      </c>
      <c r="AQ1970">
        <v>3.5</v>
      </c>
      <c r="AR1970">
        <v>3.625</v>
      </c>
      <c r="AS1970">
        <v>8</v>
      </c>
      <c r="AT1970">
        <v>0</v>
      </c>
      <c r="AU1970">
        <v>0.28431372549019612</v>
      </c>
      <c r="AV1970">
        <v>-0.23945751534239809</v>
      </c>
      <c r="AW1970">
        <v>0.375</v>
      </c>
      <c r="AX1970">
        <v>122.8571428571429</v>
      </c>
      <c r="AY1970">
        <v>58.5</v>
      </c>
      <c r="AZ1970">
        <v>114.25</v>
      </c>
      <c r="BA1970">
        <v>0.80774765596698872</v>
      </c>
      <c r="BB1970">
        <v>0.375</v>
      </c>
      <c r="BC1970">
        <v>1.945910149055313</v>
      </c>
      <c r="BD1970" t="s">
        <v>7520</v>
      </c>
      <c r="BE1970" t="s">
        <v>68</v>
      </c>
    </row>
    <row r="1971" spans="1:57" x14ac:dyDescent="0.3">
      <c r="A1971" t="s">
        <v>7522</v>
      </c>
      <c r="B1971">
        <v>135</v>
      </c>
      <c r="C1971" t="s">
        <v>7523</v>
      </c>
      <c r="D1971" t="s">
        <v>7524</v>
      </c>
      <c r="E1971" t="s">
        <v>60</v>
      </c>
      <c r="F1971">
        <v>512</v>
      </c>
      <c r="G1971">
        <v>127.798828125</v>
      </c>
      <c r="H1971">
        <v>127.5</v>
      </c>
      <c r="I1971">
        <v>5098.133358001709</v>
      </c>
      <c r="J1971">
        <v>71.401213981288222</v>
      </c>
      <c r="K1971">
        <v>-4.1669933529165412E-2</v>
      </c>
      <c r="L1971">
        <v>-1.141051172166996</v>
      </c>
      <c r="M1971">
        <v>7.6144814672642438</v>
      </c>
      <c r="N1971">
        <v>6</v>
      </c>
      <c r="O1971">
        <v>1</v>
      </c>
      <c r="P1971">
        <v>5</v>
      </c>
      <c r="Q1971">
        <v>1.260474733100776</v>
      </c>
      <c r="R1971">
        <v>5.2779563604601636</v>
      </c>
      <c r="S1971">
        <v>2</v>
      </c>
      <c r="T1971">
        <v>1</v>
      </c>
      <c r="U1971">
        <v>1</v>
      </c>
      <c r="V1971">
        <v>6.2560641760670568E-2</v>
      </c>
      <c r="W1971">
        <v>6.2309437805711401</v>
      </c>
      <c r="X1971">
        <v>1</v>
      </c>
      <c r="Y1971">
        <v>1</v>
      </c>
      <c r="Z1971">
        <v>0</v>
      </c>
      <c r="AA1971">
        <v>0</v>
      </c>
      <c r="AB1971">
        <v>6.2344107257183694</v>
      </c>
      <c r="AC1971">
        <v>1</v>
      </c>
      <c r="AD1971">
        <v>1</v>
      </c>
      <c r="AE1971">
        <v>0</v>
      </c>
      <c r="AF1971">
        <v>0</v>
      </c>
      <c r="AG1971">
        <v>6.2324480165505216</v>
      </c>
      <c r="AH1971">
        <v>-9.7302252477463116E-2</v>
      </c>
      <c r="AI1971">
        <v>-3.5052908988136219E-2</v>
      </c>
      <c r="AJ1971">
        <v>-1.0929975290780681E-2</v>
      </c>
      <c r="AK1971">
        <v>-5.3008172011157241E-2</v>
      </c>
      <c r="AL1971">
        <v>1561.256003178109</v>
      </c>
      <c r="AM1971">
        <v>2921.4696117776612</v>
      </c>
      <c r="AN1971">
        <v>65433</v>
      </c>
      <c r="AO1971">
        <v>91.557148171727931</v>
      </c>
      <c r="AP1971">
        <v>1329.1285982044949</v>
      </c>
      <c r="AQ1971">
        <v>1.044921875</v>
      </c>
      <c r="AR1971">
        <v>3.96484375</v>
      </c>
      <c r="AS1971">
        <v>511</v>
      </c>
      <c r="AT1971">
        <v>161.3125</v>
      </c>
      <c r="AU1971">
        <v>2.866115196078434E-2</v>
      </c>
      <c r="AV1971">
        <v>-9.7584477345288481E-2</v>
      </c>
      <c r="AW1971">
        <v>0.384765625</v>
      </c>
      <c r="AX1971">
        <v>86.277886497064586</v>
      </c>
      <c r="AY1971">
        <v>60.5</v>
      </c>
      <c r="AZ1971">
        <v>120.25</v>
      </c>
      <c r="BA1971">
        <v>0.55870006813717188</v>
      </c>
      <c r="BB1971">
        <v>0.5</v>
      </c>
      <c r="BC1971">
        <v>5.0934609575984657</v>
      </c>
      <c r="BD1971" t="s">
        <v>7525</v>
      </c>
      <c r="BE1971" t="s">
        <v>62</v>
      </c>
    </row>
    <row r="1972" spans="1:57" x14ac:dyDescent="0.3">
      <c r="A1972" t="s">
        <v>7526</v>
      </c>
      <c r="B1972">
        <v>3850</v>
      </c>
      <c r="C1972" t="s">
        <v>7527</v>
      </c>
      <c r="D1972" t="s">
        <v>7528</v>
      </c>
      <c r="E1972" t="s">
        <v>10622</v>
      </c>
      <c r="F1972">
        <v>64</v>
      </c>
      <c r="G1972">
        <v>121.5</v>
      </c>
      <c r="H1972">
        <v>130.5</v>
      </c>
      <c r="I1972">
        <v>4642.40625</v>
      </c>
      <c r="J1972">
        <v>68.135205657574701</v>
      </c>
      <c r="K1972">
        <v>-2.1025716686368792E-2</v>
      </c>
      <c r="L1972">
        <v>-1.1238645406593559</v>
      </c>
      <c r="M1972">
        <v>5.84375</v>
      </c>
      <c r="N1972">
        <v>2</v>
      </c>
      <c r="O1972">
        <v>1</v>
      </c>
      <c r="P1972">
        <v>1</v>
      </c>
      <c r="Q1972">
        <v>0.27850299534160988</v>
      </c>
      <c r="R1972">
        <v>4.0505788363971806</v>
      </c>
      <c r="S1972">
        <v>1</v>
      </c>
      <c r="T1972">
        <v>1</v>
      </c>
      <c r="U1972">
        <v>0</v>
      </c>
      <c r="V1972">
        <v>0</v>
      </c>
      <c r="W1972">
        <v>4.1431347263915326</v>
      </c>
      <c r="X1972">
        <v>1</v>
      </c>
      <c r="Y1972">
        <v>1</v>
      </c>
      <c r="Z1972">
        <v>0</v>
      </c>
      <c r="AA1972">
        <v>0</v>
      </c>
      <c r="AB1972">
        <v>4.1271343850450908</v>
      </c>
      <c r="AC1972">
        <v>1</v>
      </c>
      <c r="AD1972">
        <v>1</v>
      </c>
      <c r="AE1972">
        <v>0</v>
      </c>
      <c r="AF1972">
        <v>0</v>
      </c>
      <c r="AG1972">
        <v>4.1108738641733096</v>
      </c>
      <c r="AH1972">
        <v>9.5030022146381524E-2</v>
      </c>
      <c r="AI1972">
        <v>-1.7459628290824401E-2</v>
      </c>
      <c r="AJ1972">
        <v>-7.2964417698257233E-2</v>
      </c>
      <c r="AK1972">
        <v>-7.4298080871315383E-2</v>
      </c>
      <c r="AL1972">
        <v>599.21877379278669</v>
      </c>
      <c r="AM1972">
        <v>939.59292309716182</v>
      </c>
      <c r="AN1972">
        <v>7776</v>
      </c>
      <c r="AO1972">
        <v>100.8526500103749</v>
      </c>
      <c r="AP1972">
        <v>487.73619030039038</v>
      </c>
      <c r="AQ1972">
        <v>1.359375</v>
      </c>
      <c r="AR1972">
        <v>3.65625</v>
      </c>
      <c r="AS1972">
        <v>64</v>
      </c>
      <c r="AT1972">
        <v>4.21875</v>
      </c>
      <c r="AU1972">
        <v>8.4661354581673343E-2</v>
      </c>
      <c r="AV1972">
        <v>9.6995533852191382E-2</v>
      </c>
      <c r="AW1972">
        <v>0.375</v>
      </c>
      <c r="AX1972">
        <v>76.031746031746039</v>
      </c>
      <c r="AY1972">
        <v>57</v>
      </c>
      <c r="AZ1972">
        <v>107.75</v>
      </c>
      <c r="BA1972">
        <v>0.56078358565905106</v>
      </c>
      <c r="BB1972">
        <v>0.53125</v>
      </c>
      <c r="BC1972">
        <v>3.9807964935089331</v>
      </c>
      <c r="BD1972" t="s">
        <v>7529</v>
      </c>
      <c r="BE1972" t="s">
        <v>62</v>
      </c>
    </row>
    <row r="1973" spans="1:57" x14ac:dyDescent="0.3">
      <c r="A1973" t="s">
        <v>7530</v>
      </c>
      <c r="B1973">
        <v>3663</v>
      </c>
      <c r="C1973" t="s">
        <v>7531</v>
      </c>
      <c r="D1973" t="s">
        <v>7532</v>
      </c>
      <c r="E1973" t="s">
        <v>93</v>
      </c>
      <c r="F1973">
        <v>3663</v>
      </c>
      <c r="G1973">
        <v>126.2252252252252</v>
      </c>
      <c r="H1973">
        <v>124</v>
      </c>
      <c r="I1973">
        <v>5455.4417660904146</v>
      </c>
      <c r="J1973">
        <v>73.860962396183382</v>
      </c>
      <c r="K1973">
        <v>2.1545233145948289E-2</v>
      </c>
      <c r="L1973">
        <v>-1.1903892804208549</v>
      </c>
      <c r="M1973">
        <v>7.9500059254371562</v>
      </c>
      <c r="N1973">
        <v>26</v>
      </c>
      <c r="O1973">
        <v>6</v>
      </c>
      <c r="P1973">
        <v>20</v>
      </c>
      <c r="Q1973">
        <v>3.7762731161107692</v>
      </c>
      <c r="R1973">
        <v>5.5105241926516051</v>
      </c>
      <c r="S1973">
        <v>3</v>
      </c>
      <c r="T1973">
        <v>1</v>
      </c>
      <c r="U1973">
        <v>2</v>
      </c>
      <c r="V1973">
        <v>0.16850093195645291</v>
      </c>
      <c r="W1973">
        <v>8.1670085065075284</v>
      </c>
      <c r="X1973">
        <v>1</v>
      </c>
      <c r="Y1973">
        <v>1</v>
      </c>
      <c r="Z1973">
        <v>0</v>
      </c>
      <c r="AA1973">
        <v>0</v>
      </c>
      <c r="AB1973">
        <v>8.2054916131202322</v>
      </c>
      <c r="AC1973">
        <v>1</v>
      </c>
      <c r="AD1973">
        <v>1</v>
      </c>
      <c r="AE1973">
        <v>0</v>
      </c>
      <c r="AF1973">
        <v>0</v>
      </c>
      <c r="AG1973">
        <v>8.2052184263954118</v>
      </c>
      <c r="AH1973">
        <v>7.0182879576043749E-3</v>
      </c>
      <c r="AI1973">
        <v>-2.536925087025806E-3</v>
      </c>
      <c r="AJ1973">
        <v>4.9197895680614806E-3</v>
      </c>
      <c r="AK1973">
        <v>5.5393113745692592E-3</v>
      </c>
      <c r="AL1973">
        <v>4091.4507799998592</v>
      </c>
      <c r="AM1973">
        <v>7848.8972164781553</v>
      </c>
      <c r="AN1973">
        <v>462363</v>
      </c>
      <c r="AO1973">
        <v>27.058224962485792</v>
      </c>
      <c r="AP1973">
        <v>3690.910947164235</v>
      </c>
      <c r="AQ1973">
        <v>1.0062790062790059</v>
      </c>
      <c r="AR1973">
        <v>3.9890799890799888</v>
      </c>
      <c r="AS1973">
        <v>3639</v>
      </c>
      <c r="AT1973">
        <v>255.13486213486209</v>
      </c>
      <c r="AU1973">
        <v>1.520450932215639E-2</v>
      </c>
      <c r="AV1973">
        <v>7.0226398519643678E-3</v>
      </c>
      <c r="AW1973">
        <v>0.38220038220038222</v>
      </c>
      <c r="AX1973">
        <v>85.078099399235384</v>
      </c>
      <c r="AY1973">
        <v>63</v>
      </c>
      <c r="AZ1973">
        <v>127</v>
      </c>
      <c r="BA1973">
        <v>0.58515215373466245</v>
      </c>
      <c r="BB1973">
        <v>0.4911274911274911</v>
      </c>
      <c r="BC1973">
        <v>5.3195185918092251</v>
      </c>
      <c r="BD1973" t="s">
        <v>7533</v>
      </c>
      <c r="BE1973" t="s">
        <v>68</v>
      </c>
    </row>
    <row r="1974" spans="1:57" x14ac:dyDescent="0.3">
      <c r="A1974" t="s">
        <v>7534</v>
      </c>
      <c r="B1974">
        <v>157</v>
      </c>
      <c r="C1974" t="s">
        <v>7535</v>
      </c>
      <c r="D1974" t="s">
        <v>7536</v>
      </c>
      <c r="E1974" t="s">
        <v>60</v>
      </c>
      <c r="F1974">
        <v>512</v>
      </c>
      <c r="G1974">
        <v>124.42578125</v>
      </c>
      <c r="H1974">
        <v>122.5</v>
      </c>
      <c r="I1974">
        <v>5646.7093353271484</v>
      </c>
      <c r="J1974">
        <v>75.144589527970325</v>
      </c>
      <c r="K1974">
        <v>7.299093742856777E-2</v>
      </c>
      <c r="L1974">
        <v>-1.217686924620752</v>
      </c>
      <c r="M1974">
        <v>7.5964562036164702</v>
      </c>
      <c r="N1974">
        <v>7</v>
      </c>
      <c r="O1974">
        <v>1</v>
      </c>
      <c r="P1974">
        <v>6</v>
      </c>
      <c r="Q1974">
        <v>1.2812422224751501</v>
      </c>
      <c r="R1974">
        <v>5.2654621997838618</v>
      </c>
      <c r="S1974">
        <v>2</v>
      </c>
      <c r="T1974">
        <v>1</v>
      </c>
      <c r="U1974">
        <v>1</v>
      </c>
      <c r="V1974">
        <v>9.891299412049169E-2</v>
      </c>
      <c r="W1974">
        <v>6.2228050661222962</v>
      </c>
      <c r="X1974">
        <v>1</v>
      </c>
      <c r="Y1974">
        <v>1</v>
      </c>
      <c r="Z1974">
        <v>0</v>
      </c>
      <c r="AA1974">
        <v>0</v>
      </c>
      <c r="AB1974">
        <v>6.2344107257183694</v>
      </c>
      <c r="AC1974">
        <v>1</v>
      </c>
      <c r="AD1974">
        <v>1</v>
      </c>
      <c r="AE1974">
        <v>0</v>
      </c>
      <c r="AF1974">
        <v>0</v>
      </c>
      <c r="AG1974">
        <v>6.2324480165505216</v>
      </c>
      <c r="AH1974">
        <v>-5.3541137495914097E-2</v>
      </c>
      <c r="AI1974">
        <v>0.10878487459582969</v>
      </c>
      <c r="AJ1974">
        <v>5.1964471187237972E-3</v>
      </c>
      <c r="AK1974">
        <v>-4.2536639544425853E-3</v>
      </c>
      <c r="AL1974">
        <v>1604.3153985752981</v>
      </c>
      <c r="AM1974">
        <v>2871.229022891448</v>
      </c>
      <c r="AN1974">
        <v>63706</v>
      </c>
      <c r="AO1974">
        <v>60.99839170958645</v>
      </c>
      <c r="AP1974">
        <v>1362.4481661160009</v>
      </c>
      <c r="AQ1974">
        <v>1.044921875</v>
      </c>
      <c r="AR1974">
        <v>3.931640625</v>
      </c>
      <c r="AS1974">
        <v>511</v>
      </c>
      <c r="AT1974">
        <v>160.875</v>
      </c>
      <c r="AU1974">
        <v>3.6522665513833992E-2</v>
      </c>
      <c r="AV1974">
        <v>-5.3670882402933807E-2</v>
      </c>
      <c r="AW1974">
        <v>0.365234375</v>
      </c>
      <c r="AX1974">
        <v>89.776908023483372</v>
      </c>
      <c r="AY1974">
        <v>64</v>
      </c>
      <c r="AZ1974">
        <v>128</v>
      </c>
      <c r="BA1974">
        <v>0.60393102436694823</v>
      </c>
      <c r="BB1974">
        <v>0.494140625</v>
      </c>
      <c r="BC1974">
        <v>5.1226096002114012</v>
      </c>
      <c r="BD1974" t="s">
        <v>7537</v>
      </c>
      <c r="BE1974" t="s">
        <v>62</v>
      </c>
    </row>
    <row r="1975" spans="1:57" x14ac:dyDescent="0.3">
      <c r="A1975" t="s">
        <v>7538</v>
      </c>
      <c r="B1975">
        <v>132</v>
      </c>
      <c r="C1975" t="s">
        <v>7539</v>
      </c>
      <c r="D1975" t="s">
        <v>7540</v>
      </c>
      <c r="E1975" t="s">
        <v>60</v>
      </c>
      <c r="F1975">
        <v>512</v>
      </c>
      <c r="G1975">
        <v>122.912109375</v>
      </c>
      <c r="H1975">
        <v>119.5</v>
      </c>
      <c r="I1975">
        <v>5613.1700096130371</v>
      </c>
      <c r="J1975">
        <v>74.921091887485446</v>
      </c>
      <c r="K1975">
        <v>6.8630555897894102E-2</v>
      </c>
      <c r="L1975">
        <v>-1.2475467585584319</v>
      </c>
      <c r="M1975">
        <v>7.566163674311146</v>
      </c>
      <c r="N1975">
        <v>7</v>
      </c>
      <c r="O1975">
        <v>1</v>
      </c>
      <c r="P1975">
        <v>6</v>
      </c>
      <c r="Q1975">
        <v>1.30155410055305</v>
      </c>
      <c r="R1975">
        <v>5.2444650185038446</v>
      </c>
      <c r="S1975">
        <v>1</v>
      </c>
      <c r="T1975">
        <v>1</v>
      </c>
      <c r="U1975">
        <v>0</v>
      </c>
      <c r="V1975">
        <v>0</v>
      </c>
      <c r="W1975">
        <v>6.2363695902037044</v>
      </c>
      <c r="X1975">
        <v>1</v>
      </c>
      <c r="Y1975">
        <v>1</v>
      </c>
      <c r="Z1975">
        <v>0</v>
      </c>
      <c r="AA1975">
        <v>0</v>
      </c>
      <c r="AB1975">
        <v>6.2344107257183694</v>
      </c>
      <c r="AC1975">
        <v>1</v>
      </c>
      <c r="AD1975">
        <v>1</v>
      </c>
      <c r="AE1975">
        <v>0</v>
      </c>
      <c r="AF1975">
        <v>0</v>
      </c>
      <c r="AG1975">
        <v>6.2324480165505216</v>
      </c>
      <c r="AH1975">
        <v>-6.8058077396741402E-3</v>
      </c>
      <c r="AI1975">
        <v>-1.136814939487155E-2</v>
      </c>
      <c r="AJ1975">
        <v>1.041539716804092E-2</v>
      </c>
      <c r="AK1975">
        <v>-5.2070136465965561E-2</v>
      </c>
      <c r="AL1975">
        <v>1603.2428687957449</v>
      </c>
      <c r="AM1975">
        <v>2835.231437406052</v>
      </c>
      <c r="AN1975">
        <v>62931</v>
      </c>
      <c r="AO1975">
        <v>94.048132850345027</v>
      </c>
      <c r="AP1975">
        <v>1426.242402853283</v>
      </c>
      <c r="AQ1975">
        <v>1.044921875</v>
      </c>
      <c r="AR1975">
        <v>4.01171875</v>
      </c>
      <c r="AS1975">
        <v>508</v>
      </c>
      <c r="AT1975">
        <v>158.6875</v>
      </c>
      <c r="AU1975">
        <v>4.6775428921568607E-2</v>
      </c>
      <c r="AV1975">
        <v>-6.8173874454609869E-3</v>
      </c>
      <c r="AW1975">
        <v>0.376953125</v>
      </c>
      <c r="AX1975">
        <v>86.545988258317024</v>
      </c>
      <c r="AY1975">
        <v>66.5</v>
      </c>
      <c r="AZ1975">
        <v>137</v>
      </c>
      <c r="BA1975">
        <v>0.6095501270660334</v>
      </c>
      <c r="BB1975">
        <v>0.4921875</v>
      </c>
      <c r="BC1975">
        <v>5.1101316795242582</v>
      </c>
      <c r="BD1975" t="s">
        <v>7541</v>
      </c>
      <c r="BE1975" t="s">
        <v>62</v>
      </c>
    </row>
    <row r="1976" spans="1:57" x14ac:dyDescent="0.3">
      <c r="A1976" t="s">
        <v>7542</v>
      </c>
      <c r="B1976">
        <v>1660</v>
      </c>
      <c r="C1976" t="s">
        <v>7543</v>
      </c>
      <c r="D1976" t="s">
        <v>7544</v>
      </c>
      <c r="E1976" t="s">
        <v>93</v>
      </c>
      <c r="F1976">
        <v>1667</v>
      </c>
      <c r="G1976">
        <v>129.30233953209361</v>
      </c>
      <c r="H1976">
        <v>131</v>
      </c>
      <c r="I1976">
        <v>5231.4274870280888</v>
      </c>
      <c r="J1976">
        <v>72.328607666870568</v>
      </c>
      <c r="K1976">
        <v>-5.565710148763265E-2</v>
      </c>
      <c r="L1976">
        <v>-1.1274935773263799</v>
      </c>
      <c r="M1976">
        <v>7.8900054900592487</v>
      </c>
      <c r="N1976">
        <v>15</v>
      </c>
      <c r="O1976">
        <v>1</v>
      </c>
      <c r="P1976">
        <v>14</v>
      </c>
      <c r="Q1976">
        <v>2.5155491787874951</v>
      </c>
      <c r="R1976">
        <v>5.4689350600370439</v>
      </c>
      <c r="S1976">
        <v>2</v>
      </c>
      <c r="T1976">
        <v>1</v>
      </c>
      <c r="U1976">
        <v>1</v>
      </c>
      <c r="V1976">
        <v>0.10100988630033721</v>
      </c>
      <c r="W1976">
        <v>7.4040349618990362</v>
      </c>
      <c r="X1976">
        <v>1</v>
      </c>
      <c r="Y1976">
        <v>1</v>
      </c>
      <c r="Z1976">
        <v>0</v>
      </c>
      <c r="AA1976">
        <v>0</v>
      </c>
      <c r="AB1976">
        <v>7.4175804024145418</v>
      </c>
      <c r="AC1976">
        <v>1</v>
      </c>
      <c r="AD1976">
        <v>1</v>
      </c>
      <c r="AE1976">
        <v>0</v>
      </c>
      <c r="AF1976">
        <v>0</v>
      </c>
      <c r="AG1976">
        <v>7.4169796213811523</v>
      </c>
      <c r="AH1976">
        <v>2.6785783156309969E-2</v>
      </c>
      <c r="AI1976">
        <v>3.0172232681368639E-2</v>
      </c>
      <c r="AJ1976">
        <v>-5.4911173693341347E-3</v>
      </c>
      <c r="AK1976">
        <v>4.680189009353586E-3</v>
      </c>
      <c r="AL1976">
        <v>2732.0191449947661</v>
      </c>
      <c r="AM1976">
        <v>5396.9984613099596</v>
      </c>
      <c r="AN1976">
        <v>215547</v>
      </c>
      <c r="AO1976">
        <v>100.80118455999821</v>
      </c>
      <c r="AP1976">
        <v>2507.7849143568201</v>
      </c>
      <c r="AQ1976">
        <v>1.01379724055189</v>
      </c>
      <c r="AR1976">
        <v>4.0479904019196162</v>
      </c>
      <c r="AS1976">
        <v>1662</v>
      </c>
      <c r="AT1976">
        <v>248.7768446310738</v>
      </c>
      <c r="AU1976">
        <v>2.8326099485985131E-2</v>
      </c>
      <c r="AV1976">
        <v>2.680661289945557E-2</v>
      </c>
      <c r="AW1976">
        <v>0.36172765446910621</v>
      </c>
      <c r="AX1976">
        <v>82.190876350540222</v>
      </c>
      <c r="AY1976">
        <v>60</v>
      </c>
      <c r="AZ1976">
        <v>121</v>
      </c>
      <c r="BA1976">
        <v>0.55937586225126412</v>
      </c>
      <c r="BB1976">
        <v>0.50749850029994004</v>
      </c>
      <c r="BC1976">
        <v>5.2415274564076899</v>
      </c>
      <c r="BD1976" t="s">
        <v>7545</v>
      </c>
      <c r="BE1976" t="s">
        <v>68</v>
      </c>
    </row>
    <row r="1977" spans="1:57" x14ac:dyDescent="0.3">
      <c r="A1977" t="s">
        <v>7546</v>
      </c>
      <c r="B1977">
        <v>2610</v>
      </c>
      <c r="C1977" t="s">
        <v>7547</v>
      </c>
      <c r="D1977" t="s">
        <v>7548</v>
      </c>
      <c r="E1977" t="s">
        <v>106</v>
      </c>
      <c r="F1977">
        <v>2640</v>
      </c>
      <c r="G1977">
        <v>130.8848484848485</v>
      </c>
      <c r="H1977">
        <v>133</v>
      </c>
      <c r="I1977">
        <v>5335.084467401286</v>
      </c>
      <c r="J1977">
        <v>73.041662545435571</v>
      </c>
      <c r="K1977">
        <v>-8.2362080991919523E-2</v>
      </c>
      <c r="L1977">
        <v>-1.174794142787337</v>
      </c>
      <c r="M1977">
        <v>7.9283218250337946</v>
      </c>
      <c r="N1977">
        <v>18</v>
      </c>
      <c r="O1977">
        <v>3</v>
      </c>
      <c r="P1977">
        <v>15</v>
      </c>
      <c r="Q1977">
        <v>3.188725254706025</v>
      </c>
      <c r="R1977">
        <v>5.495493919594054</v>
      </c>
      <c r="S1977">
        <v>2</v>
      </c>
      <c r="T1977">
        <v>1</v>
      </c>
      <c r="U1977">
        <v>1</v>
      </c>
      <c r="V1977">
        <v>0.1389891982282794</v>
      </c>
      <c r="W1977">
        <v>7.8513645019382938</v>
      </c>
      <c r="X1977">
        <v>1</v>
      </c>
      <c r="Y1977">
        <v>1</v>
      </c>
      <c r="Z1977">
        <v>0</v>
      </c>
      <c r="AA1977">
        <v>0</v>
      </c>
      <c r="AB1977">
        <v>7.877776333277259</v>
      </c>
      <c r="AC1977">
        <v>1</v>
      </c>
      <c r="AD1977">
        <v>1</v>
      </c>
      <c r="AE1977">
        <v>0</v>
      </c>
      <c r="AF1977">
        <v>0</v>
      </c>
      <c r="AG1977">
        <v>7.877397186353285</v>
      </c>
      <c r="AH1977">
        <v>-2.8310295396183009E-2</v>
      </c>
      <c r="AI1977">
        <v>-1.393272579894736E-2</v>
      </c>
      <c r="AJ1977">
        <v>-1.100137532554402E-2</v>
      </c>
      <c r="AK1977">
        <v>1.301604793299979E-2</v>
      </c>
      <c r="AL1977">
        <v>3461.3044199263859</v>
      </c>
      <c r="AM1977">
        <v>6879.6381963441991</v>
      </c>
      <c r="AN1977">
        <v>345536</v>
      </c>
      <c r="AO1977">
        <v>97.80891998304584</v>
      </c>
      <c r="AP1977">
        <v>3138.291774777661</v>
      </c>
      <c r="AQ1977">
        <v>1.0087121212121211</v>
      </c>
      <c r="AR1977">
        <v>4.0435606060606064</v>
      </c>
      <c r="AS1977">
        <v>2634</v>
      </c>
      <c r="AT1977">
        <v>252.41212121212121</v>
      </c>
      <c r="AU1977">
        <v>3.0325311942958951E-2</v>
      </c>
      <c r="AV1977">
        <v>-2.8321863995789839E-2</v>
      </c>
      <c r="AW1977">
        <v>0.36022727272727267</v>
      </c>
      <c r="AX1977">
        <v>85.868131868131869</v>
      </c>
      <c r="AY1977">
        <v>62</v>
      </c>
      <c r="AZ1977">
        <v>125</v>
      </c>
      <c r="BA1977">
        <v>0.55806048897929572</v>
      </c>
      <c r="BB1977">
        <v>0.50871212121212117</v>
      </c>
      <c r="BC1977">
        <v>5.3019397652503306</v>
      </c>
      <c r="BD1977" t="s">
        <v>7549</v>
      </c>
      <c r="BE1977" t="s">
        <v>62</v>
      </c>
    </row>
    <row r="1978" spans="1:57" x14ac:dyDescent="0.3">
      <c r="A1978" t="s">
        <v>7550</v>
      </c>
      <c r="B1978">
        <v>545</v>
      </c>
      <c r="C1978" t="s">
        <v>7551</v>
      </c>
      <c r="D1978" t="s">
        <v>7552</v>
      </c>
      <c r="E1978" t="s">
        <v>98</v>
      </c>
      <c r="F1978">
        <v>16</v>
      </c>
      <c r="G1978">
        <v>115.6875</v>
      </c>
      <c r="H1978">
        <v>84</v>
      </c>
      <c r="I1978">
        <v>5826.71484375</v>
      </c>
      <c r="J1978">
        <v>76.332921100597218</v>
      </c>
      <c r="K1978">
        <v>0.3983495911988984</v>
      </c>
      <c r="L1978">
        <v>-1.248593943927327</v>
      </c>
      <c r="M1978">
        <v>4</v>
      </c>
      <c r="N1978">
        <v>1</v>
      </c>
      <c r="O1978">
        <v>1</v>
      </c>
      <c r="P1978">
        <v>0</v>
      </c>
      <c r="Q1978">
        <v>0</v>
      </c>
      <c r="R1978">
        <v>2.7725887222397811</v>
      </c>
      <c r="S1978">
        <v>1</v>
      </c>
      <c r="T1978">
        <v>1</v>
      </c>
      <c r="U1978">
        <v>0</v>
      </c>
      <c r="V1978">
        <v>0</v>
      </c>
      <c r="W1978">
        <v>2.7080502011022101</v>
      </c>
      <c r="X1978">
        <v>1</v>
      </c>
      <c r="Y1978">
        <v>1</v>
      </c>
      <c r="Z1978">
        <v>0</v>
      </c>
      <c r="AA1978">
        <v>0</v>
      </c>
      <c r="AB1978">
        <v>2.639057329615258</v>
      </c>
      <c r="AC1978">
        <v>1</v>
      </c>
      <c r="AD1978">
        <v>1</v>
      </c>
      <c r="AE1978">
        <v>0</v>
      </c>
      <c r="AF1978">
        <v>0</v>
      </c>
      <c r="AG1978">
        <v>2.5649493574615372</v>
      </c>
      <c r="AH1978">
        <v>-9.9705466604185056E-2</v>
      </c>
      <c r="AI1978">
        <v>-0.31070729915214068</v>
      </c>
      <c r="AJ1978">
        <v>-7.1283207599157711E-2</v>
      </c>
      <c r="AK1978">
        <v>5.6473701076466903E-2</v>
      </c>
      <c r="AL1978">
        <v>394.72746393432919</v>
      </c>
      <c r="AM1978">
        <v>389.30094941570962</v>
      </c>
      <c r="AN1978">
        <v>1851</v>
      </c>
      <c r="AO1978">
        <v>139.77782799155401</v>
      </c>
      <c r="AP1978">
        <v>328.23565395750973</v>
      </c>
      <c r="AQ1978">
        <v>2.3125</v>
      </c>
      <c r="AR1978">
        <v>3.625</v>
      </c>
      <c r="AS1978">
        <v>16</v>
      </c>
      <c r="AT1978">
        <v>0</v>
      </c>
      <c r="AU1978">
        <v>0.24900793650793651</v>
      </c>
      <c r="AV1978">
        <v>-0.10038384236898031</v>
      </c>
      <c r="AW1978">
        <v>0.5</v>
      </c>
      <c r="AX1978">
        <v>95.066666666666663</v>
      </c>
      <c r="AY1978">
        <v>57</v>
      </c>
      <c r="AZ1978">
        <v>124.75</v>
      </c>
      <c r="BA1978">
        <v>0.65981995548868477</v>
      </c>
      <c r="BB1978">
        <v>0.4375</v>
      </c>
      <c r="BC1978">
        <v>2.615630577027551</v>
      </c>
      <c r="BD1978" t="s">
        <v>7551</v>
      </c>
      <c r="BE1978" t="s">
        <v>62</v>
      </c>
    </row>
    <row r="1979" spans="1:57" x14ac:dyDescent="0.3">
      <c r="A1979" t="s">
        <v>7553</v>
      </c>
      <c r="B1979">
        <v>148</v>
      </c>
      <c r="C1979" t="s">
        <v>7554</v>
      </c>
      <c r="D1979" t="s">
        <v>7555</v>
      </c>
      <c r="E1979" t="s">
        <v>60</v>
      </c>
      <c r="F1979">
        <v>256</v>
      </c>
      <c r="G1979">
        <v>122.2734375</v>
      </c>
      <c r="H1979">
        <v>121</v>
      </c>
      <c r="I1979">
        <v>5420.2064819335938</v>
      </c>
      <c r="J1979">
        <v>73.622051600954407</v>
      </c>
      <c r="K1979">
        <v>6.6104663515115569E-2</v>
      </c>
      <c r="L1979">
        <v>-1.182910574073164</v>
      </c>
      <c r="M1979">
        <v>7.1281343144008629</v>
      </c>
      <c r="N1979">
        <v>5</v>
      </c>
      <c r="O1979">
        <v>1</v>
      </c>
      <c r="P1979">
        <v>4</v>
      </c>
      <c r="Q1979">
        <v>0.85393797344419908</v>
      </c>
      <c r="R1979">
        <v>4.9408462026795572</v>
      </c>
      <c r="S1979">
        <v>1</v>
      </c>
      <c r="T1979">
        <v>1</v>
      </c>
      <c r="U1979">
        <v>0</v>
      </c>
      <c r="V1979">
        <v>0</v>
      </c>
      <c r="W1979">
        <v>5.541263545158424</v>
      </c>
      <c r="X1979">
        <v>1</v>
      </c>
      <c r="Y1979">
        <v>1</v>
      </c>
      <c r="Z1979">
        <v>0</v>
      </c>
      <c r="AA1979">
        <v>0</v>
      </c>
      <c r="AB1979">
        <v>5.5373342670185366</v>
      </c>
      <c r="AC1979">
        <v>1</v>
      </c>
      <c r="AD1979">
        <v>1</v>
      </c>
      <c r="AE1979">
        <v>0</v>
      </c>
      <c r="AF1979">
        <v>0</v>
      </c>
      <c r="AG1979">
        <v>5.5333894887275203</v>
      </c>
      <c r="AH1979">
        <v>1.129909940476605E-2</v>
      </c>
      <c r="AI1979">
        <v>1.129370233280993E-2</v>
      </c>
      <c r="AJ1979">
        <v>-3.0356980531317929E-2</v>
      </c>
      <c r="AK1979">
        <v>2.2453349644911101E-2</v>
      </c>
      <c r="AL1979">
        <v>1190.9827061836461</v>
      </c>
      <c r="AM1979">
        <v>1948.470218805378</v>
      </c>
      <c r="AN1979">
        <v>31302</v>
      </c>
      <c r="AO1979">
        <v>94.530760896195432</v>
      </c>
      <c r="AP1979">
        <v>1090.1050004239919</v>
      </c>
      <c r="AQ1979">
        <v>1.08984375</v>
      </c>
      <c r="AR1979">
        <v>4.03515625</v>
      </c>
      <c r="AS1979">
        <v>255</v>
      </c>
      <c r="AT1979">
        <v>71.109375</v>
      </c>
      <c r="AU1979">
        <v>4.9617034313725487E-2</v>
      </c>
      <c r="AV1979">
        <v>1.133351336880256E-2</v>
      </c>
      <c r="AW1979">
        <v>0.3828125</v>
      </c>
      <c r="AX1979">
        <v>85.274509803921575</v>
      </c>
      <c r="AY1979">
        <v>64</v>
      </c>
      <c r="AZ1979">
        <v>125.75</v>
      </c>
      <c r="BA1979">
        <v>0.60210993578187744</v>
      </c>
      <c r="BB1979">
        <v>0.49609375</v>
      </c>
      <c r="BC1979">
        <v>4.8445363790341123</v>
      </c>
      <c r="BD1979" t="s">
        <v>7556</v>
      </c>
      <c r="BE1979" t="s">
        <v>62</v>
      </c>
    </row>
    <row r="1980" spans="1:57" x14ac:dyDescent="0.3">
      <c r="A1980" t="s">
        <v>7557</v>
      </c>
      <c r="B1980">
        <v>850</v>
      </c>
      <c r="C1980" t="s">
        <v>7558</v>
      </c>
      <c r="D1980" t="s">
        <v>7559</v>
      </c>
      <c r="E1980" t="s">
        <v>98</v>
      </c>
      <c r="F1980">
        <v>16</v>
      </c>
      <c r="G1980">
        <v>157.625</v>
      </c>
      <c r="H1980">
        <v>167</v>
      </c>
      <c r="I1980">
        <v>3567.234375</v>
      </c>
      <c r="J1980">
        <v>59.726328993166817</v>
      </c>
      <c r="K1980">
        <v>-0.39331781392507131</v>
      </c>
      <c r="L1980">
        <v>-0.64220923038759192</v>
      </c>
      <c r="M1980">
        <v>3.875</v>
      </c>
      <c r="N1980">
        <v>2</v>
      </c>
      <c r="O1980">
        <v>1</v>
      </c>
      <c r="P1980">
        <v>1</v>
      </c>
      <c r="Q1980">
        <v>0.24944382578492949</v>
      </c>
      <c r="R1980">
        <v>2.6859453246697882</v>
      </c>
      <c r="S1980">
        <v>1</v>
      </c>
      <c r="T1980">
        <v>1</v>
      </c>
      <c r="U1980">
        <v>0</v>
      </c>
      <c r="V1980">
        <v>0</v>
      </c>
      <c r="W1980">
        <v>2.7080502011022101</v>
      </c>
      <c r="X1980">
        <v>1</v>
      </c>
      <c r="Y1980">
        <v>1</v>
      </c>
      <c r="Z1980">
        <v>0</v>
      </c>
      <c r="AA1980">
        <v>0</v>
      </c>
      <c r="AB1980">
        <v>2.639057329615258</v>
      </c>
      <c r="AC1980">
        <v>1</v>
      </c>
      <c r="AD1980">
        <v>1</v>
      </c>
      <c r="AE1980">
        <v>0</v>
      </c>
      <c r="AF1980">
        <v>0</v>
      </c>
      <c r="AG1980">
        <v>2.5649493574615372</v>
      </c>
      <c r="AH1980">
        <v>0.17458788320784219</v>
      </c>
      <c r="AI1980">
        <v>-4.0998694717108403E-2</v>
      </c>
      <c r="AJ1980">
        <v>-5.2630988204272387E-2</v>
      </c>
      <c r="AK1980">
        <v>-0.26300190974275423</v>
      </c>
      <c r="AL1980">
        <v>380.35926098622423</v>
      </c>
      <c r="AM1980">
        <v>556.7161148934108</v>
      </c>
      <c r="AN1980">
        <v>2522</v>
      </c>
      <c r="AO1980">
        <v>88</v>
      </c>
      <c r="AP1980">
        <v>244.8060456769808</v>
      </c>
      <c r="AQ1980">
        <v>2.3125</v>
      </c>
      <c r="AR1980">
        <v>4.3125</v>
      </c>
      <c r="AS1980">
        <v>16</v>
      </c>
      <c r="AT1980">
        <v>0.87499999999999989</v>
      </c>
      <c r="AU1980">
        <v>0.17375518672199169</v>
      </c>
      <c r="AV1980">
        <v>0.17572260430267669</v>
      </c>
      <c r="AW1980">
        <v>0.3125</v>
      </c>
      <c r="AX1980">
        <v>66.733333333333334</v>
      </c>
      <c r="AY1980">
        <v>47</v>
      </c>
      <c r="AZ1980">
        <v>77.25</v>
      </c>
      <c r="BA1980">
        <v>0.37891406181231929</v>
      </c>
      <c r="BB1980">
        <v>0.5625</v>
      </c>
      <c r="BC1980">
        <v>2.7080502011022101</v>
      </c>
      <c r="BD1980" t="s">
        <v>7558</v>
      </c>
      <c r="BE1980" t="s">
        <v>62</v>
      </c>
    </row>
    <row r="1981" spans="1:57" x14ac:dyDescent="0.3">
      <c r="A1981" t="s">
        <v>7560</v>
      </c>
      <c r="B1981">
        <v>2321</v>
      </c>
      <c r="C1981" t="s">
        <v>7561</v>
      </c>
      <c r="D1981" t="s">
        <v>7562</v>
      </c>
      <c r="E1981" t="s">
        <v>115</v>
      </c>
      <c r="F1981">
        <v>2368</v>
      </c>
      <c r="G1981">
        <v>128.3125</v>
      </c>
      <c r="H1981">
        <v>130</v>
      </c>
      <c r="I1981">
        <v>5451.3685599662158</v>
      </c>
      <c r="J1981">
        <v>73.833383777030136</v>
      </c>
      <c r="K1981">
        <v>-2.2626183709293261E-2</v>
      </c>
      <c r="L1981">
        <v>-1.18469404817322</v>
      </c>
      <c r="M1981">
        <v>7.9270836519874326</v>
      </c>
      <c r="N1981">
        <v>17</v>
      </c>
      <c r="O1981">
        <v>3</v>
      </c>
      <c r="P1981">
        <v>14</v>
      </c>
      <c r="Q1981">
        <v>2.8912583765550939</v>
      </c>
      <c r="R1981">
        <v>5.4946356834379309</v>
      </c>
      <c r="S1981">
        <v>2</v>
      </c>
      <c r="T1981">
        <v>1</v>
      </c>
      <c r="U1981">
        <v>1</v>
      </c>
      <c r="V1981">
        <v>0.13937807944525479</v>
      </c>
      <c r="W1981">
        <v>7.7424375277178221</v>
      </c>
      <c r="X1981">
        <v>1</v>
      </c>
      <c r="Y1981">
        <v>1</v>
      </c>
      <c r="Z1981">
        <v>0</v>
      </c>
      <c r="AA1981">
        <v>0</v>
      </c>
      <c r="AB1981">
        <v>7.7689560445383323</v>
      </c>
      <c r="AC1981">
        <v>1</v>
      </c>
      <c r="AD1981">
        <v>1</v>
      </c>
      <c r="AE1981">
        <v>0</v>
      </c>
      <c r="AF1981">
        <v>0</v>
      </c>
      <c r="AG1981">
        <v>7.7685333009260322</v>
      </c>
      <c r="AH1981">
        <v>5.9650071780748402E-2</v>
      </c>
      <c r="AI1981">
        <v>-3.2290506629148723E-2</v>
      </c>
      <c r="AJ1981">
        <v>-1.5221820036880541E-2</v>
      </c>
      <c r="AK1981">
        <v>-1.002091640664945E-2</v>
      </c>
      <c r="AL1981">
        <v>3306.2027818972379</v>
      </c>
      <c r="AM1981">
        <v>6400.3786735610402</v>
      </c>
      <c r="AN1981">
        <v>303844</v>
      </c>
      <c r="AO1981">
        <v>60.456240831670208</v>
      </c>
      <c r="AP1981">
        <v>2964.9897044008139</v>
      </c>
      <c r="AQ1981">
        <v>1.0097128378378379</v>
      </c>
      <c r="AR1981">
        <v>3.9784628378378382</v>
      </c>
      <c r="AS1981">
        <v>2357</v>
      </c>
      <c r="AT1981">
        <v>231.3513513513513</v>
      </c>
      <c r="AU1981">
        <v>1.588500264970855E-2</v>
      </c>
      <c r="AV1981">
        <v>5.9660354614733117E-2</v>
      </c>
      <c r="AW1981">
        <v>0.36528716216216223</v>
      </c>
      <c r="AX1981">
        <v>82.203633291085765</v>
      </c>
      <c r="AY1981">
        <v>63</v>
      </c>
      <c r="AZ1981">
        <v>126</v>
      </c>
      <c r="BA1981">
        <v>0.57541848048343014</v>
      </c>
      <c r="BB1981">
        <v>0.50548986486486491</v>
      </c>
      <c r="BC1981">
        <v>5.279178399893186</v>
      </c>
      <c r="BD1981" t="s">
        <v>7563</v>
      </c>
      <c r="BE1981" t="s">
        <v>62</v>
      </c>
    </row>
    <row r="1982" spans="1:57" x14ac:dyDescent="0.3">
      <c r="A1982" t="s">
        <v>7564</v>
      </c>
      <c r="B1982">
        <v>2831</v>
      </c>
      <c r="C1982" t="s">
        <v>7565</v>
      </c>
      <c r="D1982" t="s">
        <v>7566</v>
      </c>
      <c r="E1982" t="s">
        <v>106</v>
      </c>
      <c r="F1982">
        <v>2877</v>
      </c>
      <c r="G1982">
        <v>128.09315258950289</v>
      </c>
      <c r="H1982">
        <v>129</v>
      </c>
      <c r="I1982">
        <v>5471.8849618025761</v>
      </c>
      <c r="J1982">
        <v>73.972190462379686</v>
      </c>
      <c r="K1982">
        <v>-1.187981697583459E-2</v>
      </c>
      <c r="L1982">
        <v>-1.1881125077438519</v>
      </c>
      <c r="M1982">
        <v>7.9419905198907417</v>
      </c>
      <c r="N1982">
        <v>20</v>
      </c>
      <c r="O1982">
        <v>4</v>
      </c>
      <c r="P1982">
        <v>16</v>
      </c>
      <c r="Q1982">
        <v>3.1464667956135242</v>
      </c>
      <c r="R1982">
        <v>5.5049683368960904</v>
      </c>
      <c r="S1982">
        <v>3</v>
      </c>
      <c r="T1982">
        <v>1</v>
      </c>
      <c r="U1982">
        <v>2</v>
      </c>
      <c r="V1982">
        <v>0.14684367522475181</v>
      </c>
      <c r="W1982">
        <v>7.9350524817717583</v>
      </c>
      <c r="X1982">
        <v>1</v>
      </c>
      <c r="Y1982">
        <v>1</v>
      </c>
      <c r="Z1982">
        <v>0</v>
      </c>
      <c r="AA1982">
        <v>0</v>
      </c>
      <c r="AB1982">
        <v>7.9638079532314494</v>
      </c>
      <c r="AC1982">
        <v>1</v>
      </c>
      <c r="AD1982">
        <v>1</v>
      </c>
      <c r="AE1982">
        <v>0</v>
      </c>
      <c r="AF1982">
        <v>0</v>
      </c>
      <c r="AG1982">
        <v>7.9634600666389694</v>
      </c>
      <c r="AH1982">
        <v>-5.9063461253806484E-3</v>
      </c>
      <c r="AI1982">
        <v>-1.821976853932452E-2</v>
      </c>
      <c r="AJ1982">
        <v>-3.73617423600892E-3</v>
      </c>
      <c r="AK1982">
        <v>-1.456346796012032E-2</v>
      </c>
      <c r="AL1982">
        <v>3664.6910225695451</v>
      </c>
      <c r="AM1982">
        <v>7036.9065440076856</v>
      </c>
      <c r="AN1982">
        <v>368524</v>
      </c>
      <c r="AO1982">
        <v>57.535883182200394</v>
      </c>
      <c r="AP1982">
        <v>3304.9985230200641</v>
      </c>
      <c r="AQ1982">
        <v>1.0079944386513731</v>
      </c>
      <c r="AR1982">
        <v>3.9940910670837679</v>
      </c>
      <c r="AS1982">
        <v>2863</v>
      </c>
      <c r="AT1982">
        <v>225.5206812652068</v>
      </c>
      <c r="AU1982">
        <v>1.078329141875729E-2</v>
      </c>
      <c r="AV1982">
        <v>-5.906514021706096E-3</v>
      </c>
      <c r="AW1982">
        <v>0.36287799791449432</v>
      </c>
      <c r="AX1982">
        <v>85.499652294853959</v>
      </c>
      <c r="AY1982">
        <v>64</v>
      </c>
      <c r="AZ1982">
        <v>128</v>
      </c>
      <c r="BA1982">
        <v>0.57748746882229207</v>
      </c>
      <c r="BB1982">
        <v>0.50469238790406679</v>
      </c>
      <c r="BC1982">
        <v>5.3158328165395874</v>
      </c>
      <c r="BD1982" t="s">
        <v>7567</v>
      </c>
      <c r="BE1982" t="s">
        <v>68</v>
      </c>
    </row>
    <row r="1983" spans="1:57" x14ac:dyDescent="0.3">
      <c r="A1983" t="s">
        <v>7568</v>
      </c>
      <c r="B1983">
        <v>142</v>
      </c>
      <c r="C1983" t="s">
        <v>7569</v>
      </c>
      <c r="D1983" t="s">
        <v>7570</v>
      </c>
      <c r="E1983" t="s">
        <v>60</v>
      </c>
      <c r="F1983">
        <v>512</v>
      </c>
      <c r="G1983">
        <v>129.400390625</v>
      </c>
      <c r="H1983">
        <v>132.5</v>
      </c>
      <c r="I1983">
        <v>5314.7596092224121</v>
      </c>
      <c r="J1983">
        <v>72.902397829031742</v>
      </c>
      <c r="K1983">
        <v>-3.7455336024880617E-2</v>
      </c>
      <c r="L1983">
        <v>-1.1674581346678461</v>
      </c>
      <c r="M1983">
        <v>7.6319382822023227</v>
      </c>
      <c r="N1983">
        <v>6</v>
      </c>
      <c r="O1983">
        <v>1</v>
      </c>
      <c r="P1983">
        <v>5</v>
      </c>
      <c r="Q1983">
        <v>1.105211184359036</v>
      </c>
      <c r="R1983">
        <v>5.2900565025160509</v>
      </c>
      <c r="S1983">
        <v>2</v>
      </c>
      <c r="T1983">
        <v>1</v>
      </c>
      <c r="U1983">
        <v>1</v>
      </c>
      <c r="V1983">
        <v>7.6620080535545518E-2</v>
      </c>
      <c r="W1983">
        <v>6.2282308757548588</v>
      </c>
      <c r="X1983">
        <v>1</v>
      </c>
      <c r="Y1983">
        <v>1</v>
      </c>
      <c r="Z1983">
        <v>0</v>
      </c>
      <c r="AA1983">
        <v>0</v>
      </c>
      <c r="AB1983">
        <v>6.2344107257183694</v>
      </c>
      <c r="AC1983">
        <v>1</v>
      </c>
      <c r="AD1983">
        <v>1</v>
      </c>
      <c r="AE1983">
        <v>0</v>
      </c>
      <c r="AF1983">
        <v>0</v>
      </c>
      <c r="AG1983">
        <v>6.2324480165505216</v>
      </c>
      <c r="AH1983">
        <v>1.8038201629605639E-2</v>
      </c>
      <c r="AI1983">
        <v>1.278082362163749E-2</v>
      </c>
      <c r="AJ1983">
        <v>2.0311362811658022E-2</v>
      </c>
      <c r="AK1983">
        <v>-3.5275364548999169E-2</v>
      </c>
      <c r="AL1983">
        <v>1582.592218099074</v>
      </c>
      <c r="AM1983">
        <v>2964.7466790962521</v>
      </c>
      <c r="AN1983">
        <v>66253</v>
      </c>
      <c r="AO1983">
        <v>150.69245691538799</v>
      </c>
      <c r="AP1983">
        <v>1354.972730614189</v>
      </c>
      <c r="AQ1983">
        <v>1.044921875</v>
      </c>
      <c r="AR1983">
        <v>4.02734375</v>
      </c>
      <c r="AS1983">
        <v>508</v>
      </c>
      <c r="AT1983">
        <v>117.578125</v>
      </c>
      <c r="AU1983">
        <v>2.736672794117645E-2</v>
      </c>
      <c r="AV1983">
        <v>1.8100271207368551E-2</v>
      </c>
      <c r="AW1983">
        <v>0.35546875</v>
      </c>
      <c r="AX1983">
        <v>83.93150684931507</v>
      </c>
      <c r="AY1983">
        <v>62.5</v>
      </c>
      <c r="AZ1983">
        <v>126.25</v>
      </c>
      <c r="BA1983">
        <v>0.563386226864659</v>
      </c>
      <c r="BB1983">
        <v>0.515625</v>
      </c>
      <c r="BC1983">
        <v>5.0764911905896231</v>
      </c>
      <c r="BD1983" t="s">
        <v>7571</v>
      </c>
      <c r="BE1983" t="s">
        <v>62</v>
      </c>
    </row>
    <row r="1984" spans="1:57" x14ac:dyDescent="0.3">
      <c r="A1984" t="s">
        <v>7572</v>
      </c>
      <c r="B1984">
        <v>2260</v>
      </c>
      <c r="C1984" t="s">
        <v>7573</v>
      </c>
      <c r="D1984" t="s">
        <v>7574</v>
      </c>
      <c r="E1984" t="s">
        <v>115</v>
      </c>
      <c r="F1984">
        <v>2318</v>
      </c>
      <c r="G1984">
        <v>126.995254529767</v>
      </c>
      <c r="H1984">
        <v>130</v>
      </c>
      <c r="I1984">
        <v>5434.9788385676566</v>
      </c>
      <c r="J1984">
        <v>73.722308961179834</v>
      </c>
      <c r="K1984">
        <v>-2.36710051818106E-2</v>
      </c>
      <c r="L1984">
        <v>-1.182373729773516</v>
      </c>
      <c r="M1984">
        <v>7.9059314918502084</v>
      </c>
      <c r="N1984">
        <v>22</v>
      </c>
      <c r="O1984">
        <v>1</v>
      </c>
      <c r="P1984">
        <v>21</v>
      </c>
      <c r="Q1984">
        <v>3.265129672362761</v>
      </c>
      <c r="R1984">
        <v>5.4799741232760608</v>
      </c>
      <c r="S1984">
        <v>2</v>
      </c>
      <c r="T1984">
        <v>1</v>
      </c>
      <c r="U1984">
        <v>1</v>
      </c>
      <c r="V1984">
        <v>0.13461318679524531</v>
      </c>
      <c r="W1984">
        <v>7.7228993215117718</v>
      </c>
      <c r="X1984">
        <v>1</v>
      </c>
      <c r="Y1984">
        <v>1</v>
      </c>
      <c r="Z1984">
        <v>0</v>
      </c>
      <c r="AA1984">
        <v>0</v>
      </c>
      <c r="AB1984">
        <v>7.7475968386928846</v>
      </c>
      <c r="AC1984">
        <v>1</v>
      </c>
      <c r="AD1984">
        <v>1</v>
      </c>
      <c r="AE1984">
        <v>0</v>
      </c>
      <c r="AF1984">
        <v>0</v>
      </c>
      <c r="AG1984">
        <v>7.7471649665203364</v>
      </c>
      <c r="AH1984">
        <v>-9.2896661794607538E-3</v>
      </c>
      <c r="AI1984">
        <v>1.7273378980821159E-2</v>
      </c>
      <c r="AJ1984">
        <v>2.161156955646424E-2</v>
      </c>
      <c r="AK1984">
        <v>3.3816033504427502E-2</v>
      </c>
      <c r="AL1984">
        <v>3260.0144886952521</v>
      </c>
      <c r="AM1984">
        <v>6273.341576344862</v>
      </c>
      <c r="AN1984">
        <v>294375</v>
      </c>
      <c r="AO1984">
        <v>73.740809790887937</v>
      </c>
      <c r="AP1984">
        <v>2936.1216387323138</v>
      </c>
      <c r="AQ1984">
        <v>1.009922346850733</v>
      </c>
      <c r="AR1984">
        <v>4.0353753235547876</v>
      </c>
      <c r="AS1984">
        <v>2311</v>
      </c>
      <c r="AT1984">
        <v>301.41673856773082</v>
      </c>
      <c r="AU1984">
        <v>1.4456343365646499E-2</v>
      </c>
      <c r="AV1984">
        <v>-9.2916651289936276E-3</v>
      </c>
      <c r="AW1984">
        <v>0.35936151855047449</v>
      </c>
      <c r="AX1984">
        <v>85.504531722054381</v>
      </c>
      <c r="AY1984">
        <v>62.5</v>
      </c>
      <c r="AZ1984">
        <v>128</v>
      </c>
      <c r="BA1984">
        <v>0.58051231311087848</v>
      </c>
      <c r="BB1984">
        <v>0.51078515962036242</v>
      </c>
      <c r="BC1984">
        <v>5.3073583836726206</v>
      </c>
      <c r="BD1984" t="s">
        <v>7575</v>
      </c>
      <c r="BE1984" t="s">
        <v>68</v>
      </c>
    </row>
    <row r="1985" spans="1:57" x14ac:dyDescent="0.3">
      <c r="A1985" t="s">
        <v>7576</v>
      </c>
      <c r="B1985">
        <v>2787</v>
      </c>
      <c r="C1985" t="s">
        <v>7577</v>
      </c>
      <c r="D1985" t="s">
        <v>7578</v>
      </c>
      <c r="E1985" t="s">
        <v>106</v>
      </c>
      <c r="F1985">
        <v>2863</v>
      </c>
      <c r="G1985">
        <v>125.5096053091163</v>
      </c>
      <c r="H1985">
        <v>125</v>
      </c>
      <c r="I1985">
        <v>5527.4696073538244</v>
      </c>
      <c r="J1985">
        <v>74.346954257412747</v>
      </c>
      <c r="K1985">
        <v>3.2157983640378238E-2</v>
      </c>
      <c r="L1985">
        <v>-1.181409692109467</v>
      </c>
      <c r="M1985">
        <v>7.9336398115468176</v>
      </c>
      <c r="N1985">
        <v>25</v>
      </c>
      <c r="O1985">
        <v>3</v>
      </c>
      <c r="P1985">
        <v>22</v>
      </c>
      <c r="Q1985">
        <v>3.3636214984687172</v>
      </c>
      <c r="R1985">
        <v>5.4991800669518236</v>
      </c>
      <c r="S1985">
        <v>2</v>
      </c>
      <c r="T1985">
        <v>1</v>
      </c>
      <c r="U1985">
        <v>1</v>
      </c>
      <c r="V1985">
        <v>0.12948593987794441</v>
      </c>
      <c r="W1985">
        <v>7.9360257402234016</v>
      </c>
      <c r="X1985">
        <v>1</v>
      </c>
      <c r="Y1985">
        <v>1</v>
      </c>
      <c r="Z1985">
        <v>0</v>
      </c>
      <c r="AA1985">
        <v>0</v>
      </c>
      <c r="AB1985">
        <v>7.9589264930501091</v>
      </c>
      <c r="AC1985">
        <v>1</v>
      </c>
      <c r="AD1985">
        <v>1</v>
      </c>
      <c r="AE1985">
        <v>0</v>
      </c>
      <c r="AF1985">
        <v>0</v>
      </c>
      <c r="AG1985">
        <v>7.9585769038138956</v>
      </c>
      <c r="AH1985">
        <v>-2.225062632298375E-2</v>
      </c>
      <c r="AI1985">
        <v>1.0735625923036901E-2</v>
      </c>
      <c r="AJ1985">
        <v>8.8725679605409016E-3</v>
      </c>
      <c r="AK1985">
        <v>1.3807216919551691E-2</v>
      </c>
      <c r="AL1985">
        <v>3639.2443711529281</v>
      </c>
      <c r="AM1985">
        <v>6905.1368130567625</v>
      </c>
      <c r="AN1985">
        <v>359334</v>
      </c>
      <c r="AO1985">
        <v>94.671254942245568</v>
      </c>
      <c r="AP1985">
        <v>3295.7275660665882</v>
      </c>
      <c r="AQ1985">
        <v>1.008033531260915</v>
      </c>
      <c r="AR1985">
        <v>3.9493538246594482</v>
      </c>
      <c r="AS1985">
        <v>2856</v>
      </c>
      <c r="AT1985">
        <v>258.98393293747819</v>
      </c>
      <c r="AU1985">
        <v>2.386773780416818E-2</v>
      </c>
      <c r="AV1985">
        <v>-2.225098760331257E-2</v>
      </c>
      <c r="AW1985">
        <v>0.36919315403422981</v>
      </c>
      <c r="AX1985">
        <v>87.533542976939202</v>
      </c>
      <c r="AY1985">
        <v>64</v>
      </c>
      <c r="AZ1985">
        <v>127</v>
      </c>
      <c r="BA1985">
        <v>0.5923606729086941</v>
      </c>
      <c r="BB1985">
        <v>0.49842822214460358</v>
      </c>
      <c r="BC1985">
        <v>5.3244818210742588</v>
      </c>
      <c r="BD1985" t="s">
        <v>7579</v>
      </c>
      <c r="BE1985" t="s">
        <v>68</v>
      </c>
    </row>
    <row r="1986" spans="1:57" x14ac:dyDescent="0.3">
      <c r="A1986" t="s">
        <v>7580</v>
      </c>
      <c r="B1986">
        <v>152</v>
      </c>
      <c r="C1986" t="s">
        <v>7581</v>
      </c>
      <c r="D1986" t="s">
        <v>7582</v>
      </c>
      <c r="E1986" t="s">
        <v>60</v>
      </c>
      <c r="F1986">
        <v>512</v>
      </c>
      <c r="G1986">
        <v>127.564453125</v>
      </c>
      <c r="H1986">
        <v>130</v>
      </c>
      <c r="I1986">
        <v>5504.2380332946777</v>
      </c>
      <c r="J1986">
        <v>74.190552183513759</v>
      </c>
      <c r="K1986">
        <v>6.7971102677714017E-3</v>
      </c>
      <c r="L1986">
        <v>-1.2070883309204059</v>
      </c>
      <c r="M1986">
        <v>7.6026536758357386</v>
      </c>
      <c r="N1986">
        <v>8</v>
      </c>
      <c r="O1986">
        <v>1</v>
      </c>
      <c r="P1986">
        <v>7</v>
      </c>
      <c r="Q1986">
        <v>1.180115762818529</v>
      </c>
      <c r="R1986">
        <v>5.2697579601792457</v>
      </c>
      <c r="S1986">
        <v>2</v>
      </c>
      <c r="T1986">
        <v>1</v>
      </c>
      <c r="U1986">
        <v>1</v>
      </c>
      <c r="V1986">
        <v>8.8472037443809853E-2</v>
      </c>
      <c r="W1986">
        <v>6.2255179709385784</v>
      </c>
      <c r="X1986">
        <v>1</v>
      </c>
      <c r="Y1986">
        <v>1</v>
      </c>
      <c r="Z1986">
        <v>0</v>
      </c>
      <c r="AA1986">
        <v>0</v>
      </c>
      <c r="AB1986">
        <v>6.2344107257183694</v>
      </c>
      <c r="AC1986">
        <v>1</v>
      </c>
      <c r="AD1986">
        <v>1</v>
      </c>
      <c r="AE1986">
        <v>0</v>
      </c>
      <c r="AF1986">
        <v>0</v>
      </c>
      <c r="AG1986">
        <v>6.2324480165505216</v>
      </c>
      <c r="AH1986">
        <v>1.006162446442172E-2</v>
      </c>
      <c r="AI1986">
        <v>5.1862456480203573E-2</v>
      </c>
      <c r="AJ1986">
        <v>-2.7359530279411629E-2</v>
      </c>
      <c r="AK1986">
        <v>1.5101340220376741E-2</v>
      </c>
      <c r="AL1986">
        <v>1614.5905558879349</v>
      </c>
      <c r="AM1986">
        <v>2922.8212974517419</v>
      </c>
      <c r="AN1986">
        <v>65313</v>
      </c>
      <c r="AO1986">
        <v>64.031751361332169</v>
      </c>
      <c r="AP1986">
        <v>1442.09179232579</v>
      </c>
      <c r="AQ1986">
        <v>1.044921875</v>
      </c>
      <c r="AR1986">
        <v>3.998046875</v>
      </c>
      <c r="AS1986">
        <v>510</v>
      </c>
      <c r="AT1986">
        <v>130.45703125</v>
      </c>
      <c r="AU1986">
        <v>2.2349877450980379E-2</v>
      </c>
      <c r="AV1986">
        <v>1.007711011969927E-2</v>
      </c>
      <c r="AW1986">
        <v>0.361328125</v>
      </c>
      <c r="AX1986">
        <v>84.156555772994125</v>
      </c>
      <c r="AY1986">
        <v>65</v>
      </c>
      <c r="AZ1986">
        <v>130.5</v>
      </c>
      <c r="BA1986">
        <v>0.58159268013962062</v>
      </c>
      <c r="BB1986">
        <v>0.505859375</v>
      </c>
      <c r="BC1986">
        <v>5.1129146628741342</v>
      </c>
      <c r="BD1986" t="s">
        <v>7583</v>
      </c>
      <c r="BE1986" t="s">
        <v>62</v>
      </c>
    </row>
    <row r="1987" spans="1:57" x14ac:dyDescent="0.3">
      <c r="A1987" t="s">
        <v>7584</v>
      </c>
      <c r="B1987">
        <v>3050</v>
      </c>
      <c r="C1987" t="s">
        <v>7585</v>
      </c>
      <c r="D1987" t="s">
        <v>7586</v>
      </c>
      <c r="E1987" t="s">
        <v>115</v>
      </c>
      <c r="F1987">
        <v>3232</v>
      </c>
      <c r="G1987">
        <v>128.62376237623761</v>
      </c>
      <c r="H1987">
        <v>128</v>
      </c>
      <c r="I1987">
        <v>5530.8237917851193</v>
      </c>
      <c r="J1987">
        <v>74.369508481535092</v>
      </c>
      <c r="K1987">
        <v>7.3924627784587027E-3</v>
      </c>
      <c r="L1987">
        <v>-1.2191576102835631</v>
      </c>
      <c r="M1987">
        <v>7.939963773644684</v>
      </c>
      <c r="N1987">
        <v>31</v>
      </c>
      <c r="O1987">
        <v>4</v>
      </c>
      <c r="P1987">
        <v>27</v>
      </c>
      <c r="Q1987">
        <v>3.679546507383757</v>
      </c>
      <c r="R1987">
        <v>5.5035635034499162</v>
      </c>
      <c r="S1987">
        <v>3</v>
      </c>
      <c r="T1987">
        <v>1</v>
      </c>
      <c r="U1987">
        <v>2</v>
      </c>
      <c r="V1987">
        <v>0.1651758233103478</v>
      </c>
      <c r="W1987">
        <v>8.0455743438917704</v>
      </c>
      <c r="X1987">
        <v>1</v>
      </c>
      <c r="Y1987">
        <v>1</v>
      </c>
      <c r="Z1987">
        <v>0</v>
      </c>
      <c r="AA1987">
        <v>0</v>
      </c>
      <c r="AB1987">
        <v>8.0802374162167041</v>
      </c>
      <c r="AC1987">
        <v>1</v>
      </c>
      <c r="AD1987">
        <v>1</v>
      </c>
      <c r="AE1987">
        <v>0</v>
      </c>
      <c r="AF1987">
        <v>0</v>
      </c>
      <c r="AG1987">
        <v>8.0799277707582746</v>
      </c>
      <c r="AH1987">
        <v>-1.809206331805013E-2</v>
      </c>
      <c r="AI1987">
        <v>9.9914343989156705E-4</v>
      </c>
      <c r="AJ1987">
        <v>-3.1896968806439489E-2</v>
      </c>
      <c r="AK1987">
        <v>-1.3374522239055499E-2</v>
      </c>
      <c r="AL1987">
        <v>3849.772713230308</v>
      </c>
      <c r="AM1987">
        <v>7518.3318666089326</v>
      </c>
      <c r="AN1987">
        <v>415712</v>
      </c>
      <c r="AO1987">
        <v>36.881123871283897</v>
      </c>
      <c r="AP1987">
        <v>3445.6999122572051</v>
      </c>
      <c r="AQ1987">
        <v>1.0071163366336631</v>
      </c>
      <c r="AR1987">
        <v>4.0315594059405937</v>
      </c>
      <c r="AS1987">
        <v>3223</v>
      </c>
      <c r="AT1987">
        <v>274.53465346534648</v>
      </c>
      <c r="AU1987">
        <v>1.536109493302262E-2</v>
      </c>
      <c r="AV1987">
        <v>-1.80974998899248E-2</v>
      </c>
      <c r="AW1987">
        <v>0.36943069306930693</v>
      </c>
      <c r="AX1987">
        <v>86.76973073351904</v>
      </c>
      <c r="AY1987">
        <v>65</v>
      </c>
      <c r="AZ1987">
        <v>129</v>
      </c>
      <c r="BA1987">
        <v>0.57819416185320938</v>
      </c>
      <c r="BB1987">
        <v>0.49721534653465349</v>
      </c>
      <c r="BC1987">
        <v>5.3263676274181009</v>
      </c>
      <c r="BD1987" t="s">
        <v>7587</v>
      </c>
      <c r="BE1987" t="s">
        <v>62</v>
      </c>
    </row>
    <row r="1988" spans="1:57" x14ac:dyDescent="0.3">
      <c r="A1988" t="s">
        <v>7588</v>
      </c>
      <c r="B1988">
        <v>1559</v>
      </c>
      <c r="C1988" t="s">
        <v>7589</v>
      </c>
      <c r="D1988" t="s">
        <v>7590</v>
      </c>
      <c r="E1988" t="s">
        <v>85</v>
      </c>
      <c r="F1988">
        <v>8</v>
      </c>
      <c r="G1988">
        <v>141</v>
      </c>
      <c r="H1988">
        <v>151</v>
      </c>
      <c r="I1988">
        <v>4010.25</v>
      </c>
      <c r="J1988">
        <v>63.326534722815843</v>
      </c>
      <c r="K1988">
        <v>0.14568512388782801</v>
      </c>
      <c r="L1988">
        <v>-1.0650942069419149</v>
      </c>
      <c r="M1988">
        <v>3</v>
      </c>
      <c r="N1988">
        <v>1</v>
      </c>
      <c r="O1988">
        <v>1</v>
      </c>
      <c r="P1988">
        <v>0</v>
      </c>
      <c r="Q1988">
        <v>0</v>
      </c>
      <c r="R1988">
        <v>2.0794415416798362</v>
      </c>
      <c r="S1988">
        <v>1</v>
      </c>
      <c r="T1988">
        <v>1</v>
      </c>
      <c r="U1988">
        <v>0</v>
      </c>
      <c r="V1988">
        <v>0</v>
      </c>
      <c r="W1988">
        <v>1.945910149055313</v>
      </c>
      <c r="X1988">
        <v>1</v>
      </c>
      <c r="Y1988">
        <v>1</v>
      </c>
      <c r="Z1988">
        <v>0</v>
      </c>
      <c r="AA1988">
        <v>0</v>
      </c>
      <c r="AB1988">
        <v>1.791759469228055</v>
      </c>
      <c r="AC1988">
        <v>1</v>
      </c>
      <c r="AD1988">
        <v>1</v>
      </c>
      <c r="AE1988">
        <v>0</v>
      </c>
      <c r="AF1988">
        <v>0</v>
      </c>
      <c r="AG1988">
        <v>1.6094379124341009</v>
      </c>
      <c r="AH1988">
        <v>-0.18315566361199431</v>
      </c>
      <c r="AI1988">
        <v>-0.39648400972507952</v>
      </c>
      <c r="AJ1988">
        <v>7.1753631319743161E-2</v>
      </c>
      <c r="AK1988">
        <v>0</v>
      </c>
      <c r="AL1988">
        <v>303.76058744783938</v>
      </c>
      <c r="AM1988">
        <v>314.41931479052539</v>
      </c>
      <c r="AN1988">
        <v>1128</v>
      </c>
      <c r="AO1988">
        <v>120.05538776384709</v>
      </c>
      <c r="AP1988">
        <v>198.89467845985891</v>
      </c>
      <c r="AQ1988">
        <v>3.5</v>
      </c>
      <c r="AR1988">
        <v>4.25</v>
      </c>
      <c r="AS1988">
        <v>8</v>
      </c>
      <c r="AT1988">
        <v>0</v>
      </c>
      <c r="AU1988">
        <v>0.32519920318725098</v>
      </c>
      <c r="AV1988">
        <v>-0.21789735862434009</v>
      </c>
      <c r="AW1988">
        <v>0.375</v>
      </c>
      <c r="AX1988">
        <v>75.571428571428569</v>
      </c>
      <c r="AY1988">
        <v>54.5</v>
      </c>
      <c r="AZ1988">
        <v>100.5</v>
      </c>
      <c r="BA1988">
        <v>0.44912435973628251</v>
      </c>
      <c r="BB1988">
        <v>0.5</v>
      </c>
      <c r="BC1988">
        <v>1.945910149055313</v>
      </c>
      <c r="BD1988" t="s">
        <v>7589</v>
      </c>
      <c r="BE1988" t="s">
        <v>68</v>
      </c>
    </row>
    <row r="1989" spans="1:57" x14ac:dyDescent="0.3">
      <c r="A1989" t="s">
        <v>7591</v>
      </c>
      <c r="B1989">
        <v>2242</v>
      </c>
      <c r="C1989" t="s">
        <v>7592</v>
      </c>
      <c r="D1989" t="s">
        <v>7593</v>
      </c>
      <c r="E1989" t="s">
        <v>98</v>
      </c>
      <c r="F1989">
        <v>16</v>
      </c>
      <c r="G1989">
        <v>142.125</v>
      </c>
      <c r="H1989">
        <v>158</v>
      </c>
      <c r="I1989">
        <v>7056.734375</v>
      </c>
      <c r="J1989">
        <v>84.004371166029216</v>
      </c>
      <c r="K1989">
        <v>-0.22417919943593001</v>
      </c>
      <c r="L1989">
        <v>-1.440661630688534</v>
      </c>
      <c r="M1989">
        <v>4</v>
      </c>
      <c r="N1989">
        <v>1</v>
      </c>
      <c r="O1989">
        <v>1</v>
      </c>
      <c r="P1989">
        <v>0</v>
      </c>
      <c r="Q1989">
        <v>0</v>
      </c>
      <c r="R1989">
        <v>2.7725887222397811</v>
      </c>
      <c r="S1989">
        <v>1</v>
      </c>
      <c r="T1989">
        <v>1</v>
      </c>
      <c r="U1989">
        <v>0</v>
      </c>
      <c r="V1989">
        <v>0</v>
      </c>
      <c r="W1989">
        <v>2.7080502011022101</v>
      </c>
      <c r="X1989">
        <v>1</v>
      </c>
      <c r="Y1989">
        <v>1</v>
      </c>
      <c r="Z1989">
        <v>0</v>
      </c>
      <c r="AA1989">
        <v>0</v>
      </c>
      <c r="AB1989">
        <v>2.639057329615258</v>
      </c>
      <c r="AC1989">
        <v>1</v>
      </c>
      <c r="AD1989">
        <v>1</v>
      </c>
      <c r="AE1989">
        <v>0</v>
      </c>
      <c r="AF1989">
        <v>0</v>
      </c>
      <c r="AG1989">
        <v>2.5649493574615372</v>
      </c>
      <c r="AH1989">
        <v>0.59936527275585605</v>
      </c>
      <c r="AI1989">
        <v>0.37242544245191322</v>
      </c>
      <c r="AJ1989">
        <v>-0.1559698348873306</v>
      </c>
      <c r="AK1989">
        <v>-0.20790451718327571</v>
      </c>
      <c r="AL1989">
        <v>418.72374664607412</v>
      </c>
      <c r="AM1989">
        <v>510.65685542708059</v>
      </c>
      <c r="AN1989">
        <v>2274</v>
      </c>
      <c r="AO1989">
        <v>138.07270270853769</v>
      </c>
      <c r="AP1989">
        <v>206.7740239554723</v>
      </c>
      <c r="AQ1989">
        <v>2.3125</v>
      </c>
      <c r="AR1989">
        <v>4.6875</v>
      </c>
      <c r="AS1989">
        <v>16</v>
      </c>
      <c r="AT1989">
        <v>0</v>
      </c>
      <c r="AU1989">
        <v>0.1593137254901961</v>
      </c>
      <c r="AV1989">
        <v>0.65282726361712917</v>
      </c>
      <c r="AW1989">
        <v>0.25</v>
      </c>
      <c r="AX1989">
        <v>54.93333333333333</v>
      </c>
      <c r="AY1989">
        <v>76</v>
      </c>
      <c r="AZ1989">
        <v>154</v>
      </c>
      <c r="BA1989">
        <v>0.59105977953230759</v>
      </c>
      <c r="BB1989">
        <v>0.5625</v>
      </c>
      <c r="BC1989">
        <v>2.7080502011022101</v>
      </c>
      <c r="BD1989" t="s">
        <v>7592</v>
      </c>
      <c r="BE1989" t="s">
        <v>62</v>
      </c>
    </row>
    <row r="1990" spans="1:57" x14ac:dyDescent="0.3">
      <c r="A1990" t="s">
        <v>7594</v>
      </c>
      <c r="B1990">
        <v>3324</v>
      </c>
      <c r="C1990" t="s">
        <v>7595</v>
      </c>
      <c r="D1990" t="s">
        <v>7596</v>
      </c>
      <c r="E1990" t="s">
        <v>10622</v>
      </c>
      <c r="F1990">
        <v>64</v>
      </c>
      <c r="G1990">
        <v>127.125</v>
      </c>
      <c r="H1990">
        <v>129.5</v>
      </c>
      <c r="I1990">
        <v>4812.546875</v>
      </c>
      <c r="J1990">
        <v>69.372522478283869</v>
      </c>
      <c r="K1990">
        <v>-8.2897730424786265E-2</v>
      </c>
      <c r="L1990">
        <v>-1.0498586218778261</v>
      </c>
      <c r="M1990">
        <v>5.800704882778696</v>
      </c>
      <c r="N1990">
        <v>3</v>
      </c>
      <c r="O1990">
        <v>1</v>
      </c>
      <c r="P1990">
        <v>2</v>
      </c>
      <c r="Q1990">
        <v>0.35669242871684831</v>
      </c>
      <c r="R1990">
        <v>4.0207422347583606</v>
      </c>
      <c r="S1990">
        <v>1</v>
      </c>
      <c r="T1990">
        <v>1</v>
      </c>
      <c r="U1990">
        <v>0</v>
      </c>
      <c r="V1990">
        <v>0</v>
      </c>
      <c r="W1990">
        <v>4.1431347263915326</v>
      </c>
      <c r="X1990">
        <v>1</v>
      </c>
      <c r="Y1990">
        <v>1</v>
      </c>
      <c r="Z1990">
        <v>0</v>
      </c>
      <c r="AA1990">
        <v>0</v>
      </c>
      <c r="AB1990">
        <v>4.1271343850450908</v>
      </c>
      <c r="AC1990">
        <v>1</v>
      </c>
      <c r="AD1990">
        <v>1</v>
      </c>
      <c r="AE1990">
        <v>0</v>
      </c>
      <c r="AF1990">
        <v>0</v>
      </c>
      <c r="AG1990">
        <v>4.1108738641733096</v>
      </c>
      <c r="AH1990">
        <v>6.0470139495394523E-2</v>
      </c>
      <c r="AI1990">
        <v>-0.28055499865261052</v>
      </c>
      <c r="AJ1990">
        <v>-0.18379594719856621</v>
      </c>
      <c r="AK1990">
        <v>0.1514407935961663</v>
      </c>
      <c r="AL1990">
        <v>619.50062350404835</v>
      </c>
      <c r="AM1990">
        <v>979.03573861125994</v>
      </c>
      <c r="AN1990">
        <v>8136</v>
      </c>
      <c r="AO1990">
        <v>64.741479349500509</v>
      </c>
      <c r="AP1990">
        <v>521.90440181968029</v>
      </c>
      <c r="AQ1990">
        <v>1.359375</v>
      </c>
      <c r="AR1990">
        <v>4</v>
      </c>
      <c r="AS1990">
        <v>64</v>
      </c>
      <c r="AT1990">
        <v>6.6875</v>
      </c>
      <c r="AU1990">
        <v>7.7322134387351804E-2</v>
      </c>
      <c r="AV1990">
        <v>6.2586569988513141E-2</v>
      </c>
      <c r="AW1990">
        <v>0.359375</v>
      </c>
      <c r="AX1990">
        <v>75.873015873015873</v>
      </c>
      <c r="AY1990">
        <v>56</v>
      </c>
      <c r="AZ1990">
        <v>111.25</v>
      </c>
      <c r="BA1990">
        <v>0.54570322500124968</v>
      </c>
      <c r="BB1990">
        <v>0.53125</v>
      </c>
      <c r="BC1990">
        <v>3.9367871487114772</v>
      </c>
      <c r="BD1990" t="s">
        <v>7597</v>
      </c>
      <c r="BE1990" t="s">
        <v>62</v>
      </c>
    </row>
    <row r="1991" spans="1:57" x14ac:dyDescent="0.3">
      <c r="A1991" t="s">
        <v>7598</v>
      </c>
      <c r="B1991">
        <v>2722</v>
      </c>
      <c r="C1991" t="s">
        <v>7599</v>
      </c>
      <c r="D1991" t="s">
        <v>7600</v>
      </c>
      <c r="E1991" t="s">
        <v>66</v>
      </c>
      <c r="F1991">
        <v>70</v>
      </c>
      <c r="G1991">
        <v>122.8</v>
      </c>
      <c r="H1991">
        <v>113.5</v>
      </c>
      <c r="I1991">
        <v>5855.3314285714296</v>
      </c>
      <c r="J1991">
        <v>76.520137405596898</v>
      </c>
      <c r="K1991">
        <v>0.18607918470014259</v>
      </c>
      <c r="L1991">
        <v>-1.21131768157551</v>
      </c>
      <c r="M1991">
        <v>5.8613560526283486</v>
      </c>
      <c r="N1991">
        <v>3</v>
      </c>
      <c r="O1991">
        <v>1</v>
      </c>
      <c r="P1991">
        <v>2</v>
      </c>
      <c r="Q1991">
        <v>0.39819533775380711</v>
      </c>
      <c r="R1991">
        <v>4.0627824221373086</v>
      </c>
      <c r="S1991">
        <v>2</v>
      </c>
      <c r="T1991">
        <v>1</v>
      </c>
      <c r="U1991">
        <v>1</v>
      </c>
      <c r="V1991">
        <v>0.1203728348804772</v>
      </c>
      <c r="W1991">
        <v>4.2140152819723324</v>
      </c>
      <c r="X1991">
        <v>1</v>
      </c>
      <c r="Y1991">
        <v>1</v>
      </c>
      <c r="Z1991">
        <v>0</v>
      </c>
      <c r="AA1991">
        <v>0</v>
      </c>
      <c r="AB1991">
        <v>4.2195077051761087</v>
      </c>
      <c r="AC1991">
        <v>1</v>
      </c>
      <c r="AD1991">
        <v>1</v>
      </c>
      <c r="AE1991">
        <v>0</v>
      </c>
      <c r="AF1991">
        <v>0</v>
      </c>
      <c r="AG1991">
        <v>4.2046926193909648</v>
      </c>
      <c r="AH1991">
        <v>0.19204661344044929</v>
      </c>
      <c r="AI1991">
        <v>-4.3373609204017227E-2</v>
      </c>
      <c r="AJ1991">
        <v>-5.4629090167398087E-2</v>
      </c>
      <c r="AK1991">
        <v>4.7093588944092941E-2</v>
      </c>
      <c r="AL1991">
        <v>670.85473557522164</v>
      </c>
      <c r="AM1991">
        <v>1007.678482332683</v>
      </c>
      <c r="AN1991">
        <v>8596</v>
      </c>
      <c r="AO1991">
        <v>131.42421469223419</v>
      </c>
      <c r="AP1991">
        <v>505.17157250504482</v>
      </c>
      <c r="AQ1991">
        <v>1.328571428571429</v>
      </c>
      <c r="AR1991">
        <v>3.785714285714286</v>
      </c>
      <c r="AS1991">
        <v>70</v>
      </c>
      <c r="AT1991">
        <v>8.4285714285714306</v>
      </c>
      <c r="AU1991">
        <v>7.6152073732718928E-2</v>
      </c>
      <c r="AV1991">
        <v>0.19569288525177639</v>
      </c>
      <c r="AW1991">
        <v>0.42857142857142849</v>
      </c>
      <c r="AX1991">
        <v>80.347826086956516</v>
      </c>
      <c r="AY1991">
        <v>61.5</v>
      </c>
      <c r="AZ1991">
        <v>126.75</v>
      </c>
      <c r="BA1991">
        <v>0.62312815476870442</v>
      </c>
      <c r="BB1991">
        <v>0.47142857142857142</v>
      </c>
      <c r="BC1991">
        <v>3.9050636361670739</v>
      </c>
      <c r="BD1991" t="s">
        <v>7601</v>
      </c>
      <c r="BE1991" t="s">
        <v>68</v>
      </c>
    </row>
    <row r="1992" spans="1:57" x14ac:dyDescent="0.3">
      <c r="A1992" t="s">
        <v>7602</v>
      </c>
      <c r="B1992">
        <v>2925</v>
      </c>
      <c r="C1992" t="s">
        <v>7603</v>
      </c>
      <c r="D1992" t="s">
        <v>7604</v>
      </c>
      <c r="E1992" t="s">
        <v>66</v>
      </c>
      <c r="F1992">
        <v>71</v>
      </c>
      <c r="G1992">
        <v>115.0985915492958</v>
      </c>
      <c r="H1992">
        <v>102</v>
      </c>
      <c r="I1992">
        <v>6384.9339416782377</v>
      </c>
      <c r="J1992">
        <v>79.905781653634037</v>
      </c>
      <c r="K1992">
        <v>0.19375709404353639</v>
      </c>
      <c r="L1992">
        <v>-1.3736474815010831</v>
      </c>
      <c r="M1992">
        <v>5.7165796898967418</v>
      </c>
      <c r="N1992">
        <v>3</v>
      </c>
      <c r="O1992">
        <v>1</v>
      </c>
      <c r="P1992">
        <v>2</v>
      </c>
      <c r="Q1992">
        <v>0.48148102723974151</v>
      </c>
      <c r="R1992">
        <v>3.9624310944981769</v>
      </c>
      <c r="S1992">
        <v>1</v>
      </c>
      <c r="T1992">
        <v>1</v>
      </c>
      <c r="U1992">
        <v>0</v>
      </c>
      <c r="V1992">
        <v>0</v>
      </c>
      <c r="W1992">
        <v>4.2484952420493576</v>
      </c>
      <c r="X1992">
        <v>1</v>
      </c>
      <c r="Y1992">
        <v>1</v>
      </c>
      <c r="Z1992">
        <v>0</v>
      </c>
      <c r="AA1992">
        <v>0</v>
      </c>
      <c r="AB1992">
        <v>4.2341065045972579</v>
      </c>
      <c r="AC1992">
        <v>1</v>
      </c>
      <c r="AD1992">
        <v>1</v>
      </c>
      <c r="AE1992">
        <v>0</v>
      </c>
      <c r="AF1992">
        <v>0</v>
      </c>
      <c r="AG1992">
        <v>4.2195077051761087</v>
      </c>
      <c r="AH1992">
        <v>-7.1782583869164737E-2</v>
      </c>
      <c r="AI1992">
        <v>1.026427578032863E-2</v>
      </c>
      <c r="AJ1992">
        <v>-0.10887920951039359</v>
      </c>
      <c r="AK1992">
        <v>0.14287278692884661</v>
      </c>
      <c r="AL1992">
        <v>706.10031625300417</v>
      </c>
      <c r="AM1992">
        <v>946.22319956097442</v>
      </c>
      <c r="AN1992">
        <v>8172</v>
      </c>
      <c r="AO1992">
        <v>79.835194661903074</v>
      </c>
      <c r="AP1992">
        <v>552.50912285180516</v>
      </c>
      <c r="AQ1992">
        <v>1.323943661971831</v>
      </c>
      <c r="AR1992">
        <v>3.774647887323944</v>
      </c>
      <c r="AS1992">
        <v>71</v>
      </c>
      <c r="AT1992">
        <v>10.23943661971831</v>
      </c>
      <c r="AU1992">
        <v>0.14635639926515609</v>
      </c>
      <c r="AV1992">
        <v>-7.2133305665680339E-2</v>
      </c>
      <c r="AW1992">
        <v>0.40845070422535212</v>
      </c>
      <c r="AX1992">
        <v>96.542857142857144</v>
      </c>
      <c r="AY1992">
        <v>70</v>
      </c>
      <c r="AZ1992">
        <v>150</v>
      </c>
      <c r="BA1992">
        <v>0.69423770159177878</v>
      </c>
      <c r="BB1992">
        <v>0.47887323943661969</v>
      </c>
      <c r="BC1992">
        <v>4.0627824221373086</v>
      </c>
      <c r="BD1992" t="s">
        <v>7605</v>
      </c>
      <c r="BE1992" t="s">
        <v>68</v>
      </c>
    </row>
    <row r="1993" spans="1:57" x14ac:dyDescent="0.3">
      <c r="A1993" t="s">
        <v>7606</v>
      </c>
      <c r="B1993">
        <v>922</v>
      </c>
      <c r="C1993" t="s">
        <v>7607</v>
      </c>
      <c r="D1993" t="s">
        <v>7608</v>
      </c>
      <c r="E1993" t="s">
        <v>106</v>
      </c>
      <c r="F1993">
        <v>932</v>
      </c>
      <c r="G1993">
        <v>124.9409871244635</v>
      </c>
      <c r="H1993">
        <v>125</v>
      </c>
      <c r="I1993">
        <v>5315.5340711285899</v>
      </c>
      <c r="J1993">
        <v>72.907709270889796</v>
      </c>
      <c r="K1993">
        <v>6.2086275133273451E-2</v>
      </c>
      <c r="L1993">
        <v>-1.1458818379433171</v>
      </c>
      <c r="M1993">
        <v>7.7350488304104434</v>
      </c>
      <c r="N1993">
        <v>10</v>
      </c>
      <c r="O1993">
        <v>1</v>
      </c>
      <c r="P1993">
        <v>9</v>
      </c>
      <c r="Q1993">
        <v>1.971170882140961</v>
      </c>
      <c r="R1993">
        <v>5.3615272882925131</v>
      </c>
      <c r="S1993">
        <v>2</v>
      </c>
      <c r="T1993">
        <v>1</v>
      </c>
      <c r="U1993">
        <v>1</v>
      </c>
      <c r="V1993">
        <v>9.2694472962979169E-2</v>
      </c>
      <c r="W1993">
        <v>6.8243469734221174</v>
      </c>
      <c r="X1993">
        <v>1</v>
      </c>
      <c r="Y1993">
        <v>1</v>
      </c>
      <c r="Z1993">
        <v>0</v>
      </c>
      <c r="AA1993">
        <v>0</v>
      </c>
      <c r="AB1993">
        <v>6.8351845861473031</v>
      </c>
      <c r="AC1993">
        <v>1</v>
      </c>
      <c r="AD1993">
        <v>1</v>
      </c>
      <c r="AE1993">
        <v>0</v>
      </c>
      <c r="AF1993">
        <v>0</v>
      </c>
      <c r="AG1993">
        <v>6.8341087388138364</v>
      </c>
      <c r="AH1993">
        <v>-3.4240347668601269E-2</v>
      </c>
      <c r="AI1993">
        <v>3.563959725421134E-3</v>
      </c>
      <c r="AJ1993">
        <v>-2.546209701501808E-2</v>
      </c>
      <c r="AK1993">
        <v>-1.30929540289942E-2</v>
      </c>
      <c r="AL1993">
        <v>2095.0006378071289</v>
      </c>
      <c r="AM1993">
        <v>3887.6475312954649</v>
      </c>
      <c r="AN1993">
        <v>116445</v>
      </c>
      <c r="AO1993">
        <v>93.666320888083476</v>
      </c>
      <c r="AP1993">
        <v>1864.006013637643</v>
      </c>
      <c r="AQ1993">
        <v>1.0246781115879831</v>
      </c>
      <c r="AR1993">
        <v>4.0075107296137338</v>
      </c>
      <c r="AS1993">
        <v>926</v>
      </c>
      <c r="AT1993">
        <v>248.20600858369099</v>
      </c>
      <c r="AU1993">
        <v>3.5193133047210279E-2</v>
      </c>
      <c r="AV1993">
        <v>-3.4277458939590187E-2</v>
      </c>
      <c r="AW1993">
        <v>0.38304721030042921</v>
      </c>
      <c r="AX1993">
        <v>85.348012889366274</v>
      </c>
      <c r="AY1993">
        <v>62</v>
      </c>
      <c r="AZ1993">
        <v>124.25</v>
      </c>
      <c r="BA1993">
        <v>0.58353716381527154</v>
      </c>
      <c r="BB1993">
        <v>0.50429184549356221</v>
      </c>
      <c r="BC1993">
        <v>5.1961628505271626</v>
      </c>
      <c r="BD1993" t="s">
        <v>7609</v>
      </c>
      <c r="BE1993" t="s">
        <v>68</v>
      </c>
    </row>
    <row r="1994" spans="1:57" x14ac:dyDescent="0.3">
      <c r="A1994" t="s">
        <v>7610</v>
      </c>
      <c r="B1994">
        <v>3234</v>
      </c>
      <c r="C1994" t="s">
        <v>7611</v>
      </c>
      <c r="D1994" t="s">
        <v>7612</v>
      </c>
      <c r="E1994" t="s">
        <v>66</v>
      </c>
      <c r="F1994">
        <v>70</v>
      </c>
      <c r="G1994">
        <v>101.5857142857143</v>
      </c>
      <c r="H1994">
        <v>89.5</v>
      </c>
      <c r="I1994">
        <v>5019.9283673469372</v>
      </c>
      <c r="J1994">
        <v>70.851452824532373</v>
      </c>
      <c r="K1994">
        <v>0.58162139010345359</v>
      </c>
      <c r="L1994">
        <v>-0.8612293343483346</v>
      </c>
      <c r="M1994">
        <v>5.7292830169449713</v>
      </c>
      <c r="N1994">
        <v>4</v>
      </c>
      <c r="O1994">
        <v>1</v>
      </c>
      <c r="P1994">
        <v>3</v>
      </c>
      <c r="Q1994">
        <v>0.53039355992389381</v>
      </c>
      <c r="R1994">
        <v>3.9712363698253821</v>
      </c>
      <c r="S1994">
        <v>2</v>
      </c>
      <c r="T1994">
        <v>1</v>
      </c>
      <c r="U1994">
        <v>1</v>
      </c>
      <c r="V1994">
        <v>0.1203728348804772</v>
      </c>
      <c r="W1994">
        <v>4.2140152819723324</v>
      </c>
      <c r="X1994">
        <v>1</v>
      </c>
      <c r="Y1994">
        <v>1</v>
      </c>
      <c r="Z1994">
        <v>0</v>
      </c>
      <c r="AA1994">
        <v>0</v>
      </c>
      <c r="AB1994">
        <v>4.2195077051761087</v>
      </c>
      <c r="AC1994">
        <v>1</v>
      </c>
      <c r="AD1994">
        <v>1</v>
      </c>
      <c r="AE1994">
        <v>0</v>
      </c>
      <c r="AF1994">
        <v>0</v>
      </c>
      <c r="AG1994">
        <v>4.2046926193909648</v>
      </c>
      <c r="AH1994">
        <v>8.3544325139133693E-2</v>
      </c>
      <c r="AI1994">
        <v>0.1021379308009709</v>
      </c>
      <c r="AJ1994">
        <v>0.10895902809945091</v>
      </c>
      <c r="AK1994">
        <v>-0.1549412361668038</v>
      </c>
      <c r="AL1994">
        <v>629.02175261540856</v>
      </c>
      <c r="AM1994">
        <v>823.46987482034831</v>
      </c>
      <c r="AN1994">
        <v>7111</v>
      </c>
      <c r="AO1994">
        <v>70.331433380925588</v>
      </c>
      <c r="AP1994">
        <v>469.85142557804312</v>
      </c>
      <c r="AQ1994">
        <v>1.328571428571429</v>
      </c>
      <c r="AR1994">
        <v>3.657142857142857</v>
      </c>
      <c r="AS1994">
        <v>69</v>
      </c>
      <c r="AT1994">
        <v>13.05714285714286</v>
      </c>
      <c r="AU1994">
        <v>0.20197444831591169</v>
      </c>
      <c r="AV1994">
        <v>8.6012442327331073E-2</v>
      </c>
      <c r="AW1994">
        <v>0.55714285714285716</v>
      </c>
      <c r="AX1994">
        <v>75.115942028985501</v>
      </c>
      <c r="AY1994">
        <v>51</v>
      </c>
      <c r="AZ1994">
        <v>108</v>
      </c>
      <c r="BA1994">
        <v>0.69745488647409171</v>
      </c>
      <c r="BB1994">
        <v>0.42857142857142849</v>
      </c>
      <c r="BC1994">
        <v>3.9626786073726681</v>
      </c>
      <c r="BD1994" t="s">
        <v>7613</v>
      </c>
      <c r="BE1994" t="s">
        <v>68</v>
      </c>
    </row>
    <row r="1995" spans="1:57" x14ac:dyDescent="0.3">
      <c r="A1995" t="s">
        <v>7614</v>
      </c>
      <c r="B1995">
        <v>1776</v>
      </c>
      <c r="C1995" t="s">
        <v>7615</v>
      </c>
      <c r="D1995" t="s">
        <v>7616</v>
      </c>
      <c r="E1995" t="s">
        <v>85</v>
      </c>
      <c r="F1995">
        <v>8</v>
      </c>
      <c r="G1995">
        <v>138.875</v>
      </c>
      <c r="H1995">
        <v>111.5</v>
      </c>
      <c r="I1995">
        <v>6290.359375</v>
      </c>
      <c r="J1995">
        <v>79.311785851788756</v>
      </c>
      <c r="K1995">
        <v>0.28025428707310068</v>
      </c>
      <c r="L1995">
        <v>-1.587354915899887</v>
      </c>
      <c r="M1995">
        <v>3</v>
      </c>
      <c r="N1995">
        <v>1</v>
      </c>
      <c r="O1995">
        <v>1</v>
      </c>
      <c r="P1995">
        <v>0</v>
      </c>
      <c r="Q1995">
        <v>0</v>
      </c>
      <c r="R1995">
        <v>2.0794415416798362</v>
      </c>
      <c r="S1995">
        <v>1</v>
      </c>
      <c r="T1995">
        <v>1</v>
      </c>
      <c r="U1995">
        <v>0</v>
      </c>
      <c r="V1995">
        <v>0</v>
      </c>
      <c r="W1995">
        <v>1.945910149055313</v>
      </c>
      <c r="X1995">
        <v>1</v>
      </c>
      <c r="Y1995">
        <v>1</v>
      </c>
      <c r="Z1995">
        <v>0</v>
      </c>
      <c r="AA1995">
        <v>0</v>
      </c>
      <c r="AB1995">
        <v>1.791759469228055</v>
      </c>
      <c r="AC1995">
        <v>1</v>
      </c>
      <c r="AD1995">
        <v>1</v>
      </c>
      <c r="AE1995">
        <v>0</v>
      </c>
      <c r="AF1995">
        <v>0</v>
      </c>
      <c r="AG1995">
        <v>1.6094379124341009</v>
      </c>
      <c r="AH1995">
        <v>-0.26827542394984388</v>
      </c>
      <c r="AI1995">
        <v>-0.26336246190226609</v>
      </c>
      <c r="AJ1995">
        <v>-0.1181535857202117</v>
      </c>
      <c r="AK1995">
        <v>0</v>
      </c>
      <c r="AL1995">
        <v>344.31335099666143</v>
      </c>
      <c r="AM1995">
        <v>293.36209081176429</v>
      </c>
      <c r="AN1995">
        <v>1111</v>
      </c>
      <c r="AO1995">
        <v>185.95791663877719</v>
      </c>
      <c r="AP1995">
        <v>219.66068920010451</v>
      </c>
      <c r="AQ1995">
        <v>3.5</v>
      </c>
      <c r="AR1995">
        <v>4.5</v>
      </c>
      <c r="AS1995">
        <v>8</v>
      </c>
      <c r="AT1995">
        <v>0</v>
      </c>
      <c r="AU1995">
        <v>0.31944444444444442</v>
      </c>
      <c r="AV1995">
        <v>-0.32911237478445621</v>
      </c>
      <c r="AW1995">
        <v>0.625</v>
      </c>
      <c r="AX1995">
        <v>104.5714285714286</v>
      </c>
      <c r="AY1995">
        <v>64.5</v>
      </c>
      <c r="AZ1995">
        <v>151.75</v>
      </c>
      <c r="BA1995">
        <v>0.57110196832971205</v>
      </c>
      <c r="BB1995">
        <v>0.375</v>
      </c>
      <c r="BC1995">
        <v>1.945910149055313</v>
      </c>
      <c r="BD1995" t="s">
        <v>7615</v>
      </c>
      <c r="BE1995" t="s">
        <v>68</v>
      </c>
    </row>
    <row r="1996" spans="1:57" x14ac:dyDescent="0.3">
      <c r="A1996" t="s">
        <v>7617</v>
      </c>
      <c r="B1996">
        <v>3208</v>
      </c>
      <c r="C1996" t="s">
        <v>7618</v>
      </c>
      <c r="D1996" t="s">
        <v>7619</v>
      </c>
      <c r="E1996" t="s">
        <v>115</v>
      </c>
      <c r="F1996">
        <v>3248</v>
      </c>
      <c r="G1996">
        <v>127.5360221674877</v>
      </c>
      <c r="H1996">
        <v>131</v>
      </c>
      <c r="I1996">
        <v>5514.3749339305432</v>
      </c>
      <c r="J1996">
        <v>74.258837413001174</v>
      </c>
      <c r="K1996">
        <v>-5.5926695469718816E-3</v>
      </c>
      <c r="L1996">
        <v>-1.2152537381256181</v>
      </c>
      <c r="M1996">
        <v>7.9494032124493286</v>
      </c>
      <c r="N1996">
        <v>24</v>
      </c>
      <c r="O1996">
        <v>4</v>
      </c>
      <c r="P1996">
        <v>20</v>
      </c>
      <c r="Q1996">
        <v>3.334830392988525</v>
      </c>
      <c r="R1996">
        <v>5.5101064238434283</v>
      </c>
      <c r="S1996">
        <v>2</v>
      </c>
      <c r="T1996">
        <v>1</v>
      </c>
      <c r="U1996">
        <v>1</v>
      </c>
      <c r="V1996">
        <v>0.1664192501421464</v>
      </c>
      <c r="W1996">
        <v>8.047061612724713</v>
      </c>
      <c r="X1996">
        <v>1</v>
      </c>
      <c r="Y1996">
        <v>1</v>
      </c>
      <c r="Z1996">
        <v>0</v>
      </c>
      <c r="AA1996">
        <v>0</v>
      </c>
      <c r="AB1996">
        <v>8.0851787480745365</v>
      </c>
      <c r="AC1996">
        <v>1</v>
      </c>
      <c r="AD1996">
        <v>1</v>
      </c>
      <c r="AE1996">
        <v>0</v>
      </c>
      <c r="AF1996">
        <v>0</v>
      </c>
      <c r="AG1996">
        <v>8.0848706291381909</v>
      </c>
      <c r="AH1996">
        <v>2.498397008860993E-2</v>
      </c>
      <c r="AI1996">
        <v>-6.3971039380397894E-3</v>
      </c>
      <c r="AJ1996">
        <v>1.270570272547913E-3</v>
      </c>
      <c r="AK1996">
        <v>1.635346864946606E-2</v>
      </c>
      <c r="AL1996">
        <v>3875.950894750004</v>
      </c>
      <c r="AM1996">
        <v>7464.4379333936886</v>
      </c>
      <c r="AN1996">
        <v>414237</v>
      </c>
      <c r="AO1996">
        <v>93.331727190014064</v>
      </c>
      <c r="AP1996">
        <v>3568.1420916489342</v>
      </c>
      <c r="AQ1996">
        <v>1.007081280788177</v>
      </c>
      <c r="AR1996">
        <v>3.9907635467980289</v>
      </c>
      <c r="AS1996">
        <v>3240</v>
      </c>
      <c r="AT1996">
        <v>224.39408866995069</v>
      </c>
      <c r="AU1996">
        <v>1.6950400849995221E-2</v>
      </c>
      <c r="AV1996">
        <v>2.498437394464656E-2</v>
      </c>
      <c r="AW1996">
        <v>0.36176108374384242</v>
      </c>
      <c r="AX1996">
        <v>84.301817061903293</v>
      </c>
      <c r="AY1996">
        <v>65</v>
      </c>
      <c r="AZ1996">
        <v>129</v>
      </c>
      <c r="BA1996">
        <v>0.58225775079828168</v>
      </c>
      <c r="BB1996">
        <v>0.51016009852216748</v>
      </c>
      <c r="BC1996">
        <v>5.3071984090312991</v>
      </c>
      <c r="BD1996" t="s">
        <v>7620</v>
      </c>
      <c r="BE1996" t="s">
        <v>62</v>
      </c>
    </row>
    <row r="1997" spans="1:57" x14ac:dyDescent="0.3">
      <c r="A1997" t="s">
        <v>7621</v>
      </c>
      <c r="B1997">
        <v>754</v>
      </c>
      <c r="C1997" t="s">
        <v>7622</v>
      </c>
      <c r="D1997" t="s">
        <v>7623</v>
      </c>
      <c r="E1997" t="s">
        <v>98</v>
      </c>
      <c r="F1997">
        <v>16</v>
      </c>
      <c r="G1997">
        <v>95.5</v>
      </c>
      <c r="H1997">
        <v>70</v>
      </c>
      <c r="I1997">
        <v>4863.5</v>
      </c>
      <c r="J1997">
        <v>69.73879838368309</v>
      </c>
      <c r="K1997">
        <v>0.96351246743464747</v>
      </c>
      <c r="L1997">
        <v>0.1589485030359343</v>
      </c>
      <c r="M1997">
        <v>3.875</v>
      </c>
      <c r="N1997">
        <v>2</v>
      </c>
      <c r="O1997">
        <v>1</v>
      </c>
      <c r="P1997">
        <v>1</v>
      </c>
      <c r="Q1997">
        <v>0.24944382578492949</v>
      </c>
      <c r="R1997">
        <v>2.6859453246697882</v>
      </c>
      <c r="S1997">
        <v>1</v>
      </c>
      <c r="T1997">
        <v>1</v>
      </c>
      <c r="U1997">
        <v>0</v>
      </c>
      <c r="V1997">
        <v>0</v>
      </c>
      <c r="W1997">
        <v>2.7080502011022101</v>
      </c>
      <c r="X1997">
        <v>1</v>
      </c>
      <c r="Y1997">
        <v>1</v>
      </c>
      <c r="Z1997">
        <v>0</v>
      </c>
      <c r="AA1997">
        <v>0</v>
      </c>
      <c r="AB1997">
        <v>2.639057329615258</v>
      </c>
      <c r="AC1997">
        <v>1</v>
      </c>
      <c r="AD1997">
        <v>1</v>
      </c>
      <c r="AE1997">
        <v>0</v>
      </c>
      <c r="AF1997">
        <v>0</v>
      </c>
      <c r="AG1997">
        <v>2.5649493574615372</v>
      </c>
      <c r="AH1997">
        <v>6.8719800555155754E-3</v>
      </c>
      <c r="AI1997">
        <v>-0.16941888557623111</v>
      </c>
      <c r="AJ1997">
        <v>-8.5326282512593818E-2</v>
      </c>
      <c r="AK1997">
        <v>-0.25566078955484728</v>
      </c>
      <c r="AL1997">
        <v>318.51627808915993</v>
      </c>
      <c r="AM1997">
        <v>349.69612607552432</v>
      </c>
      <c r="AN1997">
        <v>1528</v>
      </c>
      <c r="AO1997">
        <v>9.3564541716300429</v>
      </c>
      <c r="AP1997">
        <v>235.9207803965657</v>
      </c>
      <c r="AQ1997">
        <v>2.25</v>
      </c>
      <c r="AR1997">
        <v>4</v>
      </c>
      <c r="AS1997">
        <v>16</v>
      </c>
      <c r="AT1997">
        <v>0.87499999999999989</v>
      </c>
      <c r="AU1997">
        <v>0.32205882352941168</v>
      </c>
      <c r="AV1997">
        <v>8.1441385718238474E-3</v>
      </c>
      <c r="AW1997">
        <v>0.625</v>
      </c>
      <c r="AX1997">
        <v>82</v>
      </c>
      <c r="AY1997">
        <v>44.5</v>
      </c>
      <c r="AZ1997">
        <v>80.75</v>
      </c>
      <c r="BA1997">
        <v>0.73024919773490149</v>
      </c>
      <c r="BB1997">
        <v>0.4375</v>
      </c>
      <c r="BC1997">
        <v>2.523210952952891</v>
      </c>
      <c r="BD1997" t="s">
        <v>7622</v>
      </c>
      <c r="BE1997" t="s">
        <v>62</v>
      </c>
    </row>
    <row r="1998" spans="1:57" x14ac:dyDescent="0.3">
      <c r="A1998" t="s">
        <v>7624</v>
      </c>
      <c r="B1998">
        <v>721</v>
      </c>
      <c r="C1998" t="s">
        <v>7625</v>
      </c>
      <c r="D1998" t="s">
        <v>7626</v>
      </c>
      <c r="E1998" t="s">
        <v>66</v>
      </c>
      <c r="F1998">
        <v>70</v>
      </c>
      <c r="G1998">
        <v>115.51428571428571</v>
      </c>
      <c r="H1998">
        <v>121.5</v>
      </c>
      <c r="I1998">
        <v>6700.6212244897961</v>
      </c>
      <c r="J1998">
        <v>81.857322363303552</v>
      </c>
      <c r="K1998">
        <v>0.1184414005330434</v>
      </c>
      <c r="L1998">
        <v>-1.4520840278480289</v>
      </c>
      <c r="M1998">
        <v>5.9292830169449724</v>
      </c>
      <c r="N1998">
        <v>2</v>
      </c>
      <c r="O1998">
        <v>1</v>
      </c>
      <c r="P1998">
        <v>1</v>
      </c>
      <c r="Q1998">
        <v>0.31426968052735449</v>
      </c>
      <c r="R1998">
        <v>4.1098658059373712</v>
      </c>
      <c r="S1998">
        <v>2</v>
      </c>
      <c r="T1998">
        <v>1</v>
      </c>
      <c r="U1998">
        <v>1</v>
      </c>
      <c r="V1998">
        <v>0.1203728348804772</v>
      </c>
      <c r="W1998">
        <v>4.2140152819723324</v>
      </c>
      <c r="X1998">
        <v>1</v>
      </c>
      <c r="Y1998">
        <v>1</v>
      </c>
      <c r="Z1998">
        <v>0</v>
      </c>
      <c r="AA1998">
        <v>0</v>
      </c>
      <c r="AB1998">
        <v>4.2195077051761087</v>
      </c>
      <c r="AC1998">
        <v>1</v>
      </c>
      <c r="AD1998">
        <v>1</v>
      </c>
      <c r="AE1998">
        <v>0</v>
      </c>
      <c r="AF1998">
        <v>0</v>
      </c>
      <c r="AG1998">
        <v>4.2046926193909648</v>
      </c>
      <c r="AH1998">
        <v>-7.1731531023614944E-2</v>
      </c>
      <c r="AI1998">
        <v>2.211920927674485E-2</v>
      </c>
      <c r="AJ1998">
        <v>0.1639154575059025</v>
      </c>
      <c r="AK1998">
        <v>-0.1024114956522808</v>
      </c>
      <c r="AL1998">
        <v>719.27490596738289</v>
      </c>
      <c r="AM1998">
        <v>941.13527701686564</v>
      </c>
      <c r="AN1998">
        <v>8086</v>
      </c>
      <c r="AO1998">
        <v>123.57632971272849</v>
      </c>
      <c r="AP1998">
        <v>578.6107941097838</v>
      </c>
      <c r="AQ1998">
        <v>1.328571428571429</v>
      </c>
      <c r="AR1998">
        <v>3.8142857142857149</v>
      </c>
      <c r="AS1998">
        <v>69</v>
      </c>
      <c r="AT1998">
        <v>5.5999999999999979</v>
      </c>
      <c r="AU1998">
        <v>0.16050420168067231</v>
      </c>
      <c r="AV1998">
        <v>-7.2245834011220741E-2</v>
      </c>
      <c r="AW1998">
        <v>0.3</v>
      </c>
      <c r="AX1998">
        <v>98.405797101449281</v>
      </c>
      <c r="AY1998">
        <v>74</v>
      </c>
      <c r="AZ1998">
        <v>148.5</v>
      </c>
      <c r="BA1998">
        <v>0.70863375778274162</v>
      </c>
      <c r="BB1998">
        <v>0.51428571428571423</v>
      </c>
      <c r="BC1998">
        <v>4.0457021945415557</v>
      </c>
      <c r="BD1998" t="s">
        <v>7627</v>
      </c>
      <c r="BE1998" t="s">
        <v>68</v>
      </c>
    </row>
    <row r="1999" spans="1:57" x14ac:dyDescent="0.3">
      <c r="A1999" t="s">
        <v>7628</v>
      </c>
      <c r="B1999">
        <v>2065</v>
      </c>
      <c r="C1999" t="s">
        <v>7629</v>
      </c>
      <c r="D1999" t="s">
        <v>7630</v>
      </c>
      <c r="E1999" t="s">
        <v>85</v>
      </c>
      <c r="F1999">
        <v>8</v>
      </c>
      <c r="G1999">
        <v>129.625</v>
      </c>
      <c r="H1999">
        <v>104</v>
      </c>
      <c r="I1999">
        <v>7183.984375</v>
      </c>
      <c r="J1999">
        <v>84.758388227950633</v>
      </c>
      <c r="K1999">
        <v>0.17777531300227081</v>
      </c>
      <c r="L1999">
        <v>-1.455785467422577</v>
      </c>
      <c r="M1999">
        <v>3</v>
      </c>
      <c r="N1999">
        <v>1</v>
      </c>
      <c r="O1999">
        <v>1</v>
      </c>
      <c r="P1999">
        <v>0</v>
      </c>
      <c r="Q1999">
        <v>0</v>
      </c>
      <c r="R1999">
        <v>2.0794415416798362</v>
      </c>
      <c r="S1999">
        <v>1</v>
      </c>
      <c r="T1999">
        <v>1</v>
      </c>
      <c r="U1999">
        <v>0</v>
      </c>
      <c r="V1999">
        <v>0</v>
      </c>
      <c r="W1999">
        <v>1.945910149055313</v>
      </c>
      <c r="X1999">
        <v>1</v>
      </c>
      <c r="Y1999">
        <v>1</v>
      </c>
      <c r="Z1999">
        <v>0</v>
      </c>
      <c r="AA1999">
        <v>0</v>
      </c>
      <c r="AB1999">
        <v>1.791759469228055</v>
      </c>
      <c r="AC1999">
        <v>1</v>
      </c>
      <c r="AD1999">
        <v>1</v>
      </c>
      <c r="AE1999">
        <v>0</v>
      </c>
      <c r="AF1999">
        <v>0</v>
      </c>
      <c r="AG1999">
        <v>1.6094379124341009</v>
      </c>
      <c r="AH1999">
        <v>-0.46275270512750799</v>
      </c>
      <c r="AI1999">
        <v>-0.28581208199662878</v>
      </c>
      <c r="AJ1999">
        <v>-2.763226578217606E-2</v>
      </c>
      <c r="AK1999">
        <v>0</v>
      </c>
      <c r="AL1999">
        <v>322.70753822783013</v>
      </c>
      <c r="AM1999">
        <v>296.23106651891447</v>
      </c>
      <c r="AN1999">
        <v>1037</v>
      </c>
      <c r="AO1999">
        <v>116.29536074746029</v>
      </c>
      <c r="AP1999">
        <v>156.28499608087779</v>
      </c>
      <c r="AQ1999">
        <v>3.5</v>
      </c>
      <c r="AR1999">
        <v>4.5</v>
      </c>
      <c r="AS1999">
        <v>8</v>
      </c>
      <c r="AT1999">
        <v>0</v>
      </c>
      <c r="AU1999">
        <v>0.19721115537848599</v>
      </c>
      <c r="AV1999">
        <v>-0.50690886245816114</v>
      </c>
      <c r="AW1999">
        <v>0.5</v>
      </c>
      <c r="AX1999">
        <v>137.42857142857139</v>
      </c>
      <c r="AY1999">
        <v>71.5</v>
      </c>
      <c r="AZ1999">
        <v>147.75</v>
      </c>
      <c r="BA1999">
        <v>0.65387377610762298</v>
      </c>
      <c r="BB1999">
        <v>0.375</v>
      </c>
      <c r="BC1999">
        <v>1.945910149055313</v>
      </c>
      <c r="BD1999" t="s">
        <v>7629</v>
      </c>
      <c r="BE1999" t="s">
        <v>68</v>
      </c>
    </row>
    <row r="2000" spans="1:57" x14ac:dyDescent="0.3">
      <c r="A2000" t="s">
        <v>7631</v>
      </c>
      <c r="B2000">
        <v>3545</v>
      </c>
      <c r="C2000" t="s">
        <v>7632</v>
      </c>
      <c r="D2000" t="s">
        <v>7633</v>
      </c>
      <c r="E2000" t="s">
        <v>72</v>
      </c>
      <c r="F2000">
        <v>3552</v>
      </c>
      <c r="G2000">
        <v>127.9375</v>
      </c>
      <c r="H2000">
        <v>129</v>
      </c>
      <c r="I2000">
        <v>5462.006228885135</v>
      </c>
      <c r="J2000">
        <v>73.905387008560709</v>
      </c>
      <c r="K2000">
        <v>-2.85322358086121E-2</v>
      </c>
      <c r="L2000">
        <v>-1.198704024233056</v>
      </c>
      <c r="M2000">
        <v>7.9484854437857226</v>
      </c>
      <c r="N2000">
        <v>26</v>
      </c>
      <c r="O2000">
        <v>5</v>
      </c>
      <c r="P2000">
        <v>21</v>
      </c>
      <c r="Q2000">
        <v>3.673171313728778</v>
      </c>
      <c r="R2000">
        <v>5.5094702750818474</v>
      </c>
      <c r="S2000">
        <v>3</v>
      </c>
      <c r="T2000">
        <v>1</v>
      </c>
      <c r="U2000">
        <v>2</v>
      </c>
      <c r="V2000">
        <v>0.18235035253732551</v>
      </c>
      <c r="W2000">
        <v>8.1308181818091168</v>
      </c>
      <c r="X2000">
        <v>2</v>
      </c>
      <c r="Y2000">
        <v>1</v>
      </c>
      <c r="Z2000">
        <v>1</v>
      </c>
      <c r="AA2000">
        <v>1.6783626499673639E-2</v>
      </c>
      <c r="AB2000">
        <v>8.1743123770156245</v>
      </c>
      <c r="AC2000">
        <v>1</v>
      </c>
      <c r="AD2000">
        <v>1</v>
      </c>
      <c r="AE2000">
        <v>0</v>
      </c>
      <c r="AF2000">
        <v>0</v>
      </c>
      <c r="AG2000">
        <v>8.1744211526464987</v>
      </c>
      <c r="AH2000">
        <v>-1.272243915693747E-2</v>
      </c>
      <c r="AI2000">
        <v>-2.036213048859498E-2</v>
      </c>
      <c r="AJ2000">
        <v>-1.452908545318197E-2</v>
      </c>
      <c r="AK2000">
        <v>-2.6657024612506561E-2</v>
      </c>
      <c r="AL2000">
        <v>4024.0738068241799</v>
      </c>
      <c r="AM2000">
        <v>7832.4342319122961</v>
      </c>
      <c r="AN2000">
        <v>454434</v>
      </c>
      <c r="AO2000">
        <v>137.12809178748611</v>
      </c>
      <c r="AP2000">
        <v>3632.0189928266841</v>
      </c>
      <c r="AQ2000">
        <v>1.0064752252252249</v>
      </c>
      <c r="AR2000">
        <v>4.0126689189189193</v>
      </c>
      <c r="AS2000">
        <v>3542</v>
      </c>
      <c r="AT2000">
        <v>248.93693693693689</v>
      </c>
      <c r="AU2000">
        <v>1.2910704822469589E-2</v>
      </c>
      <c r="AV2000">
        <v>-1.272784859295425E-2</v>
      </c>
      <c r="AW2000">
        <v>0.35838963963963971</v>
      </c>
      <c r="AX2000">
        <v>85.690228104759228</v>
      </c>
      <c r="AY2000">
        <v>63</v>
      </c>
      <c r="AZ2000">
        <v>126</v>
      </c>
      <c r="BA2000">
        <v>0.57766790040887706</v>
      </c>
      <c r="BB2000">
        <v>0.50534909909909909</v>
      </c>
      <c r="BC2000">
        <v>5.3237185867892851</v>
      </c>
      <c r="BD2000" t="s">
        <v>7634</v>
      </c>
      <c r="BE2000" t="s">
        <v>62</v>
      </c>
    </row>
    <row r="2001" spans="1:57" x14ac:dyDescent="0.3">
      <c r="A2001" t="s">
        <v>7635</v>
      </c>
      <c r="B2001">
        <v>1836</v>
      </c>
      <c r="C2001" t="s">
        <v>7636</v>
      </c>
      <c r="D2001" t="s">
        <v>7637</v>
      </c>
      <c r="E2001" t="s">
        <v>72</v>
      </c>
      <c r="F2001">
        <v>1840</v>
      </c>
      <c r="G2001">
        <v>127.504347826087</v>
      </c>
      <c r="H2001">
        <v>127</v>
      </c>
      <c r="I2001">
        <v>5515.2249810964086</v>
      </c>
      <c r="J2001">
        <v>74.264560734555005</v>
      </c>
      <c r="K2001">
        <v>4.3942854282220771E-3</v>
      </c>
      <c r="L2001">
        <v>-1.214421524522862</v>
      </c>
      <c r="M2001">
        <v>7.8913612361269889</v>
      </c>
      <c r="N2001">
        <v>16</v>
      </c>
      <c r="O2001">
        <v>1</v>
      </c>
      <c r="P2001">
        <v>15</v>
      </c>
      <c r="Q2001">
        <v>2.770520032412688</v>
      </c>
      <c r="R2001">
        <v>5.4698747916014572</v>
      </c>
      <c r="S2001">
        <v>3</v>
      </c>
      <c r="T2001">
        <v>1</v>
      </c>
      <c r="U2001">
        <v>2</v>
      </c>
      <c r="V2001">
        <v>0.1319632919673483</v>
      </c>
      <c r="W2001">
        <v>7.49407777980967</v>
      </c>
      <c r="X2001">
        <v>2</v>
      </c>
      <c r="Y2001">
        <v>1</v>
      </c>
      <c r="Z2001">
        <v>1</v>
      </c>
      <c r="AA2001">
        <v>5.7134777764757741E-2</v>
      </c>
      <c r="AB2001">
        <v>7.5119078588640953</v>
      </c>
      <c r="AC2001">
        <v>2</v>
      </c>
      <c r="AD2001">
        <v>1</v>
      </c>
      <c r="AE2001">
        <v>1</v>
      </c>
      <c r="AF2001">
        <v>5.2170957386705213E-2</v>
      </c>
      <c r="AG2001">
        <v>7.512115828924653</v>
      </c>
      <c r="AH2001">
        <v>3.115048366830396E-3</v>
      </c>
      <c r="AI2001">
        <v>-2.7971985554094209E-2</v>
      </c>
      <c r="AJ2001">
        <v>-1.233706744317942E-2</v>
      </c>
      <c r="AK2001">
        <v>-1.886787391812789E-2</v>
      </c>
      <c r="AL2001">
        <v>2938.0300496484801</v>
      </c>
      <c r="AM2001">
        <v>5606.2049041541959</v>
      </c>
      <c r="AN2001">
        <v>234608</v>
      </c>
      <c r="AO2001">
        <v>27.28315431623977</v>
      </c>
      <c r="AP2001">
        <v>2663.996773474204</v>
      </c>
      <c r="AQ2001">
        <v>1.0125</v>
      </c>
      <c r="AR2001">
        <v>4.0010869565217391</v>
      </c>
      <c r="AS2001">
        <v>1829</v>
      </c>
      <c r="AT2001">
        <v>273.39130434782612</v>
      </c>
      <c r="AU2001">
        <v>1.077365728900259E-2</v>
      </c>
      <c r="AV2001">
        <v>3.1192701272358889E-3</v>
      </c>
      <c r="AW2001">
        <v>0.37228260869565222</v>
      </c>
      <c r="AX2001">
        <v>85.612833061446437</v>
      </c>
      <c r="AY2001">
        <v>64</v>
      </c>
      <c r="AZ2001">
        <v>128.25</v>
      </c>
      <c r="BA2001">
        <v>0.58244728121624667</v>
      </c>
      <c r="BB2001">
        <v>0.49673913043478263</v>
      </c>
      <c r="BC2001">
        <v>5.2827644953255142</v>
      </c>
      <c r="BD2001" t="s">
        <v>7638</v>
      </c>
      <c r="BE2001" t="s">
        <v>62</v>
      </c>
    </row>
    <row r="2002" spans="1:57" x14ac:dyDescent="0.3">
      <c r="A2002" t="s">
        <v>7639</v>
      </c>
      <c r="B2002">
        <v>3829</v>
      </c>
      <c r="C2002" t="s">
        <v>7640</v>
      </c>
      <c r="D2002" t="s">
        <v>7641</v>
      </c>
      <c r="E2002" t="s">
        <v>128</v>
      </c>
      <c r="F2002">
        <v>32</v>
      </c>
      <c r="G2002">
        <v>139.4375</v>
      </c>
      <c r="H2002">
        <v>140.5</v>
      </c>
      <c r="I2002">
        <v>4740.99609375</v>
      </c>
      <c r="J2002">
        <v>68.854891574600572</v>
      </c>
      <c r="K2002">
        <v>-3.4313892670239959E-2</v>
      </c>
      <c r="L2002">
        <v>-1.2395612263015661</v>
      </c>
      <c r="M2002">
        <v>5</v>
      </c>
      <c r="N2002">
        <v>1</v>
      </c>
      <c r="O2002">
        <v>1</v>
      </c>
      <c r="P2002">
        <v>0</v>
      </c>
      <c r="Q2002">
        <v>0</v>
      </c>
      <c r="R2002">
        <v>3.465735902799727</v>
      </c>
      <c r="S2002">
        <v>1</v>
      </c>
      <c r="T2002">
        <v>1</v>
      </c>
      <c r="U2002">
        <v>0</v>
      </c>
      <c r="V2002">
        <v>0</v>
      </c>
      <c r="W2002">
        <v>3.4339872044851458</v>
      </c>
      <c r="X2002">
        <v>1</v>
      </c>
      <c r="Y2002">
        <v>1</v>
      </c>
      <c r="Z2002">
        <v>0</v>
      </c>
      <c r="AA2002">
        <v>0</v>
      </c>
      <c r="AB2002">
        <v>3.401197381662155</v>
      </c>
      <c r="AC2002">
        <v>1</v>
      </c>
      <c r="AD2002">
        <v>1</v>
      </c>
      <c r="AE2002">
        <v>0</v>
      </c>
      <c r="AF2002">
        <v>0</v>
      </c>
      <c r="AG2002">
        <v>3.3672958299864728</v>
      </c>
      <c r="AH2002">
        <v>-8.4042145061156218E-2</v>
      </c>
      <c r="AI2002">
        <v>-9.6224391218551614E-2</v>
      </c>
      <c r="AJ2002">
        <v>-0.15285525296717881</v>
      </c>
      <c r="AK2002">
        <v>2.5772692068435649E-2</v>
      </c>
      <c r="AL2002">
        <v>477.05056337151098</v>
      </c>
      <c r="AM2002">
        <v>739.12431971010392</v>
      </c>
      <c r="AN2002">
        <v>4462</v>
      </c>
      <c r="AO2002">
        <v>37.240327694518683</v>
      </c>
      <c r="AP2002">
        <v>353.91771977663137</v>
      </c>
      <c r="AQ2002">
        <v>1.71875</v>
      </c>
      <c r="AR2002">
        <v>4.34375</v>
      </c>
      <c r="AS2002">
        <v>32</v>
      </c>
      <c r="AT2002">
        <v>0</v>
      </c>
      <c r="AU2002">
        <v>7.6884920634920584E-2</v>
      </c>
      <c r="AV2002">
        <v>-8.8765082225347097E-2</v>
      </c>
      <c r="AW2002">
        <v>0.40625</v>
      </c>
      <c r="AX2002">
        <v>82.451612903225808</v>
      </c>
      <c r="AY2002">
        <v>63.5</v>
      </c>
      <c r="AZ2002">
        <v>121.25</v>
      </c>
      <c r="BA2002">
        <v>0.49380469080843081</v>
      </c>
      <c r="BB2002">
        <v>0.5</v>
      </c>
      <c r="BC2002">
        <v>3.2998296856670919</v>
      </c>
      <c r="BD2002" t="s">
        <v>7642</v>
      </c>
      <c r="BE2002" t="s">
        <v>62</v>
      </c>
    </row>
    <row r="2003" spans="1:57" x14ac:dyDescent="0.3">
      <c r="A2003" t="s">
        <v>7643</v>
      </c>
      <c r="B2003">
        <v>148</v>
      </c>
      <c r="C2003" t="s">
        <v>7644</v>
      </c>
      <c r="D2003" t="s">
        <v>7645</v>
      </c>
      <c r="E2003" t="s">
        <v>60</v>
      </c>
      <c r="F2003">
        <v>256</v>
      </c>
      <c r="G2003">
        <v>127.29296875</v>
      </c>
      <c r="H2003">
        <v>126.5</v>
      </c>
      <c r="I2003">
        <v>5148.4962005615234</v>
      </c>
      <c r="J2003">
        <v>71.75302223991352</v>
      </c>
      <c r="K2003">
        <v>-2.23710071750521E-2</v>
      </c>
      <c r="L2003">
        <v>-1.110051187343936</v>
      </c>
      <c r="M2003">
        <v>7.1013579356029197</v>
      </c>
      <c r="N2003">
        <v>6</v>
      </c>
      <c r="O2003">
        <v>1</v>
      </c>
      <c r="P2003">
        <v>5</v>
      </c>
      <c r="Q2003">
        <v>0.88422408769093241</v>
      </c>
      <c r="R2003">
        <v>4.9222862312101574</v>
      </c>
      <c r="S2003">
        <v>1</v>
      </c>
      <c r="T2003">
        <v>1</v>
      </c>
      <c r="U2003">
        <v>0</v>
      </c>
      <c r="V2003">
        <v>0</v>
      </c>
      <c r="W2003">
        <v>5.541263545158424</v>
      </c>
      <c r="X2003">
        <v>1</v>
      </c>
      <c r="Y2003">
        <v>1</v>
      </c>
      <c r="Z2003">
        <v>0</v>
      </c>
      <c r="AA2003">
        <v>0</v>
      </c>
      <c r="AB2003">
        <v>5.5373342670185366</v>
      </c>
      <c r="AC2003">
        <v>1</v>
      </c>
      <c r="AD2003">
        <v>1</v>
      </c>
      <c r="AE2003">
        <v>0</v>
      </c>
      <c r="AF2003">
        <v>0</v>
      </c>
      <c r="AG2003">
        <v>5.5333894887275203</v>
      </c>
      <c r="AH2003">
        <v>-9.7979908727556478E-2</v>
      </c>
      <c r="AI2003">
        <v>8.1995062457750631E-4</v>
      </c>
      <c r="AJ2003">
        <v>4.3039120486835628E-2</v>
      </c>
      <c r="AK2003">
        <v>4.0060402127603707E-2</v>
      </c>
      <c r="AL2003">
        <v>1133.8860563857129</v>
      </c>
      <c r="AM2003">
        <v>2044.605930524036</v>
      </c>
      <c r="AN2003">
        <v>32587</v>
      </c>
      <c r="AO2003">
        <v>80.394435752859607</v>
      </c>
      <c r="AP2003">
        <v>957.79509227634878</v>
      </c>
      <c r="AQ2003">
        <v>1.08984375</v>
      </c>
      <c r="AR2003">
        <v>4.07421875</v>
      </c>
      <c r="AS2003">
        <v>256</v>
      </c>
      <c r="AT2003">
        <v>73.375000000000014</v>
      </c>
      <c r="AU2003">
        <v>3.6182598039215641E-2</v>
      </c>
      <c r="AV2003">
        <v>-9.834428527682923E-2</v>
      </c>
      <c r="AW2003">
        <v>0.375</v>
      </c>
      <c r="AX2003">
        <v>88.247058823529414</v>
      </c>
      <c r="AY2003">
        <v>57.5</v>
      </c>
      <c r="AZ2003">
        <v>115.5</v>
      </c>
      <c r="BA2003">
        <v>0.56368409775118489</v>
      </c>
      <c r="BB2003">
        <v>0.49609375</v>
      </c>
      <c r="BC2003">
        <v>4.8750329004365502</v>
      </c>
      <c r="BD2003" t="s">
        <v>7646</v>
      </c>
      <c r="BE2003" t="s">
        <v>62</v>
      </c>
    </row>
    <row r="2004" spans="1:57" x14ac:dyDescent="0.3">
      <c r="A2004" t="s">
        <v>7647</v>
      </c>
      <c r="B2004">
        <v>3098</v>
      </c>
      <c r="C2004" t="s">
        <v>7648</v>
      </c>
      <c r="D2004" t="s">
        <v>7649</v>
      </c>
      <c r="E2004" t="s">
        <v>10622</v>
      </c>
      <c r="F2004">
        <v>64</v>
      </c>
      <c r="G2004">
        <v>113.140625</v>
      </c>
      <c r="H2004">
        <v>109</v>
      </c>
      <c r="I2004">
        <v>4345.089599609375</v>
      </c>
      <c r="J2004">
        <v>65.917293630802035</v>
      </c>
      <c r="K2004">
        <v>0.35568297900383278</v>
      </c>
      <c r="L2004">
        <v>-0.60345778852296172</v>
      </c>
      <c r="M2004">
        <v>5.8125</v>
      </c>
      <c r="N2004">
        <v>2</v>
      </c>
      <c r="O2004">
        <v>1</v>
      </c>
      <c r="P2004">
        <v>1</v>
      </c>
      <c r="Q2004">
        <v>0.30454347814923621</v>
      </c>
      <c r="R2004">
        <v>4.0289179870046823</v>
      </c>
      <c r="S2004">
        <v>1</v>
      </c>
      <c r="T2004">
        <v>1</v>
      </c>
      <c r="U2004">
        <v>0</v>
      </c>
      <c r="V2004">
        <v>0</v>
      </c>
      <c r="W2004">
        <v>4.1431347263915326</v>
      </c>
      <c r="X2004">
        <v>1</v>
      </c>
      <c r="Y2004">
        <v>1</v>
      </c>
      <c r="Z2004">
        <v>0</v>
      </c>
      <c r="AA2004">
        <v>0</v>
      </c>
      <c r="AB2004">
        <v>4.1271343850450908</v>
      </c>
      <c r="AC2004">
        <v>1</v>
      </c>
      <c r="AD2004">
        <v>1</v>
      </c>
      <c r="AE2004">
        <v>0</v>
      </c>
      <c r="AF2004">
        <v>0</v>
      </c>
      <c r="AG2004">
        <v>4.1108738641733096</v>
      </c>
      <c r="AH2004">
        <v>2.3184213275447261E-2</v>
      </c>
      <c r="AI2004">
        <v>-2.4698067274891111E-2</v>
      </c>
      <c r="AJ2004">
        <v>-4.6188168482718943E-2</v>
      </c>
      <c r="AK2004">
        <v>8.405082343928668E-3</v>
      </c>
      <c r="AL2004">
        <v>585.55392236151602</v>
      </c>
      <c r="AM2004">
        <v>868.59864379760791</v>
      </c>
      <c r="AN2004">
        <v>7241</v>
      </c>
      <c r="AO2004">
        <v>107.8463753856993</v>
      </c>
      <c r="AP2004">
        <v>498.27699080053202</v>
      </c>
      <c r="AQ2004">
        <v>1.359375</v>
      </c>
      <c r="AR2004">
        <v>3.828125</v>
      </c>
      <c r="AS2004">
        <v>63</v>
      </c>
      <c r="AT2004">
        <v>4.8750000000000018</v>
      </c>
      <c r="AU2004">
        <v>0.15386029411764701</v>
      </c>
      <c r="AV2004">
        <v>2.3365611801005041E-2</v>
      </c>
      <c r="AW2004">
        <v>0.484375</v>
      </c>
      <c r="AX2004">
        <v>74.841269841269835</v>
      </c>
      <c r="AY2004">
        <v>45</v>
      </c>
      <c r="AZ2004">
        <v>87</v>
      </c>
      <c r="BA2004">
        <v>0.58261383681415968</v>
      </c>
      <c r="BB2004">
        <v>0.453125</v>
      </c>
      <c r="BC2004">
        <v>3.906476950221248</v>
      </c>
      <c r="BD2004" t="s">
        <v>7650</v>
      </c>
      <c r="BE2004" t="s">
        <v>62</v>
      </c>
    </row>
    <row r="2005" spans="1:57" x14ac:dyDescent="0.3">
      <c r="A2005" t="s">
        <v>7651</v>
      </c>
      <c r="B2005">
        <v>1738</v>
      </c>
      <c r="C2005" t="s">
        <v>7652</v>
      </c>
      <c r="D2005" t="s">
        <v>7653</v>
      </c>
      <c r="E2005" t="s">
        <v>128</v>
      </c>
      <c r="F2005">
        <v>32</v>
      </c>
      <c r="G2005">
        <v>137.25</v>
      </c>
      <c r="H2005">
        <v>138.5</v>
      </c>
      <c r="I2005">
        <v>6011.75</v>
      </c>
      <c r="J2005">
        <v>77.535475751426205</v>
      </c>
      <c r="K2005">
        <v>-0.1792143221563551</v>
      </c>
      <c r="L2005">
        <v>-1.218307953692189</v>
      </c>
      <c r="M2005">
        <v>4.8125</v>
      </c>
      <c r="N2005">
        <v>2</v>
      </c>
      <c r="O2005">
        <v>1</v>
      </c>
      <c r="P2005">
        <v>1</v>
      </c>
      <c r="Q2005">
        <v>0.30454347814923599</v>
      </c>
      <c r="R2005">
        <v>3.335770806444736</v>
      </c>
      <c r="S2005">
        <v>1</v>
      </c>
      <c r="T2005">
        <v>1</v>
      </c>
      <c r="U2005">
        <v>0</v>
      </c>
      <c r="V2005">
        <v>0</v>
      </c>
      <c r="W2005">
        <v>3.4339872044851458</v>
      </c>
      <c r="X2005">
        <v>1</v>
      </c>
      <c r="Y2005">
        <v>1</v>
      </c>
      <c r="Z2005">
        <v>0</v>
      </c>
      <c r="AA2005">
        <v>0</v>
      </c>
      <c r="AB2005">
        <v>3.401197381662155</v>
      </c>
      <c r="AC2005">
        <v>1</v>
      </c>
      <c r="AD2005">
        <v>1</v>
      </c>
      <c r="AE2005">
        <v>0</v>
      </c>
      <c r="AF2005">
        <v>0</v>
      </c>
      <c r="AG2005">
        <v>3.3672958299864728</v>
      </c>
      <c r="AH2005">
        <v>2.1425164781469622E-2</v>
      </c>
      <c r="AI2005">
        <v>0.20975914355221029</v>
      </c>
      <c r="AJ2005">
        <v>-6.6413235018921282E-2</v>
      </c>
      <c r="AK2005">
        <v>0.14126827150995969</v>
      </c>
      <c r="AL2005">
        <v>520.14298461988017</v>
      </c>
      <c r="AM2005">
        <v>724.31296795703099</v>
      </c>
      <c r="AN2005">
        <v>4392</v>
      </c>
      <c r="AO2005">
        <v>101.88119447205111</v>
      </c>
      <c r="AP2005">
        <v>367.9427618121619</v>
      </c>
      <c r="AQ2005">
        <v>1.71875</v>
      </c>
      <c r="AR2005">
        <v>4.0625</v>
      </c>
      <c r="AS2005">
        <v>32</v>
      </c>
      <c r="AT2005">
        <v>2.4375</v>
      </c>
      <c r="AU2005">
        <v>0.1441532258064516</v>
      </c>
      <c r="AV2005">
        <v>2.1362506374576019E-2</v>
      </c>
      <c r="AW2005">
        <v>0.3125</v>
      </c>
      <c r="AX2005">
        <v>88.677419354838705</v>
      </c>
      <c r="AY2005">
        <v>66.5</v>
      </c>
      <c r="AZ2005">
        <v>126</v>
      </c>
      <c r="BA2005">
        <v>0.56492149909964451</v>
      </c>
      <c r="BB2005">
        <v>0.5</v>
      </c>
      <c r="BC2005">
        <v>3.2998296856670919</v>
      </c>
      <c r="BD2005" t="s">
        <v>7654</v>
      </c>
      <c r="BE2005" t="s">
        <v>62</v>
      </c>
    </row>
    <row r="2006" spans="1:57" x14ac:dyDescent="0.3">
      <c r="A2006" t="s">
        <v>7655</v>
      </c>
      <c r="B2006">
        <v>2580</v>
      </c>
      <c r="C2006" t="s">
        <v>7656</v>
      </c>
      <c r="D2006" t="s">
        <v>7657</v>
      </c>
      <c r="E2006" t="s">
        <v>66</v>
      </c>
      <c r="F2006">
        <v>72</v>
      </c>
      <c r="G2006">
        <v>105.9583333333333</v>
      </c>
      <c r="H2006">
        <v>79</v>
      </c>
      <c r="I2006">
        <v>6355.567708333333</v>
      </c>
      <c r="J2006">
        <v>79.721814507281081</v>
      </c>
      <c r="K2006">
        <v>0.39801934796457511</v>
      </c>
      <c r="L2006">
        <v>-1.2525273279558979</v>
      </c>
      <c r="M2006">
        <v>5.7773602444077277</v>
      </c>
      <c r="N2006">
        <v>3</v>
      </c>
      <c r="O2006">
        <v>1</v>
      </c>
      <c r="P2006">
        <v>2</v>
      </c>
      <c r="Q2006">
        <v>0.52295758035733941</v>
      </c>
      <c r="R2006">
        <v>4.0045609644903291</v>
      </c>
      <c r="S2006">
        <v>2</v>
      </c>
      <c r="T2006">
        <v>1</v>
      </c>
      <c r="U2006">
        <v>1</v>
      </c>
      <c r="V2006">
        <v>0.20535647123189621</v>
      </c>
      <c r="W2006">
        <v>4.2041040589658278</v>
      </c>
      <c r="X2006">
        <v>2</v>
      </c>
      <c r="Y2006">
        <v>1</v>
      </c>
      <c r="Z2006">
        <v>1</v>
      </c>
      <c r="AA2006">
        <v>0.11951030798891769</v>
      </c>
      <c r="AB2006">
        <v>4.2286910368905044</v>
      </c>
      <c r="AC2006">
        <v>1</v>
      </c>
      <c r="AD2006">
        <v>1</v>
      </c>
      <c r="AE2006">
        <v>0</v>
      </c>
      <c r="AF2006">
        <v>0</v>
      </c>
      <c r="AG2006">
        <v>4.2341065045972579</v>
      </c>
      <c r="AH2006">
        <v>8.0881069696138397E-2</v>
      </c>
      <c r="AI2006">
        <v>-4.6951585932949888E-2</v>
      </c>
      <c r="AJ2006">
        <v>-1.8074540061188089E-2</v>
      </c>
      <c r="AK2006">
        <v>7.3193841625023612E-2</v>
      </c>
      <c r="AL2006">
        <v>702.11132251504978</v>
      </c>
      <c r="AM2006">
        <v>879.2023036799709</v>
      </c>
      <c r="AN2006">
        <v>7629</v>
      </c>
      <c r="AO2006">
        <v>66.340033162487941</v>
      </c>
      <c r="AP2006">
        <v>552.93098529490521</v>
      </c>
      <c r="AQ2006">
        <v>1.319444444444444</v>
      </c>
      <c r="AR2006">
        <v>3.666666666666667</v>
      </c>
      <c r="AS2006">
        <v>71</v>
      </c>
      <c r="AT2006">
        <v>13.22222222222222</v>
      </c>
      <c r="AU2006">
        <v>0.22047244094488189</v>
      </c>
      <c r="AV2006">
        <v>8.1835551182671135E-2</v>
      </c>
      <c r="AW2006">
        <v>0.41666666666666669</v>
      </c>
      <c r="AX2006">
        <v>86.774647887323937</v>
      </c>
      <c r="AY2006">
        <v>56</v>
      </c>
      <c r="AZ2006">
        <v>148.25</v>
      </c>
      <c r="BA2006">
        <v>0.75238833982490994</v>
      </c>
      <c r="BB2006">
        <v>0.43055555555555558</v>
      </c>
      <c r="BC2006">
        <v>3.9819563671900058</v>
      </c>
      <c r="BD2006" t="s">
        <v>7658</v>
      </c>
      <c r="BE2006" t="s">
        <v>68</v>
      </c>
    </row>
    <row r="2007" spans="1:57" x14ac:dyDescent="0.3">
      <c r="A2007" t="s">
        <v>7659</v>
      </c>
      <c r="B2007">
        <v>3022</v>
      </c>
      <c r="C2007" t="s">
        <v>7660</v>
      </c>
      <c r="D2007" t="s">
        <v>7661</v>
      </c>
      <c r="E2007" t="s">
        <v>128</v>
      </c>
      <c r="F2007">
        <v>32</v>
      </c>
      <c r="G2007">
        <v>111.65625</v>
      </c>
      <c r="H2007">
        <v>97</v>
      </c>
      <c r="I2007">
        <v>5933.3505859375</v>
      </c>
      <c r="J2007">
        <v>77.02824537750746</v>
      </c>
      <c r="K2007">
        <v>0.31779013927351363</v>
      </c>
      <c r="L2007">
        <v>-1.064897294814374</v>
      </c>
      <c r="M2007">
        <v>4.9375</v>
      </c>
      <c r="N2007">
        <v>2</v>
      </c>
      <c r="O2007">
        <v>1</v>
      </c>
      <c r="P2007">
        <v>1</v>
      </c>
      <c r="Q2007">
        <v>0.1766846959694085</v>
      </c>
      <c r="R2007">
        <v>3.422414204014729</v>
      </c>
      <c r="S2007">
        <v>1</v>
      </c>
      <c r="T2007">
        <v>1</v>
      </c>
      <c r="U2007">
        <v>0</v>
      </c>
      <c r="V2007">
        <v>0</v>
      </c>
      <c r="W2007">
        <v>3.4339872044851458</v>
      </c>
      <c r="X2007">
        <v>1</v>
      </c>
      <c r="Y2007">
        <v>1</v>
      </c>
      <c r="Z2007">
        <v>0</v>
      </c>
      <c r="AA2007">
        <v>0</v>
      </c>
      <c r="AB2007">
        <v>3.401197381662155</v>
      </c>
      <c r="AC2007">
        <v>1</v>
      </c>
      <c r="AD2007">
        <v>1</v>
      </c>
      <c r="AE2007">
        <v>0</v>
      </c>
      <c r="AF2007">
        <v>0</v>
      </c>
      <c r="AG2007">
        <v>3.3672958299864728</v>
      </c>
      <c r="AH2007">
        <v>7.7487077317684684E-3</v>
      </c>
      <c r="AI2007">
        <v>-0.19200252981071811</v>
      </c>
      <c r="AJ2007">
        <v>-2.4681542454587091E-2</v>
      </c>
      <c r="AK2007">
        <v>0.2423037394883365</v>
      </c>
      <c r="AL2007">
        <v>509.92712162787859</v>
      </c>
      <c r="AM2007">
        <v>573.40154397098274</v>
      </c>
      <c r="AN2007">
        <v>3573</v>
      </c>
      <c r="AO2007">
        <v>138.2993570264922</v>
      </c>
      <c r="AP2007">
        <v>422.26832384293527</v>
      </c>
      <c r="AQ2007">
        <v>1.65625</v>
      </c>
      <c r="AR2007">
        <v>3.90625</v>
      </c>
      <c r="AS2007">
        <v>32</v>
      </c>
      <c r="AT2007">
        <v>0.93749999999999978</v>
      </c>
      <c r="AU2007">
        <v>0.17082509881422919</v>
      </c>
      <c r="AV2007">
        <v>6.7758060391116103E-3</v>
      </c>
      <c r="AW2007">
        <v>0.34375</v>
      </c>
      <c r="AX2007">
        <v>89.161290322580641</v>
      </c>
      <c r="AY2007">
        <v>63.5</v>
      </c>
      <c r="AZ2007">
        <v>106.5</v>
      </c>
      <c r="BA2007">
        <v>0.6898695359866327</v>
      </c>
      <c r="BB2007">
        <v>0.40625</v>
      </c>
      <c r="BC2007">
        <v>3.3445488586064429</v>
      </c>
      <c r="BD2007" t="s">
        <v>7662</v>
      </c>
      <c r="BE2007" t="s">
        <v>62</v>
      </c>
    </row>
    <row r="2008" spans="1:57" x14ac:dyDescent="0.3">
      <c r="A2008" t="s">
        <v>7663</v>
      </c>
      <c r="B2008">
        <v>3248</v>
      </c>
      <c r="C2008" t="s">
        <v>7664</v>
      </c>
      <c r="D2008" t="s">
        <v>7665</v>
      </c>
      <c r="E2008" t="s">
        <v>93</v>
      </c>
      <c r="F2008">
        <v>3256</v>
      </c>
      <c r="G2008">
        <v>127.7128378378378</v>
      </c>
      <c r="H2008">
        <v>128</v>
      </c>
      <c r="I2008">
        <v>5545.1242332243173</v>
      </c>
      <c r="J2008">
        <v>74.465590934500199</v>
      </c>
      <c r="K2008">
        <v>-1.553725762047992E-2</v>
      </c>
      <c r="L2008">
        <v>-1.2309387500903819</v>
      </c>
      <c r="M2008">
        <v>7.9466393347813797</v>
      </c>
      <c r="N2008">
        <v>22</v>
      </c>
      <c r="O2008">
        <v>2</v>
      </c>
      <c r="P2008">
        <v>20</v>
      </c>
      <c r="Q2008">
        <v>3.3875634219155222</v>
      </c>
      <c r="R2008">
        <v>5.5081906498304756</v>
      </c>
      <c r="S2008">
        <v>2</v>
      </c>
      <c r="T2008">
        <v>1</v>
      </c>
      <c r="U2008">
        <v>1</v>
      </c>
      <c r="V2008">
        <v>0.13909456915701299</v>
      </c>
      <c r="W2008">
        <v>8.0611160508790611</v>
      </c>
      <c r="X2008">
        <v>1</v>
      </c>
      <c r="Y2008">
        <v>1</v>
      </c>
      <c r="Z2008">
        <v>0</v>
      </c>
      <c r="AA2008">
        <v>0</v>
      </c>
      <c r="AB2008">
        <v>8.0876402877789833</v>
      </c>
      <c r="AC2008">
        <v>1</v>
      </c>
      <c r="AD2008">
        <v>1</v>
      </c>
      <c r="AE2008">
        <v>0</v>
      </c>
      <c r="AF2008">
        <v>0</v>
      </c>
      <c r="AG2008">
        <v>8.0873329264733478</v>
      </c>
      <c r="AH2008">
        <v>-7.0198844899860098E-3</v>
      </c>
      <c r="AI2008">
        <v>4.6597925914488532E-2</v>
      </c>
      <c r="AJ2008">
        <v>-4.6710197495635156E-3</v>
      </c>
      <c r="AK2008">
        <v>2.3890064102821081E-2</v>
      </c>
      <c r="AL2008">
        <v>3891.5041326239548</v>
      </c>
      <c r="AM2008">
        <v>7484.5395707264906</v>
      </c>
      <c r="AN2008">
        <v>415833</v>
      </c>
      <c r="AO2008">
        <v>101.05626383683649</v>
      </c>
      <c r="AP2008">
        <v>3535.311734739043</v>
      </c>
      <c r="AQ2008">
        <v>1.007063882063882</v>
      </c>
      <c r="AR2008">
        <v>3.9892506142506141</v>
      </c>
      <c r="AS2008">
        <v>3247</v>
      </c>
      <c r="AT2008">
        <v>230.97788697788701</v>
      </c>
      <c r="AU2008">
        <v>1.440116587175411E-2</v>
      </c>
      <c r="AV2008">
        <v>-7.0229312209018624E-3</v>
      </c>
      <c r="AW2008">
        <v>0.36363636363636359</v>
      </c>
      <c r="AX2008">
        <v>86.540092165898614</v>
      </c>
      <c r="AY2008">
        <v>66</v>
      </c>
      <c r="AZ2008">
        <v>131</v>
      </c>
      <c r="BA2008">
        <v>0.58307052129757053</v>
      </c>
      <c r="BB2008">
        <v>0.50214987714987713</v>
      </c>
      <c r="BC2008">
        <v>5.3149901861833948</v>
      </c>
      <c r="BD2008" t="s">
        <v>7666</v>
      </c>
      <c r="BE2008" t="s">
        <v>68</v>
      </c>
    </row>
    <row r="2009" spans="1:57" x14ac:dyDescent="0.3">
      <c r="A2009" t="s">
        <v>7667</v>
      </c>
      <c r="B2009">
        <v>1393</v>
      </c>
      <c r="C2009" t="s">
        <v>7668</v>
      </c>
      <c r="D2009" t="s">
        <v>7669</v>
      </c>
      <c r="E2009" t="s">
        <v>85</v>
      </c>
      <c r="F2009">
        <v>8</v>
      </c>
      <c r="G2009">
        <v>162.75</v>
      </c>
      <c r="H2009">
        <v>200</v>
      </c>
      <c r="I2009">
        <v>7368.6875</v>
      </c>
      <c r="J2009">
        <v>85.841059522818099</v>
      </c>
      <c r="K2009">
        <v>-0.95762339852910905</v>
      </c>
      <c r="L2009">
        <v>-0.75617131915108127</v>
      </c>
      <c r="M2009">
        <v>3</v>
      </c>
      <c r="N2009">
        <v>1</v>
      </c>
      <c r="O2009">
        <v>1</v>
      </c>
      <c r="P2009">
        <v>0</v>
      </c>
      <c r="Q2009">
        <v>0</v>
      </c>
      <c r="R2009">
        <v>2.0794415416798362</v>
      </c>
      <c r="S2009">
        <v>1</v>
      </c>
      <c r="T2009">
        <v>1</v>
      </c>
      <c r="U2009">
        <v>0</v>
      </c>
      <c r="V2009">
        <v>0</v>
      </c>
      <c r="W2009">
        <v>1.945910149055313</v>
      </c>
      <c r="X2009">
        <v>1</v>
      </c>
      <c r="Y2009">
        <v>1</v>
      </c>
      <c r="Z2009">
        <v>0</v>
      </c>
      <c r="AA2009">
        <v>0</v>
      </c>
      <c r="AB2009">
        <v>1.791759469228055</v>
      </c>
      <c r="AC2009">
        <v>1</v>
      </c>
      <c r="AD2009">
        <v>1</v>
      </c>
      <c r="AE2009">
        <v>0</v>
      </c>
      <c r="AF2009">
        <v>0</v>
      </c>
      <c r="AG2009">
        <v>1.6094379124341009</v>
      </c>
      <c r="AH2009">
        <v>0.2117437382844638</v>
      </c>
      <c r="AI2009">
        <v>-0.27759565390715779</v>
      </c>
      <c r="AJ2009">
        <v>-0.2365297839676333</v>
      </c>
      <c r="AK2009">
        <v>0</v>
      </c>
      <c r="AL2009">
        <v>364.21753481171862</v>
      </c>
      <c r="AM2009">
        <v>371.7466709140441</v>
      </c>
      <c r="AN2009">
        <v>1302</v>
      </c>
      <c r="AO2009">
        <v>86.358763694530893</v>
      </c>
      <c r="AP2009">
        <v>325.1986530309623</v>
      </c>
      <c r="AQ2009">
        <v>3.5</v>
      </c>
      <c r="AR2009">
        <v>4.375</v>
      </c>
      <c r="AS2009">
        <v>8</v>
      </c>
      <c r="AT2009">
        <v>0</v>
      </c>
      <c r="AU2009">
        <v>0.40217391304347833</v>
      </c>
      <c r="AV2009">
        <v>0.22477169627808391</v>
      </c>
      <c r="AW2009">
        <v>0</v>
      </c>
      <c r="AX2009">
        <v>76.714285714285708</v>
      </c>
      <c r="AY2009">
        <v>24.5</v>
      </c>
      <c r="AZ2009">
        <v>80.25</v>
      </c>
      <c r="BA2009">
        <v>0.52744122594665499</v>
      </c>
      <c r="BB2009">
        <v>0.75</v>
      </c>
      <c r="BC2009">
        <v>1.945910149055313</v>
      </c>
      <c r="BD2009" t="s">
        <v>7668</v>
      </c>
      <c r="BE2009" t="s">
        <v>68</v>
      </c>
    </row>
    <row r="2010" spans="1:57" x14ac:dyDescent="0.3">
      <c r="A2010" t="s">
        <v>7670</v>
      </c>
      <c r="B2010">
        <v>1114</v>
      </c>
      <c r="C2010" t="s">
        <v>7671</v>
      </c>
      <c r="D2010" t="s">
        <v>7672</v>
      </c>
      <c r="E2010" t="s">
        <v>85</v>
      </c>
      <c r="F2010">
        <v>8</v>
      </c>
      <c r="G2010">
        <v>129.875</v>
      </c>
      <c r="H2010">
        <v>123</v>
      </c>
      <c r="I2010">
        <v>7377.109375</v>
      </c>
      <c r="J2010">
        <v>85.890100564616873</v>
      </c>
      <c r="K2010">
        <v>6.0042301339726677E-2</v>
      </c>
      <c r="L2010">
        <v>-1.82397692850587</v>
      </c>
      <c r="M2010">
        <v>3</v>
      </c>
      <c r="N2010">
        <v>1</v>
      </c>
      <c r="O2010">
        <v>1</v>
      </c>
      <c r="P2010">
        <v>0</v>
      </c>
      <c r="Q2010">
        <v>0</v>
      </c>
      <c r="R2010">
        <v>2.0794415416798362</v>
      </c>
      <c r="S2010">
        <v>1</v>
      </c>
      <c r="T2010">
        <v>1</v>
      </c>
      <c r="U2010">
        <v>0</v>
      </c>
      <c r="V2010">
        <v>0</v>
      </c>
      <c r="W2010">
        <v>1.945910149055313</v>
      </c>
      <c r="X2010">
        <v>1</v>
      </c>
      <c r="Y2010">
        <v>1</v>
      </c>
      <c r="Z2010">
        <v>0</v>
      </c>
      <c r="AA2010">
        <v>0</v>
      </c>
      <c r="AB2010">
        <v>1.791759469228055</v>
      </c>
      <c r="AC2010">
        <v>1</v>
      </c>
      <c r="AD2010">
        <v>1</v>
      </c>
      <c r="AE2010">
        <v>0</v>
      </c>
      <c r="AF2010">
        <v>0</v>
      </c>
      <c r="AG2010">
        <v>1.6094379124341009</v>
      </c>
      <c r="AH2010">
        <v>-0.5613375941203258</v>
      </c>
      <c r="AI2010">
        <v>0.1801873404852426</v>
      </c>
      <c r="AJ2010">
        <v>0.21971337647071279</v>
      </c>
      <c r="AK2010">
        <v>0</v>
      </c>
      <c r="AL2010">
        <v>346.44403413270788</v>
      </c>
      <c r="AM2010">
        <v>271.90721066910879</v>
      </c>
      <c r="AN2010">
        <v>1039</v>
      </c>
      <c r="AO2010">
        <v>137.51072918366461</v>
      </c>
      <c r="AP2010">
        <v>265.56248399897493</v>
      </c>
      <c r="AQ2010">
        <v>3.5</v>
      </c>
      <c r="AR2010">
        <v>4.375</v>
      </c>
      <c r="AS2010">
        <v>8</v>
      </c>
      <c r="AT2010">
        <v>0</v>
      </c>
      <c r="AU2010">
        <v>0.36991869918699177</v>
      </c>
      <c r="AV2010">
        <v>-0.64498318391415255</v>
      </c>
      <c r="AW2010">
        <v>0.375</v>
      </c>
      <c r="AX2010">
        <v>150</v>
      </c>
      <c r="AY2010">
        <v>77.5</v>
      </c>
      <c r="AZ2010">
        <v>155</v>
      </c>
      <c r="BA2010">
        <v>0.66132897451100581</v>
      </c>
      <c r="BB2010">
        <v>0.5</v>
      </c>
      <c r="BC2010">
        <v>1.7478680974667571</v>
      </c>
      <c r="BD2010" t="s">
        <v>7671</v>
      </c>
      <c r="BE2010" t="s">
        <v>68</v>
      </c>
    </row>
    <row r="2011" spans="1:57" x14ac:dyDescent="0.3">
      <c r="A2011" t="s">
        <v>7673</v>
      </c>
      <c r="B2011">
        <v>612</v>
      </c>
      <c r="C2011" t="s">
        <v>7674</v>
      </c>
      <c r="D2011" t="s">
        <v>7675</v>
      </c>
      <c r="E2011" t="s">
        <v>106</v>
      </c>
      <c r="F2011">
        <v>626</v>
      </c>
      <c r="G2011">
        <v>127.28753993610221</v>
      </c>
      <c r="H2011">
        <v>125</v>
      </c>
      <c r="I2011">
        <v>5564.9492696669349</v>
      </c>
      <c r="J2011">
        <v>74.598587584933099</v>
      </c>
      <c r="K2011">
        <v>2.4916848409538291E-2</v>
      </c>
      <c r="L2011">
        <v>-1.214119289688504</v>
      </c>
      <c r="M2011">
        <v>7.6772611605214278</v>
      </c>
      <c r="N2011">
        <v>8</v>
      </c>
      <c r="O2011">
        <v>1</v>
      </c>
      <c r="P2011">
        <v>7</v>
      </c>
      <c r="Q2011">
        <v>1.4505208942461449</v>
      </c>
      <c r="R2011">
        <v>5.321471927837818</v>
      </c>
      <c r="S2011">
        <v>2</v>
      </c>
      <c r="T2011">
        <v>1</v>
      </c>
      <c r="U2011">
        <v>1</v>
      </c>
      <c r="V2011">
        <v>8.9439810535559827E-2</v>
      </c>
      <c r="W2011">
        <v>6.4266612948474418</v>
      </c>
      <c r="X2011">
        <v>1</v>
      </c>
      <c r="Y2011">
        <v>1</v>
      </c>
      <c r="Z2011">
        <v>0</v>
      </c>
      <c r="AA2011">
        <v>0</v>
      </c>
      <c r="AB2011">
        <v>6.436150368369427</v>
      </c>
      <c r="AC2011">
        <v>1</v>
      </c>
      <c r="AD2011">
        <v>1</v>
      </c>
      <c r="AE2011">
        <v>0</v>
      </c>
      <c r="AF2011">
        <v>0</v>
      </c>
      <c r="AG2011">
        <v>6.4345465187874513</v>
      </c>
      <c r="AH2011">
        <v>-5.9260476896490638E-2</v>
      </c>
      <c r="AI2011">
        <v>2.6317764324783079E-2</v>
      </c>
      <c r="AJ2011">
        <v>-2.511621275006979E-2</v>
      </c>
      <c r="AK2011">
        <v>-8.8879384914100024E-2</v>
      </c>
      <c r="AL2011">
        <v>1779.792497913209</v>
      </c>
      <c r="AM2011">
        <v>3233.9639244079181</v>
      </c>
      <c r="AN2011">
        <v>79682</v>
      </c>
      <c r="AO2011">
        <v>103.0418316676421</v>
      </c>
      <c r="AP2011">
        <v>1577.999371841363</v>
      </c>
      <c r="AQ2011">
        <v>1.0367412140575081</v>
      </c>
      <c r="AR2011">
        <v>3.9936102236421731</v>
      </c>
      <c r="AS2011">
        <v>626</v>
      </c>
      <c r="AT2011">
        <v>185.6134185303514</v>
      </c>
      <c r="AU2011">
        <v>2.1449602205099279E-2</v>
      </c>
      <c r="AV2011">
        <v>-5.9342301285505848E-2</v>
      </c>
      <c r="AW2011">
        <v>0.38019169329073482</v>
      </c>
      <c r="AX2011">
        <v>88.859200000000001</v>
      </c>
      <c r="AY2011">
        <v>64</v>
      </c>
      <c r="AZ2011">
        <v>129.75</v>
      </c>
      <c r="BA2011">
        <v>0.58606355046520064</v>
      </c>
      <c r="BB2011">
        <v>0.49041533546325877</v>
      </c>
      <c r="BC2011">
        <v>5.1626666759352151</v>
      </c>
      <c r="BD2011" t="s">
        <v>7676</v>
      </c>
      <c r="BE2011" t="s">
        <v>68</v>
      </c>
    </row>
    <row r="2012" spans="1:57" x14ac:dyDescent="0.3">
      <c r="A2012" t="s">
        <v>7677</v>
      </c>
      <c r="B2012">
        <v>3179</v>
      </c>
      <c r="C2012" t="s">
        <v>7678</v>
      </c>
      <c r="D2012" t="s">
        <v>7679</v>
      </c>
      <c r="E2012" t="s">
        <v>85</v>
      </c>
      <c r="F2012">
        <v>8</v>
      </c>
      <c r="G2012">
        <v>159.375</v>
      </c>
      <c r="H2012">
        <v>163</v>
      </c>
      <c r="I2012">
        <v>2857.234375</v>
      </c>
      <c r="J2012">
        <v>53.45310444679523</v>
      </c>
      <c r="K2012">
        <v>7.9428328943105864E-2</v>
      </c>
      <c r="L2012">
        <v>-1.492693005892874</v>
      </c>
      <c r="M2012">
        <v>3</v>
      </c>
      <c r="N2012">
        <v>1</v>
      </c>
      <c r="O2012">
        <v>1</v>
      </c>
      <c r="P2012">
        <v>0</v>
      </c>
      <c r="Q2012">
        <v>0</v>
      </c>
      <c r="R2012">
        <v>2.0794415416798362</v>
      </c>
      <c r="S2012">
        <v>1</v>
      </c>
      <c r="T2012">
        <v>1</v>
      </c>
      <c r="U2012">
        <v>0</v>
      </c>
      <c r="V2012">
        <v>0</v>
      </c>
      <c r="W2012">
        <v>1.945910149055313</v>
      </c>
      <c r="X2012">
        <v>1</v>
      </c>
      <c r="Y2012">
        <v>1</v>
      </c>
      <c r="Z2012">
        <v>0</v>
      </c>
      <c r="AA2012">
        <v>0</v>
      </c>
      <c r="AB2012">
        <v>1.791759469228055</v>
      </c>
      <c r="AC2012">
        <v>1</v>
      </c>
      <c r="AD2012">
        <v>1</v>
      </c>
      <c r="AE2012">
        <v>0</v>
      </c>
      <c r="AF2012">
        <v>0</v>
      </c>
      <c r="AG2012">
        <v>1.6094379124341009</v>
      </c>
      <c r="AH2012">
        <v>-0.2510192056348195</v>
      </c>
      <c r="AI2012">
        <v>-0.3065860781021858</v>
      </c>
      <c r="AJ2012">
        <v>-0.27673517879505422</v>
      </c>
      <c r="AK2012">
        <v>0</v>
      </c>
      <c r="AL2012">
        <v>297.93228920464321</v>
      </c>
      <c r="AM2012">
        <v>370.53657181077392</v>
      </c>
      <c r="AN2012">
        <v>1275</v>
      </c>
      <c r="AO2012">
        <v>129.76003938836121</v>
      </c>
      <c r="AP2012">
        <v>150.2796654202626</v>
      </c>
      <c r="AQ2012">
        <v>3.5</v>
      </c>
      <c r="AR2012">
        <v>4.875</v>
      </c>
      <c r="AS2012">
        <v>8</v>
      </c>
      <c r="AT2012">
        <v>0</v>
      </c>
      <c r="AU2012">
        <v>0.39743589743589752</v>
      </c>
      <c r="AV2012">
        <v>-0.31007940150262558</v>
      </c>
      <c r="AW2012">
        <v>0.375</v>
      </c>
      <c r="AX2012">
        <v>72.857142857142861</v>
      </c>
      <c r="AY2012">
        <v>60</v>
      </c>
      <c r="AZ2012">
        <v>93.5</v>
      </c>
      <c r="BA2012">
        <v>0.33539202790146028</v>
      </c>
      <c r="BB2012">
        <v>0.5</v>
      </c>
      <c r="BC2012">
        <v>1.945910149055313</v>
      </c>
      <c r="BD2012" t="s">
        <v>7678</v>
      </c>
      <c r="BE2012" t="s">
        <v>68</v>
      </c>
    </row>
    <row r="2013" spans="1:57" x14ac:dyDescent="0.3">
      <c r="A2013" t="s">
        <v>7680</v>
      </c>
      <c r="B2013">
        <v>3187</v>
      </c>
      <c r="C2013" t="s">
        <v>7681</v>
      </c>
      <c r="D2013" t="s">
        <v>7682</v>
      </c>
      <c r="E2013" t="s">
        <v>72</v>
      </c>
      <c r="F2013">
        <v>3192</v>
      </c>
      <c r="G2013">
        <v>127.1848370927318</v>
      </c>
      <c r="H2013">
        <v>129</v>
      </c>
      <c r="I2013">
        <v>5418.6481660762174</v>
      </c>
      <c r="J2013">
        <v>73.611467626153313</v>
      </c>
      <c r="K2013">
        <v>-1.5781029933978279E-2</v>
      </c>
      <c r="L2013">
        <v>-1.1975302556607921</v>
      </c>
      <c r="M2013">
        <v>7.9396001444477742</v>
      </c>
      <c r="N2013">
        <v>23</v>
      </c>
      <c r="O2013">
        <v>4</v>
      </c>
      <c r="P2013">
        <v>19</v>
      </c>
      <c r="Q2013">
        <v>3.584771392641378</v>
      </c>
      <c r="R2013">
        <v>5.503311454897311</v>
      </c>
      <c r="S2013">
        <v>2</v>
      </c>
      <c r="T2013">
        <v>1</v>
      </c>
      <c r="U2013">
        <v>1</v>
      </c>
      <c r="V2013">
        <v>0.15428158616424609</v>
      </c>
      <c r="W2013">
        <v>8.0350722738980771</v>
      </c>
      <c r="X2013">
        <v>1</v>
      </c>
      <c r="Y2013">
        <v>1</v>
      </c>
      <c r="Z2013">
        <v>0</v>
      </c>
      <c r="AA2013">
        <v>0</v>
      </c>
      <c r="AB2013">
        <v>8.0677761957788903</v>
      </c>
      <c r="AC2013">
        <v>1</v>
      </c>
      <c r="AD2013">
        <v>1</v>
      </c>
      <c r="AE2013">
        <v>0</v>
      </c>
      <c r="AF2013">
        <v>0</v>
      </c>
      <c r="AG2013">
        <v>8.0674626670100587</v>
      </c>
      <c r="AH2013">
        <v>-1.8305476343010999E-2</v>
      </c>
      <c r="AI2013">
        <v>3.783005154924475E-3</v>
      </c>
      <c r="AJ2013">
        <v>2.3526044073146391E-2</v>
      </c>
      <c r="AK2013">
        <v>-8.3092988953470197E-4</v>
      </c>
      <c r="AL2013">
        <v>3834.688828773224</v>
      </c>
      <c r="AM2013">
        <v>7363.7778067023328</v>
      </c>
      <c r="AN2013">
        <v>405974</v>
      </c>
      <c r="AO2013">
        <v>92.88718378392187</v>
      </c>
      <c r="AP2013">
        <v>3509.3701356881652</v>
      </c>
      <c r="AQ2013">
        <v>1.0072055137844611</v>
      </c>
      <c r="AR2013">
        <v>3.9705513784461148</v>
      </c>
      <c r="AS2013">
        <v>3179</v>
      </c>
      <c r="AT2013">
        <v>263.83959899749368</v>
      </c>
      <c r="AU2013">
        <v>1.2840925844021861E-2</v>
      </c>
      <c r="AV2013">
        <v>-1.830932437653213E-2</v>
      </c>
      <c r="AW2013">
        <v>0.36779448621553879</v>
      </c>
      <c r="AX2013">
        <v>86.23346913193356</v>
      </c>
      <c r="AY2013">
        <v>63</v>
      </c>
      <c r="AZ2013">
        <v>125</v>
      </c>
      <c r="BA2013">
        <v>0.57877549957061636</v>
      </c>
      <c r="BB2013">
        <v>0.50626566416040097</v>
      </c>
      <c r="BC2013">
        <v>5.3205938460800493</v>
      </c>
      <c r="BD2013" t="s">
        <v>7683</v>
      </c>
      <c r="BE2013" t="s">
        <v>68</v>
      </c>
    </row>
    <row r="2014" spans="1:57" x14ac:dyDescent="0.3">
      <c r="A2014" t="s">
        <v>7684</v>
      </c>
      <c r="B2014">
        <v>2485</v>
      </c>
      <c r="C2014" t="s">
        <v>7685</v>
      </c>
      <c r="D2014" t="s">
        <v>7686</v>
      </c>
      <c r="E2014" t="s">
        <v>93</v>
      </c>
      <c r="F2014">
        <v>2485</v>
      </c>
      <c r="G2014">
        <v>127.7460764587525</v>
      </c>
      <c r="H2014">
        <v>126</v>
      </c>
      <c r="I2014">
        <v>5741.2993055313773</v>
      </c>
      <c r="J2014">
        <v>75.771362040888363</v>
      </c>
      <c r="K2014">
        <v>-8.3731861360517295E-4</v>
      </c>
      <c r="L2014">
        <v>-1.2517062513799819</v>
      </c>
      <c r="M2014">
        <v>7.915302153845281</v>
      </c>
      <c r="N2014">
        <v>20</v>
      </c>
      <c r="O2014">
        <v>2</v>
      </c>
      <c r="P2014">
        <v>18</v>
      </c>
      <c r="Q2014">
        <v>3.3172297269745181</v>
      </c>
      <c r="R2014">
        <v>5.486469371217912</v>
      </c>
      <c r="S2014">
        <v>3</v>
      </c>
      <c r="T2014">
        <v>1</v>
      </c>
      <c r="U2014">
        <v>2</v>
      </c>
      <c r="V2014">
        <v>0.14746787938442221</v>
      </c>
      <c r="W2014">
        <v>7.7883941407498272</v>
      </c>
      <c r="X2014">
        <v>1</v>
      </c>
      <c r="Y2014">
        <v>1</v>
      </c>
      <c r="Z2014">
        <v>0</v>
      </c>
      <c r="AA2014">
        <v>0</v>
      </c>
      <c r="AB2014">
        <v>7.817222785508168</v>
      </c>
      <c r="AC2014">
        <v>1</v>
      </c>
      <c r="AD2014">
        <v>1</v>
      </c>
      <c r="AE2014">
        <v>0</v>
      </c>
      <c r="AF2014">
        <v>0</v>
      </c>
      <c r="AG2014">
        <v>7.8168199657645534</v>
      </c>
      <c r="AH2014">
        <v>-1.6392049322765011E-2</v>
      </c>
      <c r="AI2014">
        <v>-1.684179119748163E-2</v>
      </c>
      <c r="AJ2014">
        <v>1.0662746129566671E-3</v>
      </c>
      <c r="AK2014">
        <v>9.7464843685642535E-3</v>
      </c>
      <c r="AL2014">
        <v>3459.9673797313681</v>
      </c>
      <c r="AM2014">
        <v>6545.8856338309843</v>
      </c>
      <c r="AN2014">
        <v>317449</v>
      </c>
      <c r="AO2014">
        <v>30.331109857752729</v>
      </c>
      <c r="AP2014">
        <v>3125.3933422034761</v>
      </c>
      <c r="AQ2014">
        <v>1.009255533199195</v>
      </c>
      <c r="AR2014">
        <v>4.0233400402414494</v>
      </c>
      <c r="AS2014">
        <v>2476</v>
      </c>
      <c r="AT2014">
        <v>290.20482897384312</v>
      </c>
      <c r="AU2014">
        <v>2.1935534777291151E-2</v>
      </c>
      <c r="AV2014">
        <v>-1.6398238706613059E-2</v>
      </c>
      <c r="AW2014">
        <v>0.36378269617706238</v>
      </c>
      <c r="AX2014">
        <v>88.45410628019323</v>
      </c>
      <c r="AY2014">
        <v>66</v>
      </c>
      <c r="AZ2014">
        <v>133</v>
      </c>
      <c r="BA2014">
        <v>0.59314042467170347</v>
      </c>
      <c r="BB2014">
        <v>0.49577464788732389</v>
      </c>
      <c r="BC2014">
        <v>5.3272033810750283</v>
      </c>
      <c r="BD2014" t="s">
        <v>7687</v>
      </c>
      <c r="BE2014" t="s">
        <v>68</v>
      </c>
    </row>
    <row r="2015" spans="1:57" x14ac:dyDescent="0.3">
      <c r="A2015" t="s">
        <v>7688</v>
      </c>
      <c r="B2015">
        <v>2198</v>
      </c>
      <c r="C2015" t="s">
        <v>7689</v>
      </c>
      <c r="D2015" t="s">
        <v>7690</v>
      </c>
      <c r="E2015" t="s">
        <v>98</v>
      </c>
      <c r="F2015">
        <v>16</v>
      </c>
      <c r="G2015">
        <v>127</v>
      </c>
      <c r="H2015">
        <v>122</v>
      </c>
      <c r="I2015">
        <v>4412.25</v>
      </c>
      <c r="J2015">
        <v>66.424769476453591</v>
      </c>
      <c r="K2015">
        <v>-5.8748352048879848E-2</v>
      </c>
      <c r="L2015">
        <v>-1.2616672843645991</v>
      </c>
      <c r="M2015">
        <v>4</v>
      </c>
      <c r="N2015">
        <v>1</v>
      </c>
      <c r="O2015">
        <v>1</v>
      </c>
      <c r="P2015">
        <v>0</v>
      </c>
      <c r="Q2015">
        <v>0</v>
      </c>
      <c r="R2015">
        <v>2.7725887222397811</v>
      </c>
      <c r="S2015">
        <v>1</v>
      </c>
      <c r="T2015">
        <v>1</v>
      </c>
      <c r="U2015">
        <v>0</v>
      </c>
      <c r="V2015">
        <v>0</v>
      </c>
      <c r="W2015">
        <v>2.7080502011022101</v>
      </c>
      <c r="X2015">
        <v>1</v>
      </c>
      <c r="Y2015">
        <v>1</v>
      </c>
      <c r="Z2015">
        <v>0</v>
      </c>
      <c r="AA2015">
        <v>0</v>
      </c>
      <c r="AB2015">
        <v>2.639057329615258</v>
      </c>
      <c r="AC2015">
        <v>1</v>
      </c>
      <c r="AD2015">
        <v>1</v>
      </c>
      <c r="AE2015">
        <v>0</v>
      </c>
      <c r="AF2015">
        <v>0</v>
      </c>
      <c r="AG2015">
        <v>2.5649493574615372</v>
      </c>
      <c r="AH2015">
        <v>-0.14255765199161419</v>
      </c>
      <c r="AI2015">
        <v>-0.32793642699303083</v>
      </c>
      <c r="AJ2015">
        <v>2.7197008329083801E-3</v>
      </c>
      <c r="AK2015">
        <v>-7.9338772734999147E-2</v>
      </c>
      <c r="AL2015">
        <v>348.598383500453</v>
      </c>
      <c r="AM2015">
        <v>455.12544097300372</v>
      </c>
      <c r="AN2015">
        <v>2032</v>
      </c>
      <c r="AO2015">
        <v>24</v>
      </c>
      <c r="AP2015">
        <v>253.4324367558344</v>
      </c>
      <c r="AQ2015">
        <v>2.25</v>
      </c>
      <c r="AR2015">
        <v>4.3125</v>
      </c>
      <c r="AS2015">
        <v>16</v>
      </c>
      <c r="AT2015">
        <v>0</v>
      </c>
      <c r="AU2015">
        <v>0.1142703862660944</v>
      </c>
      <c r="AV2015">
        <v>-0.1501227714314195</v>
      </c>
      <c r="AW2015">
        <v>0.4375</v>
      </c>
      <c r="AX2015">
        <v>87.4</v>
      </c>
      <c r="AY2015">
        <v>68</v>
      </c>
      <c r="AZ2015">
        <v>123.75</v>
      </c>
      <c r="BA2015">
        <v>0.52302968091695745</v>
      </c>
      <c r="BB2015">
        <v>0.4375</v>
      </c>
      <c r="BC2015">
        <v>2.7080502011022101</v>
      </c>
      <c r="BD2015" t="s">
        <v>7689</v>
      </c>
      <c r="BE2015" t="s">
        <v>62</v>
      </c>
    </row>
    <row r="2016" spans="1:57" x14ac:dyDescent="0.3">
      <c r="A2016" t="s">
        <v>7691</v>
      </c>
      <c r="B2016">
        <v>1841</v>
      </c>
      <c r="C2016" t="s">
        <v>7692</v>
      </c>
      <c r="D2016" t="s">
        <v>7693</v>
      </c>
      <c r="E2016" t="s">
        <v>98</v>
      </c>
      <c r="F2016">
        <v>16</v>
      </c>
      <c r="G2016">
        <v>155.3125</v>
      </c>
      <c r="H2016">
        <v>177.5</v>
      </c>
      <c r="I2016">
        <v>4742.08984375</v>
      </c>
      <c r="J2016">
        <v>68.86283354430023</v>
      </c>
      <c r="K2016">
        <v>-0.53380011922249626</v>
      </c>
      <c r="L2016">
        <v>-1.0541074182990551</v>
      </c>
      <c r="M2016">
        <v>3.875</v>
      </c>
      <c r="N2016">
        <v>2</v>
      </c>
      <c r="O2016">
        <v>1</v>
      </c>
      <c r="P2016">
        <v>1</v>
      </c>
      <c r="Q2016">
        <v>0.24944382578492949</v>
      </c>
      <c r="R2016">
        <v>2.6859453246697882</v>
      </c>
      <c r="S2016">
        <v>1</v>
      </c>
      <c r="T2016">
        <v>1</v>
      </c>
      <c r="U2016">
        <v>0</v>
      </c>
      <c r="V2016">
        <v>0</v>
      </c>
      <c r="W2016">
        <v>2.7080502011022101</v>
      </c>
      <c r="X2016">
        <v>1</v>
      </c>
      <c r="Y2016">
        <v>1</v>
      </c>
      <c r="Z2016">
        <v>0</v>
      </c>
      <c r="AA2016">
        <v>0</v>
      </c>
      <c r="AB2016">
        <v>2.639057329615258</v>
      </c>
      <c r="AC2016">
        <v>1</v>
      </c>
      <c r="AD2016">
        <v>1</v>
      </c>
      <c r="AE2016">
        <v>0</v>
      </c>
      <c r="AF2016">
        <v>0</v>
      </c>
      <c r="AG2016">
        <v>2.5649493574615372</v>
      </c>
      <c r="AH2016">
        <v>-0.29133348092011779</v>
      </c>
      <c r="AI2016">
        <v>-0.30042144607590759</v>
      </c>
      <c r="AJ2016">
        <v>-0.38267741304392588</v>
      </c>
      <c r="AK2016">
        <v>5.521839411849503E-3</v>
      </c>
      <c r="AL2016">
        <v>376.6481105252816</v>
      </c>
      <c r="AM2016">
        <v>565.65112997123526</v>
      </c>
      <c r="AN2016">
        <v>2485</v>
      </c>
      <c r="AO2016">
        <v>60.673119478081311</v>
      </c>
      <c r="AP2016">
        <v>173.17250858290049</v>
      </c>
      <c r="AQ2016">
        <v>2.3125</v>
      </c>
      <c r="AR2016">
        <v>3.875</v>
      </c>
      <c r="AS2016">
        <v>16</v>
      </c>
      <c r="AT2016">
        <v>0.87499999999999989</v>
      </c>
      <c r="AU2016">
        <v>0.1619897959183674</v>
      </c>
      <c r="AV2016">
        <v>-0.33345739308565242</v>
      </c>
      <c r="AW2016">
        <v>0.375</v>
      </c>
      <c r="AX2016">
        <v>94.733333333333334</v>
      </c>
      <c r="AY2016">
        <v>46.5</v>
      </c>
      <c r="AZ2016">
        <v>98.25</v>
      </c>
      <c r="BA2016">
        <v>0.44338242925907589</v>
      </c>
      <c r="BB2016">
        <v>0.5625</v>
      </c>
      <c r="BC2016">
        <v>2.7080502011022101</v>
      </c>
      <c r="BD2016" t="s">
        <v>7692</v>
      </c>
      <c r="BE2016" t="s">
        <v>62</v>
      </c>
    </row>
    <row r="2017" spans="1:57" x14ac:dyDescent="0.3">
      <c r="A2017" t="s">
        <v>7694</v>
      </c>
      <c r="B2017">
        <v>2446</v>
      </c>
      <c r="C2017" t="s">
        <v>7695</v>
      </c>
      <c r="D2017" t="s">
        <v>7696</v>
      </c>
      <c r="E2017" t="s">
        <v>10622</v>
      </c>
      <c r="F2017">
        <v>64</v>
      </c>
      <c r="G2017">
        <v>128.875</v>
      </c>
      <c r="H2017">
        <v>125.5</v>
      </c>
      <c r="I2017">
        <v>5521.234375</v>
      </c>
      <c r="J2017">
        <v>74.305009084179517</v>
      </c>
      <c r="K2017">
        <v>8.5760217618312429E-2</v>
      </c>
      <c r="L2017">
        <v>-1.1535667780256831</v>
      </c>
      <c r="M2017">
        <v>5.8125</v>
      </c>
      <c r="N2017">
        <v>4</v>
      </c>
      <c r="O2017">
        <v>1</v>
      </c>
      <c r="P2017">
        <v>3</v>
      </c>
      <c r="Q2017">
        <v>0.42338969480667121</v>
      </c>
      <c r="R2017">
        <v>4.0289179870046823</v>
      </c>
      <c r="S2017">
        <v>1</v>
      </c>
      <c r="T2017">
        <v>1</v>
      </c>
      <c r="U2017">
        <v>0</v>
      </c>
      <c r="V2017">
        <v>0</v>
      </c>
      <c r="W2017">
        <v>4.1431347263915326</v>
      </c>
      <c r="X2017">
        <v>1</v>
      </c>
      <c r="Y2017">
        <v>1</v>
      </c>
      <c r="Z2017">
        <v>0</v>
      </c>
      <c r="AA2017">
        <v>0</v>
      </c>
      <c r="AB2017">
        <v>4.1271343850450908</v>
      </c>
      <c r="AC2017">
        <v>1</v>
      </c>
      <c r="AD2017">
        <v>1</v>
      </c>
      <c r="AE2017">
        <v>0</v>
      </c>
      <c r="AF2017">
        <v>0</v>
      </c>
      <c r="AG2017">
        <v>4.1108738641733096</v>
      </c>
      <c r="AH2017">
        <v>-4.9148714550924129E-2</v>
      </c>
      <c r="AI2017">
        <v>-0.1027051277878871</v>
      </c>
      <c r="AJ2017">
        <v>3.6221793912140338E-2</v>
      </c>
      <c r="AK2017">
        <v>-2.108346256922846E-2</v>
      </c>
      <c r="AL2017">
        <v>662.71099445067466</v>
      </c>
      <c r="AM2017">
        <v>988.50095489796956</v>
      </c>
      <c r="AN2017">
        <v>8248</v>
      </c>
      <c r="AO2017">
        <v>54</v>
      </c>
      <c r="AP2017">
        <v>568.34769953983869</v>
      </c>
      <c r="AQ2017">
        <v>1.359375</v>
      </c>
      <c r="AR2017">
        <v>4.125</v>
      </c>
      <c r="AS2017">
        <v>64</v>
      </c>
      <c r="AT2017">
        <v>9.7500000000000036</v>
      </c>
      <c r="AU2017">
        <v>9.2519685039370025E-2</v>
      </c>
      <c r="AV2017">
        <v>-4.9290542556585118E-2</v>
      </c>
      <c r="AW2017">
        <v>0.359375</v>
      </c>
      <c r="AX2017">
        <v>85.825396825396822</v>
      </c>
      <c r="AY2017">
        <v>58.5</v>
      </c>
      <c r="AZ2017">
        <v>109.75</v>
      </c>
      <c r="BA2017">
        <v>0.57656651083747446</v>
      </c>
      <c r="BB2017">
        <v>0.5</v>
      </c>
      <c r="BC2017">
        <v>3.89277780391402</v>
      </c>
      <c r="BD2017" t="s">
        <v>7697</v>
      </c>
      <c r="BE2017" t="s">
        <v>62</v>
      </c>
    </row>
    <row r="2018" spans="1:57" x14ac:dyDescent="0.3">
      <c r="A2018" t="s">
        <v>7698</v>
      </c>
      <c r="B2018">
        <v>3044</v>
      </c>
      <c r="C2018" t="s">
        <v>7699</v>
      </c>
      <c r="D2018" t="s">
        <v>7700</v>
      </c>
      <c r="E2018" t="s">
        <v>72</v>
      </c>
      <c r="F2018">
        <v>3048</v>
      </c>
      <c r="G2018">
        <v>129.77099737532811</v>
      </c>
      <c r="H2018">
        <v>130.5</v>
      </c>
      <c r="I2018">
        <v>5497.8261667217776</v>
      </c>
      <c r="J2018">
        <v>74.147327441532099</v>
      </c>
      <c r="K2018">
        <v>-2.7198857774164351E-2</v>
      </c>
      <c r="L2018">
        <v>-1.195050844344864</v>
      </c>
      <c r="M2018">
        <v>7.9391589970567757</v>
      </c>
      <c r="N2018">
        <v>22</v>
      </c>
      <c r="O2018">
        <v>3</v>
      </c>
      <c r="P2018">
        <v>19</v>
      </c>
      <c r="Q2018">
        <v>3.436789699341523</v>
      </c>
      <c r="R2018">
        <v>5.5030056748270262</v>
      </c>
      <c r="S2018">
        <v>2</v>
      </c>
      <c r="T2018">
        <v>1</v>
      </c>
      <c r="U2018">
        <v>1</v>
      </c>
      <c r="V2018">
        <v>0.17924080013641239</v>
      </c>
      <c r="W2018">
        <v>7.9773256941843442</v>
      </c>
      <c r="X2018">
        <v>2</v>
      </c>
      <c r="Y2018">
        <v>1</v>
      </c>
      <c r="Z2018">
        <v>1</v>
      </c>
      <c r="AA2018">
        <v>0.1024909599273143</v>
      </c>
      <c r="AB2018">
        <v>8.0070207056298131</v>
      </c>
      <c r="AC2018">
        <v>2</v>
      </c>
      <c r="AD2018">
        <v>1</v>
      </c>
      <c r="AE2018">
        <v>1</v>
      </c>
      <c r="AF2018">
        <v>9.5888530486180151E-2</v>
      </c>
      <c r="AG2018">
        <v>8.0085086457888721</v>
      </c>
      <c r="AH2018">
        <v>-4.921125015312099E-3</v>
      </c>
      <c r="AI2018">
        <v>-6.9122862103721417E-3</v>
      </c>
      <c r="AJ2018">
        <v>2.9266181466444498E-3</v>
      </c>
      <c r="AK2018">
        <v>9.3738604352749371E-3</v>
      </c>
      <c r="AL2018">
        <v>3758.7102003551609</v>
      </c>
      <c r="AM2018">
        <v>7345.7029363939064</v>
      </c>
      <c r="AN2018">
        <v>395542</v>
      </c>
      <c r="AO2018">
        <v>36.537314546086122</v>
      </c>
      <c r="AP2018">
        <v>3373.861901135956</v>
      </c>
      <c r="AQ2018">
        <v>1.00754593175853</v>
      </c>
      <c r="AR2018">
        <v>4.0219816272965883</v>
      </c>
      <c r="AS2018">
        <v>3036</v>
      </c>
      <c r="AT2018">
        <v>253.96325459317589</v>
      </c>
      <c r="AU2018">
        <v>2.00478616643508E-2</v>
      </c>
      <c r="AV2018">
        <v>-4.9215174573450466E-3</v>
      </c>
      <c r="AW2018">
        <v>0.36515748031496059</v>
      </c>
      <c r="AX2018">
        <v>86.276665572694455</v>
      </c>
      <c r="AY2018">
        <v>64.5</v>
      </c>
      <c r="AZ2018">
        <v>128</v>
      </c>
      <c r="BA2018">
        <v>0.57137055999562592</v>
      </c>
      <c r="BB2018">
        <v>0.50459317585301833</v>
      </c>
      <c r="BC2018">
        <v>5.3172245977576527</v>
      </c>
      <c r="BD2018" t="s">
        <v>7701</v>
      </c>
      <c r="BE2018" t="s">
        <v>68</v>
      </c>
    </row>
    <row r="2019" spans="1:57" x14ac:dyDescent="0.3">
      <c r="A2019" t="s">
        <v>7702</v>
      </c>
      <c r="B2019">
        <v>3605</v>
      </c>
      <c r="C2019" t="s">
        <v>7703</v>
      </c>
      <c r="D2019" t="s">
        <v>7704</v>
      </c>
      <c r="E2019" t="s">
        <v>10622</v>
      </c>
      <c r="F2019">
        <v>64</v>
      </c>
      <c r="G2019">
        <v>133.484375</v>
      </c>
      <c r="H2019">
        <v>123</v>
      </c>
      <c r="I2019">
        <v>5530.874755859375</v>
      </c>
      <c r="J2019">
        <v>74.369851121670095</v>
      </c>
      <c r="K2019">
        <v>-5.5562688576631589E-2</v>
      </c>
      <c r="L2019">
        <v>-1.22173791340263</v>
      </c>
      <c r="M2019">
        <v>5.78125</v>
      </c>
      <c r="N2019">
        <v>2</v>
      </c>
      <c r="O2019">
        <v>1</v>
      </c>
      <c r="P2019">
        <v>1</v>
      </c>
      <c r="Q2019">
        <v>0.32821556024332821</v>
      </c>
      <c r="R2019">
        <v>4.0072571376121839</v>
      </c>
      <c r="S2019">
        <v>1</v>
      </c>
      <c r="T2019">
        <v>1</v>
      </c>
      <c r="U2019">
        <v>0</v>
      </c>
      <c r="V2019">
        <v>0</v>
      </c>
      <c r="W2019">
        <v>4.1431347263915326</v>
      </c>
      <c r="X2019">
        <v>1</v>
      </c>
      <c r="Y2019">
        <v>1</v>
      </c>
      <c r="Z2019">
        <v>0</v>
      </c>
      <c r="AA2019">
        <v>0</v>
      </c>
      <c r="AB2019">
        <v>4.1271343850450908</v>
      </c>
      <c r="AC2019">
        <v>1</v>
      </c>
      <c r="AD2019">
        <v>1</v>
      </c>
      <c r="AE2019">
        <v>0</v>
      </c>
      <c r="AF2019">
        <v>0</v>
      </c>
      <c r="AG2019">
        <v>4.1108738641733096</v>
      </c>
      <c r="AH2019">
        <v>-0.24853191248121839</v>
      </c>
      <c r="AI2019">
        <v>4.2075460749168937E-2</v>
      </c>
      <c r="AJ2019">
        <v>0.1474320500059966</v>
      </c>
      <c r="AK2019">
        <v>0.1176192454330081</v>
      </c>
      <c r="AL2019">
        <v>661.19177117354832</v>
      </c>
      <c r="AM2019">
        <v>1028.1821053356191</v>
      </c>
      <c r="AN2019">
        <v>8543</v>
      </c>
      <c r="AO2019">
        <v>91.05284377584303</v>
      </c>
      <c r="AP2019">
        <v>554.92899891776608</v>
      </c>
      <c r="AQ2019">
        <v>1.359375</v>
      </c>
      <c r="AR2019">
        <v>4.15625</v>
      </c>
      <c r="AS2019">
        <v>63</v>
      </c>
      <c r="AT2019">
        <v>5.46875</v>
      </c>
      <c r="AU2019">
        <v>0.1003024193548387</v>
      </c>
      <c r="AV2019">
        <v>-0.25014629768804431</v>
      </c>
      <c r="AW2019">
        <v>0.421875</v>
      </c>
      <c r="AX2019">
        <v>99.412698412698418</v>
      </c>
      <c r="AY2019">
        <v>64</v>
      </c>
      <c r="AZ2019">
        <v>125.75</v>
      </c>
      <c r="BA2019">
        <v>0.55714274514653939</v>
      </c>
      <c r="BB2019">
        <v>0.46875</v>
      </c>
      <c r="BC2019">
        <v>4.0331113643978904</v>
      </c>
      <c r="BD2019" t="s">
        <v>7705</v>
      </c>
      <c r="BE2019" t="s">
        <v>62</v>
      </c>
    </row>
    <row r="2020" spans="1:57" x14ac:dyDescent="0.3">
      <c r="A2020" t="s">
        <v>7706</v>
      </c>
      <c r="B2020">
        <v>1806</v>
      </c>
      <c r="C2020" t="s">
        <v>7707</v>
      </c>
      <c r="D2020" t="s">
        <v>7708</v>
      </c>
      <c r="E2020" t="s">
        <v>106</v>
      </c>
      <c r="F2020">
        <v>1828</v>
      </c>
      <c r="G2020">
        <v>125.7078774617068</v>
      </c>
      <c r="H2020">
        <v>125</v>
      </c>
      <c r="I2020">
        <v>5329.2024105932987</v>
      </c>
      <c r="J2020">
        <v>73.001386360762353</v>
      </c>
      <c r="K2020">
        <v>1.451468262096553E-2</v>
      </c>
      <c r="L2020">
        <v>-1.1749751347941959</v>
      </c>
      <c r="M2020">
        <v>7.8985883622822284</v>
      </c>
      <c r="N2020">
        <v>14</v>
      </c>
      <c r="O2020">
        <v>1</v>
      </c>
      <c r="P2020">
        <v>13</v>
      </c>
      <c r="Q2020">
        <v>2.6405325427600772</v>
      </c>
      <c r="R2020">
        <v>5.4748842537195319</v>
      </c>
      <c r="S2020">
        <v>2</v>
      </c>
      <c r="T2020">
        <v>1</v>
      </c>
      <c r="U2020">
        <v>1</v>
      </c>
      <c r="V2020">
        <v>0.1169658097023196</v>
      </c>
      <c r="W2020">
        <v>7.4914610112066917</v>
      </c>
      <c r="X2020">
        <v>1</v>
      </c>
      <c r="Y2020">
        <v>1</v>
      </c>
      <c r="Z2020">
        <v>0</v>
      </c>
      <c r="AA2020">
        <v>0</v>
      </c>
      <c r="AB2020">
        <v>7.5098830611549143</v>
      </c>
      <c r="AC2020">
        <v>1</v>
      </c>
      <c r="AD2020">
        <v>1</v>
      </c>
      <c r="AE2020">
        <v>0</v>
      </c>
      <c r="AF2020">
        <v>0</v>
      </c>
      <c r="AG2020">
        <v>7.5093352660165911</v>
      </c>
      <c r="AH2020">
        <v>-9.6361241424718982E-3</v>
      </c>
      <c r="AI2020">
        <v>-1.7102139973506469E-2</v>
      </c>
      <c r="AJ2020">
        <v>3.4445629761002232E-2</v>
      </c>
      <c r="AK2020">
        <v>-6.0028316042859332E-2</v>
      </c>
      <c r="AL2020">
        <v>2893.2444712322422</v>
      </c>
      <c r="AM2020">
        <v>5500.7121747719229</v>
      </c>
      <c r="AN2020">
        <v>229794</v>
      </c>
      <c r="AO2020">
        <v>112.7414023655912</v>
      </c>
      <c r="AP2020">
        <v>2661.097364493281</v>
      </c>
      <c r="AQ2020">
        <v>1.012582056892779</v>
      </c>
      <c r="AR2020">
        <v>3.980853391684902</v>
      </c>
      <c r="AS2020">
        <v>1822</v>
      </c>
      <c r="AT2020">
        <v>249.96936542669579</v>
      </c>
      <c r="AU2020">
        <v>1.9993993220920769E-2</v>
      </c>
      <c r="AV2020">
        <v>-9.6428109102232058E-3</v>
      </c>
      <c r="AW2020">
        <v>0.37691466083150987</v>
      </c>
      <c r="AX2020">
        <v>85.040503557744941</v>
      </c>
      <c r="AY2020">
        <v>63</v>
      </c>
      <c r="AZ2020">
        <v>125</v>
      </c>
      <c r="BA2020">
        <v>0.5807224482252521</v>
      </c>
      <c r="BB2020">
        <v>0.49835886214442021</v>
      </c>
      <c r="BC2020">
        <v>5.2778831073327002</v>
      </c>
      <c r="BD2020" t="s">
        <v>7709</v>
      </c>
      <c r="BE2020" t="s">
        <v>68</v>
      </c>
    </row>
    <row r="2021" spans="1:57" x14ac:dyDescent="0.3">
      <c r="A2021" t="s">
        <v>7710</v>
      </c>
      <c r="B2021">
        <v>1675</v>
      </c>
      <c r="C2021" t="s">
        <v>7711</v>
      </c>
      <c r="D2021" t="s">
        <v>7712</v>
      </c>
      <c r="E2021" t="s">
        <v>72</v>
      </c>
      <c r="F2021">
        <v>1680</v>
      </c>
      <c r="G2021">
        <v>128.12976190476189</v>
      </c>
      <c r="H2021">
        <v>129</v>
      </c>
      <c r="I2021">
        <v>5397.5736380385497</v>
      </c>
      <c r="J2021">
        <v>73.468181126515915</v>
      </c>
      <c r="K2021">
        <v>-4.6714131542592248E-2</v>
      </c>
      <c r="L2021">
        <v>-1.185037896500567</v>
      </c>
      <c r="M2021">
        <v>7.8881243000983066</v>
      </c>
      <c r="N2021">
        <v>15</v>
      </c>
      <c r="O2021">
        <v>1</v>
      </c>
      <c r="P2021">
        <v>14</v>
      </c>
      <c r="Q2021">
        <v>2.5487435630129598</v>
      </c>
      <c r="R2021">
        <v>5.4676311185195248</v>
      </c>
      <c r="S2021">
        <v>2</v>
      </c>
      <c r="T2021">
        <v>1</v>
      </c>
      <c r="U2021">
        <v>1</v>
      </c>
      <c r="V2021">
        <v>0.119545877240036</v>
      </c>
      <c r="W2021">
        <v>7.406137656680353</v>
      </c>
      <c r="X2021">
        <v>2</v>
      </c>
      <c r="Y2021">
        <v>1</v>
      </c>
      <c r="Z2021">
        <v>1</v>
      </c>
      <c r="AA2021">
        <v>5.9796649521291802E-2</v>
      </c>
      <c r="AB2021">
        <v>7.4204009346035997</v>
      </c>
      <c r="AC2021">
        <v>2</v>
      </c>
      <c r="AD2021">
        <v>1</v>
      </c>
      <c r="AE2021">
        <v>1</v>
      </c>
      <c r="AF2021">
        <v>5.4603003092362212E-2</v>
      </c>
      <c r="AG2021">
        <v>7.4206285049325729</v>
      </c>
      <c r="AH2021">
        <v>-2.3017335441864819E-2</v>
      </c>
      <c r="AI2021">
        <v>1.12010610963595E-2</v>
      </c>
      <c r="AJ2021">
        <v>2.85763319349393E-2</v>
      </c>
      <c r="AK2021">
        <v>4.8890287477015702E-2</v>
      </c>
      <c r="AL2021">
        <v>2778.9788276048521</v>
      </c>
      <c r="AM2021">
        <v>5378.3042565221222</v>
      </c>
      <c r="AN2021">
        <v>215258</v>
      </c>
      <c r="AO2021">
        <v>159.03976378508901</v>
      </c>
      <c r="AP2021">
        <v>2485.7950476187279</v>
      </c>
      <c r="AQ2021">
        <v>1.0136904761904759</v>
      </c>
      <c r="AR2021">
        <v>4.0130952380952376</v>
      </c>
      <c r="AS2021">
        <v>1678</v>
      </c>
      <c r="AT2021">
        <v>253.40952380952379</v>
      </c>
      <c r="AU2021">
        <v>1.6876750700280111E-2</v>
      </c>
      <c r="AV2021">
        <v>-2.301946389175397E-2</v>
      </c>
      <c r="AW2021">
        <v>0.36071428571428571</v>
      </c>
      <c r="AX2021">
        <v>85.958904109589042</v>
      </c>
      <c r="AY2021">
        <v>64</v>
      </c>
      <c r="AZ2021">
        <v>127</v>
      </c>
      <c r="BA2021">
        <v>0.57338888353764672</v>
      </c>
      <c r="BB2021">
        <v>0.50297619047619047</v>
      </c>
      <c r="BC2021">
        <v>5.2768362569250096</v>
      </c>
      <c r="BD2021" t="s">
        <v>7713</v>
      </c>
      <c r="BE2021" t="s">
        <v>62</v>
      </c>
    </row>
    <row r="2022" spans="1:57" x14ac:dyDescent="0.3">
      <c r="A2022" t="s">
        <v>7714</v>
      </c>
      <c r="B2022">
        <v>1867</v>
      </c>
      <c r="C2022" t="s">
        <v>7715</v>
      </c>
      <c r="D2022" t="s">
        <v>7716</v>
      </c>
      <c r="E2022" t="s">
        <v>10622</v>
      </c>
      <c r="F2022">
        <v>64</v>
      </c>
      <c r="G2022">
        <v>126</v>
      </c>
      <c r="H2022">
        <v>130.5</v>
      </c>
      <c r="I2022">
        <v>5588.21875</v>
      </c>
      <c r="J2022">
        <v>74.754389503225823</v>
      </c>
      <c r="K2022">
        <v>1.831445138218046E-2</v>
      </c>
      <c r="L2022">
        <v>-1.265386564862939</v>
      </c>
      <c r="M2022">
        <v>5.6875</v>
      </c>
      <c r="N2022">
        <v>2</v>
      </c>
      <c r="O2022">
        <v>1</v>
      </c>
      <c r="P2022">
        <v>1</v>
      </c>
      <c r="Q2022">
        <v>0.38844772154450069</v>
      </c>
      <c r="R2022">
        <v>3.9422745894346898</v>
      </c>
      <c r="S2022">
        <v>1</v>
      </c>
      <c r="T2022">
        <v>1</v>
      </c>
      <c r="U2022">
        <v>0</v>
      </c>
      <c r="V2022">
        <v>0</v>
      </c>
      <c r="W2022">
        <v>4.1431347263915326</v>
      </c>
      <c r="X2022">
        <v>1</v>
      </c>
      <c r="Y2022">
        <v>1</v>
      </c>
      <c r="Z2022">
        <v>0</v>
      </c>
      <c r="AA2022">
        <v>0</v>
      </c>
      <c r="AB2022">
        <v>4.1271343850450908</v>
      </c>
      <c r="AC2022">
        <v>1</v>
      </c>
      <c r="AD2022">
        <v>1</v>
      </c>
      <c r="AE2022">
        <v>0</v>
      </c>
      <c r="AF2022">
        <v>0</v>
      </c>
      <c r="AG2022">
        <v>4.1108738641733096</v>
      </c>
      <c r="AH2022">
        <v>-8.6630355155656716E-2</v>
      </c>
      <c r="AI2022">
        <v>0.13740682127019449</v>
      </c>
      <c r="AJ2022">
        <v>-1.189164704763929E-2</v>
      </c>
      <c r="AK2022">
        <v>-8.4617191300895303E-2</v>
      </c>
      <c r="AL2022">
        <v>647.52266696070365</v>
      </c>
      <c r="AM2022">
        <v>976.94646515154443</v>
      </c>
      <c r="AN2022">
        <v>8064</v>
      </c>
      <c r="AO2022">
        <v>114.86342957816871</v>
      </c>
      <c r="AP2022">
        <v>476.28100521558019</v>
      </c>
      <c r="AQ2022">
        <v>1.359375</v>
      </c>
      <c r="AR2022">
        <v>4.03125</v>
      </c>
      <c r="AS2022">
        <v>64</v>
      </c>
      <c r="AT2022">
        <v>6.8749999999999991</v>
      </c>
      <c r="AU2022">
        <v>4.6190239043824688E-2</v>
      </c>
      <c r="AV2022">
        <v>-8.7651510064541915E-2</v>
      </c>
      <c r="AW2022">
        <v>0.359375</v>
      </c>
      <c r="AX2022">
        <v>94.730158730158735</v>
      </c>
      <c r="AY2022">
        <v>68.5</v>
      </c>
      <c r="AZ2022">
        <v>127.25</v>
      </c>
      <c r="BA2022">
        <v>0.59328880558115737</v>
      </c>
      <c r="BB2022">
        <v>0.515625</v>
      </c>
      <c r="BC2022">
        <v>3.9891020196004341</v>
      </c>
      <c r="BD2022" t="s">
        <v>7717</v>
      </c>
      <c r="BE2022" t="s">
        <v>62</v>
      </c>
    </row>
    <row r="2023" spans="1:57" x14ac:dyDescent="0.3">
      <c r="A2023" t="s">
        <v>7718</v>
      </c>
      <c r="B2023">
        <v>745</v>
      </c>
      <c r="C2023" t="s">
        <v>7719</v>
      </c>
      <c r="D2023" t="s">
        <v>7720</v>
      </c>
      <c r="E2023" t="s">
        <v>128</v>
      </c>
      <c r="F2023">
        <v>32</v>
      </c>
      <c r="G2023">
        <v>115.96875</v>
      </c>
      <c r="H2023">
        <v>112.5</v>
      </c>
      <c r="I2023">
        <v>4320.5302734375</v>
      </c>
      <c r="J2023">
        <v>65.730740703551334</v>
      </c>
      <c r="K2023">
        <v>0.16976451641087559</v>
      </c>
      <c r="L2023">
        <v>-0.99675216020356094</v>
      </c>
      <c r="M2023">
        <v>4.851409765557392</v>
      </c>
      <c r="N2023">
        <v>3</v>
      </c>
      <c r="O2023">
        <v>1</v>
      </c>
      <c r="P2023">
        <v>2</v>
      </c>
      <c r="Q2023">
        <v>0.35901098714230018</v>
      </c>
      <c r="R2023">
        <v>3.3627410007370901</v>
      </c>
      <c r="S2023">
        <v>1</v>
      </c>
      <c r="T2023">
        <v>1</v>
      </c>
      <c r="U2023">
        <v>0</v>
      </c>
      <c r="V2023">
        <v>0</v>
      </c>
      <c r="W2023">
        <v>3.4339872044851458</v>
      </c>
      <c r="X2023">
        <v>1</v>
      </c>
      <c r="Y2023">
        <v>1</v>
      </c>
      <c r="Z2023">
        <v>0</v>
      </c>
      <c r="AA2023">
        <v>0</v>
      </c>
      <c r="AB2023">
        <v>3.401197381662155</v>
      </c>
      <c r="AC2023">
        <v>1</v>
      </c>
      <c r="AD2023">
        <v>1</v>
      </c>
      <c r="AE2023">
        <v>0</v>
      </c>
      <c r="AF2023">
        <v>0</v>
      </c>
      <c r="AG2023">
        <v>3.3672958299864728</v>
      </c>
      <c r="AH2023">
        <v>0.28606400914917718</v>
      </c>
      <c r="AI2023">
        <v>9.7129583544952408E-2</v>
      </c>
      <c r="AJ2023">
        <v>0.1418531217232947</v>
      </c>
      <c r="AK2023">
        <v>-0.13705554907607509</v>
      </c>
      <c r="AL2023">
        <v>426.92263440327969</v>
      </c>
      <c r="AM2023">
        <v>621.57386064261391</v>
      </c>
      <c r="AN2023">
        <v>3711</v>
      </c>
      <c r="AO2023">
        <v>29</v>
      </c>
      <c r="AP2023">
        <v>259.62631872289268</v>
      </c>
      <c r="AQ2023">
        <v>1.65625</v>
      </c>
      <c r="AR2023">
        <v>3.8125</v>
      </c>
      <c r="AS2023">
        <v>32</v>
      </c>
      <c r="AT2023">
        <v>3.6250000000000009</v>
      </c>
      <c r="AU2023">
        <v>0.21410642570281119</v>
      </c>
      <c r="AV2023">
        <v>0.29468507893197587</v>
      </c>
      <c r="AW2023">
        <v>0.40625</v>
      </c>
      <c r="AX2023">
        <v>63.548387096774192</v>
      </c>
      <c r="AY2023">
        <v>54</v>
      </c>
      <c r="AZ2023">
        <v>106.75</v>
      </c>
      <c r="BA2023">
        <v>0.56679700956983092</v>
      </c>
      <c r="BB2023">
        <v>0.5</v>
      </c>
      <c r="BC2023">
        <v>3.4339872044851458</v>
      </c>
      <c r="BD2023" t="s">
        <v>7721</v>
      </c>
      <c r="BE2023" t="s">
        <v>62</v>
      </c>
    </row>
    <row r="2024" spans="1:57" x14ac:dyDescent="0.3">
      <c r="A2024" t="s">
        <v>7722</v>
      </c>
      <c r="B2024">
        <v>834</v>
      </c>
      <c r="C2024" t="s">
        <v>7723</v>
      </c>
      <c r="D2024" t="s">
        <v>7724</v>
      </c>
      <c r="E2024" t="s">
        <v>98</v>
      </c>
      <c r="F2024">
        <v>16</v>
      </c>
      <c r="G2024">
        <v>119.8125</v>
      </c>
      <c r="H2024">
        <v>116.5</v>
      </c>
      <c r="I2024">
        <v>4053.02734375</v>
      </c>
      <c r="J2024">
        <v>63.663390922491708</v>
      </c>
      <c r="K2024">
        <v>0.44719756066738542</v>
      </c>
      <c r="L2024">
        <v>-0.37837944326387701</v>
      </c>
      <c r="M2024">
        <v>4</v>
      </c>
      <c r="N2024">
        <v>1</v>
      </c>
      <c r="O2024">
        <v>1</v>
      </c>
      <c r="P2024">
        <v>0</v>
      </c>
      <c r="Q2024">
        <v>0</v>
      </c>
      <c r="R2024">
        <v>2.7725887222397811</v>
      </c>
      <c r="S2024">
        <v>1</v>
      </c>
      <c r="T2024">
        <v>1</v>
      </c>
      <c r="U2024">
        <v>0</v>
      </c>
      <c r="V2024">
        <v>0</v>
      </c>
      <c r="W2024">
        <v>2.7080502011022101</v>
      </c>
      <c r="X2024">
        <v>1</v>
      </c>
      <c r="Y2024">
        <v>1</v>
      </c>
      <c r="Z2024">
        <v>0</v>
      </c>
      <c r="AA2024">
        <v>0</v>
      </c>
      <c r="AB2024">
        <v>2.639057329615258</v>
      </c>
      <c r="AC2024">
        <v>1</v>
      </c>
      <c r="AD2024">
        <v>1</v>
      </c>
      <c r="AE2024">
        <v>0</v>
      </c>
      <c r="AF2024">
        <v>0</v>
      </c>
      <c r="AG2024">
        <v>2.5649493574615372</v>
      </c>
      <c r="AH2024">
        <v>-0.1833019902175746</v>
      </c>
      <c r="AI2024">
        <v>-0.1106976604100908</v>
      </c>
      <c r="AJ2024">
        <v>-0.2099162108763222</v>
      </c>
      <c r="AK2024">
        <v>0.23881490494663041</v>
      </c>
      <c r="AL2024">
        <v>356.92612169943988</v>
      </c>
      <c r="AM2024">
        <v>408.81871734131317</v>
      </c>
      <c r="AN2024">
        <v>1917</v>
      </c>
      <c r="AO2024">
        <v>184.78601792376659</v>
      </c>
      <c r="AP2024">
        <v>239.9271717584256</v>
      </c>
      <c r="AQ2024">
        <v>2.25</v>
      </c>
      <c r="AR2024">
        <v>3.875</v>
      </c>
      <c r="AS2024">
        <v>16</v>
      </c>
      <c r="AT2024">
        <v>0</v>
      </c>
      <c r="AU2024">
        <v>0.25147058823529411</v>
      </c>
      <c r="AV2024">
        <v>-0.187593348812882</v>
      </c>
      <c r="AW2024">
        <v>0.5</v>
      </c>
      <c r="AX2024">
        <v>81.599999999999994</v>
      </c>
      <c r="AY2024">
        <v>47</v>
      </c>
      <c r="AZ2024">
        <v>90.5</v>
      </c>
      <c r="BA2024">
        <v>0.53135850535204343</v>
      </c>
      <c r="BB2024">
        <v>0.5</v>
      </c>
      <c r="BC2024">
        <v>2.7080502011022101</v>
      </c>
      <c r="BD2024" t="s">
        <v>7723</v>
      </c>
      <c r="BE2024" t="s">
        <v>62</v>
      </c>
    </row>
    <row r="2025" spans="1:57" x14ac:dyDescent="0.3">
      <c r="A2025" t="s">
        <v>7725</v>
      </c>
      <c r="B2025">
        <v>903</v>
      </c>
      <c r="C2025" t="s">
        <v>7726</v>
      </c>
      <c r="D2025" t="s">
        <v>7727</v>
      </c>
      <c r="E2025" t="s">
        <v>128</v>
      </c>
      <c r="F2025">
        <v>32</v>
      </c>
      <c r="G2025">
        <v>131.625</v>
      </c>
      <c r="H2025">
        <v>127</v>
      </c>
      <c r="I2025">
        <v>5502.296875</v>
      </c>
      <c r="J2025">
        <v>74.17746878264316</v>
      </c>
      <c r="K2025">
        <v>9.8276332573758313E-2</v>
      </c>
      <c r="L2025">
        <v>-1.341285368688095</v>
      </c>
      <c r="M2025">
        <v>5</v>
      </c>
      <c r="N2025">
        <v>1</v>
      </c>
      <c r="O2025">
        <v>1</v>
      </c>
      <c r="P2025">
        <v>0</v>
      </c>
      <c r="Q2025">
        <v>0</v>
      </c>
      <c r="R2025">
        <v>3.465735902799727</v>
      </c>
      <c r="S2025">
        <v>1</v>
      </c>
      <c r="T2025">
        <v>1</v>
      </c>
      <c r="U2025">
        <v>0</v>
      </c>
      <c r="V2025">
        <v>0</v>
      </c>
      <c r="W2025">
        <v>3.4339872044851458</v>
      </c>
      <c r="X2025">
        <v>1</v>
      </c>
      <c r="Y2025">
        <v>1</v>
      </c>
      <c r="Z2025">
        <v>0</v>
      </c>
      <c r="AA2025">
        <v>0</v>
      </c>
      <c r="AB2025">
        <v>3.401197381662155</v>
      </c>
      <c r="AC2025">
        <v>1</v>
      </c>
      <c r="AD2025">
        <v>1</v>
      </c>
      <c r="AE2025">
        <v>0</v>
      </c>
      <c r="AF2025">
        <v>0</v>
      </c>
      <c r="AG2025">
        <v>3.3672958299864728</v>
      </c>
      <c r="AH2025">
        <v>0.32511200933133039</v>
      </c>
      <c r="AI2025">
        <v>2.1841553385375991E-2</v>
      </c>
      <c r="AJ2025">
        <v>-0.14430878652948911</v>
      </c>
      <c r="AK2025">
        <v>0.14777546734744301</v>
      </c>
      <c r="AL2025">
        <v>506.94811922373299</v>
      </c>
      <c r="AM2025">
        <v>688.09999594210115</v>
      </c>
      <c r="AN2025">
        <v>4212</v>
      </c>
      <c r="AO2025">
        <v>137.98862031076411</v>
      </c>
      <c r="AP2025">
        <v>325.46332511355752</v>
      </c>
      <c r="AQ2025">
        <v>1.71875</v>
      </c>
      <c r="AR2025">
        <v>4.21875</v>
      </c>
      <c r="AS2025">
        <v>32</v>
      </c>
      <c r="AT2025">
        <v>0</v>
      </c>
      <c r="AU2025">
        <v>0.13016732283464569</v>
      </c>
      <c r="AV2025">
        <v>0.33901834415763771</v>
      </c>
      <c r="AW2025">
        <v>0.375</v>
      </c>
      <c r="AX2025">
        <v>68.129032258064512</v>
      </c>
      <c r="AY2025">
        <v>65</v>
      </c>
      <c r="AZ2025">
        <v>137.25</v>
      </c>
      <c r="BA2025">
        <v>0.56355151971618733</v>
      </c>
      <c r="BB2025">
        <v>0.5</v>
      </c>
      <c r="BC2025">
        <v>3.2829507132875908</v>
      </c>
      <c r="BD2025" t="s">
        <v>7728</v>
      </c>
      <c r="BE2025" t="s">
        <v>62</v>
      </c>
    </row>
    <row r="2026" spans="1:57" x14ac:dyDescent="0.3">
      <c r="A2026" t="s">
        <v>7729</v>
      </c>
      <c r="B2026">
        <v>1676</v>
      </c>
      <c r="C2026" t="s">
        <v>7730</v>
      </c>
      <c r="D2026" t="s">
        <v>7731</v>
      </c>
      <c r="E2026" t="s">
        <v>66</v>
      </c>
      <c r="F2026">
        <v>71</v>
      </c>
      <c r="G2026">
        <v>131.42253521126759</v>
      </c>
      <c r="H2026">
        <v>139</v>
      </c>
      <c r="I2026">
        <v>6098.5256893473525</v>
      </c>
      <c r="J2026">
        <v>78.093057881910042</v>
      </c>
      <c r="K2026">
        <v>-6.7545793781950525E-2</v>
      </c>
      <c r="L2026">
        <v>-1.2912613290567001</v>
      </c>
      <c r="M2026">
        <v>5.9807330349976366</v>
      </c>
      <c r="N2026">
        <v>2</v>
      </c>
      <c r="O2026">
        <v>1</v>
      </c>
      <c r="P2026">
        <v>1</v>
      </c>
      <c r="Q2026">
        <v>0.28945981111118119</v>
      </c>
      <c r="R2026">
        <v>4.1455282408903393</v>
      </c>
      <c r="S2026">
        <v>1</v>
      </c>
      <c r="T2026">
        <v>1</v>
      </c>
      <c r="U2026">
        <v>0</v>
      </c>
      <c r="V2026">
        <v>0</v>
      </c>
      <c r="W2026">
        <v>4.2484952420493576</v>
      </c>
      <c r="X2026">
        <v>1</v>
      </c>
      <c r="Y2026">
        <v>1</v>
      </c>
      <c r="Z2026">
        <v>0</v>
      </c>
      <c r="AA2026">
        <v>0</v>
      </c>
      <c r="AB2026">
        <v>4.2341065045972579</v>
      </c>
      <c r="AC2026">
        <v>1</v>
      </c>
      <c r="AD2026">
        <v>1</v>
      </c>
      <c r="AE2026">
        <v>0</v>
      </c>
      <c r="AF2026">
        <v>0</v>
      </c>
      <c r="AG2026">
        <v>4.2195077051761087</v>
      </c>
      <c r="AH2026">
        <v>0.1153355760776411</v>
      </c>
      <c r="AI2026">
        <v>-1.460446933599505E-2</v>
      </c>
      <c r="AJ2026">
        <v>9.1295609727766958E-2</v>
      </c>
      <c r="AK2026">
        <v>-0.14021827124969699</v>
      </c>
      <c r="AL2026">
        <v>722.98557177447458</v>
      </c>
      <c r="AM2026">
        <v>1066.1101551931381</v>
      </c>
      <c r="AN2026">
        <v>9331</v>
      </c>
      <c r="AO2026">
        <v>78.204620144471818</v>
      </c>
      <c r="AP2026">
        <v>666.96397589488413</v>
      </c>
      <c r="AQ2026">
        <v>1.323943661971831</v>
      </c>
      <c r="AR2026">
        <v>4.056338028169014</v>
      </c>
      <c r="AS2026">
        <v>71</v>
      </c>
      <c r="AT2026">
        <v>4.9859154929577469</v>
      </c>
      <c r="AU2026">
        <v>6.4402098867716195E-2</v>
      </c>
      <c r="AV2026">
        <v>0.11726065782528899</v>
      </c>
      <c r="AW2026">
        <v>0.36619718309859162</v>
      </c>
      <c r="AX2026">
        <v>86.142857142857139</v>
      </c>
      <c r="AY2026">
        <v>70</v>
      </c>
      <c r="AZ2026">
        <v>138.5</v>
      </c>
      <c r="BA2026">
        <v>0.59421360085903041</v>
      </c>
      <c r="BB2026">
        <v>0.50704225352112675</v>
      </c>
      <c r="BC2026">
        <v>4.0627824221373086</v>
      </c>
      <c r="BD2026" t="s">
        <v>7732</v>
      </c>
      <c r="BE2026" t="s">
        <v>68</v>
      </c>
    </row>
    <row r="2027" spans="1:57" x14ac:dyDescent="0.3">
      <c r="A2027" t="s">
        <v>7733</v>
      </c>
      <c r="B2027">
        <v>3542</v>
      </c>
      <c r="C2027" t="s">
        <v>7734</v>
      </c>
      <c r="D2027" t="s">
        <v>7735</v>
      </c>
      <c r="E2027" t="s">
        <v>10622</v>
      </c>
      <c r="F2027">
        <v>64</v>
      </c>
      <c r="G2027">
        <v>124.890625</v>
      </c>
      <c r="H2027">
        <v>137</v>
      </c>
      <c r="I2027">
        <v>6061.472412109375</v>
      </c>
      <c r="J2027">
        <v>77.855458460594619</v>
      </c>
      <c r="K2027">
        <v>-0.1647506979320911</v>
      </c>
      <c r="L2027">
        <v>-1.206519525265924</v>
      </c>
      <c r="M2027">
        <v>5.8125</v>
      </c>
      <c r="N2027">
        <v>2</v>
      </c>
      <c r="O2027">
        <v>1</v>
      </c>
      <c r="P2027">
        <v>1</v>
      </c>
      <c r="Q2027">
        <v>0.3045434781492361</v>
      </c>
      <c r="R2027">
        <v>4.0289179870046823</v>
      </c>
      <c r="S2027">
        <v>1</v>
      </c>
      <c r="T2027">
        <v>1</v>
      </c>
      <c r="U2027">
        <v>0</v>
      </c>
      <c r="V2027">
        <v>0</v>
      </c>
      <c r="W2027">
        <v>4.1431347263915326</v>
      </c>
      <c r="X2027">
        <v>1</v>
      </c>
      <c r="Y2027">
        <v>1</v>
      </c>
      <c r="Z2027">
        <v>0</v>
      </c>
      <c r="AA2027">
        <v>0</v>
      </c>
      <c r="AB2027">
        <v>4.1271343850450908</v>
      </c>
      <c r="AC2027">
        <v>1</v>
      </c>
      <c r="AD2027">
        <v>1</v>
      </c>
      <c r="AE2027">
        <v>0</v>
      </c>
      <c r="AF2027">
        <v>0</v>
      </c>
      <c r="AG2027">
        <v>4.1108738641733096</v>
      </c>
      <c r="AH2027">
        <v>0.12978469306330959</v>
      </c>
      <c r="AI2027">
        <v>0.16505823932342589</v>
      </c>
      <c r="AJ2027">
        <v>-0.1039026318581867</v>
      </c>
      <c r="AK2027">
        <v>-7.4794675148505962E-3</v>
      </c>
      <c r="AL2027">
        <v>680.04659743573552</v>
      </c>
      <c r="AM2027">
        <v>961.10437795073983</v>
      </c>
      <c r="AN2027">
        <v>7993</v>
      </c>
      <c r="AO2027">
        <v>137.99880680976</v>
      </c>
      <c r="AP2027">
        <v>617.4116360499338</v>
      </c>
      <c r="AQ2027">
        <v>1.359375</v>
      </c>
      <c r="AR2027">
        <v>3.921875</v>
      </c>
      <c r="AS2027">
        <v>64</v>
      </c>
      <c r="AT2027">
        <v>4.8750000000000018</v>
      </c>
      <c r="AU2027">
        <v>9.337349397590361E-2</v>
      </c>
      <c r="AV2027">
        <v>0.1347170037697584</v>
      </c>
      <c r="AW2027">
        <v>0.25</v>
      </c>
      <c r="AX2027">
        <v>81.666666666666671</v>
      </c>
      <c r="AY2027">
        <v>64</v>
      </c>
      <c r="AZ2027">
        <v>142</v>
      </c>
      <c r="BA2027">
        <v>0.62338913317628619</v>
      </c>
      <c r="BB2027">
        <v>0.578125</v>
      </c>
      <c r="BC2027">
        <v>3.9670973472017059</v>
      </c>
      <c r="BD2027" t="s">
        <v>7736</v>
      </c>
      <c r="BE2027" t="s">
        <v>62</v>
      </c>
    </row>
    <row r="2028" spans="1:57" x14ac:dyDescent="0.3">
      <c r="A2028" t="s">
        <v>7737</v>
      </c>
      <c r="B2028">
        <v>136</v>
      </c>
      <c r="C2028" t="s">
        <v>7738</v>
      </c>
      <c r="D2028" t="s">
        <v>7739</v>
      </c>
      <c r="E2028" t="s">
        <v>60</v>
      </c>
      <c r="F2028">
        <v>512</v>
      </c>
      <c r="G2028">
        <v>129.4765625</v>
      </c>
      <c r="H2028">
        <v>135.5</v>
      </c>
      <c r="I2028">
        <v>5377.9017944335938</v>
      </c>
      <c r="J2028">
        <v>73.334178896566328</v>
      </c>
      <c r="K2028">
        <v>-7.205254089558813E-2</v>
      </c>
      <c r="L2028">
        <v>-1.191963091399908</v>
      </c>
      <c r="M2028">
        <v>7.5731821566632158</v>
      </c>
      <c r="N2028">
        <v>6</v>
      </c>
      <c r="O2028">
        <v>1</v>
      </c>
      <c r="P2028">
        <v>5</v>
      </c>
      <c r="Q2028">
        <v>1.269281048533101</v>
      </c>
      <c r="R2028">
        <v>5.2493298597579923</v>
      </c>
      <c r="S2028">
        <v>2</v>
      </c>
      <c r="T2028">
        <v>1</v>
      </c>
      <c r="U2028">
        <v>1</v>
      </c>
      <c r="V2028">
        <v>4.4237310481092057E-2</v>
      </c>
      <c r="W2028">
        <v>6.2336566853874222</v>
      </c>
      <c r="X2028">
        <v>1</v>
      </c>
      <c r="Y2028">
        <v>1</v>
      </c>
      <c r="Z2028">
        <v>0</v>
      </c>
      <c r="AA2028">
        <v>0</v>
      </c>
      <c r="AB2028">
        <v>6.2344107257183694</v>
      </c>
      <c r="AC2028">
        <v>1</v>
      </c>
      <c r="AD2028">
        <v>1</v>
      </c>
      <c r="AE2028">
        <v>0</v>
      </c>
      <c r="AF2028">
        <v>0</v>
      </c>
      <c r="AG2028">
        <v>6.2324480165505216</v>
      </c>
      <c r="AH2028">
        <v>-2.7554565326113119E-2</v>
      </c>
      <c r="AI2028">
        <v>-5.5596773911407382E-2</v>
      </c>
      <c r="AJ2028">
        <v>2.371278882392713E-2</v>
      </c>
      <c r="AK2028">
        <v>1.3722232445966249E-2</v>
      </c>
      <c r="AL2028">
        <v>1600.7499688248629</v>
      </c>
      <c r="AM2028">
        <v>2962.1521799710431</v>
      </c>
      <c r="AN2028">
        <v>66292</v>
      </c>
      <c r="AO2028">
        <v>31.262862374289959</v>
      </c>
      <c r="AP2028">
        <v>1377.803082221719</v>
      </c>
      <c r="AQ2028">
        <v>1.044921875</v>
      </c>
      <c r="AR2028">
        <v>3.943359375</v>
      </c>
      <c r="AS2028">
        <v>510</v>
      </c>
      <c r="AT2028">
        <v>152.296875</v>
      </c>
      <c r="AU2028">
        <v>3.9146752450980427E-2</v>
      </c>
      <c r="AV2028">
        <v>-2.7651861421041771E-2</v>
      </c>
      <c r="AW2028">
        <v>0.34375</v>
      </c>
      <c r="AX2028">
        <v>85.405088062622312</v>
      </c>
      <c r="AY2028">
        <v>64.5</v>
      </c>
      <c r="AZ2028">
        <v>123</v>
      </c>
      <c r="BA2028">
        <v>0.56638960349728418</v>
      </c>
      <c r="BB2028">
        <v>0.52734375</v>
      </c>
      <c r="BC2028">
        <v>5.0928653209231802</v>
      </c>
      <c r="BD2028" t="s">
        <v>7740</v>
      </c>
      <c r="BE2028" t="s">
        <v>62</v>
      </c>
    </row>
    <row r="2029" spans="1:57" x14ac:dyDescent="0.3">
      <c r="A2029" t="s">
        <v>7741</v>
      </c>
      <c r="B2029">
        <v>2212</v>
      </c>
      <c r="C2029" t="s">
        <v>7742</v>
      </c>
      <c r="D2029" t="s">
        <v>7743</v>
      </c>
      <c r="E2029" t="s">
        <v>72</v>
      </c>
      <c r="F2029">
        <v>2216</v>
      </c>
      <c r="G2029">
        <v>129.14124548736461</v>
      </c>
      <c r="H2029">
        <v>130</v>
      </c>
      <c r="I2029">
        <v>5522.1014396039964</v>
      </c>
      <c r="J2029">
        <v>74.310843351451723</v>
      </c>
      <c r="K2029">
        <v>-2.2881002706330662E-2</v>
      </c>
      <c r="L2029">
        <v>-1.2243338591411339</v>
      </c>
      <c r="M2029">
        <v>7.9078186539206357</v>
      </c>
      <c r="N2029">
        <v>19</v>
      </c>
      <c r="O2029">
        <v>2</v>
      </c>
      <c r="P2029">
        <v>17</v>
      </c>
      <c r="Q2029">
        <v>3.06680182559943</v>
      </c>
      <c r="R2029">
        <v>5.4812822043444243</v>
      </c>
      <c r="S2029">
        <v>3</v>
      </c>
      <c r="T2029">
        <v>1</v>
      </c>
      <c r="U2029">
        <v>2</v>
      </c>
      <c r="V2029">
        <v>0.134421815816645</v>
      </c>
      <c r="W2029">
        <v>7.6789885249775107</v>
      </c>
      <c r="X2029">
        <v>1</v>
      </c>
      <c r="Y2029">
        <v>1</v>
      </c>
      <c r="Z2029">
        <v>0</v>
      </c>
      <c r="AA2029">
        <v>0</v>
      </c>
      <c r="AB2029">
        <v>7.7025561132685816</v>
      </c>
      <c r="AC2029">
        <v>1</v>
      </c>
      <c r="AD2029">
        <v>1</v>
      </c>
      <c r="AE2029">
        <v>0</v>
      </c>
      <c r="AF2029">
        <v>0</v>
      </c>
      <c r="AG2029">
        <v>7.7021043400510507</v>
      </c>
      <c r="AH2029">
        <v>-2.5035594794091679E-2</v>
      </c>
      <c r="AI2029">
        <v>1.2686695292607139E-2</v>
      </c>
      <c r="AJ2029">
        <v>5.2420582324893064E-3</v>
      </c>
      <c r="AK2029">
        <v>5.5003340611486018E-3</v>
      </c>
      <c r="AL2029">
        <v>3213.6072208292321</v>
      </c>
      <c r="AM2029">
        <v>6234.3371444151326</v>
      </c>
      <c r="AN2029">
        <v>286177</v>
      </c>
      <c r="AO2029">
        <v>129.56711251915669</v>
      </c>
      <c r="AP2029">
        <v>2895.5132187402528</v>
      </c>
      <c r="AQ2029">
        <v>1.0103790613718411</v>
      </c>
      <c r="AR2029">
        <v>4.0036101083032491</v>
      </c>
      <c r="AS2029">
        <v>2210</v>
      </c>
      <c r="AT2029">
        <v>278.15162454873649</v>
      </c>
      <c r="AU2029">
        <v>2.1220004247186171E-2</v>
      </c>
      <c r="AV2029">
        <v>-2.5060400841960741E-2</v>
      </c>
      <c r="AW2029">
        <v>0.37229241877256319</v>
      </c>
      <c r="AX2029">
        <v>86.476749435665909</v>
      </c>
      <c r="AY2029">
        <v>64</v>
      </c>
      <c r="AZ2029">
        <v>128.25</v>
      </c>
      <c r="BA2029">
        <v>0.57542300347972419</v>
      </c>
      <c r="BB2029">
        <v>0.50090252707581229</v>
      </c>
      <c r="BC2029">
        <v>5.3119921583965439</v>
      </c>
      <c r="BD2029" t="s">
        <v>7744</v>
      </c>
      <c r="BE2029" t="s">
        <v>68</v>
      </c>
    </row>
    <row r="2030" spans="1:57" x14ac:dyDescent="0.3">
      <c r="A2030" t="s">
        <v>7745</v>
      </c>
      <c r="B2030">
        <v>2798</v>
      </c>
      <c r="C2030" t="s">
        <v>7746</v>
      </c>
      <c r="D2030" t="s">
        <v>7747</v>
      </c>
      <c r="E2030" t="s">
        <v>85</v>
      </c>
      <c r="F2030">
        <v>8</v>
      </c>
      <c r="G2030">
        <v>125.875</v>
      </c>
      <c r="H2030">
        <v>111.5</v>
      </c>
      <c r="I2030">
        <v>3212.609375</v>
      </c>
      <c r="J2030">
        <v>56.679885100448111</v>
      </c>
      <c r="K2030">
        <v>0.18643552034083519</v>
      </c>
      <c r="L2030">
        <v>-1.6634128515605091</v>
      </c>
      <c r="M2030">
        <v>3</v>
      </c>
      <c r="N2030">
        <v>1</v>
      </c>
      <c r="O2030">
        <v>1</v>
      </c>
      <c r="P2030">
        <v>0</v>
      </c>
      <c r="Q2030">
        <v>0</v>
      </c>
      <c r="R2030">
        <v>2.0794415416798362</v>
      </c>
      <c r="S2030">
        <v>1</v>
      </c>
      <c r="T2030">
        <v>1</v>
      </c>
      <c r="U2030">
        <v>0</v>
      </c>
      <c r="V2030">
        <v>0</v>
      </c>
      <c r="W2030">
        <v>1.945910149055313</v>
      </c>
      <c r="X2030">
        <v>1</v>
      </c>
      <c r="Y2030">
        <v>1</v>
      </c>
      <c r="Z2030">
        <v>0</v>
      </c>
      <c r="AA2030">
        <v>0</v>
      </c>
      <c r="AB2030">
        <v>1.791759469228055</v>
      </c>
      <c r="AC2030">
        <v>1</v>
      </c>
      <c r="AD2030">
        <v>1</v>
      </c>
      <c r="AE2030">
        <v>0</v>
      </c>
      <c r="AF2030">
        <v>0</v>
      </c>
      <c r="AG2030">
        <v>1.6094379124341009</v>
      </c>
      <c r="AH2030">
        <v>0.36628069569615818</v>
      </c>
      <c r="AI2030">
        <v>-9.6286848210420856E-2</v>
      </c>
      <c r="AJ2030">
        <v>-6.0680083849285289E-3</v>
      </c>
      <c r="AK2030">
        <v>0</v>
      </c>
      <c r="AL2030">
        <v>254.3776787151466</v>
      </c>
      <c r="AM2030">
        <v>296.22457118121321</v>
      </c>
      <c r="AN2030">
        <v>1007</v>
      </c>
      <c r="AO2030">
        <v>86.643862581085116</v>
      </c>
      <c r="AP2030">
        <v>94.203854230673514</v>
      </c>
      <c r="AQ2030">
        <v>3.5</v>
      </c>
      <c r="AR2030">
        <v>3.75</v>
      </c>
      <c r="AS2030">
        <v>8</v>
      </c>
      <c r="AT2030">
        <v>0</v>
      </c>
      <c r="AU2030">
        <v>0.3</v>
      </c>
      <c r="AV2030">
        <v>0.39843617988610253</v>
      </c>
      <c r="AW2030">
        <v>0.5</v>
      </c>
      <c r="AX2030">
        <v>47.285714285714278</v>
      </c>
      <c r="AY2030">
        <v>48.5</v>
      </c>
      <c r="AZ2030">
        <v>113.75</v>
      </c>
      <c r="BA2030">
        <v>0.45028707130445372</v>
      </c>
      <c r="BB2030">
        <v>0.5</v>
      </c>
      <c r="BC2030">
        <v>1.945910149055313</v>
      </c>
      <c r="BD2030" t="s">
        <v>7746</v>
      </c>
      <c r="BE2030" t="s">
        <v>68</v>
      </c>
    </row>
    <row r="2031" spans="1:57" x14ac:dyDescent="0.3">
      <c r="A2031" t="s">
        <v>7748</v>
      </c>
      <c r="B2031">
        <v>152</v>
      </c>
      <c r="C2031" t="s">
        <v>7749</v>
      </c>
      <c r="D2031" t="s">
        <v>7750</v>
      </c>
      <c r="E2031" t="s">
        <v>60</v>
      </c>
      <c r="F2031">
        <v>512</v>
      </c>
      <c r="G2031">
        <v>126.251953125</v>
      </c>
      <c r="H2031">
        <v>120</v>
      </c>
      <c r="I2031">
        <v>5965.7470664978027</v>
      </c>
      <c r="J2031">
        <v>77.238248727543038</v>
      </c>
      <c r="K2031">
        <v>7.8600228177173825E-2</v>
      </c>
      <c r="L2031">
        <v>-1.2819685141586119</v>
      </c>
      <c r="M2031">
        <v>7.6195075634980256</v>
      </c>
      <c r="N2031">
        <v>6</v>
      </c>
      <c r="O2031">
        <v>1</v>
      </c>
      <c r="P2031">
        <v>5</v>
      </c>
      <c r="Q2031">
        <v>1.2266776420210861</v>
      </c>
      <c r="R2031">
        <v>5.2814401848938326</v>
      </c>
      <c r="S2031">
        <v>2</v>
      </c>
      <c r="T2031">
        <v>1</v>
      </c>
      <c r="U2031">
        <v>1</v>
      </c>
      <c r="V2031">
        <v>6.2560641760670568E-2</v>
      </c>
      <c r="W2031">
        <v>6.2309437805711401</v>
      </c>
      <c r="X2031">
        <v>1</v>
      </c>
      <c r="Y2031">
        <v>1</v>
      </c>
      <c r="Z2031">
        <v>0</v>
      </c>
      <c r="AA2031">
        <v>0</v>
      </c>
      <c r="AB2031">
        <v>6.2344107257183694</v>
      </c>
      <c r="AC2031">
        <v>1</v>
      </c>
      <c r="AD2031">
        <v>1</v>
      </c>
      <c r="AE2031">
        <v>0</v>
      </c>
      <c r="AF2031">
        <v>0</v>
      </c>
      <c r="AG2031">
        <v>6.2324480165505216</v>
      </c>
      <c r="AH2031">
        <v>-9.9246394364341614E-2</v>
      </c>
      <c r="AI2031">
        <v>-8.9336426908426334E-3</v>
      </c>
      <c r="AJ2031">
        <v>1.31899865664174E-2</v>
      </c>
      <c r="AK2031">
        <v>-6.8036471156678366E-2</v>
      </c>
      <c r="AL2031">
        <v>1669.899611918466</v>
      </c>
      <c r="AM2031">
        <v>2902.9209920551671</v>
      </c>
      <c r="AN2031">
        <v>64641</v>
      </c>
      <c r="AO2031">
        <v>67.30232278761639</v>
      </c>
      <c r="AP2031">
        <v>1446.5770413384271</v>
      </c>
      <c r="AQ2031">
        <v>1.044921875</v>
      </c>
      <c r="AR2031">
        <v>4.001953125</v>
      </c>
      <c r="AS2031">
        <v>510</v>
      </c>
      <c r="AT2031">
        <v>150.109375</v>
      </c>
      <c r="AU2031">
        <v>4.3660802165354277E-2</v>
      </c>
      <c r="AV2031">
        <v>-9.948631047118936E-2</v>
      </c>
      <c r="AW2031">
        <v>0.3671875</v>
      </c>
      <c r="AX2031">
        <v>95.072407045009783</v>
      </c>
      <c r="AY2031">
        <v>67</v>
      </c>
      <c r="AZ2031">
        <v>138</v>
      </c>
      <c r="BA2031">
        <v>0.61177864433566986</v>
      </c>
      <c r="BB2031">
        <v>0.482421875</v>
      </c>
      <c r="BC2031">
        <v>5.1367036284112988</v>
      </c>
      <c r="BD2031" t="s">
        <v>7751</v>
      </c>
      <c r="BE2031" t="s">
        <v>62</v>
      </c>
    </row>
    <row r="2032" spans="1:57" x14ac:dyDescent="0.3">
      <c r="A2032" t="s">
        <v>7752</v>
      </c>
      <c r="B2032">
        <v>148</v>
      </c>
      <c r="C2032" t="s">
        <v>7753</v>
      </c>
      <c r="D2032" t="s">
        <v>7754</v>
      </c>
      <c r="E2032" t="s">
        <v>60</v>
      </c>
      <c r="F2032">
        <v>256</v>
      </c>
      <c r="G2032">
        <v>128.53125</v>
      </c>
      <c r="H2032">
        <v>128</v>
      </c>
      <c r="I2032">
        <v>5387.9208984375</v>
      </c>
      <c r="J2032">
        <v>73.402458395053088</v>
      </c>
      <c r="K2032">
        <v>-9.045482847447087E-3</v>
      </c>
      <c r="L2032">
        <v>-1.18127438299869</v>
      </c>
      <c r="M2032">
        <v>7.247779589725436</v>
      </c>
      <c r="N2032">
        <v>4</v>
      </c>
      <c r="O2032">
        <v>1</v>
      </c>
      <c r="P2032">
        <v>3</v>
      </c>
      <c r="Q2032">
        <v>0.74664146537639076</v>
      </c>
      <c r="R2032">
        <v>5.0237779879381028</v>
      </c>
      <c r="S2032">
        <v>1</v>
      </c>
      <c r="T2032">
        <v>1</v>
      </c>
      <c r="U2032">
        <v>0</v>
      </c>
      <c r="V2032">
        <v>0</v>
      </c>
      <c r="W2032">
        <v>5.541263545158424</v>
      </c>
      <c r="X2032">
        <v>1</v>
      </c>
      <c r="Y2032">
        <v>1</v>
      </c>
      <c r="Z2032">
        <v>0</v>
      </c>
      <c r="AA2032">
        <v>0</v>
      </c>
      <c r="AB2032">
        <v>5.5373342670185366</v>
      </c>
      <c r="AC2032">
        <v>1</v>
      </c>
      <c r="AD2032">
        <v>1</v>
      </c>
      <c r="AE2032">
        <v>0</v>
      </c>
      <c r="AF2032">
        <v>0</v>
      </c>
      <c r="AG2032">
        <v>5.5333894887275203</v>
      </c>
      <c r="AH2032">
        <v>-5.4469081302967022E-2</v>
      </c>
      <c r="AI2032">
        <v>-2.410899286480845E-2</v>
      </c>
      <c r="AJ2032">
        <v>-2.1751811648134729E-2</v>
      </c>
      <c r="AK2032">
        <v>6.2246502989905618E-2</v>
      </c>
      <c r="AL2032">
        <v>1173.4946351658759</v>
      </c>
      <c r="AM2032">
        <v>2057.0392172335719</v>
      </c>
      <c r="AN2032">
        <v>32904</v>
      </c>
      <c r="AO2032">
        <v>74.896084518349383</v>
      </c>
      <c r="AP2032">
        <v>982.24280309201333</v>
      </c>
      <c r="AQ2032">
        <v>1.08984375</v>
      </c>
      <c r="AR2032">
        <v>4</v>
      </c>
      <c r="AS2032">
        <v>256</v>
      </c>
      <c r="AT2032">
        <v>62.195312500000007</v>
      </c>
      <c r="AU2032">
        <v>2.4846813725490191E-2</v>
      </c>
      <c r="AV2032">
        <v>-5.4798054254977219E-2</v>
      </c>
      <c r="AW2032">
        <v>0.37890625</v>
      </c>
      <c r="AX2032">
        <v>87.478431372549025</v>
      </c>
      <c r="AY2032">
        <v>62.5</v>
      </c>
      <c r="AZ2032">
        <v>124.25</v>
      </c>
      <c r="BA2032">
        <v>0.5710864742625088</v>
      </c>
      <c r="BB2032">
        <v>0.5</v>
      </c>
      <c r="BC2032">
        <v>4.8868017079836221</v>
      </c>
      <c r="BD2032" t="s">
        <v>7755</v>
      </c>
      <c r="BE2032" t="s">
        <v>62</v>
      </c>
    </row>
    <row r="2033" spans="1:57" x14ac:dyDescent="0.3">
      <c r="A2033" t="s">
        <v>7756</v>
      </c>
      <c r="B2033">
        <v>2405</v>
      </c>
      <c r="C2033" t="s">
        <v>7757</v>
      </c>
      <c r="D2033" t="s">
        <v>7758</v>
      </c>
      <c r="E2033" t="s">
        <v>98</v>
      </c>
      <c r="F2033">
        <v>16</v>
      </c>
      <c r="G2033">
        <v>131.6875</v>
      </c>
      <c r="H2033">
        <v>124.5</v>
      </c>
      <c r="I2033">
        <v>5564.46484375</v>
      </c>
      <c r="J2033">
        <v>74.595340630296747</v>
      </c>
      <c r="K2033">
        <v>-5.7963919194555243E-2</v>
      </c>
      <c r="L2033">
        <v>-1.37462684185753</v>
      </c>
      <c r="M2033">
        <v>4</v>
      </c>
      <c r="N2033">
        <v>1</v>
      </c>
      <c r="O2033">
        <v>1</v>
      </c>
      <c r="P2033">
        <v>0</v>
      </c>
      <c r="Q2033">
        <v>0</v>
      </c>
      <c r="R2033">
        <v>2.7725887222397811</v>
      </c>
      <c r="S2033">
        <v>1</v>
      </c>
      <c r="T2033">
        <v>1</v>
      </c>
      <c r="U2033">
        <v>0</v>
      </c>
      <c r="V2033">
        <v>0</v>
      </c>
      <c r="W2033">
        <v>2.7080502011022101</v>
      </c>
      <c r="X2033">
        <v>1</v>
      </c>
      <c r="Y2033">
        <v>1</v>
      </c>
      <c r="Z2033">
        <v>0</v>
      </c>
      <c r="AA2033">
        <v>0</v>
      </c>
      <c r="AB2033">
        <v>2.639057329615258</v>
      </c>
      <c r="AC2033">
        <v>1</v>
      </c>
      <c r="AD2033">
        <v>1</v>
      </c>
      <c r="AE2033">
        <v>0</v>
      </c>
      <c r="AF2033">
        <v>0</v>
      </c>
      <c r="AG2033">
        <v>2.5649493574615372</v>
      </c>
      <c r="AH2033">
        <v>2.9893540062744691E-2</v>
      </c>
      <c r="AI2033">
        <v>-0.14643431779364449</v>
      </c>
      <c r="AJ2033">
        <v>0.25114596985755733</v>
      </c>
      <c r="AK2033">
        <v>-9.1414777645255921E-2</v>
      </c>
      <c r="AL2033">
        <v>403.80333501634709</v>
      </c>
      <c r="AM2033">
        <v>451.04308733166027</v>
      </c>
      <c r="AN2033">
        <v>2107</v>
      </c>
      <c r="AO2033">
        <v>75</v>
      </c>
      <c r="AP2033">
        <v>248.50152297267081</v>
      </c>
      <c r="AQ2033">
        <v>2.3125</v>
      </c>
      <c r="AR2033">
        <v>3.875</v>
      </c>
      <c r="AS2033">
        <v>16</v>
      </c>
      <c r="AT2033">
        <v>0</v>
      </c>
      <c r="AU2033">
        <v>0.1506474103585658</v>
      </c>
      <c r="AV2033">
        <v>4.4239879851518768E-2</v>
      </c>
      <c r="AW2033">
        <v>0.4375</v>
      </c>
      <c r="AX2033">
        <v>78.933333333333337</v>
      </c>
      <c r="AY2033">
        <v>71.5</v>
      </c>
      <c r="AZ2033">
        <v>128.5</v>
      </c>
      <c r="BA2033">
        <v>0.56645726154947695</v>
      </c>
      <c r="BB2033">
        <v>0.5</v>
      </c>
      <c r="BC2033">
        <v>2.7080502011022101</v>
      </c>
      <c r="BD2033" t="s">
        <v>7757</v>
      </c>
      <c r="BE2033" t="s">
        <v>62</v>
      </c>
    </row>
    <row r="2034" spans="1:57" x14ac:dyDescent="0.3">
      <c r="A2034" t="s">
        <v>7759</v>
      </c>
      <c r="B2034">
        <v>157</v>
      </c>
      <c r="C2034" t="s">
        <v>7760</v>
      </c>
      <c r="D2034" t="s">
        <v>7761</v>
      </c>
      <c r="E2034" t="s">
        <v>60</v>
      </c>
      <c r="F2034">
        <v>512</v>
      </c>
      <c r="G2034">
        <v>123.697265625</v>
      </c>
      <c r="H2034">
        <v>124.5</v>
      </c>
      <c r="I2034">
        <v>5105.6759300231934</v>
      </c>
      <c r="J2034">
        <v>71.454012693642284</v>
      </c>
      <c r="K2034">
        <v>0.100362301134907</v>
      </c>
      <c r="L2034">
        <v>-1.1140784014956699</v>
      </c>
      <c r="M2034">
        <v>7.6156339877052268</v>
      </c>
      <c r="N2034">
        <v>6</v>
      </c>
      <c r="O2034">
        <v>1</v>
      </c>
      <c r="P2034">
        <v>5</v>
      </c>
      <c r="Q2034">
        <v>1.22057196361679</v>
      </c>
      <c r="R2034">
        <v>5.2787552267543694</v>
      </c>
      <c r="S2034">
        <v>2</v>
      </c>
      <c r="T2034">
        <v>1</v>
      </c>
      <c r="U2034">
        <v>1</v>
      </c>
      <c r="V2034">
        <v>6.2560641760670568E-2</v>
      </c>
      <c r="W2034">
        <v>6.2309437805711401</v>
      </c>
      <c r="X2034">
        <v>1</v>
      </c>
      <c r="Y2034">
        <v>1</v>
      </c>
      <c r="Z2034">
        <v>0</v>
      </c>
      <c r="AA2034">
        <v>0</v>
      </c>
      <c r="AB2034">
        <v>6.2344107257183694</v>
      </c>
      <c r="AC2034">
        <v>1</v>
      </c>
      <c r="AD2034">
        <v>1</v>
      </c>
      <c r="AE2034">
        <v>0</v>
      </c>
      <c r="AF2034">
        <v>0</v>
      </c>
      <c r="AG2034">
        <v>6.2324480165505216</v>
      </c>
      <c r="AH2034">
        <v>-5.0243086484104589E-2</v>
      </c>
      <c r="AI2034">
        <v>-3.6598268030935792E-3</v>
      </c>
      <c r="AJ2034">
        <v>-7.3479571291411791E-2</v>
      </c>
      <c r="AK2034">
        <v>3.0138483519136991E-2</v>
      </c>
      <c r="AL2034">
        <v>1541.011431065532</v>
      </c>
      <c r="AM2034">
        <v>2841.3920478042728</v>
      </c>
      <c r="AN2034">
        <v>63333</v>
      </c>
      <c r="AO2034">
        <v>52.353729082134649</v>
      </c>
      <c r="AP2034">
        <v>1339.779470813238</v>
      </c>
      <c r="AQ2034">
        <v>1.044921875</v>
      </c>
      <c r="AR2034">
        <v>3.90625</v>
      </c>
      <c r="AS2034">
        <v>510</v>
      </c>
      <c r="AT2034">
        <v>146</v>
      </c>
      <c r="AU2034">
        <v>6.111589566929132E-2</v>
      </c>
      <c r="AV2034">
        <v>-5.0417725918605057E-2</v>
      </c>
      <c r="AW2034">
        <v>0.388671875</v>
      </c>
      <c r="AX2034">
        <v>85.393346379647753</v>
      </c>
      <c r="AY2034">
        <v>57.5</v>
      </c>
      <c r="AZ2034">
        <v>114.25</v>
      </c>
      <c r="BA2034">
        <v>0.57765232184082305</v>
      </c>
      <c r="BB2034">
        <v>0.5078125</v>
      </c>
      <c r="BC2034">
        <v>5.0525914561174208</v>
      </c>
      <c r="BD2034" t="s">
        <v>7762</v>
      </c>
      <c r="BE2034" t="s">
        <v>62</v>
      </c>
    </row>
    <row r="2035" spans="1:57" x14ac:dyDescent="0.3">
      <c r="A2035" t="s">
        <v>7763</v>
      </c>
      <c r="B2035">
        <v>156</v>
      </c>
      <c r="C2035" t="s">
        <v>7764</v>
      </c>
      <c r="D2035" t="s">
        <v>7765</v>
      </c>
      <c r="E2035" t="s">
        <v>60</v>
      </c>
      <c r="F2035">
        <v>256</v>
      </c>
      <c r="G2035">
        <v>132.31640625</v>
      </c>
      <c r="H2035">
        <v>131.5</v>
      </c>
      <c r="I2035">
        <v>5263.7709808349609</v>
      </c>
      <c r="J2035">
        <v>72.551850292290695</v>
      </c>
      <c r="K2035">
        <v>-2.4994936685895641E-2</v>
      </c>
      <c r="L2035">
        <v>-1.139814024881445</v>
      </c>
      <c r="M2035">
        <v>7.152995751809458</v>
      </c>
      <c r="N2035">
        <v>4</v>
      </c>
      <c r="O2035">
        <v>1</v>
      </c>
      <c r="P2035">
        <v>3</v>
      </c>
      <c r="Q2035">
        <v>0.82310388165771642</v>
      </c>
      <c r="R2035">
        <v>4.958078837923992</v>
      </c>
      <c r="S2035">
        <v>1</v>
      </c>
      <c r="T2035">
        <v>1</v>
      </c>
      <c r="U2035">
        <v>0</v>
      </c>
      <c r="V2035">
        <v>0</v>
      </c>
      <c r="W2035">
        <v>5.541263545158424</v>
      </c>
      <c r="X2035">
        <v>1</v>
      </c>
      <c r="Y2035">
        <v>1</v>
      </c>
      <c r="Z2035">
        <v>0</v>
      </c>
      <c r="AA2035">
        <v>0</v>
      </c>
      <c r="AB2035">
        <v>5.5373342670185366</v>
      </c>
      <c r="AC2035">
        <v>1</v>
      </c>
      <c r="AD2035">
        <v>1</v>
      </c>
      <c r="AE2035">
        <v>0</v>
      </c>
      <c r="AF2035">
        <v>0</v>
      </c>
      <c r="AG2035">
        <v>5.5333894887275203</v>
      </c>
      <c r="AH2035">
        <v>7.4015557282146344E-2</v>
      </c>
      <c r="AI2035">
        <v>-5.7760059445229599E-2</v>
      </c>
      <c r="AJ2035">
        <v>-4.0015840218138428E-2</v>
      </c>
      <c r="AK2035">
        <v>0.1011778889162482</v>
      </c>
      <c r="AL2035">
        <v>1166.429044234143</v>
      </c>
      <c r="AM2035">
        <v>2113.9825649155732</v>
      </c>
      <c r="AN2035">
        <v>33873</v>
      </c>
      <c r="AO2035">
        <v>73.720306181174692</v>
      </c>
      <c r="AP2035">
        <v>986.99293229475438</v>
      </c>
      <c r="AQ2035">
        <v>1.08984375</v>
      </c>
      <c r="AR2035">
        <v>4.14453125</v>
      </c>
      <c r="AS2035">
        <v>254</v>
      </c>
      <c r="AT2035">
        <v>67.749999999999972</v>
      </c>
      <c r="AU2035">
        <v>5.6495098039215708E-2</v>
      </c>
      <c r="AV2035">
        <v>7.4018353374130305E-2</v>
      </c>
      <c r="AW2035">
        <v>0.36328125</v>
      </c>
      <c r="AX2035">
        <v>79.498039215686276</v>
      </c>
      <c r="AY2035">
        <v>61</v>
      </c>
      <c r="AZ2035">
        <v>120.5</v>
      </c>
      <c r="BA2035">
        <v>0.54832089495546354</v>
      </c>
      <c r="BB2035">
        <v>0.49609375</v>
      </c>
      <c r="BC2035">
        <v>4.8213517610543981</v>
      </c>
      <c r="BD2035" t="s">
        <v>7766</v>
      </c>
      <c r="BE2035" t="s">
        <v>62</v>
      </c>
    </row>
    <row r="2036" spans="1:57" x14ac:dyDescent="0.3">
      <c r="A2036" t="s">
        <v>7767</v>
      </c>
      <c r="B2036">
        <v>149</v>
      </c>
      <c r="C2036" t="s">
        <v>7768</v>
      </c>
      <c r="D2036" t="s">
        <v>7769</v>
      </c>
      <c r="E2036" t="s">
        <v>60</v>
      </c>
      <c r="F2036">
        <v>512</v>
      </c>
      <c r="G2036">
        <v>125.408203125</v>
      </c>
      <c r="H2036">
        <v>124.5</v>
      </c>
      <c r="I2036">
        <v>5411.3314170837402</v>
      </c>
      <c r="J2036">
        <v>73.561752406286104</v>
      </c>
      <c r="K2036">
        <v>5.9903316209108928E-3</v>
      </c>
      <c r="L2036">
        <v>-1.164426677646395</v>
      </c>
      <c r="M2036">
        <v>7.6024586260894296</v>
      </c>
      <c r="N2036">
        <v>9</v>
      </c>
      <c r="O2036">
        <v>1</v>
      </c>
      <c r="P2036">
        <v>8</v>
      </c>
      <c r="Q2036">
        <v>1.2572058985539181</v>
      </c>
      <c r="R2036">
        <v>5.2696227619975229</v>
      </c>
      <c r="S2036">
        <v>2</v>
      </c>
      <c r="T2036">
        <v>1</v>
      </c>
      <c r="U2036">
        <v>1</v>
      </c>
      <c r="V2036">
        <v>8.8472037443809853E-2</v>
      </c>
      <c r="W2036">
        <v>6.2255179709385784</v>
      </c>
      <c r="X2036">
        <v>1</v>
      </c>
      <c r="Y2036">
        <v>1</v>
      </c>
      <c r="Z2036">
        <v>0</v>
      </c>
      <c r="AA2036">
        <v>0</v>
      </c>
      <c r="AB2036">
        <v>6.2344107257183694</v>
      </c>
      <c r="AC2036">
        <v>1</v>
      </c>
      <c r="AD2036">
        <v>1</v>
      </c>
      <c r="AE2036">
        <v>0</v>
      </c>
      <c r="AF2036">
        <v>0</v>
      </c>
      <c r="AG2036">
        <v>6.2324480165505216</v>
      </c>
      <c r="AH2036">
        <v>-9.8307125984585866E-3</v>
      </c>
      <c r="AI2036">
        <v>3.5203413739456603E-2</v>
      </c>
      <c r="AJ2036">
        <v>-4.2626483479443179E-2</v>
      </c>
      <c r="AK2036">
        <v>2.736048207868777E-2</v>
      </c>
      <c r="AL2036">
        <v>1619.8383923635181</v>
      </c>
      <c r="AM2036">
        <v>2863.4001785683349</v>
      </c>
      <c r="AN2036">
        <v>64209</v>
      </c>
      <c r="AO2036">
        <v>67.83952099204258</v>
      </c>
      <c r="AP2036">
        <v>1452.2382849130411</v>
      </c>
      <c r="AQ2036">
        <v>1.044921875</v>
      </c>
      <c r="AR2036">
        <v>3.986328125</v>
      </c>
      <c r="AS2036">
        <v>510</v>
      </c>
      <c r="AT2036">
        <v>153.515625</v>
      </c>
      <c r="AU2036">
        <v>3.2291666666666718E-2</v>
      </c>
      <c r="AV2036">
        <v>-9.8359551708212829E-3</v>
      </c>
      <c r="AW2036">
        <v>0.369140625</v>
      </c>
      <c r="AX2036">
        <v>85.74168297455968</v>
      </c>
      <c r="AY2036">
        <v>62.5</v>
      </c>
      <c r="AZ2036">
        <v>125.25</v>
      </c>
      <c r="BA2036">
        <v>0.58657847392138929</v>
      </c>
      <c r="BB2036">
        <v>0.494140625</v>
      </c>
      <c r="BC2036">
        <v>5.0871059513516954</v>
      </c>
      <c r="BD2036" t="s">
        <v>7770</v>
      </c>
      <c r="BE2036" t="s">
        <v>62</v>
      </c>
    </row>
    <row r="2037" spans="1:57" x14ac:dyDescent="0.3">
      <c r="A2037" t="s">
        <v>7771</v>
      </c>
      <c r="B2037">
        <v>2726</v>
      </c>
      <c r="C2037" t="s">
        <v>7772</v>
      </c>
      <c r="D2037" t="s">
        <v>7773</v>
      </c>
      <c r="E2037" t="s">
        <v>72</v>
      </c>
      <c r="F2037">
        <v>2752</v>
      </c>
      <c r="G2037">
        <v>129.92441860465121</v>
      </c>
      <c r="H2037">
        <v>130</v>
      </c>
      <c r="I2037">
        <v>5531.5407990805843</v>
      </c>
      <c r="J2037">
        <v>74.374328898354335</v>
      </c>
      <c r="K2037">
        <v>-4.6418743936940843E-2</v>
      </c>
      <c r="L2037">
        <v>-1.2208429053736169</v>
      </c>
      <c r="M2037">
        <v>7.9377829242324403</v>
      </c>
      <c r="N2037">
        <v>21</v>
      </c>
      <c r="O2037">
        <v>3</v>
      </c>
      <c r="P2037">
        <v>18</v>
      </c>
      <c r="Q2037">
        <v>3.0948546007849869</v>
      </c>
      <c r="R2037">
        <v>5.5020518538285996</v>
      </c>
      <c r="S2037">
        <v>2</v>
      </c>
      <c r="T2037">
        <v>1</v>
      </c>
      <c r="U2037">
        <v>1</v>
      </c>
      <c r="V2037">
        <v>0.16504968457775179</v>
      </c>
      <c r="W2037">
        <v>7.8819254762702711</v>
      </c>
      <c r="X2037">
        <v>1</v>
      </c>
      <c r="Y2037">
        <v>1</v>
      </c>
      <c r="Z2037">
        <v>0</v>
      </c>
      <c r="AA2037">
        <v>0</v>
      </c>
      <c r="AB2037">
        <v>7.9193561906606158</v>
      </c>
      <c r="AC2037">
        <v>1</v>
      </c>
      <c r="AD2037">
        <v>1</v>
      </c>
      <c r="AE2037">
        <v>0</v>
      </c>
      <c r="AF2037">
        <v>0</v>
      </c>
      <c r="AG2037">
        <v>7.9189924881652436</v>
      </c>
      <c r="AH2037">
        <v>9.3722278300629458E-3</v>
      </c>
      <c r="AI2037">
        <v>1.406572873237906E-2</v>
      </c>
      <c r="AJ2037">
        <v>-7.0301423535381888E-3</v>
      </c>
      <c r="AK2037">
        <v>-6.1921784277213327E-3</v>
      </c>
      <c r="AL2037">
        <v>3591.9114021897199</v>
      </c>
      <c r="AM2037">
        <v>6983.9608016382426</v>
      </c>
      <c r="AN2037">
        <v>357552</v>
      </c>
      <c r="AO2037">
        <v>30.95434534119568</v>
      </c>
      <c r="AP2037">
        <v>3272.7855815994781</v>
      </c>
      <c r="AQ2037">
        <v>1.008357558139535</v>
      </c>
      <c r="AR2037">
        <v>4.0279796511627914</v>
      </c>
      <c r="AS2037">
        <v>2736</v>
      </c>
      <c r="AT2037">
        <v>228.0930232558139</v>
      </c>
      <c r="AU2037">
        <v>2.37388850889193E-2</v>
      </c>
      <c r="AV2037">
        <v>9.3783214719266109E-3</v>
      </c>
      <c r="AW2037">
        <v>0.36010174418604651</v>
      </c>
      <c r="AX2037">
        <v>85.102144674663762</v>
      </c>
      <c r="AY2037">
        <v>65</v>
      </c>
      <c r="AZ2037">
        <v>131</v>
      </c>
      <c r="BA2037">
        <v>0.57244303801480945</v>
      </c>
      <c r="BB2037">
        <v>0.50290697674418605</v>
      </c>
      <c r="BC2037">
        <v>5.3158125279105164</v>
      </c>
      <c r="BD2037" t="s">
        <v>7774</v>
      </c>
      <c r="BE2037" t="s">
        <v>62</v>
      </c>
    </row>
    <row r="2038" spans="1:57" x14ac:dyDescent="0.3">
      <c r="A2038" t="s">
        <v>7775</v>
      </c>
      <c r="B2038">
        <v>856</v>
      </c>
      <c r="C2038" t="s">
        <v>7776</v>
      </c>
      <c r="D2038" t="s">
        <v>7777</v>
      </c>
      <c r="E2038" t="s">
        <v>128</v>
      </c>
      <c r="F2038">
        <v>32</v>
      </c>
      <c r="G2038">
        <v>120.96875</v>
      </c>
      <c r="H2038">
        <v>110.5</v>
      </c>
      <c r="I2038">
        <v>4564.5927734375</v>
      </c>
      <c r="J2038">
        <v>67.561770058499064</v>
      </c>
      <c r="K2038">
        <v>5.2064907818368901E-2</v>
      </c>
      <c r="L2038">
        <v>-1.177677243147776</v>
      </c>
      <c r="M2038">
        <v>5</v>
      </c>
      <c r="N2038">
        <v>1</v>
      </c>
      <c r="O2038">
        <v>1</v>
      </c>
      <c r="P2038">
        <v>0</v>
      </c>
      <c r="Q2038">
        <v>0</v>
      </c>
      <c r="R2038">
        <v>3.465735902799727</v>
      </c>
      <c r="S2038">
        <v>1</v>
      </c>
      <c r="T2038">
        <v>1</v>
      </c>
      <c r="U2038">
        <v>0</v>
      </c>
      <c r="V2038">
        <v>0</v>
      </c>
      <c r="W2038">
        <v>3.4339872044851458</v>
      </c>
      <c r="X2038">
        <v>1</v>
      </c>
      <c r="Y2038">
        <v>1</v>
      </c>
      <c r="Z2038">
        <v>0</v>
      </c>
      <c r="AA2038">
        <v>0</v>
      </c>
      <c r="AB2038">
        <v>3.401197381662155</v>
      </c>
      <c r="AC2038">
        <v>1</v>
      </c>
      <c r="AD2038">
        <v>1</v>
      </c>
      <c r="AE2038">
        <v>0</v>
      </c>
      <c r="AF2038">
        <v>0</v>
      </c>
      <c r="AG2038">
        <v>3.3672958299864728</v>
      </c>
      <c r="AH2038">
        <v>-5.2131060442523899E-2</v>
      </c>
      <c r="AI2038">
        <v>-0.23377976722149921</v>
      </c>
      <c r="AJ2038">
        <v>-0.31348680522825262</v>
      </c>
      <c r="AK2038">
        <v>-3.5288246957784562E-2</v>
      </c>
      <c r="AL2038">
        <v>446.90545932865831</v>
      </c>
      <c r="AM2038">
        <v>643.90411586061555</v>
      </c>
      <c r="AN2038">
        <v>3871</v>
      </c>
      <c r="AO2038">
        <v>106.5270772976867</v>
      </c>
      <c r="AP2038">
        <v>293.6042912247857</v>
      </c>
      <c r="AQ2038">
        <v>1.65625</v>
      </c>
      <c r="AR2038">
        <v>3.625</v>
      </c>
      <c r="AS2038">
        <v>32</v>
      </c>
      <c r="AT2038">
        <v>0</v>
      </c>
      <c r="AU2038">
        <v>7.8059071729957796E-2</v>
      </c>
      <c r="AV2038">
        <v>-5.3954700592979001E-2</v>
      </c>
      <c r="AW2038">
        <v>0.4375</v>
      </c>
      <c r="AX2038">
        <v>78.741935483870961</v>
      </c>
      <c r="AY2038">
        <v>60</v>
      </c>
      <c r="AZ2038">
        <v>105.25</v>
      </c>
      <c r="BA2038">
        <v>0.55850597826710668</v>
      </c>
      <c r="BB2038">
        <v>0.46875</v>
      </c>
      <c r="BC2038">
        <v>3.2382315403482389</v>
      </c>
      <c r="BD2038" t="s">
        <v>7778</v>
      </c>
      <c r="BE2038" t="s">
        <v>62</v>
      </c>
    </row>
    <row r="2039" spans="1:57" x14ac:dyDescent="0.3">
      <c r="A2039" t="s">
        <v>7779</v>
      </c>
      <c r="B2039">
        <v>155</v>
      </c>
      <c r="C2039" t="s">
        <v>7780</v>
      </c>
      <c r="D2039" t="s">
        <v>7781</v>
      </c>
      <c r="E2039" t="s">
        <v>60</v>
      </c>
      <c r="F2039">
        <v>256</v>
      </c>
      <c r="G2039">
        <v>131.65234375</v>
      </c>
      <c r="H2039">
        <v>135.5</v>
      </c>
      <c r="I2039">
        <v>6421.0705413818359</v>
      </c>
      <c r="J2039">
        <v>80.131582671140578</v>
      </c>
      <c r="K2039">
        <v>-9.4372695435004872E-2</v>
      </c>
      <c r="L2039">
        <v>-1.3327716631215909</v>
      </c>
      <c r="M2039">
        <v>7.141200634588154</v>
      </c>
      <c r="N2039">
        <v>4</v>
      </c>
      <c r="O2039">
        <v>1</v>
      </c>
      <c r="P2039">
        <v>3</v>
      </c>
      <c r="Q2039">
        <v>0.75912160733781853</v>
      </c>
      <c r="R2039">
        <v>4.9499030856776702</v>
      </c>
      <c r="S2039">
        <v>2</v>
      </c>
      <c r="T2039">
        <v>1</v>
      </c>
      <c r="U2039">
        <v>1</v>
      </c>
      <c r="V2039">
        <v>6.2621943781838052E-2</v>
      </c>
      <c r="W2039">
        <v>5.5358270966834446</v>
      </c>
      <c r="X2039">
        <v>1</v>
      </c>
      <c r="Y2039">
        <v>1</v>
      </c>
      <c r="Z2039">
        <v>0</v>
      </c>
      <c r="AA2039">
        <v>0</v>
      </c>
      <c r="AB2039">
        <v>5.5373342670185366</v>
      </c>
      <c r="AC2039">
        <v>1</v>
      </c>
      <c r="AD2039">
        <v>1</v>
      </c>
      <c r="AE2039">
        <v>0</v>
      </c>
      <c r="AF2039">
        <v>0</v>
      </c>
      <c r="AG2039">
        <v>5.5333894887275203</v>
      </c>
      <c r="AH2039">
        <v>-6.9375588056436691E-2</v>
      </c>
      <c r="AI2039">
        <v>3.353938171697033E-2</v>
      </c>
      <c r="AJ2039">
        <v>0.15303779272743481</v>
      </c>
      <c r="AK2039">
        <v>-7.2479245834627453E-3</v>
      </c>
      <c r="AL2039">
        <v>1260.2858546843861</v>
      </c>
      <c r="AM2039">
        <v>2119.564239291286</v>
      </c>
      <c r="AN2039">
        <v>33703</v>
      </c>
      <c r="AO2039">
        <v>78.596708753137108</v>
      </c>
      <c r="AP2039">
        <v>1022.65671519829</v>
      </c>
      <c r="AQ2039">
        <v>1.08984375</v>
      </c>
      <c r="AR2039">
        <v>4.01953125</v>
      </c>
      <c r="AS2039">
        <v>255</v>
      </c>
      <c r="AT2039">
        <v>54.78125</v>
      </c>
      <c r="AU2039">
        <v>7.6679379921259838E-2</v>
      </c>
      <c r="AV2039">
        <v>-6.9801093471846015E-2</v>
      </c>
      <c r="AW2039">
        <v>0.3359375</v>
      </c>
      <c r="AX2039">
        <v>96.82352941176471</v>
      </c>
      <c r="AY2039">
        <v>73.5</v>
      </c>
      <c r="AZ2039">
        <v>150.25</v>
      </c>
      <c r="BA2039">
        <v>0.60866050986001208</v>
      </c>
      <c r="BB2039">
        <v>0.515625</v>
      </c>
      <c r="BC2039">
        <v>4.8520247810140509</v>
      </c>
      <c r="BD2039" t="s">
        <v>7782</v>
      </c>
      <c r="BE2039" t="s">
        <v>62</v>
      </c>
    </row>
    <row r="2040" spans="1:57" x14ac:dyDescent="0.3">
      <c r="A2040" t="s">
        <v>7783</v>
      </c>
      <c r="B2040">
        <v>717</v>
      </c>
      <c r="C2040" t="s">
        <v>7784</v>
      </c>
      <c r="D2040" t="s">
        <v>7785</v>
      </c>
      <c r="E2040" t="s">
        <v>98</v>
      </c>
      <c r="F2040">
        <v>16</v>
      </c>
      <c r="G2040">
        <v>119.5</v>
      </c>
      <c r="H2040">
        <v>117</v>
      </c>
      <c r="I2040">
        <v>3228</v>
      </c>
      <c r="J2040">
        <v>56.815490845367172</v>
      </c>
      <c r="K2040">
        <v>0.72090626188819462</v>
      </c>
      <c r="L2040">
        <v>-0.14424643670278181</v>
      </c>
      <c r="M2040">
        <v>3.875</v>
      </c>
      <c r="N2040">
        <v>2</v>
      </c>
      <c r="O2040">
        <v>1</v>
      </c>
      <c r="P2040">
        <v>1</v>
      </c>
      <c r="Q2040">
        <v>0.24944382578492949</v>
      </c>
      <c r="R2040">
        <v>2.6859453246697882</v>
      </c>
      <c r="S2040">
        <v>1</v>
      </c>
      <c r="T2040">
        <v>1</v>
      </c>
      <c r="U2040">
        <v>0</v>
      </c>
      <c r="V2040">
        <v>0</v>
      </c>
      <c r="W2040">
        <v>2.7080502011022101</v>
      </c>
      <c r="X2040">
        <v>1</v>
      </c>
      <c r="Y2040">
        <v>1</v>
      </c>
      <c r="Z2040">
        <v>0</v>
      </c>
      <c r="AA2040">
        <v>0</v>
      </c>
      <c r="AB2040">
        <v>2.639057329615258</v>
      </c>
      <c r="AC2040">
        <v>1</v>
      </c>
      <c r="AD2040">
        <v>1</v>
      </c>
      <c r="AE2040">
        <v>0</v>
      </c>
      <c r="AF2040">
        <v>0</v>
      </c>
      <c r="AG2040">
        <v>2.5649493574615372</v>
      </c>
      <c r="AH2040">
        <v>-6.0181420384138783E-2</v>
      </c>
      <c r="AI2040">
        <v>-0.43233039033457249</v>
      </c>
      <c r="AJ2040">
        <v>-0.2272643664807931</v>
      </c>
      <c r="AK2040">
        <v>7.8580003097893439E-2</v>
      </c>
      <c r="AL2040">
        <v>315.48068964524981</v>
      </c>
      <c r="AM2040">
        <v>424.97521629026511</v>
      </c>
      <c r="AN2040">
        <v>1912</v>
      </c>
      <c r="AO2040">
        <v>23.610415610663178</v>
      </c>
      <c r="AP2040">
        <v>218.27667959588541</v>
      </c>
      <c r="AQ2040">
        <v>2.25</v>
      </c>
      <c r="AR2040">
        <v>4.4375</v>
      </c>
      <c r="AS2040">
        <v>16</v>
      </c>
      <c r="AT2040">
        <v>0.87499999999999989</v>
      </c>
      <c r="AU2040">
        <v>0.39940239043824699</v>
      </c>
      <c r="AV2040">
        <v>-7.5809224667883091E-2</v>
      </c>
      <c r="AW2040">
        <v>0.75</v>
      </c>
      <c r="AX2040">
        <v>60.93333333333333</v>
      </c>
      <c r="AY2040">
        <v>44</v>
      </c>
      <c r="AZ2040">
        <v>59.75</v>
      </c>
      <c r="BA2040">
        <v>0.47544343803654532</v>
      </c>
      <c r="BB2040">
        <v>0.5</v>
      </c>
      <c r="BC2040">
        <v>2.615630577027551</v>
      </c>
      <c r="BD2040" t="s">
        <v>7784</v>
      </c>
      <c r="BE2040" t="s">
        <v>62</v>
      </c>
    </row>
    <row r="2041" spans="1:57" x14ac:dyDescent="0.3">
      <c r="A2041" t="s">
        <v>7786</v>
      </c>
      <c r="B2041">
        <v>1594</v>
      </c>
      <c r="C2041" t="s">
        <v>7787</v>
      </c>
      <c r="D2041" t="s">
        <v>7788</v>
      </c>
      <c r="E2041" t="s">
        <v>66</v>
      </c>
      <c r="F2041">
        <v>71</v>
      </c>
      <c r="G2041">
        <v>119.1267605633803</v>
      </c>
      <c r="H2041">
        <v>123</v>
      </c>
      <c r="I2041">
        <v>5437.5473120412616</v>
      </c>
      <c r="J2041">
        <v>73.739726823749905</v>
      </c>
      <c r="K2041">
        <v>6.9179781837628504E-2</v>
      </c>
      <c r="L2041">
        <v>-1.163475541232089</v>
      </c>
      <c r="M2041">
        <v>5.8680569786596086</v>
      </c>
      <c r="N2041">
        <v>2</v>
      </c>
      <c r="O2041">
        <v>1</v>
      </c>
      <c r="P2041">
        <v>1</v>
      </c>
      <c r="Q2041">
        <v>0.37021605870938418</v>
      </c>
      <c r="R2041">
        <v>4.067427150123021</v>
      </c>
      <c r="S2041">
        <v>1</v>
      </c>
      <c r="T2041">
        <v>1</v>
      </c>
      <c r="U2041">
        <v>0</v>
      </c>
      <c r="V2041">
        <v>0</v>
      </c>
      <c r="W2041">
        <v>4.2484952420493576</v>
      </c>
      <c r="X2041">
        <v>1</v>
      </c>
      <c r="Y2041">
        <v>1</v>
      </c>
      <c r="Z2041">
        <v>0</v>
      </c>
      <c r="AA2041">
        <v>0</v>
      </c>
      <c r="AB2041">
        <v>4.2341065045972579</v>
      </c>
      <c r="AC2041">
        <v>1</v>
      </c>
      <c r="AD2041">
        <v>1</v>
      </c>
      <c r="AE2041">
        <v>0</v>
      </c>
      <c r="AF2041">
        <v>0</v>
      </c>
      <c r="AG2041">
        <v>4.2195077051761087</v>
      </c>
      <c r="AH2041">
        <v>-0.11495437547199019</v>
      </c>
      <c r="AI2041">
        <v>3.8602357647431189E-2</v>
      </c>
      <c r="AJ2041">
        <v>0.28013341574555289</v>
      </c>
      <c r="AK2041">
        <v>2.9690350998614411E-2</v>
      </c>
      <c r="AL2041">
        <v>668.3822013964284</v>
      </c>
      <c r="AM2041">
        <v>973.09055737709446</v>
      </c>
      <c r="AN2041">
        <v>8458</v>
      </c>
      <c r="AO2041">
        <v>75.642787928929508</v>
      </c>
      <c r="AP2041">
        <v>542.70227985936481</v>
      </c>
      <c r="AQ2041">
        <v>1.323943661971831</v>
      </c>
      <c r="AR2041">
        <v>3.887323943661972</v>
      </c>
      <c r="AS2041">
        <v>71</v>
      </c>
      <c r="AT2041">
        <v>7.1830985915492951</v>
      </c>
      <c r="AU2041">
        <v>6.7770640579880914E-2</v>
      </c>
      <c r="AV2041">
        <v>-0.1159441608983298</v>
      </c>
      <c r="AW2041">
        <v>0.39436619718309862</v>
      </c>
      <c r="AX2041">
        <v>88.01428571428572</v>
      </c>
      <c r="AY2041">
        <v>64</v>
      </c>
      <c r="AZ2041">
        <v>123</v>
      </c>
      <c r="BA2041">
        <v>0.61900219963185654</v>
      </c>
      <c r="BB2041">
        <v>0.52112676056338025</v>
      </c>
      <c r="BC2041">
        <v>4.0429782169784536</v>
      </c>
      <c r="BD2041" t="s">
        <v>7789</v>
      </c>
      <c r="BE2041" t="s">
        <v>68</v>
      </c>
    </row>
    <row r="2042" spans="1:57" x14ac:dyDescent="0.3">
      <c r="A2042" t="s">
        <v>7790</v>
      </c>
      <c r="B2042">
        <v>130</v>
      </c>
      <c r="C2042" t="s">
        <v>7791</v>
      </c>
      <c r="D2042" t="s">
        <v>7792</v>
      </c>
      <c r="E2042" t="s">
        <v>60</v>
      </c>
      <c r="F2042">
        <v>512</v>
      </c>
      <c r="G2042">
        <v>132.724609375</v>
      </c>
      <c r="H2042">
        <v>132</v>
      </c>
      <c r="I2042">
        <v>5545.5315818786621</v>
      </c>
      <c r="J2042">
        <v>74.468326031129919</v>
      </c>
      <c r="K2042">
        <v>-3.6653573298918718E-2</v>
      </c>
      <c r="L2042">
        <v>-1.2398171576847159</v>
      </c>
      <c r="M2042">
        <v>7.6294886438181182</v>
      </c>
      <c r="N2042">
        <v>6</v>
      </c>
      <c r="O2042">
        <v>1</v>
      </c>
      <c r="P2042">
        <v>5</v>
      </c>
      <c r="Q2042">
        <v>1.2115098104767641</v>
      </c>
      <c r="R2042">
        <v>5.2883585425766482</v>
      </c>
      <c r="S2042">
        <v>2</v>
      </c>
      <c r="T2042">
        <v>1</v>
      </c>
      <c r="U2042">
        <v>1</v>
      </c>
      <c r="V2042">
        <v>6.2560641760670568E-2</v>
      </c>
      <c r="W2042">
        <v>6.2309437805711401</v>
      </c>
      <c r="X2042">
        <v>1</v>
      </c>
      <c r="Y2042">
        <v>1</v>
      </c>
      <c r="Z2042">
        <v>0</v>
      </c>
      <c r="AA2042">
        <v>0</v>
      </c>
      <c r="AB2042">
        <v>6.2344107257183694</v>
      </c>
      <c r="AC2042">
        <v>1</v>
      </c>
      <c r="AD2042">
        <v>1</v>
      </c>
      <c r="AE2042">
        <v>0</v>
      </c>
      <c r="AF2042">
        <v>0</v>
      </c>
      <c r="AG2042">
        <v>6.2324480165505216</v>
      </c>
      <c r="AH2042">
        <v>-1.9989201335432949E-3</v>
      </c>
      <c r="AI2042">
        <v>3.692248314660198E-2</v>
      </c>
      <c r="AJ2042">
        <v>-3.0419657797959999E-2</v>
      </c>
      <c r="AK2042">
        <v>-9.7206210127109074E-3</v>
      </c>
      <c r="AL2042">
        <v>1656.6030787799309</v>
      </c>
      <c r="AM2042">
        <v>3018.9864589588428</v>
      </c>
      <c r="AN2042">
        <v>67955</v>
      </c>
      <c r="AO2042">
        <v>47.933556375587997</v>
      </c>
      <c r="AP2042">
        <v>1416.1052346189199</v>
      </c>
      <c r="AQ2042">
        <v>1.044921875</v>
      </c>
      <c r="AR2042">
        <v>4.01171875</v>
      </c>
      <c r="AS2042">
        <v>509</v>
      </c>
      <c r="AT2042">
        <v>147.71875</v>
      </c>
      <c r="AU2042">
        <v>3.1793811274509753E-2</v>
      </c>
      <c r="AV2042">
        <v>-1.9990190805937E-3</v>
      </c>
      <c r="AW2042">
        <v>0.3671875</v>
      </c>
      <c r="AX2042">
        <v>84.939334637964777</v>
      </c>
      <c r="AY2042">
        <v>64.5</v>
      </c>
      <c r="AZ2042">
        <v>130.25</v>
      </c>
      <c r="BA2042">
        <v>0.56107398908010475</v>
      </c>
      <c r="BB2042">
        <v>0.498046875</v>
      </c>
      <c r="BC2042">
        <v>5.0956473320180464</v>
      </c>
      <c r="BD2042" t="s">
        <v>7793</v>
      </c>
      <c r="BE2042" t="s">
        <v>62</v>
      </c>
    </row>
    <row r="2043" spans="1:57" x14ac:dyDescent="0.3">
      <c r="A2043" t="s">
        <v>7794</v>
      </c>
      <c r="B2043">
        <v>801</v>
      </c>
      <c r="C2043" t="s">
        <v>7795</v>
      </c>
      <c r="D2043" t="s">
        <v>7796</v>
      </c>
      <c r="E2043" t="s">
        <v>106</v>
      </c>
      <c r="F2043">
        <v>835</v>
      </c>
      <c r="G2043">
        <v>124.7688622754491</v>
      </c>
      <c r="H2043">
        <v>124</v>
      </c>
      <c r="I2043">
        <v>5562.7525633762416</v>
      </c>
      <c r="J2043">
        <v>74.583862620383513</v>
      </c>
      <c r="K2043">
        <v>8.2776715574646484E-2</v>
      </c>
      <c r="L2043">
        <v>-1.1829381775687819</v>
      </c>
      <c r="M2043">
        <v>7.7535052983944288</v>
      </c>
      <c r="N2043">
        <v>10</v>
      </c>
      <c r="O2043">
        <v>1</v>
      </c>
      <c r="P2043">
        <v>9</v>
      </c>
      <c r="Q2043">
        <v>1.706151742742364</v>
      </c>
      <c r="R2043">
        <v>5.3743203370387089</v>
      </c>
      <c r="S2043">
        <v>2</v>
      </c>
      <c r="T2043">
        <v>1</v>
      </c>
      <c r="U2043">
        <v>1</v>
      </c>
      <c r="V2043">
        <v>7.742729329737616E-2</v>
      </c>
      <c r="W2043">
        <v>6.7179222850858444</v>
      </c>
      <c r="X2043">
        <v>1</v>
      </c>
      <c r="Y2043">
        <v>1</v>
      </c>
      <c r="Z2043">
        <v>0</v>
      </c>
      <c r="AA2043">
        <v>0</v>
      </c>
      <c r="AB2043">
        <v>6.725033642166844</v>
      </c>
      <c r="AC2043">
        <v>1</v>
      </c>
      <c r="AD2043">
        <v>1</v>
      </c>
      <c r="AE2043">
        <v>0</v>
      </c>
      <c r="AF2043">
        <v>0</v>
      </c>
      <c r="AG2043">
        <v>6.7238324408212069</v>
      </c>
      <c r="AH2043">
        <v>-7.5324044755886331E-3</v>
      </c>
      <c r="AI2043">
        <v>6.182361129302899E-3</v>
      </c>
      <c r="AJ2043">
        <v>-6.4000373099800667E-2</v>
      </c>
      <c r="AK2043">
        <v>-5.2645013879934248E-2</v>
      </c>
      <c r="AL2043">
        <v>2015.3460732719229</v>
      </c>
      <c r="AM2043">
        <v>3685.369480112875</v>
      </c>
      <c r="AN2043">
        <v>104182</v>
      </c>
      <c r="AO2043">
        <v>141.60117456707329</v>
      </c>
      <c r="AP2043">
        <v>1735.2298910522611</v>
      </c>
      <c r="AQ2043">
        <v>1.027544910179641</v>
      </c>
      <c r="AR2043">
        <v>3.9245508982035928</v>
      </c>
      <c r="AS2043">
        <v>825</v>
      </c>
      <c r="AT2043">
        <v>209.25748502994011</v>
      </c>
      <c r="AU2043">
        <v>3.2194434660091642E-2</v>
      </c>
      <c r="AV2043">
        <v>-7.5450588208253724E-3</v>
      </c>
      <c r="AW2043">
        <v>0.3772455089820359</v>
      </c>
      <c r="AX2043">
        <v>86.955635491606714</v>
      </c>
      <c r="AY2043">
        <v>62</v>
      </c>
      <c r="AZ2043">
        <v>123.5</v>
      </c>
      <c r="BA2043">
        <v>0.59777625010097946</v>
      </c>
      <c r="BB2043">
        <v>0.4994011976047904</v>
      </c>
      <c r="BC2043">
        <v>5.1954291625062936</v>
      </c>
      <c r="BD2043" t="s">
        <v>7797</v>
      </c>
      <c r="BE2043" t="s">
        <v>68</v>
      </c>
    </row>
    <row r="2044" spans="1:57" x14ac:dyDescent="0.3">
      <c r="A2044" t="s">
        <v>7798</v>
      </c>
      <c r="B2044">
        <v>2326</v>
      </c>
      <c r="C2044" t="s">
        <v>7799</v>
      </c>
      <c r="D2044" t="s">
        <v>7800</v>
      </c>
      <c r="E2044" t="s">
        <v>10622</v>
      </c>
      <c r="F2044">
        <v>64</v>
      </c>
      <c r="G2044">
        <v>120.3125</v>
      </c>
      <c r="H2044">
        <v>129</v>
      </c>
      <c r="I2044">
        <v>6545.46484375</v>
      </c>
      <c r="J2044">
        <v>80.904047140733326</v>
      </c>
      <c r="K2044">
        <v>7.2240490329750204E-2</v>
      </c>
      <c r="L2044">
        <v>-1.363455099756866</v>
      </c>
      <c r="M2044">
        <v>5.78125</v>
      </c>
      <c r="N2044">
        <v>2</v>
      </c>
      <c r="O2044">
        <v>1</v>
      </c>
      <c r="P2044">
        <v>1</v>
      </c>
      <c r="Q2044">
        <v>0.32821556024332821</v>
      </c>
      <c r="R2044">
        <v>4.0072571376121839</v>
      </c>
      <c r="S2044">
        <v>1</v>
      </c>
      <c r="T2044">
        <v>1</v>
      </c>
      <c r="U2044">
        <v>0</v>
      </c>
      <c r="V2044">
        <v>0</v>
      </c>
      <c r="W2044">
        <v>4.1431347263915326</v>
      </c>
      <c r="X2044">
        <v>1</v>
      </c>
      <c r="Y2044">
        <v>1</v>
      </c>
      <c r="Z2044">
        <v>0</v>
      </c>
      <c r="AA2044">
        <v>0</v>
      </c>
      <c r="AB2044">
        <v>4.1271343850450908</v>
      </c>
      <c r="AC2044">
        <v>1</v>
      </c>
      <c r="AD2044">
        <v>1</v>
      </c>
      <c r="AE2044">
        <v>0</v>
      </c>
      <c r="AF2044">
        <v>0</v>
      </c>
      <c r="AG2044">
        <v>4.1108738641733096</v>
      </c>
      <c r="AH2044">
        <v>-4.6883392320780308E-2</v>
      </c>
      <c r="AI2044">
        <v>-0.15097361737820619</v>
      </c>
      <c r="AJ2044">
        <v>0.1312478683505218</v>
      </c>
      <c r="AK2044">
        <v>0.15971748315120379</v>
      </c>
      <c r="AL2044">
        <v>680.87716620652736</v>
      </c>
      <c r="AM2044">
        <v>939.00068399259897</v>
      </c>
      <c r="AN2044">
        <v>7700</v>
      </c>
      <c r="AO2044">
        <v>79.552614003267891</v>
      </c>
      <c r="AP2044">
        <v>569.48602859763241</v>
      </c>
      <c r="AQ2044">
        <v>1.359375</v>
      </c>
      <c r="AR2044">
        <v>3.75</v>
      </c>
      <c r="AS2044">
        <v>63</v>
      </c>
      <c r="AT2044">
        <v>5.46875</v>
      </c>
      <c r="AU2044">
        <v>0.11091897233201579</v>
      </c>
      <c r="AV2044">
        <v>-4.7929752465365121E-2</v>
      </c>
      <c r="AW2044">
        <v>0.3125</v>
      </c>
      <c r="AX2044">
        <v>95.063492063492063</v>
      </c>
      <c r="AY2044">
        <v>79</v>
      </c>
      <c r="AZ2044">
        <v>140</v>
      </c>
      <c r="BA2044">
        <v>0.67244922298791332</v>
      </c>
      <c r="BB2044">
        <v>0.515625</v>
      </c>
      <c r="BC2044">
        <v>4.055116036796619</v>
      </c>
      <c r="BD2044" t="s">
        <v>7801</v>
      </c>
      <c r="BE2044" t="s">
        <v>62</v>
      </c>
    </row>
    <row r="2045" spans="1:57" x14ac:dyDescent="0.3">
      <c r="A2045" t="s">
        <v>7802</v>
      </c>
      <c r="B2045">
        <v>146</v>
      </c>
      <c r="C2045" t="s">
        <v>7803</v>
      </c>
      <c r="D2045" t="s">
        <v>7804</v>
      </c>
      <c r="E2045" t="s">
        <v>60</v>
      </c>
      <c r="F2045">
        <v>256</v>
      </c>
      <c r="G2045">
        <v>127.23046875</v>
      </c>
      <c r="H2045">
        <v>131</v>
      </c>
      <c r="I2045">
        <v>4679.3804779052734</v>
      </c>
      <c r="J2045">
        <v>68.405997382578036</v>
      </c>
      <c r="K2045">
        <v>-6.9179009131990099E-2</v>
      </c>
      <c r="L2045">
        <v>-1.0182637951537721</v>
      </c>
      <c r="M2045">
        <v>7.108035693198806</v>
      </c>
      <c r="N2045">
        <v>4</v>
      </c>
      <c r="O2045">
        <v>1</v>
      </c>
      <c r="P2045">
        <v>3</v>
      </c>
      <c r="Q2045">
        <v>0.83930499963609884</v>
      </c>
      <c r="R2045">
        <v>4.9269149000602077</v>
      </c>
      <c r="S2045">
        <v>2</v>
      </c>
      <c r="T2045">
        <v>1</v>
      </c>
      <c r="U2045">
        <v>1</v>
      </c>
      <c r="V2045">
        <v>8.8558721353391615E-2</v>
      </c>
      <c r="W2045">
        <v>5.5303906482084644</v>
      </c>
      <c r="X2045">
        <v>1</v>
      </c>
      <c r="Y2045">
        <v>1</v>
      </c>
      <c r="Z2045">
        <v>0</v>
      </c>
      <c r="AA2045">
        <v>0</v>
      </c>
      <c r="AB2045">
        <v>5.5373342670185366</v>
      </c>
      <c r="AC2045">
        <v>1</v>
      </c>
      <c r="AD2045">
        <v>1</v>
      </c>
      <c r="AE2045">
        <v>0</v>
      </c>
      <c r="AF2045">
        <v>0</v>
      </c>
      <c r="AG2045">
        <v>5.5333894887275203</v>
      </c>
      <c r="AH2045">
        <v>-5.845885671533356E-2</v>
      </c>
      <c r="AI2045">
        <v>1.0132553871700071E-2</v>
      </c>
      <c r="AJ2045">
        <v>-5.4582967876727798E-2</v>
      </c>
      <c r="AK2045">
        <v>4.0412413141702068E-2</v>
      </c>
      <c r="AL2045">
        <v>1097.8900318284341</v>
      </c>
      <c r="AM2045">
        <v>2033.8590113406981</v>
      </c>
      <c r="AN2045">
        <v>32571</v>
      </c>
      <c r="AO2045">
        <v>116.8643983469965</v>
      </c>
      <c r="AP2045">
        <v>895.69432394381943</v>
      </c>
      <c r="AQ2045">
        <v>1.08984375</v>
      </c>
      <c r="AR2045">
        <v>3.98828125</v>
      </c>
      <c r="AS2045">
        <v>255</v>
      </c>
      <c r="AT2045">
        <v>66.109374999999986</v>
      </c>
      <c r="AU2045">
        <v>6.0724431818181768E-2</v>
      </c>
      <c r="AV2045">
        <v>-5.8765708783056793E-2</v>
      </c>
      <c r="AW2045">
        <v>0.37890625</v>
      </c>
      <c r="AX2045">
        <v>80.654901960784315</v>
      </c>
      <c r="AY2045">
        <v>56</v>
      </c>
      <c r="AZ2045">
        <v>110</v>
      </c>
      <c r="BA2045">
        <v>0.53765421172024119</v>
      </c>
      <c r="BB2045">
        <v>0.5078125</v>
      </c>
      <c r="BC2045">
        <v>4.8174243526016944</v>
      </c>
      <c r="BD2045" t="s">
        <v>7805</v>
      </c>
      <c r="BE2045" t="s">
        <v>62</v>
      </c>
    </row>
    <row r="2046" spans="1:57" x14ac:dyDescent="0.3">
      <c r="A2046" t="s">
        <v>7806</v>
      </c>
      <c r="B2046">
        <v>1777</v>
      </c>
      <c r="C2046" t="s">
        <v>7807</v>
      </c>
      <c r="D2046" t="s">
        <v>7808</v>
      </c>
      <c r="E2046" t="s">
        <v>72</v>
      </c>
      <c r="F2046">
        <v>1784</v>
      </c>
      <c r="G2046">
        <v>129.5409192825112</v>
      </c>
      <c r="H2046">
        <v>131</v>
      </c>
      <c r="I2046">
        <v>5694.5633480338438</v>
      </c>
      <c r="J2046">
        <v>75.462330655989177</v>
      </c>
      <c r="K2046">
        <v>-1.3347155371551679E-2</v>
      </c>
      <c r="L2046">
        <v>-1.225418351249445</v>
      </c>
      <c r="M2046">
        <v>7.9040690546801953</v>
      </c>
      <c r="N2046">
        <v>16</v>
      </c>
      <c r="O2046">
        <v>2</v>
      </c>
      <c r="P2046">
        <v>14</v>
      </c>
      <c r="Q2046">
        <v>2.5324071429175841</v>
      </c>
      <c r="R2046">
        <v>5.4786831802026832</v>
      </c>
      <c r="S2046">
        <v>3</v>
      </c>
      <c r="T2046">
        <v>1</v>
      </c>
      <c r="U2046">
        <v>2</v>
      </c>
      <c r="V2046">
        <v>0.1160713035501048</v>
      </c>
      <c r="W2046">
        <v>7.468654006484341</v>
      </c>
      <c r="X2046">
        <v>1</v>
      </c>
      <c r="Y2046">
        <v>1</v>
      </c>
      <c r="Z2046">
        <v>0</v>
      </c>
      <c r="AA2046">
        <v>0</v>
      </c>
      <c r="AB2046">
        <v>7.4854916080307534</v>
      </c>
      <c r="AC2046">
        <v>1</v>
      </c>
      <c r="AD2046">
        <v>1</v>
      </c>
      <c r="AE2046">
        <v>0</v>
      </c>
      <c r="AF2046">
        <v>0</v>
      </c>
      <c r="AG2046">
        <v>7.4849302832896596</v>
      </c>
      <c r="AH2046">
        <v>1.9959903349445019E-2</v>
      </c>
      <c r="AI2046">
        <v>-1.2354273533311651E-2</v>
      </c>
      <c r="AJ2046">
        <v>2.6228955649072749E-2</v>
      </c>
      <c r="AK2046">
        <v>-2.5824741614408498E-4</v>
      </c>
      <c r="AL2046">
        <v>2964.6638842681882</v>
      </c>
      <c r="AM2046">
        <v>5595.257371499175</v>
      </c>
      <c r="AN2046">
        <v>231101</v>
      </c>
      <c r="AO2046">
        <v>74.106988882064982</v>
      </c>
      <c r="AP2046">
        <v>2644.433815587241</v>
      </c>
      <c r="AQ2046">
        <v>1.012892376681614</v>
      </c>
      <c r="AR2046">
        <v>4.006726457399103</v>
      </c>
      <c r="AS2046">
        <v>1780</v>
      </c>
      <c r="AT2046">
        <v>235.5874439461883</v>
      </c>
      <c r="AU2046">
        <v>2.6973973445880591E-2</v>
      </c>
      <c r="AV2046">
        <v>1.9963220076035841E-2</v>
      </c>
      <c r="AW2046">
        <v>0.35594170403587438</v>
      </c>
      <c r="AX2046">
        <v>85.709478407178906</v>
      </c>
      <c r="AY2046">
        <v>66</v>
      </c>
      <c r="AZ2046">
        <v>131</v>
      </c>
      <c r="BA2046">
        <v>0.58253663069517092</v>
      </c>
      <c r="BB2046">
        <v>0.50392376681614348</v>
      </c>
      <c r="BC2046">
        <v>5.2976544823633809</v>
      </c>
      <c r="BD2046" t="s">
        <v>7809</v>
      </c>
      <c r="BE2046" t="s">
        <v>68</v>
      </c>
    </row>
    <row r="2047" spans="1:57" x14ac:dyDescent="0.3">
      <c r="A2047" t="s">
        <v>7810</v>
      </c>
      <c r="B2047">
        <v>148</v>
      </c>
      <c r="C2047" t="s">
        <v>7811</v>
      </c>
      <c r="D2047" t="s">
        <v>7812</v>
      </c>
      <c r="E2047" t="s">
        <v>60</v>
      </c>
      <c r="F2047">
        <v>256</v>
      </c>
      <c r="G2047">
        <v>129.7109375</v>
      </c>
      <c r="H2047">
        <v>131.5</v>
      </c>
      <c r="I2047">
        <v>5247.0492553710938</v>
      </c>
      <c r="J2047">
        <v>72.436518796606265</v>
      </c>
      <c r="K2047">
        <v>-1.7241187185881631E-2</v>
      </c>
      <c r="L2047">
        <v>-1.146359571833272</v>
      </c>
      <c r="M2047">
        <v>7.250728369030762</v>
      </c>
      <c r="N2047">
        <v>4</v>
      </c>
      <c r="O2047">
        <v>1</v>
      </c>
      <c r="P2047">
        <v>3</v>
      </c>
      <c r="Q2047">
        <v>0.73867391878472122</v>
      </c>
      <c r="R2047">
        <v>5.0258219259996828</v>
      </c>
      <c r="S2047">
        <v>1</v>
      </c>
      <c r="T2047">
        <v>1</v>
      </c>
      <c r="U2047">
        <v>0</v>
      </c>
      <c r="V2047">
        <v>0</v>
      </c>
      <c r="W2047">
        <v>5.541263545158424</v>
      </c>
      <c r="X2047">
        <v>1</v>
      </c>
      <c r="Y2047">
        <v>1</v>
      </c>
      <c r="Z2047">
        <v>0</v>
      </c>
      <c r="AA2047">
        <v>0</v>
      </c>
      <c r="AB2047">
        <v>5.5373342670185366</v>
      </c>
      <c r="AC2047">
        <v>1</v>
      </c>
      <c r="AD2047">
        <v>1</v>
      </c>
      <c r="AE2047">
        <v>0</v>
      </c>
      <c r="AF2047">
        <v>0</v>
      </c>
      <c r="AG2047">
        <v>5.5333894887275203</v>
      </c>
      <c r="AH2047">
        <v>-4.2384636962078927E-2</v>
      </c>
      <c r="AI2047">
        <v>2.156143848157193E-2</v>
      </c>
      <c r="AJ2047">
        <v>3.5052000217043841E-2</v>
      </c>
      <c r="AK2047">
        <v>-4.6716756163262797E-2</v>
      </c>
      <c r="AL2047">
        <v>1159.9411857118421</v>
      </c>
      <c r="AM2047">
        <v>2074.8403422165779</v>
      </c>
      <c r="AN2047">
        <v>33206</v>
      </c>
      <c r="AO2047">
        <v>40.030822226334742</v>
      </c>
      <c r="AP2047">
        <v>942.84034541509527</v>
      </c>
      <c r="AQ2047">
        <v>1.08984375</v>
      </c>
      <c r="AR2047">
        <v>4.03515625</v>
      </c>
      <c r="AS2047">
        <v>254</v>
      </c>
      <c r="AT2047">
        <v>60.875000000000007</v>
      </c>
      <c r="AU2047">
        <v>3.2015931372549017E-2</v>
      </c>
      <c r="AV2047">
        <v>-4.2563202174734457E-2</v>
      </c>
      <c r="AW2047">
        <v>0.375</v>
      </c>
      <c r="AX2047">
        <v>86.560784313725492</v>
      </c>
      <c r="AY2047">
        <v>62</v>
      </c>
      <c r="AZ2047">
        <v>124</v>
      </c>
      <c r="BA2047">
        <v>0.55844572703521067</v>
      </c>
      <c r="BB2047">
        <v>0.50390625</v>
      </c>
      <c r="BC2047">
        <v>4.8588639868965764</v>
      </c>
      <c r="BD2047" t="s">
        <v>7813</v>
      </c>
      <c r="BE2047" t="s">
        <v>62</v>
      </c>
    </row>
    <row r="2048" spans="1:57" x14ac:dyDescent="0.3">
      <c r="A2048" t="s">
        <v>7814</v>
      </c>
      <c r="B2048">
        <v>709</v>
      </c>
      <c r="C2048" t="s">
        <v>7815</v>
      </c>
      <c r="D2048" t="s">
        <v>7816</v>
      </c>
      <c r="E2048" t="s">
        <v>98</v>
      </c>
      <c r="F2048">
        <v>16</v>
      </c>
      <c r="G2048">
        <v>118.125</v>
      </c>
      <c r="H2048">
        <v>110.5</v>
      </c>
      <c r="I2048">
        <v>5991.484375</v>
      </c>
      <c r="J2048">
        <v>77.404679283619544</v>
      </c>
      <c r="K2048">
        <v>-3.4196633349031511E-3</v>
      </c>
      <c r="L2048">
        <v>-1.0851425164879369</v>
      </c>
      <c r="M2048">
        <v>4</v>
      </c>
      <c r="N2048">
        <v>1</v>
      </c>
      <c r="O2048">
        <v>1</v>
      </c>
      <c r="P2048">
        <v>0</v>
      </c>
      <c r="Q2048">
        <v>0</v>
      </c>
      <c r="R2048">
        <v>2.7725887222397811</v>
      </c>
      <c r="S2048">
        <v>1</v>
      </c>
      <c r="T2048">
        <v>1</v>
      </c>
      <c r="U2048">
        <v>0</v>
      </c>
      <c r="V2048">
        <v>0</v>
      </c>
      <c r="W2048">
        <v>2.7080502011022101</v>
      </c>
      <c r="X2048">
        <v>1</v>
      </c>
      <c r="Y2048">
        <v>1</v>
      </c>
      <c r="Z2048">
        <v>0</v>
      </c>
      <c r="AA2048">
        <v>0</v>
      </c>
      <c r="AB2048">
        <v>2.639057329615258</v>
      </c>
      <c r="AC2048">
        <v>1</v>
      </c>
      <c r="AD2048">
        <v>1</v>
      </c>
      <c r="AE2048">
        <v>0</v>
      </c>
      <c r="AF2048">
        <v>0</v>
      </c>
      <c r="AG2048">
        <v>2.5649493574615372</v>
      </c>
      <c r="AH2048">
        <v>-0.54969960621194147</v>
      </c>
      <c r="AI2048">
        <v>6.8421001160501232E-2</v>
      </c>
      <c r="AJ2048">
        <v>3.6717965602221903E-2</v>
      </c>
      <c r="AK2048">
        <v>3.0616043603551919E-2</v>
      </c>
      <c r="AL2048">
        <v>371.65330529046793</v>
      </c>
      <c r="AM2048">
        <v>425.43368539253021</v>
      </c>
      <c r="AN2048">
        <v>1890</v>
      </c>
      <c r="AO2048">
        <v>115.98180315967601</v>
      </c>
      <c r="AP2048">
        <v>193.70645951682289</v>
      </c>
      <c r="AQ2048">
        <v>2.25</v>
      </c>
      <c r="AR2048">
        <v>3.625</v>
      </c>
      <c r="AS2048">
        <v>16</v>
      </c>
      <c r="AT2048">
        <v>0</v>
      </c>
      <c r="AU2048">
        <v>0.16378458498023721</v>
      </c>
      <c r="AV2048">
        <v>-0.58264006549609748</v>
      </c>
      <c r="AW2048">
        <v>0.3125</v>
      </c>
      <c r="AX2048">
        <v>119.2</v>
      </c>
      <c r="AY2048">
        <v>63.5</v>
      </c>
      <c r="AZ2048">
        <v>111.5</v>
      </c>
      <c r="BA2048">
        <v>0.65527770822111786</v>
      </c>
      <c r="BB2048">
        <v>0.5</v>
      </c>
      <c r="BC2048">
        <v>2.615630577027551</v>
      </c>
      <c r="BD2048" t="s">
        <v>7815</v>
      </c>
      <c r="BE2048" t="s">
        <v>62</v>
      </c>
    </row>
    <row r="2049" spans="1:57" x14ac:dyDescent="0.3">
      <c r="A2049" t="s">
        <v>7817</v>
      </c>
      <c r="B2049">
        <v>611</v>
      </c>
      <c r="C2049" t="s">
        <v>7818</v>
      </c>
      <c r="D2049" t="s">
        <v>7819</v>
      </c>
      <c r="E2049" t="s">
        <v>66</v>
      </c>
      <c r="F2049">
        <v>71</v>
      </c>
      <c r="G2049">
        <v>121.3239436619718</v>
      </c>
      <c r="H2049">
        <v>129</v>
      </c>
      <c r="I2049">
        <v>6530.8950605038681</v>
      </c>
      <c r="J2049">
        <v>80.813953377519326</v>
      </c>
      <c r="K2049">
        <v>-1.3374920384887421E-2</v>
      </c>
      <c r="L2049">
        <v>-1.37043078281608</v>
      </c>
      <c r="M2049">
        <v>5.9243950068286217</v>
      </c>
      <c r="N2049">
        <v>2</v>
      </c>
      <c r="O2049">
        <v>1</v>
      </c>
      <c r="P2049">
        <v>1</v>
      </c>
      <c r="Q2049">
        <v>0.33295518989528627</v>
      </c>
      <c r="R2049">
        <v>4.1064776955066806</v>
      </c>
      <c r="S2049">
        <v>1</v>
      </c>
      <c r="T2049">
        <v>1</v>
      </c>
      <c r="U2049">
        <v>0</v>
      </c>
      <c r="V2049">
        <v>0</v>
      </c>
      <c r="W2049">
        <v>4.2484952420493576</v>
      </c>
      <c r="X2049">
        <v>1</v>
      </c>
      <c r="Y2049">
        <v>1</v>
      </c>
      <c r="Z2049">
        <v>0</v>
      </c>
      <c r="AA2049">
        <v>0</v>
      </c>
      <c r="AB2049">
        <v>4.2341065045972579</v>
      </c>
      <c r="AC2049">
        <v>1</v>
      </c>
      <c r="AD2049">
        <v>1</v>
      </c>
      <c r="AE2049">
        <v>0</v>
      </c>
      <c r="AF2049">
        <v>0</v>
      </c>
      <c r="AG2049">
        <v>4.2195077051761087</v>
      </c>
      <c r="AH2049">
        <v>-8.6925928395284457E-2</v>
      </c>
      <c r="AI2049">
        <v>-9.5533898962441E-4</v>
      </c>
      <c r="AJ2049">
        <v>0.1116075189070925</v>
      </c>
      <c r="AK2049">
        <v>-5.9247529589335178E-2</v>
      </c>
      <c r="AL2049">
        <v>754.97026148799773</v>
      </c>
      <c r="AM2049">
        <v>968.91583962114294</v>
      </c>
      <c r="AN2049">
        <v>8614</v>
      </c>
      <c r="AO2049">
        <v>253.44845834691429</v>
      </c>
      <c r="AP2049">
        <v>568.58324639310115</v>
      </c>
      <c r="AQ2049">
        <v>1.323943661971831</v>
      </c>
      <c r="AR2049">
        <v>3.6619718309859151</v>
      </c>
      <c r="AS2049">
        <v>71</v>
      </c>
      <c r="AT2049">
        <v>6.1971830985915464</v>
      </c>
      <c r="AU2049">
        <v>0.1105049267939654</v>
      </c>
      <c r="AV2049">
        <v>-8.7428182606831578E-2</v>
      </c>
      <c r="AW2049">
        <v>0.30985915492957739</v>
      </c>
      <c r="AX2049">
        <v>99.457142857142856</v>
      </c>
      <c r="AY2049">
        <v>76</v>
      </c>
      <c r="AZ2049">
        <v>151.5</v>
      </c>
      <c r="BA2049">
        <v>0.66610061409378596</v>
      </c>
      <c r="BB2049">
        <v>0.53521126760563376</v>
      </c>
      <c r="BC2049">
        <v>4.0156990383372468</v>
      </c>
      <c r="BD2049" t="s">
        <v>7820</v>
      </c>
      <c r="BE2049" t="s">
        <v>68</v>
      </c>
    </row>
    <row r="2050" spans="1:57" x14ac:dyDescent="0.3">
      <c r="A2050" t="s">
        <v>7821</v>
      </c>
      <c r="B2050">
        <v>1377</v>
      </c>
      <c r="C2050" t="s">
        <v>7822</v>
      </c>
      <c r="D2050" t="s">
        <v>7823</v>
      </c>
      <c r="E2050" t="s">
        <v>85</v>
      </c>
      <c r="F2050">
        <v>8</v>
      </c>
      <c r="G2050">
        <v>157</v>
      </c>
      <c r="H2050">
        <v>178.5</v>
      </c>
      <c r="I2050">
        <v>4275.5</v>
      </c>
      <c r="J2050">
        <v>65.387307636880109</v>
      </c>
      <c r="K2050">
        <v>-1.4302782540721599</v>
      </c>
      <c r="L2050">
        <v>1.183687298840703</v>
      </c>
      <c r="M2050">
        <v>2.75</v>
      </c>
      <c r="N2050">
        <v>2</v>
      </c>
      <c r="O2050">
        <v>1</v>
      </c>
      <c r="P2050">
        <v>1</v>
      </c>
      <c r="Q2050">
        <v>0.3499271061118826</v>
      </c>
      <c r="R2050">
        <v>1.9061547465398501</v>
      </c>
      <c r="S2050">
        <v>1</v>
      </c>
      <c r="T2050">
        <v>1</v>
      </c>
      <c r="U2050">
        <v>0</v>
      </c>
      <c r="V2050">
        <v>0</v>
      </c>
      <c r="W2050">
        <v>1.945910149055313</v>
      </c>
      <c r="X2050">
        <v>1</v>
      </c>
      <c r="Y2050">
        <v>1</v>
      </c>
      <c r="Z2050">
        <v>0</v>
      </c>
      <c r="AA2050">
        <v>0</v>
      </c>
      <c r="AB2050">
        <v>1.791759469228055</v>
      </c>
      <c r="AC2050">
        <v>1</v>
      </c>
      <c r="AD2050">
        <v>1</v>
      </c>
      <c r="AE2050">
        <v>0</v>
      </c>
      <c r="AF2050">
        <v>0</v>
      </c>
      <c r="AG2050">
        <v>1.6094379124341009</v>
      </c>
      <c r="AH2050">
        <v>3.9030522745877677E-2</v>
      </c>
      <c r="AI2050">
        <v>-0.12878610688808331</v>
      </c>
      <c r="AJ2050">
        <v>-0.18594316454215881</v>
      </c>
      <c r="AK2050">
        <v>0</v>
      </c>
      <c r="AL2050">
        <v>321.53642726174093</v>
      </c>
      <c r="AM2050">
        <v>357.78530705404211</v>
      </c>
      <c r="AN2050">
        <v>1256</v>
      </c>
      <c r="AO2050">
        <v>54</v>
      </c>
      <c r="AP2050">
        <v>221.66143747261691</v>
      </c>
      <c r="AQ2050">
        <v>3.5</v>
      </c>
      <c r="AR2050">
        <v>3.75</v>
      </c>
      <c r="AS2050">
        <v>8</v>
      </c>
      <c r="AT2050">
        <v>0.74999999999999989</v>
      </c>
      <c r="AU2050">
        <v>0.44456521739130439</v>
      </c>
      <c r="AV2050">
        <v>4.0607184780462401E-2</v>
      </c>
      <c r="AW2050">
        <v>0</v>
      </c>
      <c r="AX2050">
        <v>76.428571428571431</v>
      </c>
      <c r="AY2050">
        <v>28.5</v>
      </c>
      <c r="AZ2050">
        <v>50.75</v>
      </c>
      <c r="BA2050">
        <v>0.41647966647694329</v>
      </c>
      <c r="BB2050">
        <v>0.625</v>
      </c>
      <c r="BC2050">
        <v>1.945910149055313</v>
      </c>
      <c r="BD2050" t="s">
        <v>7822</v>
      </c>
      <c r="BE2050" t="s">
        <v>68</v>
      </c>
    </row>
    <row r="2051" spans="1:57" x14ac:dyDescent="0.3">
      <c r="A2051" t="s">
        <v>7824</v>
      </c>
      <c r="B2051">
        <v>1148</v>
      </c>
      <c r="C2051" t="s">
        <v>7825</v>
      </c>
      <c r="D2051" t="s">
        <v>7826</v>
      </c>
      <c r="E2051" t="s">
        <v>66</v>
      </c>
      <c r="F2051">
        <v>71</v>
      </c>
      <c r="G2051">
        <v>126.4084507042254</v>
      </c>
      <c r="H2051">
        <v>124</v>
      </c>
      <c r="I2051">
        <v>4435.3402102757382</v>
      </c>
      <c r="J2051">
        <v>66.598349906553523</v>
      </c>
      <c r="K2051">
        <v>1.1637447951692321E-2</v>
      </c>
      <c r="L2051">
        <v>-1.0345180805828369</v>
      </c>
      <c r="M2051">
        <v>5.762285499725424</v>
      </c>
      <c r="N2051">
        <v>3</v>
      </c>
      <c r="O2051">
        <v>1</v>
      </c>
      <c r="P2051">
        <v>2</v>
      </c>
      <c r="Q2051">
        <v>0.49281399751573968</v>
      </c>
      <c r="R2051">
        <v>3.9941119477161382</v>
      </c>
      <c r="S2051">
        <v>1</v>
      </c>
      <c r="T2051">
        <v>1</v>
      </c>
      <c r="U2051">
        <v>0</v>
      </c>
      <c r="V2051">
        <v>0</v>
      </c>
      <c r="W2051">
        <v>4.2484952420493576</v>
      </c>
      <c r="X2051">
        <v>1</v>
      </c>
      <c r="Y2051">
        <v>1</v>
      </c>
      <c r="Z2051">
        <v>0</v>
      </c>
      <c r="AA2051">
        <v>0</v>
      </c>
      <c r="AB2051">
        <v>4.2341065045972579</v>
      </c>
      <c r="AC2051">
        <v>1</v>
      </c>
      <c r="AD2051">
        <v>1</v>
      </c>
      <c r="AE2051">
        <v>0</v>
      </c>
      <c r="AF2051">
        <v>0</v>
      </c>
      <c r="AG2051">
        <v>4.2195077051761087</v>
      </c>
      <c r="AH2051">
        <v>0.19993327630501881</v>
      </c>
      <c r="AI2051">
        <v>2.567578442515972E-2</v>
      </c>
      <c r="AJ2051">
        <v>-0.1849415201501042</v>
      </c>
      <c r="AK2051">
        <v>0.10496863836410571</v>
      </c>
      <c r="AL2051">
        <v>614.42386142875694</v>
      </c>
      <c r="AM2051">
        <v>1035.330052933351</v>
      </c>
      <c r="AN2051">
        <v>8975</v>
      </c>
      <c r="AO2051">
        <v>37.22846709755909</v>
      </c>
      <c r="AP2051">
        <v>499.52848944899517</v>
      </c>
      <c r="AQ2051">
        <v>1.323943661971831</v>
      </c>
      <c r="AR2051">
        <v>3.816901408450704</v>
      </c>
      <c r="AS2051">
        <v>71</v>
      </c>
      <c r="AT2051">
        <v>11.50704225352113</v>
      </c>
      <c r="AU2051">
        <v>8.9855589231592078E-2</v>
      </c>
      <c r="AV2051">
        <v>0.20323808897158699</v>
      </c>
      <c r="AW2051">
        <v>0.46478873239436619</v>
      </c>
      <c r="AX2051">
        <v>66.114285714285714</v>
      </c>
      <c r="AY2051">
        <v>51</v>
      </c>
      <c r="AZ2051">
        <v>105</v>
      </c>
      <c r="BA2051">
        <v>0.52685045608527015</v>
      </c>
      <c r="BB2051">
        <v>0.47887323943661969</v>
      </c>
      <c r="BC2051">
        <v>3.943957191184174</v>
      </c>
      <c r="BD2051" t="s">
        <v>7827</v>
      </c>
      <c r="BE2051" t="s">
        <v>68</v>
      </c>
    </row>
    <row r="2052" spans="1:57" x14ac:dyDescent="0.3">
      <c r="A2052" t="s">
        <v>7828</v>
      </c>
      <c r="B2052">
        <v>2740</v>
      </c>
      <c r="C2052" t="s">
        <v>7829</v>
      </c>
      <c r="D2052" t="s">
        <v>7830</v>
      </c>
      <c r="E2052" t="s">
        <v>85</v>
      </c>
      <c r="F2052">
        <v>8</v>
      </c>
      <c r="G2052">
        <v>95.25</v>
      </c>
      <c r="H2052">
        <v>103.5</v>
      </c>
      <c r="I2052">
        <v>3625.4375</v>
      </c>
      <c r="J2052">
        <v>60.211606024088077</v>
      </c>
      <c r="K2052">
        <v>-7.6277352638537882E-2</v>
      </c>
      <c r="L2052">
        <v>-1.2159176924060049</v>
      </c>
      <c r="M2052">
        <v>3</v>
      </c>
      <c r="N2052">
        <v>1</v>
      </c>
      <c r="O2052">
        <v>1</v>
      </c>
      <c r="P2052">
        <v>0</v>
      </c>
      <c r="Q2052">
        <v>0</v>
      </c>
      <c r="R2052">
        <v>2.0794415416798362</v>
      </c>
      <c r="S2052">
        <v>1</v>
      </c>
      <c r="T2052">
        <v>1</v>
      </c>
      <c r="U2052">
        <v>0</v>
      </c>
      <c r="V2052">
        <v>0</v>
      </c>
      <c r="W2052">
        <v>1.945910149055313</v>
      </c>
      <c r="X2052">
        <v>1</v>
      </c>
      <c r="Y2052">
        <v>1</v>
      </c>
      <c r="Z2052">
        <v>0</v>
      </c>
      <c r="AA2052">
        <v>0</v>
      </c>
      <c r="AB2052">
        <v>1.791759469228055</v>
      </c>
      <c r="AC2052">
        <v>1</v>
      </c>
      <c r="AD2052">
        <v>1</v>
      </c>
      <c r="AE2052">
        <v>0</v>
      </c>
      <c r="AF2052">
        <v>0</v>
      </c>
      <c r="AG2052">
        <v>1.6094379124341009</v>
      </c>
      <c r="AH2052">
        <v>-8.096005654489976E-3</v>
      </c>
      <c r="AI2052">
        <v>-0.32143965383488199</v>
      </c>
      <c r="AJ2052">
        <v>0.21766123054114159</v>
      </c>
      <c r="AK2052">
        <v>0</v>
      </c>
      <c r="AL2052">
        <v>233.2987801532197</v>
      </c>
      <c r="AM2052">
        <v>217.15358431078141</v>
      </c>
      <c r="AN2052">
        <v>762</v>
      </c>
      <c r="AO2052">
        <v>55.925879353605687</v>
      </c>
      <c r="AP2052">
        <v>153.11530301875749</v>
      </c>
      <c r="AQ2052">
        <v>3.5</v>
      </c>
      <c r="AR2052">
        <v>3.625</v>
      </c>
      <c r="AS2052">
        <v>8</v>
      </c>
      <c r="AT2052">
        <v>0</v>
      </c>
      <c r="AU2052">
        <v>0.18478260869565219</v>
      </c>
      <c r="AV2052">
        <v>2.0003481179321801E-2</v>
      </c>
      <c r="AW2052">
        <v>0.625</v>
      </c>
      <c r="AX2052">
        <v>68.142857142857139</v>
      </c>
      <c r="AY2052">
        <v>62</v>
      </c>
      <c r="AZ2052">
        <v>95.25</v>
      </c>
      <c r="BA2052">
        <v>0.63214284539725019</v>
      </c>
      <c r="BB2052">
        <v>0.625</v>
      </c>
      <c r="BC2052">
        <v>1.945910149055313</v>
      </c>
      <c r="BD2052" t="s">
        <v>7829</v>
      </c>
      <c r="BE2052" t="s">
        <v>68</v>
      </c>
    </row>
    <row r="2053" spans="1:57" x14ac:dyDescent="0.3">
      <c r="A2053" t="s">
        <v>7831</v>
      </c>
      <c r="B2053">
        <v>1185</v>
      </c>
      <c r="C2053" t="s">
        <v>7832</v>
      </c>
      <c r="D2053" t="s">
        <v>7833</v>
      </c>
      <c r="E2053" t="s">
        <v>106</v>
      </c>
      <c r="F2053">
        <v>1195</v>
      </c>
      <c r="G2053">
        <v>127.8761506276151</v>
      </c>
      <c r="H2053">
        <v>128</v>
      </c>
      <c r="I2053">
        <v>5498.8365441781489</v>
      </c>
      <c r="J2053">
        <v>74.154140438536189</v>
      </c>
      <c r="K2053">
        <v>-2.0671588989525341E-2</v>
      </c>
      <c r="L2053">
        <v>-1.206224551284216</v>
      </c>
      <c r="M2053">
        <v>7.8641255978685356</v>
      </c>
      <c r="N2053">
        <v>11</v>
      </c>
      <c r="O2053">
        <v>1</v>
      </c>
      <c r="P2053">
        <v>10</v>
      </c>
      <c r="Q2053">
        <v>1.963292513425297</v>
      </c>
      <c r="R2053">
        <v>5.4509964857318689</v>
      </c>
      <c r="S2053">
        <v>2</v>
      </c>
      <c r="T2053">
        <v>1</v>
      </c>
      <c r="U2053">
        <v>1</v>
      </c>
      <c r="V2053">
        <v>0.1002457749143731</v>
      </c>
      <c r="W2053">
        <v>7.0711316873081262</v>
      </c>
      <c r="X2053">
        <v>1</v>
      </c>
      <c r="Y2053">
        <v>1</v>
      </c>
      <c r="Z2053">
        <v>0</v>
      </c>
      <c r="AA2053">
        <v>0</v>
      </c>
      <c r="AB2053">
        <v>7.084226422097915</v>
      </c>
      <c r="AC2053">
        <v>1</v>
      </c>
      <c r="AD2053">
        <v>1</v>
      </c>
      <c r="AE2053">
        <v>0</v>
      </c>
      <c r="AF2053">
        <v>0</v>
      </c>
      <c r="AG2053">
        <v>7.0833878476252936</v>
      </c>
      <c r="AH2053">
        <v>5.3897576847357263E-2</v>
      </c>
      <c r="AI2053">
        <v>-4.3885172040238597E-2</v>
      </c>
      <c r="AJ2053">
        <v>-3.3845009619031613E-2</v>
      </c>
      <c r="AK2053">
        <v>4.5252453769841702E-2</v>
      </c>
      <c r="AL2053">
        <v>2414.0169592423949</v>
      </c>
      <c r="AM2053">
        <v>4503.847479709998</v>
      </c>
      <c r="AN2053">
        <v>152812</v>
      </c>
      <c r="AO2053">
        <v>76.915384589780615</v>
      </c>
      <c r="AP2053">
        <v>2185.1017979191811</v>
      </c>
      <c r="AQ2053">
        <v>1.0192468619246859</v>
      </c>
      <c r="AR2053">
        <v>4.0016736401673638</v>
      </c>
      <c r="AS2053">
        <v>1191</v>
      </c>
      <c r="AT2053">
        <v>209.74058577405859</v>
      </c>
      <c r="AU2053">
        <v>1.62769710394618E-2</v>
      </c>
      <c r="AV2053">
        <v>5.3928959233413808E-2</v>
      </c>
      <c r="AW2053">
        <v>0.36066945606694562</v>
      </c>
      <c r="AX2053">
        <v>83.312395309882746</v>
      </c>
      <c r="AY2053">
        <v>65</v>
      </c>
      <c r="AZ2053">
        <v>129</v>
      </c>
      <c r="BA2053">
        <v>0.57989030851013501</v>
      </c>
      <c r="BB2053">
        <v>0.502092050209205</v>
      </c>
      <c r="BC2053">
        <v>5.2362250218264386</v>
      </c>
      <c r="BD2053" t="s">
        <v>7834</v>
      </c>
      <c r="BE2053" t="s">
        <v>68</v>
      </c>
    </row>
    <row r="2054" spans="1:57" x14ac:dyDescent="0.3">
      <c r="A2054" t="s">
        <v>7835</v>
      </c>
      <c r="B2054">
        <v>1988</v>
      </c>
      <c r="C2054" t="s">
        <v>7836</v>
      </c>
      <c r="D2054" t="s">
        <v>7837</v>
      </c>
      <c r="E2054" t="s">
        <v>72</v>
      </c>
      <c r="F2054">
        <v>1992</v>
      </c>
      <c r="G2054">
        <v>128.09437751004009</v>
      </c>
      <c r="H2054">
        <v>128</v>
      </c>
      <c r="I2054">
        <v>5343.1868760181287</v>
      </c>
      <c r="J2054">
        <v>73.097105797823005</v>
      </c>
      <c r="K2054">
        <v>-1.9821336694337409E-2</v>
      </c>
      <c r="L2054">
        <v>-1.1681230684577819</v>
      </c>
      <c r="M2054">
        <v>7.912249622342113</v>
      </c>
      <c r="N2054">
        <v>18</v>
      </c>
      <c r="O2054">
        <v>2</v>
      </c>
      <c r="P2054">
        <v>16</v>
      </c>
      <c r="Q2054">
        <v>2.7039828840989362</v>
      </c>
      <c r="R2054">
        <v>5.4843535176129343</v>
      </c>
      <c r="S2054">
        <v>2</v>
      </c>
      <c r="T2054">
        <v>1</v>
      </c>
      <c r="U2054">
        <v>1</v>
      </c>
      <c r="V2054">
        <v>0.116440807618527</v>
      </c>
      <c r="W2054">
        <v>7.5775927321153107</v>
      </c>
      <c r="X2054">
        <v>1</v>
      </c>
      <c r="Y2054">
        <v>1</v>
      </c>
      <c r="Z2054">
        <v>0</v>
      </c>
      <c r="AA2054">
        <v>0</v>
      </c>
      <c r="AB2054">
        <v>7.5958899177185408</v>
      </c>
      <c r="AC2054">
        <v>1</v>
      </c>
      <c r="AD2054">
        <v>1</v>
      </c>
      <c r="AE2054">
        <v>0</v>
      </c>
      <c r="AF2054">
        <v>0</v>
      </c>
      <c r="AG2054">
        <v>7.5953872788539734</v>
      </c>
      <c r="AH2054">
        <v>-2.3213515827213611E-2</v>
      </c>
      <c r="AI2054">
        <v>8.2363637017165633E-3</v>
      </c>
      <c r="AJ2054">
        <v>-2.570518921401195E-2</v>
      </c>
      <c r="AK2054">
        <v>-2.2786974629911791E-2</v>
      </c>
      <c r="AL2054">
        <v>3019.874846081264</v>
      </c>
      <c r="AM2054">
        <v>5848.8509909216918</v>
      </c>
      <c r="AN2054">
        <v>255164</v>
      </c>
      <c r="AO2054">
        <v>128.77462667673379</v>
      </c>
      <c r="AP2054">
        <v>2680.31068047492</v>
      </c>
      <c r="AQ2054">
        <v>1.011546184738956</v>
      </c>
      <c r="AR2054">
        <v>4.0316265060240966</v>
      </c>
      <c r="AS2054">
        <v>1986</v>
      </c>
      <c r="AT2054">
        <v>240.54618473895579</v>
      </c>
      <c r="AU2054">
        <v>1.685565792582094E-2</v>
      </c>
      <c r="AV2054">
        <v>-2.3225366947029289E-2</v>
      </c>
      <c r="AW2054">
        <v>0.36445783132530118</v>
      </c>
      <c r="AX2054">
        <v>85.288799598191858</v>
      </c>
      <c r="AY2054">
        <v>61</v>
      </c>
      <c r="AZ2054">
        <v>123</v>
      </c>
      <c r="BA2054">
        <v>0.57065038465168849</v>
      </c>
      <c r="BB2054">
        <v>0.49949799196787148</v>
      </c>
      <c r="BC2054">
        <v>5.2862899497793947</v>
      </c>
      <c r="BD2054" t="s">
        <v>7838</v>
      </c>
      <c r="BE2054" t="s">
        <v>68</v>
      </c>
    </row>
    <row r="2055" spans="1:57" x14ac:dyDescent="0.3">
      <c r="A2055" t="s">
        <v>7839</v>
      </c>
      <c r="B2055">
        <v>2764</v>
      </c>
      <c r="C2055" t="s">
        <v>7840</v>
      </c>
      <c r="D2055" t="s">
        <v>7841</v>
      </c>
      <c r="E2055" t="s">
        <v>66</v>
      </c>
      <c r="F2055">
        <v>71</v>
      </c>
      <c r="G2055">
        <v>111.7464788732394</v>
      </c>
      <c r="H2055">
        <v>100</v>
      </c>
      <c r="I2055">
        <v>4871.2315016861749</v>
      </c>
      <c r="J2055">
        <v>69.79420822450939</v>
      </c>
      <c r="K2055">
        <v>0.2169760588145111</v>
      </c>
      <c r="L2055">
        <v>-1.0665727363102551</v>
      </c>
      <c r="M2055">
        <v>5.9137627884882908</v>
      </c>
      <c r="N2055">
        <v>3</v>
      </c>
      <c r="O2055">
        <v>1</v>
      </c>
      <c r="P2055">
        <v>2</v>
      </c>
      <c r="Q2055">
        <v>0.37763102391651798</v>
      </c>
      <c r="R2055">
        <v>4.0991080033409828</v>
      </c>
      <c r="S2055">
        <v>1</v>
      </c>
      <c r="T2055">
        <v>1</v>
      </c>
      <c r="U2055">
        <v>0</v>
      </c>
      <c r="V2055">
        <v>0</v>
      </c>
      <c r="W2055">
        <v>4.2484952420493576</v>
      </c>
      <c r="X2055">
        <v>1</v>
      </c>
      <c r="Y2055">
        <v>1</v>
      </c>
      <c r="Z2055">
        <v>0</v>
      </c>
      <c r="AA2055">
        <v>0</v>
      </c>
      <c r="AB2055">
        <v>4.2341065045972579</v>
      </c>
      <c r="AC2055">
        <v>1</v>
      </c>
      <c r="AD2055">
        <v>1</v>
      </c>
      <c r="AE2055">
        <v>0</v>
      </c>
      <c r="AF2055">
        <v>0</v>
      </c>
      <c r="AG2055">
        <v>4.2195077051761087</v>
      </c>
      <c r="AH2055">
        <v>0.1028237083039636</v>
      </c>
      <c r="AI2055">
        <v>-1.259291672489018E-2</v>
      </c>
      <c r="AJ2055">
        <v>3.7653680438491807E-2</v>
      </c>
      <c r="AK2055">
        <v>-3.1229033554742731E-3</v>
      </c>
      <c r="AL2055">
        <v>655.05645501778872</v>
      </c>
      <c r="AM2055">
        <v>896.30075350828974</v>
      </c>
      <c r="AN2055">
        <v>7934</v>
      </c>
      <c r="AO2055">
        <v>114.8304910140309</v>
      </c>
      <c r="AP2055">
        <v>583.40189136637127</v>
      </c>
      <c r="AQ2055">
        <v>1.323943661971831</v>
      </c>
      <c r="AR2055">
        <v>3.6901408450704229</v>
      </c>
      <c r="AS2055">
        <v>71</v>
      </c>
      <c r="AT2055">
        <v>7.971830985915493</v>
      </c>
      <c r="AU2055">
        <v>0.1199418734630002</v>
      </c>
      <c r="AV2055">
        <v>0.1034454854782442</v>
      </c>
      <c r="AW2055">
        <v>0.49295774647887319</v>
      </c>
      <c r="AX2055">
        <v>74.042857142857144</v>
      </c>
      <c r="AY2055">
        <v>56</v>
      </c>
      <c r="AZ2055">
        <v>119</v>
      </c>
      <c r="BA2055">
        <v>0.62457635290397862</v>
      </c>
      <c r="BB2055">
        <v>0.46478873239436619</v>
      </c>
      <c r="BC2055">
        <v>4.0033698066607419</v>
      </c>
      <c r="BD2055" t="s">
        <v>7842</v>
      </c>
      <c r="BE2055" t="s">
        <v>68</v>
      </c>
    </row>
    <row r="2056" spans="1:57" x14ac:dyDescent="0.3">
      <c r="A2056" t="s">
        <v>7843</v>
      </c>
      <c r="B2056">
        <v>3131</v>
      </c>
      <c r="C2056" t="s">
        <v>7844</v>
      </c>
      <c r="D2056" t="s">
        <v>7845</v>
      </c>
      <c r="E2056" t="s">
        <v>85</v>
      </c>
      <c r="F2056">
        <v>8</v>
      </c>
      <c r="G2056">
        <v>120.375</v>
      </c>
      <c r="H2056">
        <v>129</v>
      </c>
      <c r="I2056">
        <v>6174.984375</v>
      </c>
      <c r="J2056">
        <v>78.581068807951453</v>
      </c>
      <c r="K2056">
        <v>-9.4829531319231039E-2</v>
      </c>
      <c r="L2056">
        <v>-1.6479390373203591</v>
      </c>
      <c r="M2056">
        <v>3</v>
      </c>
      <c r="N2056">
        <v>1</v>
      </c>
      <c r="O2056">
        <v>1</v>
      </c>
      <c r="P2056">
        <v>0</v>
      </c>
      <c r="Q2056">
        <v>0</v>
      </c>
      <c r="R2056">
        <v>2.0794415416798362</v>
      </c>
      <c r="S2056">
        <v>1</v>
      </c>
      <c r="T2056">
        <v>1</v>
      </c>
      <c r="U2056">
        <v>0</v>
      </c>
      <c r="V2056">
        <v>0</v>
      </c>
      <c r="W2056">
        <v>1.945910149055313</v>
      </c>
      <c r="X2056">
        <v>1</v>
      </c>
      <c r="Y2056">
        <v>1</v>
      </c>
      <c r="Z2056">
        <v>0</v>
      </c>
      <c r="AA2056">
        <v>0</v>
      </c>
      <c r="AB2056">
        <v>1.791759469228055</v>
      </c>
      <c r="AC2056">
        <v>1</v>
      </c>
      <c r="AD2056">
        <v>1</v>
      </c>
      <c r="AE2056">
        <v>0</v>
      </c>
      <c r="AF2056">
        <v>0</v>
      </c>
      <c r="AG2056">
        <v>1.6094379124341009</v>
      </c>
      <c r="AH2056">
        <v>-0.29217210822901879</v>
      </c>
      <c r="AI2056">
        <v>0.15524267520919841</v>
      </c>
      <c r="AJ2056">
        <v>-0.19549549720520551</v>
      </c>
      <c r="AK2056">
        <v>0</v>
      </c>
      <c r="AL2056">
        <v>303.77471908633942</v>
      </c>
      <c r="AM2056">
        <v>270.2626871101811</v>
      </c>
      <c r="AN2056">
        <v>963</v>
      </c>
      <c r="AO2056">
        <v>94.752027792749402</v>
      </c>
      <c r="AP2056">
        <v>205.6734242763039</v>
      </c>
      <c r="AQ2056">
        <v>3.5</v>
      </c>
      <c r="AR2056">
        <v>4.25</v>
      </c>
      <c r="AS2056">
        <v>8</v>
      </c>
      <c r="AT2056">
        <v>0</v>
      </c>
      <c r="AU2056">
        <v>0.21061643835616439</v>
      </c>
      <c r="AV2056">
        <v>-0.32387308058146469</v>
      </c>
      <c r="AW2056">
        <v>0.375</v>
      </c>
      <c r="AX2056">
        <v>106.5714285714286</v>
      </c>
      <c r="AY2056">
        <v>82</v>
      </c>
      <c r="AZ2056">
        <v>148</v>
      </c>
      <c r="BA2056">
        <v>0.65280223308786256</v>
      </c>
      <c r="BB2056">
        <v>0.5</v>
      </c>
      <c r="BC2056">
        <v>1.945910149055313</v>
      </c>
      <c r="BD2056" t="s">
        <v>7844</v>
      </c>
      <c r="BE2056" t="s">
        <v>68</v>
      </c>
    </row>
    <row r="2057" spans="1:57" x14ac:dyDescent="0.3">
      <c r="A2057" t="s">
        <v>7846</v>
      </c>
      <c r="B2057">
        <v>560</v>
      </c>
      <c r="C2057" t="s">
        <v>7847</v>
      </c>
      <c r="D2057" t="s">
        <v>7848</v>
      </c>
      <c r="E2057" t="s">
        <v>66</v>
      </c>
      <c r="F2057">
        <v>71</v>
      </c>
      <c r="G2057">
        <v>111.35211267605629</v>
      </c>
      <c r="H2057">
        <v>110</v>
      </c>
      <c r="I2057">
        <v>6346.6224955366006</v>
      </c>
      <c r="J2057">
        <v>79.665692085970122</v>
      </c>
      <c r="K2057">
        <v>0.25611724465786379</v>
      </c>
      <c r="L2057">
        <v>-1.275126783489533</v>
      </c>
      <c r="M2057">
        <v>5.8643293377231238</v>
      </c>
      <c r="N2057">
        <v>3</v>
      </c>
      <c r="O2057">
        <v>1</v>
      </c>
      <c r="P2057">
        <v>2</v>
      </c>
      <c r="Q2057">
        <v>0.46996136401075689</v>
      </c>
      <c r="R2057">
        <v>4.0648433463177573</v>
      </c>
      <c r="S2057">
        <v>1</v>
      </c>
      <c r="T2057">
        <v>1</v>
      </c>
      <c r="U2057">
        <v>0</v>
      </c>
      <c r="V2057">
        <v>0</v>
      </c>
      <c r="W2057">
        <v>4.2484952420493576</v>
      </c>
      <c r="X2057">
        <v>1</v>
      </c>
      <c r="Y2057">
        <v>1</v>
      </c>
      <c r="Z2057">
        <v>0</v>
      </c>
      <c r="AA2057">
        <v>0</v>
      </c>
      <c r="AB2057">
        <v>4.2341065045972579</v>
      </c>
      <c r="AC2057">
        <v>1</v>
      </c>
      <c r="AD2057">
        <v>1</v>
      </c>
      <c r="AE2057">
        <v>0</v>
      </c>
      <c r="AF2057">
        <v>0</v>
      </c>
      <c r="AG2057">
        <v>4.2195077051761087</v>
      </c>
      <c r="AH2057">
        <v>6.3351472862997874E-2</v>
      </c>
      <c r="AI2057">
        <v>4.7516581720805147E-2</v>
      </c>
      <c r="AJ2057">
        <v>8.0933759365406727E-2</v>
      </c>
      <c r="AK2057">
        <v>-0.15689548320046429</v>
      </c>
      <c r="AL2057">
        <v>708.39040842542101</v>
      </c>
      <c r="AM2057">
        <v>910.57291264942899</v>
      </c>
      <c r="AN2057">
        <v>7906</v>
      </c>
      <c r="AO2057">
        <v>156.96180605728361</v>
      </c>
      <c r="AP2057">
        <v>547.46449574076871</v>
      </c>
      <c r="AQ2057">
        <v>1.323943661971831</v>
      </c>
      <c r="AR2057">
        <v>3.6619718309859151</v>
      </c>
      <c r="AS2057">
        <v>71</v>
      </c>
      <c r="AT2057">
        <v>11.957746478873229</v>
      </c>
      <c r="AU2057">
        <v>0.16023921305611441</v>
      </c>
      <c r="AV2057">
        <v>6.3760347833975814E-2</v>
      </c>
      <c r="AW2057">
        <v>0.352112676056338</v>
      </c>
      <c r="AX2057">
        <v>91.742857142857147</v>
      </c>
      <c r="AY2057">
        <v>75</v>
      </c>
      <c r="AZ2057">
        <v>137</v>
      </c>
      <c r="BA2057">
        <v>0.71543943057220827</v>
      </c>
      <c r="BB2057">
        <v>0.47887323943661969</v>
      </c>
      <c r="BC2057">
        <v>4.0429782169784536</v>
      </c>
      <c r="BD2057" t="s">
        <v>7849</v>
      </c>
      <c r="BE2057" t="s">
        <v>68</v>
      </c>
    </row>
    <row r="2058" spans="1:57" x14ac:dyDescent="0.3">
      <c r="A2058" t="s">
        <v>7850</v>
      </c>
      <c r="B2058">
        <v>3801</v>
      </c>
      <c r="C2058" t="s">
        <v>7851</v>
      </c>
      <c r="D2058" t="s">
        <v>7852</v>
      </c>
      <c r="E2058" t="s">
        <v>93</v>
      </c>
      <c r="F2058">
        <v>3807</v>
      </c>
      <c r="G2058">
        <v>129.0312582085632</v>
      </c>
      <c r="H2058">
        <v>130</v>
      </c>
      <c r="I2058">
        <v>5439.6394221889104</v>
      </c>
      <c r="J2058">
        <v>73.753911233160451</v>
      </c>
      <c r="K2058">
        <v>-1.9417662060146189E-2</v>
      </c>
      <c r="L2058">
        <v>-1.1889305908158141</v>
      </c>
      <c r="M2058">
        <v>7.9450319631915551</v>
      </c>
      <c r="N2058">
        <v>26</v>
      </c>
      <c r="O2058">
        <v>3</v>
      </c>
      <c r="P2058">
        <v>23</v>
      </c>
      <c r="Q2058">
        <v>4.0227604861227988</v>
      </c>
      <c r="R2058">
        <v>5.5070765047448704</v>
      </c>
      <c r="S2058">
        <v>3</v>
      </c>
      <c r="T2058">
        <v>1</v>
      </c>
      <c r="U2058">
        <v>2</v>
      </c>
      <c r="V2058">
        <v>0.17074857322241399</v>
      </c>
      <c r="W2058">
        <v>8.2044944962255535</v>
      </c>
      <c r="X2058">
        <v>1</v>
      </c>
      <c r="Y2058">
        <v>1</v>
      </c>
      <c r="Z2058">
        <v>0</v>
      </c>
      <c r="AA2058">
        <v>0</v>
      </c>
      <c r="AB2058">
        <v>8.2440712702957875</v>
      </c>
      <c r="AC2058">
        <v>1</v>
      </c>
      <c r="AD2058">
        <v>1</v>
      </c>
      <c r="AE2058">
        <v>0</v>
      </c>
      <c r="AF2058">
        <v>0</v>
      </c>
      <c r="AG2058">
        <v>8.2438084236652784</v>
      </c>
      <c r="AH2058">
        <v>-8.5550578757329319E-3</v>
      </c>
      <c r="AI2058">
        <v>3.1834492451544447E-2</v>
      </c>
      <c r="AJ2058">
        <v>3.2729850759873939E-2</v>
      </c>
      <c r="AK2058">
        <v>-1.0266799044452759E-2</v>
      </c>
      <c r="AL2058">
        <v>4161.8330571146362</v>
      </c>
      <c r="AM2058">
        <v>8171.3429498894384</v>
      </c>
      <c r="AN2058">
        <v>491222</v>
      </c>
      <c r="AO2058">
        <v>42.566096866986612</v>
      </c>
      <c r="AP2058">
        <v>3817.7342291723212</v>
      </c>
      <c r="AQ2058">
        <v>1.006041502495403</v>
      </c>
      <c r="AR2058">
        <v>4.0304701864985546</v>
      </c>
      <c r="AS2058">
        <v>3792</v>
      </c>
      <c r="AT2058">
        <v>278.57709482532181</v>
      </c>
      <c r="AU2058">
        <v>1.4193668010939631E-2</v>
      </c>
      <c r="AV2058">
        <v>-8.5576207126961106E-3</v>
      </c>
      <c r="AW2058">
        <v>0.3603887575518781</v>
      </c>
      <c r="AX2058">
        <v>85.408039936941677</v>
      </c>
      <c r="AY2058">
        <v>63</v>
      </c>
      <c r="AZ2058">
        <v>126</v>
      </c>
      <c r="BA2058">
        <v>0.57159724129750267</v>
      </c>
      <c r="BB2058">
        <v>0.50380877331231944</v>
      </c>
      <c r="BC2058">
        <v>5.3243482055784472</v>
      </c>
      <c r="BD2058" t="s">
        <v>7853</v>
      </c>
      <c r="BE2058" t="s">
        <v>68</v>
      </c>
    </row>
    <row r="2059" spans="1:57" x14ac:dyDescent="0.3">
      <c r="A2059" t="s">
        <v>7854</v>
      </c>
      <c r="B2059">
        <v>2290</v>
      </c>
      <c r="C2059" t="s">
        <v>7855</v>
      </c>
      <c r="D2059" t="s">
        <v>7856</v>
      </c>
      <c r="E2059" t="s">
        <v>115</v>
      </c>
      <c r="F2059">
        <v>2326</v>
      </c>
      <c r="G2059">
        <v>129.26569217540839</v>
      </c>
      <c r="H2059">
        <v>128.5</v>
      </c>
      <c r="I2059">
        <v>5376.188221081512</v>
      </c>
      <c r="J2059">
        <v>73.32249464578733</v>
      </c>
      <c r="K2059">
        <v>-2.293870208416823E-2</v>
      </c>
      <c r="L2059">
        <v>-1.174617140978431</v>
      </c>
      <c r="M2059">
        <v>7.9216345710277949</v>
      </c>
      <c r="N2059">
        <v>19</v>
      </c>
      <c r="O2059">
        <v>1</v>
      </c>
      <c r="P2059">
        <v>18</v>
      </c>
      <c r="Q2059">
        <v>2.9369077694224162</v>
      </c>
      <c r="R2059">
        <v>5.4908586683341198</v>
      </c>
      <c r="S2059">
        <v>2</v>
      </c>
      <c r="T2059">
        <v>1</v>
      </c>
      <c r="U2059">
        <v>1</v>
      </c>
      <c r="V2059">
        <v>0.1209149912749935</v>
      </c>
      <c r="W2059">
        <v>7.7312026262889511</v>
      </c>
      <c r="X2059">
        <v>1</v>
      </c>
      <c r="Y2059">
        <v>1</v>
      </c>
      <c r="Z2059">
        <v>0</v>
      </c>
      <c r="AA2059">
        <v>0</v>
      </c>
      <c r="AB2059">
        <v>7.7510451179718007</v>
      </c>
      <c r="AC2059">
        <v>1</v>
      </c>
      <c r="AD2059">
        <v>1</v>
      </c>
      <c r="AE2059">
        <v>0</v>
      </c>
      <c r="AF2059">
        <v>0</v>
      </c>
      <c r="AG2059">
        <v>7.7506147327704076</v>
      </c>
      <c r="AH2059">
        <v>2.3838826721436699E-2</v>
      </c>
      <c r="AI2059">
        <v>2.1785115780518879E-2</v>
      </c>
      <c r="AJ2059">
        <v>-2.6737820868138421E-2</v>
      </c>
      <c r="AK2059">
        <v>2.901485357806995E-2</v>
      </c>
      <c r="AL2059">
        <v>3274.1811615645161</v>
      </c>
      <c r="AM2059">
        <v>6375.8392170173192</v>
      </c>
      <c r="AN2059">
        <v>300672</v>
      </c>
      <c r="AO2059">
        <v>82.330187689634926</v>
      </c>
      <c r="AP2059">
        <v>2969.750169165527</v>
      </c>
      <c r="AQ2059">
        <v>1.009888220120378</v>
      </c>
      <c r="AR2059">
        <v>4.0395528804815131</v>
      </c>
      <c r="AS2059">
        <v>2317</v>
      </c>
      <c r="AT2059">
        <v>243.02493551160791</v>
      </c>
      <c r="AU2059">
        <v>2.1052720314265031E-2</v>
      </c>
      <c r="AV2059">
        <v>2.383897709807916E-2</v>
      </c>
      <c r="AW2059">
        <v>0.36844368013757522</v>
      </c>
      <c r="AX2059">
        <v>83.09849462365591</v>
      </c>
      <c r="AY2059">
        <v>63.5</v>
      </c>
      <c r="AZ2059">
        <v>125</v>
      </c>
      <c r="BA2059">
        <v>0.56722316193759759</v>
      </c>
      <c r="BB2059">
        <v>0.49742046431642312</v>
      </c>
      <c r="BC2059">
        <v>5.2851834357404339</v>
      </c>
      <c r="BD2059" t="s">
        <v>7857</v>
      </c>
      <c r="BE2059" t="s">
        <v>68</v>
      </c>
    </row>
    <row r="2060" spans="1:57" x14ac:dyDescent="0.3">
      <c r="A2060" t="s">
        <v>7858</v>
      </c>
      <c r="B2060">
        <v>1321</v>
      </c>
      <c r="C2060" t="s">
        <v>7859</v>
      </c>
      <c r="D2060" t="s">
        <v>7860</v>
      </c>
      <c r="E2060" t="s">
        <v>72</v>
      </c>
      <c r="F2060">
        <v>1328</v>
      </c>
      <c r="G2060">
        <v>125.7432228915663</v>
      </c>
      <c r="H2060">
        <v>123</v>
      </c>
      <c r="I2060">
        <v>5467.717951058753</v>
      </c>
      <c r="J2060">
        <v>73.944019035069715</v>
      </c>
      <c r="K2060">
        <v>3.1324487807602261E-2</v>
      </c>
      <c r="L2060">
        <v>-1.220413148525209</v>
      </c>
      <c r="M2060">
        <v>7.8643618346051234</v>
      </c>
      <c r="N2060">
        <v>13</v>
      </c>
      <c r="O2060">
        <v>1</v>
      </c>
      <c r="P2060">
        <v>12</v>
      </c>
      <c r="Q2060">
        <v>2.208703207256923</v>
      </c>
      <c r="R2060">
        <v>5.4511602325597721</v>
      </c>
      <c r="S2060">
        <v>2</v>
      </c>
      <c r="T2060">
        <v>1</v>
      </c>
      <c r="U2060">
        <v>1</v>
      </c>
      <c r="V2060">
        <v>6.1382763172975342E-2</v>
      </c>
      <c r="W2060">
        <v>7.185452619256397</v>
      </c>
      <c r="X2060">
        <v>1</v>
      </c>
      <c r="Y2060">
        <v>1</v>
      </c>
      <c r="Z2060">
        <v>0</v>
      </c>
      <c r="AA2060">
        <v>0</v>
      </c>
      <c r="AB2060">
        <v>7.1899221707458061</v>
      </c>
      <c r="AC2060">
        <v>1</v>
      </c>
      <c r="AD2060">
        <v>1</v>
      </c>
      <c r="AE2060">
        <v>0</v>
      </c>
      <c r="AF2060">
        <v>0</v>
      </c>
      <c r="AG2060">
        <v>7.1891677384203234</v>
      </c>
      <c r="AH2060">
        <v>-5.4978835085184603E-3</v>
      </c>
      <c r="AI2060">
        <v>2.1374842216091202E-3</v>
      </c>
      <c r="AJ2060">
        <v>9.8676422391812905E-3</v>
      </c>
      <c r="AK2060">
        <v>1.9535394402991339E-2</v>
      </c>
      <c r="AL2060">
        <v>2507.2070231911089</v>
      </c>
      <c r="AM2060">
        <v>4687.4861005512512</v>
      </c>
      <c r="AN2060">
        <v>166987</v>
      </c>
      <c r="AO2060">
        <v>136.26464744084481</v>
      </c>
      <c r="AP2060">
        <v>2214.0612058213792</v>
      </c>
      <c r="AQ2060">
        <v>1.0173192771084341</v>
      </c>
      <c r="AR2060">
        <v>4.0128012048192767</v>
      </c>
      <c r="AS2060">
        <v>1325</v>
      </c>
      <c r="AT2060">
        <v>238.8674698795181</v>
      </c>
      <c r="AU2060">
        <v>2.0620718166784791E-2</v>
      </c>
      <c r="AV2060">
        <v>-5.500467003838742E-3</v>
      </c>
      <c r="AW2060">
        <v>0.38027108433734941</v>
      </c>
      <c r="AX2060">
        <v>85.793519216277318</v>
      </c>
      <c r="AY2060">
        <v>65</v>
      </c>
      <c r="AZ2060">
        <v>130</v>
      </c>
      <c r="BA2060">
        <v>0.58805570061485379</v>
      </c>
      <c r="BB2060">
        <v>0.49171686746987953</v>
      </c>
      <c r="BC2060">
        <v>5.2512423846895349</v>
      </c>
      <c r="BD2060" t="s">
        <v>7861</v>
      </c>
      <c r="BE2060" t="s">
        <v>62</v>
      </c>
    </row>
    <row r="2061" spans="1:57" x14ac:dyDescent="0.3">
      <c r="A2061" t="s">
        <v>7862</v>
      </c>
      <c r="B2061">
        <v>1368</v>
      </c>
      <c r="C2061" t="s">
        <v>7863</v>
      </c>
      <c r="D2061" t="s">
        <v>7864</v>
      </c>
      <c r="E2061" t="s">
        <v>115</v>
      </c>
      <c r="F2061">
        <v>1468</v>
      </c>
      <c r="G2061">
        <v>128.6008174386921</v>
      </c>
      <c r="H2061">
        <v>128</v>
      </c>
      <c r="I2061">
        <v>5541.0327513753909</v>
      </c>
      <c r="J2061">
        <v>74.438113566743425</v>
      </c>
      <c r="K2061">
        <v>-2.9440908015611379E-2</v>
      </c>
      <c r="L2061">
        <v>-1.2108417508190901</v>
      </c>
      <c r="M2061">
        <v>7.8636536706405824</v>
      </c>
      <c r="N2061">
        <v>14</v>
      </c>
      <c r="O2061">
        <v>1</v>
      </c>
      <c r="P2061">
        <v>13</v>
      </c>
      <c r="Q2061">
        <v>2.39886254484975</v>
      </c>
      <c r="R2061">
        <v>5.450669370704377</v>
      </c>
      <c r="S2061">
        <v>2</v>
      </c>
      <c r="T2061">
        <v>1</v>
      </c>
      <c r="U2061">
        <v>1</v>
      </c>
      <c r="V2061">
        <v>0.1167504204545239</v>
      </c>
      <c r="W2061">
        <v>7.2720750595183059</v>
      </c>
      <c r="X2061">
        <v>1</v>
      </c>
      <c r="Y2061">
        <v>1</v>
      </c>
      <c r="Z2061">
        <v>0</v>
      </c>
      <c r="AA2061">
        <v>0</v>
      </c>
      <c r="AB2061">
        <v>7.2902928824465958</v>
      </c>
      <c r="AC2061">
        <v>1</v>
      </c>
      <c r="AD2061">
        <v>1</v>
      </c>
      <c r="AE2061">
        <v>0</v>
      </c>
      <c r="AF2061">
        <v>0</v>
      </c>
      <c r="AG2061">
        <v>7.2896105214511673</v>
      </c>
      <c r="AH2061">
        <v>1.617942494417121E-3</v>
      </c>
      <c r="AI2061">
        <v>2.247312068019415E-2</v>
      </c>
      <c r="AJ2061">
        <v>1.4626690042510651E-2</v>
      </c>
      <c r="AK2061">
        <v>3.9508489584349962E-3</v>
      </c>
      <c r="AL2061">
        <v>2644.4122231166789</v>
      </c>
      <c r="AM2061">
        <v>5041.7610013001513</v>
      </c>
      <c r="AN2061">
        <v>188786</v>
      </c>
      <c r="AO2061">
        <v>158.01066671196421</v>
      </c>
      <c r="AP2061">
        <v>2328.6232608530609</v>
      </c>
      <c r="AQ2061">
        <v>1.01566757493188</v>
      </c>
      <c r="AR2061">
        <v>4.0190735694822894</v>
      </c>
      <c r="AS2061">
        <v>1464</v>
      </c>
      <c r="AT2061">
        <v>252.90190735694819</v>
      </c>
      <c r="AU2061">
        <v>1.775925629107233E-2</v>
      </c>
      <c r="AV2061">
        <v>1.618026469594031E-3</v>
      </c>
      <c r="AW2061">
        <v>0.36716621253406001</v>
      </c>
      <c r="AX2061">
        <v>85.554192229038861</v>
      </c>
      <c r="AY2061">
        <v>63.5</v>
      </c>
      <c r="AZ2061">
        <v>128</v>
      </c>
      <c r="BA2061">
        <v>0.57883079633012691</v>
      </c>
      <c r="BB2061">
        <v>0.49727520435967298</v>
      </c>
      <c r="BC2061">
        <v>5.2631017673441463</v>
      </c>
      <c r="BD2061" t="s">
        <v>7865</v>
      </c>
      <c r="BE2061" t="s">
        <v>68</v>
      </c>
    </row>
    <row r="2062" spans="1:57" x14ac:dyDescent="0.3">
      <c r="A2062" t="s">
        <v>7866</v>
      </c>
      <c r="B2062">
        <v>3961</v>
      </c>
      <c r="C2062" t="s">
        <v>7867</v>
      </c>
      <c r="D2062" t="s">
        <v>7868</v>
      </c>
      <c r="E2062" t="s">
        <v>115</v>
      </c>
      <c r="F2062">
        <v>4048</v>
      </c>
      <c r="G2062">
        <v>129.6341403162055</v>
      </c>
      <c r="H2062">
        <v>130</v>
      </c>
      <c r="I2062">
        <v>5592.2962356245798</v>
      </c>
      <c r="J2062">
        <v>74.78165707995899</v>
      </c>
      <c r="K2062">
        <v>-3.9910130355794618E-2</v>
      </c>
      <c r="L2062">
        <v>-1.2169536768916771</v>
      </c>
      <c r="M2062">
        <v>7.9491620024642486</v>
      </c>
      <c r="N2062">
        <v>27</v>
      </c>
      <c r="O2062">
        <v>5</v>
      </c>
      <c r="P2062">
        <v>22</v>
      </c>
      <c r="Q2062">
        <v>4.1790960446010326</v>
      </c>
      <c r="R2062">
        <v>5.50993922982234</v>
      </c>
      <c r="S2062">
        <v>3</v>
      </c>
      <c r="T2062">
        <v>1</v>
      </c>
      <c r="U2062">
        <v>2</v>
      </c>
      <c r="V2062">
        <v>0.1842031737743775</v>
      </c>
      <c r="W2062">
        <v>8.2626926117836739</v>
      </c>
      <c r="X2062">
        <v>1</v>
      </c>
      <c r="Y2062">
        <v>1</v>
      </c>
      <c r="Z2062">
        <v>0</v>
      </c>
      <c r="AA2062">
        <v>0</v>
      </c>
      <c r="AB2062">
        <v>8.3054840177276894</v>
      </c>
      <c r="AC2062">
        <v>1</v>
      </c>
      <c r="AD2062">
        <v>1</v>
      </c>
      <c r="AE2062">
        <v>0</v>
      </c>
      <c r="AF2062">
        <v>0</v>
      </c>
      <c r="AG2062">
        <v>8.3052368294925927</v>
      </c>
      <c r="AH2062">
        <v>8.2412629810691262E-3</v>
      </c>
      <c r="AI2062">
        <v>-9.1492523131989512E-3</v>
      </c>
      <c r="AJ2062">
        <v>2.3237382837448119E-2</v>
      </c>
      <c r="AK2062">
        <v>2.5364072347559838E-3</v>
      </c>
      <c r="AL2062">
        <v>4343.8393916744726</v>
      </c>
      <c r="AM2062">
        <v>8473.2140501309859</v>
      </c>
      <c r="AN2062">
        <v>524759</v>
      </c>
      <c r="AO2062">
        <v>107.54975836957649</v>
      </c>
      <c r="AP2062">
        <v>3990.9116011218298</v>
      </c>
      <c r="AQ2062">
        <v>1.0056818181818179</v>
      </c>
      <c r="AR2062">
        <v>4.0318675889328066</v>
      </c>
      <c r="AS2062">
        <v>4033</v>
      </c>
      <c r="AT2062">
        <v>282.7509881422925</v>
      </c>
      <c r="AU2062">
        <v>2.3042121987134841E-2</v>
      </c>
      <c r="AV2062">
        <v>8.2442582314820254E-3</v>
      </c>
      <c r="AW2062">
        <v>0.36091897233201581</v>
      </c>
      <c r="AX2062">
        <v>85.952063256733382</v>
      </c>
      <c r="AY2062">
        <v>66</v>
      </c>
      <c r="AZ2062">
        <v>131</v>
      </c>
      <c r="BA2062">
        <v>0.57686699582031753</v>
      </c>
      <c r="BB2062">
        <v>0.50247035573122534</v>
      </c>
      <c r="BC2062">
        <v>5.3294647694228976</v>
      </c>
      <c r="BD2062" t="s">
        <v>7869</v>
      </c>
      <c r="BE2062" t="s">
        <v>62</v>
      </c>
    </row>
    <row r="2063" spans="1:57" x14ac:dyDescent="0.3">
      <c r="A2063" t="s">
        <v>7870</v>
      </c>
      <c r="B2063">
        <v>3620</v>
      </c>
      <c r="C2063" t="s">
        <v>7871</v>
      </c>
      <c r="D2063" t="s">
        <v>7872</v>
      </c>
      <c r="E2063" t="s">
        <v>115</v>
      </c>
      <c r="F2063">
        <v>3682</v>
      </c>
      <c r="G2063">
        <v>127.4242259641499</v>
      </c>
      <c r="H2063">
        <v>128</v>
      </c>
      <c r="I2063">
        <v>5479.9732099521989</v>
      </c>
      <c r="J2063">
        <v>74.026841145304843</v>
      </c>
      <c r="K2063">
        <v>5.3895894929377281E-3</v>
      </c>
      <c r="L2063">
        <v>-1.2004950343805749</v>
      </c>
      <c r="M2063">
        <v>7.951341607328013</v>
      </c>
      <c r="N2063">
        <v>26</v>
      </c>
      <c r="O2063">
        <v>6</v>
      </c>
      <c r="P2063">
        <v>20</v>
      </c>
      <c r="Q2063">
        <v>3.7104604956586931</v>
      </c>
      <c r="R2063">
        <v>5.5114500167883866</v>
      </c>
      <c r="S2063">
        <v>4</v>
      </c>
      <c r="T2063">
        <v>1</v>
      </c>
      <c r="U2063">
        <v>3</v>
      </c>
      <c r="V2063">
        <v>0.18734860965226849</v>
      </c>
      <c r="W2063">
        <v>8.1654624664347324</v>
      </c>
      <c r="X2063">
        <v>1</v>
      </c>
      <c r="Y2063">
        <v>1</v>
      </c>
      <c r="Z2063">
        <v>0</v>
      </c>
      <c r="AA2063">
        <v>0</v>
      </c>
      <c r="AB2063">
        <v>8.2106680311629745</v>
      </c>
      <c r="AC2063">
        <v>1</v>
      </c>
      <c r="AD2063">
        <v>1</v>
      </c>
      <c r="AE2063">
        <v>0</v>
      </c>
      <c r="AF2063">
        <v>0</v>
      </c>
      <c r="AG2063">
        <v>8.2103962551047722</v>
      </c>
      <c r="AH2063">
        <v>-1.7624757505444209E-2</v>
      </c>
      <c r="AI2063">
        <v>1.125450948989408E-2</v>
      </c>
      <c r="AJ2063">
        <v>-4.0516062122699391E-2</v>
      </c>
      <c r="AK2063">
        <v>-1.249935861841628E-3</v>
      </c>
      <c r="AL2063">
        <v>4092.2591646243109</v>
      </c>
      <c r="AM2063">
        <v>7950.7902078691741</v>
      </c>
      <c r="AN2063">
        <v>469176</v>
      </c>
      <c r="AO2063">
        <v>96.082157099254687</v>
      </c>
      <c r="AP2063">
        <v>3714.5196250363369</v>
      </c>
      <c r="AQ2063">
        <v>1.0062466051059209</v>
      </c>
      <c r="AR2063">
        <v>4.002172732210755</v>
      </c>
      <c r="AS2063">
        <v>3672</v>
      </c>
      <c r="AT2063">
        <v>245.04834329168929</v>
      </c>
      <c r="AU2063">
        <v>1.0272550084672649E-2</v>
      </c>
      <c r="AV2063">
        <v>-1.7631729074303461E-2</v>
      </c>
      <c r="AW2063">
        <v>0.36610537751222161</v>
      </c>
      <c r="AX2063">
        <v>86.767182830752517</v>
      </c>
      <c r="AY2063">
        <v>64</v>
      </c>
      <c r="AZ2063">
        <v>128</v>
      </c>
      <c r="BA2063">
        <v>0.58094793658885457</v>
      </c>
      <c r="BB2063">
        <v>0.50054318305268874</v>
      </c>
      <c r="BC2063">
        <v>5.328597671073366</v>
      </c>
      <c r="BD2063" t="s">
        <v>7873</v>
      </c>
      <c r="BE2063" t="s">
        <v>68</v>
      </c>
    </row>
    <row r="2064" spans="1:57" x14ac:dyDescent="0.3">
      <c r="A2064" t="s">
        <v>7874</v>
      </c>
      <c r="B2064">
        <v>3779</v>
      </c>
      <c r="C2064" t="s">
        <v>7875</v>
      </c>
      <c r="D2064" t="s">
        <v>7876</v>
      </c>
      <c r="E2064" t="s">
        <v>98</v>
      </c>
      <c r="F2064">
        <v>16</v>
      </c>
      <c r="G2064">
        <v>132.375</v>
      </c>
      <c r="H2064">
        <v>131</v>
      </c>
      <c r="I2064">
        <v>6264.359375</v>
      </c>
      <c r="J2064">
        <v>79.147706062778596</v>
      </c>
      <c r="K2064">
        <v>4.7966829194076417E-2</v>
      </c>
      <c r="L2064">
        <v>-1.581630907568591</v>
      </c>
      <c r="M2064">
        <v>4</v>
      </c>
      <c r="N2064">
        <v>1</v>
      </c>
      <c r="O2064">
        <v>1</v>
      </c>
      <c r="P2064">
        <v>0</v>
      </c>
      <c r="Q2064">
        <v>0</v>
      </c>
      <c r="R2064">
        <v>2.7725887222397811</v>
      </c>
      <c r="S2064">
        <v>1</v>
      </c>
      <c r="T2064">
        <v>1</v>
      </c>
      <c r="U2064">
        <v>0</v>
      </c>
      <c r="V2064">
        <v>0</v>
      </c>
      <c r="W2064">
        <v>2.7080502011022101</v>
      </c>
      <c r="X2064">
        <v>1</v>
      </c>
      <c r="Y2064">
        <v>1</v>
      </c>
      <c r="Z2064">
        <v>0</v>
      </c>
      <c r="AA2064">
        <v>0</v>
      </c>
      <c r="AB2064">
        <v>2.639057329615258</v>
      </c>
      <c r="AC2064">
        <v>1</v>
      </c>
      <c r="AD2064">
        <v>1</v>
      </c>
      <c r="AE2064">
        <v>0</v>
      </c>
      <c r="AF2064">
        <v>0</v>
      </c>
      <c r="AG2064">
        <v>2.5649493574615372</v>
      </c>
      <c r="AH2064">
        <v>5.620695826338986E-2</v>
      </c>
      <c r="AI2064">
        <v>-9.9106365624976614E-2</v>
      </c>
      <c r="AJ2064">
        <v>-4.7834631184852802E-2</v>
      </c>
      <c r="AK2064">
        <v>0.1903423758913895</v>
      </c>
      <c r="AL2064">
        <v>413.38699226815629</v>
      </c>
      <c r="AM2064">
        <v>457.94234858056888</v>
      </c>
      <c r="AN2064">
        <v>2118</v>
      </c>
      <c r="AO2064">
        <v>144.4300759186639</v>
      </c>
      <c r="AP2064">
        <v>280.82224937210208</v>
      </c>
      <c r="AQ2064">
        <v>2.3125</v>
      </c>
      <c r="AR2064">
        <v>4.1875</v>
      </c>
      <c r="AS2064">
        <v>16</v>
      </c>
      <c r="AT2064">
        <v>0</v>
      </c>
      <c r="AU2064">
        <v>0.20150000000000001</v>
      </c>
      <c r="AV2064">
        <v>5.5971684026968567E-2</v>
      </c>
      <c r="AW2064">
        <v>0.375</v>
      </c>
      <c r="AX2064">
        <v>78.933333333333337</v>
      </c>
      <c r="AY2064">
        <v>79.5</v>
      </c>
      <c r="AZ2064">
        <v>156.5</v>
      </c>
      <c r="BA2064">
        <v>0.59790523937887519</v>
      </c>
      <c r="BB2064">
        <v>0.5</v>
      </c>
      <c r="BC2064">
        <v>2.615630577027551</v>
      </c>
      <c r="BD2064" t="s">
        <v>7875</v>
      </c>
      <c r="BE2064" t="s">
        <v>62</v>
      </c>
    </row>
    <row r="2065" spans="1:57" x14ac:dyDescent="0.3">
      <c r="A2065" t="s">
        <v>7877</v>
      </c>
      <c r="B2065">
        <v>748</v>
      </c>
      <c r="C2065" t="s">
        <v>7878</v>
      </c>
      <c r="D2065" t="s">
        <v>7879</v>
      </c>
      <c r="E2065" t="s">
        <v>85</v>
      </c>
      <c r="F2065">
        <v>8</v>
      </c>
      <c r="G2065">
        <v>130.625</v>
      </c>
      <c r="H2065">
        <v>133</v>
      </c>
      <c r="I2065">
        <v>3474.234375</v>
      </c>
      <c r="J2065">
        <v>58.942636308533061</v>
      </c>
      <c r="K2065">
        <v>7.3941068364451523E-2</v>
      </c>
      <c r="L2065">
        <v>-1.5252874508475549</v>
      </c>
      <c r="M2065">
        <v>3</v>
      </c>
      <c r="N2065">
        <v>1</v>
      </c>
      <c r="O2065">
        <v>1</v>
      </c>
      <c r="P2065">
        <v>0</v>
      </c>
      <c r="Q2065">
        <v>0</v>
      </c>
      <c r="R2065">
        <v>2.0794415416798362</v>
      </c>
      <c r="S2065">
        <v>1</v>
      </c>
      <c r="T2065">
        <v>1</v>
      </c>
      <c r="U2065">
        <v>0</v>
      </c>
      <c r="V2065">
        <v>0</v>
      </c>
      <c r="W2065">
        <v>1.945910149055313</v>
      </c>
      <c r="X2065">
        <v>1</v>
      </c>
      <c r="Y2065">
        <v>1</v>
      </c>
      <c r="Z2065">
        <v>0</v>
      </c>
      <c r="AA2065">
        <v>0</v>
      </c>
      <c r="AB2065">
        <v>1.791759469228055</v>
      </c>
      <c r="AC2065">
        <v>1</v>
      </c>
      <c r="AD2065">
        <v>1</v>
      </c>
      <c r="AE2065">
        <v>0</v>
      </c>
      <c r="AF2065">
        <v>0</v>
      </c>
      <c r="AG2065">
        <v>1.6094379124341009</v>
      </c>
      <c r="AH2065">
        <v>7.9958601490436293E-2</v>
      </c>
      <c r="AI2065">
        <v>-0.27816492842397827</v>
      </c>
      <c r="AJ2065">
        <v>9.2976307729670651E-2</v>
      </c>
      <c r="AK2065">
        <v>0</v>
      </c>
      <c r="AL2065">
        <v>273.31749326767869</v>
      </c>
      <c r="AM2065">
        <v>299.32348366587001</v>
      </c>
      <c r="AN2065">
        <v>1045</v>
      </c>
      <c r="AO2065">
        <v>49.594334406818582</v>
      </c>
      <c r="AP2065">
        <v>204.4588176602993</v>
      </c>
      <c r="AQ2065">
        <v>3.5</v>
      </c>
      <c r="AR2065">
        <v>4.25</v>
      </c>
      <c r="AS2065">
        <v>8</v>
      </c>
      <c r="AT2065">
        <v>0</v>
      </c>
      <c r="AU2065">
        <v>0.33761682242990648</v>
      </c>
      <c r="AV2065">
        <v>9.3986871146695808E-2</v>
      </c>
      <c r="AW2065">
        <v>0.5</v>
      </c>
      <c r="AX2065">
        <v>55.857142857142847</v>
      </c>
      <c r="AY2065">
        <v>67.5</v>
      </c>
      <c r="AZ2065">
        <v>113</v>
      </c>
      <c r="BA2065">
        <v>0.45123549327106649</v>
      </c>
      <c r="BB2065">
        <v>0.5</v>
      </c>
      <c r="BC2065">
        <v>1.945910149055313</v>
      </c>
      <c r="BD2065" t="s">
        <v>7878</v>
      </c>
      <c r="BE2065" t="s">
        <v>68</v>
      </c>
    </row>
    <row r="2066" spans="1:57" x14ac:dyDescent="0.3">
      <c r="A2066" t="s">
        <v>7880</v>
      </c>
      <c r="B2066">
        <v>2550</v>
      </c>
      <c r="C2066" t="s">
        <v>7881</v>
      </c>
      <c r="D2066" t="s">
        <v>7882</v>
      </c>
      <c r="E2066" t="s">
        <v>106</v>
      </c>
      <c r="F2066">
        <v>2594</v>
      </c>
      <c r="G2066">
        <v>127.20971472629139</v>
      </c>
      <c r="H2066">
        <v>129</v>
      </c>
      <c r="I2066">
        <v>5394.3715941360433</v>
      </c>
      <c r="J2066">
        <v>73.446385848018707</v>
      </c>
      <c r="K2066">
        <v>-6.7516884581891911E-3</v>
      </c>
      <c r="L2066">
        <v>-1.169699298605984</v>
      </c>
      <c r="M2066">
        <v>7.9204185129218141</v>
      </c>
      <c r="N2066">
        <v>20</v>
      </c>
      <c r="O2066">
        <v>3</v>
      </c>
      <c r="P2066">
        <v>17</v>
      </c>
      <c r="Q2066">
        <v>3.335114066991375</v>
      </c>
      <c r="R2066">
        <v>5.4900157610865428</v>
      </c>
      <c r="S2066">
        <v>2</v>
      </c>
      <c r="T2066">
        <v>1</v>
      </c>
      <c r="U2066">
        <v>1</v>
      </c>
      <c r="V2066">
        <v>0.14951991325262329</v>
      </c>
      <c r="W2066">
        <v>7.8295622730261467</v>
      </c>
      <c r="X2066">
        <v>2</v>
      </c>
      <c r="Y2066">
        <v>1</v>
      </c>
      <c r="Z2066">
        <v>1</v>
      </c>
      <c r="AA2066">
        <v>2.777776949591498E-2</v>
      </c>
      <c r="AB2066">
        <v>7.8591153858972262</v>
      </c>
      <c r="AC2066">
        <v>1</v>
      </c>
      <c r="AD2066">
        <v>1</v>
      </c>
      <c r="AE2066">
        <v>0</v>
      </c>
      <c r="AF2066">
        <v>0</v>
      </c>
      <c r="AG2066">
        <v>7.859799180562109</v>
      </c>
      <c r="AH2066">
        <v>-1.92772162137297E-2</v>
      </c>
      <c r="AI2066">
        <v>-5.0605996158932546E-3</v>
      </c>
      <c r="AJ2066">
        <v>3.6356066280036139E-2</v>
      </c>
      <c r="AK2066">
        <v>3.7898116959390452E-2</v>
      </c>
      <c r="AL2066">
        <v>3425.6873725154592</v>
      </c>
      <c r="AM2066">
        <v>6650.9083609525187</v>
      </c>
      <c r="AN2066">
        <v>329982</v>
      </c>
      <c r="AO2066">
        <v>102.04952466753321</v>
      </c>
      <c r="AP2066">
        <v>3035.17173076993</v>
      </c>
      <c r="AQ2066">
        <v>1.008866615265998</v>
      </c>
      <c r="AR2066">
        <v>3.976869699306091</v>
      </c>
      <c r="AS2066">
        <v>2586</v>
      </c>
      <c r="AT2066">
        <v>281.01619121048577</v>
      </c>
      <c r="AU2066">
        <v>1.291215021089398E-2</v>
      </c>
      <c r="AV2066">
        <v>-1.928285423826941E-2</v>
      </c>
      <c r="AW2066">
        <v>0.36777178103315339</v>
      </c>
      <c r="AX2066">
        <v>86.029695333590439</v>
      </c>
      <c r="AY2066">
        <v>63</v>
      </c>
      <c r="AZ2066">
        <v>126.75</v>
      </c>
      <c r="BA2066">
        <v>0.57736459834100207</v>
      </c>
      <c r="BB2066">
        <v>0.50424055512721666</v>
      </c>
      <c r="BC2066">
        <v>5.312789732545796</v>
      </c>
      <c r="BD2066" t="s">
        <v>7883</v>
      </c>
      <c r="BE2066" t="s">
        <v>68</v>
      </c>
    </row>
    <row r="2067" spans="1:57" x14ac:dyDescent="0.3">
      <c r="A2067" t="s">
        <v>7884</v>
      </c>
      <c r="B2067">
        <v>145</v>
      </c>
      <c r="C2067" t="s">
        <v>7885</v>
      </c>
      <c r="D2067" t="s">
        <v>7886</v>
      </c>
      <c r="E2067" t="s">
        <v>60</v>
      </c>
      <c r="F2067">
        <v>256</v>
      </c>
      <c r="G2067">
        <v>132.3203125</v>
      </c>
      <c r="H2067">
        <v>135</v>
      </c>
      <c r="I2067">
        <v>5545.6317749023438</v>
      </c>
      <c r="J2067">
        <v>74.468998750502507</v>
      </c>
      <c r="K2067">
        <v>-7.472368200290988E-2</v>
      </c>
      <c r="L2067">
        <v>-1.2719356738723071</v>
      </c>
      <c r="M2067">
        <v>7.0802254764848849</v>
      </c>
      <c r="N2067">
        <v>6</v>
      </c>
      <c r="O2067">
        <v>1</v>
      </c>
      <c r="P2067">
        <v>5</v>
      </c>
      <c r="Q2067">
        <v>0.91325576580515133</v>
      </c>
      <c r="R2067">
        <v>4.907638326754193</v>
      </c>
      <c r="S2067">
        <v>1</v>
      </c>
      <c r="T2067">
        <v>1</v>
      </c>
      <c r="U2067">
        <v>0</v>
      </c>
      <c r="V2067">
        <v>0</v>
      </c>
      <c r="W2067">
        <v>5.541263545158424</v>
      </c>
      <c r="X2067">
        <v>1</v>
      </c>
      <c r="Y2067">
        <v>1</v>
      </c>
      <c r="Z2067">
        <v>0</v>
      </c>
      <c r="AA2067">
        <v>0</v>
      </c>
      <c r="AB2067">
        <v>5.5373342670185366</v>
      </c>
      <c r="AC2067">
        <v>1</v>
      </c>
      <c r="AD2067">
        <v>1</v>
      </c>
      <c r="AE2067">
        <v>0</v>
      </c>
      <c r="AF2067">
        <v>0</v>
      </c>
      <c r="AG2067">
        <v>5.5333894887275203</v>
      </c>
      <c r="AH2067">
        <v>-8.2717351850199017E-2</v>
      </c>
      <c r="AI2067">
        <v>7.8029866390140853E-2</v>
      </c>
      <c r="AJ2067">
        <v>-1.7952222720684939E-2</v>
      </c>
      <c r="AK2067">
        <v>-9.6215492709435496E-2</v>
      </c>
      <c r="AL2067">
        <v>1171.7046888165719</v>
      </c>
      <c r="AM2067">
        <v>2128.1466402025171</v>
      </c>
      <c r="AN2067">
        <v>33874</v>
      </c>
      <c r="AO2067">
        <v>85.35876299110943</v>
      </c>
      <c r="AP2067">
        <v>933.75853321295267</v>
      </c>
      <c r="AQ2067">
        <v>1.08984375</v>
      </c>
      <c r="AR2067">
        <v>4.109375</v>
      </c>
      <c r="AS2067">
        <v>255</v>
      </c>
      <c r="AT2067">
        <v>77.265624999999986</v>
      </c>
      <c r="AU2067">
        <v>4.9234068627450937E-2</v>
      </c>
      <c r="AV2067">
        <v>-8.2760451296697735E-2</v>
      </c>
      <c r="AW2067">
        <v>0.3671875</v>
      </c>
      <c r="AX2067">
        <v>92.129411764705878</v>
      </c>
      <c r="AY2067">
        <v>67.5</v>
      </c>
      <c r="AZ2067">
        <v>133.25</v>
      </c>
      <c r="BA2067">
        <v>0.56279340143262213</v>
      </c>
      <c r="BB2067">
        <v>0.51171875</v>
      </c>
      <c r="BC2067">
        <v>4.8600560964766721</v>
      </c>
      <c r="BD2067" t="s">
        <v>7887</v>
      </c>
      <c r="BE2067" t="s">
        <v>62</v>
      </c>
    </row>
    <row r="2068" spans="1:57" x14ac:dyDescent="0.3">
      <c r="A2068" t="s">
        <v>7888</v>
      </c>
      <c r="B2068">
        <v>2228</v>
      </c>
      <c r="C2068" t="s">
        <v>7889</v>
      </c>
      <c r="D2068" t="s">
        <v>7890</v>
      </c>
      <c r="E2068" t="s">
        <v>106</v>
      </c>
      <c r="F2068">
        <v>2244</v>
      </c>
      <c r="G2068">
        <v>130.08467023172909</v>
      </c>
      <c r="H2068">
        <v>131</v>
      </c>
      <c r="I2068">
        <v>5425.861814909078</v>
      </c>
      <c r="J2068">
        <v>73.660449461763932</v>
      </c>
      <c r="K2068">
        <v>-3.876140226991772E-2</v>
      </c>
      <c r="L2068">
        <v>-1.1855489211506289</v>
      </c>
      <c r="M2068">
        <v>7.9191278831816971</v>
      </c>
      <c r="N2068">
        <v>20</v>
      </c>
      <c r="O2068">
        <v>2</v>
      </c>
      <c r="P2068">
        <v>18</v>
      </c>
      <c r="Q2068">
        <v>2.9367934655632491</v>
      </c>
      <c r="R2068">
        <v>5.4891211647210536</v>
      </c>
      <c r="S2068">
        <v>3</v>
      </c>
      <c r="T2068">
        <v>1</v>
      </c>
      <c r="U2068">
        <v>2</v>
      </c>
      <c r="V2068">
        <v>0.14783513707187429</v>
      </c>
      <c r="W2068">
        <v>7.6862877319716576</v>
      </c>
      <c r="X2068">
        <v>2</v>
      </c>
      <c r="Y2068">
        <v>1</v>
      </c>
      <c r="Z2068">
        <v>1</v>
      </c>
      <c r="AA2068">
        <v>2.1119428052118219E-2</v>
      </c>
      <c r="AB2068">
        <v>7.7145052743006506</v>
      </c>
      <c r="AC2068">
        <v>1</v>
      </c>
      <c r="AD2068">
        <v>1</v>
      </c>
      <c r="AE2068">
        <v>0</v>
      </c>
      <c r="AF2068">
        <v>0</v>
      </c>
      <c r="AG2068">
        <v>7.7146774738009256</v>
      </c>
      <c r="AH2068">
        <v>2.802920116885706E-2</v>
      </c>
      <c r="AI2068">
        <v>-2.1999020031283751E-2</v>
      </c>
      <c r="AJ2068">
        <v>-8.2123268584539839E-3</v>
      </c>
      <c r="AK2068">
        <v>-2.8503681252195559E-2</v>
      </c>
      <c r="AL2068">
        <v>3236.6916597371342</v>
      </c>
      <c r="AM2068">
        <v>6298.6091401029234</v>
      </c>
      <c r="AN2068">
        <v>291910</v>
      </c>
      <c r="AO2068">
        <v>101.933415277018</v>
      </c>
      <c r="AP2068">
        <v>2953.4288983332071</v>
      </c>
      <c r="AQ2068">
        <v>1.010249554367201</v>
      </c>
      <c r="AR2068">
        <v>4.0298573975044567</v>
      </c>
      <c r="AS2068">
        <v>2229</v>
      </c>
      <c r="AT2068">
        <v>251.88591800356511</v>
      </c>
      <c r="AU2068">
        <v>2.433155080213906E-2</v>
      </c>
      <c r="AV2068">
        <v>2.8047417419353429E-2</v>
      </c>
      <c r="AW2068">
        <v>0.35606060606060608</v>
      </c>
      <c r="AX2068">
        <v>83.888542131074459</v>
      </c>
      <c r="AY2068">
        <v>63</v>
      </c>
      <c r="AZ2068">
        <v>126.25</v>
      </c>
      <c r="BA2068">
        <v>0.56625003799869222</v>
      </c>
      <c r="BB2068">
        <v>0.50311942959001787</v>
      </c>
      <c r="BC2068">
        <v>5.2838497763272549</v>
      </c>
      <c r="BD2068" t="s">
        <v>7891</v>
      </c>
      <c r="BE2068" t="s">
        <v>68</v>
      </c>
    </row>
    <row r="2069" spans="1:57" x14ac:dyDescent="0.3">
      <c r="A2069" t="s">
        <v>7892</v>
      </c>
      <c r="B2069">
        <v>1416</v>
      </c>
      <c r="C2069" t="s">
        <v>7893</v>
      </c>
      <c r="D2069" t="s">
        <v>7894</v>
      </c>
      <c r="E2069" t="s">
        <v>106</v>
      </c>
      <c r="F2069">
        <v>1424</v>
      </c>
      <c r="G2069">
        <v>127.50842696629211</v>
      </c>
      <c r="H2069">
        <v>127</v>
      </c>
      <c r="I2069">
        <v>5595.1726817952276</v>
      </c>
      <c r="J2069">
        <v>74.800886905137887</v>
      </c>
      <c r="K2069">
        <v>1.131440378842153E-2</v>
      </c>
      <c r="L2069">
        <v>-1.230816191882854</v>
      </c>
      <c r="M2069">
        <v>7.8610298536697734</v>
      </c>
      <c r="N2069">
        <v>14</v>
      </c>
      <c r="O2069">
        <v>1</v>
      </c>
      <c r="P2069">
        <v>13</v>
      </c>
      <c r="Q2069">
        <v>2.2902742459791519</v>
      </c>
      <c r="R2069">
        <v>5.4488506793687668</v>
      </c>
      <c r="S2069">
        <v>2</v>
      </c>
      <c r="T2069">
        <v>1</v>
      </c>
      <c r="U2069">
        <v>1</v>
      </c>
      <c r="V2069">
        <v>9.5576421630081371E-2</v>
      </c>
      <c r="W2069">
        <v>7.2478579271871393</v>
      </c>
      <c r="X2069">
        <v>1</v>
      </c>
      <c r="Y2069">
        <v>1</v>
      </c>
      <c r="Z2069">
        <v>0</v>
      </c>
      <c r="AA2069">
        <v>0</v>
      </c>
      <c r="AB2069">
        <v>7.2598196103631878</v>
      </c>
      <c r="AC2069">
        <v>1</v>
      </c>
      <c r="AD2069">
        <v>1</v>
      </c>
      <c r="AE2069">
        <v>0</v>
      </c>
      <c r="AF2069">
        <v>0</v>
      </c>
      <c r="AG2069">
        <v>7.2591161280971006</v>
      </c>
      <c r="AH2069">
        <v>-9.8283738388305359E-3</v>
      </c>
      <c r="AI2069">
        <v>-1.062948214718373E-2</v>
      </c>
      <c r="AJ2069">
        <v>-9.3575275434262493E-3</v>
      </c>
      <c r="AK2069">
        <v>-1.441605022398787E-2</v>
      </c>
      <c r="AL2069">
        <v>2636.9232257072999</v>
      </c>
      <c r="AM2069">
        <v>4915.9049931549134</v>
      </c>
      <c r="AN2069">
        <v>181572</v>
      </c>
      <c r="AO2069">
        <v>61.256812062127267</v>
      </c>
      <c r="AP2069">
        <v>2306.8743668269271</v>
      </c>
      <c r="AQ2069">
        <v>1.016151685393258</v>
      </c>
      <c r="AR2069">
        <v>4.0140449438202248</v>
      </c>
      <c r="AS2069">
        <v>1420</v>
      </c>
      <c r="AT2069">
        <v>235.77949438202239</v>
      </c>
      <c r="AU2069">
        <v>2.1072923551442971E-2</v>
      </c>
      <c r="AV2069">
        <v>-9.8346634961739877E-3</v>
      </c>
      <c r="AW2069">
        <v>0.36657303370786509</v>
      </c>
      <c r="AX2069">
        <v>87.028109627547437</v>
      </c>
      <c r="AY2069">
        <v>66</v>
      </c>
      <c r="AZ2069">
        <v>132.25</v>
      </c>
      <c r="BA2069">
        <v>0.58663484982770664</v>
      </c>
      <c r="BB2069">
        <v>0.49929775280898869</v>
      </c>
      <c r="BC2069">
        <v>5.2728661212701642</v>
      </c>
      <c r="BD2069" t="s">
        <v>7895</v>
      </c>
      <c r="BE2069" t="s">
        <v>62</v>
      </c>
    </row>
    <row r="2070" spans="1:57" x14ac:dyDescent="0.3">
      <c r="A2070" t="s">
        <v>7896</v>
      </c>
      <c r="B2070">
        <v>2354</v>
      </c>
      <c r="C2070" t="s">
        <v>7897</v>
      </c>
      <c r="D2070" t="s">
        <v>7898</v>
      </c>
      <c r="E2070" t="s">
        <v>10622</v>
      </c>
      <c r="F2070">
        <v>64</v>
      </c>
      <c r="G2070">
        <v>124.703125</v>
      </c>
      <c r="H2070">
        <v>127</v>
      </c>
      <c r="I2070">
        <v>4937.489990234375</v>
      </c>
      <c r="J2070">
        <v>70.267275386444112</v>
      </c>
      <c r="K2070">
        <v>-5.3768426206249963E-2</v>
      </c>
      <c r="L2070">
        <v>-1.003813680140544</v>
      </c>
      <c r="M2070">
        <v>5.75</v>
      </c>
      <c r="N2070">
        <v>2</v>
      </c>
      <c r="O2070">
        <v>1</v>
      </c>
      <c r="P2070">
        <v>1</v>
      </c>
      <c r="Q2070">
        <v>0.34992710611188271</v>
      </c>
      <c r="R2070">
        <v>3.985596288219686</v>
      </c>
      <c r="S2070">
        <v>1</v>
      </c>
      <c r="T2070">
        <v>1</v>
      </c>
      <c r="U2070">
        <v>0</v>
      </c>
      <c r="V2070">
        <v>0</v>
      </c>
      <c r="W2070">
        <v>4.1431347263915326</v>
      </c>
      <c r="X2070">
        <v>1</v>
      </c>
      <c r="Y2070">
        <v>1</v>
      </c>
      <c r="Z2070">
        <v>0</v>
      </c>
      <c r="AA2070">
        <v>0</v>
      </c>
      <c r="AB2070">
        <v>4.1271343850450908</v>
      </c>
      <c r="AC2070">
        <v>1</v>
      </c>
      <c r="AD2070">
        <v>1</v>
      </c>
      <c r="AE2070">
        <v>0</v>
      </c>
      <c r="AF2070">
        <v>0</v>
      </c>
      <c r="AG2070">
        <v>4.1108738641733096</v>
      </c>
      <c r="AH2070">
        <v>1.117799731373071E-2</v>
      </c>
      <c r="AI2070">
        <v>-2.3269345099542579E-2</v>
      </c>
      <c r="AJ2070">
        <v>0.27313380119466218</v>
      </c>
      <c r="AK2070">
        <v>6.5855483278521282E-2</v>
      </c>
      <c r="AL2070">
        <v>632.87807736219725</v>
      </c>
      <c r="AM2070">
        <v>954.31668705641346</v>
      </c>
      <c r="AN2070">
        <v>7981</v>
      </c>
      <c r="AO2070">
        <v>161.34143606097811</v>
      </c>
      <c r="AP2070">
        <v>519.40516760650735</v>
      </c>
      <c r="AQ2070">
        <v>1.359375</v>
      </c>
      <c r="AR2070">
        <v>3.875</v>
      </c>
      <c r="AS2070">
        <v>64</v>
      </c>
      <c r="AT2070">
        <v>6</v>
      </c>
      <c r="AU2070">
        <v>5.83248987854251E-2</v>
      </c>
      <c r="AV2070">
        <v>1.118376142835179E-2</v>
      </c>
      <c r="AW2070">
        <v>0.375</v>
      </c>
      <c r="AX2070">
        <v>81.301587301587304</v>
      </c>
      <c r="AY2070">
        <v>60</v>
      </c>
      <c r="AZ2070">
        <v>116</v>
      </c>
      <c r="BA2070">
        <v>0.56347645968330073</v>
      </c>
      <c r="BB2070">
        <v>0.515625</v>
      </c>
      <c r="BC2070">
        <v>3.914782476312749</v>
      </c>
      <c r="BD2070" t="s">
        <v>7899</v>
      </c>
      <c r="BE2070" t="s">
        <v>62</v>
      </c>
    </row>
    <row r="2071" spans="1:57" x14ac:dyDescent="0.3">
      <c r="A2071" t="s">
        <v>7900</v>
      </c>
      <c r="B2071">
        <v>138</v>
      </c>
      <c r="C2071" t="s">
        <v>7901</v>
      </c>
      <c r="D2071" t="s">
        <v>7902</v>
      </c>
      <c r="E2071" t="s">
        <v>60</v>
      </c>
      <c r="F2071">
        <v>256</v>
      </c>
      <c r="G2071">
        <v>127.92578125</v>
      </c>
      <c r="H2071">
        <v>126.5</v>
      </c>
      <c r="I2071">
        <v>5697.6312103271484</v>
      </c>
      <c r="J2071">
        <v>75.482655029663263</v>
      </c>
      <c r="K2071">
        <v>-3.2022101838987183E-2</v>
      </c>
      <c r="L2071">
        <v>-1.1685367836068501</v>
      </c>
      <c r="M2071">
        <v>7.179382031114784</v>
      </c>
      <c r="N2071">
        <v>4</v>
      </c>
      <c r="O2071">
        <v>1</v>
      </c>
      <c r="P2071">
        <v>3</v>
      </c>
      <c r="Q2071">
        <v>0.81375691003539796</v>
      </c>
      <c r="R2071">
        <v>4.9763684130299453</v>
      </c>
      <c r="S2071">
        <v>1</v>
      </c>
      <c r="T2071">
        <v>1</v>
      </c>
      <c r="U2071">
        <v>0</v>
      </c>
      <c r="V2071">
        <v>0</v>
      </c>
      <c r="W2071">
        <v>5.541263545158424</v>
      </c>
      <c r="X2071">
        <v>1</v>
      </c>
      <c r="Y2071">
        <v>1</v>
      </c>
      <c r="Z2071">
        <v>0</v>
      </c>
      <c r="AA2071">
        <v>0</v>
      </c>
      <c r="AB2071">
        <v>5.5373342670185366</v>
      </c>
      <c r="AC2071">
        <v>1</v>
      </c>
      <c r="AD2071">
        <v>1</v>
      </c>
      <c r="AE2071">
        <v>0</v>
      </c>
      <c r="AF2071">
        <v>0</v>
      </c>
      <c r="AG2071">
        <v>5.5333894887275203</v>
      </c>
      <c r="AH2071">
        <v>-6.7985254947915644E-2</v>
      </c>
      <c r="AI2071">
        <v>-4.1412545576397612E-2</v>
      </c>
      <c r="AJ2071">
        <v>-2.5182378369734231E-2</v>
      </c>
      <c r="AK2071">
        <v>0.1188304626954646</v>
      </c>
      <c r="AL2071">
        <v>1175.4939560087109</v>
      </c>
      <c r="AM2071">
        <v>2065.4900046688649</v>
      </c>
      <c r="AN2071">
        <v>32749</v>
      </c>
      <c r="AO2071">
        <v>64.918655950831649</v>
      </c>
      <c r="AP2071">
        <v>988.43519715607476</v>
      </c>
      <c r="AQ2071">
        <v>1.08984375</v>
      </c>
      <c r="AR2071">
        <v>4.0390625</v>
      </c>
      <c r="AS2071">
        <v>256</v>
      </c>
      <c r="AT2071">
        <v>68.7265625</v>
      </c>
      <c r="AU2071">
        <v>3.4803921568627452E-2</v>
      </c>
      <c r="AV2071">
        <v>-6.7995498255140813E-2</v>
      </c>
      <c r="AW2071">
        <v>0.3515625</v>
      </c>
      <c r="AX2071">
        <v>92.749019607843138</v>
      </c>
      <c r="AY2071">
        <v>66</v>
      </c>
      <c r="AZ2071">
        <v>124.5</v>
      </c>
      <c r="BA2071">
        <v>0.59005037367839619</v>
      </c>
      <c r="BB2071">
        <v>0.5</v>
      </c>
      <c r="BC2071">
        <v>4.8908695483212909</v>
      </c>
      <c r="BD2071" t="s">
        <v>7903</v>
      </c>
      <c r="BE2071" t="s">
        <v>62</v>
      </c>
    </row>
    <row r="2072" spans="1:57" x14ac:dyDescent="0.3">
      <c r="A2072" t="s">
        <v>7904</v>
      </c>
      <c r="B2072">
        <v>3393</v>
      </c>
      <c r="C2072" t="s">
        <v>7905</v>
      </c>
      <c r="D2072" t="s">
        <v>7906</v>
      </c>
      <c r="E2072" t="s">
        <v>10622</v>
      </c>
      <c r="F2072">
        <v>64</v>
      </c>
      <c r="G2072">
        <v>127.765625</v>
      </c>
      <c r="H2072">
        <v>113.5</v>
      </c>
      <c r="I2072">
        <v>5091.523193359375</v>
      </c>
      <c r="J2072">
        <v>71.35491008584745</v>
      </c>
      <c r="K2072">
        <v>0.20945873470809459</v>
      </c>
      <c r="L2072">
        <v>-1.163476356113883</v>
      </c>
      <c r="M2072">
        <v>5.84375</v>
      </c>
      <c r="N2072">
        <v>2</v>
      </c>
      <c r="O2072">
        <v>1</v>
      </c>
      <c r="P2072">
        <v>1</v>
      </c>
      <c r="Q2072">
        <v>0.27850299534160988</v>
      </c>
      <c r="R2072">
        <v>4.0505788363971806</v>
      </c>
      <c r="S2072">
        <v>1</v>
      </c>
      <c r="T2072">
        <v>1</v>
      </c>
      <c r="U2072">
        <v>0</v>
      </c>
      <c r="V2072">
        <v>0</v>
      </c>
      <c r="W2072">
        <v>4.1431347263915326</v>
      </c>
      <c r="X2072">
        <v>1</v>
      </c>
      <c r="Y2072">
        <v>1</v>
      </c>
      <c r="Z2072">
        <v>0</v>
      </c>
      <c r="AA2072">
        <v>0</v>
      </c>
      <c r="AB2072">
        <v>4.1271343850450908</v>
      </c>
      <c r="AC2072">
        <v>1</v>
      </c>
      <c r="AD2072">
        <v>1</v>
      </c>
      <c r="AE2072">
        <v>0</v>
      </c>
      <c r="AF2072">
        <v>0</v>
      </c>
      <c r="AG2072">
        <v>4.1108738641733096</v>
      </c>
      <c r="AH2072">
        <v>2.0483815052343389E-2</v>
      </c>
      <c r="AI2072">
        <v>0.35889352169101529</v>
      </c>
      <c r="AJ2072">
        <v>0.26884727654737289</v>
      </c>
      <c r="AK2072">
        <v>0.101887804947226</v>
      </c>
      <c r="AL2072">
        <v>604.50809148650671</v>
      </c>
      <c r="AM2072">
        <v>1002.580155063594</v>
      </c>
      <c r="AN2072">
        <v>8177</v>
      </c>
      <c r="AO2072">
        <v>1</v>
      </c>
      <c r="AP2072">
        <v>451.93377072969628</v>
      </c>
      <c r="AQ2072">
        <v>1.359375</v>
      </c>
      <c r="AR2072">
        <v>4.09375</v>
      </c>
      <c r="AS2072">
        <v>63</v>
      </c>
      <c r="AT2072">
        <v>4.2187499999999991</v>
      </c>
      <c r="AU2072">
        <v>0.1006598605577689</v>
      </c>
      <c r="AV2072">
        <v>2.0699338608331511E-2</v>
      </c>
      <c r="AW2072">
        <v>0.484375</v>
      </c>
      <c r="AX2072">
        <v>81.047619047619051</v>
      </c>
      <c r="AY2072">
        <v>54.5</v>
      </c>
      <c r="AZ2072">
        <v>122</v>
      </c>
      <c r="BA2072">
        <v>0.55848284768181933</v>
      </c>
      <c r="BB2072">
        <v>0.4375</v>
      </c>
      <c r="BC2072">
        <v>3.9367871487114772</v>
      </c>
      <c r="BD2072" t="s">
        <v>7907</v>
      </c>
      <c r="BE2072" t="s">
        <v>62</v>
      </c>
    </row>
    <row r="2073" spans="1:57" x14ac:dyDescent="0.3">
      <c r="A2073" t="s">
        <v>7908</v>
      </c>
      <c r="B2073">
        <v>1572</v>
      </c>
      <c r="C2073" t="s">
        <v>7909</v>
      </c>
      <c r="D2073" t="s">
        <v>7910</v>
      </c>
      <c r="E2073" t="s">
        <v>106</v>
      </c>
      <c r="F2073">
        <v>1590</v>
      </c>
      <c r="G2073">
        <v>124.3635220125786</v>
      </c>
      <c r="H2073">
        <v>122</v>
      </c>
      <c r="I2073">
        <v>5562.7408077212131</v>
      </c>
      <c r="J2073">
        <v>74.583783812040622</v>
      </c>
      <c r="K2073">
        <v>4.979452255574212E-2</v>
      </c>
      <c r="L2073">
        <v>-1.242553446074542</v>
      </c>
      <c r="M2073">
        <v>7.8819061531584396</v>
      </c>
      <c r="N2073">
        <v>13</v>
      </c>
      <c r="O2073">
        <v>1</v>
      </c>
      <c r="P2073">
        <v>12</v>
      </c>
      <c r="Q2073">
        <v>2.489516593857882</v>
      </c>
      <c r="R2073">
        <v>5.4633210274998483</v>
      </c>
      <c r="S2073">
        <v>2</v>
      </c>
      <c r="T2073">
        <v>1</v>
      </c>
      <c r="U2073">
        <v>1</v>
      </c>
      <c r="V2073">
        <v>0.12541589031926489</v>
      </c>
      <c r="W2073">
        <v>7.3490493679036177</v>
      </c>
      <c r="X2073">
        <v>1</v>
      </c>
      <c r="Y2073">
        <v>1</v>
      </c>
      <c r="Z2073">
        <v>0</v>
      </c>
      <c r="AA2073">
        <v>0</v>
      </c>
      <c r="AB2073">
        <v>7.3702306418070824</v>
      </c>
      <c r="AC2073">
        <v>1</v>
      </c>
      <c r="AD2073">
        <v>1</v>
      </c>
      <c r="AE2073">
        <v>0</v>
      </c>
      <c r="AF2073">
        <v>0</v>
      </c>
      <c r="AG2073">
        <v>7.3696007205264076</v>
      </c>
      <c r="AH2073">
        <v>-2.2862341819404022E-2</v>
      </c>
      <c r="AI2073">
        <v>-3.7908058459797311E-3</v>
      </c>
      <c r="AJ2073">
        <v>-4.5973903521970727E-2</v>
      </c>
      <c r="AK2073">
        <v>-8.0299725465891661E-3</v>
      </c>
      <c r="AL2073">
        <v>2750.415163219388</v>
      </c>
      <c r="AM2073">
        <v>5086.3905109549796</v>
      </c>
      <c r="AN2073">
        <v>197738</v>
      </c>
      <c r="AO2073">
        <v>22.86521336417486</v>
      </c>
      <c r="AP2073">
        <v>2362.394474850023</v>
      </c>
      <c r="AQ2073">
        <v>1.014465408805032</v>
      </c>
      <c r="AR2073">
        <v>4.010062893081761</v>
      </c>
      <c r="AS2073">
        <v>1583</v>
      </c>
      <c r="AT2073">
        <v>255.4540880503144</v>
      </c>
      <c r="AU2073">
        <v>3.3999260081391092E-2</v>
      </c>
      <c r="AV2073">
        <v>-2.287965101114962E-2</v>
      </c>
      <c r="AW2073">
        <v>0.37421383647798739</v>
      </c>
      <c r="AX2073">
        <v>86.397734424166146</v>
      </c>
      <c r="AY2073">
        <v>65</v>
      </c>
      <c r="AZ2073">
        <v>130</v>
      </c>
      <c r="BA2073">
        <v>0.59972395928523903</v>
      </c>
      <c r="BB2073">
        <v>0.49182389937106918</v>
      </c>
      <c r="BC2073">
        <v>5.273159697836558</v>
      </c>
      <c r="BD2073" t="s">
        <v>7911</v>
      </c>
      <c r="BE2073" t="s">
        <v>68</v>
      </c>
    </row>
    <row r="2074" spans="1:57" x14ac:dyDescent="0.3">
      <c r="A2074" t="s">
        <v>7912</v>
      </c>
      <c r="B2074">
        <v>2984</v>
      </c>
      <c r="C2074" t="s">
        <v>7913</v>
      </c>
      <c r="D2074" t="s">
        <v>7914</v>
      </c>
      <c r="E2074" t="s">
        <v>66</v>
      </c>
      <c r="F2074">
        <v>71</v>
      </c>
      <c r="G2074">
        <v>132.18309859154931</v>
      </c>
      <c r="H2074">
        <v>142</v>
      </c>
      <c r="I2074">
        <v>5961.3045030747871</v>
      </c>
      <c r="J2074">
        <v>77.209484540921437</v>
      </c>
      <c r="K2074">
        <v>-0.14711769508440661</v>
      </c>
      <c r="L2074">
        <v>-1.316427995238886</v>
      </c>
      <c r="M2074">
        <v>5.8574247603192777</v>
      </c>
      <c r="N2074">
        <v>3</v>
      </c>
      <c r="O2074">
        <v>1</v>
      </c>
      <c r="P2074">
        <v>2</v>
      </c>
      <c r="Q2074">
        <v>0.41212475704841101</v>
      </c>
      <c r="R2074">
        <v>4.0600574579573232</v>
      </c>
      <c r="S2074">
        <v>1</v>
      </c>
      <c r="T2074">
        <v>1</v>
      </c>
      <c r="U2074">
        <v>0</v>
      </c>
      <c r="V2074">
        <v>0</v>
      </c>
      <c r="W2074">
        <v>4.2484952420493576</v>
      </c>
      <c r="X2074">
        <v>1</v>
      </c>
      <c r="Y2074">
        <v>1</v>
      </c>
      <c r="Z2074">
        <v>0</v>
      </c>
      <c r="AA2074">
        <v>0</v>
      </c>
      <c r="AB2074">
        <v>4.2341065045972579</v>
      </c>
      <c r="AC2074">
        <v>1</v>
      </c>
      <c r="AD2074">
        <v>1</v>
      </c>
      <c r="AE2074">
        <v>0</v>
      </c>
      <c r="AF2074">
        <v>0</v>
      </c>
      <c r="AG2074">
        <v>4.2195077051761087</v>
      </c>
      <c r="AH2074">
        <v>0.18389841899494611</v>
      </c>
      <c r="AI2074">
        <v>1.382699824846121E-2</v>
      </c>
      <c r="AJ2074">
        <v>-0.239502253820262</v>
      </c>
      <c r="AK2074">
        <v>-0.12781874091432299</v>
      </c>
      <c r="AL2074">
        <v>678.26505704897875</v>
      </c>
      <c r="AM2074">
        <v>1097.1542792088751</v>
      </c>
      <c r="AN2074">
        <v>9385</v>
      </c>
      <c r="AO2074">
        <v>108.5226141474981</v>
      </c>
      <c r="AP2074">
        <v>467.76812065863021</v>
      </c>
      <c r="AQ2074">
        <v>1.323943661971831</v>
      </c>
      <c r="AR2074">
        <v>3.971830985915493</v>
      </c>
      <c r="AS2074">
        <v>70</v>
      </c>
      <c r="AT2074">
        <v>8.9014084507042295</v>
      </c>
      <c r="AU2074">
        <v>0.1086197183098592</v>
      </c>
      <c r="AV2074">
        <v>0.18621766100657941</v>
      </c>
      <c r="AW2074">
        <v>0.352112676056338</v>
      </c>
      <c r="AX2074">
        <v>77.171428571428578</v>
      </c>
      <c r="AY2074">
        <v>66</v>
      </c>
      <c r="AZ2074">
        <v>137</v>
      </c>
      <c r="BA2074">
        <v>0.58411011213696562</v>
      </c>
      <c r="BB2074">
        <v>0.52112676056338025</v>
      </c>
      <c r="BC2074">
        <v>3.9364822177018248</v>
      </c>
      <c r="BD2074" t="s">
        <v>7915</v>
      </c>
      <c r="BE2074" t="s">
        <v>68</v>
      </c>
    </row>
    <row r="2075" spans="1:57" x14ac:dyDescent="0.3">
      <c r="A2075" t="s">
        <v>7916</v>
      </c>
      <c r="B2075">
        <v>3858</v>
      </c>
      <c r="C2075" t="s">
        <v>7917</v>
      </c>
      <c r="D2075" t="s">
        <v>7918</v>
      </c>
      <c r="E2075" t="s">
        <v>98</v>
      </c>
      <c r="F2075">
        <v>16</v>
      </c>
      <c r="G2075">
        <v>134.25</v>
      </c>
      <c r="H2075">
        <v>126</v>
      </c>
      <c r="I2075">
        <v>4536.9375</v>
      </c>
      <c r="J2075">
        <v>67.356792530523606</v>
      </c>
      <c r="K2075">
        <v>0.39145837061350192</v>
      </c>
      <c r="L2075">
        <v>-1.1687403056036321</v>
      </c>
      <c r="M2075">
        <v>4</v>
      </c>
      <c r="N2075">
        <v>1</v>
      </c>
      <c r="O2075">
        <v>1</v>
      </c>
      <c r="P2075">
        <v>0</v>
      </c>
      <c r="Q2075">
        <v>0</v>
      </c>
      <c r="R2075">
        <v>2.7725887222397811</v>
      </c>
      <c r="S2075">
        <v>1</v>
      </c>
      <c r="T2075">
        <v>1</v>
      </c>
      <c r="U2075">
        <v>0</v>
      </c>
      <c r="V2075">
        <v>0</v>
      </c>
      <c r="W2075">
        <v>2.7080502011022101</v>
      </c>
      <c r="X2075">
        <v>1</v>
      </c>
      <c r="Y2075">
        <v>1</v>
      </c>
      <c r="Z2075">
        <v>0</v>
      </c>
      <c r="AA2075">
        <v>0</v>
      </c>
      <c r="AB2075">
        <v>2.639057329615258</v>
      </c>
      <c r="AC2075">
        <v>1</v>
      </c>
      <c r="AD2075">
        <v>1</v>
      </c>
      <c r="AE2075">
        <v>0</v>
      </c>
      <c r="AF2075">
        <v>0</v>
      </c>
      <c r="AG2075">
        <v>2.5649493574615372</v>
      </c>
      <c r="AH2075">
        <v>2.1248329682743039E-2</v>
      </c>
      <c r="AI2075">
        <v>-0.24910629416869859</v>
      </c>
      <c r="AJ2075">
        <v>-0.14179874226832531</v>
      </c>
      <c r="AK2075">
        <v>-0.1608308881266273</v>
      </c>
      <c r="AL2075">
        <v>379.17354636907743</v>
      </c>
      <c r="AM2075">
        <v>466.03371308725849</v>
      </c>
      <c r="AN2075">
        <v>2148</v>
      </c>
      <c r="AO2075">
        <v>8</v>
      </c>
      <c r="AP2075">
        <v>294.75440838843411</v>
      </c>
      <c r="AQ2075">
        <v>2.25</v>
      </c>
      <c r="AR2075">
        <v>3.75</v>
      </c>
      <c r="AS2075">
        <v>16</v>
      </c>
      <c r="AT2075">
        <v>0</v>
      </c>
      <c r="AU2075">
        <v>0.27419354838709681</v>
      </c>
      <c r="AV2075">
        <v>2.8091689650982049E-2</v>
      </c>
      <c r="AW2075">
        <v>0.5</v>
      </c>
      <c r="AX2075">
        <v>80</v>
      </c>
      <c r="AY2075">
        <v>56.5</v>
      </c>
      <c r="AZ2075">
        <v>105.25</v>
      </c>
      <c r="BA2075">
        <v>0.50172657378416097</v>
      </c>
      <c r="BB2075">
        <v>0.375</v>
      </c>
      <c r="BC2075">
        <v>2.7080502011022101</v>
      </c>
      <c r="BD2075" t="s">
        <v>7917</v>
      </c>
      <c r="BE2075" t="s">
        <v>62</v>
      </c>
    </row>
    <row r="2076" spans="1:57" x14ac:dyDescent="0.3">
      <c r="A2076" t="s">
        <v>7919</v>
      </c>
      <c r="B2076">
        <v>2616</v>
      </c>
      <c r="C2076" t="s">
        <v>7920</v>
      </c>
      <c r="D2076" t="s">
        <v>7921</v>
      </c>
      <c r="E2076" t="s">
        <v>66</v>
      </c>
      <c r="F2076">
        <v>72</v>
      </c>
      <c r="G2076">
        <v>128.125</v>
      </c>
      <c r="H2076">
        <v>141.5</v>
      </c>
      <c r="I2076">
        <v>6083.6649305555557</v>
      </c>
      <c r="J2076">
        <v>77.997852089372017</v>
      </c>
      <c r="K2076">
        <v>-0.17480614169733061</v>
      </c>
      <c r="L2076">
        <v>-1.28010595898404</v>
      </c>
      <c r="M2076">
        <v>5.8365916681089809</v>
      </c>
      <c r="N2076">
        <v>2</v>
      </c>
      <c r="O2076">
        <v>1</v>
      </c>
      <c r="P2076">
        <v>1</v>
      </c>
      <c r="Q2076">
        <v>0.4</v>
      </c>
      <c r="R2076">
        <v>4.0456170588294063</v>
      </c>
      <c r="S2076">
        <v>2</v>
      </c>
      <c r="T2076">
        <v>1</v>
      </c>
      <c r="U2076">
        <v>1</v>
      </c>
      <c r="V2076">
        <v>0.16776575221435111</v>
      </c>
      <c r="W2076">
        <v>4.2236293316576567</v>
      </c>
      <c r="X2076">
        <v>2</v>
      </c>
      <c r="Y2076">
        <v>1</v>
      </c>
      <c r="Z2076">
        <v>1</v>
      </c>
      <c r="AA2076">
        <v>0.11951030798891769</v>
      </c>
      <c r="AB2076">
        <v>4.2286910368905044</v>
      </c>
      <c r="AC2076">
        <v>1</v>
      </c>
      <c r="AD2076">
        <v>1</v>
      </c>
      <c r="AE2076">
        <v>0</v>
      </c>
      <c r="AF2076">
        <v>0</v>
      </c>
      <c r="AG2076">
        <v>4.2341065045972579</v>
      </c>
      <c r="AH2076">
        <v>0.16000008989236031</v>
      </c>
      <c r="AI2076">
        <v>0.1882936032881769</v>
      </c>
      <c r="AJ2076">
        <v>-1.8636719573790358E-2</v>
      </c>
      <c r="AK2076">
        <v>-6.325746798619139E-2</v>
      </c>
      <c r="AL2076">
        <v>685.38138767299949</v>
      </c>
      <c r="AM2076">
        <v>1072.4874607338929</v>
      </c>
      <c r="AN2076">
        <v>9225</v>
      </c>
      <c r="AO2076">
        <v>73.189109357914973</v>
      </c>
      <c r="AP2076">
        <v>492.18095025063911</v>
      </c>
      <c r="AQ2076">
        <v>1.319444444444444</v>
      </c>
      <c r="AR2076">
        <v>3.6944444444444451</v>
      </c>
      <c r="AS2076">
        <v>71</v>
      </c>
      <c r="AT2076">
        <v>7.9999999999999991</v>
      </c>
      <c r="AU2076">
        <v>8.9357429718875447E-2</v>
      </c>
      <c r="AV2076">
        <v>0.1613120025892508</v>
      </c>
      <c r="AW2076">
        <v>0.27777777777777779</v>
      </c>
      <c r="AX2076">
        <v>79.070422535211264</v>
      </c>
      <c r="AY2076">
        <v>67.5</v>
      </c>
      <c r="AZ2076">
        <v>139.75</v>
      </c>
      <c r="BA2076">
        <v>0.60876372362436693</v>
      </c>
      <c r="BB2076">
        <v>0.55555555555555558</v>
      </c>
      <c r="BC2076">
        <v>4.0088513320475334</v>
      </c>
      <c r="BD2076" t="s">
        <v>7922</v>
      </c>
      <c r="BE2076" t="s">
        <v>68</v>
      </c>
    </row>
    <row r="2077" spans="1:57" x14ac:dyDescent="0.3">
      <c r="A2077" t="s">
        <v>7923</v>
      </c>
      <c r="B2077">
        <v>1512</v>
      </c>
      <c r="C2077" t="s">
        <v>7924</v>
      </c>
      <c r="D2077" t="s">
        <v>7925</v>
      </c>
      <c r="E2077" t="s">
        <v>10622</v>
      </c>
      <c r="F2077">
        <v>64</v>
      </c>
      <c r="G2077">
        <v>132.375</v>
      </c>
      <c r="H2077">
        <v>136.5</v>
      </c>
      <c r="I2077">
        <v>5472.984375</v>
      </c>
      <c r="J2077">
        <v>73.979621349395941</v>
      </c>
      <c r="K2077">
        <v>-0.1297887993976331</v>
      </c>
      <c r="L2077">
        <v>-1.254768424330259</v>
      </c>
      <c r="M2077">
        <v>5.78125</v>
      </c>
      <c r="N2077">
        <v>2</v>
      </c>
      <c r="O2077">
        <v>1</v>
      </c>
      <c r="P2077">
        <v>1</v>
      </c>
      <c r="Q2077">
        <v>0.32821556024332821</v>
      </c>
      <c r="R2077">
        <v>4.0072571376121839</v>
      </c>
      <c r="S2077">
        <v>1</v>
      </c>
      <c r="T2077">
        <v>1</v>
      </c>
      <c r="U2077">
        <v>0</v>
      </c>
      <c r="V2077">
        <v>0</v>
      </c>
      <c r="W2077">
        <v>4.1431347263915326</v>
      </c>
      <c r="X2077">
        <v>1</v>
      </c>
      <c r="Y2077">
        <v>1</v>
      </c>
      <c r="Z2077">
        <v>0</v>
      </c>
      <c r="AA2077">
        <v>0</v>
      </c>
      <c r="AB2077">
        <v>4.1271343850450908</v>
      </c>
      <c r="AC2077">
        <v>1</v>
      </c>
      <c r="AD2077">
        <v>1</v>
      </c>
      <c r="AE2077">
        <v>0</v>
      </c>
      <c r="AF2077">
        <v>0</v>
      </c>
      <c r="AG2077">
        <v>4.1108738641733096</v>
      </c>
      <c r="AH2077">
        <v>2.272557355590386E-2</v>
      </c>
      <c r="AI2077">
        <v>6.3444714949282124E-2</v>
      </c>
      <c r="AJ2077">
        <v>-5.4736413020204357E-2</v>
      </c>
      <c r="AK2077">
        <v>8.6691001396061909E-2</v>
      </c>
      <c r="AL2077">
        <v>642.50043356323749</v>
      </c>
      <c r="AM2077">
        <v>1029.0506269717989</v>
      </c>
      <c r="AN2077">
        <v>8472</v>
      </c>
      <c r="AO2077">
        <v>10.82519174741515</v>
      </c>
      <c r="AP2077">
        <v>478.53317544345867</v>
      </c>
      <c r="AQ2077">
        <v>1.359375</v>
      </c>
      <c r="AR2077">
        <v>3.90625</v>
      </c>
      <c r="AS2077">
        <v>64</v>
      </c>
      <c r="AT2077">
        <v>5.4687499999999991</v>
      </c>
      <c r="AU2077">
        <v>8.0792682926829285E-2</v>
      </c>
      <c r="AV2077">
        <v>2.2754332536125979E-2</v>
      </c>
      <c r="AW2077">
        <v>0.359375</v>
      </c>
      <c r="AX2077">
        <v>86.793650793650798</v>
      </c>
      <c r="AY2077">
        <v>67</v>
      </c>
      <c r="AZ2077">
        <v>130.75</v>
      </c>
      <c r="BA2077">
        <v>0.55886399508514406</v>
      </c>
      <c r="BB2077">
        <v>0.515625</v>
      </c>
      <c r="BC2077">
        <v>3.9284816226199761</v>
      </c>
      <c r="BD2077" t="s">
        <v>7926</v>
      </c>
      <c r="BE2077" t="s">
        <v>62</v>
      </c>
    </row>
    <row r="2078" spans="1:57" x14ac:dyDescent="0.3">
      <c r="A2078" t="s">
        <v>7927</v>
      </c>
      <c r="B2078">
        <v>3230</v>
      </c>
      <c r="C2078" t="s">
        <v>7928</v>
      </c>
      <c r="D2078" t="s">
        <v>7929</v>
      </c>
      <c r="E2078" t="s">
        <v>85</v>
      </c>
      <c r="F2078">
        <v>8</v>
      </c>
      <c r="G2078">
        <v>109.875</v>
      </c>
      <c r="H2078">
        <v>70</v>
      </c>
      <c r="I2078">
        <v>8085.609375</v>
      </c>
      <c r="J2078">
        <v>89.920016542480681</v>
      </c>
      <c r="K2078">
        <v>0.55044633247342267</v>
      </c>
      <c r="L2078">
        <v>-1.30480052652254</v>
      </c>
      <c r="M2078">
        <v>3</v>
      </c>
      <c r="N2078">
        <v>1</v>
      </c>
      <c r="O2078">
        <v>1</v>
      </c>
      <c r="P2078">
        <v>0</v>
      </c>
      <c r="Q2078">
        <v>0</v>
      </c>
      <c r="R2078">
        <v>2.0794415416798362</v>
      </c>
      <c r="S2078">
        <v>1</v>
      </c>
      <c r="T2078">
        <v>1</v>
      </c>
      <c r="U2078">
        <v>0</v>
      </c>
      <c r="V2078">
        <v>0</v>
      </c>
      <c r="W2078">
        <v>1.945910149055313</v>
      </c>
      <c r="X2078">
        <v>1</v>
      </c>
      <c r="Y2078">
        <v>1</v>
      </c>
      <c r="Z2078">
        <v>0</v>
      </c>
      <c r="AA2078">
        <v>0</v>
      </c>
      <c r="AB2078">
        <v>1.791759469228055</v>
      </c>
      <c r="AC2078">
        <v>1</v>
      </c>
      <c r="AD2078">
        <v>1</v>
      </c>
      <c r="AE2078">
        <v>0</v>
      </c>
      <c r="AF2078">
        <v>0</v>
      </c>
      <c r="AG2078">
        <v>1.6094379124341009</v>
      </c>
      <c r="AH2078">
        <v>-0.34333591314816642</v>
      </c>
      <c r="AI2078">
        <v>-0.32510739566243269</v>
      </c>
      <c r="AJ2078">
        <v>-0.19347379313943169</v>
      </c>
      <c r="AK2078">
        <v>0</v>
      </c>
      <c r="AL2078">
        <v>322.40265719699681</v>
      </c>
      <c r="AM2078">
        <v>239.419144247731</v>
      </c>
      <c r="AN2078">
        <v>879</v>
      </c>
      <c r="AO2078">
        <v>105</v>
      </c>
      <c r="AP2078">
        <v>227.7125380825571</v>
      </c>
      <c r="AQ2078">
        <v>3.5</v>
      </c>
      <c r="AR2078">
        <v>4.125</v>
      </c>
      <c r="AS2078">
        <v>8</v>
      </c>
      <c r="AT2078">
        <v>0</v>
      </c>
      <c r="AU2078">
        <v>0.38970588235294118</v>
      </c>
      <c r="AV2078">
        <v>-0.39786152522221002</v>
      </c>
      <c r="AW2078">
        <v>0.375</v>
      </c>
      <c r="AX2078">
        <v>123.71428571428569</v>
      </c>
      <c r="AY2078">
        <v>55</v>
      </c>
      <c r="AZ2078">
        <v>139.75</v>
      </c>
      <c r="BA2078">
        <v>0.81838467842985829</v>
      </c>
      <c r="BB2078">
        <v>0.375</v>
      </c>
      <c r="BC2078">
        <v>1.945910149055313</v>
      </c>
      <c r="BD2078" t="s">
        <v>7928</v>
      </c>
      <c r="BE2078" t="s">
        <v>68</v>
      </c>
    </row>
    <row r="2079" spans="1:57" x14ac:dyDescent="0.3">
      <c r="A2079" t="s">
        <v>7930</v>
      </c>
      <c r="B2079">
        <v>2685</v>
      </c>
      <c r="C2079" t="s">
        <v>7931</v>
      </c>
      <c r="D2079" t="s">
        <v>7932</v>
      </c>
      <c r="E2079" t="s">
        <v>98</v>
      </c>
      <c r="F2079">
        <v>16</v>
      </c>
      <c r="G2079">
        <v>124.1875</v>
      </c>
      <c r="H2079">
        <v>134.5</v>
      </c>
      <c r="I2079">
        <v>4921.90234375</v>
      </c>
      <c r="J2079">
        <v>70.156270879729632</v>
      </c>
      <c r="K2079">
        <v>-0.37683758219221358</v>
      </c>
      <c r="L2079">
        <v>-1.1714269945328899</v>
      </c>
      <c r="M2079">
        <v>3.875</v>
      </c>
      <c r="N2079">
        <v>2</v>
      </c>
      <c r="O2079">
        <v>1</v>
      </c>
      <c r="P2079">
        <v>1</v>
      </c>
      <c r="Q2079">
        <v>0.24944382578492949</v>
      </c>
      <c r="R2079">
        <v>2.6859453246697882</v>
      </c>
      <c r="S2079">
        <v>1</v>
      </c>
      <c r="T2079">
        <v>1</v>
      </c>
      <c r="U2079">
        <v>0</v>
      </c>
      <c r="V2079">
        <v>0</v>
      </c>
      <c r="W2079">
        <v>2.7080502011022101</v>
      </c>
      <c r="X2079">
        <v>1</v>
      </c>
      <c r="Y2079">
        <v>1</v>
      </c>
      <c r="Z2079">
        <v>0</v>
      </c>
      <c r="AA2079">
        <v>0</v>
      </c>
      <c r="AB2079">
        <v>2.639057329615258</v>
      </c>
      <c r="AC2079">
        <v>1</v>
      </c>
      <c r="AD2079">
        <v>1</v>
      </c>
      <c r="AE2079">
        <v>0</v>
      </c>
      <c r="AF2079">
        <v>0</v>
      </c>
      <c r="AG2079">
        <v>2.5649493574615372</v>
      </c>
      <c r="AH2079">
        <v>-0.26617436450749882</v>
      </c>
      <c r="AI2079">
        <v>-0.17076343623487811</v>
      </c>
      <c r="AJ2079">
        <v>-0.10274928036114089</v>
      </c>
      <c r="AK2079">
        <v>-0.24471024764148139</v>
      </c>
      <c r="AL2079">
        <v>382.66921920677169</v>
      </c>
      <c r="AM2079">
        <v>423.17285909150621</v>
      </c>
      <c r="AN2079">
        <v>1987</v>
      </c>
      <c r="AO2079">
        <v>111.8517941207476</v>
      </c>
      <c r="AP2079">
        <v>318.33772274031412</v>
      </c>
      <c r="AQ2079">
        <v>2.3125</v>
      </c>
      <c r="AR2079">
        <v>4.25</v>
      </c>
      <c r="AS2079">
        <v>16</v>
      </c>
      <c r="AT2079">
        <v>0.87499999999999989</v>
      </c>
      <c r="AU2079">
        <v>0.15301724137931039</v>
      </c>
      <c r="AV2079">
        <v>-0.30484968788413858</v>
      </c>
      <c r="AW2079">
        <v>0.3125</v>
      </c>
      <c r="AX2079">
        <v>89.6</v>
      </c>
      <c r="AY2079">
        <v>53</v>
      </c>
      <c r="AZ2079">
        <v>108.75</v>
      </c>
      <c r="BA2079">
        <v>0.5649221610848888</v>
      </c>
      <c r="BB2079">
        <v>0.5</v>
      </c>
      <c r="BC2079">
        <v>2.615630577027551</v>
      </c>
      <c r="BD2079" t="s">
        <v>7931</v>
      </c>
      <c r="BE2079" t="s">
        <v>62</v>
      </c>
    </row>
    <row r="2080" spans="1:57" x14ac:dyDescent="0.3">
      <c r="A2080" t="s">
        <v>7933</v>
      </c>
      <c r="B2080">
        <v>1521</v>
      </c>
      <c r="C2080" t="s">
        <v>7934</v>
      </c>
      <c r="D2080" t="s">
        <v>7935</v>
      </c>
      <c r="E2080" t="s">
        <v>115</v>
      </c>
      <c r="F2080">
        <v>1584</v>
      </c>
      <c r="G2080">
        <v>127.1622474747475</v>
      </c>
      <c r="H2080">
        <v>128.5</v>
      </c>
      <c r="I2080">
        <v>5416.1043575751191</v>
      </c>
      <c r="J2080">
        <v>73.594186982227882</v>
      </c>
      <c r="K2080">
        <v>1.845933483194877E-3</v>
      </c>
      <c r="L2080">
        <v>-1.206904952665748</v>
      </c>
      <c r="M2080">
        <v>7.892752893703519</v>
      </c>
      <c r="N2080">
        <v>14</v>
      </c>
      <c r="O2080">
        <v>1</v>
      </c>
      <c r="P2080">
        <v>13</v>
      </c>
      <c r="Q2080">
        <v>2.2945499844002502</v>
      </c>
      <c r="R2080">
        <v>5.4708394151269397</v>
      </c>
      <c r="S2080">
        <v>3</v>
      </c>
      <c r="T2080">
        <v>1</v>
      </c>
      <c r="U2080">
        <v>2</v>
      </c>
      <c r="V2080">
        <v>0.109612848783356</v>
      </c>
      <c r="W2080">
        <v>7.3518589598918753</v>
      </c>
      <c r="X2080">
        <v>1</v>
      </c>
      <c r="Y2080">
        <v>1</v>
      </c>
      <c r="Z2080">
        <v>0</v>
      </c>
      <c r="AA2080">
        <v>0</v>
      </c>
      <c r="AB2080">
        <v>7.3664451483275988</v>
      </c>
      <c r="AC2080">
        <v>1</v>
      </c>
      <c r="AD2080">
        <v>1</v>
      </c>
      <c r="AE2080">
        <v>0</v>
      </c>
      <c r="AF2080">
        <v>0</v>
      </c>
      <c r="AG2080">
        <v>7.3658128372094742</v>
      </c>
      <c r="AH2080">
        <v>-2.686351315368771E-2</v>
      </c>
      <c r="AI2080">
        <v>3.3919604081830167E-2</v>
      </c>
      <c r="AJ2080">
        <v>1.2531323249788961E-2</v>
      </c>
      <c r="AK2080">
        <v>1.045468166281361E-2</v>
      </c>
      <c r="AL2080">
        <v>2740.3740988703489</v>
      </c>
      <c r="AM2080">
        <v>5165.5701329321346</v>
      </c>
      <c r="AN2080">
        <v>201425</v>
      </c>
      <c r="AO2080">
        <v>135.83064403491659</v>
      </c>
      <c r="AP2080">
        <v>2499.1464796810101</v>
      </c>
      <c r="AQ2080">
        <v>1.014520202020202</v>
      </c>
      <c r="AR2080">
        <v>3.9779040404040402</v>
      </c>
      <c r="AS2080">
        <v>1580</v>
      </c>
      <c r="AT2080">
        <v>216.13257575757581</v>
      </c>
      <c r="AU2080">
        <v>1.495840760546646E-2</v>
      </c>
      <c r="AV2080">
        <v>-2.68896317614255E-2</v>
      </c>
      <c r="AW2080">
        <v>0.37058080808080812</v>
      </c>
      <c r="AX2080">
        <v>86.879343019583075</v>
      </c>
      <c r="AY2080">
        <v>63.5</v>
      </c>
      <c r="AZ2080">
        <v>127</v>
      </c>
      <c r="BA2080">
        <v>0.57874242114856134</v>
      </c>
      <c r="BB2080">
        <v>0.50378787878787878</v>
      </c>
      <c r="BC2080">
        <v>5.2712562167969264</v>
      </c>
      <c r="BD2080" t="s">
        <v>7936</v>
      </c>
      <c r="BE2080" t="s">
        <v>62</v>
      </c>
    </row>
    <row r="2081" spans="1:57" x14ac:dyDescent="0.3">
      <c r="A2081" t="s">
        <v>7937</v>
      </c>
      <c r="B2081">
        <v>1402</v>
      </c>
      <c r="C2081" t="s">
        <v>7938</v>
      </c>
      <c r="D2081" t="s">
        <v>7939</v>
      </c>
      <c r="E2081" t="s">
        <v>106</v>
      </c>
      <c r="F2081">
        <v>1426</v>
      </c>
      <c r="G2081">
        <v>128.7405329593268</v>
      </c>
      <c r="H2081">
        <v>131</v>
      </c>
      <c r="I2081">
        <v>5568.4221579207233</v>
      </c>
      <c r="J2081">
        <v>74.621861126085051</v>
      </c>
      <c r="K2081">
        <v>-3.76219737010315E-2</v>
      </c>
      <c r="L2081">
        <v>-1.2168126400371579</v>
      </c>
      <c r="M2081">
        <v>7.8695684443077072</v>
      </c>
      <c r="N2081">
        <v>13</v>
      </c>
      <c r="O2081">
        <v>1</v>
      </c>
      <c r="P2081">
        <v>12</v>
      </c>
      <c r="Q2081">
        <v>2.3107458381083918</v>
      </c>
      <c r="R2081">
        <v>5.4547691793953952</v>
      </c>
      <c r="S2081">
        <v>2</v>
      </c>
      <c r="T2081">
        <v>1</v>
      </c>
      <c r="U2081">
        <v>1</v>
      </c>
      <c r="V2081">
        <v>0.1092157747454741</v>
      </c>
      <c r="W2081">
        <v>7.2453888441841272</v>
      </c>
      <c r="X2081">
        <v>1</v>
      </c>
      <c r="Y2081">
        <v>1</v>
      </c>
      <c r="Z2081">
        <v>0</v>
      </c>
      <c r="AA2081">
        <v>0</v>
      </c>
      <c r="AB2081">
        <v>7.2612250919719203</v>
      </c>
      <c r="AC2081">
        <v>1</v>
      </c>
      <c r="AD2081">
        <v>1</v>
      </c>
      <c r="AE2081">
        <v>0</v>
      </c>
      <c r="AF2081">
        <v>0</v>
      </c>
      <c r="AG2081">
        <v>7.2605225980898513</v>
      </c>
      <c r="AH2081">
        <v>1.073215020205859E-2</v>
      </c>
      <c r="AI2081">
        <v>-5.8807802923482736E-3</v>
      </c>
      <c r="AJ2081">
        <v>-1.6708642391759281E-2</v>
      </c>
      <c r="AK2081">
        <v>1.2914227064269189E-2</v>
      </c>
      <c r="AL2081">
        <v>2612.5391152825741</v>
      </c>
      <c r="AM2081">
        <v>4974.9282779873874</v>
      </c>
      <c r="AN2081">
        <v>183584</v>
      </c>
      <c r="AO2081">
        <v>119.5278690720815</v>
      </c>
      <c r="AP2081">
        <v>2304.2164636851171</v>
      </c>
      <c r="AQ2081">
        <v>1.0161290322580649</v>
      </c>
      <c r="AR2081">
        <v>3.9901823281907429</v>
      </c>
      <c r="AS2081">
        <v>1418</v>
      </c>
      <c r="AT2081">
        <v>243.48106591865351</v>
      </c>
      <c r="AU2081">
        <v>1.989934823859418E-2</v>
      </c>
      <c r="AV2081">
        <v>1.0741911798571251E-2</v>
      </c>
      <c r="AW2081">
        <v>0.34431977559607291</v>
      </c>
      <c r="AX2081">
        <v>85.924912280701761</v>
      </c>
      <c r="AY2081">
        <v>65</v>
      </c>
      <c r="AZ2081">
        <v>130</v>
      </c>
      <c r="BA2081">
        <v>0.57962989130750653</v>
      </c>
      <c r="BB2081">
        <v>0.51122019635343618</v>
      </c>
      <c r="BC2081">
        <v>5.2614097089370642</v>
      </c>
      <c r="BD2081" t="s">
        <v>7940</v>
      </c>
      <c r="BE2081" t="s">
        <v>68</v>
      </c>
    </row>
    <row r="2082" spans="1:57" x14ac:dyDescent="0.3">
      <c r="A2082" t="s">
        <v>7941</v>
      </c>
      <c r="B2082">
        <v>145</v>
      </c>
      <c r="C2082" t="s">
        <v>7942</v>
      </c>
      <c r="D2082" t="s">
        <v>7943</v>
      </c>
      <c r="E2082" t="s">
        <v>60</v>
      </c>
      <c r="F2082">
        <v>256</v>
      </c>
      <c r="G2082">
        <v>134.453125</v>
      </c>
      <c r="H2082">
        <v>137</v>
      </c>
      <c r="I2082">
        <v>5192.005615234375</v>
      </c>
      <c r="J2082">
        <v>72.055573103226195</v>
      </c>
      <c r="K2082">
        <v>-0.13846184062113681</v>
      </c>
      <c r="L2082">
        <v>-1.0753240577206959</v>
      </c>
      <c r="M2082">
        <v>7.26914941389348</v>
      </c>
      <c r="N2082">
        <v>3</v>
      </c>
      <c r="O2082">
        <v>1</v>
      </c>
      <c r="P2082">
        <v>2</v>
      </c>
      <c r="Q2082">
        <v>0.69660571026293927</v>
      </c>
      <c r="R2082">
        <v>5.0385904213092454</v>
      </c>
      <c r="S2082">
        <v>2</v>
      </c>
      <c r="T2082">
        <v>1</v>
      </c>
      <c r="U2082">
        <v>1</v>
      </c>
      <c r="V2082">
        <v>6.2621943781838052E-2</v>
      </c>
      <c r="W2082">
        <v>5.5358270966834446</v>
      </c>
      <c r="X2082">
        <v>1</v>
      </c>
      <c r="Y2082">
        <v>1</v>
      </c>
      <c r="Z2082">
        <v>0</v>
      </c>
      <c r="AA2082">
        <v>0</v>
      </c>
      <c r="AB2082">
        <v>5.5373342670185366</v>
      </c>
      <c r="AC2082">
        <v>1</v>
      </c>
      <c r="AD2082">
        <v>1</v>
      </c>
      <c r="AE2082">
        <v>0</v>
      </c>
      <c r="AF2082">
        <v>0</v>
      </c>
      <c r="AG2082">
        <v>5.5333894887275203</v>
      </c>
      <c r="AH2082">
        <v>1.465942324866791E-2</v>
      </c>
      <c r="AI2082">
        <v>2.6686948853252689E-3</v>
      </c>
      <c r="AJ2082">
        <v>6.1584339008017547E-2</v>
      </c>
      <c r="AK2082">
        <v>6.3152516413172766E-2</v>
      </c>
      <c r="AL2082">
        <v>1169.511128997789</v>
      </c>
      <c r="AM2082">
        <v>2142.2590224224332</v>
      </c>
      <c r="AN2082">
        <v>34420</v>
      </c>
      <c r="AO2082">
        <v>135.53504797667091</v>
      </c>
      <c r="AP2082">
        <v>947.5275877924314</v>
      </c>
      <c r="AQ2082">
        <v>1.08984375</v>
      </c>
      <c r="AR2082">
        <v>4.0703125</v>
      </c>
      <c r="AS2082">
        <v>256</v>
      </c>
      <c r="AT2082">
        <v>54.78125</v>
      </c>
      <c r="AU2082">
        <v>5.8224655511811003E-2</v>
      </c>
      <c r="AV2082">
        <v>1.4673236694451549E-2</v>
      </c>
      <c r="AW2082">
        <v>0.35546875</v>
      </c>
      <c r="AX2082">
        <v>83.870588235294122</v>
      </c>
      <c r="AY2082">
        <v>60</v>
      </c>
      <c r="AZ2082">
        <v>120.75</v>
      </c>
      <c r="BA2082">
        <v>0.53591594173230406</v>
      </c>
      <c r="BB2082">
        <v>0.5078125</v>
      </c>
      <c r="BC2082">
        <v>4.8423079269719373</v>
      </c>
      <c r="BD2082" t="s">
        <v>7944</v>
      </c>
      <c r="BE2082" t="s">
        <v>62</v>
      </c>
    </row>
    <row r="2083" spans="1:57" x14ac:dyDescent="0.3">
      <c r="A2083" t="s">
        <v>7945</v>
      </c>
      <c r="B2083">
        <v>149</v>
      </c>
      <c r="C2083" t="s">
        <v>7946</v>
      </c>
      <c r="D2083" t="s">
        <v>7947</v>
      </c>
      <c r="E2083" t="s">
        <v>60</v>
      </c>
      <c r="F2083">
        <v>256</v>
      </c>
      <c r="G2083">
        <v>122.7109375</v>
      </c>
      <c r="H2083">
        <v>125.5</v>
      </c>
      <c r="I2083">
        <v>4891.1430053710938</v>
      </c>
      <c r="J2083">
        <v>69.936707138462651</v>
      </c>
      <c r="K2083">
        <v>-3.6078789033885971E-3</v>
      </c>
      <c r="L2083">
        <v>-1.0691506213938899</v>
      </c>
      <c r="M2083">
        <v>7.1184068730115149</v>
      </c>
      <c r="N2083">
        <v>5</v>
      </c>
      <c r="O2083">
        <v>1</v>
      </c>
      <c r="P2083">
        <v>4</v>
      </c>
      <c r="Q2083">
        <v>0.86168716302824455</v>
      </c>
      <c r="R2083">
        <v>4.934103654106468</v>
      </c>
      <c r="S2083">
        <v>1</v>
      </c>
      <c r="T2083">
        <v>1</v>
      </c>
      <c r="U2083">
        <v>0</v>
      </c>
      <c r="V2083">
        <v>0</v>
      </c>
      <c r="W2083">
        <v>5.541263545158424</v>
      </c>
      <c r="X2083">
        <v>1</v>
      </c>
      <c r="Y2083">
        <v>1</v>
      </c>
      <c r="Z2083">
        <v>0</v>
      </c>
      <c r="AA2083">
        <v>0</v>
      </c>
      <c r="AB2083">
        <v>5.5373342670185366</v>
      </c>
      <c r="AC2083">
        <v>1</v>
      </c>
      <c r="AD2083">
        <v>1</v>
      </c>
      <c r="AE2083">
        <v>0</v>
      </c>
      <c r="AF2083">
        <v>0</v>
      </c>
      <c r="AG2083">
        <v>5.5333894887275203</v>
      </c>
      <c r="AH2083">
        <v>-7.7829634290838079E-3</v>
      </c>
      <c r="AI2083">
        <v>2.6530515427853729E-2</v>
      </c>
      <c r="AJ2083">
        <v>-1.409678388174478E-2</v>
      </c>
      <c r="AK2083">
        <v>2.5754124003932191E-2</v>
      </c>
      <c r="AL2083">
        <v>1092.2866247009099</v>
      </c>
      <c r="AM2083">
        <v>1978.3538433504491</v>
      </c>
      <c r="AN2083">
        <v>31414</v>
      </c>
      <c r="AO2083">
        <v>63.771249223767668</v>
      </c>
      <c r="AP2083">
        <v>844.7600134712884</v>
      </c>
      <c r="AQ2083">
        <v>1.08984375</v>
      </c>
      <c r="AR2083">
        <v>4.07421875</v>
      </c>
      <c r="AS2083">
        <v>254</v>
      </c>
      <c r="AT2083">
        <v>71.492187499999986</v>
      </c>
      <c r="AU2083">
        <v>6.0601344621513897E-2</v>
      </c>
      <c r="AV2083">
        <v>-7.7893688957301104E-3</v>
      </c>
      <c r="AW2083">
        <v>0.40234375</v>
      </c>
      <c r="AX2083">
        <v>82.086274509803928</v>
      </c>
      <c r="AY2083">
        <v>57.5</v>
      </c>
      <c r="AZ2083">
        <v>115.5</v>
      </c>
      <c r="BA2083">
        <v>0.56993050956409363</v>
      </c>
      <c r="BB2083">
        <v>0.5078125</v>
      </c>
      <c r="BC2083">
        <v>4.8523664536978757</v>
      </c>
      <c r="BD2083" t="s">
        <v>7948</v>
      </c>
      <c r="BE2083" t="s">
        <v>62</v>
      </c>
    </row>
    <row r="2084" spans="1:57" x14ac:dyDescent="0.3">
      <c r="A2084" t="s">
        <v>7949</v>
      </c>
      <c r="B2084">
        <v>2056</v>
      </c>
      <c r="C2084" t="s">
        <v>7950</v>
      </c>
      <c r="D2084" t="s">
        <v>7951</v>
      </c>
      <c r="E2084" t="s">
        <v>115</v>
      </c>
      <c r="F2084">
        <v>2106</v>
      </c>
      <c r="G2084">
        <v>127.44681861348531</v>
      </c>
      <c r="H2084">
        <v>130</v>
      </c>
      <c r="I2084">
        <v>5434.6080454343364</v>
      </c>
      <c r="J2084">
        <v>73.719794122300257</v>
      </c>
      <c r="K2084">
        <v>-6.2482670934224901E-5</v>
      </c>
      <c r="L2084">
        <v>-1.224174610074187</v>
      </c>
      <c r="M2084">
        <v>7.9131335647227532</v>
      </c>
      <c r="N2084">
        <v>19</v>
      </c>
      <c r="O2084">
        <v>2</v>
      </c>
      <c r="P2084">
        <v>17</v>
      </c>
      <c r="Q2084">
        <v>2.849656897521831</v>
      </c>
      <c r="R2084">
        <v>5.4849662197818514</v>
      </c>
      <c r="S2084">
        <v>3</v>
      </c>
      <c r="T2084">
        <v>1</v>
      </c>
      <c r="U2084">
        <v>2</v>
      </c>
      <c r="V2084">
        <v>0.1361568524195701</v>
      </c>
      <c r="W2084">
        <v>7.6274550028836083</v>
      </c>
      <c r="X2084">
        <v>1</v>
      </c>
      <c r="Y2084">
        <v>1</v>
      </c>
      <c r="Z2084">
        <v>0</v>
      </c>
      <c r="AA2084">
        <v>0</v>
      </c>
      <c r="AB2084">
        <v>7.6515955738576018</v>
      </c>
      <c r="AC2084">
        <v>1</v>
      </c>
      <c r="AD2084">
        <v>1</v>
      </c>
      <c r="AE2084">
        <v>0</v>
      </c>
      <c r="AF2084">
        <v>0</v>
      </c>
      <c r="AG2084">
        <v>7.6511201757026992</v>
      </c>
      <c r="AH2084">
        <v>-2.004304166977363E-2</v>
      </c>
      <c r="AI2084">
        <v>2.409554211574046E-2</v>
      </c>
      <c r="AJ2084">
        <v>-1.6326062482202521E-3</v>
      </c>
      <c r="AK2084">
        <v>1.209226015341726E-2</v>
      </c>
      <c r="AL2084">
        <v>3137.3607271640371</v>
      </c>
      <c r="AM2084">
        <v>5984.0923010636079</v>
      </c>
      <c r="AN2084">
        <v>268403</v>
      </c>
      <c r="AO2084">
        <v>134.15848095220639</v>
      </c>
      <c r="AP2084">
        <v>2821.0622790123439</v>
      </c>
      <c r="AQ2084">
        <v>1.0109211775878439</v>
      </c>
      <c r="AR2084">
        <v>3.990978157644824</v>
      </c>
      <c r="AS2084">
        <v>2099</v>
      </c>
      <c r="AT2084">
        <v>252.70085470085471</v>
      </c>
      <c r="AU2084">
        <v>1.487067761577565E-2</v>
      </c>
      <c r="AV2084">
        <v>-2.0048231712676411E-2</v>
      </c>
      <c r="AW2084">
        <v>0.3684710351377018</v>
      </c>
      <c r="AX2084">
        <v>86.538717339667457</v>
      </c>
      <c r="AY2084">
        <v>65</v>
      </c>
      <c r="AZ2084">
        <v>130</v>
      </c>
      <c r="BA2084">
        <v>0.57843573440522034</v>
      </c>
      <c r="BB2084">
        <v>0.50522317188983856</v>
      </c>
      <c r="BC2084">
        <v>5.2948875078655782</v>
      </c>
      <c r="BD2084" t="s">
        <v>7952</v>
      </c>
      <c r="BE2084" t="s">
        <v>68</v>
      </c>
    </row>
    <row r="2085" spans="1:57" x14ac:dyDescent="0.3">
      <c r="A2085" t="s">
        <v>7953</v>
      </c>
      <c r="B2085">
        <v>2471</v>
      </c>
      <c r="C2085" t="s">
        <v>7954</v>
      </c>
      <c r="D2085" t="s">
        <v>7955</v>
      </c>
      <c r="E2085" t="s">
        <v>98</v>
      </c>
      <c r="F2085">
        <v>16</v>
      </c>
      <c r="G2085">
        <v>131.875</v>
      </c>
      <c r="H2085">
        <v>127</v>
      </c>
      <c r="I2085">
        <v>6016.859375</v>
      </c>
      <c r="J2085">
        <v>77.568417381044981</v>
      </c>
      <c r="K2085">
        <v>-1.8380041084512751E-2</v>
      </c>
      <c r="L2085">
        <v>-1.322721168805524</v>
      </c>
      <c r="M2085">
        <v>3.875</v>
      </c>
      <c r="N2085">
        <v>2</v>
      </c>
      <c r="O2085">
        <v>1</v>
      </c>
      <c r="P2085">
        <v>1</v>
      </c>
      <c r="Q2085">
        <v>0.24944382578492949</v>
      </c>
      <c r="R2085">
        <v>2.6859453246697882</v>
      </c>
      <c r="S2085">
        <v>1</v>
      </c>
      <c r="T2085">
        <v>1</v>
      </c>
      <c r="U2085">
        <v>0</v>
      </c>
      <c r="V2085">
        <v>0</v>
      </c>
      <c r="W2085">
        <v>2.7080502011022101</v>
      </c>
      <c r="X2085">
        <v>1</v>
      </c>
      <c r="Y2085">
        <v>1</v>
      </c>
      <c r="Z2085">
        <v>0</v>
      </c>
      <c r="AA2085">
        <v>0</v>
      </c>
      <c r="AB2085">
        <v>2.639057329615258</v>
      </c>
      <c r="AC2085">
        <v>1</v>
      </c>
      <c r="AD2085">
        <v>1</v>
      </c>
      <c r="AE2085">
        <v>0</v>
      </c>
      <c r="AF2085">
        <v>0</v>
      </c>
      <c r="AG2085">
        <v>2.5649493574615372</v>
      </c>
      <c r="AH2085">
        <v>0.23303254007619209</v>
      </c>
      <c r="AI2085">
        <v>-0.23484694049792379</v>
      </c>
      <c r="AJ2085">
        <v>-0.25810369430688251</v>
      </c>
      <c r="AK2085">
        <v>0.1066128638539105</v>
      </c>
      <c r="AL2085">
        <v>402.71998752563809</v>
      </c>
      <c r="AM2085">
        <v>460.80647960651538</v>
      </c>
      <c r="AN2085">
        <v>2110</v>
      </c>
      <c r="AO2085">
        <v>89.114592907616966</v>
      </c>
      <c r="AP2085">
        <v>303.38424481175679</v>
      </c>
      <c r="AQ2085">
        <v>2.3125</v>
      </c>
      <c r="AR2085">
        <v>4.0625</v>
      </c>
      <c r="AS2085">
        <v>16</v>
      </c>
      <c r="AT2085">
        <v>0.87499999999999989</v>
      </c>
      <c r="AU2085">
        <v>0.20528455284552849</v>
      </c>
      <c r="AV2085">
        <v>0.25843718665558751</v>
      </c>
      <c r="AW2085">
        <v>0.3125</v>
      </c>
      <c r="AX2085">
        <v>74.666666666666671</v>
      </c>
      <c r="AY2085">
        <v>63</v>
      </c>
      <c r="AZ2085">
        <v>115.75</v>
      </c>
      <c r="BA2085">
        <v>0.58819652990365867</v>
      </c>
      <c r="BB2085">
        <v>0.5</v>
      </c>
      <c r="BC2085">
        <v>2.615630577027551</v>
      </c>
      <c r="BD2085" t="s">
        <v>7954</v>
      </c>
      <c r="BE2085" t="s">
        <v>62</v>
      </c>
    </row>
    <row r="2086" spans="1:57" x14ac:dyDescent="0.3">
      <c r="A2086" t="s">
        <v>7956</v>
      </c>
      <c r="B2086">
        <v>3944</v>
      </c>
      <c r="C2086" t="s">
        <v>7957</v>
      </c>
      <c r="D2086" t="s">
        <v>7958</v>
      </c>
      <c r="E2086" t="s">
        <v>93</v>
      </c>
      <c r="F2086">
        <v>3944</v>
      </c>
      <c r="G2086">
        <v>128.3600405679513</v>
      </c>
      <c r="H2086">
        <v>129</v>
      </c>
      <c r="I2086">
        <v>5531.0012024324305</v>
      </c>
      <c r="J2086">
        <v>74.370701236659258</v>
      </c>
      <c r="K2086">
        <v>-2.6369965751776071E-2</v>
      </c>
      <c r="L2086">
        <v>-1.220358087924494</v>
      </c>
      <c r="M2086">
        <v>7.958798056085052</v>
      </c>
      <c r="N2086">
        <v>30</v>
      </c>
      <c r="O2086">
        <v>7</v>
      </c>
      <c r="P2086">
        <v>23</v>
      </c>
      <c r="Q2086">
        <v>3.691073480371259</v>
      </c>
      <c r="R2086">
        <v>5.5166184332213337</v>
      </c>
      <c r="S2086">
        <v>2</v>
      </c>
      <c r="T2086">
        <v>1</v>
      </c>
      <c r="U2086">
        <v>1</v>
      </c>
      <c r="V2086">
        <v>0.17363997044652851</v>
      </c>
      <c r="W2086">
        <v>8.2378586786472781</v>
      </c>
      <c r="X2086">
        <v>2</v>
      </c>
      <c r="Y2086">
        <v>1</v>
      </c>
      <c r="Z2086">
        <v>1</v>
      </c>
      <c r="AA2086">
        <v>2.2524576378003851E-2</v>
      </c>
      <c r="AB2086">
        <v>8.2787401420195543</v>
      </c>
      <c r="AC2086">
        <v>1</v>
      </c>
      <c r="AD2086">
        <v>1</v>
      </c>
      <c r="AE2086">
        <v>0</v>
      </c>
      <c r="AF2086">
        <v>0</v>
      </c>
      <c r="AG2086">
        <v>8.2791897771950005</v>
      </c>
      <c r="AH2086">
        <v>1.753208884235737E-3</v>
      </c>
      <c r="AI2086">
        <v>1.4349980450306171E-2</v>
      </c>
      <c r="AJ2086">
        <v>1.7459970502270071E-2</v>
      </c>
      <c r="AK2086">
        <v>2.2411333622798292E-3</v>
      </c>
      <c r="AL2086">
        <v>4245.2316145570821</v>
      </c>
      <c r="AM2086">
        <v>8293.0576109638278</v>
      </c>
      <c r="AN2086">
        <v>506252</v>
      </c>
      <c r="AO2086">
        <v>150.82807951089779</v>
      </c>
      <c r="AP2086">
        <v>3810.063984989702</v>
      </c>
      <c r="AQ2086">
        <v>1.005831643002028</v>
      </c>
      <c r="AR2086">
        <v>3.9901115618661258</v>
      </c>
      <c r="AS2086">
        <v>3928</v>
      </c>
      <c r="AT2086">
        <v>226.38539553752531</v>
      </c>
      <c r="AU2086">
        <v>1.5872210953346899E-2</v>
      </c>
      <c r="AV2086">
        <v>1.7534448673010971E-3</v>
      </c>
      <c r="AW2086">
        <v>0.35902636916835701</v>
      </c>
      <c r="AX2086">
        <v>85.992898808014203</v>
      </c>
      <c r="AY2086">
        <v>66</v>
      </c>
      <c r="AZ2086">
        <v>132</v>
      </c>
      <c r="BA2086">
        <v>0.57939138152023906</v>
      </c>
      <c r="BB2086">
        <v>0.50253549695740363</v>
      </c>
      <c r="BC2086">
        <v>5.3265138253419302</v>
      </c>
      <c r="BD2086" t="s">
        <v>7959</v>
      </c>
      <c r="BE2086" t="s">
        <v>68</v>
      </c>
    </row>
    <row r="2087" spans="1:57" x14ac:dyDescent="0.3">
      <c r="A2087" t="s">
        <v>7960</v>
      </c>
      <c r="B2087">
        <v>2794</v>
      </c>
      <c r="C2087" t="s">
        <v>7961</v>
      </c>
      <c r="D2087" t="s">
        <v>7962</v>
      </c>
      <c r="E2087" t="s">
        <v>93</v>
      </c>
      <c r="F2087">
        <v>2800</v>
      </c>
      <c r="G2087">
        <v>125.8942857142857</v>
      </c>
      <c r="H2087">
        <v>125.5</v>
      </c>
      <c r="I2087">
        <v>5610.3523959183667</v>
      </c>
      <c r="J2087">
        <v>74.902285652163954</v>
      </c>
      <c r="K2087">
        <v>3.0803197867103008E-2</v>
      </c>
      <c r="L2087">
        <v>-1.226660115974288</v>
      </c>
      <c r="M2087">
        <v>7.9353139159562858</v>
      </c>
      <c r="N2087">
        <v>21</v>
      </c>
      <c r="O2087">
        <v>2</v>
      </c>
      <c r="P2087">
        <v>19</v>
      </c>
      <c r="Q2087">
        <v>3.2518023848321409</v>
      </c>
      <c r="R2087">
        <v>5.5003404677032011</v>
      </c>
      <c r="S2087">
        <v>3</v>
      </c>
      <c r="T2087">
        <v>1</v>
      </c>
      <c r="U2087">
        <v>2</v>
      </c>
      <c r="V2087">
        <v>0.15478402008841441</v>
      </c>
      <c r="W2087">
        <v>7.9054408403414342</v>
      </c>
      <c r="X2087">
        <v>1</v>
      </c>
      <c r="Y2087">
        <v>1</v>
      </c>
      <c r="Z2087">
        <v>0</v>
      </c>
      <c r="AA2087">
        <v>0</v>
      </c>
      <c r="AB2087">
        <v>7.9366601552254288</v>
      </c>
      <c r="AC2087">
        <v>1</v>
      </c>
      <c r="AD2087">
        <v>1</v>
      </c>
      <c r="AE2087">
        <v>0</v>
      </c>
      <c r="AF2087">
        <v>0</v>
      </c>
      <c r="AG2087">
        <v>7.9363026932019611</v>
      </c>
      <c r="AH2087">
        <v>-1.682692527309821E-2</v>
      </c>
      <c r="AI2087">
        <v>1.422717411528549E-2</v>
      </c>
      <c r="AJ2087">
        <v>1.2356520241944439E-4</v>
      </c>
      <c r="AK2087">
        <v>1.7549955990307571E-2</v>
      </c>
      <c r="AL2087">
        <v>3641.1635783021939</v>
      </c>
      <c r="AM2087">
        <v>6843.1830164073181</v>
      </c>
      <c r="AN2087">
        <v>352504</v>
      </c>
      <c r="AO2087">
        <v>56.598626915449003</v>
      </c>
      <c r="AP2087">
        <v>3315.214707782915</v>
      </c>
      <c r="AQ2087">
        <v>1.008214285714286</v>
      </c>
      <c r="AR2087">
        <v>3.9907142857142861</v>
      </c>
      <c r="AS2087">
        <v>2785</v>
      </c>
      <c r="AT2087">
        <v>247.49714285714279</v>
      </c>
      <c r="AU2087">
        <v>2.4005602240896349E-2</v>
      </c>
      <c r="AV2087">
        <v>-1.6827112010563069E-2</v>
      </c>
      <c r="AW2087">
        <v>0.37178571428571427</v>
      </c>
      <c r="AX2087">
        <v>87.647374062165056</v>
      </c>
      <c r="AY2087">
        <v>66.5</v>
      </c>
      <c r="AZ2087">
        <v>132</v>
      </c>
      <c r="BA2087">
        <v>0.59496175880574143</v>
      </c>
      <c r="BB2087">
        <v>0.5</v>
      </c>
      <c r="BC2087">
        <v>5.3303623688010067</v>
      </c>
      <c r="BD2087" t="s">
        <v>7963</v>
      </c>
      <c r="BE2087" t="s">
        <v>62</v>
      </c>
    </row>
    <row r="2088" spans="1:57" x14ac:dyDescent="0.3">
      <c r="A2088" t="s">
        <v>7964</v>
      </c>
      <c r="B2088">
        <v>1279</v>
      </c>
      <c r="C2088" t="s">
        <v>7965</v>
      </c>
      <c r="D2088" t="s">
        <v>7966</v>
      </c>
      <c r="E2088" t="s">
        <v>115</v>
      </c>
      <c r="F2088">
        <v>1312</v>
      </c>
      <c r="G2088">
        <v>126.2057926829268</v>
      </c>
      <c r="H2088">
        <v>126</v>
      </c>
      <c r="I2088">
        <v>5436.4759420545806</v>
      </c>
      <c r="J2088">
        <v>73.732461928614455</v>
      </c>
      <c r="K2088">
        <v>1.9275220953560719E-2</v>
      </c>
      <c r="L2088">
        <v>-1.182376062806455</v>
      </c>
      <c r="M2088">
        <v>7.8379247977616444</v>
      </c>
      <c r="N2088">
        <v>12</v>
      </c>
      <c r="O2088">
        <v>1</v>
      </c>
      <c r="P2088">
        <v>11</v>
      </c>
      <c r="Q2088">
        <v>2.302903950826698</v>
      </c>
      <c r="R2088">
        <v>5.432835475009373</v>
      </c>
      <c r="S2088">
        <v>2</v>
      </c>
      <c r="T2088">
        <v>1</v>
      </c>
      <c r="U2088">
        <v>1</v>
      </c>
      <c r="V2088">
        <v>0.1069584727050734</v>
      </c>
      <c r="W2088">
        <v>7.1626839922177057</v>
      </c>
      <c r="X2088">
        <v>1</v>
      </c>
      <c r="Y2088">
        <v>1</v>
      </c>
      <c r="Z2088">
        <v>0</v>
      </c>
      <c r="AA2088">
        <v>0</v>
      </c>
      <c r="AB2088">
        <v>7.1777824161951962</v>
      </c>
      <c r="AC2088">
        <v>1</v>
      </c>
      <c r="AD2088">
        <v>1</v>
      </c>
      <c r="AE2088">
        <v>0</v>
      </c>
      <c r="AF2088">
        <v>0</v>
      </c>
      <c r="AG2088">
        <v>7.1770187659099003</v>
      </c>
      <c r="AH2088">
        <v>2.4935871579119681E-2</v>
      </c>
      <c r="AI2088">
        <v>-2.7110318075317139E-2</v>
      </c>
      <c r="AJ2088">
        <v>-3.9560233846762062E-3</v>
      </c>
      <c r="AK2088">
        <v>-1.217202318115271E-2</v>
      </c>
      <c r="AL2088">
        <v>2507.7922855805109</v>
      </c>
      <c r="AM2088">
        <v>4662.729013397935</v>
      </c>
      <c r="AN2088">
        <v>165582</v>
      </c>
      <c r="AO2088">
        <v>83.550284054389294</v>
      </c>
      <c r="AP2088">
        <v>2241.8658343858879</v>
      </c>
      <c r="AQ2088">
        <v>1.0175304878048781</v>
      </c>
      <c r="AR2088">
        <v>3.9489329268292681</v>
      </c>
      <c r="AS2088">
        <v>1310</v>
      </c>
      <c r="AT2088">
        <v>260.78658536585363</v>
      </c>
      <c r="AU2088">
        <v>1.8472022955523641E-2</v>
      </c>
      <c r="AV2088">
        <v>2.4943908932897801E-2</v>
      </c>
      <c r="AW2088">
        <v>0.375</v>
      </c>
      <c r="AX2088">
        <v>83.717009916094582</v>
      </c>
      <c r="AY2088">
        <v>64</v>
      </c>
      <c r="AZ2088">
        <v>126</v>
      </c>
      <c r="BA2088">
        <v>0.58422407055321335</v>
      </c>
      <c r="BB2088">
        <v>0.49847560975609762</v>
      </c>
      <c r="BC2088">
        <v>5.2419326261170083</v>
      </c>
      <c r="BD2088" t="s">
        <v>7967</v>
      </c>
      <c r="BE2088" t="s">
        <v>62</v>
      </c>
    </row>
    <row r="2089" spans="1:57" x14ac:dyDescent="0.3">
      <c r="A2089" t="s">
        <v>7968</v>
      </c>
      <c r="B2089">
        <v>1732</v>
      </c>
      <c r="C2089" t="s">
        <v>7969</v>
      </c>
      <c r="D2089" t="s">
        <v>7970</v>
      </c>
      <c r="E2089" t="s">
        <v>85</v>
      </c>
      <c r="F2089">
        <v>8</v>
      </c>
      <c r="G2089">
        <v>129</v>
      </c>
      <c r="H2089">
        <v>147</v>
      </c>
      <c r="I2089">
        <v>5592.75</v>
      </c>
      <c r="J2089">
        <v>74.784690946743908</v>
      </c>
      <c r="K2089">
        <v>-0.18692794055044959</v>
      </c>
      <c r="L2089">
        <v>-1.1132238584495231</v>
      </c>
      <c r="M2089">
        <v>3</v>
      </c>
      <c r="N2089">
        <v>1</v>
      </c>
      <c r="O2089">
        <v>1</v>
      </c>
      <c r="P2089">
        <v>0</v>
      </c>
      <c r="Q2089">
        <v>0</v>
      </c>
      <c r="R2089">
        <v>2.0794415416798362</v>
      </c>
      <c r="S2089">
        <v>1</v>
      </c>
      <c r="T2089">
        <v>1</v>
      </c>
      <c r="U2089">
        <v>0</v>
      </c>
      <c r="V2089">
        <v>0</v>
      </c>
      <c r="W2089">
        <v>1.945910149055313</v>
      </c>
      <c r="X2089">
        <v>1</v>
      </c>
      <c r="Y2089">
        <v>1</v>
      </c>
      <c r="Z2089">
        <v>0</v>
      </c>
      <c r="AA2089">
        <v>0</v>
      </c>
      <c r="AB2089">
        <v>1.791759469228055</v>
      </c>
      <c r="AC2089">
        <v>1</v>
      </c>
      <c r="AD2089">
        <v>1</v>
      </c>
      <c r="AE2089">
        <v>0</v>
      </c>
      <c r="AF2089">
        <v>0</v>
      </c>
      <c r="AG2089">
        <v>1.6094379124341009</v>
      </c>
      <c r="AH2089">
        <v>-0.40308882034777171</v>
      </c>
      <c r="AI2089">
        <v>-0.20144383353448661</v>
      </c>
      <c r="AJ2089">
        <v>-0.35666711367395287</v>
      </c>
      <c r="AK2089">
        <v>0</v>
      </c>
      <c r="AL2089">
        <v>316.56096012644298</v>
      </c>
      <c r="AM2089">
        <v>278.67392867619418</v>
      </c>
      <c r="AN2089">
        <v>1032</v>
      </c>
      <c r="AO2089">
        <v>117.5979835392867</v>
      </c>
      <c r="AP2089">
        <v>235.32292848324269</v>
      </c>
      <c r="AQ2089">
        <v>3.5</v>
      </c>
      <c r="AR2089">
        <v>3.5</v>
      </c>
      <c r="AS2089">
        <v>8</v>
      </c>
      <c r="AT2089">
        <v>0</v>
      </c>
      <c r="AU2089">
        <v>0.20121951219512199</v>
      </c>
      <c r="AV2089">
        <v>-0.41021194961457841</v>
      </c>
      <c r="AW2089">
        <v>0.125</v>
      </c>
      <c r="AX2089">
        <v>115.1428571428571</v>
      </c>
      <c r="AY2089">
        <v>46.5</v>
      </c>
      <c r="AZ2089">
        <v>104.5</v>
      </c>
      <c r="BA2089">
        <v>0.57972628640886747</v>
      </c>
      <c r="BB2089">
        <v>0.5</v>
      </c>
      <c r="BC2089">
        <v>1.945910149055313</v>
      </c>
      <c r="BD2089" t="s">
        <v>7969</v>
      </c>
      <c r="BE2089" t="s">
        <v>68</v>
      </c>
    </row>
    <row r="2090" spans="1:57" x14ac:dyDescent="0.3">
      <c r="A2090" t="s">
        <v>7971</v>
      </c>
      <c r="B2090">
        <v>2746</v>
      </c>
      <c r="C2090" t="s">
        <v>7972</v>
      </c>
      <c r="D2090" t="s">
        <v>7973</v>
      </c>
      <c r="E2090" t="s">
        <v>106</v>
      </c>
      <c r="F2090">
        <v>2796</v>
      </c>
      <c r="G2090">
        <v>128.65665236051501</v>
      </c>
      <c r="H2090">
        <v>130</v>
      </c>
      <c r="I2090">
        <v>5322.2218835000331</v>
      </c>
      <c r="J2090">
        <v>72.953559772639153</v>
      </c>
      <c r="K2090">
        <v>-2.4358107914073751E-2</v>
      </c>
      <c r="L2090">
        <v>-1.1752879863432739</v>
      </c>
      <c r="M2090">
        <v>7.9338593047513717</v>
      </c>
      <c r="N2090">
        <v>21</v>
      </c>
      <c r="O2090">
        <v>4</v>
      </c>
      <c r="P2090">
        <v>17</v>
      </c>
      <c r="Q2090">
        <v>3.287308395081757</v>
      </c>
      <c r="R2090">
        <v>5.4993322080477061</v>
      </c>
      <c r="S2090">
        <v>2</v>
      </c>
      <c r="T2090">
        <v>1</v>
      </c>
      <c r="U2090">
        <v>1</v>
      </c>
      <c r="V2090">
        <v>0.14525600595322519</v>
      </c>
      <c r="W2090">
        <v>7.9063239268034833</v>
      </c>
      <c r="X2090">
        <v>1</v>
      </c>
      <c r="Y2090">
        <v>1</v>
      </c>
      <c r="Z2090">
        <v>0</v>
      </c>
      <c r="AA2090">
        <v>0</v>
      </c>
      <c r="AB2090">
        <v>7.9352295398169046</v>
      </c>
      <c r="AC2090">
        <v>1</v>
      </c>
      <c r="AD2090">
        <v>1</v>
      </c>
      <c r="AE2090">
        <v>0</v>
      </c>
      <c r="AF2090">
        <v>0</v>
      </c>
      <c r="AG2090">
        <v>7.9348715659451781</v>
      </c>
      <c r="AH2090">
        <v>-2.848522577370111E-2</v>
      </c>
      <c r="AI2090">
        <v>-5.5810615027040659E-3</v>
      </c>
      <c r="AJ2090">
        <v>-5.7366459791820647E-3</v>
      </c>
      <c r="AK2090">
        <v>2.1660713640019449E-2</v>
      </c>
      <c r="AL2090">
        <v>3557.0461608185719</v>
      </c>
      <c r="AM2090">
        <v>6964.8575441143003</v>
      </c>
      <c r="AN2090">
        <v>359724</v>
      </c>
      <c r="AO2090">
        <v>154.46203790419159</v>
      </c>
      <c r="AP2090">
        <v>3202.192274379131</v>
      </c>
      <c r="AQ2090">
        <v>1.0082260371959939</v>
      </c>
      <c r="AR2090">
        <v>4.017882689556509</v>
      </c>
      <c r="AS2090">
        <v>2784</v>
      </c>
      <c r="AT2090">
        <v>253.2932761087267</v>
      </c>
      <c r="AU2090">
        <v>1.6485735925271361E-2</v>
      </c>
      <c r="AV2090">
        <v>-2.8492327757167549E-2</v>
      </c>
      <c r="AW2090">
        <v>0.36480686695278969</v>
      </c>
      <c r="AX2090">
        <v>85.817531305903401</v>
      </c>
      <c r="AY2090">
        <v>63</v>
      </c>
      <c r="AZ2090">
        <v>125</v>
      </c>
      <c r="BA2090">
        <v>0.56704071211345108</v>
      </c>
      <c r="BB2090">
        <v>0.5089413447782547</v>
      </c>
      <c r="BC2090">
        <v>5.3108310727030306</v>
      </c>
      <c r="BD2090" t="s">
        <v>7974</v>
      </c>
      <c r="BE2090" t="s">
        <v>68</v>
      </c>
    </row>
    <row r="2091" spans="1:57" x14ac:dyDescent="0.3">
      <c r="A2091" t="s">
        <v>7975</v>
      </c>
      <c r="B2091">
        <v>504</v>
      </c>
      <c r="C2091" t="s">
        <v>7976</v>
      </c>
      <c r="D2091" t="s">
        <v>7977</v>
      </c>
      <c r="E2091" t="s">
        <v>72</v>
      </c>
      <c r="F2091">
        <v>512</v>
      </c>
      <c r="G2091">
        <v>128.8125</v>
      </c>
      <c r="H2091">
        <v>124</v>
      </c>
      <c r="I2091">
        <v>5705.16015625</v>
      </c>
      <c r="J2091">
        <v>75.532510591466504</v>
      </c>
      <c r="K2091">
        <v>5.2804439620422243E-2</v>
      </c>
      <c r="L2091">
        <v>-1.226988915654784</v>
      </c>
      <c r="M2091">
        <v>7.602353762227124</v>
      </c>
      <c r="N2091">
        <v>7</v>
      </c>
      <c r="O2091">
        <v>1</v>
      </c>
      <c r="P2091">
        <v>6</v>
      </c>
      <c r="Q2091">
        <v>1.2323916014520711</v>
      </c>
      <c r="R2091">
        <v>5.2695500759070217</v>
      </c>
      <c r="S2091">
        <v>2</v>
      </c>
      <c r="T2091">
        <v>1</v>
      </c>
      <c r="U2091">
        <v>1</v>
      </c>
      <c r="V2091">
        <v>7.6620080535545504E-2</v>
      </c>
      <c r="W2091">
        <v>6.2282308757548588</v>
      </c>
      <c r="X2091">
        <v>1</v>
      </c>
      <c r="Y2091">
        <v>1</v>
      </c>
      <c r="Z2091">
        <v>0</v>
      </c>
      <c r="AA2091">
        <v>0</v>
      </c>
      <c r="AB2091">
        <v>6.2344107257183694</v>
      </c>
      <c r="AC2091">
        <v>1</v>
      </c>
      <c r="AD2091">
        <v>1</v>
      </c>
      <c r="AE2091">
        <v>0</v>
      </c>
      <c r="AF2091">
        <v>0</v>
      </c>
      <c r="AG2091">
        <v>6.2324480165505216</v>
      </c>
      <c r="AH2091">
        <v>-7.5530058334063663E-2</v>
      </c>
      <c r="AI2091">
        <v>-3.3742306790693177E-2</v>
      </c>
      <c r="AJ2091">
        <v>6.0014717939266188E-2</v>
      </c>
      <c r="AK2091">
        <v>-2.1934801540854261E-2</v>
      </c>
      <c r="AL2091">
        <v>1633.1748051398399</v>
      </c>
      <c r="AM2091">
        <v>2957.9087301430459</v>
      </c>
      <c r="AN2091">
        <v>65952</v>
      </c>
      <c r="AO2091">
        <v>17.932186550920829</v>
      </c>
      <c r="AP2091">
        <v>1412.456641419411</v>
      </c>
      <c r="AQ2091">
        <v>1.044921875</v>
      </c>
      <c r="AR2091">
        <v>4.017578125</v>
      </c>
      <c r="AS2091">
        <v>509</v>
      </c>
      <c r="AT2091">
        <v>146.19531250000011</v>
      </c>
      <c r="AU2091">
        <v>4.4554227941176472E-2</v>
      </c>
      <c r="AV2091">
        <v>-7.5562835495663561E-2</v>
      </c>
      <c r="AW2091">
        <v>0.38671875</v>
      </c>
      <c r="AX2091">
        <v>91.203522504892362</v>
      </c>
      <c r="AY2091">
        <v>65</v>
      </c>
      <c r="AZ2091">
        <v>130.25</v>
      </c>
      <c r="BA2091">
        <v>0.58637562807543142</v>
      </c>
      <c r="BB2091">
        <v>0.490234375</v>
      </c>
      <c r="BC2091">
        <v>5.1163964561896647</v>
      </c>
      <c r="BD2091" t="s">
        <v>7978</v>
      </c>
      <c r="BE2091" t="s">
        <v>62</v>
      </c>
    </row>
    <row r="2092" spans="1:57" x14ac:dyDescent="0.3">
      <c r="A2092" t="s">
        <v>7979</v>
      </c>
      <c r="B2092">
        <v>1644</v>
      </c>
      <c r="C2092" t="s">
        <v>7980</v>
      </c>
      <c r="D2092" t="s">
        <v>7981</v>
      </c>
      <c r="E2092" t="s">
        <v>66</v>
      </c>
      <c r="F2092">
        <v>72</v>
      </c>
      <c r="G2092">
        <v>118.3888888888889</v>
      </c>
      <c r="H2092">
        <v>121</v>
      </c>
      <c r="I2092">
        <v>6148.7376543209884</v>
      </c>
      <c r="J2092">
        <v>78.413886871656786</v>
      </c>
      <c r="K2092">
        <v>7.4020846679836105E-2</v>
      </c>
      <c r="L2092">
        <v>-1.273477913617006</v>
      </c>
      <c r="M2092">
        <v>5.8261071194678236</v>
      </c>
      <c r="N2092">
        <v>4</v>
      </c>
      <c r="O2092">
        <v>1</v>
      </c>
      <c r="P2092">
        <v>3</v>
      </c>
      <c r="Q2092">
        <v>0.52816405552744317</v>
      </c>
      <c r="R2092">
        <v>4.0383497234993424</v>
      </c>
      <c r="S2092">
        <v>2</v>
      </c>
      <c r="T2092">
        <v>1</v>
      </c>
      <c r="U2092">
        <v>1</v>
      </c>
      <c r="V2092">
        <v>0.16776575221435111</v>
      </c>
      <c r="W2092">
        <v>4.2236293316576567</v>
      </c>
      <c r="X2092">
        <v>2</v>
      </c>
      <c r="Y2092">
        <v>1</v>
      </c>
      <c r="Z2092">
        <v>1</v>
      </c>
      <c r="AA2092">
        <v>0.11951030798891769</v>
      </c>
      <c r="AB2092">
        <v>4.2286910368905044</v>
      </c>
      <c r="AC2092">
        <v>1</v>
      </c>
      <c r="AD2092">
        <v>1</v>
      </c>
      <c r="AE2092">
        <v>0</v>
      </c>
      <c r="AF2092">
        <v>0</v>
      </c>
      <c r="AG2092">
        <v>4.2341065045972579</v>
      </c>
      <c r="AH2092">
        <v>-5.461169664733731E-2</v>
      </c>
      <c r="AI2092">
        <v>0.21278589195960071</v>
      </c>
      <c r="AJ2092">
        <v>-1.9780685073759342E-2</v>
      </c>
      <c r="AK2092">
        <v>9.2184280746396521E-2</v>
      </c>
      <c r="AL2092">
        <v>717.9707237895434</v>
      </c>
      <c r="AM2092">
        <v>967.66421850821735</v>
      </c>
      <c r="AN2092">
        <v>8524</v>
      </c>
      <c r="AO2092">
        <v>190.50959239667031</v>
      </c>
      <c r="AP2092">
        <v>556.95986534556755</v>
      </c>
      <c r="AQ2092">
        <v>1.319444444444444</v>
      </c>
      <c r="AR2092">
        <v>3.416666666666667</v>
      </c>
      <c r="AS2092">
        <v>72</v>
      </c>
      <c r="AT2092">
        <v>14.41666666666667</v>
      </c>
      <c r="AU2092">
        <v>0.1128608923884514</v>
      </c>
      <c r="AV2092">
        <v>-5.5207227600518008E-2</v>
      </c>
      <c r="AW2092">
        <v>0.375</v>
      </c>
      <c r="AX2092">
        <v>92.887323943661968</v>
      </c>
      <c r="AY2092">
        <v>73</v>
      </c>
      <c r="AZ2092">
        <v>144.5</v>
      </c>
      <c r="BA2092">
        <v>0.66234160661183583</v>
      </c>
      <c r="BB2092">
        <v>0.51388888888888884</v>
      </c>
      <c r="BC2092">
        <v>3.9819563671900058</v>
      </c>
      <c r="BD2092" t="s">
        <v>7982</v>
      </c>
      <c r="BE2092" t="s">
        <v>68</v>
      </c>
    </row>
    <row r="2093" spans="1:57" x14ac:dyDescent="0.3">
      <c r="A2093" t="s">
        <v>7983</v>
      </c>
      <c r="B2093">
        <v>881</v>
      </c>
      <c r="C2093" t="s">
        <v>7984</v>
      </c>
      <c r="D2093" t="s">
        <v>7985</v>
      </c>
      <c r="E2093" t="s">
        <v>10622</v>
      </c>
      <c r="F2093">
        <v>64</v>
      </c>
      <c r="G2093">
        <v>140.046875</v>
      </c>
      <c r="H2093">
        <v>132.5</v>
      </c>
      <c r="I2093">
        <v>5419.857177734375</v>
      </c>
      <c r="J2093">
        <v>73.619679283017632</v>
      </c>
      <c r="K2093">
        <v>-1.007833905645943E-2</v>
      </c>
      <c r="L2093">
        <v>-1.347711938919967</v>
      </c>
      <c r="M2093">
        <v>5.769454882778696</v>
      </c>
      <c r="N2093">
        <v>3</v>
      </c>
      <c r="O2093">
        <v>1</v>
      </c>
      <c r="P2093">
        <v>2</v>
      </c>
      <c r="Q2093">
        <v>0.37790630225505289</v>
      </c>
      <c r="R2093">
        <v>3.9990813853658631</v>
      </c>
      <c r="S2093">
        <v>1</v>
      </c>
      <c r="T2093">
        <v>1</v>
      </c>
      <c r="U2093">
        <v>0</v>
      </c>
      <c r="V2093">
        <v>0</v>
      </c>
      <c r="W2093">
        <v>4.1431347263915326</v>
      </c>
      <c r="X2093">
        <v>1</v>
      </c>
      <c r="Y2093">
        <v>1</v>
      </c>
      <c r="Z2093">
        <v>0</v>
      </c>
      <c r="AA2093">
        <v>0</v>
      </c>
      <c r="AB2093">
        <v>4.1271343850450908</v>
      </c>
      <c r="AC2093">
        <v>1</v>
      </c>
      <c r="AD2093">
        <v>1</v>
      </c>
      <c r="AE2093">
        <v>0</v>
      </c>
      <c r="AF2093">
        <v>0</v>
      </c>
      <c r="AG2093">
        <v>4.1108738641733096</v>
      </c>
      <c r="AH2093">
        <v>-2.7012040487195001E-2</v>
      </c>
      <c r="AI2093">
        <v>-0.23306247940572261</v>
      </c>
      <c r="AJ2093">
        <v>-5.718688547971406E-2</v>
      </c>
      <c r="AK2093">
        <v>4.3696764567234703E-2</v>
      </c>
      <c r="AL2093">
        <v>653.16555131025279</v>
      </c>
      <c r="AM2093">
        <v>1084.1982118513081</v>
      </c>
      <c r="AN2093">
        <v>8963</v>
      </c>
      <c r="AO2093">
        <v>127.8908122573169</v>
      </c>
      <c r="AP2093">
        <v>510.7749959256077</v>
      </c>
      <c r="AQ2093">
        <v>1.359375</v>
      </c>
      <c r="AR2093">
        <v>3.984375</v>
      </c>
      <c r="AS2093">
        <v>64</v>
      </c>
      <c r="AT2093">
        <v>7.25</v>
      </c>
      <c r="AU2093">
        <v>0.1029265873015873</v>
      </c>
      <c r="AV2093">
        <v>-2.7339968798251749E-2</v>
      </c>
      <c r="AW2093">
        <v>0.421875</v>
      </c>
      <c r="AX2093">
        <v>89.158730158730165</v>
      </c>
      <c r="AY2093">
        <v>68.5</v>
      </c>
      <c r="AZ2093">
        <v>144.5</v>
      </c>
      <c r="BA2093">
        <v>0.52567884348021066</v>
      </c>
      <c r="BB2093">
        <v>0.46875</v>
      </c>
      <c r="BC2093">
        <v>4.0111066919991618</v>
      </c>
      <c r="BD2093" t="s">
        <v>7986</v>
      </c>
      <c r="BE2093" t="s">
        <v>62</v>
      </c>
    </row>
    <row r="2094" spans="1:57" x14ac:dyDescent="0.3">
      <c r="A2094" t="s">
        <v>7987</v>
      </c>
      <c r="B2094">
        <v>544</v>
      </c>
      <c r="C2094" t="s">
        <v>7988</v>
      </c>
      <c r="D2094" t="s">
        <v>7989</v>
      </c>
      <c r="E2094" t="s">
        <v>72</v>
      </c>
      <c r="F2094">
        <v>552</v>
      </c>
      <c r="G2094">
        <v>130.93659420289859</v>
      </c>
      <c r="H2094">
        <v>130.5</v>
      </c>
      <c r="I2094">
        <v>5394.4579362266331</v>
      </c>
      <c r="J2094">
        <v>73.446973635587142</v>
      </c>
      <c r="K2094">
        <v>-4.1034195590746683E-2</v>
      </c>
      <c r="L2094">
        <v>-1.200634251640279</v>
      </c>
      <c r="M2094">
        <v>7.6669826175309366</v>
      </c>
      <c r="N2094">
        <v>8</v>
      </c>
      <c r="O2094">
        <v>1</v>
      </c>
      <c r="P2094">
        <v>7</v>
      </c>
      <c r="Q2094">
        <v>1.246527757386632</v>
      </c>
      <c r="R2094">
        <v>5.3143473847436784</v>
      </c>
      <c r="S2094">
        <v>2</v>
      </c>
      <c r="T2094">
        <v>1</v>
      </c>
      <c r="U2094">
        <v>1</v>
      </c>
      <c r="V2094">
        <v>4.2601361868581752E-2</v>
      </c>
      <c r="W2094">
        <v>6.309218848424929</v>
      </c>
      <c r="X2094">
        <v>1</v>
      </c>
      <c r="Y2094">
        <v>1</v>
      </c>
      <c r="Z2094">
        <v>0</v>
      </c>
      <c r="AA2094">
        <v>0</v>
      </c>
      <c r="AB2094">
        <v>6.3099182782265153</v>
      </c>
      <c r="AC2094">
        <v>1</v>
      </c>
      <c r="AD2094">
        <v>1</v>
      </c>
      <c r="AE2094">
        <v>0</v>
      </c>
      <c r="AF2094">
        <v>0</v>
      </c>
      <c r="AG2094">
        <v>6.3080984415095296</v>
      </c>
      <c r="AH2094">
        <v>1.540372750700935E-2</v>
      </c>
      <c r="AI2094">
        <v>-3.4476014673346933E-2</v>
      </c>
      <c r="AJ2094">
        <v>-1.8534497655968409E-2</v>
      </c>
      <c r="AK2094">
        <v>-7.8586784258878328E-3</v>
      </c>
      <c r="AL2094">
        <v>1660.557799714926</v>
      </c>
      <c r="AM2094">
        <v>3111.9114373333191</v>
      </c>
      <c r="AN2094">
        <v>72277</v>
      </c>
      <c r="AO2094">
        <v>103.38653436190449</v>
      </c>
      <c r="AP2094">
        <v>1487.0408726094431</v>
      </c>
      <c r="AQ2094">
        <v>1.041666666666667</v>
      </c>
      <c r="AR2094">
        <v>4.0778985507246377</v>
      </c>
      <c r="AS2094">
        <v>549</v>
      </c>
      <c r="AT2094">
        <v>150.20652173913041</v>
      </c>
      <c r="AU2094">
        <v>3.5613810741688012E-2</v>
      </c>
      <c r="AV2094">
        <v>1.5428956343139731E-2</v>
      </c>
      <c r="AW2094">
        <v>0.36956521739130432</v>
      </c>
      <c r="AX2094">
        <v>84.306715063520869</v>
      </c>
      <c r="AY2094">
        <v>64</v>
      </c>
      <c r="AZ2094">
        <v>128</v>
      </c>
      <c r="BA2094">
        <v>0.5609354213213622</v>
      </c>
      <c r="BB2094">
        <v>0.5</v>
      </c>
      <c r="BC2094">
        <v>5.0783274001776286</v>
      </c>
      <c r="BD2094" t="s">
        <v>7990</v>
      </c>
      <c r="BE2094" t="s">
        <v>68</v>
      </c>
    </row>
    <row r="2095" spans="1:57" x14ac:dyDescent="0.3">
      <c r="A2095" t="s">
        <v>7991</v>
      </c>
      <c r="B2095">
        <v>2251</v>
      </c>
      <c r="C2095" t="s">
        <v>7992</v>
      </c>
      <c r="D2095" t="s">
        <v>7993</v>
      </c>
      <c r="E2095" t="s">
        <v>128</v>
      </c>
      <c r="F2095">
        <v>32</v>
      </c>
      <c r="G2095">
        <v>117.8125</v>
      </c>
      <c r="H2095">
        <v>117</v>
      </c>
      <c r="I2095">
        <v>3174.08984375</v>
      </c>
      <c r="J2095">
        <v>56.339061438312939</v>
      </c>
      <c r="K2095">
        <v>6.361235391616625E-2</v>
      </c>
      <c r="L2095">
        <v>-0.57039113616899595</v>
      </c>
      <c r="M2095">
        <v>5</v>
      </c>
      <c r="N2095">
        <v>1</v>
      </c>
      <c r="O2095">
        <v>1</v>
      </c>
      <c r="P2095">
        <v>0</v>
      </c>
      <c r="Q2095">
        <v>0</v>
      </c>
      <c r="R2095">
        <v>3.465735902799727</v>
      </c>
      <c r="S2095">
        <v>1</v>
      </c>
      <c r="T2095">
        <v>1</v>
      </c>
      <c r="U2095">
        <v>0</v>
      </c>
      <c r="V2095">
        <v>0</v>
      </c>
      <c r="W2095">
        <v>3.4339872044851458</v>
      </c>
      <c r="X2095">
        <v>1</v>
      </c>
      <c r="Y2095">
        <v>1</v>
      </c>
      <c r="Z2095">
        <v>0</v>
      </c>
      <c r="AA2095">
        <v>0</v>
      </c>
      <c r="AB2095">
        <v>3.401197381662155</v>
      </c>
      <c r="AC2095">
        <v>1</v>
      </c>
      <c r="AD2095">
        <v>1</v>
      </c>
      <c r="AE2095">
        <v>0</v>
      </c>
      <c r="AF2095">
        <v>0</v>
      </c>
      <c r="AG2095">
        <v>3.3672958299864728</v>
      </c>
      <c r="AH2095">
        <v>0.28503707232757419</v>
      </c>
      <c r="AI2095">
        <v>-0.21563767972364131</v>
      </c>
      <c r="AJ2095">
        <v>3.1093974404572179E-3</v>
      </c>
      <c r="AK2095">
        <v>-0.21526632573067819</v>
      </c>
      <c r="AL2095">
        <v>385.61560611603528</v>
      </c>
      <c r="AM2095">
        <v>630.09888455683097</v>
      </c>
      <c r="AN2095">
        <v>3770</v>
      </c>
      <c r="AO2095">
        <v>36.605833657978962</v>
      </c>
      <c r="AP2095">
        <v>272.56590161621108</v>
      </c>
      <c r="AQ2095">
        <v>1.65625</v>
      </c>
      <c r="AR2095">
        <v>3.625</v>
      </c>
      <c r="AS2095">
        <v>32</v>
      </c>
      <c r="AT2095">
        <v>0</v>
      </c>
      <c r="AU2095">
        <v>0.1666666666666666</v>
      </c>
      <c r="AV2095">
        <v>0.31256149430864338</v>
      </c>
      <c r="AW2095">
        <v>0.5</v>
      </c>
      <c r="AX2095">
        <v>51.548387096774192</v>
      </c>
      <c r="AY2095">
        <v>38</v>
      </c>
      <c r="AZ2095">
        <v>71</v>
      </c>
      <c r="BA2095">
        <v>0.4782095400599507</v>
      </c>
      <c r="BB2095">
        <v>0.5</v>
      </c>
      <c r="BC2095">
        <v>3.3276698862269418</v>
      </c>
      <c r="BD2095" t="s">
        <v>7994</v>
      </c>
      <c r="BE2095" t="s">
        <v>62</v>
      </c>
    </row>
    <row r="2096" spans="1:57" x14ac:dyDescent="0.3">
      <c r="A2096" t="s">
        <v>7995</v>
      </c>
      <c r="B2096">
        <v>157</v>
      </c>
      <c r="C2096" t="s">
        <v>7996</v>
      </c>
      <c r="D2096" t="s">
        <v>7997</v>
      </c>
      <c r="E2096" t="s">
        <v>60</v>
      </c>
      <c r="F2096">
        <v>256</v>
      </c>
      <c r="G2096">
        <v>131.7265625</v>
      </c>
      <c r="H2096">
        <v>134</v>
      </c>
      <c r="I2096">
        <v>5292.3939819335938</v>
      </c>
      <c r="J2096">
        <v>72.748841791011316</v>
      </c>
      <c r="K2096">
        <v>-8.451787703102065E-2</v>
      </c>
      <c r="L2096">
        <v>-1.1428328207220331</v>
      </c>
      <c r="M2096">
        <v>7.1447931523168418</v>
      </c>
      <c r="N2096">
        <v>5</v>
      </c>
      <c r="O2096">
        <v>1</v>
      </c>
      <c r="P2096">
        <v>4</v>
      </c>
      <c r="Q2096">
        <v>0.83109346540910678</v>
      </c>
      <c r="R2096">
        <v>4.9523932292124222</v>
      </c>
      <c r="S2096">
        <v>2</v>
      </c>
      <c r="T2096">
        <v>1</v>
      </c>
      <c r="U2096">
        <v>1</v>
      </c>
      <c r="V2096">
        <v>6.2621943781838038E-2</v>
      </c>
      <c r="W2096">
        <v>5.5358270966834446</v>
      </c>
      <c r="X2096">
        <v>1</v>
      </c>
      <c r="Y2096">
        <v>1</v>
      </c>
      <c r="Z2096">
        <v>0</v>
      </c>
      <c r="AA2096">
        <v>0</v>
      </c>
      <c r="AB2096">
        <v>5.5373342670185366</v>
      </c>
      <c r="AC2096">
        <v>1</v>
      </c>
      <c r="AD2096">
        <v>1</v>
      </c>
      <c r="AE2096">
        <v>0</v>
      </c>
      <c r="AF2096">
        <v>0</v>
      </c>
      <c r="AG2096">
        <v>5.5333894887275203</v>
      </c>
      <c r="AH2096">
        <v>2.0318594961398768E-2</v>
      </c>
      <c r="AI2096">
        <v>1.205612271903996E-2</v>
      </c>
      <c r="AJ2096">
        <v>9.9834406305614964E-2</v>
      </c>
      <c r="AK2096">
        <v>-3.7800511058292623E-2</v>
      </c>
      <c r="AL2096">
        <v>1160.454859347954</v>
      </c>
      <c r="AM2096">
        <v>2109.568799403261</v>
      </c>
      <c r="AN2096">
        <v>33722</v>
      </c>
      <c r="AO2096">
        <v>40.192290851119473</v>
      </c>
      <c r="AP2096">
        <v>974.45185709114867</v>
      </c>
      <c r="AQ2096">
        <v>1.08984375</v>
      </c>
      <c r="AR2096">
        <v>4.01171875</v>
      </c>
      <c r="AS2096">
        <v>255</v>
      </c>
      <c r="AT2096">
        <v>68.2109375</v>
      </c>
      <c r="AU2096">
        <v>4.5983021653543288E-2</v>
      </c>
      <c r="AV2096">
        <v>2.034412453332304E-2</v>
      </c>
      <c r="AW2096">
        <v>0.35546875</v>
      </c>
      <c r="AX2096">
        <v>83.474509803921563</v>
      </c>
      <c r="AY2096">
        <v>63</v>
      </c>
      <c r="AZ2096">
        <v>123.25</v>
      </c>
      <c r="BA2096">
        <v>0.55227161789036527</v>
      </c>
      <c r="BB2096">
        <v>0.51171875</v>
      </c>
      <c r="BC2096">
        <v>4.8170826799178714</v>
      </c>
      <c r="BD2096" t="s">
        <v>7998</v>
      </c>
      <c r="BE2096" t="s">
        <v>62</v>
      </c>
    </row>
    <row r="2097" spans="1:57" x14ac:dyDescent="0.3">
      <c r="A2097" t="s">
        <v>7999</v>
      </c>
      <c r="B2097">
        <v>3846</v>
      </c>
      <c r="C2097" t="s">
        <v>8000</v>
      </c>
      <c r="D2097" t="s">
        <v>8001</v>
      </c>
      <c r="E2097" t="s">
        <v>128</v>
      </c>
      <c r="F2097">
        <v>32</v>
      </c>
      <c r="G2097">
        <v>120.25</v>
      </c>
      <c r="H2097">
        <v>120</v>
      </c>
      <c r="I2097">
        <v>4699.5625</v>
      </c>
      <c r="J2097">
        <v>68.553355133064059</v>
      </c>
      <c r="K2097">
        <v>0.2455448496249315</v>
      </c>
      <c r="L2097">
        <v>-0.78169809293108994</v>
      </c>
      <c r="M2097">
        <v>5</v>
      </c>
      <c r="N2097">
        <v>1</v>
      </c>
      <c r="O2097">
        <v>1</v>
      </c>
      <c r="P2097">
        <v>0</v>
      </c>
      <c r="Q2097">
        <v>0</v>
      </c>
      <c r="R2097">
        <v>3.465735902799727</v>
      </c>
      <c r="S2097">
        <v>1</v>
      </c>
      <c r="T2097">
        <v>1</v>
      </c>
      <c r="U2097">
        <v>0</v>
      </c>
      <c r="V2097">
        <v>0</v>
      </c>
      <c r="W2097">
        <v>3.4339872044851458</v>
      </c>
      <c r="X2097">
        <v>1</v>
      </c>
      <c r="Y2097">
        <v>1</v>
      </c>
      <c r="Z2097">
        <v>0</v>
      </c>
      <c r="AA2097">
        <v>0</v>
      </c>
      <c r="AB2097">
        <v>3.401197381662155</v>
      </c>
      <c r="AC2097">
        <v>1</v>
      </c>
      <c r="AD2097">
        <v>1</v>
      </c>
      <c r="AE2097">
        <v>0</v>
      </c>
      <c r="AF2097">
        <v>0</v>
      </c>
      <c r="AG2097">
        <v>3.3672958299864728</v>
      </c>
      <c r="AH2097">
        <v>0.25034369888154479</v>
      </c>
      <c r="AI2097">
        <v>-0.19218627398827021</v>
      </c>
      <c r="AJ2097">
        <v>0.2151010566143125</v>
      </c>
      <c r="AK2097">
        <v>3.1095813440080861E-2</v>
      </c>
      <c r="AL2097">
        <v>455.1709740334764</v>
      </c>
      <c r="AM2097">
        <v>637.12430843393224</v>
      </c>
      <c r="AN2097">
        <v>3848</v>
      </c>
      <c r="AO2097">
        <v>148.84034295390109</v>
      </c>
      <c r="AP2097">
        <v>271.66987181157663</v>
      </c>
      <c r="AQ2097">
        <v>1.65625</v>
      </c>
      <c r="AR2097">
        <v>3.84375</v>
      </c>
      <c r="AS2097">
        <v>32</v>
      </c>
      <c r="AT2097">
        <v>0</v>
      </c>
      <c r="AU2097">
        <v>0.17063492063492061</v>
      </c>
      <c r="AV2097">
        <v>0.26312950607398672</v>
      </c>
      <c r="AW2097">
        <v>0.4375</v>
      </c>
      <c r="AX2097">
        <v>68.741935483870961</v>
      </c>
      <c r="AY2097">
        <v>45.5</v>
      </c>
      <c r="AZ2097">
        <v>85</v>
      </c>
      <c r="BA2097">
        <v>0.5700902713768321</v>
      </c>
      <c r="BB2097">
        <v>0.5</v>
      </c>
      <c r="BC2097">
        <v>3.2103913397883899</v>
      </c>
      <c r="BD2097" t="s">
        <v>8002</v>
      </c>
      <c r="BE2097" t="s">
        <v>62</v>
      </c>
    </row>
    <row r="2098" spans="1:57" x14ac:dyDescent="0.3">
      <c r="A2098" t="s">
        <v>8003</v>
      </c>
      <c r="B2098">
        <v>1704</v>
      </c>
      <c r="C2098" t="s">
        <v>8004</v>
      </c>
      <c r="D2098" t="s">
        <v>8005</v>
      </c>
      <c r="E2098" t="s">
        <v>10622</v>
      </c>
      <c r="F2098">
        <v>64</v>
      </c>
      <c r="G2098">
        <v>126.140625</v>
      </c>
      <c r="H2098">
        <v>123</v>
      </c>
      <c r="I2098">
        <v>5327.277099609375</v>
      </c>
      <c r="J2098">
        <v>72.988198358428974</v>
      </c>
      <c r="K2098">
        <v>3.2606062078642778E-2</v>
      </c>
      <c r="L2098">
        <v>-1.1461335276422659</v>
      </c>
      <c r="M2098">
        <v>5.9375</v>
      </c>
      <c r="N2098">
        <v>2</v>
      </c>
      <c r="O2098">
        <v>1</v>
      </c>
      <c r="P2098">
        <v>1</v>
      </c>
      <c r="Q2098">
        <v>0.17668469596940839</v>
      </c>
      <c r="R2098">
        <v>4.1155613845746766</v>
      </c>
      <c r="S2098">
        <v>1</v>
      </c>
      <c r="T2098">
        <v>1</v>
      </c>
      <c r="U2098">
        <v>0</v>
      </c>
      <c r="V2098">
        <v>0</v>
      </c>
      <c r="W2098">
        <v>4.1431347263915326</v>
      </c>
      <c r="X2098">
        <v>1</v>
      </c>
      <c r="Y2098">
        <v>1</v>
      </c>
      <c r="Z2098">
        <v>0</v>
      </c>
      <c r="AA2098">
        <v>0</v>
      </c>
      <c r="AB2098">
        <v>4.1271343850450908</v>
      </c>
      <c r="AC2098">
        <v>1</v>
      </c>
      <c r="AD2098">
        <v>1</v>
      </c>
      <c r="AE2098">
        <v>0</v>
      </c>
      <c r="AF2098">
        <v>0</v>
      </c>
      <c r="AG2098">
        <v>4.1108738641733096</v>
      </c>
      <c r="AH2098">
        <v>-0.1169771135969814</v>
      </c>
      <c r="AI2098">
        <v>-0.1001064516567359</v>
      </c>
      <c r="AJ2098">
        <v>-0.23145996098650601</v>
      </c>
      <c r="AK2098">
        <v>0.18958425448432109</v>
      </c>
      <c r="AL2098">
        <v>645.38937698873133</v>
      </c>
      <c r="AM2098">
        <v>970.95393921138066</v>
      </c>
      <c r="AN2098">
        <v>8073</v>
      </c>
      <c r="AO2098">
        <v>99.380278291005553</v>
      </c>
      <c r="AP2098">
        <v>560.84666536294367</v>
      </c>
      <c r="AQ2098">
        <v>1.359375</v>
      </c>
      <c r="AR2098">
        <v>4.203125</v>
      </c>
      <c r="AS2098">
        <v>64</v>
      </c>
      <c r="AT2098">
        <v>1.875</v>
      </c>
      <c r="AU2098">
        <v>5.8070866141732291E-2</v>
      </c>
      <c r="AV2098">
        <v>-0.1190710854229817</v>
      </c>
      <c r="AW2098">
        <v>0.359375</v>
      </c>
      <c r="AX2098">
        <v>93.492063492063494</v>
      </c>
      <c r="AY2098">
        <v>60</v>
      </c>
      <c r="AZ2098">
        <v>117.5</v>
      </c>
      <c r="BA2098">
        <v>0.57862562801182393</v>
      </c>
      <c r="BB2098">
        <v>0.484375</v>
      </c>
      <c r="BC2098">
        <v>4.0111066919991618</v>
      </c>
      <c r="BD2098" t="s">
        <v>8006</v>
      </c>
      <c r="BE2098" t="s">
        <v>62</v>
      </c>
    </row>
    <row r="2099" spans="1:57" x14ac:dyDescent="0.3">
      <c r="A2099" t="s">
        <v>8007</v>
      </c>
      <c r="B2099">
        <v>154</v>
      </c>
      <c r="C2099" t="s">
        <v>8008</v>
      </c>
      <c r="D2099" t="s">
        <v>8009</v>
      </c>
      <c r="E2099" t="s">
        <v>60</v>
      </c>
      <c r="F2099">
        <v>256</v>
      </c>
      <c r="G2099">
        <v>128.0078125</v>
      </c>
      <c r="H2099">
        <v>128.5</v>
      </c>
      <c r="I2099">
        <v>5201.9452514648438</v>
      </c>
      <c r="J2099">
        <v>72.124512140220702</v>
      </c>
      <c r="K2099">
        <v>4.6712010432875983E-2</v>
      </c>
      <c r="L2099">
        <v>-1.223777251401142</v>
      </c>
      <c r="M2099">
        <v>7.2448308104201091</v>
      </c>
      <c r="N2099">
        <v>6</v>
      </c>
      <c r="O2099">
        <v>1</v>
      </c>
      <c r="P2099">
        <v>5</v>
      </c>
      <c r="Q2099">
        <v>0.81200257112092533</v>
      </c>
      <c r="R2099">
        <v>5.0217340498765228</v>
      </c>
      <c r="S2099">
        <v>2</v>
      </c>
      <c r="T2099">
        <v>1</v>
      </c>
      <c r="U2099">
        <v>1</v>
      </c>
      <c r="V2099">
        <v>6.2621943781838052E-2</v>
      </c>
      <c r="W2099">
        <v>5.5358270966834446</v>
      </c>
      <c r="X2099">
        <v>1</v>
      </c>
      <c r="Y2099">
        <v>1</v>
      </c>
      <c r="Z2099">
        <v>0</v>
      </c>
      <c r="AA2099">
        <v>0</v>
      </c>
      <c r="AB2099">
        <v>5.5373342670185366</v>
      </c>
      <c r="AC2099">
        <v>1</v>
      </c>
      <c r="AD2099">
        <v>1</v>
      </c>
      <c r="AE2099">
        <v>0</v>
      </c>
      <c r="AF2099">
        <v>0</v>
      </c>
      <c r="AG2099">
        <v>5.5333894887275203</v>
      </c>
      <c r="AH2099">
        <v>-4.7663714468368281E-3</v>
      </c>
      <c r="AI2099">
        <v>-0.10591819515538969</v>
      </c>
      <c r="AJ2099">
        <v>-3.3676672249544397E-2</v>
      </c>
      <c r="AK2099">
        <v>0.16336183936198539</v>
      </c>
      <c r="AL2099">
        <v>1158.5635570873301</v>
      </c>
      <c r="AM2099">
        <v>2045.542589189761</v>
      </c>
      <c r="AN2099">
        <v>32770</v>
      </c>
      <c r="AO2099">
        <v>156.96229527850281</v>
      </c>
      <c r="AP2099">
        <v>969.24488256554696</v>
      </c>
      <c r="AQ2099">
        <v>1.08984375</v>
      </c>
      <c r="AR2099">
        <v>4.0546875</v>
      </c>
      <c r="AS2099">
        <v>256</v>
      </c>
      <c r="AT2099">
        <v>75.3125</v>
      </c>
      <c r="AU2099">
        <v>4.1498161764705888E-2</v>
      </c>
      <c r="AV2099">
        <v>-4.7777634963285746E-3</v>
      </c>
      <c r="AW2099">
        <v>0.390625</v>
      </c>
      <c r="AX2099">
        <v>82.30980392156863</v>
      </c>
      <c r="AY2099">
        <v>60</v>
      </c>
      <c r="AZ2099">
        <v>122.5</v>
      </c>
      <c r="BA2099">
        <v>0.56343836154703997</v>
      </c>
      <c r="BB2099">
        <v>0.5</v>
      </c>
      <c r="BC2099">
        <v>4.8064110237667697</v>
      </c>
      <c r="BD2099" t="s">
        <v>8010</v>
      </c>
      <c r="BE2099" t="s">
        <v>62</v>
      </c>
    </row>
    <row r="2100" spans="1:57" x14ac:dyDescent="0.3">
      <c r="A2100" t="s">
        <v>8011</v>
      </c>
      <c r="B2100">
        <v>3248</v>
      </c>
      <c r="C2100" t="s">
        <v>8012</v>
      </c>
      <c r="D2100" t="s">
        <v>8013</v>
      </c>
      <c r="E2100" t="s">
        <v>10622</v>
      </c>
      <c r="F2100">
        <v>64</v>
      </c>
      <c r="G2100">
        <v>123.171875</v>
      </c>
      <c r="H2100">
        <v>116</v>
      </c>
      <c r="I2100">
        <v>5705.673583984375</v>
      </c>
      <c r="J2100">
        <v>75.535909235173534</v>
      </c>
      <c r="K2100">
        <v>0.1151378673788042</v>
      </c>
      <c r="L2100">
        <v>-1.215268057601598</v>
      </c>
      <c r="M2100">
        <v>5.71875</v>
      </c>
      <c r="N2100">
        <v>2</v>
      </c>
      <c r="O2100">
        <v>1</v>
      </c>
      <c r="P2100">
        <v>1</v>
      </c>
      <c r="Q2100">
        <v>0.36994527180683279</v>
      </c>
      <c r="R2100">
        <v>3.9639354388271881</v>
      </c>
      <c r="S2100">
        <v>1</v>
      </c>
      <c r="T2100">
        <v>1</v>
      </c>
      <c r="U2100">
        <v>0</v>
      </c>
      <c r="V2100">
        <v>0</v>
      </c>
      <c r="W2100">
        <v>4.1431347263915326</v>
      </c>
      <c r="X2100">
        <v>1</v>
      </c>
      <c r="Y2100">
        <v>1</v>
      </c>
      <c r="Z2100">
        <v>0</v>
      </c>
      <c r="AA2100">
        <v>0</v>
      </c>
      <c r="AB2100">
        <v>4.1271343850450908</v>
      </c>
      <c r="AC2100">
        <v>1</v>
      </c>
      <c r="AD2100">
        <v>1</v>
      </c>
      <c r="AE2100">
        <v>0</v>
      </c>
      <c r="AF2100">
        <v>0</v>
      </c>
      <c r="AG2100">
        <v>4.1108738641733096</v>
      </c>
      <c r="AH2100">
        <v>8.297435531163963E-2</v>
      </c>
      <c r="AI2100">
        <v>0.1761515570482009</v>
      </c>
      <c r="AJ2100">
        <v>0.169609802660318</v>
      </c>
      <c r="AK2100">
        <v>0.1564170058487134</v>
      </c>
      <c r="AL2100">
        <v>667.38142835260794</v>
      </c>
      <c r="AM2100">
        <v>943.78441875781823</v>
      </c>
      <c r="AN2100">
        <v>7883</v>
      </c>
      <c r="AO2100">
        <v>90.531239800431891</v>
      </c>
      <c r="AP2100">
        <v>555.48701428750451</v>
      </c>
      <c r="AQ2100">
        <v>1.359375</v>
      </c>
      <c r="AR2100">
        <v>3.90625</v>
      </c>
      <c r="AS2100">
        <v>64</v>
      </c>
      <c r="AT2100">
        <v>6.4687500000000044</v>
      </c>
      <c r="AU2100">
        <v>7.5883964143426297E-2</v>
      </c>
      <c r="AV2100">
        <v>8.6491255766770275E-2</v>
      </c>
      <c r="AW2100">
        <v>0.359375</v>
      </c>
      <c r="AX2100">
        <v>81.555555555555557</v>
      </c>
      <c r="AY2100">
        <v>59</v>
      </c>
      <c r="AZ2100">
        <v>126.5</v>
      </c>
      <c r="BA2100">
        <v>0.61325614500204317</v>
      </c>
      <c r="BB2100">
        <v>0.46875</v>
      </c>
      <c r="BC2100">
        <v>3.9807964935089331</v>
      </c>
      <c r="BD2100" t="s">
        <v>8014</v>
      </c>
      <c r="BE2100" t="s">
        <v>62</v>
      </c>
    </row>
    <row r="2101" spans="1:57" x14ac:dyDescent="0.3">
      <c r="A2101" t="s">
        <v>8015</v>
      </c>
      <c r="B2101">
        <v>1504</v>
      </c>
      <c r="C2101" t="s">
        <v>8016</v>
      </c>
      <c r="D2101" t="s">
        <v>8017</v>
      </c>
      <c r="E2101" t="s">
        <v>93</v>
      </c>
      <c r="F2101">
        <v>1606</v>
      </c>
      <c r="G2101">
        <v>128.96637608966381</v>
      </c>
      <c r="H2101">
        <v>127</v>
      </c>
      <c r="I2101">
        <v>5437.1296290839609</v>
      </c>
      <c r="J2101">
        <v>73.736894625987347</v>
      </c>
      <c r="K2101">
        <v>-5.9544664740222037E-3</v>
      </c>
      <c r="L2101">
        <v>-1.1836428987942329</v>
      </c>
      <c r="M2101">
        <v>7.8864847871616979</v>
      </c>
      <c r="N2101">
        <v>13</v>
      </c>
      <c r="O2101">
        <v>1</v>
      </c>
      <c r="P2101">
        <v>12</v>
      </c>
      <c r="Q2101">
        <v>2.46130949569406</v>
      </c>
      <c r="R2101">
        <v>5.4664946947500397</v>
      </c>
      <c r="S2101">
        <v>2</v>
      </c>
      <c r="T2101">
        <v>1</v>
      </c>
      <c r="U2101">
        <v>1</v>
      </c>
      <c r="V2101">
        <v>0.11437575111275949</v>
      </c>
      <c r="W2101">
        <v>7.3627406046709609</v>
      </c>
      <c r="X2101">
        <v>1</v>
      </c>
      <c r="Y2101">
        <v>1</v>
      </c>
      <c r="Z2101">
        <v>0</v>
      </c>
      <c r="AA2101">
        <v>0</v>
      </c>
      <c r="AB2101">
        <v>7.3802557884264592</v>
      </c>
      <c r="AC2101">
        <v>1</v>
      </c>
      <c r="AD2101">
        <v>1</v>
      </c>
      <c r="AE2101">
        <v>0</v>
      </c>
      <c r="AF2101">
        <v>0</v>
      </c>
      <c r="AG2101">
        <v>7.3796321526095507</v>
      </c>
      <c r="AH2101">
        <v>-2.0176966052426859E-2</v>
      </c>
      <c r="AI2101">
        <v>2.0371254110163849E-3</v>
      </c>
      <c r="AJ2101">
        <v>3.5941138236118622E-2</v>
      </c>
      <c r="AK2101">
        <v>-3.16021705573074E-2</v>
      </c>
      <c r="AL2101">
        <v>2754.181638526517</v>
      </c>
      <c r="AM2101">
        <v>5278.0706230594706</v>
      </c>
      <c r="AN2101">
        <v>207120</v>
      </c>
      <c r="AO2101">
        <v>150.69208565492579</v>
      </c>
      <c r="AP2101">
        <v>2478.878731892908</v>
      </c>
      <c r="AQ2101">
        <v>1.014321295143213</v>
      </c>
      <c r="AR2101">
        <v>4.037982565379826</v>
      </c>
      <c r="AS2101">
        <v>1601</v>
      </c>
      <c r="AT2101">
        <v>247.2104607721046</v>
      </c>
      <c r="AU2101">
        <v>1.796205406197349E-2</v>
      </c>
      <c r="AV2101">
        <v>-2.0187630723365969E-2</v>
      </c>
      <c r="AW2101">
        <v>0.38356164383561642</v>
      </c>
      <c r="AX2101">
        <v>85.913395638629282</v>
      </c>
      <c r="AY2101">
        <v>64</v>
      </c>
      <c r="AZ2101">
        <v>126</v>
      </c>
      <c r="BA2101">
        <v>0.57175286196087138</v>
      </c>
      <c r="BB2101">
        <v>0.49501867995018678</v>
      </c>
      <c r="BC2101">
        <v>5.2693801592742773</v>
      </c>
      <c r="BD2101" t="s">
        <v>8018</v>
      </c>
      <c r="BE2101" t="s">
        <v>68</v>
      </c>
    </row>
    <row r="2102" spans="1:57" x14ac:dyDescent="0.3">
      <c r="A2102" t="s">
        <v>8019</v>
      </c>
      <c r="B2102">
        <v>1489</v>
      </c>
      <c r="C2102" t="s">
        <v>8020</v>
      </c>
      <c r="D2102" t="s">
        <v>8021</v>
      </c>
      <c r="E2102" t="s">
        <v>106</v>
      </c>
      <c r="F2102">
        <v>1514</v>
      </c>
      <c r="G2102">
        <v>127.445178335535</v>
      </c>
      <c r="H2102">
        <v>127</v>
      </c>
      <c r="I2102">
        <v>5617.7608651267165</v>
      </c>
      <c r="J2102">
        <v>74.951723563415911</v>
      </c>
      <c r="K2102">
        <v>1.643676823477027E-2</v>
      </c>
      <c r="L2102">
        <v>-1.216130025557929</v>
      </c>
      <c r="M2102">
        <v>7.8811567829936351</v>
      </c>
      <c r="N2102">
        <v>14</v>
      </c>
      <c r="O2102">
        <v>1</v>
      </c>
      <c r="P2102">
        <v>13</v>
      </c>
      <c r="Q2102">
        <v>2.3816595571352659</v>
      </c>
      <c r="R2102">
        <v>5.4628016036829301</v>
      </c>
      <c r="S2102">
        <v>2</v>
      </c>
      <c r="T2102">
        <v>1</v>
      </c>
      <c r="U2102">
        <v>1</v>
      </c>
      <c r="V2102">
        <v>9.6189044755420255E-2</v>
      </c>
      <c r="W2102">
        <v>7.3090221387350303</v>
      </c>
      <c r="X2102">
        <v>1</v>
      </c>
      <c r="Y2102">
        <v>1</v>
      </c>
      <c r="Z2102">
        <v>0</v>
      </c>
      <c r="AA2102">
        <v>0</v>
      </c>
      <c r="AB2102">
        <v>7.3211885567394788</v>
      </c>
      <c r="AC2102">
        <v>1</v>
      </c>
      <c r="AD2102">
        <v>1</v>
      </c>
      <c r="AE2102">
        <v>0</v>
      </c>
      <c r="AF2102">
        <v>0</v>
      </c>
      <c r="AG2102">
        <v>7.3205269622727407</v>
      </c>
      <c r="AH2102">
        <v>3.1488725250842148E-2</v>
      </c>
      <c r="AI2102">
        <v>4.3137828558620188E-2</v>
      </c>
      <c r="AJ2102">
        <v>-1.73104335430656E-2</v>
      </c>
      <c r="AK2102">
        <v>5.6062007753121139E-2</v>
      </c>
      <c r="AL2102">
        <v>2706.459623325753</v>
      </c>
      <c r="AM2102">
        <v>5076.5311293547102</v>
      </c>
      <c r="AN2102">
        <v>192952</v>
      </c>
      <c r="AO2102">
        <v>109.12309448872359</v>
      </c>
      <c r="AP2102">
        <v>2434.0412346619451</v>
      </c>
      <c r="AQ2102">
        <v>1.015191545574637</v>
      </c>
      <c r="AR2102">
        <v>3.9927344782034351</v>
      </c>
      <c r="AS2102">
        <v>1503</v>
      </c>
      <c r="AT2102">
        <v>245.53500660501979</v>
      </c>
      <c r="AU2102">
        <v>1.9859092910612049E-2</v>
      </c>
      <c r="AV2102">
        <v>3.1491606039319837E-2</v>
      </c>
      <c r="AW2102">
        <v>0.36856010568031711</v>
      </c>
      <c r="AX2102">
        <v>84.536682088565769</v>
      </c>
      <c r="AY2102">
        <v>65</v>
      </c>
      <c r="AZ2102">
        <v>129.75</v>
      </c>
      <c r="BA2102">
        <v>0.58810952711042996</v>
      </c>
      <c r="BB2102">
        <v>0.49933949801849398</v>
      </c>
      <c r="BC2102">
        <v>5.2636148192628234</v>
      </c>
      <c r="BD2102" t="s">
        <v>8022</v>
      </c>
      <c r="BE2102" t="s">
        <v>68</v>
      </c>
    </row>
    <row r="2103" spans="1:57" x14ac:dyDescent="0.3">
      <c r="A2103" t="s">
        <v>8023</v>
      </c>
      <c r="B2103">
        <v>3754</v>
      </c>
      <c r="C2103" t="s">
        <v>8024</v>
      </c>
      <c r="D2103" t="s">
        <v>8025</v>
      </c>
      <c r="E2103" t="s">
        <v>93</v>
      </c>
      <c r="F2103">
        <v>3785</v>
      </c>
      <c r="G2103">
        <v>128.98863936591809</v>
      </c>
      <c r="H2103">
        <v>129</v>
      </c>
      <c r="I2103">
        <v>5411.5948511209344</v>
      </c>
      <c r="J2103">
        <v>73.563542948398933</v>
      </c>
      <c r="K2103">
        <v>-2.0369395774722372E-2</v>
      </c>
      <c r="L2103">
        <v>-1.1913840187501881</v>
      </c>
      <c r="M2103">
        <v>7.9548583900105188</v>
      </c>
      <c r="N2103">
        <v>31</v>
      </c>
      <c r="O2103">
        <v>7</v>
      </c>
      <c r="P2103">
        <v>24</v>
      </c>
      <c r="Q2103">
        <v>3.733915292703617</v>
      </c>
      <c r="R2103">
        <v>5.5138876647894239</v>
      </c>
      <c r="S2103">
        <v>3</v>
      </c>
      <c r="T2103">
        <v>1</v>
      </c>
      <c r="U2103">
        <v>2</v>
      </c>
      <c r="V2103">
        <v>0.172776624218796</v>
      </c>
      <c r="W2103">
        <v>8.197733039519532</v>
      </c>
      <c r="X2103">
        <v>1</v>
      </c>
      <c r="Y2103">
        <v>1</v>
      </c>
      <c r="Z2103">
        <v>0</v>
      </c>
      <c r="AA2103">
        <v>0</v>
      </c>
      <c r="AB2103">
        <v>8.23827262463303</v>
      </c>
      <c r="AC2103">
        <v>1</v>
      </c>
      <c r="AD2103">
        <v>1</v>
      </c>
      <c r="AE2103">
        <v>0</v>
      </c>
      <c r="AF2103">
        <v>0</v>
      </c>
      <c r="AG2103">
        <v>8.2380082492183995</v>
      </c>
      <c r="AH2103">
        <v>2.2812459701830989E-2</v>
      </c>
      <c r="AI2103">
        <v>6.960103600599378E-3</v>
      </c>
      <c r="AJ2103">
        <v>7.0660661770482573E-3</v>
      </c>
      <c r="AK2103">
        <v>1.849575785779628E-2</v>
      </c>
      <c r="AL2103">
        <v>4147.8479392697755</v>
      </c>
      <c r="AM2103">
        <v>8139.6151919298663</v>
      </c>
      <c r="AN2103">
        <v>488221.99999999988</v>
      </c>
      <c r="AO2103">
        <v>68.933609938959421</v>
      </c>
      <c r="AP2103">
        <v>3784.5783178896222</v>
      </c>
      <c r="AQ2103">
        <v>1.0060766182298551</v>
      </c>
      <c r="AR2103">
        <v>4.0277410832232494</v>
      </c>
      <c r="AS2103">
        <v>3770</v>
      </c>
      <c r="AT2103">
        <v>241.4031704095112</v>
      </c>
      <c r="AU2103">
        <v>1.5727717771388591E-2</v>
      </c>
      <c r="AV2103">
        <v>2.2817267921168779E-2</v>
      </c>
      <c r="AW2103">
        <v>0.37199471598414802</v>
      </c>
      <c r="AX2103">
        <v>83.733879492600423</v>
      </c>
      <c r="AY2103">
        <v>64</v>
      </c>
      <c r="AZ2103">
        <v>127</v>
      </c>
      <c r="BA2103">
        <v>0.57031024832901833</v>
      </c>
      <c r="BB2103">
        <v>0.50224570673712021</v>
      </c>
      <c r="BC2103">
        <v>5.3067538236594904</v>
      </c>
      <c r="BD2103" t="s">
        <v>8026</v>
      </c>
      <c r="BE2103" t="s">
        <v>68</v>
      </c>
    </row>
    <row r="2104" spans="1:57" x14ac:dyDescent="0.3">
      <c r="A2104" t="s">
        <v>8027</v>
      </c>
      <c r="B2104">
        <v>2155</v>
      </c>
      <c r="C2104" t="s">
        <v>8028</v>
      </c>
      <c r="D2104" t="s">
        <v>8029</v>
      </c>
      <c r="E2104" t="s">
        <v>106</v>
      </c>
      <c r="F2104">
        <v>2173</v>
      </c>
      <c r="G2104">
        <v>128.26046939714681</v>
      </c>
      <c r="H2104">
        <v>128</v>
      </c>
      <c r="I2104">
        <v>5455.4922109163444</v>
      </c>
      <c r="J2104">
        <v>73.861303880424046</v>
      </c>
      <c r="K2104">
        <v>3.237754622475773E-3</v>
      </c>
      <c r="L2104">
        <v>-1.1934711317840141</v>
      </c>
      <c r="M2104">
        <v>7.9133458348631294</v>
      </c>
      <c r="N2104">
        <v>17</v>
      </c>
      <c r="O2104">
        <v>2</v>
      </c>
      <c r="P2104">
        <v>15</v>
      </c>
      <c r="Q2104">
        <v>2.9341502468173708</v>
      </c>
      <c r="R2104">
        <v>5.4851133542311654</v>
      </c>
      <c r="S2104">
        <v>2</v>
      </c>
      <c r="T2104">
        <v>1</v>
      </c>
      <c r="U2104">
        <v>1</v>
      </c>
      <c r="V2104">
        <v>0.1339768574302094</v>
      </c>
      <c r="W2104">
        <v>7.6585116552326129</v>
      </c>
      <c r="X2104">
        <v>1</v>
      </c>
      <c r="Y2104">
        <v>1</v>
      </c>
      <c r="Z2104">
        <v>0</v>
      </c>
      <c r="AA2104">
        <v>0</v>
      </c>
      <c r="AB2104">
        <v>7.6829431698782917</v>
      </c>
      <c r="AC2104">
        <v>1</v>
      </c>
      <c r="AD2104">
        <v>1</v>
      </c>
      <c r="AE2104">
        <v>0</v>
      </c>
      <c r="AF2104">
        <v>0</v>
      </c>
      <c r="AG2104">
        <v>7.6824824465345047</v>
      </c>
      <c r="AH2104">
        <v>1.2407043094522639E-2</v>
      </c>
      <c r="AI2104">
        <v>-1.0985412293878571E-2</v>
      </c>
      <c r="AJ2104">
        <v>-1.8037823733917852E-2</v>
      </c>
      <c r="AK2104">
        <v>1.7017969788543211E-2</v>
      </c>
      <c r="AL2104">
        <v>3184.0346978386428</v>
      </c>
      <c r="AM2104">
        <v>6120.7992160304993</v>
      </c>
      <c r="AN2104">
        <v>278710</v>
      </c>
      <c r="AO2104">
        <v>99.261304640321413</v>
      </c>
      <c r="AP2104">
        <v>2843.2946714761561</v>
      </c>
      <c r="AQ2104">
        <v>1.010584445467096</v>
      </c>
      <c r="AR2104">
        <v>4.0027611596870676</v>
      </c>
      <c r="AS2104">
        <v>2166</v>
      </c>
      <c r="AT2104">
        <v>259.64795213989868</v>
      </c>
      <c r="AU2104">
        <v>1.227903954955201E-2</v>
      </c>
      <c r="AV2104">
        <v>1.2416596682261751E-2</v>
      </c>
      <c r="AW2104">
        <v>0.37551771744132528</v>
      </c>
      <c r="AX2104">
        <v>84.347145488029469</v>
      </c>
      <c r="AY2104">
        <v>64</v>
      </c>
      <c r="AZ2104">
        <v>127</v>
      </c>
      <c r="BA2104">
        <v>0.57586958965290602</v>
      </c>
      <c r="BB2104">
        <v>0.4965485503911643</v>
      </c>
      <c r="BC2104">
        <v>5.2852380858610051</v>
      </c>
      <c r="BD2104" t="s">
        <v>8030</v>
      </c>
      <c r="BE2104" t="s">
        <v>68</v>
      </c>
    </row>
    <row r="2105" spans="1:57" x14ac:dyDescent="0.3">
      <c r="A2105" t="s">
        <v>8031</v>
      </c>
      <c r="B2105">
        <v>756</v>
      </c>
      <c r="C2105" t="s">
        <v>8032</v>
      </c>
      <c r="D2105" t="s">
        <v>8033</v>
      </c>
      <c r="E2105" t="s">
        <v>115</v>
      </c>
      <c r="F2105">
        <v>824</v>
      </c>
      <c r="G2105">
        <v>131.8143203883495</v>
      </c>
      <c r="H2105">
        <v>134.5</v>
      </c>
      <c r="I2105">
        <v>5369.4376104604589</v>
      </c>
      <c r="J2105">
        <v>73.27644649176473</v>
      </c>
      <c r="K2105">
        <v>-9.0953705394897888E-2</v>
      </c>
      <c r="L2105">
        <v>-1.153022127811788</v>
      </c>
      <c r="M2105">
        <v>7.7381759340925544</v>
      </c>
      <c r="N2105">
        <v>9</v>
      </c>
      <c r="O2105">
        <v>1</v>
      </c>
      <c r="P2105">
        <v>8</v>
      </c>
      <c r="Q2105">
        <v>1.7330722527788509</v>
      </c>
      <c r="R2105">
        <v>5.3636948313930626</v>
      </c>
      <c r="S2105">
        <v>2</v>
      </c>
      <c r="T2105">
        <v>1</v>
      </c>
      <c r="U2105">
        <v>1</v>
      </c>
      <c r="V2105">
        <v>8.5381542357871654E-2</v>
      </c>
      <c r="W2105">
        <v>6.7028495589192074</v>
      </c>
      <c r="X2105">
        <v>1</v>
      </c>
      <c r="Y2105">
        <v>1</v>
      </c>
      <c r="Z2105">
        <v>0</v>
      </c>
      <c r="AA2105">
        <v>0</v>
      </c>
      <c r="AB2105">
        <v>6.7117403950561787</v>
      </c>
      <c r="AC2105">
        <v>1</v>
      </c>
      <c r="AD2105">
        <v>1</v>
      </c>
      <c r="AE2105">
        <v>0</v>
      </c>
      <c r="AF2105">
        <v>0</v>
      </c>
      <c r="AG2105">
        <v>6.7105231094524278</v>
      </c>
      <c r="AH2105">
        <v>1.6133254433187919E-2</v>
      </c>
      <c r="AI2105">
        <v>-5.2378668686023783E-2</v>
      </c>
      <c r="AJ2105">
        <v>-2.8597613447189961E-3</v>
      </c>
      <c r="AK2105">
        <v>-1.0706631308751101E-2</v>
      </c>
      <c r="AL2105">
        <v>1997.040636980953</v>
      </c>
      <c r="AM2105">
        <v>3840.9969661855639</v>
      </c>
      <c r="AN2105">
        <v>108615</v>
      </c>
      <c r="AO2105">
        <v>31.022304230110731</v>
      </c>
      <c r="AP2105">
        <v>1794.555053246833</v>
      </c>
      <c r="AQ2105">
        <v>1.0279126213592229</v>
      </c>
      <c r="AR2105">
        <v>4.0436893203883493</v>
      </c>
      <c r="AS2105">
        <v>822</v>
      </c>
      <c r="AT2105">
        <v>215.23786407766991</v>
      </c>
      <c r="AU2105">
        <v>3.833047782219684E-2</v>
      </c>
      <c r="AV2105">
        <v>1.6143815044220199E-2</v>
      </c>
      <c r="AW2105">
        <v>0.35436893203883502</v>
      </c>
      <c r="AX2105">
        <v>83.59173754556501</v>
      </c>
      <c r="AY2105">
        <v>60.5</v>
      </c>
      <c r="AZ2105">
        <v>123</v>
      </c>
      <c r="BA2105">
        <v>0.55590656823840301</v>
      </c>
      <c r="BB2105">
        <v>0.5145631067961165</v>
      </c>
      <c r="BC2105">
        <v>5.1720472141556648</v>
      </c>
      <c r="BD2105" t="s">
        <v>8034</v>
      </c>
      <c r="BE2105" t="s">
        <v>68</v>
      </c>
    </row>
    <row r="2106" spans="1:57" x14ac:dyDescent="0.3">
      <c r="A2106" t="s">
        <v>8035</v>
      </c>
      <c r="B2106">
        <v>1453</v>
      </c>
      <c r="C2106" t="s">
        <v>8036</v>
      </c>
      <c r="D2106" t="s">
        <v>8037</v>
      </c>
      <c r="E2106" t="s">
        <v>93</v>
      </c>
      <c r="F2106">
        <v>1507</v>
      </c>
      <c r="G2106">
        <v>128.4273390842734</v>
      </c>
      <c r="H2106">
        <v>128</v>
      </c>
      <c r="I2106">
        <v>5599.5028491239073</v>
      </c>
      <c r="J2106">
        <v>74.82982593273826</v>
      </c>
      <c r="K2106">
        <v>-9.3043052386216404E-3</v>
      </c>
      <c r="L2106">
        <v>-1.2431377175063221</v>
      </c>
      <c r="M2106">
        <v>7.8647764358402972</v>
      </c>
      <c r="N2106">
        <v>13</v>
      </c>
      <c r="O2106">
        <v>1</v>
      </c>
      <c r="P2106">
        <v>12</v>
      </c>
      <c r="Q2106">
        <v>2.5060199736631068</v>
      </c>
      <c r="R2106">
        <v>5.4514476122369864</v>
      </c>
      <c r="S2106">
        <v>3</v>
      </c>
      <c r="T2106">
        <v>1</v>
      </c>
      <c r="U2106">
        <v>2</v>
      </c>
      <c r="V2106">
        <v>0.1209284990460722</v>
      </c>
      <c r="W2106">
        <v>7.2984546823530891</v>
      </c>
      <c r="X2106">
        <v>1</v>
      </c>
      <c r="Y2106">
        <v>1</v>
      </c>
      <c r="Z2106">
        <v>0</v>
      </c>
      <c r="AA2106">
        <v>0</v>
      </c>
      <c r="AB2106">
        <v>7.316548177182975</v>
      </c>
      <c r="AC2106">
        <v>1</v>
      </c>
      <c r="AD2106">
        <v>1</v>
      </c>
      <c r="AE2106">
        <v>0</v>
      </c>
      <c r="AF2106">
        <v>0</v>
      </c>
      <c r="AG2106">
        <v>7.3158835045097863</v>
      </c>
      <c r="AH2106">
        <v>-2.215189936904555E-2</v>
      </c>
      <c r="AI2106">
        <v>3.1252584350308608E-2</v>
      </c>
      <c r="AJ2106">
        <v>2.9658382290935949E-2</v>
      </c>
      <c r="AK2106">
        <v>1.8442555666184478E-2</v>
      </c>
      <c r="AL2106">
        <v>2699.617999377549</v>
      </c>
      <c r="AM2106">
        <v>5099.6412283058444</v>
      </c>
      <c r="AN2106">
        <v>193540</v>
      </c>
      <c r="AO2106">
        <v>212.6181239491203</v>
      </c>
      <c r="AP2106">
        <v>2403.2534945940138</v>
      </c>
      <c r="AQ2106">
        <v>1.0152621101526209</v>
      </c>
      <c r="AR2106">
        <v>3.990046449900464</v>
      </c>
      <c r="AS2106">
        <v>1503</v>
      </c>
      <c r="AT2106">
        <v>273.10882548108827</v>
      </c>
      <c r="AU2106">
        <v>2.4466216479956279E-2</v>
      </c>
      <c r="AV2106">
        <v>-2.2172614237436251E-2</v>
      </c>
      <c r="AW2106">
        <v>0.36761778367617781</v>
      </c>
      <c r="AX2106">
        <v>87.436254980079681</v>
      </c>
      <c r="AY2106">
        <v>66</v>
      </c>
      <c r="AZ2106">
        <v>133</v>
      </c>
      <c r="BA2106">
        <v>0.58266274506890847</v>
      </c>
      <c r="BB2106">
        <v>0.49834107498341068</v>
      </c>
      <c r="BC2106">
        <v>5.3036317742337618</v>
      </c>
      <c r="BD2106" t="s">
        <v>8038</v>
      </c>
      <c r="BE2106" t="s">
        <v>68</v>
      </c>
    </row>
    <row r="2107" spans="1:57" x14ac:dyDescent="0.3">
      <c r="A2107" t="s">
        <v>8039</v>
      </c>
      <c r="B2107">
        <v>3619</v>
      </c>
      <c r="C2107" t="s">
        <v>8040</v>
      </c>
      <c r="D2107" t="s">
        <v>8041</v>
      </c>
      <c r="E2107" t="s">
        <v>85</v>
      </c>
      <c r="F2107">
        <v>8</v>
      </c>
      <c r="G2107">
        <v>105.875</v>
      </c>
      <c r="H2107">
        <v>80</v>
      </c>
      <c r="I2107">
        <v>5288.859375</v>
      </c>
      <c r="J2107">
        <v>72.724544515589784</v>
      </c>
      <c r="K2107">
        <v>0.41192638359041989</v>
      </c>
      <c r="L2107">
        <v>-1.143053680201457</v>
      </c>
      <c r="M2107">
        <v>3</v>
      </c>
      <c r="N2107">
        <v>1</v>
      </c>
      <c r="O2107">
        <v>1</v>
      </c>
      <c r="P2107">
        <v>0</v>
      </c>
      <c r="Q2107">
        <v>0</v>
      </c>
      <c r="R2107">
        <v>2.0794415416798362</v>
      </c>
      <c r="S2107">
        <v>1</v>
      </c>
      <c r="T2107">
        <v>1</v>
      </c>
      <c r="U2107">
        <v>0</v>
      </c>
      <c r="V2107">
        <v>0</v>
      </c>
      <c r="W2107">
        <v>1.945910149055313</v>
      </c>
      <c r="X2107">
        <v>1</v>
      </c>
      <c r="Y2107">
        <v>1</v>
      </c>
      <c r="Z2107">
        <v>0</v>
      </c>
      <c r="AA2107">
        <v>0</v>
      </c>
      <c r="AB2107">
        <v>1.791759469228055</v>
      </c>
      <c r="AC2107">
        <v>1</v>
      </c>
      <c r="AD2107">
        <v>1</v>
      </c>
      <c r="AE2107">
        <v>0</v>
      </c>
      <c r="AF2107">
        <v>0</v>
      </c>
      <c r="AG2107">
        <v>1.6094379124341009</v>
      </c>
      <c r="AH2107">
        <v>4.7590823281248612E-2</v>
      </c>
      <c r="AI2107">
        <v>-9.5853755092514634E-2</v>
      </c>
      <c r="AJ2107">
        <v>-1.088557315347414E-2</v>
      </c>
      <c r="AK2107">
        <v>0</v>
      </c>
      <c r="AL2107">
        <v>282.05566209417668</v>
      </c>
      <c r="AM2107">
        <v>228.97948266300111</v>
      </c>
      <c r="AN2107">
        <v>847</v>
      </c>
      <c r="AO2107">
        <v>71.031082094514645</v>
      </c>
      <c r="AP2107">
        <v>245.59578314109609</v>
      </c>
      <c r="AQ2107">
        <v>3.5</v>
      </c>
      <c r="AR2107">
        <v>3.75</v>
      </c>
      <c r="AS2107">
        <v>8</v>
      </c>
      <c r="AT2107">
        <v>0</v>
      </c>
      <c r="AU2107">
        <v>0.30311158798283261</v>
      </c>
      <c r="AV2107">
        <v>4.5038704636434453E-2</v>
      </c>
      <c r="AW2107">
        <v>0.5</v>
      </c>
      <c r="AX2107">
        <v>80.285714285714292</v>
      </c>
      <c r="AY2107">
        <v>58.5</v>
      </c>
      <c r="AZ2107">
        <v>113</v>
      </c>
      <c r="BA2107">
        <v>0.68689062116259536</v>
      </c>
      <c r="BB2107">
        <v>0.375</v>
      </c>
      <c r="BC2107">
        <v>1.945910149055313</v>
      </c>
      <c r="BD2107" t="s">
        <v>8040</v>
      </c>
      <c r="BE2107" t="s">
        <v>68</v>
      </c>
    </row>
    <row r="2108" spans="1:57" x14ac:dyDescent="0.3">
      <c r="A2108" t="s">
        <v>8042</v>
      </c>
      <c r="B2108">
        <v>1801</v>
      </c>
      <c r="C2108" t="s">
        <v>8043</v>
      </c>
      <c r="D2108" t="s">
        <v>8044</v>
      </c>
      <c r="E2108" t="s">
        <v>10622</v>
      </c>
      <c r="F2108">
        <v>64</v>
      </c>
      <c r="G2108">
        <v>119.59375</v>
      </c>
      <c r="H2108">
        <v>113</v>
      </c>
      <c r="I2108">
        <v>5906.8349609375</v>
      </c>
      <c r="J2108">
        <v>76.855936406614035</v>
      </c>
      <c r="K2108">
        <v>6.5695523623154131E-2</v>
      </c>
      <c r="L2108">
        <v>-1.2534024203222189</v>
      </c>
      <c r="M2108">
        <v>5.8125</v>
      </c>
      <c r="N2108">
        <v>2</v>
      </c>
      <c r="O2108">
        <v>1</v>
      </c>
      <c r="P2108">
        <v>1</v>
      </c>
      <c r="Q2108">
        <v>0.30454347814923621</v>
      </c>
      <c r="R2108">
        <v>4.0289179870046823</v>
      </c>
      <c r="S2108">
        <v>1</v>
      </c>
      <c r="T2108">
        <v>1</v>
      </c>
      <c r="U2108">
        <v>0</v>
      </c>
      <c r="V2108">
        <v>0</v>
      </c>
      <c r="W2108">
        <v>4.1431347263915326</v>
      </c>
      <c r="X2108">
        <v>1</v>
      </c>
      <c r="Y2108">
        <v>1</v>
      </c>
      <c r="Z2108">
        <v>0</v>
      </c>
      <c r="AA2108">
        <v>0</v>
      </c>
      <c r="AB2108">
        <v>4.1271343850450908</v>
      </c>
      <c r="AC2108">
        <v>1</v>
      </c>
      <c r="AD2108">
        <v>1</v>
      </c>
      <c r="AE2108">
        <v>0</v>
      </c>
      <c r="AF2108">
        <v>0</v>
      </c>
      <c r="AG2108">
        <v>4.1108738641733096</v>
      </c>
      <c r="AH2108">
        <v>-1.191278188965742E-2</v>
      </c>
      <c r="AI2108">
        <v>-3.01635603963827E-2</v>
      </c>
      <c r="AJ2108">
        <v>-4.5579514053584971E-2</v>
      </c>
      <c r="AK2108">
        <v>-0.1138138610693154</v>
      </c>
      <c r="AL2108">
        <v>665.74613794308857</v>
      </c>
      <c r="AM2108">
        <v>922.05752521947454</v>
      </c>
      <c r="AN2108">
        <v>7654</v>
      </c>
      <c r="AO2108">
        <v>21.047086209642831</v>
      </c>
      <c r="AP2108">
        <v>544.29305265510686</v>
      </c>
      <c r="AQ2108">
        <v>1.359375</v>
      </c>
      <c r="AR2108">
        <v>4.03125</v>
      </c>
      <c r="AS2108">
        <v>64</v>
      </c>
      <c r="AT2108">
        <v>4.8750000000000009</v>
      </c>
      <c r="AU2108">
        <v>8.9460784313725492E-2</v>
      </c>
      <c r="AV2108">
        <v>-1.199988993470257E-2</v>
      </c>
      <c r="AW2108">
        <v>0.359375</v>
      </c>
      <c r="AX2108">
        <v>89.587301587301582</v>
      </c>
      <c r="AY2108">
        <v>68.5</v>
      </c>
      <c r="AZ2108">
        <v>128</v>
      </c>
      <c r="BA2108">
        <v>0.64264174680210329</v>
      </c>
      <c r="BB2108">
        <v>0.484375</v>
      </c>
      <c r="BC2108">
        <v>4.0111066919991618</v>
      </c>
      <c r="BD2108" t="s">
        <v>8045</v>
      </c>
      <c r="BE2108" t="s">
        <v>62</v>
      </c>
    </row>
    <row r="2109" spans="1:57" x14ac:dyDescent="0.3">
      <c r="A2109" t="s">
        <v>8046</v>
      </c>
      <c r="B2109">
        <v>2798</v>
      </c>
      <c r="C2109" t="s">
        <v>8047</v>
      </c>
      <c r="D2109" t="s">
        <v>8048</v>
      </c>
      <c r="E2109" t="s">
        <v>66</v>
      </c>
      <c r="F2109">
        <v>71</v>
      </c>
      <c r="G2109">
        <v>115.49295774647889</v>
      </c>
      <c r="H2109">
        <v>99</v>
      </c>
      <c r="I2109">
        <v>5654.7288236461018</v>
      </c>
      <c r="J2109">
        <v>75.197930979822189</v>
      </c>
      <c r="K2109">
        <v>0.26684195065002492</v>
      </c>
      <c r="L2109">
        <v>-1.144116704041731</v>
      </c>
      <c r="M2109">
        <v>5.8292557462347681</v>
      </c>
      <c r="N2109">
        <v>3</v>
      </c>
      <c r="O2109">
        <v>1</v>
      </c>
      <c r="P2109">
        <v>2</v>
      </c>
      <c r="Q2109">
        <v>0.42784992176644793</v>
      </c>
      <c r="R2109">
        <v>4.0405321852654943</v>
      </c>
      <c r="S2109">
        <v>1</v>
      </c>
      <c r="T2109">
        <v>1</v>
      </c>
      <c r="U2109">
        <v>0</v>
      </c>
      <c r="V2109">
        <v>0</v>
      </c>
      <c r="W2109">
        <v>4.2484952420493576</v>
      </c>
      <c r="X2109">
        <v>1</v>
      </c>
      <c r="Y2109">
        <v>1</v>
      </c>
      <c r="Z2109">
        <v>0</v>
      </c>
      <c r="AA2109">
        <v>0</v>
      </c>
      <c r="AB2109">
        <v>4.2341065045972579</v>
      </c>
      <c r="AC2109">
        <v>1</v>
      </c>
      <c r="AD2109">
        <v>1</v>
      </c>
      <c r="AE2109">
        <v>0</v>
      </c>
      <c r="AF2109">
        <v>0</v>
      </c>
      <c r="AG2109">
        <v>4.2195077051761087</v>
      </c>
      <c r="AH2109">
        <v>-6.1753801707275693E-2</v>
      </c>
      <c r="AI2109">
        <v>7.8672973181786843E-2</v>
      </c>
      <c r="AJ2109">
        <v>-0.1245222417383499</v>
      </c>
      <c r="AK2109">
        <v>9.4054466451819113E-2</v>
      </c>
      <c r="AL2109">
        <v>677.943861548938</v>
      </c>
      <c r="AM2109">
        <v>942.82560454630959</v>
      </c>
      <c r="AN2109">
        <v>8200</v>
      </c>
      <c r="AO2109">
        <v>50.033271390236138</v>
      </c>
      <c r="AP2109">
        <v>571.52278134770745</v>
      </c>
      <c r="AQ2109">
        <v>1.323943661971831</v>
      </c>
      <c r="AR2109">
        <v>3.859154929577465</v>
      </c>
      <c r="AS2109">
        <v>71</v>
      </c>
      <c r="AT2109">
        <v>9.2816901408450736</v>
      </c>
      <c r="AU2109">
        <v>0.14219179619549971</v>
      </c>
      <c r="AV2109">
        <v>-6.3302662513527966E-2</v>
      </c>
      <c r="AW2109">
        <v>0.46478873239436619</v>
      </c>
      <c r="AX2109">
        <v>88.657142857142858</v>
      </c>
      <c r="AY2109">
        <v>60</v>
      </c>
      <c r="AZ2109">
        <v>135</v>
      </c>
      <c r="BA2109">
        <v>0.65110403653260673</v>
      </c>
      <c r="BB2109">
        <v>0.45070422535211269</v>
      </c>
      <c r="BC2109">
        <v>3.9215322707371238</v>
      </c>
      <c r="BD2109" t="s">
        <v>8049</v>
      </c>
      <c r="BE2109" t="s">
        <v>68</v>
      </c>
    </row>
    <row r="2110" spans="1:57" x14ac:dyDescent="0.3">
      <c r="A2110" t="s">
        <v>8050</v>
      </c>
      <c r="B2110">
        <v>154</v>
      </c>
      <c r="C2110" t="s">
        <v>8051</v>
      </c>
      <c r="D2110" t="s">
        <v>8052</v>
      </c>
      <c r="E2110" t="s">
        <v>60</v>
      </c>
      <c r="F2110">
        <v>256</v>
      </c>
      <c r="G2110">
        <v>127.5078125</v>
      </c>
      <c r="H2110">
        <v>120.5</v>
      </c>
      <c r="I2110">
        <v>5062.8749389648438</v>
      </c>
      <c r="J2110">
        <v>71.153882107477756</v>
      </c>
      <c r="K2110">
        <v>0.10780355150934839</v>
      </c>
      <c r="L2110">
        <v>-1.0658992086898991</v>
      </c>
      <c r="M2110">
        <v>7.256625927641414</v>
      </c>
      <c r="N2110">
        <v>4</v>
      </c>
      <c r="O2110">
        <v>1</v>
      </c>
      <c r="P2110">
        <v>3</v>
      </c>
      <c r="Q2110">
        <v>0.745551977306111</v>
      </c>
      <c r="R2110">
        <v>5.0299098021228437</v>
      </c>
      <c r="S2110">
        <v>1</v>
      </c>
      <c r="T2110">
        <v>1</v>
      </c>
      <c r="U2110">
        <v>0</v>
      </c>
      <c r="V2110">
        <v>0</v>
      </c>
      <c r="W2110">
        <v>5.541263545158424</v>
      </c>
      <c r="X2110">
        <v>1</v>
      </c>
      <c r="Y2110">
        <v>1</v>
      </c>
      <c r="Z2110">
        <v>0</v>
      </c>
      <c r="AA2110">
        <v>0</v>
      </c>
      <c r="AB2110">
        <v>5.5373342670185366</v>
      </c>
      <c r="AC2110">
        <v>1</v>
      </c>
      <c r="AD2110">
        <v>1</v>
      </c>
      <c r="AE2110">
        <v>0</v>
      </c>
      <c r="AF2110">
        <v>0</v>
      </c>
      <c r="AG2110">
        <v>5.5333894887275203</v>
      </c>
      <c r="AH2110">
        <v>7.0127769352896108E-2</v>
      </c>
      <c r="AI2110">
        <v>1.843800223316071E-3</v>
      </c>
      <c r="AJ2110">
        <v>3.027913382221354E-2</v>
      </c>
      <c r="AK2110">
        <v>2.382765585994831E-2</v>
      </c>
      <c r="AL2110">
        <v>1150.578269487328</v>
      </c>
      <c r="AM2110">
        <v>2033.3164155594541</v>
      </c>
      <c r="AN2110">
        <v>32642</v>
      </c>
      <c r="AO2110">
        <v>56.941479440997163</v>
      </c>
      <c r="AP2110">
        <v>984.57563453495163</v>
      </c>
      <c r="AQ2110">
        <v>1.08984375</v>
      </c>
      <c r="AR2110">
        <v>4.03125</v>
      </c>
      <c r="AS2110">
        <v>256</v>
      </c>
      <c r="AT2110">
        <v>62.75</v>
      </c>
      <c r="AU2110">
        <v>4.0477362204724421E-2</v>
      </c>
      <c r="AV2110">
        <v>7.03016635156124E-2</v>
      </c>
      <c r="AW2110">
        <v>0.4296875</v>
      </c>
      <c r="AX2110">
        <v>79.788235294117641</v>
      </c>
      <c r="AY2110">
        <v>58.5</v>
      </c>
      <c r="AZ2110">
        <v>116.25</v>
      </c>
      <c r="BA2110">
        <v>0.5580354702381688</v>
      </c>
      <c r="BB2110">
        <v>0.4765625</v>
      </c>
      <c r="BC2110">
        <v>4.8129787729079538</v>
      </c>
      <c r="BD2110" t="s">
        <v>8053</v>
      </c>
      <c r="BE2110" t="s">
        <v>62</v>
      </c>
    </row>
    <row r="2111" spans="1:57" x14ac:dyDescent="0.3">
      <c r="A2111" t="s">
        <v>8054</v>
      </c>
      <c r="B2111">
        <v>146</v>
      </c>
      <c r="C2111" t="s">
        <v>8055</v>
      </c>
      <c r="D2111" t="s">
        <v>8056</v>
      </c>
      <c r="E2111" t="s">
        <v>60</v>
      </c>
      <c r="F2111">
        <v>256</v>
      </c>
      <c r="G2111">
        <v>126.26171875</v>
      </c>
      <c r="H2111">
        <v>130.5</v>
      </c>
      <c r="I2111">
        <v>5841.3650970458984</v>
      </c>
      <c r="J2111">
        <v>76.428823731926542</v>
      </c>
      <c r="K2111">
        <v>8.2591735176972304E-3</v>
      </c>
      <c r="L2111">
        <v>-1.3286127436869599</v>
      </c>
      <c r="M2111">
        <v>7.233188427641414</v>
      </c>
      <c r="N2111">
        <v>4</v>
      </c>
      <c r="O2111">
        <v>1</v>
      </c>
      <c r="P2111">
        <v>3</v>
      </c>
      <c r="Q2111">
        <v>0.79276692348960143</v>
      </c>
      <c r="R2111">
        <v>5.0136641650784703</v>
      </c>
      <c r="S2111">
        <v>2</v>
      </c>
      <c r="T2111">
        <v>1</v>
      </c>
      <c r="U2111">
        <v>1</v>
      </c>
      <c r="V2111">
        <v>6.2621943781838038E-2</v>
      </c>
      <c r="W2111">
        <v>5.5358270966834446</v>
      </c>
      <c r="X2111">
        <v>1</v>
      </c>
      <c r="Y2111">
        <v>1</v>
      </c>
      <c r="Z2111">
        <v>0</v>
      </c>
      <c r="AA2111">
        <v>0</v>
      </c>
      <c r="AB2111">
        <v>5.5373342670185366</v>
      </c>
      <c r="AC2111">
        <v>1</v>
      </c>
      <c r="AD2111">
        <v>1</v>
      </c>
      <c r="AE2111">
        <v>0</v>
      </c>
      <c r="AF2111">
        <v>0</v>
      </c>
      <c r="AG2111">
        <v>5.5333894887275203</v>
      </c>
      <c r="AH2111">
        <v>-7.6786891912535655E-5</v>
      </c>
      <c r="AI2111">
        <v>-8.6967573618134796E-3</v>
      </c>
      <c r="AJ2111">
        <v>-1.8531341569379071E-2</v>
      </c>
      <c r="AK2111">
        <v>9.8207083360009294E-3</v>
      </c>
      <c r="AL2111">
        <v>1210.051416565492</v>
      </c>
      <c r="AM2111">
        <v>2027.8862318354661</v>
      </c>
      <c r="AN2111">
        <v>32323</v>
      </c>
      <c r="AO2111">
        <v>131.6066414962639</v>
      </c>
      <c r="AP2111">
        <v>1077.013977043729</v>
      </c>
      <c r="AQ2111">
        <v>1.08984375</v>
      </c>
      <c r="AR2111">
        <v>3.9609375</v>
      </c>
      <c r="AS2111">
        <v>256</v>
      </c>
      <c r="AT2111">
        <v>70.117187500000014</v>
      </c>
      <c r="AU2111">
        <v>7.6853553921568618E-2</v>
      </c>
      <c r="AV2111">
        <v>-7.2052944251783908E-5</v>
      </c>
      <c r="AW2111">
        <v>0.3515625</v>
      </c>
      <c r="AX2111">
        <v>88.976470588235287</v>
      </c>
      <c r="AY2111">
        <v>69</v>
      </c>
      <c r="AZ2111">
        <v>137.25</v>
      </c>
      <c r="BA2111">
        <v>0.60532063469892006</v>
      </c>
      <c r="BB2111">
        <v>0.515625</v>
      </c>
      <c r="BC2111">
        <v>4.8982877343587479</v>
      </c>
      <c r="BD2111" t="s">
        <v>8057</v>
      </c>
      <c r="BE2111" t="s">
        <v>62</v>
      </c>
    </row>
    <row r="2112" spans="1:57" x14ac:dyDescent="0.3">
      <c r="A2112" t="s">
        <v>8058</v>
      </c>
      <c r="B2112">
        <v>618</v>
      </c>
      <c r="C2112" t="s">
        <v>8059</v>
      </c>
      <c r="D2112" t="s">
        <v>8060</v>
      </c>
      <c r="E2112" t="s">
        <v>72</v>
      </c>
      <c r="F2112">
        <v>624</v>
      </c>
      <c r="G2112">
        <v>130.05288461538461</v>
      </c>
      <c r="H2112">
        <v>134.5</v>
      </c>
      <c r="I2112">
        <v>5550.5468827046352</v>
      </c>
      <c r="J2112">
        <v>74.501992474729391</v>
      </c>
      <c r="K2112">
        <v>-6.7854278689924996E-2</v>
      </c>
      <c r="L2112">
        <v>-1.213645782504315</v>
      </c>
      <c r="M2112">
        <v>7.6411255312021673</v>
      </c>
      <c r="N2112">
        <v>6</v>
      </c>
      <c r="O2112">
        <v>1</v>
      </c>
      <c r="P2112">
        <v>5</v>
      </c>
      <c r="Q2112">
        <v>1.393324589835917</v>
      </c>
      <c r="R2112">
        <v>5.2964246182574186</v>
      </c>
      <c r="S2112">
        <v>2</v>
      </c>
      <c r="T2112">
        <v>1</v>
      </c>
      <c r="U2112">
        <v>1</v>
      </c>
      <c r="V2112">
        <v>4.0064102232723837E-2</v>
      </c>
      <c r="W2112">
        <v>6.4323213271965676</v>
      </c>
      <c r="X2112">
        <v>1</v>
      </c>
      <c r="Y2112">
        <v>1</v>
      </c>
      <c r="Z2112">
        <v>0</v>
      </c>
      <c r="AA2112">
        <v>0</v>
      </c>
      <c r="AB2112">
        <v>6.4329400927391802</v>
      </c>
      <c r="AC2112">
        <v>1</v>
      </c>
      <c r="AD2112">
        <v>1</v>
      </c>
      <c r="AE2112">
        <v>0</v>
      </c>
      <c r="AF2112">
        <v>0</v>
      </c>
      <c r="AG2112">
        <v>6.4313310819334788</v>
      </c>
      <c r="AH2112">
        <v>-7.0667120835924746E-2</v>
      </c>
      <c r="AI2112">
        <v>-5.7356469471120403E-3</v>
      </c>
      <c r="AJ2112">
        <v>-6.0882514458192143E-2</v>
      </c>
      <c r="AK2112">
        <v>-2.9117636554060562E-3</v>
      </c>
      <c r="AL2112">
        <v>1805.518629428708</v>
      </c>
      <c r="AM2112">
        <v>3279.912419377365</v>
      </c>
      <c r="AN2112">
        <v>81153</v>
      </c>
      <c r="AO2112">
        <v>97.973826691125481</v>
      </c>
      <c r="AP2112">
        <v>1623.3788305033561</v>
      </c>
      <c r="AQ2112">
        <v>1.036858974358974</v>
      </c>
      <c r="AR2112">
        <v>3.9871794871794868</v>
      </c>
      <c r="AS2112">
        <v>623</v>
      </c>
      <c r="AT2112">
        <v>160.3141025641026</v>
      </c>
      <c r="AU2112">
        <v>3.2522624434389143E-2</v>
      </c>
      <c r="AV2112">
        <v>-7.0929761854839277E-2</v>
      </c>
      <c r="AW2112">
        <v>0.35256410256410259</v>
      </c>
      <c r="AX2112">
        <v>89.133226324237555</v>
      </c>
      <c r="AY2112">
        <v>62.5</v>
      </c>
      <c r="AZ2112">
        <v>125.25</v>
      </c>
      <c r="BA2112">
        <v>0.57285920796804979</v>
      </c>
      <c r="BB2112">
        <v>0.50641025641025639</v>
      </c>
      <c r="BC2112">
        <v>5.1913910234749743</v>
      </c>
      <c r="BD2112" t="s">
        <v>8061</v>
      </c>
      <c r="BE2112" t="s">
        <v>62</v>
      </c>
    </row>
    <row r="2113" spans="1:57" x14ac:dyDescent="0.3">
      <c r="A2113" t="s">
        <v>8062</v>
      </c>
      <c r="B2113">
        <v>2154</v>
      </c>
      <c r="C2113" t="s">
        <v>8063</v>
      </c>
      <c r="D2113" t="s">
        <v>8064</v>
      </c>
      <c r="E2113" t="s">
        <v>85</v>
      </c>
      <c r="F2113">
        <v>8</v>
      </c>
      <c r="G2113">
        <v>141.25</v>
      </c>
      <c r="H2113">
        <v>130</v>
      </c>
      <c r="I2113">
        <v>5358.9375</v>
      </c>
      <c r="J2113">
        <v>73.204764189224733</v>
      </c>
      <c r="K2113">
        <v>1.084064209839463E-2</v>
      </c>
      <c r="L2113">
        <v>-1.509007893246447</v>
      </c>
      <c r="M2113">
        <v>3</v>
      </c>
      <c r="N2113">
        <v>1</v>
      </c>
      <c r="O2113">
        <v>1</v>
      </c>
      <c r="P2113">
        <v>0</v>
      </c>
      <c r="Q2113">
        <v>0</v>
      </c>
      <c r="R2113">
        <v>2.0794415416798362</v>
      </c>
      <c r="S2113">
        <v>1</v>
      </c>
      <c r="T2113">
        <v>1</v>
      </c>
      <c r="U2113">
        <v>0</v>
      </c>
      <c r="V2113">
        <v>0</v>
      </c>
      <c r="W2113">
        <v>1.945910149055313</v>
      </c>
      <c r="X2113">
        <v>1</v>
      </c>
      <c r="Y2113">
        <v>1</v>
      </c>
      <c r="Z2113">
        <v>0</v>
      </c>
      <c r="AA2113">
        <v>0</v>
      </c>
      <c r="AB2113">
        <v>1.791759469228055</v>
      </c>
      <c r="AC2113">
        <v>1</v>
      </c>
      <c r="AD2113">
        <v>1</v>
      </c>
      <c r="AE2113">
        <v>0</v>
      </c>
      <c r="AF2113">
        <v>0</v>
      </c>
      <c r="AG2113">
        <v>1.6094379124341009</v>
      </c>
      <c r="AH2113">
        <v>-0.5303304642944614</v>
      </c>
      <c r="AI2113">
        <v>0.24384206290892549</v>
      </c>
      <c r="AJ2113">
        <v>0.13392201112627269</v>
      </c>
      <c r="AK2113">
        <v>0</v>
      </c>
      <c r="AL2113">
        <v>321.06637489832292</v>
      </c>
      <c r="AM2113">
        <v>315.27826266593382</v>
      </c>
      <c r="AN2113">
        <v>1130</v>
      </c>
      <c r="AO2113">
        <v>95.415124528704212</v>
      </c>
      <c r="AP2113">
        <v>223.92518753229371</v>
      </c>
      <c r="AQ2113">
        <v>3.5</v>
      </c>
      <c r="AR2113">
        <v>5.125</v>
      </c>
      <c r="AS2113">
        <v>8</v>
      </c>
      <c r="AT2113">
        <v>0</v>
      </c>
      <c r="AU2113">
        <v>0.17932489451476791</v>
      </c>
      <c r="AV2113">
        <v>-0.57927169303096415</v>
      </c>
      <c r="AW2113">
        <v>0.5</v>
      </c>
      <c r="AX2113">
        <v>122.5714285714286</v>
      </c>
      <c r="AY2113">
        <v>78.5</v>
      </c>
      <c r="AZ2113">
        <v>133.25</v>
      </c>
      <c r="BA2113">
        <v>0.51826381726884763</v>
      </c>
      <c r="BB2113">
        <v>0.5</v>
      </c>
      <c r="BC2113">
        <v>1.945910149055313</v>
      </c>
      <c r="BD2113" t="s">
        <v>8063</v>
      </c>
      <c r="BE2113" t="s">
        <v>68</v>
      </c>
    </row>
    <row r="2114" spans="1:57" x14ac:dyDescent="0.3">
      <c r="A2114" t="s">
        <v>8065</v>
      </c>
      <c r="B2114">
        <v>148</v>
      </c>
      <c r="C2114" t="s">
        <v>8066</v>
      </c>
      <c r="D2114" t="s">
        <v>8067</v>
      </c>
      <c r="E2114" t="s">
        <v>60</v>
      </c>
      <c r="F2114">
        <v>512</v>
      </c>
      <c r="G2114">
        <v>126.48828125</v>
      </c>
      <c r="H2114">
        <v>129</v>
      </c>
      <c r="I2114">
        <v>5508.6326751708984</v>
      </c>
      <c r="J2114">
        <v>74.220163535058973</v>
      </c>
      <c r="K2114">
        <v>-7.3605335157725146E-2</v>
      </c>
      <c r="L2114">
        <v>-1.18043519307713</v>
      </c>
      <c r="M2114">
        <v>7.5493780169297953</v>
      </c>
      <c r="N2114">
        <v>8</v>
      </c>
      <c r="O2114">
        <v>1</v>
      </c>
      <c r="P2114">
        <v>7</v>
      </c>
      <c r="Q2114">
        <v>1.337104536721929</v>
      </c>
      <c r="R2114">
        <v>5.2328300874161169</v>
      </c>
      <c r="S2114">
        <v>1</v>
      </c>
      <c r="T2114">
        <v>1</v>
      </c>
      <c r="U2114">
        <v>0</v>
      </c>
      <c r="V2114">
        <v>0</v>
      </c>
      <c r="W2114">
        <v>6.2363695902037044</v>
      </c>
      <c r="X2114">
        <v>1</v>
      </c>
      <c r="Y2114">
        <v>1</v>
      </c>
      <c r="Z2114">
        <v>0</v>
      </c>
      <c r="AA2114">
        <v>0</v>
      </c>
      <c r="AB2114">
        <v>6.2344107257183694</v>
      </c>
      <c r="AC2114">
        <v>1</v>
      </c>
      <c r="AD2114">
        <v>1</v>
      </c>
      <c r="AE2114">
        <v>0</v>
      </c>
      <c r="AF2114">
        <v>0</v>
      </c>
      <c r="AG2114">
        <v>6.2324480165505216</v>
      </c>
      <c r="AH2114">
        <v>1.33574357460469E-2</v>
      </c>
      <c r="AI2114">
        <v>-1.9617176674126879E-2</v>
      </c>
      <c r="AJ2114">
        <v>4.3571567200799993E-2</v>
      </c>
      <c r="AK2114">
        <v>4.8231226029444928E-2</v>
      </c>
      <c r="AL2114">
        <v>1625.2188870480129</v>
      </c>
      <c r="AM2114">
        <v>2893.2192397366671</v>
      </c>
      <c r="AN2114">
        <v>64762</v>
      </c>
      <c r="AO2114">
        <v>59.968141409753947</v>
      </c>
      <c r="AP2114">
        <v>1427.051416331296</v>
      </c>
      <c r="AQ2114">
        <v>1.044921875</v>
      </c>
      <c r="AR2114">
        <v>3.896484375</v>
      </c>
      <c r="AS2114">
        <v>508</v>
      </c>
      <c r="AT2114">
        <v>164.4296875</v>
      </c>
      <c r="AU2114">
        <v>3.2973345588235288E-2</v>
      </c>
      <c r="AV2114">
        <v>1.336546524592451E-2</v>
      </c>
      <c r="AW2114">
        <v>0.34375</v>
      </c>
      <c r="AX2114">
        <v>84.612524461839527</v>
      </c>
      <c r="AY2114">
        <v>64</v>
      </c>
      <c r="AZ2114">
        <v>128</v>
      </c>
      <c r="BA2114">
        <v>0.58677501821979239</v>
      </c>
      <c r="BB2114">
        <v>0.513671875</v>
      </c>
      <c r="BC2114">
        <v>5.0610492305920616</v>
      </c>
      <c r="BD2114" t="s">
        <v>8068</v>
      </c>
      <c r="BE2114" t="s">
        <v>62</v>
      </c>
    </row>
    <row r="2115" spans="1:57" x14ac:dyDescent="0.3">
      <c r="A2115" t="s">
        <v>8069</v>
      </c>
      <c r="B2115">
        <v>1086</v>
      </c>
      <c r="C2115" t="s">
        <v>8070</v>
      </c>
      <c r="D2115" t="s">
        <v>8071</v>
      </c>
      <c r="E2115" t="s">
        <v>93</v>
      </c>
      <c r="F2115">
        <v>1086</v>
      </c>
      <c r="G2115">
        <v>128.57366482504611</v>
      </c>
      <c r="H2115">
        <v>132</v>
      </c>
      <c r="I2115">
        <v>5416.047520086553</v>
      </c>
      <c r="J2115">
        <v>73.59380082647283</v>
      </c>
      <c r="K2115">
        <v>-5.2619735068064631E-2</v>
      </c>
      <c r="L2115">
        <v>-1.18117777042021</v>
      </c>
      <c r="M2115">
        <v>7.840151952197834</v>
      </c>
      <c r="N2115">
        <v>10</v>
      </c>
      <c r="O2115">
        <v>1</v>
      </c>
      <c r="P2115">
        <v>9</v>
      </c>
      <c r="Q2115">
        <v>1.9553021400934969</v>
      </c>
      <c r="R2115">
        <v>5.4343792208274859</v>
      </c>
      <c r="S2115">
        <v>2</v>
      </c>
      <c r="T2115">
        <v>1</v>
      </c>
      <c r="U2115">
        <v>1</v>
      </c>
      <c r="V2115">
        <v>0.10068359023391631</v>
      </c>
      <c r="W2115">
        <v>6.9752806687650493</v>
      </c>
      <c r="X2115">
        <v>1</v>
      </c>
      <c r="Y2115">
        <v>1</v>
      </c>
      <c r="Z2115">
        <v>0</v>
      </c>
      <c r="AA2115">
        <v>0</v>
      </c>
      <c r="AB2115">
        <v>6.9884131819995927</v>
      </c>
      <c r="AC2115">
        <v>1</v>
      </c>
      <c r="AD2115">
        <v>1</v>
      </c>
      <c r="AE2115">
        <v>0</v>
      </c>
      <c r="AF2115">
        <v>0</v>
      </c>
      <c r="AG2115">
        <v>6.9874902470009923</v>
      </c>
      <c r="AH2115">
        <v>1.140373408815769E-2</v>
      </c>
      <c r="AI2115">
        <v>-8.0716203110302188E-3</v>
      </c>
      <c r="AJ2115">
        <v>-9.4801571532139601E-3</v>
      </c>
      <c r="AK2115">
        <v>-8.5763078052483591E-4</v>
      </c>
      <c r="AL2115">
        <v>2272.0396453589301</v>
      </c>
      <c r="AM2115">
        <v>4321.1726244061656</v>
      </c>
      <c r="AN2115">
        <v>139631</v>
      </c>
      <c r="AO2115">
        <v>114.4690105046958</v>
      </c>
      <c r="AP2115">
        <v>2005.686258523011</v>
      </c>
      <c r="AQ2115">
        <v>1.021178637200737</v>
      </c>
      <c r="AR2115">
        <v>3.9493554327808469</v>
      </c>
      <c r="AS2115">
        <v>1085</v>
      </c>
      <c r="AT2115">
        <v>228.91712707182319</v>
      </c>
      <c r="AU2115">
        <v>2.0918643700574169E-2</v>
      </c>
      <c r="AV2115">
        <v>1.140823279340736E-2</v>
      </c>
      <c r="AW2115">
        <v>0.35911602209944748</v>
      </c>
      <c r="AX2115">
        <v>84.502304147465438</v>
      </c>
      <c r="AY2115">
        <v>62.5</v>
      </c>
      <c r="AZ2115">
        <v>124.75</v>
      </c>
      <c r="BA2115">
        <v>0.5723862730879925</v>
      </c>
      <c r="BB2115">
        <v>0.50828729281767959</v>
      </c>
      <c r="BC2115">
        <v>5.2243797648353407</v>
      </c>
      <c r="BD2115" t="s">
        <v>8072</v>
      </c>
      <c r="BE2115" t="s">
        <v>68</v>
      </c>
    </row>
    <row r="2116" spans="1:57" x14ac:dyDescent="0.3">
      <c r="A2116" t="s">
        <v>8073</v>
      </c>
      <c r="B2116">
        <v>2258</v>
      </c>
      <c r="C2116" t="s">
        <v>8074</v>
      </c>
      <c r="D2116" t="s">
        <v>8075</v>
      </c>
      <c r="E2116" t="s">
        <v>85</v>
      </c>
      <c r="F2116">
        <v>8</v>
      </c>
      <c r="G2116">
        <v>130.5</v>
      </c>
      <c r="H2116">
        <v>123.5</v>
      </c>
      <c r="I2116">
        <v>3942.75</v>
      </c>
      <c r="J2116">
        <v>62.791321056337082</v>
      </c>
      <c r="K2116">
        <v>3.0354992108772979E-3</v>
      </c>
      <c r="L2116">
        <v>-0.71017100406308664</v>
      </c>
      <c r="M2116">
        <v>3</v>
      </c>
      <c r="N2116">
        <v>1</v>
      </c>
      <c r="O2116">
        <v>1</v>
      </c>
      <c r="P2116">
        <v>0</v>
      </c>
      <c r="Q2116">
        <v>0</v>
      </c>
      <c r="R2116">
        <v>2.0794415416798362</v>
      </c>
      <c r="S2116">
        <v>1</v>
      </c>
      <c r="T2116">
        <v>1</v>
      </c>
      <c r="U2116">
        <v>0</v>
      </c>
      <c r="V2116">
        <v>0</v>
      </c>
      <c r="W2116">
        <v>1.945910149055313</v>
      </c>
      <c r="X2116">
        <v>1</v>
      </c>
      <c r="Y2116">
        <v>1</v>
      </c>
      <c r="Z2116">
        <v>0</v>
      </c>
      <c r="AA2116">
        <v>0</v>
      </c>
      <c r="AB2116">
        <v>1.791759469228055</v>
      </c>
      <c r="AC2116">
        <v>1</v>
      </c>
      <c r="AD2116">
        <v>1</v>
      </c>
      <c r="AE2116">
        <v>0</v>
      </c>
      <c r="AF2116">
        <v>0</v>
      </c>
      <c r="AG2116">
        <v>1.6094379124341009</v>
      </c>
      <c r="AH2116">
        <v>-0.35807019212478602</v>
      </c>
      <c r="AI2116">
        <v>7.5819542197704648E-2</v>
      </c>
      <c r="AJ2116">
        <v>4.230074186798554E-2</v>
      </c>
      <c r="AK2116">
        <v>0</v>
      </c>
      <c r="AL2116">
        <v>280.82440173805861</v>
      </c>
      <c r="AM2116">
        <v>298.19734302716631</v>
      </c>
      <c r="AN2116">
        <v>1044</v>
      </c>
      <c r="AO2116">
        <v>70.228199464317754</v>
      </c>
      <c r="AP2116">
        <v>177.11505306624679</v>
      </c>
      <c r="AQ2116">
        <v>3.5</v>
      </c>
      <c r="AR2116">
        <v>4.375</v>
      </c>
      <c r="AS2116">
        <v>8</v>
      </c>
      <c r="AT2116">
        <v>0</v>
      </c>
      <c r="AU2116">
        <v>0.1824468085106383</v>
      </c>
      <c r="AV2116">
        <v>-0.36192010216685938</v>
      </c>
      <c r="AW2116">
        <v>0.375</v>
      </c>
      <c r="AX2116">
        <v>99.428571428571431</v>
      </c>
      <c r="AY2116">
        <v>43</v>
      </c>
      <c r="AZ2116">
        <v>65.75</v>
      </c>
      <c r="BA2116">
        <v>0.48115954832442198</v>
      </c>
      <c r="BB2116">
        <v>0.375</v>
      </c>
      <c r="BC2116">
        <v>1.945910149055313</v>
      </c>
      <c r="BD2116" t="s">
        <v>8074</v>
      </c>
      <c r="BE2116" t="s">
        <v>68</v>
      </c>
    </row>
    <row r="2117" spans="1:57" x14ac:dyDescent="0.3">
      <c r="A2117" t="s">
        <v>8076</v>
      </c>
      <c r="B2117">
        <v>154</v>
      </c>
      <c r="C2117" t="s">
        <v>8077</v>
      </c>
      <c r="D2117" t="s">
        <v>8078</v>
      </c>
      <c r="E2117" t="s">
        <v>60</v>
      </c>
      <c r="F2117">
        <v>512</v>
      </c>
      <c r="G2117">
        <v>123.07421875</v>
      </c>
      <c r="H2117">
        <v>122.5</v>
      </c>
      <c r="I2117">
        <v>5316.1312103271484</v>
      </c>
      <c r="J2117">
        <v>72.911804327743454</v>
      </c>
      <c r="K2117">
        <v>9.8054157027417946E-2</v>
      </c>
      <c r="L2117">
        <v>-1.098404194469887</v>
      </c>
      <c r="M2117">
        <v>7.5845655412090993</v>
      </c>
      <c r="N2117">
        <v>8</v>
      </c>
      <c r="O2117">
        <v>1</v>
      </c>
      <c r="P2117">
        <v>7</v>
      </c>
      <c r="Q2117">
        <v>1.3358288720903599</v>
      </c>
      <c r="R2117">
        <v>5.2572202206612024</v>
      </c>
      <c r="S2117">
        <v>2</v>
      </c>
      <c r="T2117">
        <v>1</v>
      </c>
      <c r="U2117">
        <v>1</v>
      </c>
      <c r="V2117">
        <v>4.4237310481092057E-2</v>
      </c>
      <c r="W2117">
        <v>6.2336566853874231</v>
      </c>
      <c r="X2117">
        <v>1</v>
      </c>
      <c r="Y2117">
        <v>1</v>
      </c>
      <c r="Z2117">
        <v>0</v>
      </c>
      <c r="AA2117">
        <v>0</v>
      </c>
      <c r="AB2117">
        <v>6.2344107257183694</v>
      </c>
      <c r="AC2117">
        <v>1</v>
      </c>
      <c r="AD2117">
        <v>1</v>
      </c>
      <c r="AE2117">
        <v>0</v>
      </c>
      <c r="AF2117">
        <v>0</v>
      </c>
      <c r="AG2117">
        <v>6.2324480165505216</v>
      </c>
      <c r="AH2117">
        <v>4.2872994008997543E-2</v>
      </c>
      <c r="AI2117">
        <v>3.1803107035406127E-2</v>
      </c>
      <c r="AJ2117">
        <v>2.7476172829676682E-2</v>
      </c>
      <c r="AK2117">
        <v>2.681748350925045E-2</v>
      </c>
      <c r="AL2117">
        <v>1568.900938209109</v>
      </c>
      <c r="AM2117">
        <v>2831.22020445012</v>
      </c>
      <c r="AN2117">
        <v>63014</v>
      </c>
      <c r="AO2117">
        <v>159.32040481565531</v>
      </c>
      <c r="AP2117">
        <v>1385.9741272082911</v>
      </c>
      <c r="AQ2117">
        <v>1.044921875</v>
      </c>
      <c r="AR2117">
        <v>3.912109375</v>
      </c>
      <c r="AS2117">
        <v>511</v>
      </c>
      <c r="AT2117">
        <v>174.875</v>
      </c>
      <c r="AU2117">
        <v>6.7907475490196045E-2</v>
      </c>
      <c r="AV2117">
        <v>4.3028549643510598E-2</v>
      </c>
      <c r="AW2117">
        <v>0.3984375</v>
      </c>
      <c r="AX2117">
        <v>81.287671232876718</v>
      </c>
      <c r="AY2117">
        <v>62.5</v>
      </c>
      <c r="AZ2117">
        <v>125.25</v>
      </c>
      <c r="BA2117">
        <v>0.59242142723529134</v>
      </c>
      <c r="BB2117">
        <v>0.4921875</v>
      </c>
      <c r="BC2117">
        <v>5.0808834341405564</v>
      </c>
      <c r="BD2117" t="s">
        <v>8079</v>
      </c>
      <c r="BE2117" t="s">
        <v>62</v>
      </c>
    </row>
    <row r="2118" spans="1:57" x14ac:dyDescent="0.3">
      <c r="A2118" t="s">
        <v>8080</v>
      </c>
      <c r="B2118">
        <v>2959</v>
      </c>
      <c r="C2118" t="s">
        <v>8081</v>
      </c>
      <c r="D2118" t="s">
        <v>8082</v>
      </c>
      <c r="E2118" t="s">
        <v>10622</v>
      </c>
      <c r="F2118">
        <v>64</v>
      </c>
      <c r="G2118">
        <v>124.375</v>
      </c>
      <c r="H2118">
        <v>120</v>
      </c>
      <c r="I2118">
        <v>5116.234375</v>
      </c>
      <c r="J2118">
        <v>71.527857335446583</v>
      </c>
      <c r="K2118">
        <v>8.0416930940320264E-2</v>
      </c>
      <c r="L2118">
        <v>-1.040472825351787</v>
      </c>
      <c r="M2118">
        <v>5.78125</v>
      </c>
      <c r="N2118">
        <v>2</v>
      </c>
      <c r="O2118">
        <v>1</v>
      </c>
      <c r="P2118">
        <v>1</v>
      </c>
      <c r="Q2118">
        <v>0.32821556024332821</v>
      </c>
      <c r="R2118">
        <v>4.0072571376121839</v>
      </c>
      <c r="S2118">
        <v>1</v>
      </c>
      <c r="T2118">
        <v>1</v>
      </c>
      <c r="U2118">
        <v>0</v>
      </c>
      <c r="V2118">
        <v>0</v>
      </c>
      <c r="W2118">
        <v>4.1431347263915326</v>
      </c>
      <c r="X2118">
        <v>1</v>
      </c>
      <c r="Y2118">
        <v>1</v>
      </c>
      <c r="Z2118">
        <v>0</v>
      </c>
      <c r="AA2118">
        <v>0</v>
      </c>
      <c r="AB2118">
        <v>4.1271343850450908</v>
      </c>
      <c r="AC2118">
        <v>1</v>
      </c>
      <c r="AD2118">
        <v>1</v>
      </c>
      <c r="AE2118">
        <v>0</v>
      </c>
      <c r="AF2118">
        <v>0</v>
      </c>
      <c r="AG2118">
        <v>4.1108738641733096</v>
      </c>
      <c r="AH2118">
        <v>5.7649621379860072E-2</v>
      </c>
      <c r="AI2118">
        <v>-0.18001721312977381</v>
      </c>
      <c r="AJ2118">
        <v>-6.4953414987218997E-3</v>
      </c>
      <c r="AK2118">
        <v>1.466971710761394E-3</v>
      </c>
      <c r="AL2118">
        <v>620.95617155847344</v>
      </c>
      <c r="AM2118">
        <v>965.33798899838382</v>
      </c>
      <c r="AN2118">
        <v>7960</v>
      </c>
      <c r="AO2118">
        <v>115.22166590442529</v>
      </c>
      <c r="AP2118">
        <v>509.95254237394761</v>
      </c>
      <c r="AQ2118">
        <v>1.359375</v>
      </c>
      <c r="AR2118">
        <v>3.984375</v>
      </c>
      <c r="AS2118">
        <v>64</v>
      </c>
      <c r="AT2118">
        <v>5.46875</v>
      </c>
      <c r="AU2118">
        <v>5.9742647058823477E-2</v>
      </c>
      <c r="AV2118">
        <v>5.7873483664350078E-2</v>
      </c>
      <c r="AW2118">
        <v>0.40625</v>
      </c>
      <c r="AX2118">
        <v>79.888888888888886</v>
      </c>
      <c r="AY2118">
        <v>57.5</v>
      </c>
      <c r="AZ2118">
        <v>111.25</v>
      </c>
      <c r="BA2118">
        <v>0.57509835043575142</v>
      </c>
      <c r="BB2118">
        <v>0.484375</v>
      </c>
      <c r="BC2118">
        <v>3.9230880024042492</v>
      </c>
      <c r="BD2118" t="s">
        <v>8083</v>
      </c>
      <c r="BE2118" t="s">
        <v>62</v>
      </c>
    </row>
    <row r="2119" spans="1:57" x14ac:dyDescent="0.3">
      <c r="A2119" t="s">
        <v>8084</v>
      </c>
      <c r="B2119">
        <v>1984</v>
      </c>
      <c r="C2119" t="s">
        <v>8085</v>
      </c>
      <c r="D2119" t="s">
        <v>8086</v>
      </c>
      <c r="E2119" t="s">
        <v>10622</v>
      </c>
      <c r="F2119">
        <v>64</v>
      </c>
      <c r="G2119">
        <v>137.453125</v>
      </c>
      <c r="H2119">
        <v>139.5</v>
      </c>
      <c r="I2119">
        <v>4587.747802734375</v>
      </c>
      <c r="J2119">
        <v>67.732915209183005</v>
      </c>
      <c r="K2119">
        <v>-0.21499534984077209</v>
      </c>
      <c r="L2119">
        <v>-0.8651799154255233</v>
      </c>
      <c r="M2119">
        <v>5.78125</v>
      </c>
      <c r="N2119">
        <v>2</v>
      </c>
      <c r="O2119">
        <v>1</v>
      </c>
      <c r="P2119">
        <v>1</v>
      </c>
      <c r="Q2119">
        <v>0.32821556024332821</v>
      </c>
      <c r="R2119">
        <v>4.0072571376121839</v>
      </c>
      <c r="S2119">
        <v>1</v>
      </c>
      <c r="T2119">
        <v>1</v>
      </c>
      <c r="U2119">
        <v>0</v>
      </c>
      <c r="V2119">
        <v>0</v>
      </c>
      <c r="W2119">
        <v>4.1431347263915326</v>
      </c>
      <c r="X2119">
        <v>1</v>
      </c>
      <c r="Y2119">
        <v>1</v>
      </c>
      <c r="Z2119">
        <v>0</v>
      </c>
      <c r="AA2119">
        <v>0</v>
      </c>
      <c r="AB2119">
        <v>4.1271343850450908</v>
      </c>
      <c r="AC2119">
        <v>1</v>
      </c>
      <c r="AD2119">
        <v>1</v>
      </c>
      <c r="AE2119">
        <v>0</v>
      </c>
      <c r="AF2119">
        <v>0</v>
      </c>
      <c r="AG2119">
        <v>4.1108738641733096</v>
      </c>
      <c r="AH2119">
        <v>-0.1319800100537932</v>
      </c>
      <c r="AI2119">
        <v>9.1008405633636422E-2</v>
      </c>
      <c r="AJ2119">
        <v>8.1897662775794154E-3</v>
      </c>
      <c r="AK2119">
        <v>-1.052700960784486E-2</v>
      </c>
      <c r="AL2119">
        <v>625.94522792234579</v>
      </c>
      <c r="AM2119">
        <v>1054.032054370854</v>
      </c>
      <c r="AN2119">
        <v>8797</v>
      </c>
      <c r="AO2119">
        <v>157.77516716177101</v>
      </c>
      <c r="AP2119">
        <v>462.63639511929222</v>
      </c>
      <c r="AQ2119">
        <v>1.359375</v>
      </c>
      <c r="AR2119">
        <v>4.0625</v>
      </c>
      <c r="AS2119">
        <v>64</v>
      </c>
      <c r="AT2119">
        <v>5.46875</v>
      </c>
      <c r="AU2119">
        <v>0.1186887254901961</v>
      </c>
      <c r="AV2119">
        <v>-0.1381497242456341</v>
      </c>
      <c r="AW2119">
        <v>0.3125</v>
      </c>
      <c r="AX2119">
        <v>81.888888888888886</v>
      </c>
      <c r="AY2119">
        <v>53</v>
      </c>
      <c r="AZ2119">
        <v>99.5</v>
      </c>
      <c r="BA2119">
        <v>0.49277100982013328</v>
      </c>
      <c r="BB2119">
        <v>0.53125</v>
      </c>
      <c r="BC2119">
        <v>3.9891020196004332</v>
      </c>
      <c r="BD2119" t="s">
        <v>8087</v>
      </c>
      <c r="BE2119" t="s">
        <v>62</v>
      </c>
    </row>
    <row r="2120" spans="1:57" x14ac:dyDescent="0.3">
      <c r="A2120" t="s">
        <v>8088</v>
      </c>
      <c r="B2120">
        <v>1082</v>
      </c>
      <c r="C2120" t="s">
        <v>8089</v>
      </c>
      <c r="D2120" t="s">
        <v>8090</v>
      </c>
      <c r="E2120" t="s">
        <v>106</v>
      </c>
      <c r="F2120">
        <v>1098</v>
      </c>
      <c r="G2120">
        <v>130.95355191256829</v>
      </c>
      <c r="H2120">
        <v>136.5</v>
      </c>
      <c r="I2120">
        <v>5319.5597733584164</v>
      </c>
      <c r="J2120">
        <v>72.935312252422804</v>
      </c>
      <c r="K2120">
        <v>-0.14204227965595601</v>
      </c>
      <c r="L2120">
        <v>-1.1388064314842541</v>
      </c>
      <c r="M2120">
        <v>7.8016509060879047</v>
      </c>
      <c r="N2120">
        <v>13</v>
      </c>
      <c r="O2120">
        <v>1</v>
      </c>
      <c r="P2120">
        <v>12</v>
      </c>
      <c r="Q2120">
        <v>2.1803712908775181</v>
      </c>
      <c r="R2120">
        <v>5.407692329267773</v>
      </c>
      <c r="S2120">
        <v>2</v>
      </c>
      <c r="T2120">
        <v>1</v>
      </c>
      <c r="U2120">
        <v>1</v>
      </c>
      <c r="V2120">
        <v>0.10013150631183949</v>
      </c>
      <c r="W2120">
        <v>6.9864336052412117</v>
      </c>
      <c r="X2120">
        <v>1</v>
      </c>
      <c r="Y2120">
        <v>1</v>
      </c>
      <c r="Z2120">
        <v>0</v>
      </c>
      <c r="AA2120">
        <v>0</v>
      </c>
      <c r="AB2120">
        <v>6.9994224675079622</v>
      </c>
      <c r="AC2120">
        <v>1</v>
      </c>
      <c r="AD2120">
        <v>1</v>
      </c>
      <c r="AE2120">
        <v>0</v>
      </c>
      <c r="AF2120">
        <v>0</v>
      </c>
      <c r="AG2120">
        <v>6.9985096422506032</v>
      </c>
      <c r="AH2120">
        <v>-2.1800747663154079E-2</v>
      </c>
      <c r="AI2120">
        <v>-1.5899768969449619E-2</v>
      </c>
      <c r="AJ2120">
        <v>1.6120174106599942E-2</v>
      </c>
      <c r="AK2120">
        <v>-8.2682437628241817E-2</v>
      </c>
      <c r="AL2120">
        <v>2266.2344343423229</v>
      </c>
      <c r="AM2120">
        <v>4419.7824028566301</v>
      </c>
      <c r="AN2120">
        <v>143787</v>
      </c>
      <c r="AO2120">
        <v>69.646887515401446</v>
      </c>
      <c r="AP2120">
        <v>2043.15071221584</v>
      </c>
      <c r="AQ2120">
        <v>1.0209471766848821</v>
      </c>
      <c r="AR2120">
        <v>3.982695810564663</v>
      </c>
      <c r="AS2120">
        <v>1095</v>
      </c>
      <c r="AT2120">
        <v>277.14025500910748</v>
      </c>
      <c r="AU2120">
        <v>4.9716061287903117E-2</v>
      </c>
      <c r="AV2120">
        <v>-2.1845141064268339E-2</v>
      </c>
      <c r="AW2120">
        <v>0.34244080145719491</v>
      </c>
      <c r="AX2120">
        <v>85.54512306289881</v>
      </c>
      <c r="AY2120">
        <v>61</v>
      </c>
      <c r="AZ2120">
        <v>124.5</v>
      </c>
      <c r="BA2120">
        <v>0.55695558606244122</v>
      </c>
      <c r="BB2120">
        <v>0.52185792349726778</v>
      </c>
      <c r="BC2120">
        <v>5.2523707886910902</v>
      </c>
      <c r="BD2120" t="s">
        <v>8091</v>
      </c>
      <c r="BE2120" t="s">
        <v>68</v>
      </c>
    </row>
    <row r="2121" spans="1:57" x14ac:dyDescent="0.3">
      <c r="A2121" t="s">
        <v>8092</v>
      </c>
      <c r="B2121">
        <v>2868</v>
      </c>
      <c r="C2121" t="s">
        <v>8093</v>
      </c>
      <c r="D2121" t="s">
        <v>8094</v>
      </c>
      <c r="E2121" t="s">
        <v>115</v>
      </c>
      <c r="F2121">
        <v>2920</v>
      </c>
      <c r="G2121">
        <v>127.2369863013699</v>
      </c>
      <c r="H2121">
        <v>127</v>
      </c>
      <c r="I2121">
        <v>5451.2198648902231</v>
      </c>
      <c r="J2121">
        <v>73.832376806454107</v>
      </c>
      <c r="K2121">
        <v>-3.513286981687918E-3</v>
      </c>
      <c r="L2121">
        <v>-1.217788896692368</v>
      </c>
      <c r="M2121">
        <v>7.9278189265546963</v>
      </c>
      <c r="N2121">
        <v>25</v>
      </c>
      <c r="O2121">
        <v>4</v>
      </c>
      <c r="P2121">
        <v>21</v>
      </c>
      <c r="Q2121">
        <v>3.6054158480680139</v>
      </c>
      <c r="R2121">
        <v>5.4951453369311452</v>
      </c>
      <c r="S2121">
        <v>3</v>
      </c>
      <c r="T2121">
        <v>1</v>
      </c>
      <c r="U2121">
        <v>2</v>
      </c>
      <c r="V2121">
        <v>0.15038226130742649</v>
      </c>
      <c r="W2121">
        <v>7.9484221717258396</v>
      </c>
      <c r="X2121">
        <v>1</v>
      </c>
      <c r="Y2121">
        <v>1</v>
      </c>
      <c r="Z2121">
        <v>0</v>
      </c>
      <c r="AA2121">
        <v>0</v>
      </c>
      <c r="AB2121">
        <v>7.9786537290827324</v>
      </c>
      <c r="AC2121">
        <v>1</v>
      </c>
      <c r="AD2121">
        <v>1</v>
      </c>
      <c r="AE2121">
        <v>0</v>
      </c>
      <c r="AF2121">
        <v>0</v>
      </c>
      <c r="AG2121">
        <v>7.9783109698677226</v>
      </c>
      <c r="AH2121">
        <v>-3.714972522627489E-3</v>
      </c>
      <c r="AI2121">
        <v>-1.655079998036536E-2</v>
      </c>
      <c r="AJ2121">
        <v>-1.067639741188605E-2</v>
      </c>
      <c r="AK2121">
        <v>-2.4740196778573302E-3</v>
      </c>
      <c r="AL2121">
        <v>3667.6642457415019</v>
      </c>
      <c r="AM2121">
        <v>7052.5465599674999</v>
      </c>
      <c r="AN2121">
        <v>371532</v>
      </c>
      <c r="AO2121">
        <v>82.962560496439593</v>
      </c>
      <c r="AP2121">
        <v>3363.5724980131449</v>
      </c>
      <c r="AQ2121">
        <v>1.0078767123287671</v>
      </c>
      <c r="AR2121">
        <v>4.029452054794521</v>
      </c>
      <c r="AS2121">
        <v>2906</v>
      </c>
      <c r="AT2121">
        <v>291.74794520547948</v>
      </c>
      <c r="AU2121">
        <v>1.424254633360195E-2</v>
      </c>
      <c r="AV2121">
        <v>-3.715349701947463E-3</v>
      </c>
      <c r="AW2121">
        <v>0.37089041095890413</v>
      </c>
      <c r="AX2121">
        <v>85.513532031517641</v>
      </c>
      <c r="AY2121">
        <v>65</v>
      </c>
      <c r="AZ2121">
        <v>129</v>
      </c>
      <c r="BA2121">
        <v>0.58027448584468089</v>
      </c>
      <c r="BB2121">
        <v>0.49965753424657527</v>
      </c>
      <c r="BC2121">
        <v>5.3078470681833334</v>
      </c>
      <c r="BD2121" t="s">
        <v>8095</v>
      </c>
      <c r="BE2121" t="s">
        <v>68</v>
      </c>
    </row>
    <row r="2122" spans="1:57" x14ac:dyDescent="0.3">
      <c r="A2122" t="s">
        <v>8096</v>
      </c>
      <c r="B2122">
        <v>3996</v>
      </c>
      <c r="C2122" t="s">
        <v>8097</v>
      </c>
      <c r="D2122" t="s">
        <v>8098</v>
      </c>
      <c r="E2122" t="s">
        <v>85</v>
      </c>
      <c r="F2122">
        <v>8</v>
      </c>
      <c r="G2122">
        <v>115.125</v>
      </c>
      <c r="H2122">
        <v>111.5</v>
      </c>
      <c r="I2122">
        <v>3590.109375</v>
      </c>
      <c r="J2122">
        <v>59.917521435720289</v>
      </c>
      <c r="K2122">
        <v>0.23332237352288651</v>
      </c>
      <c r="L2122">
        <v>-1.0823656671011379</v>
      </c>
      <c r="M2122">
        <v>3</v>
      </c>
      <c r="N2122">
        <v>1</v>
      </c>
      <c r="O2122">
        <v>1</v>
      </c>
      <c r="P2122">
        <v>0</v>
      </c>
      <c r="Q2122">
        <v>0</v>
      </c>
      <c r="R2122">
        <v>2.0794415416798362</v>
      </c>
      <c r="S2122">
        <v>1</v>
      </c>
      <c r="T2122">
        <v>1</v>
      </c>
      <c r="U2122">
        <v>0</v>
      </c>
      <c r="V2122">
        <v>0</v>
      </c>
      <c r="W2122">
        <v>1.945910149055313</v>
      </c>
      <c r="X2122">
        <v>1</v>
      </c>
      <c r="Y2122">
        <v>1</v>
      </c>
      <c r="Z2122">
        <v>0</v>
      </c>
      <c r="AA2122">
        <v>0</v>
      </c>
      <c r="AB2122">
        <v>1.791759469228055</v>
      </c>
      <c r="AC2122">
        <v>1</v>
      </c>
      <c r="AD2122">
        <v>1</v>
      </c>
      <c r="AE2122">
        <v>0</v>
      </c>
      <c r="AF2122">
        <v>0</v>
      </c>
      <c r="AG2122">
        <v>1.6094379124341009</v>
      </c>
      <c r="AH2122">
        <v>-0.36554476926625667</v>
      </c>
      <c r="AI2122">
        <v>0.23947194331649019</v>
      </c>
      <c r="AJ2122">
        <v>0.20300728564154119</v>
      </c>
      <c r="AK2122">
        <v>0</v>
      </c>
      <c r="AL2122">
        <v>252.00047766106371</v>
      </c>
      <c r="AM2122">
        <v>266.92088576691742</v>
      </c>
      <c r="AN2122">
        <v>921</v>
      </c>
      <c r="AO2122">
        <v>7</v>
      </c>
      <c r="AP2122">
        <v>197.88014436603251</v>
      </c>
      <c r="AQ2122">
        <v>3.5</v>
      </c>
      <c r="AR2122">
        <v>4</v>
      </c>
      <c r="AS2122">
        <v>8</v>
      </c>
      <c r="AT2122">
        <v>0</v>
      </c>
      <c r="AU2122">
        <v>0.25399543378995437</v>
      </c>
      <c r="AV2122">
        <v>-0.54766749591850883</v>
      </c>
      <c r="AW2122">
        <v>0.5</v>
      </c>
      <c r="AX2122">
        <v>91.857142857142861</v>
      </c>
      <c r="AY2122">
        <v>51.5</v>
      </c>
      <c r="AZ2122">
        <v>96.75</v>
      </c>
      <c r="BA2122">
        <v>0.52045621225381355</v>
      </c>
      <c r="BB2122">
        <v>0.5</v>
      </c>
      <c r="BC2122">
        <v>1.7478680974667571</v>
      </c>
      <c r="BD2122" t="s">
        <v>8097</v>
      </c>
      <c r="BE2122" t="s">
        <v>68</v>
      </c>
    </row>
    <row r="2123" spans="1:57" x14ac:dyDescent="0.3">
      <c r="A2123" t="s">
        <v>8099</v>
      </c>
      <c r="B2123">
        <v>146</v>
      </c>
      <c r="C2123" t="s">
        <v>8100</v>
      </c>
      <c r="D2123" t="s">
        <v>8101</v>
      </c>
      <c r="E2123" t="s">
        <v>60</v>
      </c>
      <c r="F2123">
        <v>256</v>
      </c>
      <c r="G2123">
        <v>136.08984375</v>
      </c>
      <c r="H2123">
        <v>136.5</v>
      </c>
      <c r="I2123">
        <v>5752.4098968505859</v>
      </c>
      <c r="J2123">
        <v>75.844643165160889</v>
      </c>
      <c r="K2123">
        <v>-0.15361687893804701</v>
      </c>
      <c r="L2123">
        <v>-1.1963946375899031</v>
      </c>
      <c r="M2123">
        <v>7.150046972504132</v>
      </c>
      <c r="N2123">
        <v>6</v>
      </c>
      <c r="O2123">
        <v>1</v>
      </c>
      <c r="P2123">
        <v>5</v>
      </c>
      <c r="Q2123">
        <v>0.82349118507335395</v>
      </c>
      <c r="R2123">
        <v>4.956034899862412</v>
      </c>
      <c r="S2123">
        <v>1</v>
      </c>
      <c r="T2123">
        <v>1</v>
      </c>
      <c r="U2123">
        <v>0</v>
      </c>
      <c r="V2123">
        <v>0</v>
      </c>
      <c r="W2123">
        <v>5.541263545158424</v>
      </c>
      <c r="X2123">
        <v>1</v>
      </c>
      <c r="Y2123">
        <v>1</v>
      </c>
      <c r="Z2123">
        <v>0</v>
      </c>
      <c r="AA2123">
        <v>0</v>
      </c>
      <c r="AB2123">
        <v>5.5373342670185366</v>
      </c>
      <c r="AC2123">
        <v>1</v>
      </c>
      <c r="AD2123">
        <v>1</v>
      </c>
      <c r="AE2123">
        <v>0</v>
      </c>
      <c r="AF2123">
        <v>0</v>
      </c>
      <c r="AG2123">
        <v>5.5333894887275203</v>
      </c>
      <c r="AH2123">
        <v>-7.0376520971060536E-2</v>
      </c>
      <c r="AI2123">
        <v>1.9741799916190069E-2</v>
      </c>
      <c r="AJ2123">
        <v>5.5980777492027067E-2</v>
      </c>
      <c r="AK2123">
        <v>-8.1973320226871579E-2</v>
      </c>
      <c r="AL2123">
        <v>1203.42340328726</v>
      </c>
      <c r="AM2123">
        <v>2183.030717241631</v>
      </c>
      <c r="AN2123">
        <v>34839</v>
      </c>
      <c r="AO2123">
        <v>63.860810777887018</v>
      </c>
      <c r="AP2123">
        <v>1042.923460646012</v>
      </c>
      <c r="AQ2123">
        <v>1.08984375</v>
      </c>
      <c r="AR2123">
        <v>4.13671875</v>
      </c>
      <c r="AS2123">
        <v>255</v>
      </c>
      <c r="AT2123">
        <v>66.968749999999986</v>
      </c>
      <c r="AU2123">
        <v>7.7037377450980382E-2</v>
      </c>
      <c r="AV2123">
        <v>-7.0444048937552475E-2</v>
      </c>
      <c r="AW2123">
        <v>0.33203125</v>
      </c>
      <c r="AX2123">
        <v>90.388235294117649</v>
      </c>
      <c r="AY2123">
        <v>66.5</v>
      </c>
      <c r="AZ2123">
        <v>130</v>
      </c>
      <c r="BA2123">
        <v>0.55731302994578458</v>
      </c>
      <c r="BB2123">
        <v>0.5</v>
      </c>
      <c r="BC2123">
        <v>4.9252934781764317</v>
      </c>
      <c r="BD2123" t="s">
        <v>8102</v>
      </c>
      <c r="BE2123" t="s">
        <v>62</v>
      </c>
    </row>
    <row r="2124" spans="1:57" x14ac:dyDescent="0.3">
      <c r="A2124" t="s">
        <v>8103</v>
      </c>
      <c r="B2124">
        <v>142</v>
      </c>
      <c r="C2124" t="s">
        <v>8104</v>
      </c>
      <c r="D2124" t="s">
        <v>8105</v>
      </c>
      <c r="E2124" t="s">
        <v>60</v>
      </c>
      <c r="F2124">
        <v>256</v>
      </c>
      <c r="G2124">
        <v>131.46484375</v>
      </c>
      <c r="H2124">
        <v>138.5</v>
      </c>
      <c r="I2124">
        <v>5317.1003265380859</v>
      </c>
      <c r="J2124">
        <v>72.918449836362299</v>
      </c>
      <c r="K2124">
        <v>-0.17368069441472431</v>
      </c>
      <c r="L2124">
        <v>-1.21510007206759</v>
      </c>
      <c r="M2124">
        <v>7.0867667735188986</v>
      </c>
      <c r="N2124">
        <v>5</v>
      </c>
      <c r="O2124">
        <v>1</v>
      </c>
      <c r="P2124">
        <v>4</v>
      </c>
      <c r="Q2124">
        <v>0.89166981266347378</v>
      </c>
      <c r="R2124">
        <v>4.9121724083505249</v>
      </c>
      <c r="S2124">
        <v>1</v>
      </c>
      <c r="T2124">
        <v>1</v>
      </c>
      <c r="U2124">
        <v>0</v>
      </c>
      <c r="V2124">
        <v>0</v>
      </c>
      <c r="W2124">
        <v>5.541263545158424</v>
      </c>
      <c r="X2124">
        <v>1</v>
      </c>
      <c r="Y2124">
        <v>1</v>
      </c>
      <c r="Z2124">
        <v>0</v>
      </c>
      <c r="AA2124">
        <v>0</v>
      </c>
      <c r="AB2124">
        <v>5.5373342670185366</v>
      </c>
      <c r="AC2124">
        <v>1</v>
      </c>
      <c r="AD2124">
        <v>1</v>
      </c>
      <c r="AE2124">
        <v>0</v>
      </c>
      <c r="AF2124">
        <v>0</v>
      </c>
      <c r="AG2124">
        <v>5.5333894887275203</v>
      </c>
      <c r="AH2124">
        <v>-2.207633154135696E-2</v>
      </c>
      <c r="AI2124">
        <v>2.2365609866880349E-3</v>
      </c>
      <c r="AJ2124">
        <v>2.6992275384420748E-2</v>
      </c>
      <c r="AK2124">
        <v>-0.1407687764474887</v>
      </c>
      <c r="AL2124">
        <v>1168.830273303791</v>
      </c>
      <c r="AM2124">
        <v>2102.2518384362479</v>
      </c>
      <c r="AN2124">
        <v>33655</v>
      </c>
      <c r="AO2124">
        <v>113</v>
      </c>
      <c r="AP2124">
        <v>1046.0303106611941</v>
      </c>
      <c r="AQ2124">
        <v>1.08984375</v>
      </c>
      <c r="AR2124">
        <v>3.94140625</v>
      </c>
      <c r="AS2124">
        <v>255</v>
      </c>
      <c r="AT2124">
        <v>73.65625</v>
      </c>
      <c r="AU2124">
        <v>6.8275122549019629E-2</v>
      </c>
      <c r="AV2124">
        <v>-2.2105837005210151E-2</v>
      </c>
      <c r="AW2124">
        <v>0.31640625</v>
      </c>
      <c r="AX2124">
        <v>85.454901960784312</v>
      </c>
      <c r="AY2124">
        <v>63.5</v>
      </c>
      <c r="AZ2124">
        <v>127.75</v>
      </c>
      <c r="BA2124">
        <v>0.55466121402789326</v>
      </c>
      <c r="BB2124">
        <v>0.52734375</v>
      </c>
      <c r="BC2124">
        <v>4.8065514556517357</v>
      </c>
      <c r="BD2124" t="s">
        <v>8106</v>
      </c>
      <c r="BE2124" t="s">
        <v>62</v>
      </c>
    </row>
    <row r="2125" spans="1:57" x14ac:dyDescent="0.3">
      <c r="A2125" t="s">
        <v>8107</v>
      </c>
      <c r="B2125">
        <v>3548</v>
      </c>
      <c r="C2125" t="s">
        <v>8108</v>
      </c>
      <c r="D2125" t="s">
        <v>8109</v>
      </c>
      <c r="E2125" t="s">
        <v>98</v>
      </c>
      <c r="F2125">
        <v>16</v>
      </c>
      <c r="G2125">
        <v>127.5625</v>
      </c>
      <c r="H2125">
        <v>111.5</v>
      </c>
      <c r="I2125">
        <v>5501.24609375</v>
      </c>
      <c r="J2125">
        <v>74.170385557512105</v>
      </c>
      <c r="K2125">
        <v>-7.7576718992846849E-2</v>
      </c>
      <c r="L2125">
        <v>-1.353894140664468</v>
      </c>
      <c r="M2125">
        <v>3.875</v>
      </c>
      <c r="N2125">
        <v>2</v>
      </c>
      <c r="O2125">
        <v>1</v>
      </c>
      <c r="P2125">
        <v>1</v>
      </c>
      <c r="Q2125">
        <v>0.24944382578492949</v>
      </c>
      <c r="R2125">
        <v>2.6859453246697882</v>
      </c>
      <c r="S2125">
        <v>1</v>
      </c>
      <c r="T2125">
        <v>1</v>
      </c>
      <c r="U2125">
        <v>0</v>
      </c>
      <c r="V2125">
        <v>0</v>
      </c>
      <c r="W2125">
        <v>2.7080502011022101</v>
      </c>
      <c r="X2125">
        <v>1</v>
      </c>
      <c r="Y2125">
        <v>1</v>
      </c>
      <c r="Z2125">
        <v>0</v>
      </c>
      <c r="AA2125">
        <v>0</v>
      </c>
      <c r="AB2125">
        <v>2.639057329615258</v>
      </c>
      <c r="AC2125">
        <v>1</v>
      </c>
      <c r="AD2125">
        <v>1</v>
      </c>
      <c r="AE2125">
        <v>0</v>
      </c>
      <c r="AF2125">
        <v>0</v>
      </c>
      <c r="AG2125">
        <v>2.5649493574615372</v>
      </c>
      <c r="AH2125">
        <v>-0.1583185787452985</v>
      </c>
      <c r="AI2125">
        <v>-0.147311883884262</v>
      </c>
      <c r="AJ2125">
        <v>-0.1102927053458769</v>
      </c>
      <c r="AK2125">
        <v>9.1887118614461638E-2</v>
      </c>
      <c r="AL2125">
        <v>378.77179648844941</v>
      </c>
      <c r="AM2125">
        <v>452.6664624035148</v>
      </c>
      <c r="AN2125">
        <v>2041</v>
      </c>
      <c r="AO2125">
        <v>39</v>
      </c>
      <c r="AP2125">
        <v>264.56146971109689</v>
      </c>
      <c r="AQ2125">
        <v>2.3125</v>
      </c>
      <c r="AR2125">
        <v>4.125</v>
      </c>
      <c r="AS2125">
        <v>15</v>
      </c>
      <c r="AT2125">
        <v>0.87499999999999989</v>
      </c>
      <c r="AU2125">
        <v>0.22079694323144111</v>
      </c>
      <c r="AV2125">
        <v>-0.18250613805076971</v>
      </c>
      <c r="AW2125">
        <v>0.4375</v>
      </c>
      <c r="AX2125">
        <v>89.533333333333331</v>
      </c>
      <c r="AY2125">
        <v>67.5</v>
      </c>
      <c r="AZ2125">
        <v>133.75</v>
      </c>
      <c r="BA2125">
        <v>0.58144349285653785</v>
      </c>
      <c r="BB2125">
        <v>0.4375</v>
      </c>
      <c r="BC2125">
        <v>2.615630577027551</v>
      </c>
      <c r="BD2125" t="s">
        <v>8108</v>
      </c>
      <c r="BE2125" t="s">
        <v>62</v>
      </c>
    </row>
    <row r="2126" spans="1:57" x14ac:dyDescent="0.3">
      <c r="A2126" t="s">
        <v>8110</v>
      </c>
      <c r="B2126">
        <v>1520</v>
      </c>
      <c r="C2126" t="s">
        <v>8111</v>
      </c>
      <c r="D2126" t="s">
        <v>8112</v>
      </c>
      <c r="E2126" t="s">
        <v>85</v>
      </c>
      <c r="F2126">
        <v>8</v>
      </c>
      <c r="G2126">
        <v>152.25</v>
      </c>
      <c r="H2126">
        <v>147.5</v>
      </c>
      <c r="I2126">
        <v>1907.6875</v>
      </c>
      <c r="J2126">
        <v>43.677082091183699</v>
      </c>
      <c r="K2126">
        <v>-0.17363652378693001</v>
      </c>
      <c r="L2126">
        <v>-1.2821862900923979</v>
      </c>
      <c r="M2126">
        <v>3</v>
      </c>
      <c r="N2126">
        <v>1</v>
      </c>
      <c r="O2126">
        <v>1</v>
      </c>
      <c r="P2126">
        <v>0</v>
      </c>
      <c r="Q2126">
        <v>0</v>
      </c>
      <c r="R2126">
        <v>2.0794415416798362</v>
      </c>
      <c r="S2126">
        <v>1</v>
      </c>
      <c r="T2126">
        <v>1</v>
      </c>
      <c r="U2126">
        <v>0</v>
      </c>
      <c r="V2126">
        <v>0</v>
      </c>
      <c r="W2126">
        <v>1.945910149055313</v>
      </c>
      <c r="X2126">
        <v>1</v>
      </c>
      <c r="Y2126">
        <v>1</v>
      </c>
      <c r="Z2126">
        <v>0</v>
      </c>
      <c r="AA2126">
        <v>0</v>
      </c>
      <c r="AB2126">
        <v>1.791759469228055</v>
      </c>
      <c r="AC2126">
        <v>1</v>
      </c>
      <c r="AD2126">
        <v>1</v>
      </c>
      <c r="AE2126">
        <v>0</v>
      </c>
      <c r="AF2126">
        <v>0</v>
      </c>
      <c r="AG2126">
        <v>1.6094379124341009</v>
      </c>
      <c r="AH2126">
        <v>-0.17234953969138031</v>
      </c>
      <c r="AI2126">
        <v>5.3001015627559538E-2</v>
      </c>
      <c r="AJ2126">
        <v>-0.31194918585984338</v>
      </c>
      <c r="AK2126">
        <v>0</v>
      </c>
      <c r="AL2126">
        <v>263.44187198661058</v>
      </c>
      <c r="AM2126">
        <v>362.35394310561918</v>
      </c>
      <c r="AN2126">
        <v>1218</v>
      </c>
      <c r="AO2126">
        <v>103.722538926646</v>
      </c>
      <c r="AP2126">
        <v>117.0224745098982</v>
      </c>
      <c r="AQ2126">
        <v>3.5</v>
      </c>
      <c r="AR2126">
        <v>3.375</v>
      </c>
      <c r="AS2126">
        <v>8</v>
      </c>
      <c r="AT2126">
        <v>0</v>
      </c>
      <c r="AU2126">
        <v>0.38349514563106801</v>
      </c>
      <c r="AV2126">
        <v>-0.1980233368241264</v>
      </c>
      <c r="AW2126">
        <v>0.25</v>
      </c>
      <c r="AX2126">
        <v>54.428571428571431</v>
      </c>
      <c r="AY2126">
        <v>42</v>
      </c>
      <c r="AZ2126">
        <v>73.5</v>
      </c>
      <c r="BA2126">
        <v>0.28687738647739702</v>
      </c>
      <c r="BB2126">
        <v>0.5</v>
      </c>
      <c r="BC2126">
        <v>1.945910149055313</v>
      </c>
      <c r="BD2126" t="s">
        <v>8111</v>
      </c>
      <c r="BE2126" t="s">
        <v>68</v>
      </c>
    </row>
    <row r="2127" spans="1:57" x14ac:dyDescent="0.3">
      <c r="A2127" t="s">
        <v>8113</v>
      </c>
      <c r="B2127">
        <v>2264</v>
      </c>
      <c r="C2127" t="s">
        <v>8114</v>
      </c>
      <c r="D2127" t="s">
        <v>8115</v>
      </c>
      <c r="E2127" t="s">
        <v>106</v>
      </c>
      <c r="F2127">
        <v>2298</v>
      </c>
      <c r="G2127">
        <v>128.91253263707571</v>
      </c>
      <c r="H2127">
        <v>131.5</v>
      </c>
      <c r="I2127">
        <v>5423.1729412793957</v>
      </c>
      <c r="J2127">
        <v>73.642195386065154</v>
      </c>
      <c r="K2127">
        <v>-2.2789681576521469E-2</v>
      </c>
      <c r="L2127">
        <v>-1.1949445259141691</v>
      </c>
      <c r="M2127">
        <v>7.915664720537781</v>
      </c>
      <c r="N2127">
        <v>19</v>
      </c>
      <c r="O2127">
        <v>2</v>
      </c>
      <c r="P2127">
        <v>17</v>
      </c>
      <c r="Q2127">
        <v>3.0732333434989521</v>
      </c>
      <c r="R2127">
        <v>5.4867206832985964</v>
      </c>
      <c r="S2127">
        <v>2</v>
      </c>
      <c r="T2127">
        <v>1</v>
      </c>
      <c r="U2127">
        <v>1</v>
      </c>
      <c r="V2127">
        <v>0.1251744511108793</v>
      </c>
      <c r="W2127">
        <v>7.7176323428718074</v>
      </c>
      <c r="X2127">
        <v>1</v>
      </c>
      <c r="Y2127">
        <v>1</v>
      </c>
      <c r="Z2127">
        <v>0</v>
      </c>
      <c r="AA2127">
        <v>0</v>
      </c>
      <c r="AB2127">
        <v>7.7389237574394567</v>
      </c>
      <c r="AC2127">
        <v>1</v>
      </c>
      <c r="AD2127">
        <v>1</v>
      </c>
      <c r="AE2127">
        <v>0</v>
      </c>
      <c r="AF2127">
        <v>0</v>
      </c>
      <c r="AG2127">
        <v>7.7384881224946458</v>
      </c>
      <c r="AH2127">
        <v>-1.176362744842166E-2</v>
      </c>
      <c r="AI2127">
        <v>-7.5109256987363898E-3</v>
      </c>
      <c r="AJ2127">
        <v>1.8835014349138521E-2</v>
      </c>
      <c r="AK2127">
        <v>-1.8739101371091079E-2</v>
      </c>
      <c r="AL2127">
        <v>3253.3998244699778</v>
      </c>
      <c r="AM2127">
        <v>6329.8513870499919</v>
      </c>
      <c r="AN2127">
        <v>296241</v>
      </c>
      <c r="AO2127">
        <v>38.252078873843558</v>
      </c>
      <c r="AP2127">
        <v>2955.292551393296</v>
      </c>
      <c r="AQ2127">
        <v>1.010008703220191</v>
      </c>
      <c r="AR2127">
        <v>4.0182767624020892</v>
      </c>
      <c r="AS2127">
        <v>2292</v>
      </c>
      <c r="AT2127">
        <v>269.35248041775458</v>
      </c>
      <c r="AU2127">
        <v>2.106691240464853E-2</v>
      </c>
      <c r="AV2127">
        <v>-1.1768169129537331E-2</v>
      </c>
      <c r="AW2127">
        <v>0.36335944299390782</v>
      </c>
      <c r="AX2127">
        <v>85.332172398781012</v>
      </c>
      <c r="AY2127">
        <v>64.5</v>
      </c>
      <c r="AZ2127">
        <v>128</v>
      </c>
      <c r="BA2127">
        <v>0.57125706771573725</v>
      </c>
      <c r="BB2127">
        <v>0.51261966927763269</v>
      </c>
      <c r="BC2127">
        <v>5.2972694138702661</v>
      </c>
      <c r="BD2127" t="s">
        <v>8116</v>
      </c>
      <c r="BE2127" t="s">
        <v>68</v>
      </c>
    </row>
    <row r="2128" spans="1:57" x14ac:dyDescent="0.3">
      <c r="A2128" t="s">
        <v>8117</v>
      </c>
      <c r="B2128">
        <v>3421</v>
      </c>
      <c r="C2128" t="s">
        <v>8118</v>
      </c>
      <c r="D2128" t="s">
        <v>8119</v>
      </c>
      <c r="E2128" t="s">
        <v>98</v>
      </c>
      <c r="F2128">
        <v>16</v>
      </c>
      <c r="G2128">
        <v>133.625</v>
      </c>
      <c r="H2128">
        <v>116.5</v>
      </c>
      <c r="I2128">
        <v>5119.109375</v>
      </c>
      <c r="J2128">
        <v>71.54795157794527</v>
      </c>
      <c r="K2128">
        <v>0.14238838789638489</v>
      </c>
      <c r="L2128">
        <v>-1.244420371474263</v>
      </c>
      <c r="M2128">
        <v>3.875</v>
      </c>
      <c r="N2128">
        <v>2</v>
      </c>
      <c r="O2128">
        <v>1</v>
      </c>
      <c r="P2128">
        <v>1</v>
      </c>
      <c r="Q2128">
        <v>0.24944382578492949</v>
      </c>
      <c r="R2128">
        <v>2.6859453246697882</v>
      </c>
      <c r="S2128">
        <v>1</v>
      </c>
      <c r="T2128">
        <v>1</v>
      </c>
      <c r="U2128">
        <v>0</v>
      </c>
      <c r="V2128">
        <v>0</v>
      </c>
      <c r="W2128">
        <v>2.7080502011022101</v>
      </c>
      <c r="X2128">
        <v>1</v>
      </c>
      <c r="Y2128">
        <v>1</v>
      </c>
      <c r="Z2128">
        <v>0</v>
      </c>
      <c r="AA2128">
        <v>0</v>
      </c>
      <c r="AB2128">
        <v>2.639057329615258</v>
      </c>
      <c r="AC2128">
        <v>1</v>
      </c>
      <c r="AD2128">
        <v>1</v>
      </c>
      <c r="AE2128">
        <v>0</v>
      </c>
      <c r="AF2128">
        <v>0</v>
      </c>
      <c r="AG2128">
        <v>2.5649493574615372</v>
      </c>
      <c r="AH2128">
        <v>-0.12191470836907051</v>
      </c>
      <c r="AI2128">
        <v>-8.077119127777964E-4</v>
      </c>
      <c r="AJ2128">
        <v>6.8080346923140314E-2</v>
      </c>
      <c r="AK2128">
        <v>1.385700942851998E-2</v>
      </c>
      <c r="AL2128">
        <v>380.29584514376018</v>
      </c>
      <c r="AM2128">
        <v>472.19812596662553</v>
      </c>
      <c r="AN2128">
        <v>2138</v>
      </c>
      <c r="AO2128">
        <v>16</v>
      </c>
      <c r="AP2128">
        <v>288.14245730430162</v>
      </c>
      <c r="AQ2128">
        <v>2.3125</v>
      </c>
      <c r="AR2128">
        <v>3.8125</v>
      </c>
      <c r="AS2128">
        <v>16</v>
      </c>
      <c r="AT2128">
        <v>0.875</v>
      </c>
      <c r="AU2128">
        <v>0.14583333333333329</v>
      </c>
      <c r="AV2128">
        <v>-0.1328134915244025</v>
      </c>
      <c r="AW2128">
        <v>0.4375</v>
      </c>
      <c r="AX2128">
        <v>84.466666666666669</v>
      </c>
      <c r="AY2128">
        <v>56</v>
      </c>
      <c r="AZ2128">
        <v>102.75</v>
      </c>
      <c r="BA2128">
        <v>0.53543836541025458</v>
      </c>
      <c r="BB2128">
        <v>0.4375</v>
      </c>
      <c r="BC2128">
        <v>2.7080502011022101</v>
      </c>
      <c r="BD2128" t="s">
        <v>8118</v>
      </c>
      <c r="BE2128" t="s">
        <v>62</v>
      </c>
    </row>
    <row r="2129" spans="1:57" x14ac:dyDescent="0.3">
      <c r="A2129" t="s">
        <v>8120</v>
      </c>
      <c r="B2129">
        <v>2510</v>
      </c>
      <c r="C2129" t="s">
        <v>8121</v>
      </c>
      <c r="D2129" t="s">
        <v>8122</v>
      </c>
      <c r="E2129" t="s">
        <v>98</v>
      </c>
      <c r="F2129">
        <v>16</v>
      </c>
      <c r="G2129">
        <v>135.5625</v>
      </c>
      <c r="H2129">
        <v>124</v>
      </c>
      <c r="I2129">
        <v>6243.37109375</v>
      </c>
      <c r="J2129">
        <v>79.015005497373721</v>
      </c>
      <c r="K2129">
        <v>-0.1490172281810411</v>
      </c>
      <c r="L2129">
        <v>-1.4411805005686369</v>
      </c>
      <c r="M2129">
        <v>3.75</v>
      </c>
      <c r="N2129">
        <v>2</v>
      </c>
      <c r="O2129">
        <v>1</v>
      </c>
      <c r="P2129">
        <v>1</v>
      </c>
      <c r="Q2129">
        <v>0.3499271061118826</v>
      </c>
      <c r="R2129">
        <v>2.5993019270997948</v>
      </c>
      <c r="S2129">
        <v>1</v>
      </c>
      <c r="T2129">
        <v>1</v>
      </c>
      <c r="U2129">
        <v>0</v>
      </c>
      <c r="V2129">
        <v>0</v>
      </c>
      <c r="W2129">
        <v>2.7080502011022101</v>
      </c>
      <c r="X2129">
        <v>1</v>
      </c>
      <c r="Y2129">
        <v>1</v>
      </c>
      <c r="Z2129">
        <v>0</v>
      </c>
      <c r="AA2129">
        <v>0</v>
      </c>
      <c r="AB2129">
        <v>2.639057329615258</v>
      </c>
      <c r="AC2129">
        <v>1</v>
      </c>
      <c r="AD2129">
        <v>1</v>
      </c>
      <c r="AE2129">
        <v>0</v>
      </c>
      <c r="AF2129">
        <v>0</v>
      </c>
      <c r="AG2129">
        <v>2.5649493574615372</v>
      </c>
      <c r="AH2129">
        <v>-5.5534291683116402E-3</v>
      </c>
      <c r="AI2129">
        <v>-0.2619841951119406</v>
      </c>
      <c r="AJ2129">
        <v>0.31052978534107739</v>
      </c>
      <c r="AK2129">
        <v>9.1487893722279195E-2</v>
      </c>
      <c r="AL2129">
        <v>395.71112219853939</v>
      </c>
      <c r="AM2129">
        <v>487.17728576809958</v>
      </c>
      <c r="AN2129">
        <v>2169</v>
      </c>
      <c r="AO2129">
        <v>34.629487572240357</v>
      </c>
      <c r="AP2129">
        <v>307.19808737896352</v>
      </c>
      <c r="AQ2129">
        <v>2.3125</v>
      </c>
      <c r="AR2129">
        <v>4.3125</v>
      </c>
      <c r="AS2129">
        <v>15</v>
      </c>
      <c r="AT2129">
        <v>1.5</v>
      </c>
      <c r="AU2129">
        <v>0.25685654008438819</v>
      </c>
      <c r="AV2129">
        <v>-5.1034794824860296E-3</v>
      </c>
      <c r="AW2129">
        <v>0.4375</v>
      </c>
      <c r="AX2129">
        <v>93.333333333333329</v>
      </c>
      <c r="AY2129">
        <v>89.5</v>
      </c>
      <c r="AZ2129">
        <v>136.5</v>
      </c>
      <c r="BA2129">
        <v>0.58286772151128607</v>
      </c>
      <c r="BB2129">
        <v>0.4375</v>
      </c>
      <c r="BC2129">
        <v>2.7080502011022101</v>
      </c>
      <c r="BD2129" t="s">
        <v>8121</v>
      </c>
      <c r="BE2129" t="s">
        <v>62</v>
      </c>
    </row>
    <row r="2130" spans="1:57" x14ac:dyDescent="0.3">
      <c r="A2130" t="s">
        <v>8123</v>
      </c>
      <c r="B2130">
        <v>2626</v>
      </c>
      <c r="C2130" t="s">
        <v>8124</v>
      </c>
      <c r="D2130" t="s">
        <v>8125</v>
      </c>
      <c r="E2130" t="s">
        <v>128</v>
      </c>
      <c r="F2130">
        <v>32</v>
      </c>
      <c r="G2130">
        <v>121.34375</v>
      </c>
      <c r="H2130">
        <v>100.5</v>
      </c>
      <c r="I2130">
        <v>7013.1630859375</v>
      </c>
      <c r="J2130">
        <v>83.744630191657663</v>
      </c>
      <c r="K2130">
        <v>0.17023481251064271</v>
      </c>
      <c r="L2130">
        <v>-1.535257317197906</v>
      </c>
      <c r="M2130">
        <v>4.9375</v>
      </c>
      <c r="N2130">
        <v>2</v>
      </c>
      <c r="O2130">
        <v>1</v>
      </c>
      <c r="P2130">
        <v>1</v>
      </c>
      <c r="Q2130">
        <v>0.1766846959694085</v>
      </c>
      <c r="R2130">
        <v>3.422414204014729</v>
      </c>
      <c r="S2130">
        <v>1</v>
      </c>
      <c r="T2130">
        <v>1</v>
      </c>
      <c r="U2130">
        <v>0</v>
      </c>
      <c r="V2130">
        <v>0</v>
      </c>
      <c r="W2130">
        <v>3.4339872044851458</v>
      </c>
      <c r="X2130">
        <v>1</v>
      </c>
      <c r="Y2130">
        <v>1</v>
      </c>
      <c r="Z2130">
        <v>0</v>
      </c>
      <c r="AA2130">
        <v>0</v>
      </c>
      <c r="AB2130">
        <v>3.401197381662155</v>
      </c>
      <c r="AC2130">
        <v>1</v>
      </c>
      <c r="AD2130">
        <v>1</v>
      </c>
      <c r="AE2130">
        <v>0</v>
      </c>
      <c r="AF2130">
        <v>0</v>
      </c>
      <c r="AG2130">
        <v>3.3672958299864728</v>
      </c>
      <c r="AH2130">
        <v>-0.45933975177675801</v>
      </c>
      <c r="AI2130">
        <v>0.28812399750803419</v>
      </c>
      <c r="AJ2130">
        <v>1.21104710812355E-2</v>
      </c>
      <c r="AK2130">
        <v>4.512053680028863E-2</v>
      </c>
      <c r="AL2130">
        <v>518.82437453644911</v>
      </c>
      <c r="AM2130">
        <v>653.0086281105805</v>
      </c>
      <c r="AN2130">
        <v>3883</v>
      </c>
      <c r="AO2130">
        <v>97.263400270179233</v>
      </c>
      <c r="AP2130">
        <v>327.36639228631799</v>
      </c>
      <c r="AQ2130">
        <v>1.65625</v>
      </c>
      <c r="AR2130">
        <v>3.96875</v>
      </c>
      <c r="AS2130">
        <v>32</v>
      </c>
      <c r="AT2130">
        <v>0.93749999999999978</v>
      </c>
      <c r="AU2130">
        <v>0.1529150197628458</v>
      </c>
      <c r="AV2130">
        <v>-0.47788494523602482</v>
      </c>
      <c r="AW2130">
        <v>0.375</v>
      </c>
      <c r="AX2130">
        <v>126.58064516129031</v>
      </c>
      <c r="AY2130">
        <v>79.5</v>
      </c>
      <c r="AZ2130">
        <v>158.75</v>
      </c>
      <c r="BA2130">
        <v>0.69014374610688778</v>
      </c>
      <c r="BB2130">
        <v>0.4375</v>
      </c>
      <c r="BC2130">
        <v>3.4339872044851458</v>
      </c>
      <c r="BD2130" t="s">
        <v>8126</v>
      </c>
      <c r="BE2130" t="s">
        <v>62</v>
      </c>
    </row>
    <row r="2131" spans="1:57" x14ac:dyDescent="0.3">
      <c r="A2131" t="s">
        <v>8127</v>
      </c>
      <c r="B2131">
        <v>2155</v>
      </c>
      <c r="C2131" t="s">
        <v>8128</v>
      </c>
      <c r="D2131" t="s">
        <v>8129</v>
      </c>
      <c r="E2131" t="s">
        <v>106</v>
      </c>
      <c r="F2131">
        <v>2199</v>
      </c>
      <c r="G2131">
        <v>125.6975898135516</v>
      </c>
      <c r="H2131">
        <v>123</v>
      </c>
      <c r="I2131">
        <v>5263.0195076061909</v>
      </c>
      <c r="J2131">
        <v>72.546671237253818</v>
      </c>
      <c r="K2131">
        <v>3.7064480914214028E-2</v>
      </c>
      <c r="L2131">
        <v>-1.1532472760141079</v>
      </c>
      <c r="M2131">
        <v>7.9164945707078447</v>
      </c>
      <c r="N2131">
        <v>17</v>
      </c>
      <c r="O2131">
        <v>1</v>
      </c>
      <c r="P2131">
        <v>16</v>
      </c>
      <c r="Q2131">
        <v>2.874954886704475</v>
      </c>
      <c r="R2131">
        <v>5.4872958916042602</v>
      </c>
      <c r="S2131">
        <v>2</v>
      </c>
      <c r="T2131">
        <v>1</v>
      </c>
      <c r="U2131">
        <v>1</v>
      </c>
      <c r="V2131">
        <v>0.11681677165778979</v>
      </c>
      <c r="W2131">
        <v>7.6763819198436396</v>
      </c>
      <c r="X2131">
        <v>1</v>
      </c>
      <c r="Y2131">
        <v>1</v>
      </c>
      <c r="Z2131">
        <v>0</v>
      </c>
      <c r="AA2131">
        <v>0</v>
      </c>
      <c r="AB2131">
        <v>7.6948480723846089</v>
      </c>
      <c r="AC2131">
        <v>1</v>
      </c>
      <c r="AD2131">
        <v>1</v>
      </c>
      <c r="AE2131">
        <v>0</v>
      </c>
      <c r="AF2131">
        <v>0</v>
      </c>
      <c r="AG2131">
        <v>7.6943928026294213</v>
      </c>
      <c r="AH2131">
        <v>2.104571221664053E-2</v>
      </c>
      <c r="AI2131">
        <v>-3.1704782435121398E-2</v>
      </c>
      <c r="AJ2131">
        <v>-1.9435026871912689E-2</v>
      </c>
      <c r="AK2131">
        <v>-3.214650309741079E-3</v>
      </c>
      <c r="AL2131">
        <v>3134.429484026341</v>
      </c>
      <c r="AM2131">
        <v>6040.9168848500449</v>
      </c>
      <c r="AN2131">
        <v>276409</v>
      </c>
      <c r="AO2131">
        <v>58.885424857590813</v>
      </c>
      <c r="AP2131">
        <v>2827.1300937500441</v>
      </c>
      <c r="AQ2131">
        <v>1.010459299681673</v>
      </c>
      <c r="AR2131">
        <v>4.0145520691223284</v>
      </c>
      <c r="AS2131">
        <v>2187</v>
      </c>
      <c r="AT2131">
        <v>246.32969531605281</v>
      </c>
      <c r="AU2131">
        <v>2.7162079019875329E-2</v>
      </c>
      <c r="AV2131">
        <v>2.105712975456013E-2</v>
      </c>
      <c r="AW2131">
        <v>0.39245111414279221</v>
      </c>
      <c r="AX2131">
        <v>82.687898089171981</v>
      </c>
      <c r="AY2131">
        <v>61</v>
      </c>
      <c r="AZ2131">
        <v>123</v>
      </c>
      <c r="BA2131">
        <v>0.57715244456845161</v>
      </c>
      <c r="BB2131">
        <v>0.48931332423829021</v>
      </c>
      <c r="BC2131">
        <v>5.2718693776415222</v>
      </c>
      <c r="BD2131" t="s">
        <v>8130</v>
      </c>
      <c r="BE2131" t="s">
        <v>68</v>
      </c>
    </row>
    <row r="2132" spans="1:57" x14ac:dyDescent="0.3">
      <c r="A2132" t="s">
        <v>8131</v>
      </c>
      <c r="B2132">
        <v>1023</v>
      </c>
      <c r="C2132" t="s">
        <v>8132</v>
      </c>
      <c r="D2132" t="s">
        <v>8133</v>
      </c>
      <c r="E2132" t="s">
        <v>85</v>
      </c>
      <c r="F2132">
        <v>8</v>
      </c>
      <c r="G2132">
        <v>158.5</v>
      </c>
      <c r="H2132">
        <v>173</v>
      </c>
      <c r="I2132">
        <v>1949.25</v>
      </c>
      <c r="J2132">
        <v>44.150311437180143</v>
      </c>
      <c r="K2132">
        <v>-0.10996398555917759</v>
      </c>
      <c r="L2132">
        <v>-1.205179644325076</v>
      </c>
      <c r="M2132">
        <v>2.75</v>
      </c>
      <c r="N2132">
        <v>2</v>
      </c>
      <c r="O2132">
        <v>1</v>
      </c>
      <c r="P2132">
        <v>1</v>
      </c>
      <c r="Q2132">
        <v>0.3499271061118826</v>
      </c>
      <c r="R2132">
        <v>1.9061547465398501</v>
      </c>
      <c r="S2132">
        <v>1</v>
      </c>
      <c r="T2132">
        <v>1</v>
      </c>
      <c r="U2132">
        <v>0</v>
      </c>
      <c r="V2132">
        <v>0</v>
      </c>
      <c r="W2132">
        <v>1.945910149055313</v>
      </c>
      <c r="X2132">
        <v>1</v>
      </c>
      <c r="Y2132">
        <v>1</v>
      </c>
      <c r="Z2132">
        <v>0</v>
      </c>
      <c r="AA2132">
        <v>0</v>
      </c>
      <c r="AB2132">
        <v>1.791759469228055</v>
      </c>
      <c r="AC2132">
        <v>1</v>
      </c>
      <c r="AD2132">
        <v>1</v>
      </c>
      <c r="AE2132">
        <v>0</v>
      </c>
      <c r="AF2132">
        <v>0</v>
      </c>
      <c r="AG2132">
        <v>1.6094379124341009</v>
      </c>
      <c r="AH2132">
        <v>-0.39898358342952422</v>
      </c>
      <c r="AI2132">
        <v>0.21479415159676801</v>
      </c>
      <c r="AJ2132">
        <v>2.1626907785045529E-2</v>
      </c>
      <c r="AK2132">
        <v>0</v>
      </c>
      <c r="AL2132">
        <v>260.1704683879675</v>
      </c>
      <c r="AM2132">
        <v>385.85402340624307</v>
      </c>
      <c r="AN2132">
        <v>1268</v>
      </c>
      <c r="AO2132">
        <v>16.492422502470639</v>
      </c>
      <c r="AP2132">
        <v>145.32416642896311</v>
      </c>
      <c r="AQ2132">
        <v>3.5</v>
      </c>
      <c r="AR2132">
        <v>4.375</v>
      </c>
      <c r="AS2132">
        <v>7</v>
      </c>
      <c r="AT2132">
        <v>0.75000000000000011</v>
      </c>
      <c r="AU2132">
        <v>0.44268558951965059</v>
      </c>
      <c r="AV2132">
        <v>-0.41369782052616438</v>
      </c>
      <c r="AW2132">
        <v>0.375</v>
      </c>
      <c r="AX2132">
        <v>64.714285714285708</v>
      </c>
      <c r="AY2132">
        <v>36</v>
      </c>
      <c r="AZ2132">
        <v>68</v>
      </c>
      <c r="BA2132">
        <v>0.27855086080239838</v>
      </c>
      <c r="BB2132">
        <v>0.625</v>
      </c>
      <c r="BC2132">
        <v>1.945910149055313</v>
      </c>
      <c r="BD2132" t="s">
        <v>8132</v>
      </c>
      <c r="BE2132" t="s">
        <v>68</v>
      </c>
    </row>
    <row r="2133" spans="1:57" x14ac:dyDescent="0.3">
      <c r="A2133" t="s">
        <v>8134</v>
      </c>
      <c r="B2133">
        <v>2117</v>
      </c>
      <c r="C2133" t="s">
        <v>8135</v>
      </c>
      <c r="D2133" t="s">
        <v>8136</v>
      </c>
      <c r="E2133" t="s">
        <v>10622</v>
      </c>
      <c r="F2133">
        <v>64</v>
      </c>
      <c r="G2133">
        <v>123.765625</v>
      </c>
      <c r="H2133">
        <v>132</v>
      </c>
      <c r="I2133">
        <v>5350.179443359375</v>
      </c>
      <c r="J2133">
        <v>73.144920830905107</v>
      </c>
      <c r="K2133">
        <v>3.2692365422710687E-2</v>
      </c>
      <c r="L2133">
        <v>-1.2650999228844579</v>
      </c>
      <c r="M2133">
        <v>5.738204882778696</v>
      </c>
      <c r="N2133">
        <v>3</v>
      </c>
      <c r="O2133">
        <v>1</v>
      </c>
      <c r="P2133">
        <v>2</v>
      </c>
      <c r="Q2133">
        <v>0.3976974544878587</v>
      </c>
      <c r="R2133">
        <v>3.9774205359733652</v>
      </c>
      <c r="S2133">
        <v>1</v>
      </c>
      <c r="T2133">
        <v>1</v>
      </c>
      <c r="U2133">
        <v>0</v>
      </c>
      <c r="V2133">
        <v>0</v>
      </c>
      <c r="W2133">
        <v>4.1431347263915326</v>
      </c>
      <c r="X2133">
        <v>1</v>
      </c>
      <c r="Y2133">
        <v>1</v>
      </c>
      <c r="Z2133">
        <v>0</v>
      </c>
      <c r="AA2133">
        <v>0</v>
      </c>
      <c r="AB2133">
        <v>4.1271343850450908</v>
      </c>
      <c r="AC2133">
        <v>1</v>
      </c>
      <c r="AD2133">
        <v>1</v>
      </c>
      <c r="AE2133">
        <v>0</v>
      </c>
      <c r="AF2133">
        <v>0</v>
      </c>
      <c r="AG2133">
        <v>4.1108738641733096</v>
      </c>
      <c r="AH2133">
        <v>4.5972669687444317E-2</v>
      </c>
      <c r="AI2133">
        <v>1.6980116839046221E-2</v>
      </c>
      <c r="AJ2133">
        <v>0.15541199045624701</v>
      </c>
      <c r="AK2133">
        <v>0.1747464316736054</v>
      </c>
      <c r="AL2133">
        <v>636.17556489335232</v>
      </c>
      <c r="AM2133">
        <v>958.14385696127306</v>
      </c>
      <c r="AN2133">
        <v>7921</v>
      </c>
      <c r="AO2133">
        <v>74.50158135064774</v>
      </c>
      <c r="AP2133">
        <v>480.24237794464301</v>
      </c>
      <c r="AQ2133">
        <v>1.359375</v>
      </c>
      <c r="AR2133">
        <v>3.96875</v>
      </c>
      <c r="AS2133">
        <v>64</v>
      </c>
      <c r="AT2133">
        <v>7.75</v>
      </c>
      <c r="AU2133">
        <v>7.3184288537549436E-2</v>
      </c>
      <c r="AV2133">
        <v>4.6374393041928898E-2</v>
      </c>
      <c r="AW2133">
        <v>0.34375</v>
      </c>
      <c r="AX2133">
        <v>84.492063492063494</v>
      </c>
      <c r="AY2133">
        <v>59.5</v>
      </c>
      <c r="AZ2133">
        <v>131.25</v>
      </c>
      <c r="BA2133">
        <v>0.59099544668323778</v>
      </c>
      <c r="BB2133">
        <v>0.515625</v>
      </c>
      <c r="BC2133">
        <v>3.9670973472017059</v>
      </c>
      <c r="BD2133" t="s">
        <v>8137</v>
      </c>
      <c r="BE2133" t="s">
        <v>62</v>
      </c>
    </row>
    <row r="2134" spans="1:57" x14ac:dyDescent="0.3">
      <c r="A2134" t="s">
        <v>8138</v>
      </c>
      <c r="B2134">
        <v>1017</v>
      </c>
      <c r="C2134" t="s">
        <v>8139</v>
      </c>
      <c r="D2134" t="s">
        <v>8140</v>
      </c>
      <c r="E2134" t="s">
        <v>85</v>
      </c>
      <c r="F2134">
        <v>8</v>
      </c>
      <c r="G2134">
        <v>112.25</v>
      </c>
      <c r="H2134">
        <v>112.5</v>
      </c>
      <c r="I2134">
        <v>3201.4375</v>
      </c>
      <c r="J2134">
        <v>56.581246893294953</v>
      </c>
      <c r="K2134">
        <v>-0.1995311872102688</v>
      </c>
      <c r="L2134">
        <v>-0.96768283366620267</v>
      </c>
      <c r="M2134">
        <v>2.75</v>
      </c>
      <c r="N2134">
        <v>2</v>
      </c>
      <c r="O2134">
        <v>1</v>
      </c>
      <c r="P2134">
        <v>1</v>
      </c>
      <c r="Q2134">
        <v>0.3499271061118826</v>
      </c>
      <c r="R2134">
        <v>1.9061547465398501</v>
      </c>
      <c r="S2134">
        <v>1</v>
      </c>
      <c r="T2134">
        <v>1</v>
      </c>
      <c r="U2134">
        <v>0</v>
      </c>
      <c r="V2134">
        <v>0</v>
      </c>
      <c r="W2134">
        <v>1.945910149055313</v>
      </c>
      <c r="X2134">
        <v>1</v>
      </c>
      <c r="Y2134">
        <v>1</v>
      </c>
      <c r="Z2134">
        <v>0</v>
      </c>
      <c r="AA2134">
        <v>0</v>
      </c>
      <c r="AB2134">
        <v>1.791759469228055</v>
      </c>
      <c r="AC2134">
        <v>1</v>
      </c>
      <c r="AD2134">
        <v>1</v>
      </c>
      <c r="AE2134">
        <v>0</v>
      </c>
      <c r="AF2134">
        <v>0</v>
      </c>
      <c r="AG2134">
        <v>1.6094379124341009</v>
      </c>
      <c r="AH2134">
        <v>0.30566103117740079</v>
      </c>
      <c r="AI2134">
        <v>2.2748569978330049E-2</v>
      </c>
      <c r="AJ2134">
        <v>-0.26672832516642908</v>
      </c>
      <c r="AK2134">
        <v>0</v>
      </c>
      <c r="AL2134">
        <v>249.22360001262089</v>
      </c>
      <c r="AM2134">
        <v>253.57365241039761</v>
      </c>
      <c r="AN2134">
        <v>898</v>
      </c>
      <c r="AO2134">
        <v>83.468775861704245</v>
      </c>
      <c r="AP2134">
        <v>172.10461934532731</v>
      </c>
      <c r="AQ2134">
        <v>3.5</v>
      </c>
      <c r="AR2134">
        <v>3.625</v>
      </c>
      <c r="AS2134">
        <v>7</v>
      </c>
      <c r="AT2134">
        <v>0.74999999999999989</v>
      </c>
      <c r="AU2134">
        <v>0.2133084577114428</v>
      </c>
      <c r="AV2134">
        <v>0.37480809809472332</v>
      </c>
      <c r="AW2134">
        <v>0.5</v>
      </c>
      <c r="AX2134">
        <v>52</v>
      </c>
      <c r="AY2134">
        <v>43.5</v>
      </c>
      <c r="AZ2134">
        <v>71.25</v>
      </c>
      <c r="BA2134">
        <v>0.50406456029661428</v>
      </c>
      <c r="BB2134">
        <v>0.5</v>
      </c>
      <c r="BC2134">
        <v>1.945910149055313</v>
      </c>
      <c r="BD2134" t="s">
        <v>8139</v>
      </c>
      <c r="BE2134" t="s">
        <v>68</v>
      </c>
    </row>
    <row r="2135" spans="1:57" x14ac:dyDescent="0.3">
      <c r="A2135" t="s">
        <v>8141</v>
      </c>
      <c r="B2135">
        <v>1530</v>
      </c>
      <c r="C2135" t="s">
        <v>8142</v>
      </c>
      <c r="D2135" t="s">
        <v>8143</v>
      </c>
      <c r="E2135" t="s">
        <v>128</v>
      </c>
      <c r="F2135">
        <v>32</v>
      </c>
      <c r="G2135">
        <v>140.625</v>
      </c>
      <c r="H2135">
        <v>139</v>
      </c>
      <c r="I2135">
        <v>3387.921875</v>
      </c>
      <c r="J2135">
        <v>58.205857737860029</v>
      </c>
      <c r="K2135">
        <v>-0.28049869458191862</v>
      </c>
      <c r="L2135">
        <v>-0.80325779675068576</v>
      </c>
      <c r="M2135">
        <v>4.75</v>
      </c>
      <c r="N2135">
        <v>2</v>
      </c>
      <c r="O2135">
        <v>1</v>
      </c>
      <c r="P2135">
        <v>1</v>
      </c>
      <c r="Q2135">
        <v>0.34992710611188249</v>
      </c>
      <c r="R2135">
        <v>3.2924491076597389</v>
      </c>
      <c r="S2135">
        <v>1</v>
      </c>
      <c r="T2135">
        <v>1</v>
      </c>
      <c r="U2135">
        <v>0</v>
      </c>
      <c r="V2135">
        <v>0</v>
      </c>
      <c r="W2135">
        <v>3.4339872044851458</v>
      </c>
      <c r="X2135">
        <v>1</v>
      </c>
      <c r="Y2135">
        <v>1</v>
      </c>
      <c r="Z2135">
        <v>0</v>
      </c>
      <c r="AA2135">
        <v>0</v>
      </c>
      <c r="AB2135">
        <v>3.401197381662155</v>
      </c>
      <c r="AC2135">
        <v>1</v>
      </c>
      <c r="AD2135">
        <v>1</v>
      </c>
      <c r="AE2135">
        <v>0</v>
      </c>
      <c r="AF2135">
        <v>0</v>
      </c>
      <c r="AG2135">
        <v>3.3672958299864728</v>
      </c>
      <c r="AH2135">
        <v>-1.760764342079169E-3</v>
      </c>
      <c r="AI2135">
        <v>0.19664611648918259</v>
      </c>
      <c r="AJ2135">
        <v>-3.8458800103308169E-2</v>
      </c>
      <c r="AK2135">
        <v>3.5038014177201177E-2</v>
      </c>
      <c r="AL2135">
        <v>443.16965795501841</v>
      </c>
      <c r="AM2135">
        <v>738.12373913052818</v>
      </c>
      <c r="AN2135">
        <v>4500</v>
      </c>
      <c r="AO2135">
        <v>131.93969847616921</v>
      </c>
      <c r="AP2135">
        <v>318.44333280939179</v>
      </c>
      <c r="AQ2135">
        <v>1.65625</v>
      </c>
      <c r="AR2135">
        <v>4.46875</v>
      </c>
      <c r="AS2135">
        <v>32</v>
      </c>
      <c r="AT2135">
        <v>3</v>
      </c>
      <c r="AU2135">
        <v>0.15585106382978731</v>
      </c>
      <c r="AV2135">
        <v>-1.7275343741008039E-3</v>
      </c>
      <c r="AW2135">
        <v>0.375</v>
      </c>
      <c r="AX2135">
        <v>69.806451612903231</v>
      </c>
      <c r="AY2135">
        <v>50.5</v>
      </c>
      <c r="AZ2135">
        <v>88.5</v>
      </c>
      <c r="BA2135">
        <v>0.41390832169144909</v>
      </c>
      <c r="BB2135">
        <v>0.5</v>
      </c>
      <c r="BC2135">
        <v>3.3445488586064429</v>
      </c>
      <c r="BD2135" t="s">
        <v>8144</v>
      </c>
      <c r="BE2135" t="s">
        <v>62</v>
      </c>
    </row>
    <row r="2136" spans="1:57" x14ac:dyDescent="0.3">
      <c r="A2136" t="s">
        <v>8145</v>
      </c>
      <c r="B2136">
        <v>2414</v>
      </c>
      <c r="C2136" t="s">
        <v>8146</v>
      </c>
      <c r="D2136" t="s">
        <v>8147</v>
      </c>
      <c r="E2136" t="s">
        <v>93</v>
      </c>
      <c r="F2136">
        <v>2420</v>
      </c>
      <c r="G2136">
        <v>126.1429752066116</v>
      </c>
      <c r="H2136">
        <v>123</v>
      </c>
      <c r="I2136">
        <v>5446.6465002390551</v>
      </c>
      <c r="J2136">
        <v>73.801399039849201</v>
      </c>
      <c r="K2136">
        <v>4.5927858202945211E-2</v>
      </c>
      <c r="L2136">
        <v>-1.1817232600340499</v>
      </c>
      <c r="M2136">
        <v>7.9159224687112992</v>
      </c>
      <c r="N2136">
        <v>20</v>
      </c>
      <c r="O2136">
        <v>2</v>
      </c>
      <c r="P2136">
        <v>18</v>
      </c>
      <c r="Q2136">
        <v>3.227952560737998</v>
      </c>
      <c r="R2136">
        <v>5.4868993407183577</v>
      </c>
      <c r="S2136">
        <v>2</v>
      </c>
      <c r="T2136">
        <v>1</v>
      </c>
      <c r="U2136">
        <v>1</v>
      </c>
      <c r="V2136">
        <v>0.1131947581023187</v>
      </c>
      <c r="W2136">
        <v>7.7733438532331309</v>
      </c>
      <c r="X2136">
        <v>1</v>
      </c>
      <c r="Y2136">
        <v>1</v>
      </c>
      <c r="Z2136">
        <v>0</v>
      </c>
      <c r="AA2136">
        <v>0</v>
      </c>
      <c r="AB2136">
        <v>7.7906960311747397</v>
      </c>
      <c r="AC2136">
        <v>1</v>
      </c>
      <c r="AD2136">
        <v>1</v>
      </c>
      <c r="AE2136">
        <v>0</v>
      </c>
      <c r="AF2136">
        <v>0</v>
      </c>
      <c r="AG2136">
        <v>7.7902823807034842</v>
      </c>
      <c r="AH2136">
        <v>1.1605254917283011E-2</v>
      </c>
      <c r="AI2136">
        <v>-9.1457380297364759E-3</v>
      </c>
      <c r="AJ2136">
        <v>-1.8911096794984511E-2</v>
      </c>
      <c r="AK2136">
        <v>-2.6155599924711181E-2</v>
      </c>
      <c r="AL2136">
        <v>3360.5553643622129</v>
      </c>
      <c r="AM2136">
        <v>6355.6835700856254</v>
      </c>
      <c r="AN2136">
        <v>305266</v>
      </c>
      <c r="AO2136">
        <v>54.320407460104732</v>
      </c>
      <c r="AP2136">
        <v>3064.0138948818062</v>
      </c>
      <c r="AQ2136">
        <v>1.0095041322314049</v>
      </c>
      <c r="AR2136">
        <v>4.0185950413223139</v>
      </c>
      <c r="AS2136">
        <v>2408</v>
      </c>
      <c r="AT2136">
        <v>282.17520661157027</v>
      </c>
      <c r="AU2136">
        <v>2.055582563603953E-2</v>
      </c>
      <c r="AV2136">
        <v>1.160948984545108E-2</v>
      </c>
      <c r="AW2136">
        <v>0.39049586776859502</v>
      </c>
      <c r="AX2136">
        <v>85.150062009094668</v>
      </c>
      <c r="AY2136">
        <v>64</v>
      </c>
      <c r="AZ2136">
        <v>127.25</v>
      </c>
      <c r="BA2136">
        <v>0.58506150595361117</v>
      </c>
      <c r="BB2136">
        <v>0.48553719008264462</v>
      </c>
      <c r="BC2136">
        <v>5.297395708457632</v>
      </c>
      <c r="BD2136" t="s">
        <v>8148</v>
      </c>
      <c r="BE2136" t="s">
        <v>68</v>
      </c>
    </row>
    <row r="2137" spans="1:57" x14ac:dyDescent="0.3">
      <c r="A2137" t="s">
        <v>8149</v>
      </c>
      <c r="B2137">
        <v>1212</v>
      </c>
      <c r="C2137" t="s">
        <v>8150</v>
      </c>
      <c r="D2137" t="s">
        <v>8151</v>
      </c>
      <c r="E2137" t="s">
        <v>10622</v>
      </c>
      <c r="F2137">
        <v>64</v>
      </c>
      <c r="G2137">
        <v>131.828125</v>
      </c>
      <c r="H2137">
        <v>130.5</v>
      </c>
      <c r="I2137">
        <v>5194.079833984375</v>
      </c>
      <c r="J2137">
        <v>72.069964853497567</v>
      </c>
      <c r="K2137">
        <v>-5.7154360905473801E-2</v>
      </c>
      <c r="L2137">
        <v>-1.107664900736703</v>
      </c>
      <c r="M2137">
        <v>5.8125</v>
      </c>
      <c r="N2137">
        <v>2</v>
      </c>
      <c r="O2137">
        <v>1</v>
      </c>
      <c r="P2137">
        <v>1</v>
      </c>
      <c r="Q2137">
        <v>0.3045434781492361</v>
      </c>
      <c r="R2137">
        <v>4.0289179870046823</v>
      </c>
      <c r="S2137">
        <v>1</v>
      </c>
      <c r="T2137">
        <v>1</v>
      </c>
      <c r="U2137">
        <v>0</v>
      </c>
      <c r="V2137">
        <v>0</v>
      </c>
      <c r="W2137">
        <v>4.1431347263915326</v>
      </c>
      <c r="X2137">
        <v>1</v>
      </c>
      <c r="Y2137">
        <v>1</v>
      </c>
      <c r="Z2137">
        <v>0</v>
      </c>
      <c r="AA2137">
        <v>0</v>
      </c>
      <c r="AB2137">
        <v>4.1271343850450908</v>
      </c>
      <c r="AC2137">
        <v>1</v>
      </c>
      <c r="AD2137">
        <v>1</v>
      </c>
      <c r="AE2137">
        <v>0</v>
      </c>
      <c r="AF2137">
        <v>0</v>
      </c>
      <c r="AG2137">
        <v>4.1108738641733096</v>
      </c>
      <c r="AH2137">
        <v>1.8266980232997949E-2</v>
      </c>
      <c r="AI2137">
        <v>-9.932835009819764E-2</v>
      </c>
      <c r="AJ2137">
        <v>-1.553585393686688E-3</v>
      </c>
      <c r="AK2137">
        <v>-0.1517819667951292</v>
      </c>
      <c r="AL2137">
        <v>653.75277224262481</v>
      </c>
      <c r="AM2137">
        <v>1008.594226031997</v>
      </c>
      <c r="AN2137">
        <v>8437</v>
      </c>
      <c r="AO2137">
        <v>142.69700500193511</v>
      </c>
      <c r="AP2137">
        <v>512.92843804509539</v>
      </c>
      <c r="AQ2137">
        <v>1.359375</v>
      </c>
      <c r="AR2137">
        <v>4.171875</v>
      </c>
      <c r="AS2137">
        <v>64</v>
      </c>
      <c r="AT2137">
        <v>4.8750000000000009</v>
      </c>
      <c r="AU2137">
        <v>7.8374999999999972E-2</v>
      </c>
      <c r="AV2137">
        <v>1.844994855675568E-2</v>
      </c>
      <c r="AW2137">
        <v>0.390625</v>
      </c>
      <c r="AX2137">
        <v>80.063492063492063</v>
      </c>
      <c r="AY2137">
        <v>57.5</v>
      </c>
      <c r="AZ2137">
        <v>122</v>
      </c>
      <c r="BA2137">
        <v>0.54669642652884254</v>
      </c>
      <c r="BB2137">
        <v>0.484375</v>
      </c>
      <c r="BC2137">
        <v>4.0028011659076608</v>
      </c>
      <c r="BD2137" t="s">
        <v>8152</v>
      </c>
      <c r="BE2137" t="s">
        <v>62</v>
      </c>
    </row>
    <row r="2138" spans="1:57" x14ac:dyDescent="0.3">
      <c r="A2138" t="s">
        <v>8153</v>
      </c>
      <c r="B2138">
        <v>1807</v>
      </c>
      <c r="C2138" t="s">
        <v>8154</v>
      </c>
      <c r="D2138" t="s">
        <v>8155</v>
      </c>
      <c r="E2138" t="s">
        <v>106</v>
      </c>
      <c r="F2138">
        <v>1837</v>
      </c>
      <c r="G2138">
        <v>127.32934131736531</v>
      </c>
      <c r="H2138">
        <v>127</v>
      </c>
      <c r="I2138">
        <v>5605.3313818742481</v>
      </c>
      <c r="J2138">
        <v>74.868761054756661</v>
      </c>
      <c r="K2138">
        <v>-1.19748497703692E-2</v>
      </c>
      <c r="L2138">
        <v>-1.2483053914720921</v>
      </c>
      <c r="M2138">
        <v>7.9026858929555406</v>
      </c>
      <c r="N2138">
        <v>15</v>
      </c>
      <c r="O2138">
        <v>1</v>
      </c>
      <c r="P2138">
        <v>14</v>
      </c>
      <c r="Q2138">
        <v>2.5823089865754709</v>
      </c>
      <c r="R2138">
        <v>5.4777244455529974</v>
      </c>
      <c r="S2138">
        <v>3</v>
      </c>
      <c r="T2138">
        <v>1</v>
      </c>
      <c r="U2138">
        <v>2</v>
      </c>
      <c r="V2138">
        <v>0.13411780084269709</v>
      </c>
      <c r="W2138">
        <v>7.491652646704142</v>
      </c>
      <c r="X2138">
        <v>1</v>
      </c>
      <c r="Y2138">
        <v>1</v>
      </c>
      <c r="Z2138">
        <v>0</v>
      </c>
      <c r="AA2138">
        <v>0</v>
      </c>
      <c r="AB2138">
        <v>7.5147997604886694</v>
      </c>
      <c r="AC2138">
        <v>1</v>
      </c>
      <c r="AD2138">
        <v>1</v>
      </c>
      <c r="AE2138">
        <v>0</v>
      </c>
      <c r="AF2138">
        <v>0</v>
      </c>
      <c r="AG2138">
        <v>7.5142546528164083</v>
      </c>
      <c r="AH2138">
        <v>7.4575070536008212E-3</v>
      </c>
      <c r="AI2138">
        <v>-5.3384485574166892E-3</v>
      </c>
      <c r="AJ2138">
        <v>-4.1823895776148959E-3</v>
      </c>
      <c r="AK2138">
        <v>-3.4248604409090458E-2</v>
      </c>
      <c r="AL2138">
        <v>2970.9410191613601</v>
      </c>
      <c r="AM2138">
        <v>5590.4691628399532</v>
      </c>
      <c r="AN2138">
        <v>233904</v>
      </c>
      <c r="AO2138">
        <v>128.78945459354699</v>
      </c>
      <c r="AP2138">
        <v>2708.3195424208438</v>
      </c>
      <c r="AQ2138">
        <v>1.012520413718019</v>
      </c>
      <c r="AR2138">
        <v>4.0130647795318453</v>
      </c>
      <c r="AS2138">
        <v>1827</v>
      </c>
      <c r="AT2138">
        <v>237.89602612955909</v>
      </c>
      <c r="AU2138">
        <v>1.7334315326566121E-2</v>
      </c>
      <c r="AV2138">
        <v>7.4617465992888564E-3</v>
      </c>
      <c r="AW2138">
        <v>0.36309199782253682</v>
      </c>
      <c r="AX2138">
        <v>85.520697167755998</v>
      </c>
      <c r="AY2138">
        <v>67</v>
      </c>
      <c r="AZ2138">
        <v>134</v>
      </c>
      <c r="BA2138">
        <v>0.58799299737322996</v>
      </c>
      <c r="BB2138">
        <v>0.49972781709308661</v>
      </c>
      <c r="BC2138">
        <v>5.2814672003114467</v>
      </c>
      <c r="BD2138" t="s">
        <v>8156</v>
      </c>
      <c r="BE2138" t="s">
        <v>68</v>
      </c>
    </row>
    <row r="2139" spans="1:57" x14ac:dyDescent="0.3">
      <c r="A2139" t="s">
        <v>8157</v>
      </c>
      <c r="B2139">
        <v>151</v>
      </c>
      <c r="C2139" t="s">
        <v>8158</v>
      </c>
      <c r="D2139" t="s">
        <v>8159</v>
      </c>
      <c r="E2139" t="s">
        <v>60</v>
      </c>
      <c r="F2139">
        <v>512</v>
      </c>
      <c r="G2139">
        <v>124.97265625</v>
      </c>
      <c r="H2139">
        <v>118</v>
      </c>
      <c r="I2139">
        <v>5468.9406585693359</v>
      </c>
      <c r="J2139">
        <v>73.952286364718546</v>
      </c>
      <c r="K2139">
        <v>6.4550267021946647E-2</v>
      </c>
      <c r="L2139">
        <v>-1.1657279852175271</v>
      </c>
      <c r="M2139">
        <v>7.5608892984486866</v>
      </c>
      <c r="N2139">
        <v>8</v>
      </c>
      <c r="O2139">
        <v>1</v>
      </c>
      <c r="P2139">
        <v>7</v>
      </c>
      <c r="Q2139">
        <v>1.3355903761605059</v>
      </c>
      <c r="R2139">
        <v>5.2408090997455687</v>
      </c>
      <c r="S2139">
        <v>2</v>
      </c>
      <c r="T2139">
        <v>1</v>
      </c>
      <c r="U2139">
        <v>1</v>
      </c>
      <c r="V2139">
        <v>6.2560641760670568E-2</v>
      </c>
      <c r="W2139">
        <v>6.2309437805711401</v>
      </c>
      <c r="X2139">
        <v>1</v>
      </c>
      <c r="Y2139">
        <v>1</v>
      </c>
      <c r="Z2139">
        <v>0</v>
      </c>
      <c r="AA2139">
        <v>0</v>
      </c>
      <c r="AB2139">
        <v>6.2344107257183694</v>
      </c>
      <c r="AC2139">
        <v>1</v>
      </c>
      <c r="AD2139">
        <v>1</v>
      </c>
      <c r="AE2139">
        <v>0</v>
      </c>
      <c r="AF2139">
        <v>0</v>
      </c>
      <c r="AG2139">
        <v>6.2324480165505216</v>
      </c>
      <c r="AH2139">
        <v>-3.0338589606657342E-2</v>
      </c>
      <c r="AI2139">
        <v>-1.6452709583705361E-2</v>
      </c>
      <c r="AJ2139">
        <v>-3.3442613317695928E-2</v>
      </c>
      <c r="AK2139">
        <v>-6.0775073433544781E-4</v>
      </c>
      <c r="AL2139">
        <v>1610.042470958992</v>
      </c>
      <c r="AM2139">
        <v>2864.3256172628599</v>
      </c>
      <c r="AN2139">
        <v>63986</v>
      </c>
      <c r="AO2139">
        <v>22.700954328332038</v>
      </c>
      <c r="AP2139">
        <v>1415.4706118551719</v>
      </c>
      <c r="AQ2139">
        <v>1.044921875</v>
      </c>
      <c r="AR2139">
        <v>3.978515625</v>
      </c>
      <c r="AS2139">
        <v>510</v>
      </c>
      <c r="AT2139">
        <v>168.625</v>
      </c>
      <c r="AU2139">
        <v>4.1099877450980371E-2</v>
      </c>
      <c r="AV2139">
        <v>-3.0383777699480211E-2</v>
      </c>
      <c r="AW2139">
        <v>0.392578125</v>
      </c>
      <c r="AX2139">
        <v>86.448140900195696</v>
      </c>
      <c r="AY2139">
        <v>61</v>
      </c>
      <c r="AZ2139">
        <v>130</v>
      </c>
      <c r="BA2139">
        <v>0.59174773573494044</v>
      </c>
      <c r="BB2139">
        <v>0.4765625</v>
      </c>
      <c r="BC2139">
        <v>5.119109361005945</v>
      </c>
      <c r="BD2139" t="s">
        <v>8160</v>
      </c>
      <c r="BE2139" t="s">
        <v>62</v>
      </c>
    </row>
    <row r="2140" spans="1:57" x14ac:dyDescent="0.3">
      <c r="A2140" t="s">
        <v>8161</v>
      </c>
      <c r="B2140">
        <v>1331</v>
      </c>
      <c r="C2140" t="s">
        <v>8162</v>
      </c>
      <c r="D2140" t="s">
        <v>8163</v>
      </c>
      <c r="E2140" t="s">
        <v>66</v>
      </c>
      <c r="F2140">
        <v>70</v>
      </c>
      <c r="G2140">
        <v>119</v>
      </c>
      <c r="H2140">
        <v>112</v>
      </c>
      <c r="I2140">
        <v>5207.8571428571431</v>
      </c>
      <c r="J2140">
        <v>72.165484428895397</v>
      </c>
      <c r="K2140">
        <v>0.13973643576304329</v>
      </c>
      <c r="L2140">
        <v>-1.2175969073423769</v>
      </c>
      <c r="M2140">
        <v>5.8327846240569219</v>
      </c>
      <c r="N2140">
        <v>3</v>
      </c>
      <c r="O2140">
        <v>1</v>
      </c>
      <c r="P2140">
        <v>2</v>
      </c>
      <c r="Q2140">
        <v>0.41499665326629109</v>
      </c>
      <c r="R2140">
        <v>4.0429782169784536</v>
      </c>
      <c r="S2140">
        <v>2</v>
      </c>
      <c r="T2140">
        <v>1</v>
      </c>
      <c r="U2140">
        <v>1</v>
      </c>
      <c r="V2140">
        <v>0.1203728348804772</v>
      </c>
      <c r="W2140">
        <v>4.2140152819723324</v>
      </c>
      <c r="X2140">
        <v>1</v>
      </c>
      <c r="Y2140">
        <v>1</v>
      </c>
      <c r="Z2140">
        <v>0</v>
      </c>
      <c r="AA2140">
        <v>0</v>
      </c>
      <c r="AB2140">
        <v>4.2195077051761087</v>
      </c>
      <c r="AC2140">
        <v>1</v>
      </c>
      <c r="AD2140">
        <v>1</v>
      </c>
      <c r="AE2140">
        <v>0</v>
      </c>
      <c r="AF2140">
        <v>0</v>
      </c>
      <c r="AG2140">
        <v>4.2046926193909648</v>
      </c>
      <c r="AH2140">
        <v>0.11566863256069131</v>
      </c>
      <c r="AI2140">
        <v>8.2175284597448911E-2</v>
      </c>
      <c r="AJ2140">
        <v>-0.15868330818817719</v>
      </c>
      <c r="AK2140">
        <v>5.0689891647236307E-2</v>
      </c>
      <c r="AL2140">
        <v>645.39921641122544</v>
      </c>
      <c r="AM2140">
        <v>969.16451206994589</v>
      </c>
      <c r="AN2140">
        <v>8330</v>
      </c>
      <c r="AO2140">
        <v>130.57298159181809</v>
      </c>
      <c r="AP2140">
        <v>533.96772260640603</v>
      </c>
      <c r="AQ2140">
        <v>1.328571428571429</v>
      </c>
      <c r="AR2140">
        <v>3.9571428571428569</v>
      </c>
      <c r="AS2140">
        <v>70</v>
      </c>
      <c r="AT2140">
        <v>8.8571428571428559</v>
      </c>
      <c r="AU2140">
        <v>7.8103044496487084E-2</v>
      </c>
      <c r="AV2140">
        <v>0.1165164362273604</v>
      </c>
      <c r="AW2140">
        <v>0.44285714285714278</v>
      </c>
      <c r="AX2140">
        <v>79.739130434782609</v>
      </c>
      <c r="AY2140">
        <v>61.5</v>
      </c>
      <c r="AZ2140">
        <v>129.75</v>
      </c>
      <c r="BA2140">
        <v>0.60643264225962523</v>
      </c>
      <c r="BB2140">
        <v>0.48571428571428571</v>
      </c>
      <c r="BC2140">
        <v>3.9452460814169261</v>
      </c>
      <c r="BD2140" t="s">
        <v>8164</v>
      </c>
      <c r="BE2140" t="s">
        <v>68</v>
      </c>
    </row>
    <row r="2141" spans="1:57" x14ac:dyDescent="0.3">
      <c r="A2141" t="s">
        <v>8165</v>
      </c>
      <c r="B2141">
        <v>1502</v>
      </c>
      <c r="C2141" t="s">
        <v>8166</v>
      </c>
      <c r="D2141" t="s">
        <v>8167</v>
      </c>
      <c r="E2141" t="s">
        <v>85</v>
      </c>
      <c r="F2141">
        <v>8</v>
      </c>
      <c r="G2141">
        <v>139.375</v>
      </c>
      <c r="H2141">
        <v>144.5</v>
      </c>
      <c r="I2141">
        <v>3879.484375</v>
      </c>
      <c r="J2141">
        <v>62.285506941823947</v>
      </c>
      <c r="K2141">
        <v>-0.22629772319107511</v>
      </c>
      <c r="L2141">
        <v>-0.8991399727390128</v>
      </c>
      <c r="M2141">
        <v>2.75</v>
      </c>
      <c r="N2141">
        <v>2</v>
      </c>
      <c r="O2141">
        <v>1</v>
      </c>
      <c r="P2141">
        <v>1</v>
      </c>
      <c r="Q2141">
        <v>0.34992710611188271</v>
      </c>
      <c r="R2141">
        <v>1.9061547465398501</v>
      </c>
      <c r="S2141">
        <v>1</v>
      </c>
      <c r="T2141">
        <v>1</v>
      </c>
      <c r="U2141">
        <v>0</v>
      </c>
      <c r="V2141">
        <v>0</v>
      </c>
      <c r="W2141">
        <v>1.945910149055313</v>
      </c>
      <c r="X2141">
        <v>1</v>
      </c>
      <c r="Y2141">
        <v>1</v>
      </c>
      <c r="Z2141">
        <v>0</v>
      </c>
      <c r="AA2141">
        <v>0</v>
      </c>
      <c r="AB2141">
        <v>1.791759469228055</v>
      </c>
      <c r="AC2141">
        <v>1</v>
      </c>
      <c r="AD2141">
        <v>1</v>
      </c>
      <c r="AE2141">
        <v>0</v>
      </c>
      <c r="AF2141">
        <v>0</v>
      </c>
      <c r="AG2141">
        <v>1.6094379124341009</v>
      </c>
      <c r="AH2141">
        <v>-0.11264433901090271</v>
      </c>
      <c r="AI2141">
        <v>-0.24405325288879401</v>
      </c>
      <c r="AJ2141">
        <v>0.32289396947886922</v>
      </c>
      <c r="AK2141">
        <v>0</v>
      </c>
      <c r="AL2141">
        <v>299.31289323469139</v>
      </c>
      <c r="AM2141">
        <v>311.20859876211358</v>
      </c>
      <c r="AN2141">
        <v>1115</v>
      </c>
      <c r="AO2141">
        <v>79</v>
      </c>
      <c r="AP2141">
        <v>198.75864761061339</v>
      </c>
      <c r="AQ2141">
        <v>3.5</v>
      </c>
      <c r="AR2141">
        <v>3.25</v>
      </c>
      <c r="AS2141">
        <v>8</v>
      </c>
      <c r="AT2141">
        <v>0.74999999999999978</v>
      </c>
      <c r="AU2141">
        <v>0.2279411764705882</v>
      </c>
      <c r="AV2141">
        <v>-0.11346394925195361</v>
      </c>
      <c r="AW2141">
        <v>0.25</v>
      </c>
      <c r="AX2141">
        <v>92.571428571428569</v>
      </c>
      <c r="AY2141">
        <v>37</v>
      </c>
      <c r="AZ2141">
        <v>65</v>
      </c>
      <c r="BA2141">
        <v>0.44689152962743639</v>
      </c>
      <c r="BB2141">
        <v>0.5</v>
      </c>
      <c r="BC2141">
        <v>1.945910149055313</v>
      </c>
      <c r="BD2141" t="s">
        <v>8166</v>
      </c>
      <c r="BE2141" t="s">
        <v>68</v>
      </c>
    </row>
    <row r="2142" spans="1:57" x14ac:dyDescent="0.3">
      <c r="A2142" t="s">
        <v>8168</v>
      </c>
      <c r="B2142">
        <v>129</v>
      </c>
      <c r="C2142" t="s">
        <v>8169</v>
      </c>
      <c r="D2142" t="s">
        <v>8170</v>
      </c>
      <c r="E2142" t="s">
        <v>60</v>
      </c>
      <c r="F2142">
        <v>256</v>
      </c>
      <c r="G2142">
        <v>121.73046875</v>
      </c>
      <c r="H2142">
        <v>115</v>
      </c>
      <c r="I2142">
        <v>5383.5953216552734</v>
      </c>
      <c r="J2142">
        <v>73.372987683855925</v>
      </c>
      <c r="K2142">
        <v>0.15775133791235549</v>
      </c>
      <c r="L2142">
        <v>-1.1521512365141411</v>
      </c>
      <c r="M2142">
        <v>7.169654589725436</v>
      </c>
      <c r="N2142">
        <v>4</v>
      </c>
      <c r="O2142">
        <v>1</v>
      </c>
      <c r="P2142">
        <v>3</v>
      </c>
      <c r="Q2142">
        <v>0.79962762831721312</v>
      </c>
      <c r="R2142">
        <v>4.9696258644568569</v>
      </c>
      <c r="S2142">
        <v>1</v>
      </c>
      <c r="T2142">
        <v>1</v>
      </c>
      <c r="U2142">
        <v>0</v>
      </c>
      <c r="V2142">
        <v>0</v>
      </c>
      <c r="W2142">
        <v>5.541263545158424</v>
      </c>
      <c r="X2142">
        <v>1</v>
      </c>
      <c r="Y2142">
        <v>1</v>
      </c>
      <c r="Z2142">
        <v>0</v>
      </c>
      <c r="AA2142">
        <v>0</v>
      </c>
      <c r="AB2142">
        <v>5.5373342670185366</v>
      </c>
      <c r="AC2142">
        <v>1</v>
      </c>
      <c r="AD2142">
        <v>1</v>
      </c>
      <c r="AE2142">
        <v>0</v>
      </c>
      <c r="AF2142">
        <v>0</v>
      </c>
      <c r="AG2142">
        <v>5.5333894887275203</v>
      </c>
      <c r="AH2142">
        <v>1.255089323257279E-2</v>
      </c>
      <c r="AI2142">
        <v>3.7515781285604718E-2</v>
      </c>
      <c r="AJ2142">
        <v>-7.2629470015934047E-2</v>
      </c>
      <c r="AK2142">
        <v>-3.1384603626867028E-2</v>
      </c>
      <c r="AL2142">
        <v>1141.7958375017679</v>
      </c>
      <c r="AM2142">
        <v>1966.720433987412</v>
      </c>
      <c r="AN2142">
        <v>31163</v>
      </c>
      <c r="AO2142">
        <v>24.807492986055109</v>
      </c>
      <c r="AP2142">
        <v>927.8140710778822</v>
      </c>
      <c r="AQ2142">
        <v>1.08984375</v>
      </c>
      <c r="AR2142">
        <v>3.96875</v>
      </c>
      <c r="AS2142">
        <v>256</v>
      </c>
      <c r="AT2142">
        <v>64.7421875</v>
      </c>
      <c r="AU2142">
        <v>7.2671568627451E-2</v>
      </c>
      <c r="AV2142">
        <v>1.257064571311378E-2</v>
      </c>
      <c r="AW2142">
        <v>0.4140625</v>
      </c>
      <c r="AX2142">
        <v>84.490196078431367</v>
      </c>
      <c r="AY2142">
        <v>58</v>
      </c>
      <c r="AZ2142">
        <v>122.5</v>
      </c>
      <c r="BA2142">
        <v>0.60274956990877371</v>
      </c>
      <c r="BB2142">
        <v>0.484375</v>
      </c>
      <c r="BC2142">
        <v>4.8085331932142106</v>
      </c>
      <c r="BD2142" t="s">
        <v>8171</v>
      </c>
      <c r="BE2142" t="s">
        <v>62</v>
      </c>
    </row>
    <row r="2143" spans="1:57" x14ac:dyDescent="0.3">
      <c r="A2143" t="s">
        <v>8172</v>
      </c>
      <c r="B2143">
        <v>3648</v>
      </c>
      <c r="C2143" t="s">
        <v>8173</v>
      </c>
      <c r="D2143" t="s">
        <v>8174</v>
      </c>
      <c r="E2143" t="s">
        <v>10622</v>
      </c>
      <c r="F2143">
        <v>64</v>
      </c>
      <c r="G2143">
        <v>129.671875</v>
      </c>
      <c r="H2143">
        <v>138</v>
      </c>
      <c r="I2143">
        <v>5729.376708984375</v>
      </c>
      <c r="J2143">
        <v>75.69264633360612</v>
      </c>
      <c r="K2143">
        <v>-0.2251021705775603</v>
      </c>
      <c r="L2143">
        <v>-1.0542844580170281</v>
      </c>
      <c r="M2143">
        <v>5.581954882778696</v>
      </c>
      <c r="N2143">
        <v>3</v>
      </c>
      <c r="O2143">
        <v>1</v>
      </c>
      <c r="P2143">
        <v>2</v>
      </c>
      <c r="Q2143">
        <v>0.47868845551896883</v>
      </c>
      <c r="R2143">
        <v>3.869116289010873</v>
      </c>
      <c r="S2143">
        <v>1</v>
      </c>
      <c r="T2143">
        <v>1</v>
      </c>
      <c r="U2143">
        <v>0</v>
      </c>
      <c r="V2143">
        <v>0</v>
      </c>
      <c r="W2143">
        <v>4.1431347263915326</v>
      </c>
      <c r="X2143">
        <v>1</v>
      </c>
      <c r="Y2143">
        <v>1</v>
      </c>
      <c r="Z2143">
        <v>0</v>
      </c>
      <c r="AA2143">
        <v>0</v>
      </c>
      <c r="AB2143">
        <v>4.1271343850450908</v>
      </c>
      <c r="AC2143">
        <v>1</v>
      </c>
      <c r="AD2143">
        <v>1</v>
      </c>
      <c r="AE2143">
        <v>0</v>
      </c>
      <c r="AF2143">
        <v>0</v>
      </c>
      <c r="AG2143">
        <v>4.1108738641733096</v>
      </c>
      <c r="AH2143">
        <v>-0.13226548713995301</v>
      </c>
      <c r="AI2143">
        <v>5.1579709219041273E-2</v>
      </c>
      <c r="AJ2143">
        <v>8.4334729725675822E-2</v>
      </c>
      <c r="AK2143">
        <v>-0.1282091592458805</v>
      </c>
      <c r="AL2143">
        <v>652.58815259768073</v>
      </c>
      <c r="AM2143">
        <v>1008.44221603875</v>
      </c>
      <c r="AN2143">
        <v>8299</v>
      </c>
      <c r="AO2143">
        <v>13</v>
      </c>
      <c r="AP2143">
        <v>489.43019894176132</v>
      </c>
      <c r="AQ2143">
        <v>1.359375</v>
      </c>
      <c r="AR2143">
        <v>3.921875</v>
      </c>
      <c r="AS2143">
        <v>63</v>
      </c>
      <c r="AT2143">
        <v>9.3125000000000018</v>
      </c>
      <c r="AU2143">
        <v>0.1106101778656127</v>
      </c>
      <c r="AV2143">
        <v>-0.135647681145596</v>
      </c>
      <c r="AW2143">
        <v>0.265625</v>
      </c>
      <c r="AX2143">
        <v>91.746031746031747</v>
      </c>
      <c r="AY2143">
        <v>55</v>
      </c>
      <c r="AZ2143">
        <v>118.75</v>
      </c>
      <c r="BA2143">
        <v>0.58372446865294514</v>
      </c>
      <c r="BB2143">
        <v>0.546875</v>
      </c>
      <c r="BC2143">
        <v>3.9587918211102062</v>
      </c>
      <c r="BD2143" t="s">
        <v>8175</v>
      </c>
      <c r="BE2143" t="s">
        <v>62</v>
      </c>
    </row>
    <row r="2144" spans="1:57" x14ac:dyDescent="0.3">
      <c r="A2144" t="s">
        <v>8176</v>
      </c>
      <c r="B2144">
        <v>2299</v>
      </c>
      <c r="C2144" t="s">
        <v>8177</v>
      </c>
      <c r="D2144" t="s">
        <v>8178</v>
      </c>
      <c r="E2144" t="s">
        <v>106</v>
      </c>
      <c r="F2144">
        <v>2337</v>
      </c>
      <c r="G2144">
        <v>129.65982028241339</v>
      </c>
      <c r="H2144">
        <v>128</v>
      </c>
      <c r="I2144">
        <v>5370.5513723254253</v>
      </c>
      <c r="J2144">
        <v>73.284045823940602</v>
      </c>
      <c r="K2144">
        <v>-1.3636155939813439E-2</v>
      </c>
      <c r="L2144">
        <v>-1.187497668884085</v>
      </c>
      <c r="M2144">
        <v>7.9171347178440676</v>
      </c>
      <c r="N2144">
        <v>21</v>
      </c>
      <c r="O2144">
        <v>1</v>
      </c>
      <c r="P2144">
        <v>20</v>
      </c>
      <c r="Q2144">
        <v>3.0661624106871672</v>
      </c>
      <c r="R2144">
        <v>5.4877396077868754</v>
      </c>
      <c r="S2144">
        <v>3</v>
      </c>
      <c r="T2144">
        <v>1</v>
      </c>
      <c r="U2144">
        <v>2</v>
      </c>
      <c r="V2144">
        <v>0.12589121282875809</v>
      </c>
      <c r="W2144">
        <v>7.7352006732362337</v>
      </c>
      <c r="X2144">
        <v>1</v>
      </c>
      <c r="Y2144">
        <v>1</v>
      </c>
      <c r="Z2144">
        <v>0</v>
      </c>
      <c r="AA2144">
        <v>0</v>
      </c>
      <c r="AB2144">
        <v>7.7557671701029971</v>
      </c>
      <c r="AC2144">
        <v>1</v>
      </c>
      <c r="AD2144">
        <v>1</v>
      </c>
      <c r="AE2144">
        <v>0</v>
      </c>
      <c r="AF2144">
        <v>0</v>
      </c>
      <c r="AG2144">
        <v>7.7553388128465013</v>
      </c>
      <c r="AH2144">
        <v>3.3945735021848493E-2</v>
      </c>
      <c r="AI2144">
        <v>-2.104942248000978E-2</v>
      </c>
      <c r="AJ2144">
        <v>-2.3341644512668729E-2</v>
      </c>
      <c r="AK2144">
        <v>-1.746231822603472E-2</v>
      </c>
      <c r="AL2144">
        <v>3271.9312476436562</v>
      </c>
      <c r="AM2144">
        <v>6413.6038941216993</v>
      </c>
      <c r="AN2144">
        <v>303015</v>
      </c>
      <c r="AO2144">
        <v>112.8318948179885</v>
      </c>
      <c r="AP2144">
        <v>3004.3778353225198</v>
      </c>
      <c r="AQ2144">
        <v>1.0098416773641421</v>
      </c>
      <c r="AR2144">
        <v>4.0393667094565684</v>
      </c>
      <c r="AS2144">
        <v>2326</v>
      </c>
      <c r="AT2144">
        <v>263.64013692768509</v>
      </c>
      <c r="AU2144">
        <v>2.1988975307709741E-2</v>
      </c>
      <c r="AV2144">
        <v>3.3964634485471337E-2</v>
      </c>
      <c r="AW2144">
        <v>0.37655113393239198</v>
      </c>
      <c r="AX2144">
        <v>83.200770547945211</v>
      </c>
      <c r="AY2144">
        <v>64</v>
      </c>
      <c r="AZ2144">
        <v>127</v>
      </c>
      <c r="BA2144">
        <v>0.56520243252165459</v>
      </c>
      <c r="BB2144">
        <v>0.49251176722293538</v>
      </c>
      <c r="BC2144">
        <v>5.2748040795714779</v>
      </c>
      <c r="BD2144" t="s">
        <v>8179</v>
      </c>
      <c r="BE2144" t="s">
        <v>68</v>
      </c>
    </row>
    <row r="2145" spans="1:57" x14ac:dyDescent="0.3">
      <c r="A2145" t="s">
        <v>8180</v>
      </c>
      <c r="B2145">
        <v>1768</v>
      </c>
      <c r="C2145" t="s">
        <v>8181</v>
      </c>
      <c r="D2145" t="s">
        <v>8182</v>
      </c>
      <c r="E2145" t="s">
        <v>10622</v>
      </c>
      <c r="F2145">
        <v>64</v>
      </c>
      <c r="G2145">
        <v>132.515625</v>
      </c>
      <c r="H2145">
        <v>142.5</v>
      </c>
      <c r="I2145">
        <v>5023.968505859375</v>
      </c>
      <c r="J2145">
        <v>70.879958421682048</v>
      </c>
      <c r="K2145">
        <v>-0.16134127958219999</v>
      </c>
      <c r="L2145">
        <v>-1.06545214517401</v>
      </c>
      <c r="M2145">
        <v>5.738204882778696</v>
      </c>
      <c r="N2145">
        <v>3</v>
      </c>
      <c r="O2145">
        <v>1</v>
      </c>
      <c r="P2145">
        <v>2</v>
      </c>
      <c r="Q2145">
        <v>0.3976974544878587</v>
      </c>
      <c r="R2145">
        <v>3.9774205359733652</v>
      </c>
      <c r="S2145">
        <v>1</v>
      </c>
      <c r="T2145">
        <v>1</v>
      </c>
      <c r="U2145">
        <v>0</v>
      </c>
      <c r="V2145">
        <v>0</v>
      </c>
      <c r="W2145">
        <v>4.1431347263915326</v>
      </c>
      <c r="X2145">
        <v>1</v>
      </c>
      <c r="Y2145">
        <v>1</v>
      </c>
      <c r="Z2145">
        <v>0</v>
      </c>
      <c r="AA2145">
        <v>0</v>
      </c>
      <c r="AB2145">
        <v>4.1271343850450908</v>
      </c>
      <c r="AC2145">
        <v>1</v>
      </c>
      <c r="AD2145">
        <v>1</v>
      </c>
      <c r="AE2145">
        <v>0</v>
      </c>
      <c r="AF2145">
        <v>0</v>
      </c>
      <c r="AG2145">
        <v>4.1108738641733096</v>
      </c>
      <c r="AH2145">
        <v>3.2586368051345661E-2</v>
      </c>
      <c r="AI2145">
        <v>0.15553424775277691</v>
      </c>
      <c r="AJ2145">
        <v>-8.4811737739133811E-3</v>
      </c>
      <c r="AK2145">
        <v>-0.13408959522649599</v>
      </c>
      <c r="AL2145">
        <v>645.45430894422509</v>
      </c>
      <c r="AM2145">
        <v>1014.291740607865</v>
      </c>
      <c r="AN2145">
        <v>8481</v>
      </c>
      <c r="AO2145">
        <v>156.7356783121225</v>
      </c>
      <c r="AP2145">
        <v>490.03708889004048</v>
      </c>
      <c r="AQ2145">
        <v>1.359375</v>
      </c>
      <c r="AR2145">
        <v>4.09375</v>
      </c>
      <c r="AS2145">
        <v>64</v>
      </c>
      <c r="AT2145">
        <v>7.75</v>
      </c>
      <c r="AU2145">
        <v>0.10193452380952379</v>
      </c>
      <c r="AV2145">
        <v>3.4259242807053412E-2</v>
      </c>
      <c r="AW2145">
        <v>0.3125</v>
      </c>
      <c r="AX2145">
        <v>79.936507936507937</v>
      </c>
      <c r="AY2145">
        <v>60</v>
      </c>
      <c r="AZ2145">
        <v>113.5</v>
      </c>
      <c r="BA2145">
        <v>0.53488000695527071</v>
      </c>
      <c r="BB2145">
        <v>0.53125</v>
      </c>
      <c r="BC2145">
        <v>3.9450926748029782</v>
      </c>
      <c r="BD2145" t="s">
        <v>8183</v>
      </c>
      <c r="BE2145" t="s">
        <v>62</v>
      </c>
    </row>
    <row r="2146" spans="1:57" x14ac:dyDescent="0.3">
      <c r="A2146" t="s">
        <v>8184</v>
      </c>
      <c r="B2146">
        <v>140</v>
      </c>
      <c r="C2146" t="s">
        <v>8185</v>
      </c>
      <c r="D2146" t="s">
        <v>8186</v>
      </c>
      <c r="E2146" t="s">
        <v>60</v>
      </c>
      <c r="F2146">
        <v>256</v>
      </c>
      <c r="G2146">
        <v>127.3828125</v>
      </c>
      <c r="H2146">
        <v>127</v>
      </c>
      <c r="I2146">
        <v>5246.4393920898438</v>
      </c>
      <c r="J2146">
        <v>72.432309034641747</v>
      </c>
      <c r="K2146">
        <v>9.7641031234065603E-2</v>
      </c>
      <c r="L2146">
        <v>-1.1489859319407909</v>
      </c>
      <c r="M2146">
        <v>7.2151056523168409</v>
      </c>
      <c r="N2146">
        <v>5</v>
      </c>
      <c r="O2146">
        <v>1</v>
      </c>
      <c r="P2146">
        <v>4</v>
      </c>
      <c r="Q2146">
        <v>0.78081213233829638</v>
      </c>
      <c r="R2146">
        <v>5.0011301403455439</v>
      </c>
      <c r="S2146">
        <v>1</v>
      </c>
      <c r="T2146">
        <v>1</v>
      </c>
      <c r="U2146">
        <v>0</v>
      </c>
      <c r="V2146">
        <v>0</v>
      </c>
      <c r="W2146">
        <v>5.541263545158424</v>
      </c>
      <c r="X2146">
        <v>1</v>
      </c>
      <c r="Y2146">
        <v>1</v>
      </c>
      <c r="Z2146">
        <v>0</v>
      </c>
      <c r="AA2146">
        <v>0</v>
      </c>
      <c r="AB2146">
        <v>5.5373342670185366</v>
      </c>
      <c r="AC2146">
        <v>1</v>
      </c>
      <c r="AD2146">
        <v>1</v>
      </c>
      <c r="AE2146">
        <v>0</v>
      </c>
      <c r="AF2146">
        <v>0</v>
      </c>
      <c r="AG2146">
        <v>5.5333894887275203</v>
      </c>
      <c r="AH2146">
        <v>8.4708283903597401E-2</v>
      </c>
      <c r="AI2146">
        <v>1.452767209582582E-2</v>
      </c>
      <c r="AJ2146">
        <v>7.9421995284687422E-2</v>
      </c>
      <c r="AK2146">
        <v>-3.7188014163001382E-2</v>
      </c>
      <c r="AL2146">
        <v>1152.3241853097711</v>
      </c>
      <c r="AM2146">
        <v>2041.8596846870189</v>
      </c>
      <c r="AN2146">
        <v>32610</v>
      </c>
      <c r="AO2146">
        <v>32.612402459507919</v>
      </c>
      <c r="AP2146">
        <v>976.88085596884468</v>
      </c>
      <c r="AQ2146">
        <v>1.08984375</v>
      </c>
      <c r="AR2146">
        <v>3.9921875</v>
      </c>
      <c r="AS2146">
        <v>255</v>
      </c>
      <c r="AT2146">
        <v>65.625</v>
      </c>
      <c r="AU2146">
        <v>4.5634191176470613E-2</v>
      </c>
      <c r="AV2146">
        <v>8.516242599074135E-2</v>
      </c>
      <c r="AW2146">
        <v>0.38671875</v>
      </c>
      <c r="AX2146">
        <v>79.462745098039221</v>
      </c>
      <c r="AY2146">
        <v>59.5</v>
      </c>
      <c r="AZ2146">
        <v>120.25</v>
      </c>
      <c r="BA2146">
        <v>0.56861916936118639</v>
      </c>
      <c r="BB2146">
        <v>0.48828125</v>
      </c>
      <c r="BC2146">
        <v>4.7672339908042964</v>
      </c>
      <c r="BD2146" t="s">
        <v>8187</v>
      </c>
      <c r="BE2146" t="s">
        <v>62</v>
      </c>
    </row>
    <row r="2147" spans="1:57" x14ac:dyDescent="0.3">
      <c r="A2147" t="s">
        <v>8188</v>
      </c>
      <c r="B2147">
        <v>3692</v>
      </c>
      <c r="C2147" t="s">
        <v>8189</v>
      </c>
      <c r="D2147" t="s">
        <v>8190</v>
      </c>
      <c r="E2147" t="s">
        <v>72</v>
      </c>
      <c r="F2147">
        <v>3704</v>
      </c>
      <c r="G2147">
        <v>130.75755939524839</v>
      </c>
      <c r="H2147">
        <v>133</v>
      </c>
      <c r="I2147">
        <v>5375.7273996589993</v>
      </c>
      <c r="J2147">
        <v>73.319352149749648</v>
      </c>
      <c r="K2147">
        <v>-6.6858571252257068E-2</v>
      </c>
      <c r="L2147">
        <v>-1.166145853356684</v>
      </c>
      <c r="M2147">
        <v>7.9472516318516737</v>
      </c>
      <c r="N2147">
        <v>27</v>
      </c>
      <c r="O2147">
        <v>5</v>
      </c>
      <c r="P2147">
        <v>22</v>
      </c>
      <c r="Q2147">
        <v>3.8758819560843181</v>
      </c>
      <c r="R2147">
        <v>5.5086150618184009</v>
      </c>
      <c r="S2147">
        <v>3</v>
      </c>
      <c r="T2147">
        <v>1</v>
      </c>
      <c r="U2147">
        <v>2</v>
      </c>
      <c r="V2147">
        <v>0.18534020419414199</v>
      </c>
      <c r="W2147">
        <v>8.1723907005544838</v>
      </c>
      <c r="X2147">
        <v>2</v>
      </c>
      <c r="Y2147">
        <v>1</v>
      </c>
      <c r="Z2147">
        <v>1</v>
      </c>
      <c r="AA2147">
        <v>1.643545671520729E-2</v>
      </c>
      <c r="AB2147">
        <v>8.2162540213989459</v>
      </c>
      <c r="AC2147">
        <v>1</v>
      </c>
      <c r="AD2147">
        <v>1</v>
      </c>
      <c r="AE2147">
        <v>0</v>
      </c>
      <c r="AF2147">
        <v>0</v>
      </c>
      <c r="AG2147">
        <v>8.2163583323861538</v>
      </c>
      <c r="AH2147">
        <v>-5.189850196014611E-3</v>
      </c>
      <c r="AI2147">
        <v>4.1814364078331327E-2</v>
      </c>
      <c r="AJ2147">
        <v>-4.8381576978013888E-3</v>
      </c>
      <c r="AK2147">
        <v>-3.423662624139321E-2</v>
      </c>
      <c r="AL2147">
        <v>4079.7104657940772</v>
      </c>
      <c r="AM2147">
        <v>8160.694977469152</v>
      </c>
      <c r="AN2147">
        <v>484325.99999999988</v>
      </c>
      <c r="AO2147">
        <v>57.238294067697723</v>
      </c>
      <c r="AP2147">
        <v>3711.53528609878</v>
      </c>
      <c r="AQ2147">
        <v>1.0062095032397409</v>
      </c>
      <c r="AR2147">
        <v>4.0429265658747298</v>
      </c>
      <c r="AS2147">
        <v>3691</v>
      </c>
      <c r="AT2147">
        <v>265.79697624190072</v>
      </c>
      <c r="AU2147">
        <v>3.5726083089823391E-2</v>
      </c>
      <c r="AV2147">
        <v>-5.1902134760003459E-3</v>
      </c>
      <c r="AW2147">
        <v>0.35340172786177099</v>
      </c>
      <c r="AX2147">
        <v>84.402646502835537</v>
      </c>
      <c r="AY2147">
        <v>63</v>
      </c>
      <c r="AZ2147">
        <v>126</v>
      </c>
      <c r="BA2147">
        <v>0.56072744466056468</v>
      </c>
      <c r="BB2147">
        <v>0.51187904967602593</v>
      </c>
      <c r="BC2147">
        <v>5.3131617218606486</v>
      </c>
      <c r="BD2147" t="s">
        <v>8191</v>
      </c>
      <c r="BE2147" t="s">
        <v>68</v>
      </c>
    </row>
    <row r="2148" spans="1:57" x14ac:dyDescent="0.3">
      <c r="A2148" t="s">
        <v>8192</v>
      </c>
      <c r="B2148">
        <v>3834</v>
      </c>
      <c r="C2148" t="s">
        <v>8193</v>
      </c>
      <c r="D2148" t="s">
        <v>8194</v>
      </c>
      <c r="E2148" t="s">
        <v>85</v>
      </c>
      <c r="F2148">
        <v>8</v>
      </c>
      <c r="G2148">
        <v>98.875</v>
      </c>
      <c r="H2148">
        <v>92</v>
      </c>
      <c r="I2148">
        <v>4859.109375</v>
      </c>
      <c r="J2148">
        <v>69.707312206109336</v>
      </c>
      <c r="K2148">
        <v>1.065335338097299</v>
      </c>
      <c r="L2148">
        <v>0.51762681078879602</v>
      </c>
      <c r="M2148">
        <v>3</v>
      </c>
      <c r="N2148">
        <v>1</v>
      </c>
      <c r="O2148">
        <v>1</v>
      </c>
      <c r="P2148">
        <v>0</v>
      </c>
      <c r="Q2148">
        <v>0</v>
      </c>
      <c r="R2148">
        <v>2.0794415416798362</v>
      </c>
      <c r="S2148">
        <v>1</v>
      </c>
      <c r="T2148">
        <v>1</v>
      </c>
      <c r="U2148">
        <v>0</v>
      </c>
      <c r="V2148">
        <v>0</v>
      </c>
      <c r="W2148">
        <v>1.945910149055313</v>
      </c>
      <c r="X2148">
        <v>1</v>
      </c>
      <c r="Y2148">
        <v>1</v>
      </c>
      <c r="Z2148">
        <v>0</v>
      </c>
      <c r="AA2148">
        <v>0</v>
      </c>
      <c r="AB2148">
        <v>1.791759469228055</v>
      </c>
      <c r="AC2148">
        <v>1</v>
      </c>
      <c r="AD2148">
        <v>1</v>
      </c>
      <c r="AE2148">
        <v>0</v>
      </c>
      <c r="AF2148">
        <v>0</v>
      </c>
      <c r="AG2148">
        <v>1.6094379124341009</v>
      </c>
      <c r="AH2148">
        <v>-0.46212855686645249</v>
      </c>
      <c r="AI2148">
        <v>0.27827164185823661</v>
      </c>
      <c r="AJ2148">
        <v>3.7080403108851613E-2</v>
      </c>
      <c r="AK2148">
        <v>0</v>
      </c>
      <c r="AL2148">
        <v>273.58596967859143</v>
      </c>
      <c r="AM2148">
        <v>205.50843582448101</v>
      </c>
      <c r="AN2148">
        <v>791</v>
      </c>
      <c r="AO2148">
        <v>106.9439105325778</v>
      </c>
      <c r="AP2148">
        <v>220.69998409089399</v>
      </c>
      <c r="AQ2148">
        <v>3.5</v>
      </c>
      <c r="AR2148">
        <v>4.625</v>
      </c>
      <c r="AS2148">
        <v>8</v>
      </c>
      <c r="AT2148">
        <v>0</v>
      </c>
      <c r="AU2148">
        <v>0.47107843137254901</v>
      </c>
      <c r="AV2148">
        <v>-0.52791046937365993</v>
      </c>
      <c r="AW2148">
        <v>0.625</v>
      </c>
      <c r="AX2148">
        <v>99.285714285714292</v>
      </c>
      <c r="AY2148">
        <v>30</v>
      </c>
      <c r="AZ2148">
        <v>64.5</v>
      </c>
      <c r="BA2148">
        <v>0.70500442180641554</v>
      </c>
      <c r="BB2148">
        <v>0.5</v>
      </c>
      <c r="BC2148">
        <v>1.945910149055313</v>
      </c>
      <c r="BD2148" t="s">
        <v>8193</v>
      </c>
      <c r="BE2148" t="s">
        <v>68</v>
      </c>
    </row>
    <row r="2149" spans="1:57" x14ac:dyDescent="0.3">
      <c r="A2149" t="s">
        <v>8195</v>
      </c>
      <c r="B2149">
        <v>2024</v>
      </c>
      <c r="C2149" t="s">
        <v>8196</v>
      </c>
      <c r="D2149" t="s">
        <v>8197</v>
      </c>
      <c r="E2149" t="s">
        <v>85</v>
      </c>
      <c r="F2149">
        <v>8</v>
      </c>
      <c r="G2149">
        <v>110.25</v>
      </c>
      <c r="H2149">
        <v>84.5</v>
      </c>
      <c r="I2149">
        <v>7077.6875</v>
      </c>
      <c r="J2149">
        <v>84.128993218747127</v>
      </c>
      <c r="K2149">
        <v>0.4261013075818646</v>
      </c>
      <c r="L2149">
        <v>-1.294617396659691</v>
      </c>
      <c r="M2149">
        <v>3</v>
      </c>
      <c r="N2149">
        <v>1</v>
      </c>
      <c r="O2149">
        <v>1</v>
      </c>
      <c r="P2149">
        <v>0</v>
      </c>
      <c r="Q2149">
        <v>0</v>
      </c>
      <c r="R2149">
        <v>2.0794415416798362</v>
      </c>
      <c r="S2149">
        <v>1</v>
      </c>
      <c r="T2149">
        <v>1</v>
      </c>
      <c r="U2149">
        <v>0</v>
      </c>
      <c r="V2149">
        <v>0</v>
      </c>
      <c r="W2149">
        <v>1.945910149055313</v>
      </c>
      <c r="X2149">
        <v>1</v>
      </c>
      <c r="Y2149">
        <v>1</v>
      </c>
      <c r="Z2149">
        <v>0</v>
      </c>
      <c r="AA2149">
        <v>0</v>
      </c>
      <c r="AB2149">
        <v>1.791759469228055</v>
      </c>
      <c r="AC2149">
        <v>1</v>
      </c>
      <c r="AD2149">
        <v>1</v>
      </c>
      <c r="AE2149">
        <v>0</v>
      </c>
      <c r="AF2149">
        <v>0</v>
      </c>
      <c r="AG2149">
        <v>1.6094379124341009</v>
      </c>
      <c r="AH2149">
        <v>-0.33162425050555</v>
      </c>
      <c r="AI2149">
        <v>9.3548828625168889E-2</v>
      </c>
      <c r="AJ2149">
        <v>0.19617879250814621</v>
      </c>
      <c r="AK2149">
        <v>0</v>
      </c>
      <c r="AL2149">
        <v>297.58670599217533</v>
      </c>
      <c r="AM2149">
        <v>255.5467714856257</v>
      </c>
      <c r="AN2149">
        <v>882</v>
      </c>
      <c r="AO2149">
        <v>62</v>
      </c>
      <c r="AP2149">
        <v>156.01011951011699</v>
      </c>
      <c r="AQ2149">
        <v>3.5</v>
      </c>
      <c r="AR2149">
        <v>3.875</v>
      </c>
      <c r="AS2149">
        <v>8</v>
      </c>
      <c r="AT2149">
        <v>0</v>
      </c>
      <c r="AU2149">
        <v>0.27460629921259838</v>
      </c>
      <c r="AV2149">
        <v>-0.42200955331363887</v>
      </c>
      <c r="AW2149">
        <v>0.375</v>
      </c>
      <c r="AX2149">
        <v>120.5714285714286</v>
      </c>
      <c r="AY2149">
        <v>66.5</v>
      </c>
      <c r="AZ2149">
        <v>146.25</v>
      </c>
      <c r="BA2149">
        <v>0.76307476842401023</v>
      </c>
      <c r="BB2149">
        <v>0.375</v>
      </c>
      <c r="BC2149">
        <v>1.945910149055313</v>
      </c>
      <c r="BD2149" t="s">
        <v>8196</v>
      </c>
      <c r="BE2149" t="s">
        <v>68</v>
      </c>
    </row>
    <row r="2150" spans="1:57" x14ac:dyDescent="0.3">
      <c r="A2150" t="s">
        <v>8198</v>
      </c>
      <c r="B2150">
        <v>3338</v>
      </c>
      <c r="C2150" t="s">
        <v>8199</v>
      </c>
      <c r="D2150" t="s">
        <v>8200</v>
      </c>
      <c r="E2150" t="s">
        <v>66</v>
      </c>
      <c r="F2150">
        <v>70</v>
      </c>
      <c r="G2150">
        <v>127.94285714285709</v>
      </c>
      <c r="H2150">
        <v>145</v>
      </c>
      <c r="I2150">
        <v>5931.6253061224479</v>
      </c>
      <c r="J2150">
        <v>77.017045555658967</v>
      </c>
      <c r="K2150">
        <v>-0.2155039262319858</v>
      </c>
      <c r="L2150">
        <v>-1.216440174299853</v>
      </c>
      <c r="M2150">
        <v>5.9007115883735421</v>
      </c>
      <c r="N2150">
        <v>2</v>
      </c>
      <c r="O2150">
        <v>1</v>
      </c>
      <c r="P2150">
        <v>1</v>
      </c>
      <c r="Q2150">
        <v>0.33523564017462137</v>
      </c>
      <c r="R2150">
        <v>4.0900616007785144</v>
      </c>
      <c r="S2150">
        <v>2</v>
      </c>
      <c r="T2150">
        <v>1</v>
      </c>
      <c r="U2150">
        <v>1</v>
      </c>
      <c r="V2150">
        <v>0.1203728348804772</v>
      </c>
      <c r="W2150">
        <v>4.2140152819723324</v>
      </c>
      <c r="X2150">
        <v>1</v>
      </c>
      <c r="Y2150">
        <v>1</v>
      </c>
      <c r="Z2150">
        <v>0</v>
      </c>
      <c r="AA2150">
        <v>0</v>
      </c>
      <c r="AB2150">
        <v>4.2195077051761087</v>
      </c>
      <c r="AC2150">
        <v>1</v>
      </c>
      <c r="AD2150">
        <v>1</v>
      </c>
      <c r="AE2150">
        <v>0</v>
      </c>
      <c r="AF2150">
        <v>0</v>
      </c>
      <c r="AG2150">
        <v>4.2046926193909648</v>
      </c>
      <c r="AH2150">
        <v>0.16432374633006849</v>
      </c>
      <c r="AI2150">
        <v>8.9397101708336646E-2</v>
      </c>
      <c r="AJ2150">
        <v>-0.20674799882281439</v>
      </c>
      <c r="AK2150">
        <v>1.9089502890342992E-2</v>
      </c>
      <c r="AL2150">
        <v>713.55021700270311</v>
      </c>
      <c r="AM2150">
        <v>1025.6296055669391</v>
      </c>
      <c r="AN2150">
        <v>8956</v>
      </c>
      <c r="AO2150">
        <v>38.624656087990083</v>
      </c>
      <c r="AP2150">
        <v>578.86800954810849</v>
      </c>
      <c r="AQ2150">
        <v>1.328571428571429</v>
      </c>
      <c r="AR2150">
        <v>3.7714285714285709</v>
      </c>
      <c r="AS2150">
        <v>70</v>
      </c>
      <c r="AT2150">
        <v>6.1714285714285744</v>
      </c>
      <c r="AU2150">
        <v>8.3568605307735744E-2</v>
      </c>
      <c r="AV2150">
        <v>0.16627245131023441</v>
      </c>
      <c r="AW2150">
        <v>0.3</v>
      </c>
      <c r="AX2150">
        <v>80.695652173913047</v>
      </c>
      <c r="AY2150">
        <v>60</v>
      </c>
      <c r="AZ2150">
        <v>133.25</v>
      </c>
      <c r="BA2150">
        <v>0.60196440251184991</v>
      </c>
      <c r="BB2150">
        <v>0.54285714285714282</v>
      </c>
      <c r="BC2150">
        <v>3.9050636361670739</v>
      </c>
      <c r="BD2150" t="s">
        <v>8201</v>
      </c>
      <c r="BE2150" t="s">
        <v>68</v>
      </c>
    </row>
    <row r="2151" spans="1:57" x14ac:dyDescent="0.3">
      <c r="A2151" t="s">
        <v>8202</v>
      </c>
      <c r="B2151">
        <v>590</v>
      </c>
      <c r="C2151" t="s">
        <v>8203</v>
      </c>
      <c r="D2151" t="s">
        <v>8204</v>
      </c>
      <c r="E2151" t="s">
        <v>66</v>
      </c>
      <c r="F2151">
        <v>70</v>
      </c>
      <c r="G2151">
        <v>115.98571428571429</v>
      </c>
      <c r="H2151">
        <v>102</v>
      </c>
      <c r="I2151">
        <v>6564.5283673469394</v>
      </c>
      <c r="J2151">
        <v>81.021777117926391</v>
      </c>
      <c r="K2151">
        <v>0.28479600235934283</v>
      </c>
      <c r="L2151">
        <v>-1.2641005704907939</v>
      </c>
      <c r="M2151">
        <v>5.900711588373543</v>
      </c>
      <c r="N2151">
        <v>4</v>
      </c>
      <c r="O2151">
        <v>1</v>
      </c>
      <c r="P2151">
        <v>3</v>
      </c>
      <c r="Q2151">
        <v>0.4404583150956064</v>
      </c>
      <c r="R2151">
        <v>4.0900616007785153</v>
      </c>
      <c r="S2151">
        <v>2</v>
      </c>
      <c r="T2151">
        <v>1</v>
      </c>
      <c r="U2151">
        <v>1</v>
      </c>
      <c r="V2151">
        <v>0.1203728348804772</v>
      </c>
      <c r="W2151">
        <v>4.2140152819723324</v>
      </c>
      <c r="X2151">
        <v>1</v>
      </c>
      <c r="Y2151">
        <v>1</v>
      </c>
      <c r="Z2151">
        <v>0</v>
      </c>
      <c r="AA2151">
        <v>0</v>
      </c>
      <c r="AB2151">
        <v>4.2195077051761087</v>
      </c>
      <c r="AC2151">
        <v>1</v>
      </c>
      <c r="AD2151">
        <v>1</v>
      </c>
      <c r="AE2151">
        <v>0</v>
      </c>
      <c r="AF2151">
        <v>0</v>
      </c>
      <c r="AG2151">
        <v>4.2046926193909648</v>
      </c>
      <c r="AH2151">
        <v>9.920914117971158E-2</v>
      </c>
      <c r="AI2151">
        <v>-3.9178561954337478E-2</v>
      </c>
      <c r="AJ2151">
        <v>3.5731367759215399E-2</v>
      </c>
      <c r="AK2151">
        <v>-7.4177365023165853E-2</v>
      </c>
      <c r="AL2151">
        <v>702.86877355761396</v>
      </c>
      <c r="AM2151">
        <v>952.46022864874317</v>
      </c>
      <c r="AN2151">
        <v>8119</v>
      </c>
      <c r="AO2151">
        <v>110.88668311400031</v>
      </c>
      <c r="AP2151">
        <v>534.47648810392059</v>
      </c>
      <c r="AQ2151">
        <v>1.328571428571429</v>
      </c>
      <c r="AR2151">
        <v>3.7428571428571429</v>
      </c>
      <c r="AS2151">
        <v>69</v>
      </c>
      <c r="AT2151">
        <v>11</v>
      </c>
      <c r="AU2151">
        <v>0.14229471316085479</v>
      </c>
      <c r="AV2151">
        <v>9.9727868466189931E-2</v>
      </c>
      <c r="AW2151">
        <v>0.42857142857142849</v>
      </c>
      <c r="AX2151">
        <v>87.05797101449275</v>
      </c>
      <c r="AY2151">
        <v>70</v>
      </c>
      <c r="AZ2151">
        <v>155.5</v>
      </c>
      <c r="BA2151">
        <v>0.6985496241230259</v>
      </c>
      <c r="BB2151">
        <v>0.42857142857142849</v>
      </c>
      <c r="BC2151">
        <v>4.0104443590538894</v>
      </c>
      <c r="BD2151" t="s">
        <v>8205</v>
      </c>
      <c r="BE2151" t="s">
        <v>68</v>
      </c>
    </row>
    <row r="2152" spans="1:57" x14ac:dyDescent="0.3">
      <c r="A2152" t="s">
        <v>8206</v>
      </c>
      <c r="B2152">
        <v>1054</v>
      </c>
      <c r="C2152" t="s">
        <v>8207</v>
      </c>
      <c r="D2152" t="s">
        <v>8208</v>
      </c>
      <c r="E2152" t="s">
        <v>128</v>
      </c>
      <c r="F2152">
        <v>32</v>
      </c>
      <c r="G2152">
        <v>148.90625</v>
      </c>
      <c r="H2152">
        <v>160</v>
      </c>
      <c r="I2152">
        <v>5633.5224609375</v>
      </c>
      <c r="J2152">
        <v>75.056794901844157</v>
      </c>
      <c r="K2152">
        <v>-0.36783270920669631</v>
      </c>
      <c r="L2152">
        <v>-1.2033622037177709</v>
      </c>
      <c r="M2152">
        <v>5</v>
      </c>
      <c r="N2152">
        <v>1</v>
      </c>
      <c r="O2152">
        <v>1</v>
      </c>
      <c r="P2152">
        <v>0</v>
      </c>
      <c r="Q2152">
        <v>0</v>
      </c>
      <c r="R2152">
        <v>3.465735902799727</v>
      </c>
      <c r="S2152">
        <v>1</v>
      </c>
      <c r="T2152">
        <v>1</v>
      </c>
      <c r="U2152">
        <v>0</v>
      </c>
      <c r="V2152">
        <v>0</v>
      </c>
      <c r="W2152">
        <v>3.4339872044851458</v>
      </c>
      <c r="X2152">
        <v>1</v>
      </c>
      <c r="Y2152">
        <v>1</v>
      </c>
      <c r="Z2152">
        <v>0</v>
      </c>
      <c r="AA2152">
        <v>0</v>
      </c>
      <c r="AB2152">
        <v>3.401197381662155</v>
      </c>
      <c r="AC2152">
        <v>1</v>
      </c>
      <c r="AD2152">
        <v>1</v>
      </c>
      <c r="AE2152">
        <v>0</v>
      </c>
      <c r="AF2152">
        <v>0</v>
      </c>
      <c r="AG2152">
        <v>3.3672958299864728</v>
      </c>
      <c r="AH2152">
        <v>0.29657127452035781</v>
      </c>
      <c r="AI2152">
        <v>-5.7794997492514377E-2</v>
      </c>
      <c r="AJ2152">
        <v>0.2209062057798887</v>
      </c>
      <c r="AK2152">
        <v>-3.5162144525126601E-2</v>
      </c>
      <c r="AL2152">
        <v>530.80455465039086</v>
      </c>
      <c r="AM2152">
        <v>779.7804336878429</v>
      </c>
      <c r="AN2152">
        <v>4765</v>
      </c>
      <c r="AO2152">
        <v>5</v>
      </c>
      <c r="AP2152">
        <v>349.32656978465297</v>
      </c>
      <c r="AQ2152">
        <v>1.71875</v>
      </c>
      <c r="AR2152">
        <v>4.5</v>
      </c>
      <c r="AS2152">
        <v>32</v>
      </c>
      <c r="AT2152">
        <v>0</v>
      </c>
      <c r="AU2152">
        <v>0.119441699604743</v>
      </c>
      <c r="AV2152">
        <v>0.31209895802629589</v>
      </c>
      <c r="AW2152">
        <v>0.28125</v>
      </c>
      <c r="AX2152">
        <v>71.483870967741936</v>
      </c>
      <c r="AY2152">
        <v>62</v>
      </c>
      <c r="AZ2152">
        <v>126.5</v>
      </c>
      <c r="BA2152">
        <v>0.50405402662308774</v>
      </c>
      <c r="BB2152">
        <v>0.59375</v>
      </c>
      <c r="BC2152">
        <v>3.3445488586064429</v>
      </c>
      <c r="BD2152" t="s">
        <v>8209</v>
      </c>
      <c r="BE2152" t="s">
        <v>62</v>
      </c>
    </row>
    <row r="2153" spans="1:57" x14ac:dyDescent="0.3">
      <c r="A2153" t="s">
        <v>8210</v>
      </c>
      <c r="B2153">
        <v>3602</v>
      </c>
      <c r="C2153" t="s">
        <v>8211</v>
      </c>
      <c r="D2153" t="s">
        <v>8212</v>
      </c>
      <c r="E2153" t="s">
        <v>106</v>
      </c>
      <c r="F2153">
        <v>3632</v>
      </c>
      <c r="G2153">
        <v>126.2695484581498</v>
      </c>
      <c r="H2153">
        <v>126</v>
      </c>
      <c r="I2153">
        <v>5454.0157246859771</v>
      </c>
      <c r="J2153">
        <v>73.851308212420832</v>
      </c>
      <c r="K2153">
        <v>4.6047741162119366E-3</v>
      </c>
      <c r="L2153">
        <v>-1.205297237870433</v>
      </c>
      <c r="M2153">
        <v>7.9445737690597316</v>
      </c>
      <c r="N2153">
        <v>26</v>
      </c>
      <c r="O2153">
        <v>6</v>
      </c>
      <c r="P2153">
        <v>20</v>
      </c>
      <c r="Q2153">
        <v>3.9345226838842851</v>
      </c>
      <c r="R2153">
        <v>5.5067589087742412</v>
      </c>
      <c r="S2153">
        <v>3</v>
      </c>
      <c r="T2153">
        <v>1</v>
      </c>
      <c r="U2153">
        <v>2</v>
      </c>
      <c r="V2153">
        <v>0.15119414902785719</v>
      </c>
      <c r="W2153">
        <v>8.1661939438752373</v>
      </c>
      <c r="X2153">
        <v>1</v>
      </c>
      <c r="Y2153">
        <v>1</v>
      </c>
      <c r="Z2153">
        <v>0</v>
      </c>
      <c r="AA2153">
        <v>0</v>
      </c>
      <c r="AB2153">
        <v>8.1969879272588972</v>
      </c>
      <c r="AC2153">
        <v>1</v>
      </c>
      <c r="AD2153">
        <v>1</v>
      </c>
      <c r="AE2153">
        <v>0</v>
      </c>
      <c r="AF2153">
        <v>0</v>
      </c>
      <c r="AG2153">
        <v>8.1967124072130719</v>
      </c>
      <c r="AH2153">
        <v>1.874206803616833E-4</v>
      </c>
      <c r="AI2153">
        <v>-8.0884945745227036E-3</v>
      </c>
      <c r="AJ2153">
        <v>8.552336835095738E-3</v>
      </c>
      <c r="AK2153">
        <v>-1.896038671410533E-2</v>
      </c>
      <c r="AL2153">
        <v>4077.5622811164471</v>
      </c>
      <c r="AM2153">
        <v>7816.0779706715057</v>
      </c>
      <c r="AN2153">
        <v>458610.99999999988</v>
      </c>
      <c r="AO2153">
        <v>155.6762323928335</v>
      </c>
      <c r="AP2153">
        <v>3655.7402731331958</v>
      </c>
      <c r="AQ2153">
        <v>1.0063325991189429</v>
      </c>
      <c r="AR2153">
        <v>3.954570484581498</v>
      </c>
      <c r="AS2153">
        <v>3621</v>
      </c>
      <c r="AT2153">
        <v>279.33039647577101</v>
      </c>
      <c r="AU2153">
        <v>1.3151075408136811E-2</v>
      </c>
      <c r="AV2153">
        <v>1.87492567216964E-4</v>
      </c>
      <c r="AW2153">
        <v>0.37142070484581502</v>
      </c>
      <c r="AX2153">
        <v>85.254475351142929</v>
      </c>
      <c r="AY2153">
        <v>64</v>
      </c>
      <c r="AZ2153">
        <v>128</v>
      </c>
      <c r="BA2153">
        <v>0.5848702962369251</v>
      </c>
      <c r="BB2153">
        <v>0.49889867841409691</v>
      </c>
      <c r="BC2153">
        <v>5.3152538049890428</v>
      </c>
      <c r="BD2153" t="s">
        <v>8213</v>
      </c>
      <c r="BE2153" t="s">
        <v>62</v>
      </c>
    </row>
    <row r="2154" spans="1:57" x14ac:dyDescent="0.3">
      <c r="A2154" t="s">
        <v>8214</v>
      </c>
      <c r="B2154">
        <v>1409</v>
      </c>
      <c r="C2154" t="s">
        <v>8215</v>
      </c>
      <c r="D2154" t="s">
        <v>8216</v>
      </c>
      <c r="E2154" t="s">
        <v>72</v>
      </c>
      <c r="F2154">
        <v>1416</v>
      </c>
      <c r="G2154">
        <v>126.1906779661017</v>
      </c>
      <c r="H2154">
        <v>125</v>
      </c>
      <c r="I2154">
        <v>5498.9749413482714</v>
      </c>
      <c r="J2154">
        <v>74.155073604900906</v>
      </c>
      <c r="K2154">
        <v>4.9627521752064453E-2</v>
      </c>
      <c r="L2154">
        <v>-1.2208859867829489</v>
      </c>
      <c r="M2154">
        <v>7.8476344086575009</v>
      </c>
      <c r="N2154">
        <v>14</v>
      </c>
      <c r="O2154">
        <v>1</v>
      </c>
      <c r="P2154">
        <v>13</v>
      </c>
      <c r="Q2154">
        <v>2.426947420144812</v>
      </c>
      <c r="R2154">
        <v>5.4395656644261612</v>
      </c>
      <c r="S2154">
        <v>2</v>
      </c>
      <c r="T2154">
        <v>1</v>
      </c>
      <c r="U2154">
        <v>1</v>
      </c>
      <c r="V2154">
        <v>0.1572229996648343</v>
      </c>
      <c r="W2154">
        <v>7.2205948435478691</v>
      </c>
      <c r="X2154">
        <v>2</v>
      </c>
      <c r="Y2154">
        <v>1</v>
      </c>
      <c r="Z2154">
        <v>1</v>
      </c>
      <c r="AA2154">
        <v>9.2119168564695805E-2</v>
      </c>
      <c r="AB2154">
        <v>7.2424129721047228</v>
      </c>
      <c r="AC2154">
        <v>2</v>
      </c>
      <c r="AD2154">
        <v>1</v>
      </c>
      <c r="AE2154">
        <v>1</v>
      </c>
      <c r="AF2154">
        <v>8.4123607263410255E-2</v>
      </c>
      <c r="AG2154">
        <v>7.2436593822519706</v>
      </c>
      <c r="AH2154">
        <v>-5.5249085609412234E-3</v>
      </c>
      <c r="AI2154">
        <v>-9.1395072706557008E-3</v>
      </c>
      <c r="AJ2154">
        <v>-2.8526953576172121E-2</v>
      </c>
      <c r="AK2154">
        <v>-8.9769479688298461E-4</v>
      </c>
      <c r="AL2154">
        <v>2621.2905684973271</v>
      </c>
      <c r="AM2154">
        <v>4843.9541446536177</v>
      </c>
      <c r="AN2154">
        <v>178686</v>
      </c>
      <c r="AO2154">
        <v>154.4757164998091</v>
      </c>
      <c r="AP2154">
        <v>2402.0807502250568</v>
      </c>
      <c r="AQ2154">
        <v>1.016242937853107</v>
      </c>
      <c r="AR2154">
        <v>3.9399717514124299</v>
      </c>
      <c r="AS2154">
        <v>1409</v>
      </c>
      <c r="AT2154">
        <v>268.36440677966112</v>
      </c>
      <c r="AU2154">
        <v>2.3172150216018591E-2</v>
      </c>
      <c r="AV2154">
        <v>-5.5289536405596388E-3</v>
      </c>
      <c r="AW2154">
        <v>0.38629943502824859</v>
      </c>
      <c r="AX2154">
        <v>86.821201413427559</v>
      </c>
      <c r="AY2154">
        <v>64</v>
      </c>
      <c r="AZ2154">
        <v>129</v>
      </c>
      <c r="BA2154">
        <v>0.58764303988303335</v>
      </c>
      <c r="BB2154">
        <v>0.4943502824858757</v>
      </c>
      <c r="BC2154">
        <v>5.2581211783240747</v>
      </c>
      <c r="BD2154" t="s">
        <v>8217</v>
      </c>
      <c r="BE2154" t="s">
        <v>68</v>
      </c>
    </row>
    <row r="2155" spans="1:57" x14ac:dyDescent="0.3">
      <c r="A2155" t="s">
        <v>8218</v>
      </c>
      <c r="B2155">
        <v>3926</v>
      </c>
      <c r="C2155" t="s">
        <v>8219</v>
      </c>
      <c r="D2155" t="s">
        <v>8220</v>
      </c>
      <c r="E2155" t="s">
        <v>10622</v>
      </c>
      <c r="F2155">
        <v>64</v>
      </c>
      <c r="G2155">
        <v>128.3125</v>
      </c>
      <c r="H2155">
        <v>120</v>
      </c>
      <c r="I2155">
        <v>5053.55859375</v>
      </c>
      <c r="J2155">
        <v>71.088385786638881</v>
      </c>
      <c r="K2155">
        <v>0.1153946386460161</v>
      </c>
      <c r="L2155">
        <v>-1.3280435847801431</v>
      </c>
      <c r="M2155">
        <v>5.8125</v>
      </c>
      <c r="N2155">
        <v>2</v>
      </c>
      <c r="O2155">
        <v>1</v>
      </c>
      <c r="P2155">
        <v>1</v>
      </c>
      <c r="Q2155">
        <v>0.30454347814923621</v>
      </c>
      <c r="R2155">
        <v>4.0289179870046823</v>
      </c>
      <c r="S2155">
        <v>1</v>
      </c>
      <c r="T2155">
        <v>1</v>
      </c>
      <c r="U2155">
        <v>0</v>
      </c>
      <c r="V2155">
        <v>0</v>
      </c>
      <c r="W2155">
        <v>4.1431347263915326</v>
      </c>
      <c r="X2155">
        <v>1</v>
      </c>
      <c r="Y2155">
        <v>1</v>
      </c>
      <c r="Z2155">
        <v>0</v>
      </c>
      <c r="AA2155">
        <v>0</v>
      </c>
      <c r="AB2155">
        <v>4.1271343850450908</v>
      </c>
      <c r="AC2155">
        <v>1</v>
      </c>
      <c r="AD2155">
        <v>1</v>
      </c>
      <c r="AE2155">
        <v>0</v>
      </c>
      <c r="AF2155">
        <v>0</v>
      </c>
      <c r="AG2155">
        <v>4.1108738641733096</v>
      </c>
      <c r="AH2155">
        <v>-0.21414588777941909</v>
      </c>
      <c r="AI2155">
        <v>0.1385330408027759</v>
      </c>
      <c r="AJ2155">
        <v>-5.1363830967658147E-2</v>
      </c>
      <c r="AK2155">
        <v>-9.65245763930275E-2</v>
      </c>
      <c r="AL2155">
        <v>617.59819844184335</v>
      </c>
      <c r="AM2155">
        <v>997.84891906610278</v>
      </c>
      <c r="AN2155">
        <v>8212</v>
      </c>
      <c r="AO2155">
        <v>40.254784539898253</v>
      </c>
      <c r="AP2155">
        <v>450.33698199420883</v>
      </c>
      <c r="AQ2155">
        <v>1.359375</v>
      </c>
      <c r="AR2155">
        <v>3.75</v>
      </c>
      <c r="AS2155">
        <v>63</v>
      </c>
      <c r="AT2155">
        <v>4.8750000000000018</v>
      </c>
      <c r="AU2155">
        <v>9.0193089430894324E-2</v>
      </c>
      <c r="AV2155">
        <v>-0.21773656585621509</v>
      </c>
      <c r="AW2155">
        <v>0.4375</v>
      </c>
      <c r="AX2155">
        <v>91.682539682539684</v>
      </c>
      <c r="AY2155">
        <v>65</v>
      </c>
      <c r="AZ2155">
        <v>138.25</v>
      </c>
      <c r="BA2155">
        <v>0.55402541285251927</v>
      </c>
      <c r="BB2155">
        <v>0.484375</v>
      </c>
      <c r="BC2155">
        <v>3.901083330005521</v>
      </c>
      <c r="BD2155" t="s">
        <v>8221</v>
      </c>
      <c r="BE2155" t="s">
        <v>62</v>
      </c>
    </row>
    <row r="2156" spans="1:57" x14ac:dyDescent="0.3">
      <c r="A2156" t="s">
        <v>8222</v>
      </c>
      <c r="B2156">
        <v>2141</v>
      </c>
      <c r="C2156" t="s">
        <v>8223</v>
      </c>
      <c r="D2156" t="s">
        <v>8224</v>
      </c>
      <c r="E2156" t="s">
        <v>85</v>
      </c>
      <c r="F2156">
        <v>8</v>
      </c>
      <c r="G2156">
        <v>81.875</v>
      </c>
      <c r="H2156">
        <v>73.5</v>
      </c>
      <c r="I2156">
        <v>2981.609375</v>
      </c>
      <c r="J2156">
        <v>54.604115000611444</v>
      </c>
      <c r="K2156">
        <v>1.3208767011556599</v>
      </c>
      <c r="L2156">
        <v>0.91540714404339063</v>
      </c>
      <c r="M2156">
        <v>2.75</v>
      </c>
      <c r="N2156">
        <v>2</v>
      </c>
      <c r="O2156">
        <v>1</v>
      </c>
      <c r="P2156">
        <v>1</v>
      </c>
      <c r="Q2156">
        <v>0.3499271061118826</v>
      </c>
      <c r="R2156">
        <v>1.9061547465398501</v>
      </c>
      <c r="S2156">
        <v>1</v>
      </c>
      <c r="T2156">
        <v>1</v>
      </c>
      <c r="U2156">
        <v>0</v>
      </c>
      <c r="V2156">
        <v>0</v>
      </c>
      <c r="W2156">
        <v>1.945910149055313</v>
      </c>
      <c r="X2156">
        <v>1</v>
      </c>
      <c r="Y2156">
        <v>1</v>
      </c>
      <c r="Z2156">
        <v>0</v>
      </c>
      <c r="AA2156">
        <v>0</v>
      </c>
      <c r="AB2156">
        <v>1.791759469228055</v>
      </c>
      <c r="AC2156">
        <v>1</v>
      </c>
      <c r="AD2156">
        <v>1</v>
      </c>
      <c r="AE2156">
        <v>0</v>
      </c>
      <c r="AF2156">
        <v>0</v>
      </c>
      <c r="AG2156">
        <v>1.6094379124341009</v>
      </c>
      <c r="AH2156">
        <v>-0.18576442567195781</v>
      </c>
      <c r="AI2156">
        <v>-0.1011945625003275</v>
      </c>
      <c r="AJ2156">
        <v>9.9025667765416117E-2</v>
      </c>
      <c r="AK2156">
        <v>0</v>
      </c>
      <c r="AL2156">
        <v>225.37026022582859</v>
      </c>
      <c r="AM2156">
        <v>163.36843576940529</v>
      </c>
      <c r="AN2156">
        <v>655</v>
      </c>
      <c r="AO2156">
        <v>145.64867840394791</v>
      </c>
      <c r="AP2156">
        <v>162.41618124968329</v>
      </c>
      <c r="AQ2156">
        <v>3.5</v>
      </c>
      <c r="AR2156">
        <v>4</v>
      </c>
      <c r="AS2156">
        <v>8</v>
      </c>
      <c r="AT2156">
        <v>0.74999999999999989</v>
      </c>
      <c r="AU2156">
        <v>0.51614832535885169</v>
      </c>
      <c r="AV2156">
        <v>-0.18754952967717181</v>
      </c>
      <c r="AW2156">
        <v>0.625</v>
      </c>
      <c r="AX2156">
        <v>79</v>
      </c>
      <c r="AY2156">
        <v>26</v>
      </c>
      <c r="AZ2156">
        <v>47</v>
      </c>
      <c r="BA2156">
        <v>0.6669204885570863</v>
      </c>
      <c r="BB2156">
        <v>0.5</v>
      </c>
      <c r="BC2156">
        <v>1.945910149055313</v>
      </c>
      <c r="BD2156" t="s">
        <v>8223</v>
      </c>
      <c r="BE2156" t="s">
        <v>68</v>
      </c>
    </row>
    <row r="2157" spans="1:57" x14ac:dyDescent="0.3">
      <c r="A2157" t="s">
        <v>8225</v>
      </c>
      <c r="B2157">
        <v>2765</v>
      </c>
      <c r="C2157" t="s">
        <v>8226</v>
      </c>
      <c r="D2157" t="s">
        <v>8227</v>
      </c>
      <c r="E2157" t="s">
        <v>66</v>
      </c>
      <c r="F2157">
        <v>71</v>
      </c>
      <c r="G2157">
        <v>112.9859154929577</v>
      </c>
      <c r="H2157">
        <v>111</v>
      </c>
      <c r="I2157">
        <v>5635.7603650069432</v>
      </c>
      <c r="J2157">
        <v>75.071701492685932</v>
      </c>
      <c r="K2157">
        <v>2.9204265695359919E-2</v>
      </c>
      <c r="L2157">
        <v>-1.2620147221075939</v>
      </c>
      <c r="M2157">
        <v>5.9525640209131279</v>
      </c>
      <c r="N2157">
        <v>2</v>
      </c>
      <c r="O2157">
        <v>1</v>
      </c>
      <c r="P2157">
        <v>1</v>
      </c>
      <c r="Q2157">
        <v>0.31210913055372153</v>
      </c>
      <c r="R2157">
        <v>4.1260029681985104</v>
      </c>
      <c r="S2157">
        <v>1</v>
      </c>
      <c r="T2157">
        <v>1</v>
      </c>
      <c r="U2157">
        <v>0</v>
      </c>
      <c r="V2157">
        <v>0</v>
      </c>
      <c r="W2157">
        <v>4.2484952420493576</v>
      </c>
      <c r="X2157">
        <v>1</v>
      </c>
      <c r="Y2157">
        <v>1</v>
      </c>
      <c r="Z2157">
        <v>0</v>
      </c>
      <c r="AA2157">
        <v>0</v>
      </c>
      <c r="AB2157">
        <v>4.2341065045972579</v>
      </c>
      <c r="AC2157">
        <v>1</v>
      </c>
      <c r="AD2157">
        <v>1</v>
      </c>
      <c r="AE2157">
        <v>0</v>
      </c>
      <c r="AF2157">
        <v>0</v>
      </c>
      <c r="AG2157">
        <v>4.2195077051761087</v>
      </c>
      <c r="AH2157">
        <v>0.26930684739244448</v>
      </c>
      <c r="AI2157">
        <v>0.1492318433802996</v>
      </c>
      <c r="AJ2157">
        <v>-7.1008533739844698E-2</v>
      </c>
      <c r="AK2157">
        <v>-8.0430368097629684E-2</v>
      </c>
      <c r="AL2157">
        <v>658.84577648296693</v>
      </c>
      <c r="AM2157">
        <v>934.04188493373056</v>
      </c>
      <c r="AN2157">
        <v>8022</v>
      </c>
      <c r="AO2157">
        <v>71.233333573527659</v>
      </c>
      <c r="AP2157">
        <v>485.25491986722278</v>
      </c>
      <c r="AQ2157">
        <v>1.323943661971831</v>
      </c>
      <c r="AR2157">
        <v>3.563380281690141</v>
      </c>
      <c r="AS2157">
        <v>71</v>
      </c>
      <c r="AT2157">
        <v>5.619718309859155</v>
      </c>
      <c r="AU2157">
        <v>9.6142069810165348E-2</v>
      </c>
      <c r="AV2157">
        <v>0.27083947044883672</v>
      </c>
      <c r="AW2157">
        <v>0.36619718309859162</v>
      </c>
      <c r="AX2157">
        <v>71.142857142857139</v>
      </c>
      <c r="AY2157">
        <v>64</v>
      </c>
      <c r="AZ2157">
        <v>125.5</v>
      </c>
      <c r="BA2157">
        <v>0.66443415681634277</v>
      </c>
      <c r="BB2157">
        <v>0.47887323943661969</v>
      </c>
      <c r="BC2157">
        <v>4.0156990383372468</v>
      </c>
      <c r="BD2157" t="s">
        <v>8228</v>
      </c>
      <c r="BE2157" t="s">
        <v>68</v>
      </c>
    </row>
    <row r="2158" spans="1:57" x14ac:dyDescent="0.3">
      <c r="A2158" t="s">
        <v>8229</v>
      </c>
      <c r="B2158">
        <v>1444</v>
      </c>
      <c r="C2158" t="s">
        <v>8230</v>
      </c>
      <c r="D2158" t="s">
        <v>8231</v>
      </c>
      <c r="E2158" t="s">
        <v>85</v>
      </c>
      <c r="F2158">
        <v>8</v>
      </c>
      <c r="G2158">
        <v>67.25</v>
      </c>
      <c r="H2158">
        <v>35.5</v>
      </c>
      <c r="I2158">
        <v>5216.9375</v>
      </c>
      <c r="J2158">
        <v>72.22837046479728</v>
      </c>
      <c r="K2158">
        <v>1.963367546328938</v>
      </c>
      <c r="L2158">
        <v>2.2919187219142438</v>
      </c>
      <c r="M2158">
        <v>3</v>
      </c>
      <c r="N2158">
        <v>1</v>
      </c>
      <c r="O2158">
        <v>1</v>
      </c>
      <c r="P2158">
        <v>0</v>
      </c>
      <c r="Q2158">
        <v>0</v>
      </c>
      <c r="R2158">
        <v>2.0794415416798362</v>
      </c>
      <c r="S2158">
        <v>1</v>
      </c>
      <c r="T2158">
        <v>1</v>
      </c>
      <c r="U2158">
        <v>0</v>
      </c>
      <c r="V2158">
        <v>0</v>
      </c>
      <c r="W2158">
        <v>1.945910149055313</v>
      </c>
      <c r="X2158">
        <v>1</v>
      </c>
      <c r="Y2158">
        <v>1</v>
      </c>
      <c r="Z2158">
        <v>0</v>
      </c>
      <c r="AA2158">
        <v>0</v>
      </c>
      <c r="AB2158">
        <v>1.791759469228055</v>
      </c>
      <c r="AC2158">
        <v>1</v>
      </c>
      <c r="AD2158">
        <v>1</v>
      </c>
      <c r="AE2158">
        <v>0</v>
      </c>
      <c r="AF2158">
        <v>0</v>
      </c>
      <c r="AG2158">
        <v>1.6094379124341009</v>
      </c>
      <c r="AH2158">
        <v>-0.30341825304596798</v>
      </c>
      <c r="AI2158">
        <v>-0.15757268991625831</v>
      </c>
      <c r="AJ2158">
        <v>-0.17790759665033359</v>
      </c>
      <c r="AK2158">
        <v>0</v>
      </c>
      <c r="AL2158">
        <v>252.05704986999089</v>
      </c>
      <c r="AM2158">
        <v>119.9301613891891</v>
      </c>
      <c r="AN2158">
        <v>538</v>
      </c>
      <c r="AO2158">
        <v>160.88805161719469</v>
      </c>
      <c r="AP2158">
        <v>213.17007393138431</v>
      </c>
      <c r="AQ2158">
        <v>3.5</v>
      </c>
      <c r="AR2158">
        <v>3.625</v>
      </c>
      <c r="AS2158">
        <v>8</v>
      </c>
      <c r="AT2158">
        <v>0</v>
      </c>
      <c r="AU2158">
        <v>0.62250996015936255</v>
      </c>
      <c r="AV2158">
        <v>-0.31326924509717508</v>
      </c>
      <c r="AW2158">
        <v>0.5</v>
      </c>
      <c r="AX2158">
        <v>85.857142857142861</v>
      </c>
      <c r="AY2158">
        <v>10.5</v>
      </c>
      <c r="AZ2158">
        <v>29</v>
      </c>
      <c r="BA2158">
        <v>1.074027813602934</v>
      </c>
      <c r="BB2158">
        <v>0.25</v>
      </c>
      <c r="BC2158">
        <v>1.945910149055313</v>
      </c>
      <c r="BD2158" t="s">
        <v>8230</v>
      </c>
      <c r="BE2158" t="s">
        <v>68</v>
      </c>
    </row>
    <row r="2159" spans="1:57" x14ac:dyDescent="0.3">
      <c r="A2159" t="s">
        <v>8232</v>
      </c>
      <c r="B2159">
        <v>3120</v>
      </c>
      <c r="C2159" t="s">
        <v>8233</v>
      </c>
      <c r="D2159" t="s">
        <v>8234</v>
      </c>
      <c r="E2159" t="s">
        <v>93</v>
      </c>
      <c r="F2159">
        <v>3342</v>
      </c>
      <c r="G2159">
        <v>126.3300418910832</v>
      </c>
      <c r="H2159">
        <v>127</v>
      </c>
      <c r="I2159">
        <v>5466.6795223800518</v>
      </c>
      <c r="J2159">
        <v>73.936996979726274</v>
      </c>
      <c r="K2159">
        <v>1.6716493862605711E-2</v>
      </c>
      <c r="L2159">
        <v>-1.218940970016946</v>
      </c>
      <c r="M2159">
        <v>7.9387555291346104</v>
      </c>
      <c r="N2159">
        <v>24</v>
      </c>
      <c r="O2159">
        <v>4</v>
      </c>
      <c r="P2159">
        <v>20</v>
      </c>
      <c r="Q2159">
        <v>3.7838236979732218</v>
      </c>
      <c r="R2159">
        <v>5.5027260121743264</v>
      </c>
      <c r="S2159">
        <v>2</v>
      </c>
      <c r="T2159">
        <v>1</v>
      </c>
      <c r="U2159">
        <v>1</v>
      </c>
      <c r="V2159">
        <v>0.1575650280213656</v>
      </c>
      <c r="W2159">
        <v>8.0795859236578806</v>
      </c>
      <c r="X2159">
        <v>2</v>
      </c>
      <c r="Y2159">
        <v>1</v>
      </c>
      <c r="Z2159">
        <v>1</v>
      </c>
      <c r="AA2159">
        <v>1.73032127291456E-2</v>
      </c>
      <c r="AB2159">
        <v>8.1133110277787956</v>
      </c>
      <c r="AC2159">
        <v>1</v>
      </c>
      <c r="AD2159">
        <v>1</v>
      </c>
      <c r="AE2159">
        <v>0</v>
      </c>
      <c r="AF2159">
        <v>0</v>
      </c>
      <c r="AG2159">
        <v>8.1134266399436541</v>
      </c>
      <c r="AH2159">
        <v>5.3644046472911778E-3</v>
      </c>
      <c r="AI2159">
        <v>1.7157970067231468E-2</v>
      </c>
      <c r="AJ2159">
        <v>-2.8977921084509278E-2</v>
      </c>
      <c r="AK2159">
        <v>-2.5644058325809609E-2</v>
      </c>
      <c r="AL2159">
        <v>3917.5521702192041</v>
      </c>
      <c r="AM2159">
        <v>7500.5559789665476</v>
      </c>
      <c r="AN2159">
        <v>422195.00000000012</v>
      </c>
      <c r="AO2159">
        <v>93.207639113503063</v>
      </c>
      <c r="AP2159">
        <v>3577.4571442826709</v>
      </c>
      <c r="AQ2159">
        <v>1.00688210652304</v>
      </c>
      <c r="AR2159">
        <v>3.9838420107719932</v>
      </c>
      <c r="AS2159">
        <v>3329</v>
      </c>
      <c r="AT2159">
        <v>280.76002393776179</v>
      </c>
      <c r="AU2159">
        <v>1.307072200513959E-2</v>
      </c>
      <c r="AV2159">
        <v>5.3665027085857452E-3</v>
      </c>
      <c r="AW2159">
        <v>0.36864153201675642</v>
      </c>
      <c r="AX2159">
        <v>84.703082909308591</v>
      </c>
      <c r="AY2159">
        <v>65</v>
      </c>
      <c r="AZ2159">
        <v>129</v>
      </c>
      <c r="BA2159">
        <v>0.58526852261690743</v>
      </c>
      <c r="BB2159">
        <v>0.50059844404548171</v>
      </c>
      <c r="BC2159">
        <v>5.3159305065531388</v>
      </c>
      <c r="BD2159" t="s">
        <v>8235</v>
      </c>
      <c r="BE2159" t="s">
        <v>68</v>
      </c>
    </row>
    <row r="2160" spans="1:57" x14ac:dyDescent="0.3">
      <c r="A2160" t="s">
        <v>8236</v>
      </c>
      <c r="B2160">
        <v>1706</v>
      </c>
      <c r="C2160" t="s">
        <v>8237</v>
      </c>
      <c r="D2160" t="s">
        <v>8238</v>
      </c>
      <c r="E2160" t="s">
        <v>98</v>
      </c>
      <c r="F2160">
        <v>16</v>
      </c>
      <c r="G2160">
        <v>138.9375</v>
      </c>
      <c r="H2160">
        <v>151</v>
      </c>
      <c r="I2160">
        <v>4951.05859375</v>
      </c>
      <c r="J2160">
        <v>70.363759093371357</v>
      </c>
      <c r="K2160">
        <v>-0.19029449832429021</v>
      </c>
      <c r="L2160">
        <v>-1.194386213278241</v>
      </c>
      <c r="M2160">
        <v>3.75</v>
      </c>
      <c r="N2160">
        <v>2</v>
      </c>
      <c r="O2160">
        <v>1</v>
      </c>
      <c r="P2160">
        <v>1</v>
      </c>
      <c r="Q2160">
        <v>0.3499271061118826</v>
      </c>
      <c r="R2160">
        <v>2.5993019270997948</v>
      </c>
      <c r="S2160">
        <v>1</v>
      </c>
      <c r="T2160">
        <v>1</v>
      </c>
      <c r="U2160">
        <v>0</v>
      </c>
      <c r="V2160">
        <v>0</v>
      </c>
      <c r="W2160">
        <v>2.7080502011022101</v>
      </c>
      <c r="X2160">
        <v>1</v>
      </c>
      <c r="Y2160">
        <v>1</v>
      </c>
      <c r="Z2160">
        <v>0</v>
      </c>
      <c r="AA2160">
        <v>0</v>
      </c>
      <c r="AB2160">
        <v>2.639057329615258</v>
      </c>
      <c r="AC2160">
        <v>1</v>
      </c>
      <c r="AD2160">
        <v>1</v>
      </c>
      <c r="AE2160">
        <v>0</v>
      </c>
      <c r="AF2160">
        <v>0</v>
      </c>
      <c r="AG2160">
        <v>2.5649493574615372</v>
      </c>
      <c r="AH2160">
        <v>-0.21492725474586799</v>
      </c>
      <c r="AI2160">
        <v>-0.15442177769747789</v>
      </c>
      <c r="AJ2160">
        <v>-0.26952120600786922</v>
      </c>
      <c r="AK2160">
        <v>6.0690737697351657E-3</v>
      </c>
      <c r="AL2160">
        <v>391.78893548483921</v>
      </c>
      <c r="AM2160">
        <v>484.33090963891271</v>
      </c>
      <c r="AN2160">
        <v>2223</v>
      </c>
      <c r="AO2160">
        <v>134.53031226181869</v>
      </c>
      <c r="AP2160">
        <v>255.3348007481419</v>
      </c>
      <c r="AQ2160">
        <v>2.3125</v>
      </c>
      <c r="AR2160">
        <v>4.5625</v>
      </c>
      <c r="AS2160">
        <v>16</v>
      </c>
      <c r="AT2160">
        <v>1.5</v>
      </c>
      <c r="AU2160">
        <v>0.1856694560669456</v>
      </c>
      <c r="AV2160">
        <v>-0.22416428062054691</v>
      </c>
      <c r="AW2160">
        <v>0.3125</v>
      </c>
      <c r="AX2160">
        <v>97.4</v>
      </c>
      <c r="AY2160">
        <v>65</v>
      </c>
      <c r="AZ2160">
        <v>112.5</v>
      </c>
      <c r="BA2160">
        <v>0.50644181083848028</v>
      </c>
      <c r="BB2160">
        <v>0.625</v>
      </c>
      <c r="BC2160">
        <v>2.7080502011022101</v>
      </c>
      <c r="BD2160" t="s">
        <v>8237</v>
      </c>
      <c r="BE2160" t="s">
        <v>62</v>
      </c>
    </row>
    <row r="2161" spans="1:57" x14ac:dyDescent="0.3">
      <c r="A2161" t="s">
        <v>8239</v>
      </c>
      <c r="B2161">
        <v>142</v>
      </c>
      <c r="C2161" t="s">
        <v>8240</v>
      </c>
      <c r="D2161" t="s">
        <v>8241</v>
      </c>
      <c r="E2161" t="s">
        <v>60</v>
      </c>
      <c r="F2161">
        <v>512</v>
      </c>
      <c r="G2161">
        <v>127.59765625</v>
      </c>
      <c r="H2161">
        <v>128.5</v>
      </c>
      <c r="I2161">
        <v>5301.5646820068359</v>
      </c>
      <c r="J2161">
        <v>72.811844379927891</v>
      </c>
      <c r="K2161">
        <v>5.3797781455184714E-3</v>
      </c>
      <c r="L2161">
        <v>-1.134219370117401</v>
      </c>
      <c r="M2161">
        <v>7.5818828195693184</v>
      </c>
      <c r="N2161">
        <v>8</v>
      </c>
      <c r="O2161">
        <v>1</v>
      </c>
      <c r="P2161">
        <v>7</v>
      </c>
      <c r="Q2161">
        <v>1.3434217200847749</v>
      </c>
      <c r="R2161">
        <v>5.2553606997203586</v>
      </c>
      <c r="S2161">
        <v>2</v>
      </c>
      <c r="T2161">
        <v>1</v>
      </c>
      <c r="U2161">
        <v>1</v>
      </c>
      <c r="V2161">
        <v>7.6620080535545518E-2</v>
      </c>
      <c r="W2161">
        <v>6.2282308757548588</v>
      </c>
      <c r="X2161">
        <v>1</v>
      </c>
      <c r="Y2161">
        <v>1</v>
      </c>
      <c r="Z2161">
        <v>0</v>
      </c>
      <c r="AA2161">
        <v>0</v>
      </c>
      <c r="AB2161">
        <v>6.2344107257183694</v>
      </c>
      <c r="AC2161">
        <v>1</v>
      </c>
      <c r="AD2161">
        <v>1</v>
      </c>
      <c r="AE2161">
        <v>0</v>
      </c>
      <c r="AF2161">
        <v>0</v>
      </c>
      <c r="AG2161">
        <v>6.2324480165505216</v>
      </c>
      <c r="AH2161">
        <v>-2.9705007780308078E-3</v>
      </c>
      <c r="AI2161">
        <v>-1.9689415783125969E-2</v>
      </c>
      <c r="AJ2161">
        <v>0.10996639068282391</v>
      </c>
      <c r="AK2161">
        <v>-9.3932889283512618E-3</v>
      </c>
      <c r="AL2161">
        <v>1604.032093166501</v>
      </c>
      <c r="AM2161">
        <v>2911.6038611205149</v>
      </c>
      <c r="AN2161">
        <v>65330</v>
      </c>
      <c r="AO2161">
        <v>114.2515222863904</v>
      </c>
      <c r="AP2161">
        <v>1459.668410628371</v>
      </c>
      <c r="AQ2161">
        <v>1.044921875</v>
      </c>
      <c r="AR2161">
        <v>3.974609375</v>
      </c>
      <c r="AS2161">
        <v>512</v>
      </c>
      <c r="AT2161">
        <v>175.29296875</v>
      </c>
      <c r="AU2161">
        <v>2.630974264705882E-2</v>
      </c>
      <c r="AV2161">
        <v>-2.978575175903329E-3</v>
      </c>
      <c r="AW2161">
        <v>0.36328125</v>
      </c>
      <c r="AX2161">
        <v>83.385518590998046</v>
      </c>
      <c r="AY2161">
        <v>60.5</v>
      </c>
      <c r="AZ2161">
        <v>121</v>
      </c>
      <c r="BA2161">
        <v>0.57063622107030587</v>
      </c>
      <c r="BB2161">
        <v>0.505859375</v>
      </c>
      <c r="BC2161">
        <v>5.0838911375742066</v>
      </c>
      <c r="BD2161" t="s">
        <v>8242</v>
      </c>
      <c r="BE2161" t="s">
        <v>62</v>
      </c>
    </row>
    <row r="2162" spans="1:57" x14ac:dyDescent="0.3">
      <c r="A2162" t="s">
        <v>8243</v>
      </c>
      <c r="B2162">
        <v>3157</v>
      </c>
      <c r="C2162" t="s">
        <v>8244</v>
      </c>
      <c r="D2162" t="s">
        <v>8245</v>
      </c>
      <c r="E2162" t="s">
        <v>66</v>
      </c>
      <c r="F2162">
        <v>70</v>
      </c>
      <c r="G2162">
        <v>113.5428571428571</v>
      </c>
      <c r="H2162">
        <v>113</v>
      </c>
      <c r="I2162">
        <v>5347.5053061224498</v>
      </c>
      <c r="J2162">
        <v>73.126638826917585</v>
      </c>
      <c r="K2162">
        <v>0.21088759900676449</v>
      </c>
      <c r="L2162">
        <v>-1.1713586258420039</v>
      </c>
      <c r="M2162">
        <v>5.689927481199776</v>
      </c>
      <c r="N2162">
        <v>4</v>
      </c>
      <c r="O2162">
        <v>1</v>
      </c>
      <c r="P2162">
        <v>3</v>
      </c>
      <c r="Q2162">
        <v>0.57476703355111003</v>
      </c>
      <c r="R2162">
        <v>3.943957191184174</v>
      </c>
      <c r="S2162">
        <v>2</v>
      </c>
      <c r="T2162">
        <v>1</v>
      </c>
      <c r="U2162">
        <v>1</v>
      </c>
      <c r="V2162">
        <v>0.1203728348804772</v>
      </c>
      <c r="W2162">
        <v>4.2140152819723324</v>
      </c>
      <c r="X2162">
        <v>1</v>
      </c>
      <c r="Y2162">
        <v>1</v>
      </c>
      <c r="Z2162">
        <v>0</v>
      </c>
      <c r="AA2162">
        <v>0</v>
      </c>
      <c r="AB2162">
        <v>4.2195077051761087</v>
      </c>
      <c r="AC2162">
        <v>1</v>
      </c>
      <c r="AD2162">
        <v>1</v>
      </c>
      <c r="AE2162">
        <v>0</v>
      </c>
      <c r="AF2162">
        <v>0</v>
      </c>
      <c r="AG2162">
        <v>4.2046926193909648</v>
      </c>
      <c r="AH2162">
        <v>-2.9116251979234099E-2</v>
      </c>
      <c r="AI2162">
        <v>-9.8454170330218894E-3</v>
      </c>
      <c r="AJ2162">
        <v>7.3906782134185209E-2</v>
      </c>
      <c r="AK2162">
        <v>-0.1078520186454399</v>
      </c>
      <c r="AL2162">
        <v>635.70237456124823</v>
      </c>
      <c r="AM2162">
        <v>934.15549614461452</v>
      </c>
      <c r="AN2162">
        <v>7948</v>
      </c>
      <c r="AO2162">
        <v>10.52573261253529</v>
      </c>
      <c r="AP2162">
        <v>589.22343241241742</v>
      </c>
      <c r="AQ2162">
        <v>1.328571428571429</v>
      </c>
      <c r="AR2162">
        <v>3.8285714285714292</v>
      </c>
      <c r="AS2162">
        <v>70</v>
      </c>
      <c r="AT2162">
        <v>14.8</v>
      </c>
      <c r="AU2162">
        <v>9.7975708502024306E-2</v>
      </c>
      <c r="AV2162">
        <v>-2.994616035800704E-2</v>
      </c>
      <c r="AW2162">
        <v>0.45714285714285707</v>
      </c>
      <c r="AX2162">
        <v>89.246376811594203</v>
      </c>
      <c r="AY2162">
        <v>65</v>
      </c>
      <c r="AZ2162">
        <v>128.75</v>
      </c>
      <c r="BA2162">
        <v>0.64404437819378846</v>
      </c>
      <c r="BB2162">
        <v>0.48571428571428571</v>
      </c>
      <c r="BC2162">
        <v>3.9501706911791108</v>
      </c>
      <c r="BD2162" t="s">
        <v>8246</v>
      </c>
      <c r="BE2162" t="s">
        <v>68</v>
      </c>
    </row>
    <row r="2163" spans="1:57" x14ac:dyDescent="0.3">
      <c r="A2163" t="s">
        <v>8247</v>
      </c>
      <c r="B2163">
        <v>3480</v>
      </c>
      <c r="C2163" t="s">
        <v>8248</v>
      </c>
      <c r="D2163" t="s">
        <v>8249</v>
      </c>
      <c r="E2163" t="s">
        <v>72</v>
      </c>
      <c r="F2163">
        <v>3488</v>
      </c>
      <c r="G2163">
        <v>127.9942660550459</v>
      </c>
      <c r="H2163">
        <v>127</v>
      </c>
      <c r="I2163">
        <v>5445.9604029016928</v>
      </c>
      <c r="J2163">
        <v>73.79675062563183</v>
      </c>
      <c r="K2163">
        <v>-1.0711487760836589E-4</v>
      </c>
      <c r="L2163">
        <v>-1.200417775425632</v>
      </c>
      <c r="M2163">
        <v>7.9475411054974172</v>
      </c>
      <c r="N2163">
        <v>27</v>
      </c>
      <c r="O2163">
        <v>4</v>
      </c>
      <c r="P2163">
        <v>23</v>
      </c>
      <c r="Q2163">
        <v>3.6880296229829819</v>
      </c>
      <c r="R2163">
        <v>5.5088157096598103</v>
      </c>
      <c r="S2163">
        <v>3</v>
      </c>
      <c r="T2163">
        <v>1</v>
      </c>
      <c r="U2163">
        <v>2</v>
      </c>
      <c r="V2163">
        <v>0.15241475784459141</v>
      </c>
      <c r="W2163">
        <v>8.125239690015988</v>
      </c>
      <c r="X2163">
        <v>1</v>
      </c>
      <c r="Y2163">
        <v>1</v>
      </c>
      <c r="Z2163">
        <v>0</v>
      </c>
      <c r="AA2163">
        <v>0</v>
      </c>
      <c r="AB2163">
        <v>8.1565102260799645</v>
      </c>
      <c r="AC2163">
        <v>1</v>
      </c>
      <c r="AD2163">
        <v>1</v>
      </c>
      <c r="AE2163">
        <v>0</v>
      </c>
      <c r="AF2163">
        <v>0</v>
      </c>
      <c r="AG2163">
        <v>8.156223323194622</v>
      </c>
      <c r="AH2163">
        <v>1.3278016625547159E-2</v>
      </c>
      <c r="AI2163">
        <v>-2.02015601063344E-2</v>
      </c>
      <c r="AJ2163">
        <v>-1.8414282958628628E-2</v>
      </c>
      <c r="AK2163">
        <v>-1.614414556683768E-2</v>
      </c>
      <c r="AL2163">
        <v>4003.478499059554</v>
      </c>
      <c r="AM2163">
        <v>7753.060164062179</v>
      </c>
      <c r="AN2163">
        <v>446444</v>
      </c>
      <c r="AO2163">
        <v>35.36613860527261</v>
      </c>
      <c r="AP2163">
        <v>3630.141041086355</v>
      </c>
      <c r="AQ2163">
        <v>1.0065940366972479</v>
      </c>
      <c r="AR2163">
        <v>3.9956995412844041</v>
      </c>
      <c r="AS2163">
        <v>3473</v>
      </c>
      <c r="AT2163">
        <v>255.55963302752289</v>
      </c>
      <c r="AU2163">
        <v>8.5638154344306328E-3</v>
      </c>
      <c r="AV2163">
        <v>1.327988353553617E-2</v>
      </c>
      <c r="AW2163">
        <v>0.37413990825688082</v>
      </c>
      <c r="AX2163">
        <v>84.522798967593914</v>
      </c>
      <c r="AY2163">
        <v>64</v>
      </c>
      <c r="AZ2163">
        <v>128</v>
      </c>
      <c r="BA2163">
        <v>0.57656294223285298</v>
      </c>
      <c r="BB2163">
        <v>0.49913990825688082</v>
      </c>
      <c r="BC2163">
        <v>5.309958744730146</v>
      </c>
      <c r="BD2163" t="s">
        <v>8250</v>
      </c>
      <c r="BE2163" t="s">
        <v>62</v>
      </c>
    </row>
    <row r="2164" spans="1:57" x14ac:dyDescent="0.3">
      <c r="A2164" t="s">
        <v>8251</v>
      </c>
      <c r="B2164">
        <v>3584</v>
      </c>
      <c r="C2164" t="s">
        <v>8252</v>
      </c>
      <c r="D2164" t="s">
        <v>8253</v>
      </c>
      <c r="E2164" t="s">
        <v>93</v>
      </c>
      <c r="F2164">
        <v>3686</v>
      </c>
      <c r="G2164">
        <v>129.44465545306559</v>
      </c>
      <c r="H2164">
        <v>132</v>
      </c>
      <c r="I2164">
        <v>5556.2485647619169</v>
      </c>
      <c r="J2164">
        <v>74.540247952109183</v>
      </c>
      <c r="K2164">
        <v>-4.1590021771188507E-2</v>
      </c>
      <c r="L2164">
        <v>-1.2218679792220339</v>
      </c>
      <c r="M2164">
        <v>7.9476208939684518</v>
      </c>
      <c r="N2164">
        <v>26</v>
      </c>
      <c r="O2164">
        <v>4</v>
      </c>
      <c r="P2164">
        <v>22</v>
      </c>
      <c r="Q2164">
        <v>3.8575004936608561</v>
      </c>
      <c r="R2164">
        <v>5.5088710148135522</v>
      </c>
      <c r="S2164">
        <v>3</v>
      </c>
      <c r="T2164">
        <v>1</v>
      </c>
      <c r="U2164">
        <v>2</v>
      </c>
      <c r="V2164">
        <v>0.1631111168580964</v>
      </c>
      <c r="W2164">
        <v>8.1763790838004269</v>
      </c>
      <c r="X2164">
        <v>1</v>
      </c>
      <c r="Y2164">
        <v>1</v>
      </c>
      <c r="Z2164">
        <v>0</v>
      </c>
      <c r="AA2164">
        <v>0</v>
      </c>
      <c r="AB2164">
        <v>8.2117543973751985</v>
      </c>
      <c r="AC2164">
        <v>1</v>
      </c>
      <c r="AD2164">
        <v>1</v>
      </c>
      <c r="AE2164">
        <v>0</v>
      </c>
      <c r="AF2164">
        <v>0</v>
      </c>
      <c r="AG2164">
        <v>8.211482916445064</v>
      </c>
      <c r="AH2164">
        <v>-6.6589250655201791E-3</v>
      </c>
      <c r="AI2164">
        <v>-1.7475771580565881E-2</v>
      </c>
      <c r="AJ2164">
        <v>2.8330200916558538E-3</v>
      </c>
      <c r="AK2164">
        <v>6.7727264020047201E-3</v>
      </c>
      <c r="AL2164">
        <v>4112.8678563420444</v>
      </c>
      <c r="AM2164">
        <v>8082.5099440871954</v>
      </c>
      <c r="AN2164">
        <v>477133</v>
      </c>
      <c r="AO2164">
        <v>76.987578617624195</v>
      </c>
      <c r="AP2164">
        <v>3722.1721452169531</v>
      </c>
      <c r="AQ2164">
        <v>1.0062398263700489</v>
      </c>
      <c r="AR2164">
        <v>4.0295713510580571</v>
      </c>
      <c r="AS2164">
        <v>3668</v>
      </c>
      <c r="AT2164">
        <v>264.56755290287572</v>
      </c>
      <c r="AU2164">
        <v>2.1692040896662549E-2</v>
      </c>
      <c r="AV2164">
        <v>-6.6591258060006301E-3</v>
      </c>
      <c r="AW2164">
        <v>0.3545849158979924</v>
      </c>
      <c r="AX2164">
        <v>86.835006784260514</v>
      </c>
      <c r="AY2164">
        <v>66</v>
      </c>
      <c r="AZ2164">
        <v>130</v>
      </c>
      <c r="BA2164">
        <v>0.57584647037927461</v>
      </c>
      <c r="BB2164">
        <v>0.50732501356483994</v>
      </c>
      <c r="BC2164">
        <v>5.3308080910098647</v>
      </c>
      <c r="BD2164" t="s">
        <v>8254</v>
      </c>
      <c r="BE2164" t="s">
        <v>68</v>
      </c>
    </row>
    <row r="2165" spans="1:57" x14ac:dyDescent="0.3">
      <c r="A2165" t="s">
        <v>8255</v>
      </c>
      <c r="B2165">
        <v>2861</v>
      </c>
      <c r="C2165" t="s">
        <v>8256</v>
      </c>
      <c r="D2165" t="s">
        <v>8257</v>
      </c>
      <c r="E2165" t="s">
        <v>72</v>
      </c>
      <c r="F2165">
        <v>2864</v>
      </c>
      <c r="G2165">
        <v>125.7081005586592</v>
      </c>
      <c r="H2165">
        <v>124</v>
      </c>
      <c r="I2165">
        <v>5417.284208123966</v>
      </c>
      <c r="J2165">
        <v>73.602202467887921</v>
      </c>
      <c r="K2165">
        <v>4.6653403147431619E-2</v>
      </c>
      <c r="L2165">
        <v>-1.198478157965418</v>
      </c>
      <c r="M2165">
        <v>7.9215047938805494</v>
      </c>
      <c r="N2165">
        <v>24</v>
      </c>
      <c r="O2165">
        <v>4</v>
      </c>
      <c r="P2165">
        <v>20</v>
      </c>
      <c r="Q2165">
        <v>3.586111018046743</v>
      </c>
      <c r="R2165">
        <v>5.4907687136703913</v>
      </c>
      <c r="S2165">
        <v>2</v>
      </c>
      <c r="T2165">
        <v>1</v>
      </c>
      <c r="U2165">
        <v>1</v>
      </c>
      <c r="V2165">
        <v>0.20110865395791491</v>
      </c>
      <c r="W2165">
        <v>7.9034568992685994</v>
      </c>
      <c r="X2165">
        <v>2</v>
      </c>
      <c r="Y2165">
        <v>1</v>
      </c>
      <c r="Z2165">
        <v>1</v>
      </c>
      <c r="AA2165">
        <v>0.1121453303290383</v>
      </c>
      <c r="AB2165">
        <v>7.94183829519665</v>
      </c>
      <c r="AC2165">
        <v>2</v>
      </c>
      <c r="AD2165">
        <v>1</v>
      </c>
      <c r="AE2165">
        <v>1</v>
      </c>
      <c r="AF2165">
        <v>0.1023946609751288</v>
      </c>
      <c r="AG2165">
        <v>7.9443900264882101</v>
      </c>
      <c r="AH2165">
        <v>7.7407792263788676E-3</v>
      </c>
      <c r="AI2165">
        <v>4.8217997663811563E-3</v>
      </c>
      <c r="AJ2165">
        <v>-1.6522769789773479E-2</v>
      </c>
      <c r="AK2165">
        <v>1.6448871696083209E-2</v>
      </c>
      <c r="AL2165">
        <v>3606.0633471183378</v>
      </c>
      <c r="AM2165">
        <v>6911.5732750633306</v>
      </c>
      <c r="AN2165">
        <v>360028</v>
      </c>
      <c r="AO2165">
        <v>54.737791234858072</v>
      </c>
      <c r="AP2165">
        <v>3205.1252925159638</v>
      </c>
      <c r="AQ2165">
        <v>1.008030726256983</v>
      </c>
      <c r="AR2165">
        <v>3.9402932960893851</v>
      </c>
      <c r="AS2165">
        <v>2847</v>
      </c>
      <c r="AT2165">
        <v>291.98114525139658</v>
      </c>
      <c r="AU2165">
        <v>2.4581005586592149E-2</v>
      </c>
      <c r="AV2165">
        <v>7.7412720749961894E-3</v>
      </c>
      <c r="AW2165">
        <v>0.39001396648044689</v>
      </c>
      <c r="AX2165">
        <v>84.296192804750262</v>
      </c>
      <c r="AY2165">
        <v>63</v>
      </c>
      <c r="AZ2165">
        <v>126</v>
      </c>
      <c r="BA2165">
        <v>0.58550087178783594</v>
      </c>
      <c r="BB2165">
        <v>0.49371508379888268</v>
      </c>
      <c r="BC2165">
        <v>5.2988708805508944</v>
      </c>
      <c r="BD2165" t="s">
        <v>8258</v>
      </c>
      <c r="BE2165" t="s">
        <v>62</v>
      </c>
    </row>
    <row r="2166" spans="1:57" x14ac:dyDescent="0.3">
      <c r="A2166" t="s">
        <v>8259</v>
      </c>
      <c r="B2166">
        <v>3065</v>
      </c>
      <c r="C2166" t="s">
        <v>8260</v>
      </c>
      <c r="D2166" t="s">
        <v>8261</v>
      </c>
      <c r="E2166" t="s">
        <v>85</v>
      </c>
      <c r="F2166">
        <v>8</v>
      </c>
      <c r="G2166">
        <v>77.125</v>
      </c>
      <c r="H2166">
        <v>80</v>
      </c>
      <c r="I2166">
        <v>2952.859375</v>
      </c>
      <c r="J2166">
        <v>54.340218761061323</v>
      </c>
      <c r="K2166">
        <v>0.85808231284656844</v>
      </c>
      <c r="L2166">
        <v>0.258271682573044</v>
      </c>
      <c r="M2166">
        <v>3</v>
      </c>
      <c r="N2166">
        <v>1</v>
      </c>
      <c r="O2166">
        <v>1</v>
      </c>
      <c r="P2166">
        <v>0</v>
      </c>
      <c r="Q2166">
        <v>0</v>
      </c>
      <c r="R2166">
        <v>2.0794415416798362</v>
      </c>
      <c r="S2166">
        <v>1</v>
      </c>
      <c r="T2166">
        <v>1</v>
      </c>
      <c r="U2166">
        <v>0</v>
      </c>
      <c r="V2166">
        <v>0</v>
      </c>
      <c r="W2166">
        <v>1.945910149055313</v>
      </c>
      <c r="X2166">
        <v>1</v>
      </c>
      <c r="Y2166">
        <v>1</v>
      </c>
      <c r="Z2166">
        <v>0</v>
      </c>
      <c r="AA2166">
        <v>0</v>
      </c>
      <c r="AB2166">
        <v>1.791759469228055</v>
      </c>
      <c r="AC2166">
        <v>1</v>
      </c>
      <c r="AD2166">
        <v>1</v>
      </c>
      <c r="AE2166">
        <v>0</v>
      </c>
      <c r="AF2166">
        <v>0</v>
      </c>
      <c r="AG2166">
        <v>1.6094379124341009</v>
      </c>
      <c r="AH2166">
        <v>5.7941058190419253E-2</v>
      </c>
      <c r="AI2166">
        <v>-6.8880534227946433E-2</v>
      </c>
      <c r="AJ2166">
        <v>-0.21293780392945399</v>
      </c>
      <c r="AK2166">
        <v>0</v>
      </c>
      <c r="AL2166">
        <v>207.2858827215064</v>
      </c>
      <c r="AM2166">
        <v>168.0522621816377</v>
      </c>
      <c r="AN2166">
        <v>617</v>
      </c>
      <c r="AO2166">
        <v>52.354560450833702</v>
      </c>
      <c r="AP2166">
        <v>185.84696767191431</v>
      </c>
      <c r="AQ2166">
        <v>3.5</v>
      </c>
      <c r="AR2166">
        <v>3.375</v>
      </c>
      <c r="AS2166">
        <v>8</v>
      </c>
      <c r="AT2166">
        <v>0</v>
      </c>
      <c r="AU2166">
        <v>0.43397435897435899</v>
      </c>
      <c r="AV2166">
        <v>6.0531772972793968E-2</v>
      </c>
      <c r="AW2166">
        <v>0.625</v>
      </c>
      <c r="AX2166">
        <v>62.142857142857153</v>
      </c>
      <c r="AY2166">
        <v>25.5</v>
      </c>
      <c r="AZ2166">
        <v>54.75</v>
      </c>
      <c r="BA2166">
        <v>0.70457333887923912</v>
      </c>
      <c r="BB2166">
        <v>0.5</v>
      </c>
      <c r="BC2166">
        <v>1.945910149055313</v>
      </c>
      <c r="BD2166" t="s">
        <v>8260</v>
      </c>
      <c r="BE2166" t="s">
        <v>68</v>
      </c>
    </row>
    <row r="2167" spans="1:57" x14ac:dyDescent="0.3">
      <c r="A2167" t="s">
        <v>8262</v>
      </c>
      <c r="B2167">
        <v>1103</v>
      </c>
      <c r="C2167" t="s">
        <v>8263</v>
      </c>
      <c r="D2167" t="s">
        <v>8264</v>
      </c>
      <c r="E2167" t="s">
        <v>106</v>
      </c>
      <c r="F2167">
        <v>1119</v>
      </c>
      <c r="G2167">
        <v>127.8865058087578</v>
      </c>
      <c r="H2167">
        <v>123</v>
      </c>
      <c r="I2167">
        <v>5830.5849742964356</v>
      </c>
      <c r="J2167">
        <v>76.358267229530796</v>
      </c>
      <c r="K2167">
        <v>5.4426429838696937E-2</v>
      </c>
      <c r="L2167">
        <v>-1.2598374904269281</v>
      </c>
      <c r="M2167">
        <v>7.8336580052214781</v>
      </c>
      <c r="N2167">
        <v>13</v>
      </c>
      <c r="O2167">
        <v>1</v>
      </c>
      <c r="P2167">
        <v>12</v>
      </c>
      <c r="Q2167">
        <v>2.073705318640584</v>
      </c>
      <c r="R2167">
        <v>5.4298779597901046</v>
      </c>
      <c r="S2167">
        <v>2</v>
      </c>
      <c r="T2167">
        <v>1</v>
      </c>
      <c r="U2167">
        <v>1</v>
      </c>
      <c r="V2167">
        <v>0.1196171110946213</v>
      </c>
      <c r="W2167">
        <v>6.9994570206399844</v>
      </c>
      <c r="X2167">
        <v>1</v>
      </c>
      <c r="Y2167">
        <v>1</v>
      </c>
      <c r="Z2167">
        <v>0</v>
      </c>
      <c r="AA2167">
        <v>0</v>
      </c>
      <c r="AB2167">
        <v>7.0184017990692009</v>
      </c>
      <c r="AC2167">
        <v>1</v>
      </c>
      <c r="AD2167">
        <v>1</v>
      </c>
      <c r="AE2167">
        <v>0</v>
      </c>
      <c r="AF2167">
        <v>0</v>
      </c>
      <c r="AG2167">
        <v>7.017506142941258</v>
      </c>
      <c r="AH2167">
        <v>-1.930183718154228E-2</v>
      </c>
      <c r="AI2167">
        <v>-7.6701991825947266E-3</v>
      </c>
      <c r="AJ2167">
        <v>-3.0713454759999849E-2</v>
      </c>
      <c r="AK2167">
        <v>3.3005514377896432E-4</v>
      </c>
      <c r="AL2167">
        <v>2385.514024056698</v>
      </c>
      <c r="AM2167">
        <v>4374.3509051091014</v>
      </c>
      <c r="AN2167">
        <v>143105</v>
      </c>
      <c r="AO2167">
        <v>109.3397280536928</v>
      </c>
      <c r="AP2167">
        <v>2132.0048767105582</v>
      </c>
      <c r="AQ2167">
        <v>1.0205540661304739</v>
      </c>
      <c r="AR2167">
        <v>4.042001787310098</v>
      </c>
      <c r="AS2167">
        <v>1113</v>
      </c>
      <c r="AT2167">
        <v>249.88739946380699</v>
      </c>
      <c r="AU2167">
        <v>3.8595384534510828E-2</v>
      </c>
      <c r="AV2167">
        <v>-1.932215318174144E-2</v>
      </c>
      <c r="AW2167">
        <v>0.39142091152815012</v>
      </c>
      <c r="AX2167">
        <v>89.228085867620749</v>
      </c>
      <c r="AY2167">
        <v>68</v>
      </c>
      <c r="AZ2167">
        <v>135.5</v>
      </c>
      <c r="BA2167">
        <v>0.59707837622616233</v>
      </c>
      <c r="BB2167">
        <v>0.47989276139410192</v>
      </c>
      <c r="BC2167">
        <v>5.2741558281678218</v>
      </c>
      <c r="BD2167" t="s">
        <v>8265</v>
      </c>
      <c r="BE2167" t="s">
        <v>68</v>
      </c>
    </row>
    <row r="2168" spans="1:57" x14ac:dyDescent="0.3">
      <c r="A2168" t="s">
        <v>8266</v>
      </c>
      <c r="B2168">
        <v>2449</v>
      </c>
      <c r="C2168" t="s">
        <v>8267</v>
      </c>
      <c r="D2168" t="s">
        <v>8268</v>
      </c>
      <c r="E2168" t="s">
        <v>106</v>
      </c>
      <c r="F2168">
        <v>2517</v>
      </c>
      <c r="G2168">
        <v>126.6853396901073</v>
      </c>
      <c r="H2168">
        <v>126</v>
      </c>
      <c r="I2168">
        <v>5573.1437381941068</v>
      </c>
      <c r="J2168">
        <v>74.653491131989981</v>
      </c>
      <c r="K2168">
        <v>2.4639423997292451E-3</v>
      </c>
      <c r="L2168">
        <v>-1.2083630337155911</v>
      </c>
      <c r="M2168">
        <v>7.9295729636883383</v>
      </c>
      <c r="N2168">
        <v>19</v>
      </c>
      <c r="O2168">
        <v>2</v>
      </c>
      <c r="P2168">
        <v>17</v>
      </c>
      <c r="Q2168">
        <v>3.0463716531348299</v>
      </c>
      <c r="R2168">
        <v>5.4963611428249388</v>
      </c>
      <c r="S2168">
        <v>3</v>
      </c>
      <c r="T2168">
        <v>1</v>
      </c>
      <c r="U2168">
        <v>2</v>
      </c>
      <c r="V2168">
        <v>0.1492134768976148</v>
      </c>
      <c r="W2168">
        <v>7.8004641139871698</v>
      </c>
      <c r="X2168">
        <v>2</v>
      </c>
      <c r="Y2168">
        <v>1</v>
      </c>
      <c r="Z2168">
        <v>1</v>
      </c>
      <c r="AA2168">
        <v>1.9940267079545399E-2</v>
      </c>
      <c r="AB2168">
        <v>7.8294768720522807</v>
      </c>
      <c r="AC2168">
        <v>1</v>
      </c>
      <c r="AD2168">
        <v>1</v>
      </c>
      <c r="AE2168">
        <v>0</v>
      </c>
      <c r="AF2168">
        <v>0</v>
      </c>
      <c r="AG2168">
        <v>7.8296303891501928</v>
      </c>
      <c r="AH2168">
        <v>1.508269485110863E-2</v>
      </c>
      <c r="AI2168">
        <v>-1.7414319573230261E-3</v>
      </c>
      <c r="AJ2168">
        <v>-2.098539919528768E-2</v>
      </c>
      <c r="AK2168">
        <v>7.1462011138429121E-3</v>
      </c>
      <c r="AL2168">
        <v>3450.2688583194431</v>
      </c>
      <c r="AM2168">
        <v>6520.6611478676796</v>
      </c>
      <c r="AN2168">
        <v>318867</v>
      </c>
      <c r="AO2168">
        <v>108.6138930628491</v>
      </c>
      <c r="AP2168">
        <v>3162.3568789233282</v>
      </c>
      <c r="AQ2168">
        <v>1.009137862534764</v>
      </c>
      <c r="AR2168">
        <v>3.9849026618990862</v>
      </c>
      <c r="AS2168">
        <v>2501</v>
      </c>
      <c r="AT2168">
        <v>241.6364719904648</v>
      </c>
      <c r="AU2168">
        <v>1.6382715183808919E-2</v>
      </c>
      <c r="AV2168">
        <v>1.5084588376168641E-2</v>
      </c>
      <c r="AW2168">
        <v>0.37028208184346451</v>
      </c>
      <c r="AX2168">
        <v>85.231319554848966</v>
      </c>
      <c r="AY2168">
        <v>64</v>
      </c>
      <c r="AZ2168">
        <v>129</v>
      </c>
      <c r="BA2168">
        <v>0.58928279558317032</v>
      </c>
      <c r="BB2168">
        <v>0.49702026221692491</v>
      </c>
      <c r="BC2168">
        <v>5.3045218944780013</v>
      </c>
      <c r="BD2168" t="s">
        <v>8269</v>
      </c>
      <c r="BE2168" t="s">
        <v>68</v>
      </c>
    </row>
    <row r="2169" spans="1:57" x14ac:dyDescent="0.3">
      <c r="A2169" t="s">
        <v>8270</v>
      </c>
      <c r="B2169">
        <v>1655</v>
      </c>
      <c r="C2169" t="s">
        <v>8271</v>
      </c>
      <c r="D2169" t="s">
        <v>8272</v>
      </c>
      <c r="E2169" t="s">
        <v>106</v>
      </c>
      <c r="F2169">
        <v>1663</v>
      </c>
      <c r="G2169">
        <v>123.6794948887553</v>
      </c>
      <c r="H2169">
        <v>124</v>
      </c>
      <c r="I2169">
        <v>5530.9610167021683</v>
      </c>
      <c r="J2169">
        <v>74.370431064383169</v>
      </c>
      <c r="K2169">
        <v>3.1884196093574381E-2</v>
      </c>
      <c r="L2169">
        <v>-1.2287726606653531</v>
      </c>
      <c r="M2169">
        <v>7.882879701172822</v>
      </c>
      <c r="N2169">
        <v>15</v>
      </c>
      <c r="O2169">
        <v>1</v>
      </c>
      <c r="P2169">
        <v>14</v>
      </c>
      <c r="Q2169">
        <v>2.5186608428624728</v>
      </c>
      <c r="R2169">
        <v>5.4639958395611714</v>
      </c>
      <c r="S2169">
        <v>2</v>
      </c>
      <c r="T2169">
        <v>1</v>
      </c>
      <c r="U2169">
        <v>1</v>
      </c>
      <c r="V2169">
        <v>9.1776784274537032E-2</v>
      </c>
      <c r="W2169">
        <v>7.4040994055864626</v>
      </c>
      <c r="X2169">
        <v>1</v>
      </c>
      <c r="Y2169">
        <v>1</v>
      </c>
      <c r="Z2169">
        <v>0</v>
      </c>
      <c r="AA2169">
        <v>0</v>
      </c>
      <c r="AB2169">
        <v>7.415175109613295</v>
      </c>
      <c r="AC2169">
        <v>1</v>
      </c>
      <c r="AD2169">
        <v>1</v>
      </c>
      <c r="AE2169">
        <v>0</v>
      </c>
      <c r="AF2169">
        <v>0</v>
      </c>
      <c r="AG2169">
        <v>7.4145728813505896</v>
      </c>
      <c r="AH2169">
        <v>1.68583704638554E-2</v>
      </c>
      <c r="AI2169">
        <v>-3.5417402001924163E-2</v>
      </c>
      <c r="AJ2169">
        <v>4.7383383081703217E-3</v>
      </c>
      <c r="AK2169">
        <v>3.0359745055865361E-2</v>
      </c>
      <c r="AL2169">
        <v>2793.3923852858661</v>
      </c>
      <c r="AM2169">
        <v>5180.0793412675566</v>
      </c>
      <c r="AN2169">
        <v>205679</v>
      </c>
      <c r="AO2169">
        <v>54.880469868146463</v>
      </c>
      <c r="AP2169">
        <v>2439.485351859043</v>
      </c>
      <c r="AQ2169">
        <v>1.0138304269392659</v>
      </c>
      <c r="AR2169">
        <v>3.963920625375827</v>
      </c>
      <c r="AS2169">
        <v>1660</v>
      </c>
      <c r="AT2169">
        <v>248.043295249549</v>
      </c>
      <c r="AU2169">
        <v>3.642366146699208E-2</v>
      </c>
      <c r="AV2169">
        <v>1.6877466784889689E-2</v>
      </c>
      <c r="AW2169">
        <v>0.36560432952495492</v>
      </c>
      <c r="AX2169">
        <v>85.472924187725638</v>
      </c>
      <c r="AY2169">
        <v>65</v>
      </c>
      <c r="AZ2169">
        <v>129</v>
      </c>
      <c r="BA2169">
        <v>0.60131577292805394</v>
      </c>
      <c r="BB2169">
        <v>0.50150330727600723</v>
      </c>
      <c r="BC2169">
        <v>5.2934804898823966</v>
      </c>
      <c r="BD2169" t="s">
        <v>8273</v>
      </c>
      <c r="BE2169" t="s">
        <v>68</v>
      </c>
    </row>
    <row r="2170" spans="1:57" x14ac:dyDescent="0.3">
      <c r="A2170" t="s">
        <v>8274</v>
      </c>
      <c r="B2170">
        <v>3918</v>
      </c>
      <c r="C2170" t="s">
        <v>8275</v>
      </c>
      <c r="D2170" t="s">
        <v>8276</v>
      </c>
      <c r="E2170" t="s">
        <v>106</v>
      </c>
      <c r="F2170">
        <v>3978</v>
      </c>
      <c r="G2170">
        <v>126.3665158371041</v>
      </c>
      <c r="H2170">
        <v>124.5</v>
      </c>
      <c r="I2170">
        <v>5470.1572699621674</v>
      </c>
      <c r="J2170">
        <v>73.960511558277958</v>
      </c>
      <c r="K2170">
        <v>3.7993003432025052E-2</v>
      </c>
      <c r="L2170">
        <v>-1.186491371773245</v>
      </c>
      <c r="M2170">
        <v>7.9571593804618166</v>
      </c>
      <c r="N2170">
        <v>28</v>
      </c>
      <c r="O2170">
        <v>7</v>
      </c>
      <c r="P2170">
        <v>21</v>
      </c>
      <c r="Q2170">
        <v>3.8046072886822042</v>
      </c>
      <c r="R2170">
        <v>5.5154825898332254</v>
      </c>
      <c r="S2170">
        <v>3</v>
      </c>
      <c r="T2170">
        <v>1</v>
      </c>
      <c r="U2170">
        <v>2</v>
      </c>
      <c r="V2170">
        <v>0.17153505078469339</v>
      </c>
      <c r="W2170">
        <v>8.2486306038966326</v>
      </c>
      <c r="X2170">
        <v>2</v>
      </c>
      <c r="Y2170">
        <v>1</v>
      </c>
      <c r="Z2170">
        <v>1</v>
      </c>
      <c r="AA2170">
        <v>1.5859036490540369E-2</v>
      </c>
      <c r="AB2170">
        <v>8.2876829021926799</v>
      </c>
      <c r="AC2170">
        <v>1</v>
      </c>
      <c r="AD2170">
        <v>1</v>
      </c>
      <c r="AE2170">
        <v>0</v>
      </c>
      <c r="AF2170">
        <v>0</v>
      </c>
      <c r="AG2170">
        <v>8.2877800270884379</v>
      </c>
      <c r="AH2170">
        <v>1.2949995192852641E-2</v>
      </c>
      <c r="AI2170">
        <v>8.3158919410232807E-3</v>
      </c>
      <c r="AJ2170">
        <v>-2.7328616665967871E-2</v>
      </c>
      <c r="AK2170">
        <v>-2.0753579541185681E-2</v>
      </c>
      <c r="AL2170">
        <v>4280.5101132808513</v>
      </c>
      <c r="AM2170">
        <v>8182.9210658603051</v>
      </c>
      <c r="AN2170">
        <v>502686</v>
      </c>
      <c r="AO2170">
        <v>23.75943825502447</v>
      </c>
      <c r="AP2170">
        <v>3914.0667835171812</v>
      </c>
      <c r="AQ2170">
        <v>1.0057817998994469</v>
      </c>
      <c r="AR2170">
        <v>3.9844142785319261</v>
      </c>
      <c r="AS2170">
        <v>3966</v>
      </c>
      <c r="AT2170">
        <v>238.47058823529409</v>
      </c>
      <c r="AU2170">
        <v>1.7295123177476172E-2</v>
      </c>
      <c r="AV2170">
        <v>1.2950609212530551E-2</v>
      </c>
      <c r="AW2170">
        <v>0.3780794369029663</v>
      </c>
      <c r="AX2170">
        <v>84.714357555946691</v>
      </c>
      <c r="AY2170">
        <v>64.5</v>
      </c>
      <c r="AZ2170">
        <v>130</v>
      </c>
      <c r="BA2170">
        <v>0.58528567530989462</v>
      </c>
      <c r="BB2170">
        <v>0.49346405228758172</v>
      </c>
      <c r="BC2170">
        <v>5.3165217680261287</v>
      </c>
      <c r="BD2170" t="s">
        <v>8277</v>
      </c>
      <c r="BE2170" t="s">
        <v>68</v>
      </c>
    </row>
    <row r="2171" spans="1:57" x14ac:dyDescent="0.3">
      <c r="A2171" t="s">
        <v>8278</v>
      </c>
      <c r="B2171">
        <v>1731</v>
      </c>
      <c r="C2171" t="s">
        <v>8279</v>
      </c>
      <c r="D2171" t="s">
        <v>8280</v>
      </c>
      <c r="E2171" t="s">
        <v>66</v>
      </c>
      <c r="F2171">
        <v>70</v>
      </c>
      <c r="G2171">
        <v>109.28571428571431</v>
      </c>
      <c r="H2171">
        <v>113</v>
      </c>
      <c r="I2171">
        <v>5542.9183673469379</v>
      </c>
      <c r="J2171">
        <v>74.450778151386288</v>
      </c>
      <c r="K2171">
        <v>0.28299645943835222</v>
      </c>
      <c r="L2171">
        <v>-1.109042468495371</v>
      </c>
      <c r="M2171">
        <v>5.8220005168831568</v>
      </c>
      <c r="N2171">
        <v>3</v>
      </c>
      <c r="O2171">
        <v>1</v>
      </c>
      <c r="P2171">
        <v>2</v>
      </c>
      <c r="Q2171">
        <v>0.45338235029118151</v>
      </c>
      <c r="R2171">
        <v>4.0355032434961027</v>
      </c>
      <c r="S2171">
        <v>2</v>
      </c>
      <c r="T2171">
        <v>1</v>
      </c>
      <c r="U2171">
        <v>1</v>
      </c>
      <c r="V2171">
        <v>0.1203728348804772</v>
      </c>
      <c r="W2171">
        <v>4.2140152819723324</v>
      </c>
      <c r="X2171">
        <v>1</v>
      </c>
      <c r="Y2171">
        <v>1</v>
      </c>
      <c r="Z2171">
        <v>0</v>
      </c>
      <c r="AA2171">
        <v>0</v>
      </c>
      <c r="AB2171">
        <v>4.2195077051761087</v>
      </c>
      <c r="AC2171">
        <v>1</v>
      </c>
      <c r="AD2171">
        <v>1</v>
      </c>
      <c r="AE2171">
        <v>0</v>
      </c>
      <c r="AF2171">
        <v>0</v>
      </c>
      <c r="AG2171">
        <v>4.2046926193909648</v>
      </c>
      <c r="AH2171">
        <v>-2.023746844790798E-2</v>
      </c>
      <c r="AI2171">
        <v>-6.9143986943127622E-2</v>
      </c>
      <c r="AJ2171">
        <v>-3.2930364223832997E-2</v>
      </c>
      <c r="AK2171">
        <v>-0.1083355906546372</v>
      </c>
      <c r="AL2171">
        <v>669.68154887422963</v>
      </c>
      <c r="AM2171">
        <v>880.66260457533463</v>
      </c>
      <c r="AN2171">
        <v>7650</v>
      </c>
      <c r="AO2171">
        <v>31.054378483510039</v>
      </c>
      <c r="AP2171">
        <v>589.88186739287471</v>
      </c>
      <c r="AQ2171">
        <v>1.328571428571429</v>
      </c>
      <c r="AR2171">
        <v>3.7285714285714291</v>
      </c>
      <c r="AS2171">
        <v>70</v>
      </c>
      <c r="AT2171">
        <v>10.571428571428569</v>
      </c>
      <c r="AU2171">
        <v>0.13173302107728341</v>
      </c>
      <c r="AV2171">
        <v>-2.0323328603068451E-2</v>
      </c>
      <c r="AW2171">
        <v>0.42857142857142849</v>
      </c>
      <c r="AX2171">
        <v>86.666666666666671</v>
      </c>
      <c r="AY2171">
        <v>65</v>
      </c>
      <c r="AZ2171">
        <v>113.75</v>
      </c>
      <c r="BA2171">
        <v>0.68124895040484179</v>
      </c>
      <c r="BB2171">
        <v>0.52857142857142858</v>
      </c>
      <c r="BC2171">
        <v>3.9376627749855562</v>
      </c>
      <c r="BD2171" t="s">
        <v>8281</v>
      </c>
      <c r="BE2171" t="s">
        <v>68</v>
      </c>
    </row>
    <row r="2172" spans="1:57" x14ac:dyDescent="0.3">
      <c r="A2172" t="s">
        <v>8282</v>
      </c>
      <c r="B2172">
        <v>1496</v>
      </c>
      <c r="C2172" t="s">
        <v>8283</v>
      </c>
      <c r="D2172" t="s">
        <v>8284</v>
      </c>
      <c r="E2172" t="s">
        <v>85</v>
      </c>
      <c r="F2172">
        <v>8</v>
      </c>
      <c r="G2172">
        <v>91.625</v>
      </c>
      <c r="H2172">
        <v>97</v>
      </c>
      <c r="I2172">
        <v>1527.234375</v>
      </c>
      <c r="J2172">
        <v>39.079846148622437</v>
      </c>
      <c r="K2172">
        <v>-0.559628817717708</v>
      </c>
      <c r="L2172">
        <v>-0.3043766123434084</v>
      </c>
      <c r="M2172">
        <v>3</v>
      </c>
      <c r="N2172">
        <v>1</v>
      </c>
      <c r="O2172">
        <v>1</v>
      </c>
      <c r="P2172">
        <v>0</v>
      </c>
      <c r="Q2172">
        <v>0</v>
      </c>
      <c r="R2172">
        <v>2.0794415416798362</v>
      </c>
      <c r="S2172">
        <v>1</v>
      </c>
      <c r="T2172">
        <v>1</v>
      </c>
      <c r="U2172">
        <v>0</v>
      </c>
      <c r="V2172">
        <v>0</v>
      </c>
      <c r="W2172">
        <v>1.945910149055313</v>
      </c>
      <c r="X2172">
        <v>1</v>
      </c>
      <c r="Y2172">
        <v>1</v>
      </c>
      <c r="Z2172">
        <v>0</v>
      </c>
      <c r="AA2172">
        <v>0</v>
      </c>
      <c r="AB2172">
        <v>1.791759469228055</v>
      </c>
      <c r="AC2172">
        <v>1</v>
      </c>
      <c r="AD2172">
        <v>1</v>
      </c>
      <c r="AE2172">
        <v>0</v>
      </c>
      <c r="AF2172">
        <v>0</v>
      </c>
      <c r="AG2172">
        <v>1.6094379124341009</v>
      </c>
      <c r="AH2172">
        <v>-0.33905369182447848</v>
      </c>
      <c r="AI2172">
        <v>0.35783380907072632</v>
      </c>
      <c r="AJ2172">
        <v>-6.4675987027203993E-2</v>
      </c>
      <c r="AK2172">
        <v>0</v>
      </c>
      <c r="AL2172">
        <v>188.67592635491269</v>
      </c>
      <c r="AM2172">
        <v>209.2376515212201</v>
      </c>
      <c r="AN2172">
        <v>733</v>
      </c>
      <c r="AO2172">
        <v>52.697248505021591</v>
      </c>
      <c r="AP2172">
        <v>124.50322845731471</v>
      </c>
      <c r="AQ2172">
        <v>3.5</v>
      </c>
      <c r="AR2172">
        <v>4</v>
      </c>
      <c r="AS2172">
        <v>8</v>
      </c>
      <c r="AT2172">
        <v>0</v>
      </c>
      <c r="AU2172">
        <v>0.26660839160839161</v>
      </c>
      <c r="AV2172">
        <v>-0.34676200580602828</v>
      </c>
      <c r="AW2172">
        <v>0.625</v>
      </c>
      <c r="AX2172">
        <v>55.142857142857153</v>
      </c>
      <c r="AY2172">
        <v>27</v>
      </c>
      <c r="AZ2172">
        <v>42.75</v>
      </c>
      <c r="BA2172">
        <v>0.42651946683353281</v>
      </c>
      <c r="BB2172">
        <v>0.5</v>
      </c>
      <c r="BC2172">
        <v>1.945910149055313</v>
      </c>
      <c r="BD2172" t="s">
        <v>8283</v>
      </c>
      <c r="BE2172" t="s">
        <v>68</v>
      </c>
    </row>
    <row r="2173" spans="1:57" x14ac:dyDescent="0.3">
      <c r="A2173" t="s">
        <v>8285</v>
      </c>
      <c r="B2173">
        <v>3838</v>
      </c>
      <c r="C2173" t="s">
        <v>8286</v>
      </c>
      <c r="D2173" t="s">
        <v>8287</v>
      </c>
      <c r="E2173" t="s">
        <v>72</v>
      </c>
      <c r="F2173">
        <v>3840</v>
      </c>
      <c r="G2173">
        <v>124.9317708333333</v>
      </c>
      <c r="H2173">
        <v>124</v>
      </c>
      <c r="I2173">
        <v>5592.5583656141498</v>
      </c>
      <c r="J2173">
        <v>74.783409695026279</v>
      </c>
      <c r="K2173">
        <v>3.0506831954208641E-2</v>
      </c>
      <c r="L2173">
        <v>-1.2253130955192599</v>
      </c>
      <c r="M2173">
        <v>7.9433077766479139</v>
      </c>
      <c r="N2173">
        <v>25</v>
      </c>
      <c r="O2173">
        <v>4</v>
      </c>
      <c r="P2173">
        <v>21</v>
      </c>
      <c r="Q2173">
        <v>4.1391801724496116</v>
      </c>
      <c r="R2173">
        <v>5.50588138970339</v>
      </c>
      <c r="S2173">
        <v>3</v>
      </c>
      <c r="T2173">
        <v>1</v>
      </c>
      <c r="U2173">
        <v>2</v>
      </c>
      <c r="V2173">
        <v>0.16461962940440181</v>
      </c>
      <c r="W2173">
        <v>8.2165837794239476</v>
      </c>
      <c r="X2173">
        <v>1</v>
      </c>
      <c r="Y2173">
        <v>1</v>
      </c>
      <c r="Z2173">
        <v>0</v>
      </c>
      <c r="AA2173">
        <v>0</v>
      </c>
      <c r="AB2173">
        <v>8.2527066765676427</v>
      </c>
      <c r="AC2173">
        <v>1</v>
      </c>
      <c r="AD2173">
        <v>1</v>
      </c>
      <c r="AE2173">
        <v>0</v>
      </c>
      <c r="AF2173">
        <v>0</v>
      </c>
      <c r="AG2173">
        <v>8.2524460902469521</v>
      </c>
      <c r="AH2173">
        <v>-1.437526032947176E-2</v>
      </c>
      <c r="AI2173">
        <v>2.1336162154998831E-4</v>
      </c>
      <c r="AJ2173">
        <v>1.7343037581543909E-2</v>
      </c>
      <c r="AK2173">
        <v>2.664516564759874E-2</v>
      </c>
      <c r="AL2173">
        <v>4221.5121115246984</v>
      </c>
      <c r="AM2173">
        <v>7974.2571749505478</v>
      </c>
      <c r="AN2173">
        <v>479738</v>
      </c>
      <c r="AO2173">
        <v>44.036354029810362</v>
      </c>
      <c r="AP2173">
        <v>3836.461830003243</v>
      </c>
      <c r="AQ2173">
        <v>1.005989583333333</v>
      </c>
      <c r="AR2173">
        <v>3.9690104166666669</v>
      </c>
      <c r="AS2173">
        <v>3826</v>
      </c>
      <c r="AT2173">
        <v>292.39999999999998</v>
      </c>
      <c r="AU2173">
        <v>2.2441789215686261E-2</v>
      </c>
      <c r="AV2173">
        <v>-1.438258157734156E-2</v>
      </c>
      <c r="AW2173">
        <v>0.37578125000000001</v>
      </c>
      <c r="AX2173">
        <v>87.022401667100809</v>
      </c>
      <c r="AY2173">
        <v>65</v>
      </c>
      <c r="AZ2173">
        <v>130</v>
      </c>
      <c r="BA2173">
        <v>0.59859401012406965</v>
      </c>
      <c r="BB2173">
        <v>0.49843749999999998</v>
      </c>
      <c r="BC2173">
        <v>5.3316863218501833</v>
      </c>
      <c r="BD2173" t="s">
        <v>8288</v>
      </c>
      <c r="BE2173" t="s">
        <v>62</v>
      </c>
    </row>
    <row r="2174" spans="1:57" x14ac:dyDescent="0.3">
      <c r="A2174" t="s">
        <v>8289</v>
      </c>
      <c r="B2174">
        <v>762</v>
      </c>
      <c r="C2174" t="s">
        <v>8290</v>
      </c>
      <c r="D2174" t="s">
        <v>8291</v>
      </c>
      <c r="E2174" t="s">
        <v>128</v>
      </c>
      <c r="F2174">
        <v>32</v>
      </c>
      <c r="G2174">
        <v>124.71875</v>
      </c>
      <c r="H2174">
        <v>140</v>
      </c>
      <c r="I2174">
        <v>5057.8271484375</v>
      </c>
      <c r="J2174">
        <v>71.118402319213416</v>
      </c>
      <c r="K2174">
        <v>-9.386877776935483E-2</v>
      </c>
      <c r="L2174">
        <v>-0.9994913359826727</v>
      </c>
      <c r="M2174">
        <v>4.875</v>
      </c>
      <c r="N2174">
        <v>2</v>
      </c>
      <c r="O2174">
        <v>1</v>
      </c>
      <c r="P2174">
        <v>1</v>
      </c>
      <c r="Q2174">
        <v>0.24944382578492941</v>
      </c>
      <c r="R2174">
        <v>3.3790925052297318</v>
      </c>
      <c r="S2174">
        <v>1</v>
      </c>
      <c r="T2174">
        <v>1</v>
      </c>
      <c r="U2174">
        <v>0</v>
      </c>
      <c r="V2174">
        <v>0</v>
      </c>
      <c r="W2174">
        <v>3.4339872044851458</v>
      </c>
      <c r="X2174">
        <v>1</v>
      </c>
      <c r="Y2174">
        <v>1</v>
      </c>
      <c r="Z2174">
        <v>0</v>
      </c>
      <c r="AA2174">
        <v>0</v>
      </c>
      <c r="AB2174">
        <v>3.401197381662155</v>
      </c>
      <c r="AC2174">
        <v>1</v>
      </c>
      <c r="AD2174">
        <v>1</v>
      </c>
      <c r="AE2174">
        <v>0</v>
      </c>
      <c r="AF2174">
        <v>0</v>
      </c>
      <c r="AG2174">
        <v>3.3672958299864728</v>
      </c>
      <c r="AH2174">
        <v>-0.56401009250436596</v>
      </c>
      <c r="AI2174">
        <v>0.41221438721891251</v>
      </c>
      <c r="AJ2174">
        <v>-0.16141339107374381</v>
      </c>
      <c r="AK2174">
        <v>0.2197214611673777</v>
      </c>
      <c r="AL2174">
        <v>452.71038127848311</v>
      </c>
      <c r="AM2174">
        <v>674.28207056297322</v>
      </c>
      <c r="AN2174">
        <v>3991</v>
      </c>
      <c r="AO2174">
        <v>110.6028932713787</v>
      </c>
      <c r="AP2174">
        <v>250.29489986031211</v>
      </c>
      <c r="AQ2174">
        <v>1.71875</v>
      </c>
      <c r="AR2174">
        <v>4.0625</v>
      </c>
      <c r="AS2174">
        <v>32</v>
      </c>
      <c r="AT2174">
        <v>1.75</v>
      </c>
      <c r="AU2174">
        <v>0.11706349206349211</v>
      </c>
      <c r="AV2174">
        <v>-0.58930841485897378</v>
      </c>
      <c r="AW2174">
        <v>0.3125</v>
      </c>
      <c r="AX2174">
        <v>110.7741935483871</v>
      </c>
      <c r="AY2174">
        <v>52</v>
      </c>
      <c r="AZ2174">
        <v>121.5</v>
      </c>
      <c r="BA2174">
        <v>0.5702302365860259</v>
      </c>
      <c r="BB2174">
        <v>0.5625</v>
      </c>
      <c r="BC2174">
        <v>3.4339872044851458</v>
      </c>
      <c r="BD2174" t="s">
        <v>8292</v>
      </c>
      <c r="BE2174" t="s">
        <v>62</v>
      </c>
    </row>
    <row r="2175" spans="1:57" x14ac:dyDescent="0.3">
      <c r="A2175" t="s">
        <v>8293</v>
      </c>
      <c r="B2175">
        <v>3628</v>
      </c>
      <c r="C2175" t="s">
        <v>8294</v>
      </c>
      <c r="D2175" t="s">
        <v>8295</v>
      </c>
      <c r="E2175" t="s">
        <v>10622</v>
      </c>
      <c r="F2175">
        <v>64</v>
      </c>
      <c r="G2175">
        <v>121.21875</v>
      </c>
      <c r="H2175">
        <v>128</v>
      </c>
      <c r="I2175">
        <v>5401.3583984375</v>
      </c>
      <c r="J2175">
        <v>73.493934432968686</v>
      </c>
      <c r="K2175">
        <v>-9.6554516354542069E-2</v>
      </c>
      <c r="L2175">
        <v>-1.173225948249212</v>
      </c>
      <c r="M2175">
        <v>5.65625</v>
      </c>
      <c r="N2175">
        <v>4</v>
      </c>
      <c r="O2175">
        <v>1</v>
      </c>
      <c r="P2175">
        <v>3</v>
      </c>
      <c r="Q2175">
        <v>0.51186203559575016</v>
      </c>
      <c r="R2175">
        <v>3.9206137400421919</v>
      </c>
      <c r="S2175">
        <v>1</v>
      </c>
      <c r="T2175">
        <v>1</v>
      </c>
      <c r="U2175">
        <v>0</v>
      </c>
      <c r="V2175">
        <v>0</v>
      </c>
      <c r="W2175">
        <v>4.1431347263915326</v>
      </c>
      <c r="X2175">
        <v>1</v>
      </c>
      <c r="Y2175">
        <v>1</v>
      </c>
      <c r="Z2175">
        <v>0</v>
      </c>
      <c r="AA2175">
        <v>0</v>
      </c>
      <c r="AB2175">
        <v>4.1271343850450908</v>
      </c>
      <c r="AC2175">
        <v>1</v>
      </c>
      <c r="AD2175">
        <v>1</v>
      </c>
      <c r="AE2175">
        <v>0</v>
      </c>
      <c r="AF2175">
        <v>0</v>
      </c>
      <c r="AG2175">
        <v>4.1108738641733096</v>
      </c>
      <c r="AH2175">
        <v>-8.9452372210513456E-2</v>
      </c>
      <c r="AI2175">
        <v>-0.16549593576449501</v>
      </c>
      <c r="AJ2175">
        <v>2.0944198223247879E-2</v>
      </c>
      <c r="AK2175">
        <v>-0.2252024377277056</v>
      </c>
      <c r="AL2175">
        <v>650.9145288042622</v>
      </c>
      <c r="AM2175">
        <v>928.66155093851353</v>
      </c>
      <c r="AN2175">
        <v>7758</v>
      </c>
      <c r="AO2175">
        <v>86.668581655570009</v>
      </c>
      <c r="AP2175">
        <v>509.31661207474872</v>
      </c>
      <c r="AQ2175">
        <v>1.359375</v>
      </c>
      <c r="AR2175">
        <v>3.796875</v>
      </c>
      <c r="AS2175">
        <v>64</v>
      </c>
      <c r="AT2175">
        <v>11.9375</v>
      </c>
      <c r="AU2175">
        <v>9.3379446640316208E-2</v>
      </c>
      <c r="AV2175">
        <v>-9.1390333713317076E-2</v>
      </c>
      <c r="AW2175">
        <v>0.3125</v>
      </c>
      <c r="AX2175">
        <v>89.857142857142861</v>
      </c>
      <c r="AY2175">
        <v>60.5</v>
      </c>
      <c r="AZ2175">
        <v>128</v>
      </c>
      <c r="BA2175">
        <v>0.60629180248904302</v>
      </c>
      <c r="BB2175">
        <v>0.53125</v>
      </c>
      <c r="BC2175">
        <v>3.9367871487114772</v>
      </c>
      <c r="BD2175" t="s">
        <v>8296</v>
      </c>
      <c r="BE2175" t="s">
        <v>62</v>
      </c>
    </row>
    <row r="2176" spans="1:57" x14ac:dyDescent="0.3">
      <c r="A2176" t="s">
        <v>8297</v>
      </c>
      <c r="B2176">
        <v>2154</v>
      </c>
      <c r="C2176" t="s">
        <v>8298</v>
      </c>
      <c r="D2176" t="s">
        <v>8299</v>
      </c>
      <c r="E2176" t="s">
        <v>98</v>
      </c>
      <c r="F2176">
        <v>16</v>
      </c>
      <c r="G2176">
        <v>112.5</v>
      </c>
      <c r="H2176">
        <v>116</v>
      </c>
      <c r="I2176">
        <v>5213.875</v>
      </c>
      <c r="J2176">
        <v>72.207167234284995</v>
      </c>
      <c r="K2176">
        <v>0.13777705436779639</v>
      </c>
      <c r="L2176">
        <v>-1.3812764170709659</v>
      </c>
      <c r="M2176">
        <v>4</v>
      </c>
      <c r="N2176">
        <v>1</v>
      </c>
      <c r="O2176">
        <v>1</v>
      </c>
      <c r="P2176">
        <v>0</v>
      </c>
      <c r="Q2176">
        <v>0</v>
      </c>
      <c r="R2176">
        <v>2.7725887222397811</v>
      </c>
      <c r="S2176">
        <v>1</v>
      </c>
      <c r="T2176">
        <v>1</v>
      </c>
      <c r="U2176">
        <v>0</v>
      </c>
      <c r="V2176">
        <v>0</v>
      </c>
      <c r="W2176">
        <v>2.7080502011022101</v>
      </c>
      <c r="X2176">
        <v>1</v>
      </c>
      <c r="Y2176">
        <v>1</v>
      </c>
      <c r="Z2176">
        <v>0</v>
      </c>
      <c r="AA2176">
        <v>0</v>
      </c>
      <c r="AB2176">
        <v>2.639057329615258</v>
      </c>
      <c r="AC2176">
        <v>1</v>
      </c>
      <c r="AD2176">
        <v>1</v>
      </c>
      <c r="AE2176">
        <v>0</v>
      </c>
      <c r="AF2176">
        <v>0</v>
      </c>
      <c r="AG2176">
        <v>2.5649493574615372</v>
      </c>
      <c r="AH2176">
        <v>-3.936311764282803E-2</v>
      </c>
      <c r="AI2176">
        <v>-0.60196950444726816</v>
      </c>
      <c r="AJ2176">
        <v>-0.35546078971973821</v>
      </c>
      <c r="AK2176">
        <v>-5.80961856584594E-2</v>
      </c>
      <c r="AL2176">
        <v>362.53670235672797</v>
      </c>
      <c r="AM2176">
        <v>393.05106467774539</v>
      </c>
      <c r="AN2176">
        <v>1800</v>
      </c>
      <c r="AO2176">
        <v>114.8504659744484</v>
      </c>
      <c r="AP2176">
        <v>219.76677220864471</v>
      </c>
      <c r="AQ2176">
        <v>2.25</v>
      </c>
      <c r="AR2176">
        <v>3.5</v>
      </c>
      <c r="AS2176">
        <v>16</v>
      </c>
      <c r="AT2176">
        <v>0</v>
      </c>
      <c r="AU2176">
        <v>0.17676211453744489</v>
      </c>
      <c r="AV2176">
        <v>-3.9039079777494171E-2</v>
      </c>
      <c r="AW2176">
        <v>0.3125</v>
      </c>
      <c r="AX2176">
        <v>92.333333333333329</v>
      </c>
      <c r="AY2176">
        <v>67.5</v>
      </c>
      <c r="AZ2176">
        <v>131.25</v>
      </c>
      <c r="BA2176">
        <v>0.6418414865269777</v>
      </c>
      <c r="BB2176">
        <v>0.5</v>
      </c>
      <c r="BC2176">
        <v>2.7080502011022101</v>
      </c>
      <c r="BD2176" t="s">
        <v>8298</v>
      </c>
      <c r="BE2176" t="s">
        <v>62</v>
      </c>
    </row>
    <row r="2177" spans="1:57" x14ac:dyDescent="0.3">
      <c r="A2177" t="s">
        <v>8300</v>
      </c>
      <c r="B2177">
        <v>142</v>
      </c>
      <c r="C2177" t="s">
        <v>8301</v>
      </c>
      <c r="D2177" t="s">
        <v>8302</v>
      </c>
      <c r="E2177" t="s">
        <v>60</v>
      </c>
      <c r="F2177">
        <v>512</v>
      </c>
      <c r="G2177">
        <v>125.8671875</v>
      </c>
      <c r="H2177">
        <v>123</v>
      </c>
      <c r="I2177">
        <v>5197.2557983398438</v>
      </c>
      <c r="J2177">
        <v>72.091995383259047</v>
      </c>
      <c r="K2177">
        <v>7.7519712181524397E-2</v>
      </c>
      <c r="L2177">
        <v>-1.128316965285163</v>
      </c>
      <c r="M2177">
        <v>7.5820832286176936</v>
      </c>
      <c r="N2177">
        <v>8</v>
      </c>
      <c r="O2177">
        <v>1</v>
      </c>
      <c r="P2177">
        <v>7</v>
      </c>
      <c r="Q2177">
        <v>1.3458174058154839</v>
      </c>
      <c r="R2177">
        <v>5.2554996126872009</v>
      </c>
      <c r="S2177">
        <v>2</v>
      </c>
      <c r="T2177">
        <v>1</v>
      </c>
      <c r="U2177">
        <v>1</v>
      </c>
      <c r="V2177">
        <v>4.4237310481092057E-2</v>
      </c>
      <c r="W2177">
        <v>6.2336566853874231</v>
      </c>
      <c r="X2177">
        <v>1</v>
      </c>
      <c r="Y2177">
        <v>1</v>
      </c>
      <c r="Z2177">
        <v>0</v>
      </c>
      <c r="AA2177">
        <v>0</v>
      </c>
      <c r="AB2177">
        <v>6.2344107257183694</v>
      </c>
      <c r="AC2177">
        <v>1</v>
      </c>
      <c r="AD2177">
        <v>1</v>
      </c>
      <c r="AE2177">
        <v>0</v>
      </c>
      <c r="AF2177">
        <v>0</v>
      </c>
      <c r="AG2177">
        <v>6.2324480165505216</v>
      </c>
      <c r="AH2177">
        <v>7.7320076264552257E-2</v>
      </c>
      <c r="AI2177">
        <v>-5.5984682009113752E-2</v>
      </c>
      <c r="AJ2177">
        <v>-2.941927152349141E-2</v>
      </c>
      <c r="AK2177">
        <v>-2.7396021881937859E-2</v>
      </c>
      <c r="AL2177">
        <v>1562.273289021545</v>
      </c>
      <c r="AM2177">
        <v>2886.4653419727401</v>
      </c>
      <c r="AN2177">
        <v>64444</v>
      </c>
      <c r="AO2177">
        <v>47.640816640305687</v>
      </c>
      <c r="AP2177">
        <v>1340.5348675070511</v>
      </c>
      <c r="AQ2177">
        <v>1.044921875</v>
      </c>
      <c r="AR2177">
        <v>3.953125</v>
      </c>
      <c r="AS2177">
        <v>507</v>
      </c>
      <c r="AT2177">
        <v>177.5</v>
      </c>
      <c r="AU2177">
        <v>4.0585014763779508E-2</v>
      </c>
      <c r="AV2177">
        <v>7.7397981647229677E-2</v>
      </c>
      <c r="AW2177">
        <v>0.396484375</v>
      </c>
      <c r="AX2177">
        <v>79.297455968688851</v>
      </c>
      <c r="AY2177">
        <v>60</v>
      </c>
      <c r="AZ2177">
        <v>120.5</v>
      </c>
      <c r="BA2177">
        <v>0.57276242375129771</v>
      </c>
      <c r="BB2177">
        <v>0.4921875</v>
      </c>
      <c r="BC2177">
        <v>5.0624408265129572</v>
      </c>
      <c r="BD2177" t="s">
        <v>8303</v>
      </c>
      <c r="BE2177" t="s">
        <v>62</v>
      </c>
    </row>
    <row r="2178" spans="1:57" x14ac:dyDescent="0.3">
      <c r="A2178" t="s">
        <v>8304</v>
      </c>
      <c r="B2178">
        <v>788</v>
      </c>
      <c r="C2178" t="s">
        <v>8305</v>
      </c>
      <c r="D2178" t="s">
        <v>8306</v>
      </c>
      <c r="E2178" t="s">
        <v>115</v>
      </c>
      <c r="F2178">
        <v>830</v>
      </c>
      <c r="G2178">
        <v>129.2975903614458</v>
      </c>
      <c r="H2178">
        <v>130</v>
      </c>
      <c r="I2178">
        <v>5458.7752953984609</v>
      </c>
      <c r="J2178">
        <v>73.88352519607102</v>
      </c>
      <c r="K2178">
        <v>-2.9269370754043358E-2</v>
      </c>
      <c r="L2178">
        <v>-1.227351908884015</v>
      </c>
      <c r="M2178">
        <v>7.7489881879577247</v>
      </c>
      <c r="N2178">
        <v>9</v>
      </c>
      <c r="O2178">
        <v>1</v>
      </c>
      <c r="P2178">
        <v>8</v>
      </c>
      <c r="Q2178">
        <v>1.6993722855835349</v>
      </c>
      <c r="R2178">
        <v>5.3711893146752159</v>
      </c>
      <c r="S2178">
        <v>2</v>
      </c>
      <c r="T2178">
        <v>1</v>
      </c>
      <c r="U2178">
        <v>1</v>
      </c>
      <c r="V2178">
        <v>9.1887409249545943E-2</v>
      </c>
      <c r="W2178">
        <v>6.7085144126409162</v>
      </c>
      <c r="X2178">
        <v>1</v>
      </c>
      <c r="Y2178">
        <v>1</v>
      </c>
      <c r="Z2178">
        <v>0</v>
      </c>
      <c r="AA2178">
        <v>0</v>
      </c>
      <c r="AB2178">
        <v>6.7190131543852596</v>
      </c>
      <c r="AC2178">
        <v>1</v>
      </c>
      <c r="AD2178">
        <v>1</v>
      </c>
      <c r="AE2178">
        <v>0</v>
      </c>
      <c r="AF2178">
        <v>0</v>
      </c>
      <c r="AG2178">
        <v>6.7178046950236912</v>
      </c>
      <c r="AH2178">
        <v>-1.503439363376814E-2</v>
      </c>
      <c r="AI2178">
        <v>8.7672570106545663E-3</v>
      </c>
      <c r="AJ2178">
        <v>1.3236955363332499E-2</v>
      </c>
      <c r="AK2178">
        <v>-6.8146156195434253E-5</v>
      </c>
      <c r="AL2178">
        <v>1988.818344761828</v>
      </c>
      <c r="AM2178">
        <v>3801.4753177600442</v>
      </c>
      <c r="AN2178">
        <v>107317</v>
      </c>
      <c r="AO2178">
        <v>38.457159285917868</v>
      </c>
      <c r="AP2178">
        <v>1721.186466057525</v>
      </c>
      <c r="AQ2178">
        <v>1.0277108433734941</v>
      </c>
      <c r="AR2178">
        <v>4.0204819277108426</v>
      </c>
      <c r="AS2178">
        <v>828</v>
      </c>
      <c r="AT2178">
        <v>207.14698795180729</v>
      </c>
      <c r="AU2178">
        <v>2.2702575005906001E-2</v>
      </c>
      <c r="AV2178">
        <v>-1.505642084699961E-2</v>
      </c>
      <c r="AW2178">
        <v>0.37590361445783133</v>
      </c>
      <c r="AX2178">
        <v>86.109770808202654</v>
      </c>
      <c r="AY2178">
        <v>65</v>
      </c>
      <c r="AZ2178">
        <v>128</v>
      </c>
      <c r="BA2178">
        <v>0.57142229015662893</v>
      </c>
      <c r="BB2178">
        <v>0.50120481927710847</v>
      </c>
      <c r="BC2178">
        <v>5.1922791979496106</v>
      </c>
      <c r="BD2178" t="s">
        <v>8307</v>
      </c>
      <c r="BE2178" t="s">
        <v>68</v>
      </c>
    </row>
    <row r="2179" spans="1:57" x14ac:dyDescent="0.3">
      <c r="A2179" t="s">
        <v>8308</v>
      </c>
      <c r="B2179">
        <v>3771</v>
      </c>
      <c r="C2179" t="s">
        <v>8309</v>
      </c>
      <c r="D2179" t="s">
        <v>8310</v>
      </c>
      <c r="E2179" t="s">
        <v>128</v>
      </c>
      <c r="F2179">
        <v>32</v>
      </c>
      <c r="G2179">
        <v>108.46875</v>
      </c>
      <c r="H2179">
        <v>100</v>
      </c>
      <c r="I2179">
        <v>7084.3740234375</v>
      </c>
      <c r="J2179">
        <v>84.168723546442706</v>
      </c>
      <c r="K2179">
        <v>0.25608787995933102</v>
      </c>
      <c r="L2179">
        <v>-1.4038198307757499</v>
      </c>
      <c r="M2179">
        <v>4.875</v>
      </c>
      <c r="N2179">
        <v>2</v>
      </c>
      <c r="O2179">
        <v>1</v>
      </c>
      <c r="P2179">
        <v>1</v>
      </c>
      <c r="Q2179">
        <v>0.24944382578492941</v>
      </c>
      <c r="R2179">
        <v>3.3790925052297318</v>
      </c>
      <c r="S2179">
        <v>1</v>
      </c>
      <c r="T2179">
        <v>1</v>
      </c>
      <c r="U2179">
        <v>0</v>
      </c>
      <c r="V2179">
        <v>0</v>
      </c>
      <c r="W2179">
        <v>3.4339872044851458</v>
      </c>
      <c r="X2179">
        <v>1</v>
      </c>
      <c r="Y2179">
        <v>1</v>
      </c>
      <c r="Z2179">
        <v>0</v>
      </c>
      <c r="AA2179">
        <v>0</v>
      </c>
      <c r="AB2179">
        <v>3.401197381662155</v>
      </c>
      <c r="AC2179">
        <v>1</v>
      </c>
      <c r="AD2179">
        <v>1</v>
      </c>
      <c r="AE2179">
        <v>0</v>
      </c>
      <c r="AF2179">
        <v>0</v>
      </c>
      <c r="AG2179">
        <v>3.3672958299864728</v>
      </c>
      <c r="AH2179">
        <v>1.5749474043266709E-2</v>
      </c>
      <c r="AI2179">
        <v>-2.7474234943514961E-2</v>
      </c>
      <c r="AJ2179">
        <v>0.19300645632394911</v>
      </c>
      <c r="AK2179">
        <v>-0.14575739664994991</v>
      </c>
      <c r="AL2179">
        <v>546.32804280574692</v>
      </c>
      <c r="AM2179">
        <v>552.01509910874915</v>
      </c>
      <c r="AN2179">
        <v>3471</v>
      </c>
      <c r="AO2179">
        <v>25</v>
      </c>
      <c r="AP2179">
        <v>455.6844718783733</v>
      </c>
      <c r="AQ2179">
        <v>1.65625</v>
      </c>
      <c r="AR2179">
        <v>4</v>
      </c>
      <c r="AS2179">
        <v>32</v>
      </c>
      <c r="AT2179">
        <v>1.75</v>
      </c>
      <c r="AU2179">
        <v>0.2495098039215686</v>
      </c>
      <c r="AV2179">
        <v>1.8724951639216499E-2</v>
      </c>
      <c r="AW2179">
        <v>0.3125</v>
      </c>
      <c r="AX2179">
        <v>92.548387096774192</v>
      </c>
      <c r="AY2179">
        <v>80</v>
      </c>
      <c r="AZ2179">
        <v>153.75</v>
      </c>
      <c r="BA2179">
        <v>0.77597209838264669</v>
      </c>
      <c r="BB2179">
        <v>0.46875</v>
      </c>
      <c r="BC2179">
        <v>3.2382315403482398</v>
      </c>
      <c r="BD2179" t="s">
        <v>8311</v>
      </c>
      <c r="BE2179" t="s">
        <v>62</v>
      </c>
    </row>
    <row r="2180" spans="1:57" x14ac:dyDescent="0.3">
      <c r="A2180" t="s">
        <v>8312</v>
      </c>
      <c r="B2180">
        <v>3371</v>
      </c>
      <c r="C2180" t="s">
        <v>8313</v>
      </c>
      <c r="D2180" t="s">
        <v>8314</v>
      </c>
      <c r="E2180" t="s">
        <v>98</v>
      </c>
      <c r="F2180">
        <v>16</v>
      </c>
      <c r="G2180">
        <v>118.625</v>
      </c>
      <c r="H2180">
        <v>113.5</v>
      </c>
      <c r="I2180">
        <v>3389.859375</v>
      </c>
      <c r="J2180">
        <v>58.222498872858417</v>
      </c>
      <c r="K2180">
        <v>-0.1623403569540274</v>
      </c>
      <c r="L2180">
        <v>-1.009980605334359</v>
      </c>
      <c r="M2180">
        <v>4</v>
      </c>
      <c r="N2180">
        <v>1</v>
      </c>
      <c r="O2180">
        <v>1</v>
      </c>
      <c r="P2180">
        <v>0</v>
      </c>
      <c r="Q2180">
        <v>0</v>
      </c>
      <c r="R2180">
        <v>2.7725887222397811</v>
      </c>
      <c r="S2180">
        <v>1</v>
      </c>
      <c r="T2180">
        <v>1</v>
      </c>
      <c r="U2180">
        <v>0</v>
      </c>
      <c r="V2180">
        <v>0</v>
      </c>
      <c r="W2180">
        <v>2.7080502011022101</v>
      </c>
      <c r="X2180">
        <v>1</v>
      </c>
      <c r="Y2180">
        <v>1</v>
      </c>
      <c r="Z2180">
        <v>0</v>
      </c>
      <c r="AA2180">
        <v>0</v>
      </c>
      <c r="AB2180">
        <v>2.639057329615258</v>
      </c>
      <c r="AC2180">
        <v>1</v>
      </c>
      <c r="AD2180">
        <v>1</v>
      </c>
      <c r="AE2180">
        <v>0</v>
      </c>
      <c r="AF2180">
        <v>0</v>
      </c>
      <c r="AG2180">
        <v>2.5649493574615372</v>
      </c>
      <c r="AH2180">
        <v>-0.2165883655756369</v>
      </c>
      <c r="AI2180">
        <v>9.818518928237252E-2</v>
      </c>
      <c r="AJ2180">
        <v>-0.13089735700688171</v>
      </c>
      <c r="AK2180">
        <v>0.100547473853543</v>
      </c>
      <c r="AL2180">
        <v>324.2955982804458</v>
      </c>
      <c r="AM2180">
        <v>417.39713096274119</v>
      </c>
      <c r="AN2180">
        <v>1898</v>
      </c>
      <c r="AO2180">
        <v>96.652475777390379</v>
      </c>
      <c r="AP2180">
        <v>206.38188173302379</v>
      </c>
      <c r="AQ2180">
        <v>2.25</v>
      </c>
      <c r="AR2180">
        <v>4.3125</v>
      </c>
      <c r="AS2180">
        <v>16</v>
      </c>
      <c r="AT2180">
        <v>0</v>
      </c>
      <c r="AU2180">
        <v>0.1764705882352941</v>
      </c>
      <c r="AV2180">
        <v>-0.21985420027214561</v>
      </c>
      <c r="AW2180">
        <v>0.5625</v>
      </c>
      <c r="AX2180">
        <v>70.599999999999994</v>
      </c>
      <c r="AY2180">
        <v>56.5</v>
      </c>
      <c r="AZ2180">
        <v>84.25</v>
      </c>
      <c r="BA2180">
        <v>0.49081137089870108</v>
      </c>
      <c r="BB2180">
        <v>0.5</v>
      </c>
      <c r="BC2180">
        <v>2.7080502011022101</v>
      </c>
      <c r="BD2180" t="s">
        <v>8313</v>
      </c>
      <c r="BE2180" t="s">
        <v>62</v>
      </c>
    </row>
    <row r="2181" spans="1:57" x14ac:dyDescent="0.3">
      <c r="A2181" t="s">
        <v>8315</v>
      </c>
      <c r="B2181">
        <v>131</v>
      </c>
      <c r="C2181" t="s">
        <v>8316</v>
      </c>
      <c r="D2181" t="s">
        <v>8317</v>
      </c>
      <c r="E2181" t="s">
        <v>60</v>
      </c>
      <c r="F2181">
        <v>512</v>
      </c>
      <c r="G2181">
        <v>128.060546875</v>
      </c>
      <c r="H2181">
        <v>124</v>
      </c>
      <c r="I2181">
        <v>5185.3225059509277</v>
      </c>
      <c r="J2181">
        <v>72.009183483434441</v>
      </c>
      <c r="K2181">
        <v>-8.7535419938671952E-3</v>
      </c>
      <c r="L2181">
        <v>-1.171964373527479</v>
      </c>
      <c r="M2181">
        <v>7.5774266762013616</v>
      </c>
      <c r="N2181">
        <v>6</v>
      </c>
      <c r="O2181">
        <v>1</v>
      </c>
      <c r="P2181">
        <v>5</v>
      </c>
      <c r="Q2181">
        <v>1.2514748081315581</v>
      </c>
      <c r="R2181">
        <v>5.2522719365086896</v>
      </c>
      <c r="S2181">
        <v>1</v>
      </c>
      <c r="T2181">
        <v>1</v>
      </c>
      <c r="U2181">
        <v>0</v>
      </c>
      <c r="V2181">
        <v>0</v>
      </c>
      <c r="W2181">
        <v>6.2363695902037044</v>
      </c>
      <c r="X2181">
        <v>1</v>
      </c>
      <c r="Y2181">
        <v>1</v>
      </c>
      <c r="Z2181">
        <v>0</v>
      </c>
      <c r="AA2181">
        <v>0</v>
      </c>
      <c r="AB2181">
        <v>6.2344107257183694</v>
      </c>
      <c r="AC2181">
        <v>1</v>
      </c>
      <c r="AD2181">
        <v>1</v>
      </c>
      <c r="AE2181">
        <v>0</v>
      </c>
      <c r="AF2181">
        <v>0</v>
      </c>
      <c r="AG2181">
        <v>6.2324480165505216</v>
      </c>
      <c r="AH2181">
        <v>-4.2526446303792591E-3</v>
      </c>
      <c r="AI2181">
        <v>-4.2601039032499871E-2</v>
      </c>
      <c r="AJ2181">
        <v>1.661045133684972E-3</v>
      </c>
      <c r="AK2181">
        <v>1.6252220263438661E-2</v>
      </c>
      <c r="AL2181">
        <v>1582.0319204339089</v>
      </c>
      <c r="AM2181">
        <v>2923.7999252220038</v>
      </c>
      <c r="AN2181">
        <v>65567</v>
      </c>
      <c r="AO2181">
        <v>52.625582303487413</v>
      </c>
      <c r="AP2181">
        <v>1383.7650243709479</v>
      </c>
      <c r="AQ2181">
        <v>1.044921875</v>
      </c>
      <c r="AR2181">
        <v>4.111328125</v>
      </c>
      <c r="AS2181">
        <v>509</v>
      </c>
      <c r="AT2181">
        <v>146.7109375</v>
      </c>
      <c r="AU2181">
        <v>3.0859375000000019E-2</v>
      </c>
      <c r="AV2181">
        <v>-4.2648053723352373E-3</v>
      </c>
      <c r="AW2181">
        <v>0.40234375</v>
      </c>
      <c r="AX2181">
        <v>82.739726027397253</v>
      </c>
      <c r="AY2181">
        <v>62</v>
      </c>
      <c r="AZ2181">
        <v>123.25</v>
      </c>
      <c r="BA2181">
        <v>0.56230576270865573</v>
      </c>
      <c r="BB2181">
        <v>0.4765625</v>
      </c>
      <c r="BC2181">
        <v>5.0745303569736748</v>
      </c>
      <c r="BD2181" t="s">
        <v>8318</v>
      </c>
      <c r="BE2181" t="s">
        <v>62</v>
      </c>
    </row>
    <row r="2182" spans="1:57" x14ac:dyDescent="0.3">
      <c r="A2182" t="s">
        <v>8319</v>
      </c>
      <c r="B2182">
        <v>639</v>
      </c>
      <c r="C2182" t="s">
        <v>8320</v>
      </c>
      <c r="D2182" t="s">
        <v>8321</v>
      </c>
      <c r="E2182" t="s">
        <v>106</v>
      </c>
      <c r="F2182">
        <v>651</v>
      </c>
      <c r="G2182">
        <v>129.38248847926269</v>
      </c>
      <c r="H2182">
        <v>129</v>
      </c>
      <c r="I2182">
        <v>5615.3483262191457</v>
      </c>
      <c r="J2182">
        <v>74.935627882997991</v>
      </c>
      <c r="K2182">
        <v>-2.6875966151678029E-2</v>
      </c>
      <c r="L2182">
        <v>-1.257622610277199</v>
      </c>
      <c r="M2182">
        <v>7.6968493221173322</v>
      </c>
      <c r="N2182">
        <v>9</v>
      </c>
      <c r="O2182">
        <v>1</v>
      </c>
      <c r="P2182">
        <v>8</v>
      </c>
      <c r="Q2182">
        <v>1.442001256140242</v>
      </c>
      <c r="R2182">
        <v>5.3350494068203833</v>
      </c>
      <c r="S2182">
        <v>2</v>
      </c>
      <c r="T2182">
        <v>1</v>
      </c>
      <c r="U2182">
        <v>1</v>
      </c>
      <c r="V2182">
        <v>3.9223180466434082E-2</v>
      </c>
      <c r="W2182">
        <v>6.4748396023341126</v>
      </c>
      <c r="X2182">
        <v>1</v>
      </c>
      <c r="Y2182">
        <v>1</v>
      </c>
      <c r="Z2182">
        <v>0</v>
      </c>
      <c r="AA2182">
        <v>0</v>
      </c>
      <c r="AB2182">
        <v>6.4754327167040913</v>
      </c>
      <c r="AC2182">
        <v>1</v>
      </c>
      <c r="AD2182">
        <v>1</v>
      </c>
      <c r="AE2182">
        <v>0</v>
      </c>
      <c r="AF2182">
        <v>0</v>
      </c>
      <c r="AG2182">
        <v>6.4738906963522727</v>
      </c>
      <c r="AH2182">
        <v>-7.9825032274950889E-3</v>
      </c>
      <c r="AI2182">
        <v>-7.6489388739244601E-2</v>
      </c>
      <c r="AJ2182">
        <v>-3.1574037518723848E-2</v>
      </c>
      <c r="AK2182">
        <v>1.6676477616948512E-2</v>
      </c>
      <c r="AL2182">
        <v>1810.2078587880719</v>
      </c>
      <c r="AM2182">
        <v>3358.0303018260429</v>
      </c>
      <c r="AN2182">
        <v>84228</v>
      </c>
      <c r="AO2182">
        <v>57.756917906125771</v>
      </c>
      <c r="AP2182">
        <v>1437.4954009141479</v>
      </c>
      <c r="AQ2182">
        <v>1.035330261136713</v>
      </c>
      <c r="AR2182">
        <v>4.0199692780337939</v>
      </c>
      <c r="AS2182">
        <v>646</v>
      </c>
      <c r="AT2182">
        <v>179.41013824884789</v>
      </c>
      <c r="AU2182">
        <v>3.9992771302069241E-2</v>
      </c>
      <c r="AV2182">
        <v>-7.9883985758278236E-3</v>
      </c>
      <c r="AW2182">
        <v>0.37327188940092171</v>
      </c>
      <c r="AX2182">
        <v>86.86</v>
      </c>
      <c r="AY2182">
        <v>68</v>
      </c>
      <c r="AZ2182">
        <v>134</v>
      </c>
      <c r="BA2182">
        <v>0.57917905864833186</v>
      </c>
      <c r="BB2182">
        <v>0.49308755760368661</v>
      </c>
      <c r="BC2182">
        <v>5.1512646563492446</v>
      </c>
      <c r="BD2182" t="s">
        <v>8322</v>
      </c>
      <c r="BE2182" t="s">
        <v>68</v>
      </c>
    </row>
    <row r="2183" spans="1:57" x14ac:dyDescent="0.3">
      <c r="A2183" t="s">
        <v>8323</v>
      </c>
      <c r="B2183">
        <v>1664</v>
      </c>
      <c r="C2183" t="s">
        <v>8324</v>
      </c>
      <c r="D2183" t="s">
        <v>8325</v>
      </c>
      <c r="E2183" t="s">
        <v>93</v>
      </c>
      <c r="F2183">
        <v>1664</v>
      </c>
      <c r="G2183">
        <v>129.3479567307692</v>
      </c>
      <c r="H2183">
        <v>131.5</v>
      </c>
      <c r="I2183">
        <v>5464.0417866904363</v>
      </c>
      <c r="J2183">
        <v>73.919157102137177</v>
      </c>
      <c r="K2183">
        <v>-4.688857469579398E-2</v>
      </c>
      <c r="L2183">
        <v>-1.1813031623613439</v>
      </c>
      <c r="M2183">
        <v>7.8665203171938334</v>
      </c>
      <c r="N2183">
        <v>16</v>
      </c>
      <c r="O2183">
        <v>1</v>
      </c>
      <c r="P2183">
        <v>15</v>
      </c>
      <c r="Q2183">
        <v>2.7669929526473318</v>
      </c>
      <c r="R2183">
        <v>5.4526563786804374</v>
      </c>
      <c r="S2183">
        <v>3</v>
      </c>
      <c r="T2183">
        <v>1</v>
      </c>
      <c r="U2183">
        <v>2</v>
      </c>
      <c r="V2183">
        <v>0.1069414133201063</v>
      </c>
      <c r="W2183">
        <v>7.4018924585778896</v>
      </c>
      <c r="X2183">
        <v>1</v>
      </c>
      <c r="Y2183">
        <v>1</v>
      </c>
      <c r="Z2183">
        <v>0</v>
      </c>
      <c r="AA2183">
        <v>0</v>
      </c>
      <c r="AB2183">
        <v>7.4157769754153904</v>
      </c>
      <c r="AC2183">
        <v>1</v>
      </c>
      <c r="AD2183">
        <v>1</v>
      </c>
      <c r="AE2183">
        <v>0</v>
      </c>
      <c r="AF2183">
        <v>0</v>
      </c>
      <c r="AG2183">
        <v>7.415175109613295</v>
      </c>
      <c r="AH2183">
        <v>-3.4837775992087941E-3</v>
      </c>
      <c r="AI2183">
        <v>-2.1597985009652751E-2</v>
      </c>
      <c r="AJ2183">
        <v>2.6036884766845559E-2</v>
      </c>
      <c r="AK2183">
        <v>-8.9056076378539149E-3</v>
      </c>
      <c r="AL2183">
        <v>2810.681760913757</v>
      </c>
      <c r="AM2183">
        <v>5388.1760400776384</v>
      </c>
      <c r="AN2183">
        <v>215235</v>
      </c>
      <c r="AO2183">
        <v>118.9640495820352</v>
      </c>
      <c r="AP2183">
        <v>2512.8682702725559</v>
      </c>
      <c r="AQ2183">
        <v>1.013822115384615</v>
      </c>
      <c r="AR2183">
        <v>3.9987980769230771</v>
      </c>
      <c r="AS2183">
        <v>1659</v>
      </c>
      <c r="AT2183">
        <v>301.53846153846149</v>
      </c>
      <c r="AU2183">
        <v>2.2737556561085951E-2</v>
      </c>
      <c r="AV2183">
        <v>-3.4867181030232139E-3</v>
      </c>
      <c r="AW2183">
        <v>0.35396634615384609</v>
      </c>
      <c r="AX2183">
        <v>85.274203247143717</v>
      </c>
      <c r="AY2183">
        <v>62.5</v>
      </c>
      <c r="AZ2183">
        <v>125.25</v>
      </c>
      <c r="BA2183">
        <v>0.57147525921879005</v>
      </c>
      <c r="BB2183">
        <v>0.50901442307692313</v>
      </c>
      <c r="BC2183">
        <v>5.2790923276501127</v>
      </c>
      <c r="BD2183" t="s">
        <v>8326</v>
      </c>
      <c r="BE2183" t="s">
        <v>62</v>
      </c>
    </row>
    <row r="2184" spans="1:57" x14ac:dyDescent="0.3">
      <c r="A2184" t="s">
        <v>8327</v>
      </c>
      <c r="B2184">
        <v>2960</v>
      </c>
      <c r="C2184" t="s">
        <v>8328</v>
      </c>
      <c r="D2184" t="s">
        <v>8329</v>
      </c>
      <c r="E2184" t="s">
        <v>66</v>
      </c>
      <c r="F2184">
        <v>70</v>
      </c>
      <c r="G2184">
        <v>127.01428571428571</v>
      </c>
      <c r="H2184">
        <v>135.5</v>
      </c>
      <c r="I2184">
        <v>5131.4997959183675</v>
      </c>
      <c r="J2184">
        <v>71.63448747578478</v>
      </c>
      <c r="K2184">
        <v>-4.0639543604323531E-3</v>
      </c>
      <c r="L2184">
        <v>-1.26284832491576</v>
      </c>
      <c r="M2184">
        <v>5.8721401598021128</v>
      </c>
      <c r="N2184">
        <v>2</v>
      </c>
      <c r="O2184">
        <v>1</v>
      </c>
      <c r="P2184">
        <v>1</v>
      </c>
      <c r="Q2184">
        <v>0.35464438775055629</v>
      </c>
      <c r="R2184">
        <v>4.0702573956196586</v>
      </c>
      <c r="S2184">
        <v>2</v>
      </c>
      <c r="T2184">
        <v>1</v>
      </c>
      <c r="U2184">
        <v>1</v>
      </c>
      <c r="V2184">
        <v>0.1203728348804772</v>
      </c>
      <c r="W2184">
        <v>4.2140152819723324</v>
      </c>
      <c r="X2184">
        <v>1</v>
      </c>
      <c r="Y2184">
        <v>1</v>
      </c>
      <c r="Z2184">
        <v>0</v>
      </c>
      <c r="AA2184">
        <v>0</v>
      </c>
      <c r="AB2184">
        <v>4.2195077051761087</v>
      </c>
      <c r="AC2184">
        <v>1</v>
      </c>
      <c r="AD2184">
        <v>1</v>
      </c>
      <c r="AE2184">
        <v>0</v>
      </c>
      <c r="AF2184">
        <v>0</v>
      </c>
      <c r="AG2184">
        <v>4.2046926193909648</v>
      </c>
      <c r="AH2184">
        <v>0.17326310518973009</v>
      </c>
      <c r="AI2184">
        <v>7.0870681235654946E-4</v>
      </c>
      <c r="AJ2184">
        <v>5.8858788850386562E-2</v>
      </c>
      <c r="AK2184">
        <v>8.7978967247983111E-2</v>
      </c>
      <c r="AL2184">
        <v>671.65726021523074</v>
      </c>
      <c r="AM2184">
        <v>1018.511425954648</v>
      </c>
      <c r="AN2184">
        <v>8891</v>
      </c>
      <c r="AO2184">
        <v>56.988149714964088</v>
      </c>
      <c r="AP2184">
        <v>558.68894328884244</v>
      </c>
      <c r="AQ2184">
        <v>1.328571428571429</v>
      </c>
      <c r="AR2184">
        <v>3.7428571428571429</v>
      </c>
      <c r="AS2184">
        <v>70</v>
      </c>
      <c r="AT2184">
        <v>6.6857142857142868</v>
      </c>
      <c r="AU2184">
        <v>6.3018433179723499E-2</v>
      </c>
      <c r="AV2184">
        <v>0.17556775471428129</v>
      </c>
      <c r="AW2184">
        <v>0.37142857142857139</v>
      </c>
      <c r="AX2184">
        <v>74.072463768115938</v>
      </c>
      <c r="AY2184">
        <v>68.5</v>
      </c>
      <c r="AZ2184">
        <v>129.25</v>
      </c>
      <c r="BA2184">
        <v>0.56398764180687599</v>
      </c>
      <c r="BB2184">
        <v>0.54285714285714282</v>
      </c>
      <c r="BC2184">
        <v>4.0457021945415557</v>
      </c>
      <c r="BD2184" t="s">
        <v>8330</v>
      </c>
      <c r="BE2184" t="s">
        <v>68</v>
      </c>
    </row>
    <row r="2185" spans="1:57" x14ac:dyDescent="0.3">
      <c r="A2185" t="s">
        <v>8331</v>
      </c>
      <c r="B2185">
        <v>3058</v>
      </c>
      <c r="C2185" t="s">
        <v>8332</v>
      </c>
      <c r="D2185" t="s">
        <v>8333</v>
      </c>
      <c r="E2185" t="s">
        <v>128</v>
      </c>
      <c r="F2185">
        <v>32</v>
      </c>
      <c r="G2185">
        <v>117.46875</v>
      </c>
      <c r="H2185">
        <v>110.5</v>
      </c>
      <c r="I2185">
        <v>5150.1865234375</v>
      </c>
      <c r="J2185">
        <v>71.764800030638284</v>
      </c>
      <c r="K2185">
        <v>0.1144253584351944</v>
      </c>
      <c r="L2185">
        <v>-0.85939018322561411</v>
      </c>
      <c r="M2185">
        <v>4.75</v>
      </c>
      <c r="N2185">
        <v>2</v>
      </c>
      <c r="O2185">
        <v>1</v>
      </c>
      <c r="P2185">
        <v>1</v>
      </c>
      <c r="Q2185">
        <v>0.3499271061118826</v>
      </c>
      <c r="R2185">
        <v>3.2924491076597402</v>
      </c>
      <c r="S2185">
        <v>1</v>
      </c>
      <c r="T2185">
        <v>1</v>
      </c>
      <c r="U2185">
        <v>0</v>
      </c>
      <c r="V2185">
        <v>0</v>
      </c>
      <c r="W2185">
        <v>3.4339872044851458</v>
      </c>
      <c r="X2185">
        <v>1</v>
      </c>
      <c r="Y2185">
        <v>1</v>
      </c>
      <c r="Z2185">
        <v>0</v>
      </c>
      <c r="AA2185">
        <v>0</v>
      </c>
      <c r="AB2185">
        <v>3.401197381662155</v>
      </c>
      <c r="AC2185">
        <v>1</v>
      </c>
      <c r="AD2185">
        <v>1</v>
      </c>
      <c r="AE2185">
        <v>0</v>
      </c>
      <c r="AF2185">
        <v>0</v>
      </c>
      <c r="AG2185">
        <v>3.3672958299864728</v>
      </c>
      <c r="AH2185">
        <v>2.218858668271079E-2</v>
      </c>
      <c r="AI2185">
        <v>-0.1012836994298788</v>
      </c>
      <c r="AJ2185">
        <v>6.7536397204591536E-2</v>
      </c>
      <c r="AK2185">
        <v>-0.173598330404068</v>
      </c>
      <c r="AL2185">
        <v>479.04901623931528</v>
      </c>
      <c r="AM2185">
        <v>613.90800617042294</v>
      </c>
      <c r="AN2185">
        <v>3759</v>
      </c>
      <c r="AO2185">
        <v>69.171067046979431</v>
      </c>
      <c r="AP2185">
        <v>428.05980700862381</v>
      </c>
      <c r="AQ2185">
        <v>1.65625</v>
      </c>
      <c r="AR2185">
        <v>4</v>
      </c>
      <c r="AS2185">
        <v>31</v>
      </c>
      <c r="AT2185">
        <v>3</v>
      </c>
      <c r="AU2185">
        <v>0.1583333333333333</v>
      </c>
      <c r="AV2185">
        <v>2.3100238453878059E-2</v>
      </c>
      <c r="AW2185">
        <v>0.4375</v>
      </c>
      <c r="AX2185">
        <v>78.774193548387103</v>
      </c>
      <c r="AY2185">
        <v>50</v>
      </c>
      <c r="AZ2185">
        <v>96.5</v>
      </c>
      <c r="BA2185">
        <v>0.61092673609481918</v>
      </c>
      <c r="BB2185">
        <v>0.46875</v>
      </c>
      <c r="BC2185">
        <v>3.3892680315457948</v>
      </c>
      <c r="BD2185" t="s">
        <v>8334</v>
      </c>
      <c r="BE2185" t="s">
        <v>62</v>
      </c>
    </row>
    <row r="2186" spans="1:57" x14ac:dyDescent="0.3">
      <c r="A2186" t="s">
        <v>8335</v>
      </c>
      <c r="B2186">
        <v>3969</v>
      </c>
      <c r="C2186" t="s">
        <v>8336</v>
      </c>
      <c r="D2186" t="s">
        <v>8337</v>
      </c>
      <c r="E2186" t="s">
        <v>66</v>
      </c>
      <c r="F2186">
        <v>72</v>
      </c>
      <c r="G2186">
        <v>132.76388888888891</v>
      </c>
      <c r="H2186">
        <v>137</v>
      </c>
      <c r="I2186">
        <v>6099.5414737654319</v>
      </c>
      <c r="J2186">
        <v>78.09956129047994</v>
      </c>
      <c r="K2186">
        <v>-0.20133263307868041</v>
      </c>
      <c r="L2186">
        <v>-1.377471868088852</v>
      </c>
      <c r="M2186">
        <v>5.8816626750233798</v>
      </c>
      <c r="N2186">
        <v>3</v>
      </c>
      <c r="O2186">
        <v>1</v>
      </c>
      <c r="P2186">
        <v>2</v>
      </c>
      <c r="Q2186">
        <v>0.40930895291772651</v>
      </c>
      <c r="R2186">
        <v>4.0768579001971172</v>
      </c>
      <c r="S2186">
        <v>2</v>
      </c>
      <c r="T2186">
        <v>1</v>
      </c>
      <c r="U2186">
        <v>1</v>
      </c>
      <c r="V2186">
        <v>0.2053564712318961</v>
      </c>
      <c r="W2186">
        <v>4.2041040589658278</v>
      </c>
      <c r="X2186">
        <v>2</v>
      </c>
      <c r="Y2186">
        <v>1</v>
      </c>
      <c r="Z2186">
        <v>1</v>
      </c>
      <c r="AA2186">
        <v>0.16895772489817731</v>
      </c>
      <c r="AB2186">
        <v>4.2088868317316477</v>
      </c>
      <c r="AC2186">
        <v>2</v>
      </c>
      <c r="AD2186">
        <v>1</v>
      </c>
      <c r="AE2186">
        <v>1</v>
      </c>
      <c r="AF2186">
        <v>0.1203728348804772</v>
      </c>
      <c r="AG2186">
        <v>4.2140152819723324</v>
      </c>
      <c r="AH2186">
        <v>-6.5618390406891491E-2</v>
      </c>
      <c r="AI2186">
        <v>3.5343142293799791E-2</v>
      </c>
      <c r="AJ2186">
        <v>3.4600067512776819E-2</v>
      </c>
      <c r="AK2186">
        <v>3.7293453616751342E-2</v>
      </c>
      <c r="AL2186">
        <v>729.04930851080633</v>
      </c>
      <c r="AM2186">
        <v>1084.7783671146451</v>
      </c>
      <c r="AN2186">
        <v>9559</v>
      </c>
      <c r="AO2186">
        <v>93.992739324430914</v>
      </c>
      <c r="AP2186">
        <v>641.21602218611213</v>
      </c>
      <c r="AQ2186">
        <v>1.319444444444444</v>
      </c>
      <c r="AR2186">
        <v>3.916666666666667</v>
      </c>
      <c r="AS2186">
        <v>72</v>
      </c>
      <c r="AT2186">
        <v>8.9444444444444464</v>
      </c>
      <c r="AU2186">
        <v>0.13033333333333341</v>
      </c>
      <c r="AV2186">
        <v>-6.6609726586474613E-2</v>
      </c>
      <c r="AW2186">
        <v>0.33333333333333331</v>
      </c>
      <c r="AX2186">
        <v>95.211267605633807</v>
      </c>
      <c r="AY2186">
        <v>74.5</v>
      </c>
      <c r="AZ2186">
        <v>154.5</v>
      </c>
      <c r="BA2186">
        <v>0.58825906610676382</v>
      </c>
      <c r="BB2186">
        <v>0.52777777777777779</v>
      </c>
      <c r="BC2186">
        <v>3.916010856948819</v>
      </c>
      <c r="BD2186" t="s">
        <v>8338</v>
      </c>
      <c r="BE2186" t="s">
        <v>68</v>
      </c>
    </row>
    <row r="2187" spans="1:57" x14ac:dyDescent="0.3">
      <c r="A2187" t="s">
        <v>8339</v>
      </c>
      <c r="B2187">
        <v>1740</v>
      </c>
      <c r="C2187" t="s">
        <v>8340</v>
      </c>
      <c r="D2187" t="s">
        <v>8341</v>
      </c>
      <c r="E2187" t="s">
        <v>66</v>
      </c>
      <c r="F2187">
        <v>71</v>
      </c>
      <c r="G2187">
        <v>108.3943661971831</v>
      </c>
      <c r="H2187">
        <v>99</v>
      </c>
      <c r="I2187">
        <v>5030.8022217813932</v>
      </c>
      <c r="J2187">
        <v>70.928148303627623</v>
      </c>
      <c r="K2187">
        <v>0.2107901547219666</v>
      </c>
      <c r="L2187">
        <v>-1.137524518123884</v>
      </c>
      <c r="M2187">
        <v>5.9243950068286209</v>
      </c>
      <c r="N2187">
        <v>2</v>
      </c>
      <c r="O2187">
        <v>1</v>
      </c>
      <c r="P2187">
        <v>1</v>
      </c>
      <c r="Q2187">
        <v>0.33295518989528627</v>
      </c>
      <c r="R2187">
        <v>4.1064776955066806</v>
      </c>
      <c r="S2187">
        <v>1</v>
      </c>
      <c r="T2187">
        <v>1</v>
      </c>
      <c r="U2187">
        <v>0</v>
      </c>
      <c r="V2187">
        <v>0</v>
      </c>
      <c r="W2187">
        <v>4.2484952420493576</v>
      </c>
      <c r="X2187">
        <v>1</v>
      </c>
      <c r="Y2187">
        <v>1</v>
      </c>
      <c r="Z2187">
        <v>0</v>
      </c>
      <c r="AA2187">
        <v>0</v>
      </c>
      <c r="AB2187">
        <v>4.2341065045972579</v>
      </c>
      <c r="AC2187">
        <v>1</v>
      </c>
      <c r="AD2187">
        <v>1</v>
      </c>
      <c r="AE2187">
        <v>0</v>
      </c>
      <c r="AF2187">
        <v>0</v>
      </c>
      <c r="AG2187">
        <v>4.2195077051761087</v>
      </c>
      <c r="AH2187">
        <v>-0.117341281180697</v>
      </c>
      <c r="AI2187">
        <v>0.1869852792400018</v>
      </c>
      <c r="AJ2187">
        <v>-1.6759921886790562E-2</v>
      </c>
      <c r="AK2187">
        <v>-0.103197363819303</v>
      </c>
      <c r="AL2187">
        <v>641.26852301153281</v>
      </c>
      <c r="AM2187">
        <v>883.2693141927931</v>
      </c>
      <c r="AN2187">
        <v>7696</v>
      </c>
      <c r="AO2187">
        <v>179.4270470397777</v>
      </c>
      <c r="AP2187">
        <v>489.48793968616081</v>
      </c>
      <c r="AQ2187">
        <v>1.323943661971831</v>
      </c>
      <c r="AR2187">
        <v>3.6619718309859151</v>
      </c>
      <c r="AS2187">
        <v>71</v>
      </c>
      <c r="AT2187">
        <v>6.1971830985915481</v>
      </c>
      <c r="AU2187">
        <v>0.11110464439529739</v>
      </c>
      <c r="AV2187">
        <v>-0.1183393771938306</v>
      </c>
      <c r="AW2187">
        <v>0.42253521126760563</v>
      </c>
      <c r="AX2187">
        <v>89.857142857142861</v>
      </c>
      <c r="AY2187">
        <v>62</v>
      </c>
      <c r="AZ2187">
        <v>114.5</v>
      </c>
      <c r="BA2187">
        <v>0.65435271953710517</v>
      </c>
      <c r="BB2187">
        <v>0.47887323943661969</v>
      </c>
      <c r="BC2187">
        <v>4.0355032434961027</v>
      </c>
      <c r="BD2187" t="s">
        <v>8342</v>
      </c>
      <c r="BE2187" t="s">
        <v>68</v>
      </c>
    </row>
    <row r="2188" spans="1:57" x14ac:dyDescent="0.3">
      <c r="A2188" t="s">
        <v>8343</v>
      </c>
      <c r="B2188">
        <v>150</v>
      </c>
      <c r="C2188" t="s">
        <v>8344</v>
      </c>
      <c r="D2188" t="s">
        <v>8345</v>
      </c>
      <c r="E2188" t="s">
        <v>60</v>
      </c>
      <c r="F2188">
        <v>512</v>
      </c>
      <c r="G2188">
        <v>125.103515625</v>
      </c>
      <c r="H2188">
        <v>125.5</v>
      </c>
      <c r="I2188">
        <v>5654.0303001403809</v>
      </c>
      <c r="J2188">
        <v>75.193286270387077</v>
      </c>
      <c r="K2188">
        <v>-3.9377162808437727E-2</v>
      </c>
      <c r="L2188">
        <v>-1.2257418728277789</v>
      </c>
      <c r="M2188">
        <v>7.5701886068361492</v>
      </c>
      <c r="N2188">
        <v>9</v>
      </c>
      <c r="O2188">
        <v>1</v>
      </c>
      <c r="P2188">
        <v>8</v>
      </c>
      <c r="Q2188">
        <v>1.3253410601123901</v>
      </c>
      <c r="R2188">
        <v>5.2472548891354958</v>
      </c>
      <c r="S2188">
        <v>2</v>
      </c>
      <c r="T2188">
        <v>1</v>
      </c>
      <c r="U2188">
        <v>1</v>
      </c>
      <c r="V2188">
        <v>4.4237310481092057E-2</v>
      </c>
      <c r="W2188">
        <v>6.2336566853874231</v>
      </c>
      <c r="X2188">
        <v>1</v>
      </c>
      <c r="Y2188">
        <v>1</v>
      </c>
      <c r="Z2188">
        <v>0</v>
      </c>
      <c r="AA2188">
        <v>0</v>
      </c>
      <c r="AB2188">
        <v>6.2344107257183694</v>
      </c>
      <c r="AC2188">
        <v>1</v>
      </c>
      <c r="AD2188">
        <v>1</v>
      </c>
      <c r="AE2188">
        <v>0</v>
      </c>
      <c r="AF2188">
        <v>0</v>
      </c>
      <c r="AG2188">
        <v>6.2324480165505216</v>
      </c>
      <c r="AH2188">
        <v>-2.187296995853694E-2</v>
      </c>
      <c r="AI2188">
        <v>-5.3904690796600957E-2</v>
      </c>
      <c r="AJ2188">
        <v>-2.7557189718289352E-4</v>
      </c>
      <c r="AK2188">
        <v>-1.7089643448196679E-2</v>
      </c>
      <c r="AL2188">
        <v>1620.2646572238971</v>
      </c>
      <c r="AM2188">
        <v>2877.996080704615</v>
      </c>
      <c r="AN2188">
        <v>64053</v>
      </c>
      <c r="AO2188">
        <v>23.371315167147099</v>
      </c>
      <c r="AP2188">
        <v>1412.100407905677</v>
      </c>
      <c r="AQ2188">
        <v>1.044921875</v>
      </c>
      <c r="AR2188">
        <v>3.8828125</v>
      </c>
      <c r="AS2188">
        <v>510</v>
      </c>
      <c r="AT2188">
        <v>166.046875</v>
      </c>
      <c r="AU2188">
        <v>3.8357843137254898E-2</v>
      </c>
      <c r="AV2188">
        <v>-2.193033918481788E-2</v>
      </c>
      <c r="AW2188">
        <v>0.36328125</v>
      </c>
      <c r="AX2188">
        <v>87.025440313111545</v>
      </c>
      <c r="AY2188">
        <v>66.5</v>
      </c>
      <c r="AZ2188">
        <v>131</v>
      </c>
      <c r="BA2188">
        <v>0.60104854683524866</v>
      </c>
      <c r="BB2188">
        <v>0.5</v>
      </c>
      <c r="BC2188">
        <v>5.1003521637402738</v>
      </c>
      <c r="BD2188" t="s">
        <v>8346</v>
      </c>
      <c r="BE2188" t="s">
        <v>62</v>
      </c>
    </row>
    <row r="2189" spans="1:57" x14ac:dyDescent="0.3">
      <c r="A2189" t="s">
        <v>8347</v>
      </c>
      <c r="B2189">
        <v>2119</v>
      </c>
      <c r="C2189" t="s">
        <v>8348</v>
      </c>
      <c r="D2189" t="s">
        <v>8349</v>
      </c>
      <c r="E2189" t="s">
        <v>93</v>
      </c>
      <c r="F2189">
        <v>2231</v>
      </c>
      <c r="G2189">
        <v>127.0685791125056</v>
      </c>
      <c r="H2189">
        <v>126</v>
      </c>
      <c r="I2189">
        <v>5529.6792951124098</v>
      </c>
      <c r="J2189">
        <v>74.361813420010208</v>
      </c>
      <c r="K2189">
        <v>1.4494729317612261E-2</v>
      </c>
      <c r="L2189">
        <v>-1.2043459845254281</v>
      </c>
      <c r="M2189">
        <v>7.9302834299376617</v>
      </c>
      <c r="N2189">
        <v>18</v>
      </c>
      <c r="O2189">
        <v>3</v>
      </c>
      <c r="P2189">
        <v>15</v>
      </c>
      <c r="Q2189">
        <v>2.7115087429484599</v>
      </c>
      <c r="R2189">
        <v>5.4968536005025364</v>
      </c>
      <c r="S2189">
        <v>2</v>
      </c>
      <c r="T2189">
        <v>1</v>
      </c>
      <c r="U2189">
        <v>1</v>
      </c>
      <c r="V2189">
        <v>0.11002638153458461</v>
      </c>
      <c r="W2189">
        <v>7.6929721345213213</v>
      </c>
      <c r="X2189">
        <v>1</v>
      </c>
      <c r="Y2189">
        <v>1</v>
      </c>
      <c r="Z2189">
        <v>0</v>
      </c>
      <c r="AA2189">
        <v>0</v>
      </c>
      <c r="AB2189">
        <v>7.7093083333858683</v>
      </c>
      <c r="AC2189">
        <v>1</v>
      </c>
      <c r="AD2189">
        <v>1</v>
      </c>
      <c r="AE2189">
        <v>0</v>
      </c>
      <c r="AF2189">
        <v>0</v>
      </c>
      <c r="AG2189">
        <v>7.708859601047175</v>
      </c>
      <c r="AH2189">
        <v>1.6072644159115211E-2</v>
      </c>
      <c r="AI2189">
        <v>-1.085422954429036E-3</v>
      </c>
      <c r="AJ2189">
        <v>1.6448113118033961E-2</v>
      </c>
      <c r="AK2189">
        <v>-2.2965259420856588E-3</v>
      </c>
      <c r="AL2189">
        <v>3209.57157649807</v>
      </c>
      <c r="AM2189">
        <v>6169.1195721379636</v>
      </c>
      <c r="AN2189">
        <v>283490</v>
      </c>
      <c r="AO2189">
        <v>88.169383745156978</v>
      </c>
      <c r="AP2189">
        <v>2835.5890541492449</v>
      </c>
      <c r="AQ2189">
        <v>1.010309278350515</v>
      </c>
      <c r="AR2189">
        <v>4.0134468848050204</v>
      </c>
      <c r="AS2189">
        <v>2219</v>
      </c>
      <c r="AT2189">
        <v>215.97445091887039</v>
      </c>
      <c r="AU2189">
        <v>1.204594791749058E-2</v>
      </c>
      <c r="AV2189">
        <v>1.607568455233175E-2</v>
      </c>
      <c r="AW2189">
        <v>0.37875392200806812</v>
      </c>
      <c r="AX2189">
        <v>84.95784753363229</v>
      </c>
      <c r="AY2189">
        <v>65</v>
      </c>
      <c r="AZ2189">
        <v>128</v>
      </c>
      <c r="BA2189">
        <v>0.58521008056736668</v>
      </c>
      <c r="BB2189">
        <v>0.4899148363962349</v>
      </c>
      <c r="BC2189">
        <v>5.2990374274414016</v>
      </c>
      <c r="BD2189" t="s">
        <v>8350</v>
      </c>
      <c r="BE2189" t="s">
        <v>68</v>
      </c>
    </row>
    <row r="2190" spans="1:57" x14ac:dyDescent="0.3">
      <c r="A2190" t="s">
        <v>8351</v>
      </c>
      <c r="B2190">
        <v>988</v>
      </c>
      <c r="C2190" t="s">
        <v>8352</v>
      </c>
      <c r="D2190" t="s">
        <v>8353</v>
      </c>
      <c r="E2190" t="s">
        <v>93</v>
      </c>
      <c r="F2190">
        <v>988</v>
      </c>
      <c r="G2190">
        <v>125.87145748987849</v>
      </c>
      <c r="H2190">
        <v>128</v>
      </c>
      <c r="I2190">
        <v>5539.1059464587197</v>
      </c>
      <c r="J2190">
        <v>74.425170113737195</v>
      </c>
      <c r="K2190">
        <v>-7.1325948277993967E-3</v>
      </c>
      <c r="L2190">
        <v>-1.232588734091054</v>
      </c>
      <c r="M2190">
        <v>7.794673105110923</v>
      </c>
      <c r="N2190">
        <v>11</v>
      </c>
      <c r="O2190">
        <v>1</v>
      </c>
      <c r="P2190">
        <v>10</v>
      </c>
      <c r="Q2190">
        <v>1.9505644087479921</v>
      </c>
      <c r="R2190">
        <v>5.4028556861940684</v>
      </c>
      <c r="S2190">
        <v>2</v>
      </c>
      <c r="T2190">
        <v>1</v>
      </c>
      <c r="U2190">
        <v>1</v>
      </c>
      <c r="V2190">
        <v>0.10065113423901351</v>
      </c>
      <c r="W2190">
        <v>6.8806245038598277</v>
      </c>
      <c r="X2190">
        <v>1</v>
      </c>
      <c r="Y2190">
        <v>1</v>
      </c>
      <c r="Z2190">
        <v>0</v>
      </c>
      <c r="AA2190">
        <v>0</v>
      </c>
      <c r="AB2190">
        <v>6.8936563546026353</v>
      </c>
      <c r="AC2190">
        <v>1</v>
      </c>
      <c r="AD2190">
        <v>1</v>
      </c>
      <c r="AE2190">
        <v>0</v>
      </c>
      <c r="AF2190">
        <v>0</v>
      </c>
      <c r="AG2190">
        <v>6.892641641172089</v>
      </c>
      <c r="AH2190">
        <v>3.3137870231317521E-2</v>
      </c>
      <c r="AI2190">
        <v>4.1334010836673089E-2</v>
      </c>
      <c r="AJ2190">
        <v>-5.4682524061207272E-2</v>
      </c>
      <c r="AK2190">
        <v>2.0849597698760072E-2</v>
      </c>
      <c r="AL2190">
        <v>2196.85046151593</v>
      </c>
      <c r="AM2190">
        <v>4037.3239961312552</v>
      </c>
      <c r="AN2190">
        <v>124361</v>
      </c>
      <c r="AO2190">
        <v>86.040910881764205</v>
      </c>
      <c r="AP2190">
        <v>1914.4605968058761</v>
      </c>
      <c r="AQ2190">
        <v>1.023279352226721</v>
      </c>
      <c r="AR2190">
        <v>3.964574898785425</v>
      </c>
      <c r="AS2190">
        <v>986</v>
      </c>
      <c r="AT2190">
        <v>242.61133603238869</v>
      </c>
      <c r="AU2190">
        <v>2.86298324998015E-2</v>
      </c>
      <c r="AV2190">
        <v>3.3203937716032861E-2</v>
      </c>
      <c r="AW2190">
        <v>0.36437246963562753</v>
      </c>
      <c r="AX2190">
        <v>84.61702127659575</v>
      </c>
      <c r="AY2190">
        <v>66</v>
      </c>
      <c r="AZ2190">
        <v>131</v>
      </c>
      <c r="BA2190">
        <v>0.59127916366362732</v>
      </c>
      <c r="BB2190">
        <v>0.50607287449392713</v>
      </c>
      <c r="BC2190">
        <v>5.2010890270152288</v>
      </c>
      <c r="BD2190" t="s">
        <v>8354</v>
      </c>
      <c r="BE2190" t="s">
        <v>68</v>
      </c>
    </row>
    <row r="2191" spans="1:57" x14ac:dyDescent="0.3">
      <c r="A2191" t="s">
        <v>8355</v>
      </c>
      <c r="B2191">
        <v>537</v>
      </c>
      <c r="C2191" t="s">
        <v>8356</v>
      </c>
      <c r="D2191" t="s">
        <v>8357</v>
      </c>
      <c r="E2191" t="s">
        <v>10622</v>
      </c>
      <c r="F2191">
        <v>64</v>
      </c>
      <c r="G2191">
        <v>118.8125</v>
      </c>
      <c r="H2191">
        <v>113.5</v>
      </c>
      <c r="I2191">
        <v>4962.37109375</v>
      </c>
      <c r="J2191">
        <v>70.444099069758849</v>
      </c>
      <c r="K2191">
        <v>7.8682335844379517E-2</v>
      </c>
      <c r="L2191">
        <v>-1.021974769637596</v>
      </c>
      <c r="M2191">
        <v>5.8125</v>
      </c>
      <c r="N2191">
        <v>2</v>
      </c>
      <c r="O2191">
        <v>1</v>
      </c>
      <c r="P2191">
        <v>1</v>
      </c>
      <c r="Q2191">
        <v>0.30454347814923621</v>
      </c>
      <c r="R2191">
        <v>4.0289179870046823</v>
      </c>
      <c r="S2191">
        <v>1</v>
      </c>
      <c r="T2191">
        <v>1</v>
      </c>
      <c r="U2191">
        <v>0</v>
      </c>
      <c r="V2191">
        <v>0</v>
      </c>
      <c r="W2191">
        <v>4.1431347263915326</v>
      </c>
      <c r="X2191">
        <v>1</v>
      </c>
      <c r="Y2191">
        <v>1</v>
      </c>
      <c r="Z2191">
        <v>0</v>
      </c>
      <c r="AA2191">
        <v>0</v>
      </c>
      <c r="AB2191">
        <v>4.1271343850450908</v>
      </c>
      <c r="AC2191">
        <v>1</v>
      </c>
      <c r="AD2191">
        <v>1</v>
      </c>
      <c r="AE2191">
        <v>0</v>
      </c>
      <c r="AF2191">
        <v>0</v>
      </c>
      <c r="AG2191">
        <v>4.1108738641733096</v>
      </c>
      <c r="AH2191">
        <v>-1.240302261078885E-2</v>
      </c>
      <c r="AI2191">
        <v>2.3827735410318431E-2</v>
      </c>
      <c r="AJ2191">
        <v>-0.1066173815322659</v>
      </c>
      <c r="AK2191">
        <v>1.8176514149060859E-2</v>
      </c>
      <c r="AL2191">
        <v>621.20204013057253</v>
      </c>
      <c r="AM2191">
        <v>913.86543065027627</v>
      </c>
      <c r="AN2191">
        <v>7604</v>
      </c>
      <c r="AO2191">
        <v>101.2219890614934</v>
      </c>
      <c r="AP2191">
        <v>539.53348766725003</v>
      </c>
      <c r="AQ2191">
        <v>1.359375</v>
      </c>
      <c r="AR2191">
        <v>3.828125</v>
      </c>
      <c r="AS2191">
        <v>64</v>
      </c>
      <c r="AT2191">
        <v>4.8750000000000018</v>
      </c>
      <c r="AU2191">
        <v>9.9308300395256954E-2</v>
      </c>
      <c r="AV2191">
        <v>-1.2494593193671071E-2</v>
      </c>
      <c r="AW2191">
        <v>0.4375</v>
      </c>
      <c r="AX2191">
        <v>82.904761904761898</v>
      </c>
      <c r="AY2191">
        <v>59.5</v>
      </c>
      <c r="AZ2191">
        <v>109.25</v>
      </c>
      <c r="BA2191">
        <v>0.59290141247561368</v>
      </c>
      <c r="BB2191">
        <v>0.46875</v>
      </c>
      <c r="BC2191">
        <v>3.89277780391402</v>
      </c>
      <c r="BD2191" t="s">
        <v>8358</v>
      </c>
      <c r="BE2191" t="s">
        <v>62</v>
      </c>
    </row>
    <row r="2192" spans="1:57" x14ac:dyDescent="0.3">
      <c r="A2192" t="s">
        <v>8359</v>
      </c>
      <c r="B2192">
        <v>157</v>
      </c>
      <c r="C2192" t="s">
        <v>8360</v>
      </c>
      <c r="D2192" t="s">
        <v>8361</v>
      </c>
      <c r="E2192" t="s">
        <v>60</v>
      </c>
      <c r="F2192">
        <v>512</v>
      </c>
      <c r="G2192">
        <v>129.9296875</v>
      </c>
      <c r="H2192">
        <v>127.5</v>
      </c>
      <c r="I2192">
        <v>5417.7802124023438</v>
      </c>
      <c r="J2192">
        <v>73.60557188421501</v>
      </c>
      <c r="K2192">
        <v>2.7067423261393402E-3</v>
      </c>
      <c r="L2192">
        <v>-1.241967284603497</v>
      </c>
      <c r="M2192">
        <v>7.6025854455548041</v>
      </c>
      <c r="N2192">
        <v>8</v>
      </c>
      <c r="O2192">
        <v>1</v>
      </c>
      <c r="P2192">
        <v>7</v>
      </c>
      <c r="Q2192">
        <v>1.263700429496724</v>
      </c>
      <c r="R2192">
        <v>5.2697106665523874</v>
      </c>
      <c r="S2192">
        <v>1</v>
      </c>
      <c r="T2192">
        <v>1</v>
      </c>
      <c r="U2192">
        <v>0</v>
      </c>
      <c r="V2192">
        <v>0</v>
      </c>
      <c r="W2192">
        <v>6.2363695902037044</v>
      </c>
      <c r="X2192">
        <v>1</v>
      </c>
      <c r="Y2192">
        <v>1</v>
      </c>
      <c r="Z2192">
        <v>0</v>
      </c>
      <c r="AA2192">
        <v>0</v>
      </c>
      <c r="AB2192">
        <v>6.2344107257183694</v>
      </c>
      <c r="AC2192">
        <v>1</v>
      </c>
      <c r="AD2192">
        <v>1</v>
      </c>
      <c r="AE2192">
        <v>0</v>
      </c>
      <c r="AF2192">
        <v>0</v>
      </c>
      <c r="AG2192">
        <v>6.2324480165505216</v>
      </c>
      <c r="AH2192">
        <v>-5.0843611595612653E-2</v>
      </c>
      <c r="AI2192">
        <v>2.5587556591970789E-2</v>
      </c>
      <c r="AJ2192">
        <v>3.5756044298222191E-3</v>
      </c>
      <c r="AK2192">
        <v>-4.3372018161897889E-2</v>
      </c>
      <c r="AL2192">
        <v>1608.955208825651</v>
      </c>
      <c r="AM2192">
        <v>2971.297550901425</v>
      </c>
      <c r="AN2192">
        <v>66524</v>
      </c>
      <c r="AO2192">
        <v>89.708250172095916</v>
      </c>
      <c r="AP2192">
        <v>1444.202607439061</v>
      </c>
      <c r="AQ2192">
        <v>1.044921875</v>
      </c>
      <c r="AR2192">
        <v>4.0859375</v>
      </c>
      <c r="AS2192">
        <v>510</v>
      </c>
      <c r="AT2192">
        <v>156.5</v>
      </c>
      <c r="AU2192">
        <v>3.2513786764705843E-2</v>
      </c>
      <c r="AV2192">
        <v>-5.0850237100761399E-2</v>
      </c>
      <c r="AW2192">
        <v>0.384765625</v>
      </c>
      <c r="AX2192">
        <v>88.532289628180038</v>
      </c>
      <c r="AY2192">
        <v>65.5</v>
      </c>
      <c r="AZ2192">
        <v>128.25</v>
      </c>
      <c r="BA2192">
        <v>0.56650310872343945</v>
      </c>
      <c r="BB2192">
        <v>0.49609375</v>
      </c>
      <c r="BC2192">
        <v>5.0792573566405821</v>
      </c>
      <c r="BD2192" t="s">
        <v>8362</v>
      </c>
      <c r="BE2192" t="s">
        <v>62</v>
      </c>
    </row>
    <row r="2193" spans="1:57" x14ac:dyDescent="0.3">
      <c r="A2193" t="s">
        <v>8363</v>
      </c>
      <c r="B2193">
        <v>2532</v>
      </c>
      <c r="C2193" t="s">
        <v>8364</v>
      </c>
      <c r="D2193" t="s">
        <v>8365</v>
      </c>
      <c r="E2193" t="s">
        <v>72</v>
      </c>
      <c r="F2193">
        <v>2536</v>
      </c>
      <c r="G2193">
        <v>126.5623028391167</v>
      </c>
      <c r="H2193">
        <v>126</v>
      </c>
      <c r="I2193">
        <v>5393.9338155171217</v>
      </c>
      <c r="J2193">
        <v>73.443405527774388</v>
      </c>
      <c r="K2193">
        <v>5.6221498537634479E-3</v>
      </c>
      <c r="L2193">
        <v>-1.1933628188505021</v>
      </c>
      <c r="M2193">
        <v>7.9191108423052219</v>
      </c>
      <c r="N2193">
        <v>19</v>
      </c>
      <c r="O2193">
        <v>1</v>
      </c>
      <c r="P2193">
        <v>18</v>
      </c>
      <c r="Q2193">
        <v>3.2172326520629499</v>
      </c>
      <c r="R2193">
        <v>5.4891093528855572</v>
      </c>
      <c r="S2193">
        <v>2</v>
      </c>
      <c r="T2193">
        <v>1</v>
      </c>
      <c r="U2193">
        <v>1</v>
      </c>
      <c r="V2193">
        <v>0.14041325007941971</v>
      </c>
      <c r="W2193">
        <v>7.810605831979526</v>
      </c>
      <c r="X2193">
        <v>1</v>
      </c>
      <c r="Y2193">
        <v>1</v>
      </c>
      <c r="Z2193">
        <v>0</v>
      </c>
      <c r="AA2193">
        <v>0</v>
      </c>
      <c r="AB2193">
        <v>7.837554360881084</v>
      </c>
      <c r="AC2193">
        <v>1</v>
      </c>
      <c r="AD2193">
        <v>1</v>
      </c>
      <c r="AE2193">
        <v>0</v>
      </c>
      <c r="AF2193">
        <v>0</v>
      </c>
      <c r="AG2193">
        <v>7.8371596500016762</v>
      </c>
      <c r="AH2193">
        <v>-2.995351253921115E-2</v>
      </c>
      <c r="AI2193">
        <v>3.1612459446384222E-3</v>
      </c>
      <c r="AJ2193">
        <v>-5.102322856643136E-3</v>
      </c>
      <c r="AK2193">
        <v>-5.3250794006961817E-4</v>
      </c>
      <c r="AL2193">
        <v>3415.9351176548962</v>
      </c>
      <c r="AM2193">
        <v>6529.325636845816</v>
      </c>
      <c r="AN2193">
        <v>320961.99999999988</v>
      </c>
      <c r="AO2193">
        <v>38.296549321317983</v>
      </c>
      <c r="AP2193">
        <v>3097.782992921294</v>
      </c>
      <c r="AQ2193">
        <v>1.0090694006309151</v>
      </c>
      <c r="AR2193">
        <v>4.0078864353312307</v>
      </c>
      <c r="AS2193">
        <v>2526</v>
      </c>
      <c r="AT2193">
        <v>267.48264984227131</v>
      </c>
      <c r="AU2193">
        <v>1.3810539988866281E-2</v>
      </c>
      <c r="AV2193">
        <v>-2.9957897564220709E-2</v>
      </c>
      <c r="AW2193">
        <v>0.38170347003154581</v>
      </c>
      <c r="AX2193">
        <v>85.766863905325437</v>
      </c>
      <c r="AY2193">
        <v>64</v>
      </c>
      <c r="AZ2193">
        <v>127</v>
      </c>
      <c r="BA2193">
        <v>0.5802944785315266</v>
      </c>
      <c r="BB2193">
        <v>0.49605678233438488</v>
      </c>
      <c r="BC2193">
        <v>5.305509589178202</v>
      </c>
      <c r="BD2193" t="s">
        <v>8366</v>
      </c>
      <c r="BE2193" t="s">
        <v>68</v>
      </c>
    </row>
    <row r="2194" spans="1:57" x14ac:dyDescent="0.3">
      <c r="A2194" t="s">
        <v>8367</v>
      </c>
      <c r="B2194">
        <v>3312</v>
      </c>
      <c r="C2194" t="s">
        <v>8368</v>
      </c>
      <c r="D2194" t="s">
        <v>8369</v>
      </c>
      <c r="E2194" t="s">
        <v>106</v>
      </c>
      <c r="F2194">
        <v>3330</v>
      </c>
      <c r="G2194">
        <v>128.612012012012</v>
      </c>
      <c r="H2194">
        <v>128</v>
      </c>
      <c r="I2194">
        <v>5574.7329488046598</v>
      </c>
      <c r="J2194">
        <v>74.664134286849261</v>
      </c>
      <c r="K2194">
        <v>-2.673010924420241E-2</v>
      </c>
      <c r="L2194">
        <v>-1.2117037903346251</v>
      </c>
      <c r="M2194">
        <v>7.9409475691212297</v>
      </c>
      <c r="N2194">
        <v>25</v>
      </c>
      <c r="O2194">
        <v>4</v>
      </c>
      <c r="P2194">
        <v>21</v>
      </c>
      <c r="Q2194">
        <v>3.705983535425347</v>
      </c>
      <c r="R2194">
        <v>5.5042454185107372</v>
      </c>
      <c r="S2194">
        <v>3</v>
      </c>
      <c r="T2194">
        <v>1</v>
      </c>
      <c r="U2194">
        <v>2</v>
      </c>
      <c r="V2194">
        <v>0.1635987152327664</v>
      </c>
      <c r="W2194">
        <v>8.0753920388954654</v>
      </c>
      <c r="X2194">
        <v>1</v>
      </c>
      <c r="Y2194">
        <v>1</v>
      </c>
      <c r="Z2194">
        <v>0</v>
      </c>
      <c r="AA2194">
        <v>0</v>
      </c>
      <c r="AB2194">
        <v>8.1101268019410995</v>
      </c>
      <c r="AC2194">
        <v>1</v>
      </c>
      <c r="AD2194">
        <v>1</v>
      </c>
      <c r="AE2194">
        <v>0</v>
      </c>
      <c r="AF2194">
        <v>0</v>
      </c>
      <c r="AG2194">
        <v>8.1098262760184774</v>
      </c>
      <c r="AH2194">
        <v>2.0589692865157161E-2</v>
      </c>
      <c r="AI2194">
        <v>-7.3676039919228012E-3</v>
      </c>
      <c r="AJ2194">
        <v>1.553262178936715E-2</v>
      </c>
      <c r="AK2194">
        <v>-1.6364301868666799E-2</v>
      </c>
      <c r="AL2194">
        <v>3947.6908870341472</v>
      </c>
      <c r="AM2194">
        <v>7619.7961035993312</v>
      </c>
      <c r="AN2194">
        <v>428278</v>
      </c>
      <c r="AO2194">
        <v>85.46097702373973</v>
      </c>
      <c r="AP2194">
        <v>3616.7161608911861</v>
      </c>
      <c r="AQ2194">
        <v>1.006906906906907</v>
      </c>
      <c r="AR2194">
        <v>4.0174174174174171</v>
      </c>
      <c r="AS2194">
        <v>3322</v>
      </c>
      <c r="AT2194">
        <v>270.29789789789788</v>
      </c>
      <c r="AU2194">
        <v>1.7011128775834661E-2</v>
      </c>
      <c r="AV2194">
        <v>2.0594766884115569E-2</v>
      </c>
      <c r="AW2194">
        <v>0.36816816816816822</v>
      </c>
      <c r="AX2194">
        <v>84.878642234905371</v>
      </c>
      <c r="AY2194">
        <v>65</v>
      </c>
      <c r="AZ2194">
        <v>130.5</v>
      </c>
      <c r="BA2194">
        <v>0.58053779828804664</v>
      </c>
      <c r="BB2194">
        <v>0.49609609609609612</v>
      </c>
      <c r="BC2194">
        <v>5.313646463691466</v>
      </c>
      <c r="BD2194" t="s">
        <v>8370</v>
      </c>
      <c r="BE2194" t="s">
        <v>68</v>
      </c>
    </row>
    <row r="2195" spans="1:57" x14ac:dyDescent="0.3">
      <c r="A2195" t="s">
        <v>8371</v>
      </c>
      <c r="B2195">
        <v>2506</v>
      </c>
      <c r="C2195" t="s">
        <v>8372</v>
      </c>
      <c r="D2195" t="s">
        <v>8373</v>
      </c>
      <c r="E2195" t="s">
        <v>72</v>
      </c>
      <c r="F2195">
        <v>2520</v>
      </c>
      <c r="G2195">
        <v>126.4960317460317</v>
      </c>
      <c r="H2195">
        <v>126</v>
      </c>
      <c r="I2195">
        <v>5453.3230001259753</v>
      </c>
      <c r="J2195">
        <v>73.846618068304082</v>
      </c>
      <c r="K2195">
        <v>9.8489899314829887E-3</v>
      </c>
      <c r="L2195">
        <v>-1.188659073150121</v>
      </c>
      <c r="M2195">
        <v>7.917850543671233</v>
      </c>
      <c r="N2195">
        <v>27</v>
      </c>
      <c r="O2195">
        <v>3</v>
      </c>
      <c r="P2195">
        <v>24</v>
      </c>
      <c r="Q2195">
        <v>3.369063065230451</v>
      </c>
      <c r="R2195">
        <v>5.4882357804407524</v>
      </c>
      <c r="S2195">
        <v>3</v>
      </c>
      <c r="T2195">
        <v>1</v>
      </c>
      <c r="U2195">
        <v>2</v>
      </c>
      <c r="V2195">
        <v>0.13950094765102561</v>
      </c>
      <c r="W2195">
        <v>7.8055438015148191</v>
      </c>
      <c r="X2195">
        <v>1</v>
      </c>
      <c r="Y2195">
        <v>1</v>
      </c>
      <c r="Z2195">
        <v>0</v>
      </c>
      <c r="AA2195">
        <v>0</v>
      </c>
      <c r="AB2195">
        <v>7.8312202146042917</v>
      </c>
      <c r="AC2195">
        <v>1</v>
      </c>
      <c r="AD2195">
        <v>1</v>
      </c>
      <c r="AE2195">
        <v>0</v>
      </c>
      <c r="AF2195">
        <v>0</v>
      </c>
      <c r="AG2195">
        <v>7.8308229951353141</v>
      </c>
      <c r="AH2195">
        <v>2.2485350212879521E-2</v>
      </c>
      <c r="AI2195">
        <v>4.9303065440031657E-2</v>
      </c>
      <c r="AJ2195">
        <v>2.1827898125632451E-2</v>
      </c>
      <c r="AK2195">
        <v>8.8159287379973462E-3</v>
      </c>
      <c r="AL2195">
        <v>3425.3096364200528</v>
      </c>
      <c r="AM2195">
        <v>6506.3636460505286</v>
      </c>
      <c r="AN2195">
        <v>318770</v>
      </c>
      <c r="AO2195">
        <v>4.6874284016867712E-13</v>
      </c>
      <c r="AP2195">
        <v>3143.7321463014641</v>
      </c>
      <c r="AQ2195">
        <v>1.0091269841269841</v>
      </c>
      <c r="AR2195">
        <v>4.0107142857142861</v>
      </c>
      <c r="AS2195">
        <v>2513</v>
      </c>
      <c r="AT2195">
        <v>295.18730158730159</v>
      </c>
      <c r="AU2195">
        <v>1.4915966386554619E-2</v>
      </c>
      <c r="AV2195">
        <v>2.2505198827056389E-2</v>
      </c>
      <c r="AW2195">
        <v>0.37817460317460322</v>
      </c>
      <c r="AX2195">
        <v>84.034537514886864</v>
      </c>
      <c r="AY2195">
        <v>63</v>
      </c>
      <c r="AZ2195">
        <v>127</v>
      </c>
      <c r="BA2195">
        <v>0.58378604489797126</v>
      </c>
      <c r="BB2195">
        <v>0.49682539682539678</v>
      </c>
      <c r="BC2195">
        <v>5.2910469976169914</v>
      </c>
      <c r="BD2195" t="s">
        <v>8374</v>
      </c>
      <c r="BE2195" t="s">
        <v>68</v>
      </c>
    </row>
    <row r="2196" spans="1:57" x14ac:dyDescent="0.3">
      <c r="A2196" t="s">
        <v>8375</v>
      </c>
      <c r="B2196">
        <v>836</v>
      </c>
      <c r="C2196" t="s">
        <v>8376</v>
      </c>
      <c r="D2196" t="s">
        <v>8377</v>
      </c>
      <c r="E2196" t="s">
        <v>115</v>
      </c>
      <c r="F2196">
        <v>864</v>
      </c>
      <c r="G2196">
        <v>125.65625</v>
      </c>
      <c r="H2196">
        <v>126</v>
      </c>
      <c r="I2196">
        <v>5640.9408637152774</v>
      </c>
      <c r="J2196">
        <v>75.106197239077929</v>
      </c>
      <c r="K2196">
        <v>4.0991503597749793E-2</v>
      </c>
      <c r="L2196">
        <v>-1.248348941654549</v>
      </c>
      <c r="M2196">
        <v>7.781770164257928</v>
      </c>
      <c r="N2196">
        <v>8</v>
      </c>
      <c r="O2196">
        <v>1</v>
      </c>
      <c r="P2196">
        <v>7</v>
      </c>
      <c r="Q2196">
        <v>1.67350028075687</v>
      </c>
      <c r="R2196">
        <v>5.3939120491208978</v>
      </c>
      <c r="S2196">
        <v>2</v>
      </c>
      <c r="T2196">
        <v>1</v>
      </c>
      <c r="U2196">
        <v>1</v>
      </c>
      <c r="V2196">
        <v>8.3379556989264164E-2</v>
      </c>
      <c r="W2196">
        <v>6.7507764915854889</v>
      </c>
      <c r="X2196">
        <v>1</v>
      </c>
      <c r="Y2196">
        <v>1</v>
      </c>
      <c r="Z2196">
        <v>0</v>
      </c>
      <c r="AA2196">
        <v>0</v>
      </c>
      <c r="AB2196">
        <v>6.7592552706636937</v>
      </c>
      <c r="AC2196">
        <v>1</v>
      </c>
      <c r="AD2196">
        <v>1</v>
      </c>
      <c r="AE2196">
        <v>0</v>
      </c>
      <c r="AF2196">
        <v>0</v>
      </c>
      <c r="AG2196">
        <v>6.7580945044277279</v>
      </c>
      <c r="AH2196">
        <v>3.3234123224786333E-2</v>
      </c>
      <c r="AI2196">
        <v>1.4504461437097761E-2</v>
      </c>
      <c r="AJ2196">
        <v>-4.3872337444387358E-2</v>
      </c>
      <c r="AK2196">
        <v>-2.1609258610627329E-2</v>
      </c>
      <c r="AL2196">
        <v>2100.661626286952</v>
      </c>
      <c r="AM2196">
        <v>3755.4115262971459</v>
      </c>
      <c r="AN2196">
        <v>108567</v>
      </c>
      <c r="AO2196">
        <v>98.111792856691153</v>
      </c>
      <c r="AP2196">
        <v>1870.074629010194</v>
      </c>
      <c r="AQ2196">
        <v>1.02662037037037</v>
      </c>
      <c r="AR2196">
        <v>3.9861111111111112</v>
      </c>
      <c r="AS2196">
        <v>862</v>
      </c>
      <c r="AT2196">
        <v>197.75694444444451</v>
      </c>
      <c r="AU2196">
        <v>3.8494008714596961E-2</v>
      </c>
      <c r="AV2196">
        <v>3.3245448850072128E-2</v>
      </c>
      <c r="AW2196">
        <v>0.37037037037037029</v>
      </c>
      <c r="AX2196">
        <v>86.144843568945532</v>
      </c>
      <c r="AY2196">
        <v>68</v>
      </c>
      <c r="AZ2196">
        <v>134</v>
      </c>
      <c r="BA2196">
        <v>0.5977115920543381</v>
      </c>
      <c r="BB2196">
        <v>0.50231481481481477</v>
      </c>
      <c r="BC2196">
        <v>5.2160679683278008</v>
      </c>
      <c r="BD2196" t="s">
        <v>8378</v>
      </c>
      <c r="BE2196" t="s">
        <v>62</v>
      </c>
    </row>
    <row r="2197" spans="1:57" x14ac:dyDescent="0.3">
      <c r="A2197" t="s">
        <v>8379</v>
      </c>
      <c r="B2197">
        <v>3501</v>
      </c>
      <c r="C2197" t="s">
        <v>8380</v>
      </c>
      <c r="D2197" t="s">
        <v>8381</v>
      </c>
      <c r="E2197" t="s">
        <v>85</v>
      </c>
      <c r="F2197">
        <v>8</v>
      </c>
      <c r="G2197">
        <v>133.125</v>
      </c>
      <c r="H2197">
        <v>118.5</v>
      </c>
      <c r="I2197">
        <v>7510.609375</v>
      </c>
      <c r="J2197">
        <v>86.663771986915037</v>
      </c>
      <c r="K2197">
        <v>7.2996327581542314E-2</v>
      </c>
      <c r="L2197">
        <v>-1.462626483455935</v>
      </c>
      <c r="M2197">
        <v>3</v>
      </c>
      <c r="N2197">
        <v>1</v>
      </c>
      <c r="O2197">
        <v>1</v>
      </c>
      <c r="P2197">
        <v>0</v>
      </c>
      <c r="Q2197">
        <v>0</v>
      </c>
      <c r="R2197">
        <v>2.0794415416798362</v>
      </c>
      <c r="S2197">
        <v>1</v>
      </c>
      <c r="T2197">
        <v>1</v>
      </c>
      <c r="U2197">
        <v>0</v>
      </c>
      <c r="V2197">
        <v>0</v>
      </c>
      <c r="W2197">
        <v>1.945910149055313</v>
      </c>
      <c r="X2197">
        <v>1</v>
      </c>
      <c r="Y2197">
        <v>1</v>
      </c>
      <c r="Z2197">
        <v>0</v>
      </c>
      <c r="AA2197">
        <v>0</v>
      </c>
      <c r="AB2197">
        <v>1.791759469228055</v>
      </c>
      <c r="AC2197">
        <v>1</v>
      </c>
      <c r="AD2197">
        <v>1</v>
      </c>
      <c r="AE2197">
        <v>0</v>
      </c>
      <c r="AF2197">
        <v>0</v>
      </c>
      <c r="AG2197">
        <v>1.6094379124341009</v>
      </c>
      <c r="AH2197">
        <v>1.272938905173723E-3</v>
      </c>
      <c r="AI2197">
        <v>-0.31203620295457052</v>
      </c>
      <c r="AJ2197">
        <v>0.22922028006216211</v>
      </c>
      <c r="AK2197">
        <v>0</v>
      </c>
      <c r="AL2197">
        <v>355.65002373448851</v>
      </c>
      <c r="AM2197">
        <v>274.54700985014881</v>
      </c>
      <c r="AN2197">
        <v>1065</v>
      </c>
      <c r="AO2197">
        <v>181.02280122170049</v>
      </c>
      <c r="AP2197">
        <v>242.3601934445837</v>
      </c>
      <c r="AQ2197">
        <v>3.5</v>
      </c>
      <c r="AR2197">
        <v>3.75</v>
      </c>
      <c r="AS2197">
        <v>8</v>
      </c>
      <c r="AT2197">
        <v>0</v>
      </c>
      <c r="AU2197">
        <v>0.20108695652173911</v>
      </c>
      <c r="AV2197">
        <v>8.8949582144643158E-3</v>
      </c>
      <c r="AW2197">
        <v>0.375</v>
      </c>
      <c r="AX2197">
        <v>98.428571428571431</v>
      </c>
      <c r="AY2197">
        <v>81</v>
      </c>
      <c r="AZ2197">
        <v>155.5</v>
      </c>
      <c r="BA2197">
        <v>0.65099547032424443</v>
      </c>
      <c r="BB2197">
        <v>0.5</v>
      </c>
      <c r="BC2197">
        <v>1.945910149055313</v>
      </c>
      <c r="BD2197" t="s">
        <v>8380</v>
      </c>
      <c r="BE2197" t="s">
        <v>68</v>
      </c>
    </row>
    <row r="2198" spans="1:57" x14ac:dyDescent="0.3">
      <c r="A2198" t="s">
        <v>8382</v>
      </c>
      <c r="B2198">
        <v>3746</v>
      </c>
      <c r="C2198" t="s">
        <v>8383</v>
      </c>
      <c r="D2198" t="s">
        <v>8384</v>
      </c>
      <c r="E2198" t="s">
        <v>66</v>
      </c>
      <c r="F2198">
        <v>71</v>
      </c>
      <c r="G2198">
        <v>139.61971830985919</v>
      </c>
      <c r="H2198">
        <v>152</v>
      </c>
      <c r="I2198">
        <v>6562.3765125967066</v>
      </c>
      <c r="J2198">
        <v>81.008496545712447</v>
      </c>
      <c r="K2198">
        <v>-0.2968373080194639</v>
      </c>
      <c r="L2198">
        <v>-1.2567517381472939</v>
      </c>
      <c r="M2198">
        <v>5.7622854997254258</v>
      </c>
      <c r="N2198">
        <v>3</v>
      </c>
      <c r="O2198">
        <v>1</v>
      </c>
      <c r="P2198">
        <v>2</v>
      </c>
      <c r="Q2198">
        <v>0.49281399751573968</v>
      </c>
      <c r="R2198">
        <v>3.9941119477161382</v>
      </c>
      <c r="S2198">
        <v>1</v>
      </c>
      <c r="T2198">
        <v>1</v>
      </c>
      <c r="U2198">
        <v>0</v>
      </c>
      <c r="V2198">
        <v>0</v>
      </c>
      <c r="W2198">
        <v>4.2484952420493576</v>
      </c>
      <c r="X2198">
        <v>1</v>
      </c>
      <c r="Y2198">
        <v>1</v>
      </c>
      <c r="Z2198">
        <v>0</v>
      </c>
      <c r="AA2198">
        <v>0</v>
      </c>
      <c r="AB2198">
        <v>4.2341065045972579</v>
      </c>
      <c r="AC2198">
        <v>1</v>
      </c>
      <c r="AD2198">
        <v>1</v>
      </c>
      <c r="AE2198">
        <v>0</v>
      </c>
      <c r="AF2198">
        <v>0</v>
      </c>
      <c r="AG2198">
        <v>4.2195077051761087</v>
      </c>
      <c r="AH2198">
        <v>0.19649857991926381</v>
      </c>
      <c r="AI2198">
        <v>5.0512182083965317E-2</v>
      </c>
      <c r="AJ2198">
        <v>-7.3109813023093315E-2</v>
      </c>
      <c r="AK2198">
        <v>-8.6069370340030787E-2</v>
      </c>
      <c r="AL2198">
        <v>737.9072092136945</v>
      </c>
      <c r="AM2198">
        <v>1142.572514368544</v>
      </c>
      <c r="AN2198">
        <v>9913</v>
      </c>
      <c r="AO2198">
        <v>159.78697818611849</v>
      </c>
      <c r="AP2198">
        <v>594.57196430735144</v>
      </c>
      <c r="AQ2198">
        <v>1.323943661971831</v>
      </c>
      <c r="AR2198">
        <v>4.0140845070422539</v>
      </c>
      <c r="AS2198">
        <v>71</v>
      </c>
      <c r="AT2198">
        <v>11.50704225352113</v>
      </c>
      <c r="AU2198">
        <v>0.15210158589331271</v>
      </c>
      <c r="AV2198">
        <v>0.19831488604410011</v>
      </c>
      <c r="AW2198">
        <v>0.28169014084507038</v>
      </c>
      <c r="AX2198">
        <v>82.171428571428578</v>
      </c>
      <c r="AY2198">
        <v>76</v>
      </c>
      <c r="AZ2198">
        <v>140</v>
      </c>
      <c r="BA2198">
        <v>0.58020813626002055</v>
      </c>
      <c r="BB2198">
        <v>0.54929577464788737</v>
      </c>
      <c r="BC2198">
        <v>3.988419859696041</v>
      </c>
      <c r="BD2198" t="s">
        <v>8385</v>
      </c>
      <c r="BE2198" t="s">
        <v>68</v>
      </c>
    </row>
    <row r="2199" spans="1:57" x14ac:dyDescent="0.3">
      <c r="A2199" t="s">
        <v>8386</v>
      </c>
      <c r="B2199">
        <v>1405</v>
      </c>
      <c r="C2199" t="s">
        <v>8387</v>
      </c>
      <c r="D2199" t="s">
        <v>8388</v>
      </c>
      <c r="E2199" t="s">
        <v>98</v>
      </c>
      <c r="F2199">
        <v>16</v>
      </c>
      <c r="G2199">
        <v>141.75</v>
      </c>
      <c r="H2199">
        <v>144</v>
      </c>
      <c r="I2199">
        <v>2732.9375</v>
      </c>
      <c r="J2199">
        <v>52.277504722394703</v>
      </c>
      <c r="K2199">
        <v>1.8077258387314318E-2</v>
      </c>
      <c r="L2199">
        <v>-1.031421481853527</v>
      </c>
      <c r="M2199">
        <v>4</v>
      </c>
      <c r="N2199">
        <v>1</v>
      </c>
      <c r="O2199">
        <v>1</v>
      </c>
      <c r="P2199">
        <v>0</v>
      </c>
      <c r="Q2199">
        <v>0</v>
      </c>
      <c r="R2199">
        <v>2.7725887222397811</v>
      </c>
      <c r="S2199">
        <v>1</v>
      </c>
      <c r="T2199">
        <v>1</v>
      </c>
      <c r="U2199">
        <v>0</v>
      </c>
      <c r="V2199">
        <v>0</v>
      </c>
      <c r="W2199">
        <v>2.7080502011022101</v>
      </c>
      <c r="X2199">
        <v>1</v>
      </c>
      <c r="Y2199">
        <v>1</v>
      </c>
      <c r="Z2199">
        <v>0</v>
      </c>
      <c r="AA2199">
        <v>0</v>
      </c>
      <c r="AB2199">
        <v>2.639057329615258</v>
      </c>
      <c r="AC2199">
        <v>1</v>
      </c>
      <c r="AD2199">
        <v>1</v>
      </c>
      <c r="AE2199">
        <v>0</v>
      </c>
      <c r="AF2199">
        <v>0</v>
      </c>
      <c r="AG2199">
        <v>2.5649493574615372</v>
      </c>
      <c r="AH2199">
        <v>0.16870440460127609</v>
      </c>
      <c r="AI2199">
        <v>-5.0789557939030797E-2</v>
      </c>
      <c r="AJ2199">
        <v>3.7509719395339272E-2</v>
      </c>
      <c r="AK2199">
        <v>0.1520313536259062</v>
      </c>
      <c r="AL2199">
        <v>327.40662571029839</v>
      </c>
      <c r="AM2199">
        <v>507.95757838720789</v>
      </c>
      <c r="AN2199">
        <v>2268</v>
      </c>
      <c r="AO2199">
        <v>32.557641192199412</v>
      </c>
      <c r="AP2199">
        <v>202.24294940333689</v>
      </c>
      <c r="AQ2199">
        <v>2.3125</v>
      </c>
      <c r="AR2199">
        <v>4.5</v>
      </c>
      <c r="AS2199">
        <v>16</v>
      </c>
      <c r="AT2199">
        <v>0</v>
      </c>
      <c r="AU2199">
        <v>0.28896443514644349</v>
      </c>
      <c r="AV2199">
        <v>0.18877024535506171</v>
      </c>
      <c r="AW2199">
        <v>0.5</v>
      </c>
      <c r="AX2199">
        <v>58.4</v>
      </c>
      <c r="AY2199">
        <v>43</v>
      </c>
      <c r="AZ2199">
        <v>86.25</v>
      </c>
      <c r="BA2199">
        <v>0.36880073878232589</v>
      </c>
      <c r="BB2199">
        <v>0.5</v>
      </c>
      <c r="BC2199">
        <v>2.7080502011022101</v>
      </c>
      <c r="BD2199" t="s">
        <v>8387</v>
      </c>
      <c r="BE2199" t="s">
        <v>62</v>
      </c>
    </row>
    <row r="2200" spans="1:57" x14ac:dyDescent="0.3">
      <c r="A2200" t="s">
        <v>8389</v>
      </c>
      <c r="B2200">
        <v>1499</v>
      </c>
      <c r="C2200" t="s">
        <v>8390</v>
      </c>
      <c r="D2200" t="s">
        <v>8391</v>
      </c>
      <c r="E2200" t="s">
        <v>93</v>
      </c>
      <c r="F2200">
        <v>1523</v>
      </c>
      <c r="G2200">
        <v>129.37623112278399</v>
      </c>
      <c r="H2200">
        <v>130</v>
      </c>
      <c r="I2200">
        <v>5414.9989622893263</v>
      </c>
      <c r="J2200">
        <v>73.586676526999952</v>
      </c>
      <c r="K2200">
        <v>-1.1686334662317339E-2</v>
      </c>
      <c r="L2200">
        <v>-1.1755705622414261</v>
      </c>
      <c r="M2200">
        <v>7.8831328449393219</v>
      </c>
      <c r="N2200">
        <v>15</v>
      </c>
      <c r="O2200">
        <v>1</v>
      </c>
      <c r="P2200">
        <v>14</v>
      </c>
      <c r="Q2200">
        <v>2.3521431747766628</v>
      </c>
      <c r="R2200">
        <v>5.4641713054491881</v>
      </c>
      <c r="S2200">
        <v>3</v>
      </c>
      <c r="T2200">
        <v>1</v>
      </c>
      <c r="U2200">
        <v>2</v>
      </c>
      <c r="V2200">
        <v>0.1229934103666446</v>
      </c>
      <c r="W2200">
        <v>7.308309165407648</v>
      </c>
      <c r="X2200">
        <v>1</v>
      </c>
      <c r="Y2200">
        <v>1</v>
      </c>
      <c r="Z2200">
        <v>0</v>
      </c>
      <c r="AA2200">
        <v>0</v>
      </c>
      <c r="AB2200">
        <v>7.3271232922592917</v>
      </c>
      <c r="AC2200">
        <v>1</v>
      </c>
      <c r="AD2200">
        <v>1</v>
      </c>
      <c r="AE2200">
        <v>0</v>
      </c>
      <c r="AF2200">
        <v>0</v>
      </c>
      <c r="AG2200">
        <v>7.3264656138403232</v>
      </c>
      <c r="AH2200">
        <v>5.5628614395497409E-3</v>
      </c>
      <c r="AI2200">
        <v>-3.2975583835253557E-2</v>
      </c>
      <c r="AJ2200">
        <v>-8.3467455563400392E-3</v>
      </c>
      <c r="AK2200">
        <v>1.19479843562252E-2</v>
      </c>
      <c r="AL2200">
        <v>2679.122938076056</v>
      </c>
      <c r="AM2200">
        <v>5153.7982384523657</v>
      </c>
      <c r="AN2200">
        <v>197040</v>
      </c>
      <c r="AO2200">
        <v>108.93307687667409</v>
      </c>
      <c r="AP2200">
        <v>2370.786946871222</v>
      </c>
      <c r="AQ2200">
        <v>1.015101772816809</v>
      </c>
      <c r="AR2200">
        <v>4.0525279054497698</v>
      </c>
      <c r="AS2200">
        <v>1516</v>
      </c>
      <c r="AT2200">
        <v>238.07156927117529</v>
      </c>
      <c r="AU2200">
        <v>2.340066689840747E-2</v>
      </c>
      <c r="AV2200">
        <v>5.5667972256299254E-3</v>
      </c>
      <c r="AW2200">
        <v>0.37032173342087982</v>
      </c>
      <c r="AX2200">
        <v>84.55978975032852</v>
      </c>
      <c r="AY2200">
        <v>62</v>
      </c>
      <c r="AZ2200">
        <v>124.5</v>
      </c>
      <c r="BA2200">
        <v>0.56878049305024825</v>
      </c>
      <c r="BB2200">
        <v>0.50032829940906109</v>
      </c>
      <c r="BC2200">
        <v>5.2646845271956426</v>
      </c>
      <c r="BD2200" t="s">
        <v>8392</v>
      </c>
      <c r="BE2200" t="s">
        <v>68</v>
      </c>
    </row>
    <row r="2201" spans="1:57" x14ac:dyDescent="0.3">
      <c r="A2201" t="s">
        <v>8393</v>
      </c>
      <c r="B2201">
        <v>2039</v>
      </c>
      <c r="C2201" t="s">
        <v>8394</v>
      </c>
      <c r="D2201" t="s">
        <v>8395</v>
      </c>
      <c r="E2201" t="s">
        <v>10622</v>
      </c>
      <c r="F2201">
        <v>64</v>
      </c>
      <c r="G2201">
        <v>120.640625</v>
      </c>
      <c r="H2201">
        <v>130</v>
      </c>
      <c r="I2201">
        <v>5338.292724609375</v>
      </c>
      <c r="J2201">
        <v>73.063621075124487</v>
      </c>
      <c r="K2201">
        <v>-8.7351048997466013E-2</v>
      </c>
      <c r="L2201">
        <v>-1.1583515515081859</v>
      </c>
      <c r="M2201">
        <v>5.738204882778696</v>
      </c>
      <c r="N2201">
        <v>3</v>
      </c>
      <c r="O2201">
        <v>1</v>
      </c>
      <c r="P2201">
        <v>2</v>
      </c>
      <c r="Q2201">
        <v>0.3976974544878587</v>
      </c>
      <c r="R2201">
        <v>3.9774205359733652</v>
      </c>
      <c r="S2201">
        <v>1</v>
      </c>
      <c r="T2201">
        <v>1</v>
      </c>
      <c r="U2201">
        <v>0</v>
      </c>
      <c r="V2201">
        <v>0</v>
      </c>
      <c r="W2201">
        <v>4.1431347263915326</v>
      </c>
      <c r="X2201">
        <v>1</v>
      </c>
      <c r="Y2201">
        <v>1</v>
      </c>
      <c r="Z2201">
        <v>0</v>
      </c>
      <c r="AA2201">
        <v>0</v>
      </c>
      <c r="AB2201">
        <v>4.1271343850450908</v>
      </c>
      <c r="AC2201">
        <v>1</v>
      </c>
      <c r="AD2201">
        <v>1</v>
      </c>
      <c r="AE2201">
        <v>0</v>
      </c>
      <c r="AF2201">
        <v>0</v>
      </c>
      <c r="AG2201">
        <v>4.1108738641733096</v>
      </c>
      <c r="AH2201">
        <v>-7.9235627723478752E-2</v>
      </c>
      <c r="AI2201">
        <v>0.20249858002143731</v>
      </c>
      <c r="AJ2201">
        <v>-0.17422243796970649</v>
      </c>
      <c r="AK2201">
        <v>-4.5650177021974242E-2</v>
      </c>
      <c r="AL2201">
        <v>635.83888168962835</v>
      </c>
      <c r="AM2201">
        <v>932.10831802515463</v>
      </c>
      <c r="AN2201">
        <v>7721</v>
      </c>
      <c r="AO2201">
        <v>81.440411150022754</v>
      </c>
      <c r="AP2201">
        <v>479.28217070551591</v>
      </c>
      <c r="AQ2201">
        <v>1.359375</v>
      </c>
      <c r="AR2201">
        <v>3.625</v>
      </c>
      <c r="AS2201">
        <v>63</v>
      </c>
      <c r="AT2201">
        <v>7.75</v>
      </c>
      <c r="AU2201">
        <v>9.7120098039215674E-2</v>
      </c>
      <c r="AV2201">
        <v>-8.0397545184325112E-2</v>
      </c>
      <c r="AW2201">
        <v>0.3125</v>
      </c>
      <c r="AX2201">
        <v>87.730158730158735</v>
      </c>
      <c r="AY2201">
        <v>62</v>
      </c>
      <c r="AZ2201">
        <v>118</v>
      </c>
      <c r="BA2201">
        <v>0.60563032622820456</v>
      </c>
      <c r="BB2201">
        <v>0.515625</v>
      </c>
      <c r="BC2201">
        <v>4.0331113643978904</v>
      </c>
      <c r="BD2201" t="s">
        <v>8396</v>
      </c>
      <c r="BE2201" t="s">
        <v>62</v>
      </c>
    </row>
    <row r="2202" spans="1:57" x14ac:dyDescent="0.3">
      <c r="A2202" t="s">
        <v>8397</v>
      </c>
      <c r="B2202">
        <v>150</v>
      </c>
      <c r="C2202" t="s">
        <v>8398</v>
      </c>
      <c r="D2202" t="s">
        <v>8399</v>
      </c>
      <c r="E2202" t="s">
        <v>60</v>
      </c>
      <c r="F2202">
        <v>256</v>
      </c>
      <c r="G2202">
        <v>133.4609375</v>
      </c>
      <c r="H2202">
        <v>140.5</v>
      </c>
      <c r="I2202">
        <v>5571.7015991210938</v>
      </c>
      <c r="J2202">
        <v>74.643831621381111</v>
      </c>
      <c r="K2202">
        <v>-0.1303380826700872</v>
      </c>
      <c r="L2202">
        <v>-1.1620943962206449</v>
      </c>
      <c r="M2202">
        <v>7.2203594725041311</v>
      </c>
      <c r="N2202">
        <v>4</v>
      </c>
      <c r="O2202">
        <v>1</v>
      </c>
      <c r="P2202">
        <v>3</v>
      </c>
      <c r="Q2202">
        <v>0.7573130183044684</v>
      </c>
      <c r="R2202">
        <v>5.0047718109955328</v>
      </c>
      <c r="S2202">
        <v>1</v>
      </c>
      <c r="T2202">
        <v>1</v>
      </c>
      <c r="U2202">
        <v>0</v>
      </c>
      <c r="V2202">
        <v>0</v>
      </c>
      <c r="W2202">
        <v>5.541263545158424</v>
      </c>
      <c r="X2202">
        <v>1</v>
      </c>
      <c r="Y2202">
        <v>1</v>
      </c>
      <c r="Z2202">
        <v>0</v>
      </c>
      <c r="AA2202">
        <v>0</v>
      </c>
      <c r="AB2202">
        <v>5.5373342670185366</v>
      </c>
      <c r="AC2202">
        <v>1</v>
      </c>
      <c r="AD2202">
        <v>1</v>
      </c>
      <c r="AE2202">
        <v>0</v>
      </c>
      <c r="AF2202">
        <v>0</v>
      </c>
      <c r="AG2202">
        <v>5.5333894887275203</v>
      </c>
      <c r="AH2202">
        <v>-0.11194566670568561</v>
      </c>
      <c r="AI2202">
        <v>1.3270005616997531E-2</v>
      </c>
      <c r="AJ2202">
        <v>-1.481949302506457E-2</v>
      </c>
      <c r="AK2202">
        <v>-9.6316410757473603E-2</v>
      </c>
      <c r="AL2202">
        <v>1180.146859167761</v>
      </c>
      <c r="AM2202">
        <v>2143.230130153192</v>
      </c>
      <c r="AN2202">
        <v>34166</v>
      </c>
      <c r="AO2202">
        <v>119.2404160562636</v>
      </c>
      <c r="AP2202">
        <v>1018.853770013465</v>
      </c>
      <c r="AQ2202">
        <v>1.08984375</v>
      </c>
      <c r="AR2202">
        <v>4.05078125</v>
      </c>
      <c r="AS2202">
        <v>252</v>
      </c>
      <c r="AT2202">
        <v>61.734374999999993</v>
      </c>
      <c r="AU2202">
        <v>5.6832107843137303E-2</v>
      </c>
      <c r="AV2202">
        <v>-0.11262536512132799</v>
      </c>
      <c r="AW2202">
        <v>0.359375</v>
      </c>
      <c r="AX2202">
        <v>90.396078431372544</v>
      </c>
      <c r="AY2202">
        <v>63.5</v>
      </c>
      <c r="AZ2202">
        <v>124.25</v>
      </c>
      <c r="BA2202">
        <v>0.5592934758260717</v>
      </c>
      <c r="BB2202">
        <v>0.515625</v>
      </c>
      <c r="BC2202">
        <v>4.8592417262526499</v>
      </c>
      <c r="BD2202" t="s">
        <v>8400</v>
      </c>
      <c r="BE2202" t="s">
        <v>62</v>
      </c>
    </row>
    <row r="2203" spans="1:57" x14ac:dyDescent="0.3">
      <c r="A2203" t="s">
        <v>8401</v>
      </c>
      <c r="B2203">
        <v>3763</v>
      </c>
      <c r="C2203" t="s">
        <v>8402</v>
      </c>
      <c r="D2203" t="s">
        <v>8403</v>
      </c>
      <c r="E2203" t="s">
        <v>115</v>
      </c>
      <c r="F2203">
        <v>3856</v>
      </c>
      <c r="G2203">
        <v>125.70591286307049</v>
      </c>
      <c r="H2203">
        <v>125</v>
      </c>
      <c r="I2203">
        <v>5368.928035577469</v>
      </c>
      <c r="J2203">
        <v>73.272969337795161</v>
      </c>
      <c r="K2203">
        <v>1.8374864864136371E-2</v>
      </c>
      <c r="L2203">
        <v>-1.204247800425281</v>
      </c>
      <c r="M2203">
        <v>7.9514099058615049</v>
      </c>
      <c r="N2203">
        <v>26</v>
      </c>
      <c r="O2203">
        <v>6</v>
      </c>
      <c r="P2203">
        <v>20</v>
      </c>
      <c r="Q2203">
        <v>3.8734876080865419</v>
      </c>
      <c r="R2203">
        <v>5.5114973577243198</v>
      </c>
      <c r="S2203">
        <v>3</v>
      </c>
      <c r="T2203">
        <v>1</v>
      </c>
      <c r="U2203">
        <v>2</v>
      </c>
      <c r="V2203">
        <v>0.1728236404999047</v>
      </c>
      <c r="W2203">
        <v>8.2181051474202889</v>
      </c>
      <c r="X2203">
        <v>2</v>
      </c>
      <c r="Y2203">
        <v>1</v>
      </c>
      <c r="Z2203">
        <v>1</v>
      </c>
      <c r="AA2203">
        <v>1.6108093069486532E-2</v>
      </c>
      <c r="AB2203">
        <v>8.2565071462340072</v>
      </c>
      <c r="AC2203">
        <v>1</v>
      </c>
      <c r="AD2203">
        <v>1</v>
      </c>
      <c r="AE2203">
        <v>0</v>
      </c>
      <c r="AF2203">
        <v>0</v>
      </c>
      <c r="AG2203">
        <v>8.2566073446261576</v>
      </c>
      <c r="AH2203">
        <v>-4.0846158733360508E-3</v>
      </c>
      <c r="AI2203">
        <v>9.5890226947755522E-3</v>
      </c>
      <c r="AJ2203">
        <v>-3.3178493215273518E-2</v>
      </c>
      <c r="AK2203">
        <v>1.1877904915195969E-2</v>
      </c>
      <c r="AL2203">
        <v>4156.3054309362033</v>
      </c>
      <c r="AM2203">
        <v>8022.4767475368999</v>
      </c>
      <c r="AN2203">
        <v>484722</v>
      </c>
      <c r="AO2203">
        <v>108.7375046403187</v>
      </c>
      <c r="AP2203">
        <v>3767.9994077527422</v>
      </c>
      <c r="AQ2203">
        <v>1.005964730290456</v>
      </c>
      <c r="AR2203">
        <v>3.9927385892116178</v>
      </c>
      <c r="AS2203">
        <v>3841</v>
      </c>
      <c r="AT2203">
        <v>255.00414937759339</v>
      </c>
      <c r="AU2203">
        <v>1.8820681799690819E-2</v>
      </c>
      <c r="AV2203">
        <v>-4.0850383442112307E-3</v>
      </c>
      <c r="AW2203">
        <v>0.37940871369294599</v>
      </c>
      <c r="AX2203">
        <v>84.596108949416347</v>
      </c>
      <c r="AY2203">
        <v>63</v>
      </c>
      <c r="AZ2203">
        <v>125.25</v>
      </c>
      <c r="BA2203">
        <v>0.58289198709061718</v>
      </c>
      <c r="BB2203">
        <v>0.49974066390041488</v>
      </c>
      <c r="BC2203">
        <v>5.3167705179078624</v>
      </c>
      <c r="BD2203" t="s">
        <v>8404</v>
      </c>
      <c r="BE2203" t="s">
        <v>62</v>
      </c>
    </row>
    <row r="2204" spans="1:57" x14ac:dyDescent="0.3">
      <c r="A2204" t="s">
        <v>8405</v>
      </c>
      <c r="B2204">
        <v>2631</v>
      </c>
      <c r="C2204" t="s">
        <v>8406</v>
      </c>
      <c r="D2204" t="s">
        <v>8407</v>
      </c>
      <c r="E2204" t="s">
        <v>106</v>
      </c>
      <c r="F2204">
        <v>2677</v>
      </c>
      <c r="G2204">
        <v>127.1240194247292</v>
      </c>
      <c r="H2204">
        <v>126</v>
      </c>
      <c r="I2204">
        <v>5589.184469761296</v>
      </c>
      <c r="J2204">
        <v>74.760848508837142</v>
      </c>
      <c r="K2204">
        <v>1.315741074659717E-3</v>
      </c>
      <c r="L2204">
        <v>-1.2226783498231399</v>
      </c>
      <c r="M2204">
        <v>7.9276513391902341</v>
      </c>
      <c r="N2204">
        <v>22</v>
      </c>
      <c r="O2204">
        <v>3</v>
      </c>
      <c r="P2204">
        <v>19</v>
      </c>
      <c r="Q2204">
        <v>3.310451810028872</v>
      </c>
      <c r="R2204">
        <v>5.4950291742219983</v>
      </c>
      <c r="S2204">
        <v>3</v>
      </c>
      <c r="T2204">
        <v>1</v>
      </c>
      <c r="U2204">
        <v>2</v>
      </c>
      <c r="V2204">
        <v>0.1394254090070724</v>
      </c>
      <c r="W2204">
        <v>7.8659805265546368</v>
      </c>
      <c r="X2204">
        <v>1</v>
      </c>
      <c r="Y2204">
        <v>1</v>
      </c>
      <c r="Z2204">
        <v>0</v>
      </c>
      <c r="AA2204">
        <v>0</v>
      </c>
      <c r="AB2204">
        <v>7.8917046593301059</v>
      </c>
      <c r="AC2204">
        <v>1</v>
      </c>
      <c r="AD2204">
        <v>1</v>
      </c>
      <c r="AE2204">
        <v>0</v>
      </c>
      <c r="AF2204">
        <v>0</v>
      </c>
      <c r="AG2204">
        <v>7.8913307576618896</v>
      </c>
      <c r="AH2204">
        <v>1.0231458091769339E-2</v>
      </c>
      <c r="AI2204">
        <v>-2.1729605137119239E-2</v>
      </c>
      <c r="AJ2204">
        <v>-1.14465032389696E-2</v>
      </c>
      <c r="AK2204">
        <v>8.6051870406639482E-3</v>
      </c>
      <c r="AL2204">
        <v>3537.1947444637408</v>
      </c>
      <c r="AM2204">
        <v>6761.0799684472067</v>
      </c>
      <c r="AN2204">
        <v>340311</v>
      </c>
      <c r="AO2204">
        <v>163.6688748704176</v>
      </c>
      <c r="AP2204">
        <v>3198.2367649781299</v>
      </c>
      <c r="AQ2204">
        <v>1.008591707134852</v>
      </c>
      <c r="AR2204">
        <v>3.9768397459843108</v>
      </c>
      <c r="AS2204">
        <v>2670</v>
      </c>
      <c r="AT2204">
        <v>268.29099738513258</v>
      </c>
      <c r="AU2204">
        <v>1.7227361620778311E-2</v>
      </c>
      <c r="AV2204">
        <v>1.023652254876503E-2</v>
      </c>
      <c r="AW2204">
        <v>0.37243182667164743</v>
      </c>
      <c r="AX2204">
        <v>86.017189835575479</v>
      </c>
      <c r="AY2204">
        <v>66</v>
      </c>
      <c r="AZ2204">
        <v>132</v>
      </c>
      <c r="BA2204">
        <v>0.58809380671843414</v>
      </c>
      <c r="BB2204">
        <v>0.49495704146432568</v>
      </c>
      <c r="BC2204">
        <v>5.3073857240293183</v>
      </c>
      <c r="BD2204" t="s">
        <v>8408</v>
      </c>
      <c r="BE2204" t="s">
        <v>68</v>
      </c>
    </row>
    <row r="2205" spans="1:57" x14ac:dyDescent="0.3">
      <c r="A2205" t="s">
        <v>8409</v>
      </c>
      <c r="B2205">
        <v>613</v>
      </c>
      <c r="C2205" t="s">
        <v>8410</v>
      </c>
      <c r="D2205" t="s">
        <v>8411</v>
      </c>
      <c r="E2205" t="s">
        <v>66</v>
      </c>
      <c r="F2205">
        <v>70</v>
      </c>
      <c r="G2205">
        <v>99.828571428571422</v>
      </c>
      <c r="H2205">
        <v>78.5</v>
      </c>
      <c r="I2205">
        <v>4598.9706122448979</v>
      </c>
      <c r="J2205">
        <v>67.8157106594401</v>
      </c>
      <c r="K2205">
        <v>0.35426090079334371</v>
      </c>
      <c r="L2205">
        <v>-1.135945859300455</v>
      </c>
      <c r="M2205">
        <v>5.8327846240569219</v>
      </c>
      <c r="N2205">
        <v>3</v>
      </c>
      <c r="O2205">
        <v>1</v>
      </c>
      <c r="P2205">
        <v>2</v>
      </c>
      <c r="Q2205">
        <v>0.41499665326629109</v>
      </c>
      <c r="R2205">
        <v>4.0429782169784536</v>
      </c>
      <c r="S2205">
        <v>2</v>
      </c>
      <c r="T2205">
        <v>1</v>
      </c>
      <c r="U2205">
        <v>1</v>
      </c>
      <c r="V2205">
        <v>0.1203728348804772</v>
      </c>
      <c r="W2205">
        <v>4.2140152819723324</v>
      </c>
      <c r="X2205">
        <v>1</v>
      </c>
      <c r="Y2205">
        <v>1</v>
      </c>
      <c r="Z2205">
        <v>0</v>
      </c>
      <c r="AA2205">
        <v>0</v>
      </c>
      <c r="AB2205">
        <v>4.2195077051761087</v>
      </c>
      <c r="AC2205">
        <v>1</v>
      </c>
      <c r="AD2205">
        <v>1</v>
      </c>
      <c r="AE2205">
        <v>0</v>
      </c>
      <c r="AF2205">
        <v>0</v>
      </c>
      <c r="AG2205">
        <v>4.2046926193909648</v>
      </c>
      <c r="AH2205">
        <v>0.1010471883263115</v>
      </c>
      <c r="AI2205">
        <v>8.1983647348336755E-2</v>
      </c>
      <c r="AJ2205">
        <v>0.11103273129469229</v>
      </c>
      <c r="AK2205">
        <v>8.6053748166689495E-2</v>
      </c>
      <c r="AL2205">
        <v>599.31373746115594</v>
      </c>
      <c r="AM2205">
        <v>812.62109503159002</v>
      </c>
      <c r="AN2205">
        <v>6988</v>
      </c>
      <c r="AO2205">
        <v>95.226694724757976</v>
      </c>
      <c r="AP2205">
        <v>517.07009710211014</v>
      </c>
      <c r="AQ2205">
        <v>1.328571428571429</v>
      </c>
      <c r="AR2205">
        <v>3.3857142857142861</v>
      </c>
      <c r="AS2205">
        <v>70</v>
      </c>
      <c r="AT2205">
        <v>8.8571428571428559</v>
      </c>
      <c r="AU2205">
        <v>0.2224899598393574</v>
      </c>
      <c r="AV2205">
        <v>0.1020384090702845</v>
      </c>
      <c r="AW2205">
        <v>0.45714285714285707</v>
      </c>
      <c r="AX2205">
        <v>71.333333333333329</v>
      </c>
      <c r="AY2205">
        <v>56</v>
      </c>
      <c r="AZ2205">
        <v>112.5</v>
      </c>
      <c r="BA2205">
        <v>0.67932165800812927</v>
      </c>
      <c r="BB2205">
        <v>0.4</v>
      </c>
      <c r="BC2205">
        <v>3.889897023304334</v>
      </c>
      <c r="BD2205" t="s">
        <v>8412</v>
      </c>
      <c r="BE2205" t="s">
        <v>68</v>
      </c>
    </row>
    <row r="2206" spans="1:57" x14ac:dyDescent="0.3">
      <c r="A2206" t="s">
        <v>8413</v>
      </c>
      <c r="B2206">
        <v>1870</v>
      </c>
      <c r="C2206" t="s">
        <v>8414</v>
      </c>
      <c r="D2206" t="s">
        <v>8415</v>
      </c>
      <c r="E2206" t="s">
        <v>98</v>
      </c>
      <c r="F2206">
        <v>16</v>
      </c>
      <c r="G2206">
        <v>116.875</v>
      </c>
      <c r="H2206">
        <v>80</v>
      </c>
      <c r="I2206">
        <v>6100.859375</v>
      </c>
      <c r="J2206">
        <v>78.107998149997414</v>
      </c>
      <c r="K2206">
        <v>0.27541959566105079</v>
      </c>
      <c r="L2206">
        <v>-1.4060830272537079</v>
      </c>
      <c r="M2206">
        <v>4</v>
      </c>
      <c r="N2206">
        <v>1</v>
      </c>
      <c r="O2206">
        <v>1</v>
      </c>
      <c r="P2206">
        <v>0</v>
      </c>
      <c r="Q2206">
        <v>0</v>
      </c>
      <c r="R2206">
        <v>2.7725887222397811</v>
      </c>
      <c r="S2206">
        <v>1</v>
      </c>
      <c r="T2206">
        <v>1</v>
      </c>
      <c r="U2206">
        <v>0</v>
      </c>
      <c r="V2206">
        <v>0</v>
      </c>
      <c r="W2206">
        <v>2.7080502011022101</v>
      </c>
      <c r="X2206">
        <v>1</v>
      </c>
      <c r="Y2206">
        <v>1</v>
      </c>
      <c r="Z2206">
        <v>0</v>
      </c>
      <c r="AA2206">
        <v>0</v>
      </c>
      <c r="AB2206">
        <v>2.639057329615258</v>
      </c>
      <c r="AC2206">
        <v>1</v>
      </c>
      <c r="AD2206">
        <v>1</v>
      </c>
      <c r="AE2206">
        <v>0</v>
      </c>
      <c r="AF2206">
        <v>0</v>
      </c>
      <c r="AG2206">
        <v>2.5649493574615372</v>
      </c>
      <c r="AH2206">
        <v>-0.1577596970201432</v>
      </c>
      <c r="AI2206">
        <v>-0.25815554929505319</v>
      </c>
      <c r="AJ2206">
        <v>-0.1239677107477174</v>
      </c>
      <c r="AK2206">
        <v>-0.1010580604679156</v>
      </c>
      <c r="AL2206">
        <v>402.55957919707362</v>
      </c>
      <c r="AM2206">
        <v>392.57583368907848</v>
      </c>
      <c r="AN2206">
        <v>1870</v>
      </c>
      <c r="AO2206">
        <v>158</v>
      </c>
      <c r="AP2206">
        <v>317.52512397157801</v>
      </c>
      <c r="AQ2206">
        <v>2.3125</v>
      </c>
      <c r="AR2206">
        <v>3.9375</v>
      </c>
      <c r="AS2206">
        <v>16</v>
      </c>
      <c r="AT2206">
        <v>0</v>
      </c>
      <c r="AU2206">
        <v>0.24798387096774191</v>
      </c>
      <c r="AV2206">
        <v>-0.18056836294152201</v>
      </c>
      <c r="AW2206">
        <v>0.4375</v>
      </c>
      <c r="AX2206">
        <v>91.466666666666669</v>
      </c>
      <c r="AY2206">
        <v>63</v>
      </c>
      <c r="AZ2206">
        <v>137</v>
      </c>
      <c r="BA2206">
        <v>0.66830372748660893</v>
      </c>
      <c r="BB2206">
        <v>0.4375</v>
      </c>
      <c r="BC2206">
        <v>2.615630577027551</v>
      </c>
      <c r="BD2206" t="s">
        <v>8414</v>
      </c>
      <c r="BE2206" t="s">
        <v>62</v>
      </c>
    </row>
    <row r="2207" spans="1:57" x14ac:dyDescent="0.3">
      <c r="A2207" t="s">
        <v>8416</v>
      </c>
      <c r="B2207">
        <v>651</v>
      </c>
      <c r="C2207" t="s">
        <v>8417</v>
      </c>
      <c r="D2207" t="s">
        <v>8418</v>
      </c>
      <c r="E2207" t="s">
        <v>98</v>
      </c>
      <c r="F2207">
        <v>16</v>
      </c>
      <c r="G2207">
        <v>121.9375</v>
      </c>
      <c r="H2207">
        <v>138.5</v>
      </c>
      <c r="I2207">
        <v>5243.30859375</v>
      </c>
      <c r="J2207">
        <v>72.410693918439975</v>
      </c>
      <c r="K2207">
        <v>-0.14438383043712039</v>
      </c>
      <c r="L2207">
        <v>-0.97200469902299558</v>
      </c>
      <c r="M2207">
        <v>3.875</v>
      </c>
      <c r="N2207">
        <v>2</v>
      </c>
      <c r="O2207">
        <v>1</v>
      </c>
      <c r="P2207">
        <v>1</v>
      </c>
      <c r="Q2207">
        <v>0.24944382578492949</v>
      </c>
      <c r="R2207">
        <v>2.6859453246697882</v>
      </c>
      <c r="S2207">
        <v>1</v>
      </c>
      <c r="T2207">
        <v>1</v>
      </c>
      <c r="U2207">
        <v>0</v>
      </c>
      <c r="V2207">
        <v>0</v>
      </c>
      <c r="W2207">
        <v>2.7080502011022101</v>
      </c>
      <c r="X2207">
        <v>1</v>
      </c>
      <c r="Y2207">
        <v>1</v>
      </c>
      <c r="Z2207">
        <v>0</v>
      </c>
      <c r="AA2207">
        <v>0</v>
      </c>
      <c r="AB2207">
        <v>2.639057329615258</v>
      </c>
      <c r="AC2207">
        <v>1</v>
      </c>
      <c r="AD2207">
        <v>1</v>
      </c>
      <c r="AE2207">
        <v>0</v>
      </c>
      <c r="AF2207">
        <v>0</v>
      </c>
      <c r="AG2207">
        <v>2.5649493574615372</v>
      </c>
      <c r="AH2207">
        <v>3.5814946803477937E-2</v>
      </c>
      <c r="AI2207">
        <v>-0.29676002598550089</v>
      </c>
      <c r="AJ2207">
        <v>0.31679565361208151</v>
      </c>
      <c r="AK2207">
        <v>8.6341724981319201E-2</v>
      </c>
      <c r="AL2207">
        <v>373.60161588038778</v>
      </c>
      <c r="AM2207">
        <v>426.8662935997209</v>
      </c>
      <c r="AN2207">
        <v>1951</v>
      </c>
      <c r="AO2207">
        <v>46.336707812364743</v>
      </c>
      <c r="AP2207">
        <v>327.92834583182957</v>
      </c>
      <c r="AQ2207">
        <v>2.3125</v>
      </c>
      <c r="AR2207">
        <v>3.6875</v>
      </c>
      <c r="AS2207">
        <v>16</v>
      </c>
      <c r="AT2207">
        <v>0.87499999999999989</v>
      </c>
      <c r="AU2207">
        <v>0.14349999999999999</v>
      </c>
      <c r="AV2207">
        <v>3.3691225760004002E-2</v>
      </c>
      <c r="AW2207">
        <v>0.3125</v>
      </c>
      <c r="AX2207">
        <v>78.466666666666669</v>
      </c>
      <c r="AY2207">
        <v>53.5</v>
      </c>
      <c r="AZ2207">
        <v>110.75</v>
      </c>
      <c r="BA2207">
        <v>0.59383449651206544</v>
      </c>
      <c r="BB2207">
        <v>0.625</v>
      </c>
      <c r="BC2207">
        <v>2.523210952952891</v>
      </c>
      <c r="BD2207" t="s">
        <v>8417</v>
      </c>
      <c r="BE2207" t="s">
        <v>62</v>
      </c>
    </row>
    <row r="2208" spans="1:57" x14ac:dyDescent="0.3">
      <c r="A2208" t="s">
        <v>8419</v>
      </c>
      <c r="B2208">
        <v>2810</v>
      </c>
      <c r="C2208" t="s">
        <v>8420</v>
      </c>
      <c r="D2208" t="s">
        <v>8421</v>
      </c>
      <c r="E2208" t="s">
        <v>115</v>
      </c>
      <c r="F2208">
        <v>2887</v>
      </c>
      <c r="G2208">
        <v>125.8396259092484</v>
      </c>
      <c r="H2208">
        <v>124</v>
      </c>
      <c r="I2208">
        <v>5493.3476781420086</v>
      </c>
      <c r="J2208">
        <v>74.117121356283192</v>
      </c>
      <c r="K2208">
        <v>3.7335089797320212E-2</v>
      </c>
      <c r="L2208">
        <v>-1.204052607238117</v>
      </c>
      <c r="M2208">
        <v>7.9484433427476864</v>
      </c>
      <c r="N2208">
        <v>20</v>
      </c>
      <c r="O2208">
        <v>3</v>
      </c>
      <c r="P2208">
        <v>17</v>
      </c>
      <c r="Q2208">
        <v>2.977328785058166</v>
      </c>
      <c r="R2208">
        <v>5.5094410928660338</v>
      </c>
      <c r="S2208">
        <v>2</v>
      </c>
      <c r="T2208">
        <v>1</v>
      </c>
      <c r="U2208">
        <v>1</v>
      </c>
      <c r="V2208">
        <v>0.13802291847857409</v>
      </c>
      <c r="W2208">
        <v>7.9412074081274424</v>
      </c>
      <c r="X2208">
        <v>1</v>
      </c>
      <c r="Y2208">
        <v>1</v>
      </c>
      <c r="Z2208">
        <v>0</v>
      </c>
      <c r="AA2208">
        <v>0</v>
      </c>
      <c r="AB2208">
        <v>7.9672801789422021</v>
      </c>
      <c r="AC2208">
        <v>1</v>
      </c>
      <c r="AD2208">
        <v>1</v>
      </c>
      <c r="AE2208">
        <v>0</v>
      </c>
      <c r="AF2208">
        <v>0</v>
      </c>
      <c r="AG2208">
        <v>7.9669334984048401</v>
      </c>
      <c r="AH2208">
        <v>-1.2812816399493131E-2</v>
      </c>
      <c r="AI2208">
        <v>-4.1203165885729542E-4</v>
      </c>
      <c r="AJ2208">
        <v>-8.6600316342204074E-3</v>
      </c>
      <c r="AK2208">
        <v>1.3769552692965811E-2</v>
      </c>
      <c r="AL2208">
        <v>3633.2277222759458</v>
      </c>
      <c r="AM2208">
        <v>6955.3117340695471</v>
      </c>
      <c r="AN2208">
        <v>363299</v>
      </c>
      <c r="AO2208">
        <v>68.163567254203372</v>
      </c>
      <c r="AP2208">
        <v>3292.5788483871488</v>
      </c>
      <c r="AQ2208">
        <v>1.007966747488743</v>
      </c>
      <c r="AR2208">
        <v>4.0058884655351576</v>
      </c>
      <c r="AS2208">
        <v>2875</v>
      </c>
      <c r="AT2208">
        <v>201.22722549359199</v>
      </c>
      <c r="AU2208">
        <v>1.864884505932618E-2</v>
      </c>
      <c r="AV2208">
        <v>-1.2812992798952811E-2</v>
      </c>
      <c r="AW2208">
        <v>0.38171111880845171</v>
      </c>
      <c r="AX2208">
        <v>86.217255717255711</v>
      </c>
      <c r="AY2208">
        <v>65</v>
      </c>
      <c r="AZ2208">
        <v>130.5</v>
      </c>
      <c r="BA2208">
        <v>0.58898078264897391</v>
      </c>
      <c r="BB2208">
        <v>0.49289920332525111</v>
      </c>
      <c r="BC2208">
        <v>5.3155063661334889</v>
      </c>
      <c r="BD2208" t="s">
        <v>8422</v>
      </c>
      <c r="BE2208" t="s">
        <v>68</v>
      </c>
    </row>
    <row r="2209" spans="1:57" x14ac:dyDescent="0.3">
      <c r="A2209" t="s">
        <v>8423</v>
      </c>
      <c r="B2209">
        <v>795</v>
      </c>
      <c r="C2209" t="s">
        <v>8424</v>
      </c>
      <c r="D2209" t="s">
        <v>8425</v>
      </c>
      <c r="E2209" t="s">
        <v>106</v>
      </c>
      <c r="F2209">
        <v>797</v>
      </c>
      <c r="G2209">
        <v>125.3287327478043</v>
      </c>
      <c r="H2209">
        <v>127</v>
      </c>
      <c r="I2209">
        <v>5728.3185345295797</v>
      </c>
      <c r="J2209">
        <v>75.685656068568107</v>
      </c>
      <c r="K2209">
        <v>2.302690994810721E-4</v>
      </c>
      <c r="L2209">
        <v>-1.2565738322228719</v>
      </c>
      <c r="M2209">
        <v>7.7632056524830562</v>
      </c>
      <c r="N2209">
        <v>9</v>
      </c>
      <c r="O2209">
        <v>1</v>
      </c>
      <c r="P2209">
        <v>8</v>
      </c>
      <c r="Q2209">
        <v>1.53225569889894</v>
      </c>
      <c r="R2209">
        <v>5.3810441101256661</v>
      </c>
      <c r="S2209">
        <v>2</v>
      </c>
      <c r="T2209">
        <v>1</v>
      </c>
      <c r="U2209">
        <v>1</v>
      </c>
      <c r="V2209">
        <v>6.1390473869548969E-2</v>
      </c>
      <c r="W2209">
        <v>6.6743744583527267</v>
      </c>
      <c r="X2209">
        <v>1</v>
      </c>
      <c r="Y2209">
        <v>1</v>
      </c>
      <c r="Z2209">
        <v>0</v>
      </c>
      <c r="AA2209">
        <v>0</v>
      </c>
      <c r="AB2209">
        <v>6.6783421146543311</v>
      </c>
      <c r="AC2209">
        <v>1</v>
      </c>
      <c r="AD2209">
        <v>1</v>
      </c>
      <c r="AE2209">
        <v>0</v>
      </c>
      <c r="AF2209">
        <v>0</v>
      </c>
      <c r="AG2209">
        <v>6.6770834612471344</v>
      </c>
      <c r="AH2209">
        <v>-4.9235210113669679E-2</v>
      </c>
      <c r="AI2209">
        <v>1.132191523872964E-2</v>
      </c>
      <c r="AJ2209">
        <v>1.7226066095354969E-2</v>
      </c>
      <c r="AK2209">
        <v>4.701234810165305E-2</v>
      </c>
      <c r="AL2209">
        <v>2023.591735176632</v>
      </c>
      <c r="AM2209">
        <v>3604.061249385868</v>
      </c>
      <c r="AN2209">
        <v>99886.999999999985</v>
      </c>
      <c r="AO2209">
        <v>107.2836420081388</v>
      </c>
      <c r="AP2209">
        <v>1778.2802819418971</v>
      </c>
      <c r="AQ2209">
        <v>1.028858218318695</v>
      </c>
      <c r="AR2209">
        <v>3.9598494353826852</v>
      </c>
      <c r="AS2209">
        <v>794</v>
      </c>
      <c r="AT2209">
        <v>172.51819322459221</v>
      </c>
      <c r="AU2209">
        <v>3.4944768371589517E-2</v>
      </c>
      <c r="AV2209">
        <v>-4.9321995522240203E-2</v>
      </c>
      <c r="AW2209">
        <v>0.35131744040150559</v>
      </c>
      <c r="AX2209">
        <v>90.420854271356788</v>
      </c>
      <c r="AY2209">
        <v>66</v>
      </c>
      <c r="AZ2209">
        <v>132</v>
      </c>
      <c r="BA2209">
        <v>0.60389708256979169</v>
      </c>
      <c r="BB2209">
        <v>0.50564617314930993</v>
      </c>
      <c r="BC2209">
        <v>5.2113924779633951</v>
      </c>
      <c r="BD2209" t="s">
        <v>8426</v>
      </c>
      <c r="BE2209" t="s">
        <v>68</v>
      </c>
    </row>
    <row r="2210" spans="1:57" x14ac:dyDescent="0.3">
      <c r="A2210" t="s">
        <v>8427</v>
      </c>
      <c r="B2210">
        <v>3536</v>
      </c>
      <c r="C2210" t="s">
        <v>8428</v>
      </c>
      <c r="D2210" t="s">
        <v>8429</v>
      </c>
      <c r="E2210" t="s">
        <v>10622</v>
      </c>
      <c r="F2210">
        <v>64</v>
      </c>
      <c r="G2210">
        <v>136.546875</v>
      </c>
      <c r="H2210">
        <v>138</v>
      </c>
      <c r="I2210">
        <v>4189.935302734375</v>
      </c>
      <c r="J2210">
        <v>64.729709583269212</v>
      </c>
      <c r="K2210">
        <v>1.337677125873641E-2</v>
      </c>
      <c r="L2210">
        <v>-0.98865159995034757</v>
      </c>
      <c r="M2210">
        <v>5.726409765557392</v>
      </c>
      <c r="N2210">
        <v>3</v>
      </c>
      <c r="O2210">
        <v>1</v>
      </c>
      <c r="P2210">
        <v>2</v>
      </c>
      <c r="Q2210">
        <v>0.44031528592635538</v>
      </c>
      <c r="R2210">
        <v>3.9692447837270439</v>
      </c>
      <c r="S2210">
        <v>1</v>
      </c>
      <c r="T2210">
        <v>1</v>
      </c>
      <c r="U2210">
        <v>0</v>
      </c>
      <c r="V2210">
        <v>0</v>
      </c>
      <c r="W2210">
        <v>4.1431347263915326</v>
      </c>
      <c r="X2210">
        <v>1</v>
      </c>
      <c r="Y2210">
        <v>1</v>
      </c>
      <c r="Z2210">
        <v>0</v>
      </c>
      <c r="AA2210">
        <v>0</v>
      </c>
      <c r="AB2210">
        <v>4.1271343850450908</v>
      </c>
      <c r="AC2210">
        <v>1</v>
      </c>
      <c r="AD2210">
        <v>1</v>
      </c>
      <c r="AE2210">
        <v>0</v>
      </c>
      <c r="AF2210">
        <v>0</v>
      </c>
      <c r="AG2210">
        <v>4.1108738641733096</v>
      </c>
      <c r="AH2210">
        <v>9.8156701625250004E-2</v>
      </c>
      <c r="AI2210">
        <v>-0.1848873618129615</v>
      </c>
      <c r="AJ2210">
        <v>-0.21201089636390921</v>
      </c>
      <c r="AK2210">
        <v>0.1042971216162475</v>
      </c>
      <c r="AL2210">
        <v>586.70046349765289</v>
      </c>
      <c r="AM2210">
        <v>1056.987022688377</v>
      </c>
      <c r="AN2210">
        <v>8739</v>
      </c>
      <c r="AO2210">
        <v>86.850350783786155</v>
      </c>
      <c r="AP2210">
        <v>414.72862065792361</v>
      </c>
      <c r="AQ2210">
        <v>1.359375</v>
      </c>
      <c r="AR2210">
        <v>4.046875</v>
      </c>
      <c r="AS2210">
        <v>64</v>
      </c>
      <c r="AT2210">
        <v>9.5</v>
      </c>
      <c r="AU2210">
        <v>9.5368525896414369E-2</v>
      </c>
      <c r="AV2210">
        <v>9.8900832895876645E-2</v>
      </c>
      <c r="AW2210">
        <v>0.40625</v>
      </c>
      <c r="AX2210">
        <v>69.349206349206355</v>
      </c>
      <c r="AY2210">
        <v>51.5</v>
      </c>
      <c r="AZ2210">
        <v>103.25</v>
      </c>
      <c r="BA2210">
        <v>0.47404753556805462</v>
      </c>
      <c r="BB2210">
        <v>0.5</v>
      </c>
      <c r="BC2210">
        <v>3.8541620793322888</v>
      </c>
      <c r="BD2210" t="s">
        <v>8430</v>
      </c>
      <c r="BE2210" t="s">
        <v>62</v>
      </c>
    </row>
    <row r="2211" spans="1:57" x14ac:dyDescent="0.3">
      <c r="A2211" t="s">
        <v>8431</v>
      </c>
      <c r="B2211">
        <v>3142</v>
      </c>
      <c r="C2211" t="s">
        <v>8432</v>
      </c>
      <c r="D2211" t="s">
        <v>8433</v>
      </c>
      <c r="E2211" t="s">
        <v>106</v>
      </c>
      <c r="F2211">
        <v>3194</v>
      </c>
      <c r="G2211">
        <v>127.8763306199123</v>
      </c>
      <c r="H2211">
        <v>129</v>
      </c>
      <c r="I2211">
        <v>5492.6143239182429</v>
      </c>
      <c r="J2211">
        <v>74.112173925194256</v>
      </c>
      <c r="K2211">
        <v>-8.756314256868819E-3</v>
      </c>
      <c r="L2211">
        <v>-1.200108844090521</v>
      </c>
      <c r="M2211">
        <v>7.9425992125620644</v>
      </c>
      <c r="N2211">
        <v>26</v>
      </c>
      <c r="O2211">
        <v>4</v>
      </c>
      <c r="P2211">
        <v>22</v>
      </c>
      <c r="Q2211">
        <v>3.5254982886953372</v>
      </c>
      <c r="R2211">
        <v>5.5053902505050401</v>
      </c>
      <c r="S2211">
        <v>3</v>
      </c>
      <c r="T2211">
        <v>1</v>
      </c>
      <c r="U2211">
        <v>2</v>
      </c>
      <c r="V2211">
        <v>0.1393649149001166</v>
      </c>
      <c r="W2211">
        <v>8.0425023155425421</v>
      </c>
      <c r="X2211">
        <v>2</v>
      </c>
      <c r="Y2211">
        <v>1</v>
      </c>
      <c r="Z2211">
        <v>1</v>
      </c>
      <c r="AA2211">
        <v>1.769980726598927E-2</v>
      </c>
      <c r="AB2211">
        <v>8.0679686558249841</v>
      </c>
      <c r="AC2211">
        <v>1</v>
      </c>
      <c r="AD2211">
        <v>1</v>
      </c>
      <c r="AE2211">
        <v>0</v>
      </c>
      <c r="AF2211">
        <v>0</v>
      </c>
      <c r="AG2211">
        <v>8.0680896262782422</v>
      </c>
      <c r="AH2211">
        <v>-3.4698831500769009E-2</v>
      </c>
      <c r="AI2211">
        <v>-3.0035181293508431E-3</v>
      </c>
      <c r="AJ2211">
        <v>-2.4601029765655879E-2</v>
      </c>
      <c r="AK2211">
        <v>-2.4317645920765289E-2</v>
      </c>
      <c r="AL2211">
        <v>3828.6470403821891</v>
      </c>
      <c r="AM2211">
        <v>7423.900379192376</v>
      </c>
      <c r="AN2211">
        <v>408437</v>
      </c>
      <c r="AO2211">
        <v>109.4958424279977</v>
      </c>
      <c r="AP2211">
        <v>3478.3064804258051</v>
      </c>
      <c r="AQ2211">
        <v>1.007201001878522</v>
      </c>
      <c r="AR2211">
        <v>4.0072010018785216</v>
      </c>
      <c r="AS2211">
        <v>3188</v>
      </c>
      <c r="AT2211">
        <v>255.02692548528489</v>
      </c>
      <c r="AU2211">
        <v>9.4380394612447738E-3</v>
      </c>
      <c r="AV2211">
        <v>-3.4699156305783282E-2</v>
      </c>
      <c r="AW2211">
        <v>0.36912961803381339</v>
      </c>
      <c r="AX2211">
        <v>87.297212652677729</v>
      </c>
      <c r="AY2211">
        <v>64</v>
      </c>
      <c r="AZ2211">
        <v>129</v>
      </c>
      <c r="BA2211">
        <v>0.57956131182304849</v>
      </c>
      <c r="BB2211">
        <v>0.50250469630557293</v>
      </c>
      <c r="BC2211">
        <v>5.3313037146764533</v>
      </c>
      <c r="BD2211" t="s">
        <v>8434</v>
      </c>
      <c r="BE2211" t="s">
        <v>68</v>
      </c>
    </row>
    <row r="2212" spans="1:57" x14ac:dyDescent="0.3">
      <c r="A2212" t="s">
        <v>8435</v>
      </c>
      <c r="B2212">
        <v>1747</v>
      </c>
      <c r="C2212" t="s">
        <v>8436</v>
      </c>
      <c r="D2212" t="s">
        <v>8437</v>
      </c>
      <c r="E2212" t="s">
        <v>115</v>
      </c>
      <c r="F2212">
        <v>1792</v>
      </c>
      <c r="G2212">
        <v>127.1462053571429</v>
      </c>
      <c r="H2212">
        <v>128</v>
      </c>
      <c r="I2212">
        <v>5536.2877757792576</v>
      </c>
      <c r="J2212">
        <v>74.406234791039239</v>
      </c>
      <c r="K2212">
        <v>8.5023253233403161E-3</v>
      </c>
      <c r="L2212">
        <v>-1.217331331873631</v>
      </c>
      <c r="M2212">
        <v>7.898764205346203</v>
      </c>
      <c r="N2212">
        <v>15</v>
      </c>
      <c r="O2212">
        <v>1</v>
      </c>
      <c r="P2212">
        <v>14</v>
      </c>
      <c r="Q2212">
        <v>2.5195765619481869</v>
      </c>
      <c r="R2212">
        <v>5.4750061388435327</v>
      </c>
      <c r="S2212">
        <v>2</v>
      </c>
      <c r="T2212">
        <v>1</v>
      </c>
      <c r="U2212">
        <v>1</v>
      </c>
      <c r="V2212">
        <v>0.13154237407651551</v>
      </c>
      <c r="W2212">
        <v>7.4665343572842069</v>
      </c>
      <c r="X2212">
        <v>1</v>
      </c>
      <c r="Y2212">
        <v>1</v>
      </c>
      <c r="Z2212">
        <v>0</v>
      </c>
      <c r="AA2212">
        <v>0</v>
      </c>
      <c r="AB2212">
        <v>7.4899708988347999</v>
      </c>
      <c r="AC2212">
        <v>1</v>
      </c>
      <c r="AD2212">
        <v>1</v>
      </c>
      <c r="AE2212">
        <v>0</v>
      </c>
      <c r="AF2212">
        <v>0</v>
      </c>
      <c r="AG2212">
        <v>7.4894120835087161</v>
      </c>
      <c r="AH2212">
        <v>3.6026042892519421E-2</v>
      </c>
      <c r="AI2212">
        <v>9.9033019282760443E-3</v>
      </c>
      <c r="AJ2212">
        <v>-7.4583232867414659E-3</v>
      </c>
      <c r="AK2212">
        <v>4.3148158486932632E-2</v>
      </c>
      <c r="AL2212">
        <v>2914.0208257334848</v>
      </c>
      <c r="AM2212">
        <v>5513.552813494357</v>
      </c>
      <c r="AN2212">
        <v>227846</v>
      </c>
      <c r="AO2212">
        <v>92.568974222546913</v>
      </c>
      <c r="AP2212">
        <v>2594.5023887118468</v>
      </c>
      <c r="AQ2212">
        <v>1.012834821428571</v>
      </c>
      <c r="AR2212">
        <v>4.0033482142857144</v>
      </c>
      <c r="AS2212">
        <v>1784</v>
      </c>
      <c r="AT2212">
        <v>230.35491071428569</v>
      </c>
      <c r="AU2212">
        <v>1.770176820728292E-2</v>
      </c>
      <c r="AV2212">
        <v>3.6033353496089958E-2</v>
      </c>
      <c r="AW2212">
        <v>0.3666294642857143</v>
      </c>
      <c r="AX2212">
        <v>84.62311557788945</v>
      </c>
      <c r="AY2212">
        <v>64</v>
      </c>
      <c r="AZ2212">
        <v>127</v>
      </c>
      <c r="BA2212">
        <v>0.58520216613652343</v>
      </c>
      <c r="BB2212">
        <v>0.5005580357142857</v>
      </c>
      <c r="BC2212">
        <v>5.2603645379302737</v>
      </c>
      <c r="BD2212" t="s">
        <v>8438</v>
      </c>
      <c r="BE2212" t="s">
        <v>62</v>
      </c>
    </row>
    <row r="2213" spans="1:57" x14ac:dyDescent="0.3">
      <c r="A2213" t="s">
        <v>8439</v>
      </c>
      <c r="B2213">
        <v>1786</v>
      </c>
      <c r="C2213" t="s">
        <v>8440</v>
      </c>
      <c r="D2213" t="s">
        <v>8441</v>
      </c>
      <c r="E2213" t="s">
        <v>98</v>
      </c>
      <c r="F2213">
        <v>16</v>
      </c>
      <c r="G2213">
        <v>143.5</v>
      </c>
      <c r="H2213">
        <v>161.5</v>
      </c>
      <c r="I2213">
        <v>6992.25</v>
      </c>
      <c r="J2213">
        <v>83.619674718334082</v>
      </c>
      <c r="K2213">
        <v>-0.45152029067315791</v>
      </c>
      <c r="L2213">
        <v>-1.1827013609523029</v>
      </c>
      <c r="M2213">
        <v>4</v>
      </c>
      <c r="N2213">
        <v>1</v>
      </c>
      <c r="O2213">
        <v>1</v>
      </c>
      <c r="P2213">
        <v>0</v>
      </c>
      <c r="Q2213">
        <v>0</v>
      </c>
      <c r="R2213">
        <v>2.7725887222397811</v>
      </c>
      <c r="S2213">
        <v>1</v>
      </c>
      <c r="T2213">
        <v>1</v>
      </c>
      <c r="U2213">
        <v>0</v>
      </c>
      <c r="V2213">
        <v>0</v>
      </c>
      <c r="W2213">
        <v>2.7080502011022101</v>
      </c>
      <c r="X2213">
        <v>1</v>
      </c>
      <c r="Y2213">
        <v>1</v>
      </c>
      <c r="Z2213">
        <v>0</v>
      </c>
      <c r="AA2213">
        <v>0</v>
      </c>
      <c r="AB2213">
        <v>2.639057329615258</v>
      </c>
      <c r="AC2213">
        <v>1</v>
      </c>
      <c r="AD2213">
        <v>1</v>
      </c>
      <c r="AE2213">
        <v>0</v>
      </c>
      <c r="AF2213">
        <v>0</v>
      </c>
      <c r="AG2213">
        <v>2.5649493574615372</v>
      </c>
      <c r="AH2213">
        <v>7.4151292502413382E-2</v>
      </c>
      <c r="AI2213">
        <v>-0.39389145124959779</v>
      </c>
      <c r="AJ2213">
        <v>-7.4397100361114091E-2</v>
      </c>
      <c r="AK2213">
        <v>0.18314473166720299</v>
      </c>
      <c r="AL2213">
        <v>431.08704410736311</v>
      </c>
      <c r="AM2213">
        <v>505.48586568051172</v>
      </c>
      <c r="AN2213">
        <v>2296</v>
      </c>
      <c r="AO2213">
        <v>98.028929710612132</v>
      </c>
      <c r="AP2213">
        <v>284.58195661179673</v>
      </c>
      <c r="AQ2213">
        <v>2.3125</v>
      </c>
      <c r="AR2213">
        <v>4.25</v>
      </c>
      <c r="AS2213">
        <v>16</v>
      </c>
      <c r="AT2213">
        <v>0</v>
      </c>
      <c r="AU2213">
        <v>0.19354838709677419</v>
      </c>
      <c r="AV2213">
        <v>8.3900432812847703E-2</v>
      </c>
      <c r="AW2213">
        <v>0.1875</v>
      </c>
      <c r="AX2213">
        <v>87.333333333333329</v>
      </c>
      <c r="AY2213">
        <v>57</v>
      </c>
      <c r="AZ2213">
        <v>125</v>
      </c>
      <c r="BA2213">
        <v>0.58271550326365218</v>
      </c>
      <c r="BB2213">
        <v>0.5625</v>
      </c>
      <c r="BC2213">
        <v>2.615630577027551</v>
      </c>
      <c r="BD2213" t="s">
        <v>8440</v>
      </c>
      <c r="BE2213" t="s">
        <v>62</v>
      </c>
    </row>
    <row r="2214" spans="1:57" x14ac:dyDescent="0.3">
      <c r="A2214" t="s">
        <v>8442</v>
      </c>
      <c r="B2214">
        <v>1880</v>
      </c>
      <c r="C2214" t="s">
        <v>8443</v>
      </c>
      <c r="D2214" t="s">
        <v>8444</v>
      </c>
      <c r="E2214" t="s">
        <v>115</v>
      </c>
      <c r="F2214">
        <v>1919</v>
      </c>
      <c r="G2214">
        <v>126.5325690463783</v>
      </c>
      <c r="H2214">
        <v>125</v>
      </c>
      <c r="I2214">
        <v>5413.1567037178747</v>
      </c>
      <c r="J2214">
        <v>73.574157852590304</v>
      </c>
      <c r="K2214">
        <v>3.206335523339917E-2</v>
      </c>
      <c r="L2214">
        <v>-1.1856596887741611</v>
      </c>
      <c r="M2214">
        <v>7.8958091174306366</v>
      </c>
      <c r="N2214">
        <v>17</v>
      </c>
      <c r="O2214">
        <v>2</v>
      </c>
      <c r="P2214">
        <v>15</v>
      </c>
      <c r="Q2214">
        <v>2.8531753786283338</v>
      </c>
      <c r="R2214">
        <v>5.4729578279865443</v>
      </c>
      <c r="S2214">
        <v>2</v>
      </c>
      <c r="T2214">
        <v>1</v>
      </c>
      <c r="U2214">
        <v>1</v>
      </c>
      <c r="V2214">
        <v>0.1331203418682001</v>
      </c>
      <c r="W2214">
        <v>7.5344636942973624</v>
      </c>
      <c r="X2214">
        <v>1</v>
      </c>
      <c r="Y2214">
        <v>1</v>
      </c>
      <c r="Z2214">
        <v>0</v>
      </c>
      <c r="AA2214">
        <v>0</v>
      </c>
      <c r="AB2214">
        <v>7.5585167430456472</v>
      </c>
      <c r="AC2214">
        <v>1</v>
      </c>
      <c r="AD2214">
        <v>1</v>
      </c>
      <c r="AE2214">
        <v>0</v>
      </c>
      <c r="AF2214">
        <v>0</v>
      </c>
      <c r="AG2214">
        <v>7.5579949585308057</v>
      </c>
      <c r="AH2214">
        <v>-2.4472471472817611E-3</v>
      </c>
      <c r="AI2214">
        <v>-5.133919147455329E-3</v>
      </c>
      <c r="AJ2214">
        <v>1.640573873716462E-3</v>
      </c>
      <c r="AK2214">
        <v>-4.7337504240298867E-2</v>
      </c>
      <c r="AL2214">
        <v>2999.5959437877041</v>
      </c>
      <c r="AM2214">
        <v>5666.9572235911883</v>
      </c>
      <c r="AN2214">
        <v>242816</v>
      </c>
      <c r="AO2214">
        <v>56.144384740309206</v>
      </c>
      <c r="AP2214">
        <v>2735.7429719644711</v>
      </c>
      <c r="AQ2214">
        <v>1.011985409067222</v>
      </c>
      <c r="AR2214">
        <v>4.0015633142261597</v>
      </c>
      <c r="AS2214">
        <v>1912</v>
      </c>
      <c r="AT2214">
        <v>278.01094319958321</v>
      </c>
      <c r="AU2214">
        <v>1.8622852997374099E-2</v>
      </c>
      <c r="AV2214">
        <v>-2.4483212422845681E-3</v>
      </c>
      <c r="AW2214">
        <v>0.38874413757165188</v>
      </c>
      <c r="AX2214">
        <v>84.298227320125136</v>
      </c>
      <c r="AY2214">
        <v>64</v>
      </c>
      <c r="AZ2214">
        <v>128</v>
      </c>
      <c r="BA2214">
        <v>0.58146419065926791</v>
      </c>
      <c r="BB2214">
        <v>0.49088066701406979</v>
      </c>
      <c r="BC2214">
        <v>5.2929801136985786</v>
      </c>
      <c r="BD2214" t="s">
        <v>8445</v>
      </c>
      <c r="BE2214" t="s">
        <v>68</v>
      </c>
    </row>
    <row r="2215" spans="1:57" x14ac:dyDescent="0.3">
      <c r="A2215" t="s">
        <v>8446</v>
      </c>
      <c r="B2215">
        <v>2030</v>
      </c>
      <c r="C2215" t="s">
        <v>8447</v>
      </c>
      <c r="D2215" t="s">
        <v>8448</v>
      </c>
      <c r="E2215" t="s">
        <v>106</v>
      </c>
      <c r="F2215">
        <v>2036</v>
      </c>
      <c r="G2215">
        <v>127.3447937131631</v>
      </c>
      <c r="H2215">
        <v>126</v>
      </c>
      <c r="I2215">
        <v>5653.1581310478186</v>
      </c>
      <c r="J2215">
        <v>75.187486532320108</v>
      </c>
      <c r="K2215">
        <v>-6.8364425688149238E-3</v>
      </c>
      <c r="L2215">
        <v>-1.237440548656505</v>
      </c>
      <c r="M2215">
        <v>7.9066836513543199</v>
      </c>
      <c r="N2215">
        <v>20</v>
      </c>
      <c r="O2215">
        <v>1</v>
      </c>
      <c r="P2215">
        <v>19</v>
      </c>
      <c r="Q2215">
        <v>2.8773343104990419</v>
      </c>
      <c r="R2215">
        <v>5.4804954805156498</v>
      </c>
      <c r="S2215">
        <v>3</v>
      </c>
      <c r="T2215">
        <v>1</v>
      </c>
      <c r="U2215">
        <v>2</v>
      </c>
      <c r="V2215">
        <v>0.1312470113372044</v>
      </c>
      <c r="W2215">
        <v>7.5966188514480741</v>
      </c>
      <c r="X2215">
        <v>1</v>
      </c>
      <c r="Y2215">
        <v>1</v>
      </c>
      <c r="Z2215">
        <v>0</v>
      </c>
      <c r="AA2215">
        <v>0</v>
      </c>
      <c r="AB2215">
        <v>7.617759576608508</v>
      </c>
      <c r="AC2215">
        <v>1</v>
      </c>
      <c r="AD2215">
        <v>1</v>
      </c>
      <c r="AE2215">
        <v>0</v>
      </c>
      <c r="AF2215">
        <v>0</v>
      </c>
      <c r="AG2215">
        <v>7.6172678136283469</v>
      </c>
      <c r="AH2215">
        <v>4.538842161556951E-2</v>
      </c>
      <c r="AI2215">
        <v>-3.2343268931526038E-2</v>
      </c>
      <c r="AJ2215">
        <v>7.7770566930105561E-3</v>
      </c>
      <c r="AK2215">
        <v>-1.3493040983605761E-2</v>
      </c>
      <c r="AL2215">
        <v>3133.9269771057379</v>
      </c>
      <c r="AM2215">
        <v>5891.1395928265774</v>
      </c>
      <c r="AN2215">
        <v>259274</v>
      </c>
      <c r="AO2215">
        <v>133.0854943091953</v>
      </c>
      <c r="AP2215">
        <v>2856.2578623963318</v>
      </c>
      <c r="AQ2215">
        <v>1.0112966601178781</v>
      </c>
      <c r="AR2215">
        <v>4.0068762278978376</v>
      </c>
      <c r="AS2215">
        <v>2027</v>
      </c>
      <c r="AT2215">
        <v>266.49115913555988</v>
      </c>
      <c r="AU2215">
        <v>2.5611541276628569E-2</v>
      </c>
      <c r="AV2215">
        <v>4.5423330155653863E-2</v>
      </c>
      <c r="AW2215">
        <v>0.36296660117878188</v>
      </c>
      <c r="AX2215">
        <v>84.285995085995083</v>
      </c>
      <c r="AY2215">
        <v>66</v>
      </c>
      <c r="AZ2215">
        <v>132.25</v>
      </c>
      <c r="BA2215">
        <v>0.59042450295750337</v>
      </c>
      <c r="BB2215">
        <v>0.49705304518664051</v>
      </c>
      <c r="BC2215">
        <v>5.2821392987930897</v>
      </c>
      <c r="BD2215" t="s">
        <v>8449</v>
      </c>
      <c r="BE2215" t="s">
        <v>68</v>
      </c>
    </row>
    <row r="2216" spans="1:57" x14ac:dyDescent="0.3">
      <c r="A2216" t="s">
        <v>8450</v>
      </c>
      <c r="B2216">
        <v>1911</v>
      </c>
      <c r="C2216" t="s">
        <v>8451</v>
      </c>
      <c r="D2216" t="s">
        <v>8452</v>
      </c>
      <c r="E2216" t="s">
        <v>72</v>
      </c>
      <c r="F2216">
        <v>2040</v>
      </c>
      <c r="G2216">
        <v>129.58529411764709</v>
      </c>
      <c r="H2216">
        <v>130</v>
      </c>
      <c r="I2216">
        <v>5399.0966464821222</v>
      </c>
      <c r="J2216">
        <v>73.478545484257666</v>
      </c>
      <c r="K2216">
        <v>-3.2190730849693587E-2</v>
      </c>
      <c r="L2216">
        <v>-1.190181672360562</v>
      </c>
      <c r="M2216">
        <v>7.8958508417132887</v>
      </c>
      <c r="N2216">
        <v>15</v>
      </c>
      <c r="O2216">
        <v>2</v>
      </c>
      <c r="P2216">
        <v>13</v>
      </c>
      <c r="Q2216">
        <v>2.926551875903268</v>
      </c>
      <c r="R2216">
        <v>5.4729867490554387</v>
      </c>
      <c r="S2216">
        <v>2</v>
      </c>
      <c r="T2216">
        <v>1</v>
      </c>
      <c r="U2216">
        <v>1</v>
      </c>
      <c r="V2216">
        <v>0.1309963403880238</v>
      </c>
      <c r="W2216">
        <v>7.5964186437283558</v>
      </c>
      <c r="X2216">
        <v>1</v>
      </c>
      <c r="Y2216">
        <v>1</v>
      </c>
      <c r="Z2216">
        <v>0</v>
      </c>
      <c r="AA2216">
        <v>0</v>
      </c>
      <c r="AB2216">
        <v>7.6197242137826686</v>
      </c>
      <c r="AC2216">
        <v>1</v>
      </c>
      <c r="AD2216">
        <v>1</v>
      </c>
      <c r="AE2216">
        <v>0</v>
      </c>
      <c r="AF2216">
        <v>0</v>
      </c>
      <c r="AG2216">
        <v>7.6192334162268036</v>
      </c>
      <c r="AH2216">
        <v>1.1625484231391651E-2</v>
      </c>
      <c r="AI2216">
        <v>3.9221370741574092E-2</v>
      </c>
      <c r="AJ2216">
        <v>-4.5236574975518707E-3</v>
      </c>
      <c r="AK2216">
        <v>-1.000488980175296E-2</v>
      </c>
      <c r="AL2216">
        <v>3064.775820717226</v>
      </c>
      <c r="AM2216">
        <v>5989.7994264204744</v>
      </c>
      <c r="AN2216">
        <v>264354</v>
      </c>
      <c r="AO2216">
        <v>27.941314821546779</v>
      </c>
      <c r="AP2216">
        <v>2784.243131832241</v>
      </c>
      <c r="AQ2216">
        <v>1.011274509803922</v>
      </c>
      <c r="AR2216">
        <v>4.0191176470588239</v>
      </c>
      <c r="AS2216">
        <v>2030</v>
      </c>
      <c r="AT2216">
        <v>273</v>
      </c>
      <c r="AU2216">
        <v>2.303921568627448E-2</v>
      </c>
      <c r="AV2216">
        <v>1.162678296801601E-2</v>
      </c>
      <c r="AW2216">
        <v>0.3622549019607843</v>
      </c>
      <c r="AX2216">
        <v>84.268759195684154</v>
      </c>
      <c r="AY2216">
        <v>64</v>
      </c>
      <c r="AZ2216">
        <v>127.25</v>
      </c>
      <c r="BA2216">
        <v>0.56702842698762124</v>
      </c>
      <c r="BB2216">
        <v>0.50245098039215685</v>
      </c>
      <c r="BC2216">
        <v>5.2820289740270292</v>
      </c>
      <c r="BD2216" t="s">
        <v>8453</v>
      </c>
      <c r="BE2216" t="s">
        <v>68</v>
      </c>
    </row>
    <row r="2217" spans="1:57" x14ac:dyDescent="0.3">
      <c r="A2217" t="s">
        <v>8454</v>
      </c>
      <c r="B2217">
        <v>3094</v>
      </c>
      <c r="C2217" t="s">
        <v>8455</v>
      </c>
      <c r="D2217" t="s">
        <v>8456</v>
      </c>
      <c r="E2217" t="s">
        <v>66</v>
      </c>
      <c r="F2217">
        <v>70</v>
      </c>
      <c r="G2217">
        <v>116.5285714285714</v>
      </c>
      <c r="H2217">
        <v>117</v>
      </c>
      <c r="I2217">
        <v>5233.4777551020416</v>
      </c>
      <c r="J2217">
        <v>72.342779564390824</v>
      </c>
      <c r="K2217">
        <v>0.12201855213104119</v>
      </c>
      <c r="L2217">
        <v>-1.021045170617827</v>
      </c>
      <c r="M2217">
        <v>5.9184989097712073</v>
      </c>
      <c r="N2217">
        <v>3</v>
      </c>
      <c r="O2217">
        <v>1</v>
      </c>
      <c r="P2217">
        <v>2</v>
      </c>
      <c r="Q2217">
        <v>0.36126370402352498</v>
      </c>
      <c r="R2217">
        <v>4.1023908324550202</v>
      </c>
      <c r="S2217">
        <v>2</v>
      </c>
      <c r="T2217">
        <v>1</v>
      </c>
      <c r="U2217">
        <v>1</v>
      </c>
      <c r="V2217">
        <v>0.1203728348804772</v>
      </c>
      <c r="W2217">
        <v>4.2140152819723324</v>
      </c>
      <c r="X2217">
        <v>1</v>
      </c>
      <c r="Y2217">
        <v>1</v>
      </c>
      <c r="Z2217">
        <v>0</v>
      </c>
      <c r="AA2217">
        <v>0</v>
      </c>
      <c r="AB2217">
        <v>4.2195077051761087</v>
      </c>
      <c r="AC2217">
        <v>1</v>
      </c>
      <c r="AD2217">
        <v>1</v>
      </c>
      <c r="AE2217">
        <v>0</v>
      </c>
      <c r="AF2217">
        <v>0</v>
      </c>
      <c r="AG2217">
        <v>4.2046926193909648</v>
      </c>
      <c r="AH2217">
        <v>0.18687582986071269</v>
      </c>
      <c r="AI2217">
        <v>8.0994562663282477E-2</v>
      </c>
      <c r="AJ2217">
        <v>-0.15628577359216839</v>
      </c>
      <c r="AK2217">
        <v>4.1919112068625551E-2</v>
      </c>
      <c r="AL2217">
        <v>644.75776654697734</v>
      </c>
      <c r="AM2217">
        <v>949.29153713564369</v>
      </c>
      <c r="AN2217">
        <v>8157</v>
      </c>
      <c r="AO2217">
        <v>88.954291595817722</v>
      </c>
      <c r="AP2217">
        <v>522.67770091531224</v>
      </c>
      <c r="AQ2217">
        <v>1.328571428571429</v>
      </c>
      <c r="AR2217">
        <v>3.8142857142857149</v>
      </c>
      <c r="AS2217">
        <v>70</v>
      </c>
      <c r="AT2217">
        <v>7.3999999999999977</v>
      </c>
      <c r="AU2217">
        <v>0.1159730033745783</v>
      </c>
      <c r="AV2217">
        <v>0.18823020385193809</v>
      </c>
      <c r="AW2217">
        <v>0.4</v>
      </c>
      <c r="AX2217">
        <v>79.304347826086953</v>
      </c>
      <c r="AY2217">
        <v>63</v>
      </c>
      <c r="AZ2217">
        <v>123.5</v>
      </c>
      <c r="BA2217">
        <v>0.62081581089951676</v>
      </c>
      <c r="BB2217">
        <v>0.5</v>
      </c>
      <c r="BC2217">
        <v>4.0256109719166302</v>
      </c>
      <c r="BD2217" t="s">
        <v>8457</v>
      </c>
      <c r="BE2217" t="s">
        <v>68</v>
      </c>
    </row>
    <row r="2218" spans="1:57" x14ac:dyDescent="0.3">
      <c r="A2218" t="s">
        <v>8458</v>
      </c>
      <c r="B2218">
        <v>715</v>
      </c>
      <c r="C2218" t="s">
        <v>8459</v>
      </c>
      <c r="D2218" t="s">
        <v>8460</v>
      </c>
      <c r="E2218" t="s">
        <v>72</v>
      </c>
      <c r="F2218">
        <v>720</v>
      </c>
      <c r="G2218">
        <v>127.3208333333333</v>
      </c>
      <c r="H2218">
        <v>128</v>
      </c>
      <c r="I2218">
        <v>5351.3234548611108</v>
      </c>
      <c r="J2218">
        <v>73.152740583392443</v>
      </c>
      <c r="K2218">
        <v>-7.4635288530025771E-3</v>
      </c>
      <c r="L2218">
        <v>-1.1552969886736231</v>
      </c>
      <c r="M2218">
        <v>7.7695855211433473</v>
      </c>
      <c r="N2218">
        <v>9</v>
      </c>
      <c r="O2218">
        <v>1</v>
      </c>
      <c r="P2218">
        <v>8</v>
      </c>
      <c r="Q2218">
        <v>1.5341785986372549</v>
      </c>
      <c r="R2218">
        <v>5.3854662980998746</v>
      </c>
      <c r="S2218">
        <v>2</v>
      </c>
      <c r="T2218">
        <v>1</v>
      </c>
      <c r="U2218">
        <v>1</v>
      </c>
      <c r="V2218">
        <v>6.459402837903451E-2</v>
      </c>
      <c r="W2218">
        <v>6.5720770975216594</v>
      </c>
      <c r="X2218">
        <v>1</v>
      </c>
      <c r="Y2218">
        <v>1</v>
      </c>
      <c r="Z2218">
        <v>0</v>
      </c>
      <c r="AA2218">
        <v>0</v>
      </c>
      <c r="AB2218">
        <v>6.576469569048224</v>
      </c>
      <c r="AC2218">
        <v>1</v>
      </c>
      <c r="AD2218">
        <v>1</v>
      </c>
      <c r="AE2218">
        <v>0</v>
      </c>
      <c r="AF2218">
        <v>0</v>
      </c>
      <c r="AG2218">
        <v>6.5750758405996192</v>
      </c>
      <c r="AH2218">
        <v>-4.1287616298170439E-2</v>
      </c>
      <c r="AI2218">
        <v>-3.3968312016650778E-2</v>
      </c>
      <c r="AJ2218">
        <v>-2.9119509446239561E-2</v>
      </c>
      <c r="AK2218">
        <v>-5.2320369412453124E-3</v>
      </c>
      <c r="AL2218">
        <v>1880.0801349248361</v>
      </c>
      <c r="AM2218">
        <v>3462.6405655599042</v>
      </c>
      <c r="AN2218">
        <v>91671</v>
      </c>
      <c r="AO2218">
        <v>105.2031515245435</v>
      </c>
      <c r="AP2218">
        <v>1663.9188589778171</v>
      </c>
      <c r="AQ2218">
        <v>1.031944444444445</v>
      </c>
      <c r="AR2218">
        <v>4.0041666666666664</v>
      </c>
      <c r="AS2218">
        <v>717</v>
      </c>
      <c r="AT2218">
        <v>202.68333333333331</v>
      </c>
      <c r="AU2218">
        <v>2.1486928104575139E-2</v>
      </c>
      <c r="AV2218">
        <v>-4.1368067383656268E-2</v>
      </c>
      <c r="AW2218">
        <v>0.37083333333333329</v>
      </c>
      <c r="AX2218">
        <v>86.442280945758</v>
      </c>
      <c r="AY2218">
        <v>63.5</v>
      </c>
      <c r="AZ2218">
        <v>130</v>
      </c>
      <c r="BA2218">
        <v>0.57455436528501447</v>
      </c>
      <c r="BB2218">
        <v>0.50555555555555554</v>
      </c>
      <c r="BC2218">
        <v>5.1792856380397794</v>
      </c>
      <c r="BD2218" t="s">
        <v>8461</v>
      </c>
      <c r="BE2218" t="s">
        <v>62</v>
      </c>
    </row>
    <row r="2219" spans="1:57" x14ac:dyDescent="0.3">
      <c r="A2219" t="s">
        <v>8462</v>
      </c>
      <c r="B2219">
        <v>2635</v>
      </c>
      <c r="C2219" t="s">
        <v>8463</v>
      </c>
      <c r="D2219" t="s">
        <v>8464</v>
      </c>
      <c r="E2219" t="s">
        <v>98</v>
      </c>
      <c r="F2219">
        <v>16</v>
      </c>
      <c r="G2219">
        <v>143.3125</v>
      </c>
      <c r="H2219">
        <v>181</v>
      </c>
      <c r="I2219">
        <v>7221.46484375</v>
      </c>
      <c r="J2219">
        <v>84.979202418886004</v>
      </c>
      <c r="K2219">
        <v>-0.40091903343606727</v>
      </c>
      <c r="L2219">
        <v>-1.370834354138724</v>
      </c>
      <c r="M2219">
        <v>4</v>
      </c>
      <c r="N2219">
        <v>1</v>
      </c>
      <c r="O2219">
        <v>1</v>
      </c>
      <c r="P2219">
        <v>0</v>
      </c>
      <c r="Q2219">
        <v>0</v>
      </c>
      <c r="R2219">
        <v>2.7725887222397811</v>
      </c>
      <c r="S2219">
        <v>1</v>
      </c>
      <c r="T2219">
        <v>1</v>
      </c>
      <c r="U2219">
        <v>0</v>
      </c>
      <c r="V2219">
        <v>0</v>
      </c>
      <c r="W2219">
        <v>2.7080502011022101</v>
      </c>
      <c r="X2219">
        <v>1</v>
      </c>
      <c r="Y2219">
        <v>1</v>
      </c>
      <c r="Z2219">
        <v>0</v>
      </c>
      <c r="AA2219">
        <v>0</v>
      </c>
      <c r="AB2219">
        <v>2.639057329615258</v>
      </c>
      <c r="AC2219">
        <v>1</v>
      </c>
      <c r="AD2219">
        <v>1</v>
      </c>
      <c r="AE2219">
        <v>0</v>
      </c>
      <c r="AF2219">
        <v>0</v>
      </c>
      <c r="AG2219">
        <v>2.5649493574615372</v>
      </c>
      <c r="AH2219">
        <v>0.22630960623575011</v>
      </c>
      <c r="AI2219">
        <v>-0.1697154614471289</v>
      </c>
      <c r="AJ2219">
        <v>-3.8392386250841813E-2</v>
      </c>
      <c r="AK2219">
        <v>0.15481914269254801</v>
      </c>
      <c r="AL2219">
        <v>436.36721538255858</v>
      </c>
      <c r="AM2219">
        <v>503.7287497644657</v>
      </c>
      <c r="AN2219">
        <v>2293</v>
      </c>
      <c r="AO2219">
        <v>93</v>
      </c>
      <c r="AP2219">
        <v>315.10822359000622</v>
      </c>
      <c r="AQ2219">
        <v>2.3125</v>
      </c>
      <c r="AR2219">
        <v>3.5</v>
      </c>
      <c r="AS2219">
        <v>16</v>
      </c>
      <c r="AT2219">
        <v>0</v>
      </c>
      <c r="AU2219">
        <v>0.27561475409836073</v>
      </c>
      <c r="AV2219">
        <v>0.24058918373052449</v>
      </c>
      <c r="AW2219">
        <v>0.3125</v>
      </c>
      <c r="AX2219">
        <v>79.333333333333329</v>
      </c>
      <c r="AY2219">
        <v>61</v>
      </c>
      <c r="AZ2219">
        <v>140.75</v>
      </c>
      <c r="BA2219">
        <v>0.59296434308860713</v>
      </c>
      <c r="BB2219">
        <v>0.5625</v>
      </c>
      <c r="BC2219">
        <v>2.7080502011022101</v>
      </c>
      <c r="BD2219" t="s">
        <v>8463</v>
      </c>
      <c r="BE2219" t="s">
        <v>62</v>
      </c>
    </row>
    <row r="2220" spans="1:57" x14ac:dyDescent="0.3">
      <c r="A2220" t="s">
        <v>8465</v>
      </c>
      <c r="B2220">
        <v>2586</v>
      </c>
      <c r="C2220" t="s">
        <v>8466</v>
      </c>
      <c r="D2220" t="s">
        <v>8467</v>
      </c>
      <c r="E2220" t="s">
        <v>85</v>
      </c>
      <c r="F2220">
        <v>8</v>
      </c>
      <c r="G2220">
        <v>172.875</v>
      </c>
      <c r="H2220">
        <v>197</v>
      </c>
      <c r="I2220">
        <v>5409.359375</v>
      </c>
      <c r="J2220">
        <v>73.548347194209612</v>
      </c>
      <c r="K2220">
        <v>-0.56420869282935548</v>
      </c>
      <c r="L2220">
        <v>-1.22395228089452</v>
      </c>
      <c r="M2220">
        <v>2.75</v>
      </c>
      <c r="N2220">
        <v>2</v>
      </c>
      <c r="O2220">
        <v>1</v>
      </c>
      <c r="P2220">
        <v>1</v>
      </c>
      <c r="Q2220">
        <v>0.34992710611188271</v>
      </c>
      <c r="R2220">
        <v>1.9061547465398501</v>
      </c>
      <c r="S2220">
        <v>1</v>
      </c>
      <c r="T2220">
        <v>1</v>
      </c>
      <c r="U2220">
        <v>0</v>
      </c>
      <c r="V2220">
        <v>0</v>
      </c>
      <c r="W2220">
        <v>1.945910149055313</v>
      </c>
      <c r="X2220">
        <v>1</v>
      </c>
      <c r="Y2220">
        <v>1</v>
      </c>
      <c r="Z2220">
        <v>0</v>
      </c>
      <c r="AA2220">
        <v>0</v>
      </c>
      <c r="AB2220">
        <v>1.791759469228055</v>
      </c>
      <c r="AC2220">
        <v>1</v>
      </c>
      <c r="AD2220">
        <v>1</v>
      </c>
      <c r="AE2220">
        <v>0</v>
      </c>
      <c r="AF2220">
        <v>0</v>
      </c>
      <c r="AG2220">
        <v>1.6094379124341009</v>
      </c>
      <c r="AH2220">
        <v>8.3512300728771596E-2</v>
      </c>
      <c r="AI2220">
        <v>-0.45605345480489551</v>
      </c>
      <c r="AJ2220">
        <v>0.37933782304397179</v>
      </c>
      <c r="AK2220">
        <v>0</v>
      </c>
      <c r="AL2220">
        <v>364.02869168721031</v>
      </c>
      <c r="AM2220">
        <v>387.09703128349872</v>
      </c>
      <c r="AN2220">
        <v>1383</v>
      </c>
      <c r="AO2220">
        <v>149</v>
      </c>
      <c r="AP2220">
        <v>208.36875542818709</v>
      </c>
      <c r="AQ2220">
        <v>3.5</v>
      </c>
      <c r="AR2220">
        <v>5.125</v>
      </c>
      <c r="AS2220">
        <v>8</v>
      </c>
      <c r="AT2220">
        <v>0.74999999999999978</v>
      </c>
      <c r="AU2220">
        <v>0.19762845849802371</v>
      </c>
      <c r="AV2220">
        <v>0.13859861502427881</v>
      </c>
      <c r="AW2220">
        <v>0.25</v>
      </c>
      <c r="AX2220">
        <v>76.714285714285708</v>
      </c>
      <c r="AY2220">
        <v>46.5</v>
      </c>
      <c r="AZ2220">
        <v>111</v>
      </c>
      <c r="BA2220">
        <v>0.42544235542565212</v>
      </c>
      <c r="BB2220">
        <v>0.5</v>
      </c>
      <c r="BC2220">
        <v>1.7478680974667571</v>
      </c>
      <c r="BD2220" t="s">
        <v>8466</v>
      </c>
      <c r="BE2220" t="s">
        <v>68</v>
      </c>
    </row>
    <row r="2221" spans="1:57" x14ac:dyDescent="0.3">
      <c r="A2221" t="s">
        <v>8468</v>
      </c>
      <c r="B2221">
        <v>2487</v>
      </c>
      <c r="C2221" t="s">
        <v>8469</v>
      </c>
      <c r="D2221" t="s">
        <v>8470</v>
      </c>
      <c r="E2221" t="s">
        <v>72</v>
      </c>
      <c r="F2221">
        <v>2496</v>
      </c>
      <c r="G2221">
        <v>129.16786858974359</v>
      </c>
      <c r="H2221">
        <v>130</v>
      </c>
      <c r="I2221">
        <v>5615.5138874442691</v>
      </c>
      <c r="J2221">
        <v>74.936732564505832</v>
      </c>
      <c r="K2221">
        <v>-2.9783516306910351E-2</v>
      </c>
      <c r="L2221">
        <v>-1.2409638052762719</v>
      </c>
      <c r="M2221">
        <v>7.9311583500726019</v>
      </c>
      <c r="N2221">
        <v>18</v>
      </c>
      <c r="O2221">
        <v>3</v>
      </c>
      <c r="P2221">
        <v>15</v>
      </c>
      <c r="Q2221">
        <v>2.967269367617305</v>
      </c>
      <c r="R2221">
        <v>5.4974600489273016</v>
      </c>
      <c r="S2221">
        <v>2</v>
      </c>
      <c r="T2221">
        <v>1</v>
      </c>
      <c r="U2221">
        <v>1</v>
      </c>
      <c r="V2221">
        <v>0.1233969927981247</v>
      </c>
      <c r="W2221">
        <v>7.8009301060924097</v>
      </c>
      <c r="X2221">
        <v>1</v>
      </c>
      <c r="Y2221">
        <v>1</v>
      </c>
      <c r="Z2221">
        <v>0</v>
      </c>
      <c r="AA2221">
        <v>0</v>
      </c>
      <c r="AB2221">
        <v>7.8216431262399846</v>
      </c>
      <c r="AC2221">
        <v>1</v>
      </c>
      <c r="AD2221">
        <v>1</v>
      </c>
      <c r="AE2221">
        <v>0</v>
      </c>
      <c r="AF2221">
        <v>0</v>
      </c>
      <c r="AG2221">
        <v>7.8212420835235577</v>
      </c>
      <c r="AH2221">
        <v>-2.4976870492493509E-2</v>
      </c>
      <c r="AI2221">
        <v>4.7923474856461082E-3</v>
      </c>
      <c r="AJ2221">
        <v>-1.1230007435621241E-2</v>
      </c>
      <c r="AK2221">
        <v>1.7111937325776629E-2</v>
      </c>
      <c r="AL2221">
        <v>3438.4536027886588</v>
      </c>
      <c r="AM2221">
        <v>6620.9869220131886</v>
      </c>
      <c r="AN2221">
        <v>322403</v>
      </c>
      <c r="AO2221">
        <v>155.24232059787161</v>
      </c>
      <c r="AP2221">
        <v>3095.8859758256031</v>
      </c>
      <c r="AQ2221">
        <v>1.0092147435897441</v>
      </c>
      <c r="AR2221">
        <v>4.0536858974358978</v>
      </c>
      <c r="AS2221">
        <v>2478</v>
      </c>
      <c r="AT2221">
        <v>231.17948717948721</v>
      </c>
      <c r="AU2221">
        <v>2.2228506787330241E-2</v>
      </c>
      <c r="AV2221">
        <v>-2.4991927772551131E-2</v>
      </c>
      <c r="AW2221">
        <v>0.36177884615384609</v>
      </c>
      <c r="AX2221">
        <v>88.347494989979964</v>
      </c>
      <c r="AY2221">
        <v>66</v>
      </c>
      <c r="AZ2221">
        <v>131.25</v>
      </c>
      <c r="BA2221">
        <v>0.58014995046884354</v>
      </c>
      <c r="BB2221">
        <v>0.50360576923076927</v>
      </c>
      <c r="BC2221">
        <v>5.3274998976733787</v>
      </c>
      <c r="BD2221" t="s">
        <v>8471</v>
      </c>
      <c r="BE2221" t="s">
        <v>62</v>
      </c>
    </row>
    <row r="2222" spans="1:57" x14ac:dyDescent="0.3">
      <c r="A2222" t="s">
        <v>8472</v>
      </c>
      <c r="B2222">
        <v>767</v>
      </c>
      <c r="C2222" t="s">
        <v>8473</v>
      </c>
      <c r="D2222" t="s">
        <v>8474</v>
      </c>
      <c r="E2222" t="s">
        <v>66</v>
      </c>
      <c r="F2222">
        <v>71</v>
      </c>
      <c r="G2222">
        <v>104.1549295774648</v>
      </c>
      <c r="H2222">
        <v>97</v>
      </c>
      <c r="I2222">
        <v>4448.8633207696876</v>
      </c>
      <c r="J2222">
        <v>66.699800005469939</v>
      </c>
      <c r="K2222">
        <v>0.231099081504372</v>
      </c>
      <c r="L2222">
        <v>-1.0486214643758951</v>
      </c>
      <c r="M2222">
        <v>5.8398879645750998</v>
      </c>
      <c r="N2222">
        <v>2</v>
      </c>
      <c r="O2222">
        <v>1</v>
      </c>
      <c r="P2222">
        <v>1</v>
      </c>
      <c r="Q2222">
        <v>0.38693955887479681</v>
      </c>
      <c r="R2222">
        <v>4.0479018774311921</v>
      </c>
      <c r="S2222">
        <v>1</v>
      </c>
      <c r="T2222">
        <v>1</v>
      </c>
      <c r="U2222">
        <v>0</v>
      </c>
      <c r="V2222">
        <v>0</v>
      </c>
      <c r="W2222">
        <v>4.2484952420493576</v>
      </c>
      <c r="X2222">
        <v>1</v>
      </c>
      <c r="Y2222">
        <v>1</v>
      </c>
      <c r="Z2222">
        <v>0</v>
      </c>
      <c r="AA2222">
        <v>0</v>
      </c>
      <c r="AB2222">
        <v>4.2341065045972579</v>
      </c>
      <c r="AC2222">
        <v>1</v>
      </c>
      <c r="AD2222">
        <v>1</v>
      </c>
      <c r="AE2222">
        <v>0</v>
      </c>
      <c r="AF2222">
        <v>0</v>
      </c>
      <c r="AG2222">
        <v>4.2195077051761087</v>
      </c>
      <c r="AH2222">
        <v>-6.833878089285246E-2</v>
      </c>
      <c r="AI2222">
        <v>9.553914221737711E-2</v>
      </c>
      <c r="AJ2222">
        <v>2.078836266437515E-3</v>
      </c>
      <c r="AK2222">
        <v>3.8793722744408433E-2</v>
      </c>
      <c r="AL2222">
        <v>596.5425039474635</v>
      </c>
      <c r="AM2222">
        <v>854.53615545750358</v>
      </c>
      <c r="AN2222">
        <v>7395</v>
      </c>
      <c r="AO2222">
        <v>63.849003201232428</v>
      </c>
      <c r="AP2222">
        <v>467.22024843980392</v>
      </c>
      <c r="AQ2222">
        <v>1.323943661971831</v>
      </c>
      <c r="AR2222">
        <v>3.605633802816901</v>
      </c>
      <c r="AS2222">
        <v>71</v>
      </c>
      <c r="AT2222">
        <v>7.5915492957746471</v>
      </c>
      <c r="AU2222">
        <v>0.16264788732394361</v>
      </c>
      <c r="AV2222">
        <v>-6.8813574897611321E-2</v>
      </c>
      <c r="AW2222">
        <v>0.43661971830985907</v>
      </c>
      <c r="AX2222">
        <v>80.114285714285714</v>
      </c>
      <c r="AY2222">
        <v>55</v>
      </c>
      <c r="AZ2222">
        <v>105</v>
      </c>
      <c r="BA2222">
        <v>0.64039023669890005</v>
      </c>
      <c r="BB2222">
        <v>0.46478873239436619</v>
      </c>
      <c r="BC2222">
        <v>4.1098658059373712</v>
      </c>
      <c r="BD2222" t="s">
        <v>8475</v>
      </c>
      <c r="BE2222" t="s">
        <v>68</v>
      </c>
    </row>
    <row r="2223" spans="1:57" x14ac:dyDescent="0.3">
      <c r="A2223" t="s">
        <v>8476</v>
      </c>
      <c r="B2223">
        <v>1966</v>
      </c>
      <c r="C2223" t="s">
        <v>8477</v>
      </c>
      <c r="D2223" t="s">
        <v>8478</v>
      </c>
      <c r="E2223" t="s">
        <v>98</v>
      </c>
      <c r="F2223">
        <v>16</v>
      </c>
      <c r="G2223">
        <v>153.25</v>
      </c>
      <c r="H2223">
        <v>149.5</v>
      </c>
      <c r="I2223">
        <v>5246.6875</v>
      </c>
      <c r="J2223">
        <v>72.43402170251214</v>
      </c>
      <c r="K2223">
        <v>-0.27519608605202961</v>
      </c>
      <c r="L2223">
        <v>-1.1288908433978511</v>
      </c>
      <c r="M2223">
        <v>4</v>
      </c>
      <c r="N2223">
        <v>1</v>
      </c>
      <c r="O2223">
        <v>1</v>
      </c>
      <c r="P2223">
        <v>0</v>
      </c>
      <c r="Q2223">
        <v>0</v>
      </c>
      <c r="R2223">
        <v>2.7725887222397811</v>
      </c>
      <c r="S2223">
        <v>1</v>
      </c>
      <c r="T2223">
        <v>1</v>
      </c>
      <c r="U2223">
        <v>0</v>
      </c>
      <c r="V2223">
        <v>0</v>
      </c>
      <c r="W2223">
        <v>2.7080502011022101</v>
      </c>
      <c r="X2223">
        <v>1</v>
      </c>
      <c r="Y2223">
        <v>1</v>
      </c>
      <c r="Z2223">
        <v>0</v>
      </c>
      <c r="AA2223">
        <v>0</v>
      </c>
      <c r="AB2223">
        <v>2.639057329615258</v>
      </c>
      <c r="AC2223">
        <v>1</v>
      </c>
      <c r="AD2223">
        <v>1</v>
      </c>
      <c r="AE2223">
        <v>0</v>
      </c>
      <c r="AF2223">
        <v>0</v>
      </c>
      <c r="AG2223">
        <v>2.5649493574615372</v>
      </c>
      <c r="AH2223">
        <v>-0.31510432177445291</v>
      </c>
      <c r="AI2223">
        <v>0.35037136526617979</v>
      </c>
      <c r="AJ2223">
        <v>-0.21920154978736581</v>
      </c>
      <c r="AK2223">
        <v>0.1000735583165569</v>
      </c>
      <c r="AL2223">
        <v>388.12986198095609</v>
      </c>
      <c r="AM2223">
        <v>555.94173277299853</v>
      </c>
      <c r="AN2223">
        <v>2452</v>
      </c>
      <c r="AO2223">
        <v>38.078865529319543</v>
      </c>
      <c r="AP2223">
        <v>243.86012621745701</v>
      </c>
      <c r="AQ2223">
        <v>2.3125</v>
      </c>
      <c r="AR2223">
        <v>4.5625</v>
      </c>
      <c r="AS2223">
        <v>16</v>
      </c>
      <c r="AT2223">
        <v>0</v>
      </c>
      <c r="AU2223">
        <v>0.1837649402390438</v>
      </c>
      <c r="AV2223">
        <v>-0.33711949662385948</v>
      </c>
      <c r="AW2223">
        <v>0.375</v>
      </c>
      <c r="AX2223">
        <v>97.733333333333334</v>
      </c>
      <c r="AY2223">
        <v>69.5</v>
      </c>
      <c r="AZ2223">
        <v>119</v>
      </c>
      <c r="BA2223">
        <v>0.47265267016321127</v>
      </c>
      <c r="BB2223">
        <v>0.5</v>
      </c>
      <c r="BC2223">
        <v>2.615630577027551</v>
      </c>
      <c r="BD2223" t="s">
        <v>8477</v>
      </c>
      <c r="BE2223" t="s">
        <v>62</v>
      </c>
    </row>
    <row r="2224" spans="1:57" x14ac:dyDescent="0.3">
      <c r="A2224" t="s">
        <v>8479</v>
      </c>
      <c r="B2224">
        <v>860</v>
      </c>
      <c r="C2224" t="s">
        <v>8480</v>
      </c>
      <c r="D2224" t="s">
        <v>8481</v>
      </c>
      <c r="E2224" t="s">
        <v>93</v>
      </c>
      <c r="F2224">
        <v>864</v>
      </c>
      <c r="G2224">
        <v>125.2708333333333</v>
      </c>
      <c r="H2224">
        <v>123</v>
      </c>
      <c r="I2224">
        <v>5795.6118344907409</v>
      </c>
      <c r="J2224">
        <v>76.128915889369793</v>
      </c>
      <c r="K2224">
        <v>1.7702380021084891E-2</v>
      </c>
      <c r="L2224">
        <v>-1.244350810499506</v>
      </c>
      <c r="M2224">
        <v>7.7891534029810643</v>
      </c>
      <c r="N2224">
        <v>9</v>
      </c>
      <c r="O2224">
        <v>1</v>
      </c>
      <c r="P2224">
        <v>8</v>
      </c>
      <c r="Q2224">
        <v>1.612279372483427</v>
      </c>
      <c r="R2224">
        <v>5.3990297202252453</v>
      </c>
      <c r="S2224">
        <v>2</v>
      </c>
      <c r="T2224">
        <v>1</v>
      </c>
      <c r="U2224">
        <v>1</v>
      </c>
      <c r="V2224">
        <v>0.1021155165368756</v>
      </c>
      <c r="W2224">
        <v>6.7459573918365212</v>
      </c>
      <c r="X2224">
        <v>1</v>
      </c>
      <c r="Y2224">
        <v>1</v>
      </c>
      <c r="Z2224">
        <v>0</v>
      </c>
      <c r="AA2224">
        <v>0</v>
      </c>
      <c r="AB2224">
        <v>6.7592552706636937</v>
      </c>
      <c r="AC2224">
        <v>1</v>
      </c>
      <c r="AD2224">
        <v>1</v>
      </c>
      <c r="AE2224">
        <v>0</v>
      </c>
      <c r="AF2224">
        <v>0</v>
      </c>
      <c r="AG2224">
        <v>6.7580945044277279</v>
      </c>
      <c r="AH2224">
        <v>3.7525395513194337E-2</v>
      </c>
      <c r="AI2224">
        <v>-7.2810024074023372E-2</v>
      </c>
      <c r="AJ2224">
        <v>1.4799393850785341E-2</v>
      </c>
      <c r="AK2224">
        <v>1.8453585160139709E-2</v>
      </c>
      <c r="AL2224">
        <v>2116.9534524061228</v>
      </c>
      <c r="AM2224">
        <v>3752.929533090889</v>
      </c>
      <c r="AN2224">
        <v>108234</v>
      </c>
      <c r="AO2224">
        <v>109.5872270833441</v>
      </c>
      <c r="AP2224">
        <v>1886.4985484528181</v>
      </c>
      <c r="AQ2224">
        <v>1.02662037037037</v>
      </c>
      <c r="AR2224">
        <v>3.9942129629629628</v>
      </c>
      <c r="AS2224">
        <v>859</v>
      </c>
      <c r="AT2224">
        <v>182.0694444444444</v>
      </c>
      <c r="AU2224">
        <v>2.9316448801742889E-2</v>
      </c>
      <c r="AV2224">
        <v>3.7531208206702277E-2</v>
      </c>
      <c r="AW2224">
        <v>0.36574074074074081</v>
      </c>
      <c r="AX2224">
        <v>86.603707995364999</v>
      </c>
      <c r="AY2224">
        <v>66</v>
      </c>
      <c r="AZ2224">
        <v>133</v>
      </c>
      <c r="BA2224">
        <v>0.60771461212202726</v>
      </c>
      <c r="BB2224">
        <v>0.49189814814814808</v>
      </c>
      <c r="BC2224">
        <v>5.218000127381611</v>
      </c>
      <c r="BD2224" t="s">
        <v>8482</v>
      </c>
      <c r="BE2224" t="s">
        <v>62</v>
      </c>
    </row>
    <row r="2225" spans="1:57" x14ac:dyDescent="0.3">
      <c r="A2225" t="s">
        <v>8483</v>
      </c>
      <c r="B2225">
        <v>2437</v>
      </c>
      <c r="C2225" t="s">
        <v>8484</v>
      </c>
      <c r="D2225" t="s">
        <v>8485</v>
      </c>
      <c r="E2225" t="s">
        <v>98</v>
      </c>
      <c r="F2225">
        <v>16</v>
      </c>
      <c r="G2225">
        <v>123.8125</v>
      </c>
      <c r="H2225">
        <v>140</v>
      </c>
      <c r="I2225">
        <v>4351.52734375</v>
      </c>
      <c r="J2225">
        <v>65.966107538265433</v>
      </c>
      <c r="K2225">
        <v>-0.37954079927218992</v>
      </c>
      <c r="L2225">
        <v>-1.27609268265257</v>
      </c>
      <c r="M2225">
        <v>3.875</v>
      </c>
      <c r="N2225">
        <v>2</v>
      </c>
      <c r="O2225">
        <v>1</v>
      </c>
      <c r="P2225">
        <v>1</v>
      </c>
      <c r="Q2225">
        <v>0.24944382578492949</v>
      </c>
      <c r="R2225">
        <v>2.6859453246697882</v>
      </c>
      <c r="S2225">
        <v>1</v>
      </c>
      <c r="T2225">
        <v>1</v>
      </c>
      <c r="U2225">
        <v>0</v>
      </c>
      <c r="V2225">
        <v>0</v>
      </c>
      <c r="W2225">
        <v>2.7080502011022101</v>
      </c>
      <c r="X2225">
        <v>1</v>
      </c>
      <c r="Y2225">
        <v>1</v>
      </c>
      <c r="Z2225">
        <v>0</v>
      </c>
      <c r="AA2225">
        <v>0</v>
      </c>
      <c r="AB2225">
        <v>2.639057329615258</v>
      </c>
      <c r="AC2225">
        <v>1</v>
      </c>
      <c r="AD2225">
        <v>1</v>
      </c>
      <c r="AE2225">
        <v>0</v>
      </c>
      <c r="AF2225">
        <v>0</v>
      </c>
      <c r="AG2225">
        <v>2.5649493574615372</v>
      </c>
      <c r="AH2225">
        <v>9.2633995696554103E-2</v>
      </c>
      <c r="AI2225">
        <v>-0.36619337588903322</v>
      </c>
      <c r="AJ2225">
        <v>0.45967982461258672</v>
      </c>
      <c r="AK2225">
        <v>0.33624721833479798</v>
      </c>
      <c r="AL2225">
        <v>347.5100909140557</v>
      </c>
      <c r="AM2225">
        <v>440.60610153844311</v>
      </c>
      <c r="AN2225">
        <v>1981</v>
      </c>
      <c r="AO2225">
        <v>94.308676444068624</v>
      </c>
      <c r="AP2225">
        <v>216.65741841480829</v>
      </c>
      <c r="AQ2225">
        <v>2.3125</v>
      </c>
      <c r="AR2225">
        <v>3.875</v>
      </c>
      <c r="AS2225">
        <v>16</v>
      </c>
      <c r="AT2225">
        <v>0.87499999999999989</v>
      </c>
      <c r="AU2225">
        <v>0.17119565217391311</v>
      </c>
      <c r="AV2225">
        <v>9.6582897042654825E-2</v>
      </c>
      <c r="AW2225">
        <v>0.25</v>
      </c>
      <c r="AX2225">
        <v>69.666666666666671</v>
      </c>
      <c r="AY2225">
        <v>54</v>
      </c>
      <c r="AZ2225">
        <v>108.25</v>
      </c>
      <c r="BA2225">
        <v>0.53279036880981667</v>
      </c>
      <c r="BB2225">
        <v>0.5625</v>
      </c>
      <c r="BC2225">
        <v>2.7080502011022101</v>
      </c>
      <c r="BD2225" t="s">
        <v>8484</v>
      </c>
      <c r="BE2225" t="s">
        <v>62</v>
      </c>
    </row>
    <row r="2226" spans="1:57" x14ac:dyDescent="0.3">
      <c r="A2226" t="s">
        <v>8486</v>
      </c>
      <c r="B2226">
        <v>1815</v>
      </c>
      <c r="C2226" t="s">
        <v>8487</v>
      </c>
      <c r="D2226" t="s">
        <v>8488</v>
      </c>
      <c r="E2226" t="s">
        <v>128</v>
      </c>
      <c r="F2226">
        <v>32</v>
      </c>
      <c r="G2226">
        <v>108.34375</v>
      </c>
      <c r="H2226">
        <v>92</v>
      </c>
      <c r="I2226">
        <v>4717.9130859375</v>
      </c>
      <c r="J2226">
        <v>68.687066365783153</v>
      </c>
      <c r="K2226">
        <v>0.54759317483725711</v>
      </c>
      <c r="L2226">
        <v>-0.69609622327508092</v>
      </c>
      <c r="M2226">
        <v>4.9375</v>
      </c>
      <c r="N2226">
        <v>2</v>
      </c>
      <c r="O2226">
        <v>1</v>
      </c>
      <c r="P2226">
        <v>1</v>
      </c>
      <c r="Q2226">
        <v>0.1766846959694085</v>
      </c>
      <c r="R2226">
        <v>3.422414204014729</v>
      </c>
      <c r="S2226">
        <v>1</v>
      </c>
      <c r="T2226">
        <v>1</v>
      </c>
      <c r="U2226">
        <v>0</v>
      </c>
      <c r="V2226">
        <v>0</v>
      </c>
      <c r="W2226">
        <v>3.4339872044851458</v>
      </c>
      <c r="X2226">
        <v>1</v>
      </c>
      <c r="Y2226">
        <v>1</v>
      </c>
      <c r="Z2226">
        <v>0</v>
      </c>
      <c r="AA2226">
        <v>0</v>
      </c>
      <c r="AB2226">
        <v>3.401197381662155</v>
      </c>
      <c r="AC2226">
        <v>1</v>
      </c>
      <c r="AD2226">
        <v>1</v>
      </c>
      <c r="AE2226">
        <v>0</v>
      </c>
      <c r="AF2226">
        <v>0</v>
      </c>
      <c r="AG2226">
        <v>3.3672958299864728</v>
      </c>
      <c r="AH2226">
        <v>0.15136236264378841</v>
      </c>
      <c r="AI2226">
        <v>7.0758708135942164E-2</v>
      </c>
      <c r="AJ2226">
        <v>-5.4762797592619393E-2</v>
      </c>
      <c r="AK2226">
        <v>-0.2834051512240478</v>
      </c>
      <c r="AL2226">
        <v>449.09598961481402</v>
      </c>
      <c r="AM2226">
        <v>570.01209821537191</v>
      </c>
      <c r="AN2226">
        <v>3467</v>
      </c>
      <c r="AO2226">
        <v>71.025453207412554</v>
      </c>
      <c r="AP2226">
        <v>361.32492713040079</v>
      </c>
      <c r="AQ2226">
        <v>1.65625</v>
      </c>
      <c r="AR2226">
        <v>3.90625</v>
      </c>
      <c r="AS2226">
        <v>32</v>
      </c>
      <c r="AT2226">
        <v>0.93749999999999978</v>
      </c>
      <c r="AU2226">
        <v>0.24473039215686279</v>
      </c>
      <c r="AV2226">
        <v>0.161610105503559</v>
      </c>
      <c r="AW2226">
        <v>0.53125</v>
      </c>
      <c r="AX2226">
        <v>71.161290322580641</v>
      </c>
      <c r="AY2226">
        <v>46</v>
      </c>
      <c r="AZ2226">
        <v>106.5</v>
      </c>
      <c r="BA2226">
        <v>0.63397349977071271</v>
      </c>
      <c r="BB2226">
        <v>0.40625</v>
      </c>
      <c r="BC2226">
        <v>3.2551105127277409</v>
      </c>
      <c r="BD2226" t="s">
        <v>8489</v>
      </c>
      <c r="BE2226" t="s">
        <v>62</v>
      </c>
    </row>
    <row r="2227" spans="1:57" x14ac:dyDescent="0.3">
      <c r="A2227" t="s">
        <v>8490</v>
      </c>
      <c r="B2227">
        <v>144</v>
      </c>
      <c r="C2227" t="s">
        <v>8491</v>
      </c>
      <c r="D2227" t="s">
        <v>8492</v>
      </c>
      <c r="E2227" t="s">
        <v>60</v>
      </c>
      <c r="F2227">
        <v>256</v>
      </c>
      <c r="G2227">
        <v>127.96875</v>
      </c>
      <c r="H2227">
        <v>123</v>
      </c>
      <c r="I2227">
        <v>5308.3896484375</v>
      </c>
      <c r="J2227">
        <v>72.858696450303725</v>
      </c>
      <c r="K2227">
        <v>4.0040772120501021E-2</v>
      </c>
      <c r="L2227">
        <v>-1.1823488564604401</v>
      </c>
      <c r="M2227">
        <v>7.1522155528242246</v>
      </c>
      <c r="N2227">
        <v>5</v>
      </c>
      <c r="O2227">
        <v>1</v>
      </c>
      <c r="P2227">
        <v>4</v>
      </c>
      <c r="Q2227">
        <v>0.81581806522123279</v>
      </c>
      <c r="R2227">
        <v>4.9575380451971016</v>
      </c>
      <c r="S2227">
        <v>2</v>
      </c>
      <c r="T2227">
        <v>1</v>
      </c>
      <c r="U2227">
        <v>1</v>
      </c>
      <c r="V2227">
        <v>6.2621943781838038E-2</v>
      </c>
      <c r="W2227">
        <v>5.5358270966834446</v>
      </c>
      <c r="X2227">
        <v>1</v>
      </c>
      <c r="Y2227">
        <v>1</v>
      </c>
      <c r="Z2227">
        <v>0</v>
      </c>
      <c r="AA2227">
        <v>0</v>
      </c>
      <c r="AB2227">
        <v>5.5373342670185366</v>
      </c>
      <c r="AC2227">
        <v>1</v>
      </c>
      <c r="AD2227">
        <v>1</v>
      </c>
      <c r="AE2227">
        <v>0</v>
      </c>
      <c r="AF2227">
        <v>0</v>
      </c>
      <c r="AG2227">
        <v>5.5333894887275203</v>
      </c>
      <c r="AH2227">
        <v>-0.15307162819656789</v>
      </c>
      <c r="AI2227">
        <v>-2.4392288594704981E-2</v>
      </c>
      <c r="AJ2227">
        <v>-3.018201850130919E-2</v>
      </c>
      <c r="AK2227">
        <v>-4.179010728383413E-2</v>
      </c>
      <c r="AL2227">
        <v>1161.079047192783</v>
      </c>
      <c r="AM2227">
        <v>2050.1462011695412</v>
      </c>
      <c r="AN2227">
        <v>32760</v>
      </c>
      <c r="AO2227">
        <v>91.713234699066206</v>
      </c>
      <c r="AP2227">
        <v>968.3612812446471</v>
      </c>
      <c r="AQ2227">
        <v>1.08984375</v>
      </c>
      <c r="AR2227">
        <v>4.0546875</v>
      </c>
      <c r="AS2227">
        <v>256</v>
      </c>
      <c r="AT2227">
        <v>65.726562499999986</v>
      </c>
      <c r="AU2227">
        <v>3.7239583333333333E-2</v>
      </c>
      <c r="AV2227">
        <v>-0.15337624916818821</v>
      </c>
      <c r="AW2227">
        <v>0.39453125</v>
      </c>
      <c r="AX2227">
        <v>92.388235294117649</v>
      </c>
      <c r="AY2227">
        <v>66</v>
      </c>
      <c r="AZ2227">
        <v>125.5</v>
      </c>
      <c r="BA2227">
        <v>0.56934756688882027</v>
      </c>
      <c r="BB2227">
        <v>0.484375</v>
      </c>
      <c r="BC2227">
        <v>4.8903513770802522</v>
      </c>
      <c r="BD2227" t="s">
        <v>8493</v>
      </c>
      <c r="BE2227" t="s">
        <v>62</v>
      </c>
    </row>
    <row r="2228" spans="1:57" x14ac:dyDescent="0.3">
      <c r="A2228" t="s">
        <v>8494</v>
      </c>
      <c r="B2228">
        <v>3692</v>
      </c>
      <c r="C2228" t="s">
        <v>8495</v>
      </c>
      <c r="D2228" t="s">
        <v>8496</v>
      </c>
      <c r="E2228" t="s">
        <v>98</v>
      </c>
      <c r="F2228">
        <v>16</v>
      </c>
      <c r="G2228">
        <v>112.25</v>
      </c>
      <c r="H2228">
        <v>94</v>
      </c>
      <c r="I2228">
        <v>6631.4375</v>
      </c>
      <c r="J2228">
        <v>81.433638626798441</v>
      </c>
      <c r="K2228">
        <v>9.3716826886021537E-2</v>
      </c>
      <c r="L2228">
        <v>-1.4223030874482929</v>
      </c>
      <c r="M2228">
        <v>3.875</v>
      </c>
      <c r="N2228">
        <v>2</v>
      </c>
      <c r="O2228">
        <v>1</v>
      </c>
      <c r="P2228">
        <v>1</v>
      </c>
      <c r="Q2228">
        <v>0.24944382578492949</v>
      </c>
      <c r="R2228">
        <v>2.6859453246697882</v>
      </c>
      <c r="S2228">
        <v>1</v>
      </c>
      <c r="T2228">
        <v>1</v>
      </c>
      <c r="U2228">
        <v>0</v>
      </c>
      <c r="V2228">
        <v>0</v>
      </c>
      <c r="W2228">
        <v>2.7080502011022101</v>
      </c>
      <c r="X2228">
        <v>1</v>
      </c>
      <c r="Y2228">
        <v>1</v>
      </c>
      <c r="Z2228">
        <v>0</v>
      </c>
      <c r="AA2228">
        <v>0</v>
      </c>
      <c r="AB2228">
        <v>2.639057329615258</v>
      </c>
      <c r="AC2228">
        <v>1</v>
      </c>
      <c r="AD2228">
        <v>1</v>
      </c>
      <c r="AE2228">
        <v>0</v>
      </c>
      <c r="AF2228">
        <v>0</v>
      </c>
      <c r="AG2228">
        <v>2.5649493574615372</v>
      </c>
      <c r="AH2228">
        <v>0.40277784322780702</v>
      </c>
      <c r="AI2228">
        <v>0.1017419394362082</v>
      </c>
      <c r="AJ2228">
        <v>-0.2077209174104408</v>
      </c>
      <c r="AK2228">
        <v>-7.3019848637644547E-2</v>
      </c>
      <c r="AL2228">
        <v>386.01079555613421</v>
      </c>
      <c r="AM2228">
        <v>398.37126617531078</v>
      </c>
      <c r="AN2228">
        <v>1796</v>
      </c>
      <c r="AO2228">
        <v>72.970097979983109</v>
      </c>
      <c r="AP2228">
        <v>273.05677065401619</v>
      </c>
      <c r="AQ2228">
        <v>2.25</v>
      </c>
      <c r="AR2228">
        <v>3.6875</v>
      </c>
      <c r="AS2228">
        <v>16</v>
      </c>
      <c r="AT2228">
        <v>0.87499999999999989</v>
      </c>
      <c r="AU2228">
        <v>0.19561688311688311</v>
      </c>
      <c r="AV2228">
        <v>0.4417811376352096</v>
      </c>
      <c r="AW2228">
        <v>0.25</v>
      </c>
      <c r="AX2228">
        <v>75.2</v>
      </c>
      <c r="AY2228">
        <v>82.5</v>
      </c>
      <c r="AZ2228">
        <v>156.25</v>
      </c>
      <c r="BA2228">
        <v>0.72546671382448502</v>
      </c>
      <c r="BB2228">
        <v>0.4375</v>
      </c>
      <c r="BC2228">
        <v>2.7080502011022101</v>
      </c>
      <c r="BD2228" t="s">
        <v>8495</v>
      </c>
      <c r="BE2228" t="s">
        <v>62</v>
      </c>
    </row>
    <row r="2229" spans="1:57" x14ac:dyDescent="0.3">
      <c r="A2229" t="s">
        <v>8497</v>
      </c>
      <c r="B2229">
        <v>3407</v>
      </c>
      <c r="C2229" t="s">
        <v>8498</v>
      </c>
      <c r="D2229" t="s">
        <v>8499</v>
      </c>
      <c r="E2229" t="s">
        <v>10622</v>
      </c>
      <c r="F2229">
        <v>64</v>
      </c>
      <c r="G2229">
        <v>124.15625</v>
      </c>
      <c r="H2229">
        <v>128</v>
      </c>
      <c r="I2229">
        <v>4894.9130859375</v>
      </c>
      <c r="J2229">
        <v>69.963655464373076</v>
      </c>
      <c r="K2229">
        <v>-1.450078369814257E-2</v>
      </c>
      <c r="L2229">
        <v>-1.090892977336281</v>
      </c>
      <c r="M2229">
        <v>5.75</v>
      </c>
      <c r="N2229">
        <v>2</v>
      </c>
      <c r="O2229">
        <v>1</v>
      </c>
      <c r="P2229">
        <v>1</v>
      </c>
      <c r="Q2229">
        <v>0.3499271061118826</v>
      </c>
      <c r="R2229">
        <v>3.985596288219686</v>
      </c>
      <c r="S2229">
        <v>1</v>
      </c>
      <c r="T2229">
        <v>1</v>
      </c>
      <c r="U2229">
        <v>0</v>
      </c>
      <c r="V2229">
        <v>0</v>
      </c>
      <c r="W2229">
        <v>4.1431347263915326</v>
      </c>
      <c r="X2229">
        <v>1</v>
      </c>
      <c r="Y2229">
        <v>1</v>
      </c>
      <c r="Z2229">
        <v>0</v>
      </c>
      <c r="AA2229">
        <v>0</v>
      </c>
      <c r="AB2229">
        <v>4.1271343850450908</v>
      </c>
      <c r="AC2229">
        <v>1</v>
      </c>
      <c r="AD2229">
        <v>1</v>
      </c>
      <c r="AE2229">
        <v>0</v>
      </c>
      <c r="AF2229">
        <v>0</v>
      </c>
      <c r="AG2229">
        <v>4.1108738641733096</v>
      </c>
      <c r="AH2229">
        <v>-3.9380984170029831E-2</v>
      </c>
      <c r="AI2229">
        <v>-0.24304344598216701</v>
      </c>
      <c r="AJ2229">
        <v>-1.4045782367137759E-2</v>
      </c>
      <c r="AK2229">
        <v>-0.14623807405487721</v>
      </c>
      <c r="AL2229">
        <v>612.08937765077565</v>
      </c>
      <c r="AM2229">
        <v>961.85580715982894</v>
      </c>
      <c r="AN2229">
        <v>7946</v>
      </c>
      <c r="AO2229">
        <v>52.753556665040051</v>
      </c>
      <c r="AP2229">
        <v>474.07272635904559</v>
      </c>
      <c r="AQ2229">
        <v>1.359375</v>
      </c>
      <c r="AR2229">
        <v>3.734375</v>
      </c>
      <c r="AS2229">
        <v>64</v>
      </c>
      <c r="AT2229">
        <v>6</v>
      </c>
      <c r="AU2229">
        <v>5.8830971659919018E-2</v>
      </c>
      <c r="AV2229">
        <v>-4.0230073249262768E-2</v>
      </c>
      <c r="AW2229">
        <v>0.390625</v>
      </c>
      <c r="AX2229">
        <v>85.825396825396822</v>
      </c>
      <c r="AY2229">
        <v>61</v>
      </c>
      <c r="AZ2229">
        <v>119.25</v>
      </c>
      <c r="BA2229">
        <v>0.56351295616912622</v>
      </c>
      <c r="BB2229">
        <v>0.515625</v>
      </c>
      <c r="BC2229">
        <v>3.9367871487114772</v>
      </c>
      <c r="BD2229" t="s">
        <v>8500</v>
      </c>
      <c r="BE2229" t="s">
        <v>62</v>
      </c>
    </row>
    <row r="2230" spans="1:57" x14ac:dyDescent="0.3">
      <c r="A2230" t="s">
        <v>8501</v>
      </c>
      <c r="B2230">
        <v>1184</v>
      </c>
      <c r="C2230" t="s">
        <v>8502</v>
      </c>
      <c r="D2230" t="s">
        <v>8503</v>
      </c>
      <c r="E2230" t="s">
        <v>93</v>
      </c>
      <c r="F2230">
        <v>1184</v>
      </c>
      <c r="G2230">
        <v>127.5726351351351</v>
      </c>
      <c r="H2230">
        <v>126.5</v>
      </c>
      <c r="I2230">
        <v>5369.3342511641704</v>
      </c>
      <c r="J2230">
        <v>73.275741218797435</v>
      </c>
      <c r="K2230">
        <v>1.2550019811821271E-2</v>
      </c>
      <c r="L2230">
        <v>-1.2043776905047749</v>
      </c>
      <c r="M2230">
        <v>7.8152671008373717</v>
      </c>
      <c r="N2230">
        <v>12</v>
      </c>
      <c r="O2230">
        <v>1</v>
      </c>
      <c r="P2230">
        <v>11</v>
      </c>
      <c r="Q2230">
        <v>2.1940389705479699</v>
      </c>
      <c r="R2230">
        <v>5.4171303562683262</v>
      </c>
      <c r="S2230">
        <v>2</v>
      </c>
      <c r="T2230">
        <v>1</v>
      </c>
      <c r="U2230">
        <v>1</v>
      </c>
      <c r="V2230">
        <v>0.1048220125784067</v>
      </c>
      <c r="W2230">
        <v>7.0605748600100364</v>
      </c>
      <c r="X2230">
        <v>1</v>
      </c>
      <c r="Y2230">
        <v>1</v>
      </c>
      <c r="Z2230">
        <v>0</v>
      </c>
      <c r="AA2230">
        <v>0</v>
      </c>
      <c r="AB2230">
        <v>7.074963197966043</v>
      </c>
      <c r="AC2230">
        <v>1</v>
      </c>
      <c r="AD2230">
        <v>1</v>
      </c>
      <c r="AE2230">
        <v>0</v>
      </c>
      <c r="AF2230">
        <v>0</v>
      </c>
      <c r="AG2230">
        <v>7.0741168161973622</v>
      </c>
      <c r="AH2230">
        <v>-1.2582273089642449E-2</v>
      </c>
      <c r="AI2230">
        <v>3.1982572830910479E-3</v>
      </c>
      <c r="AJ2230">
        <v>-1.3792485727056641E-2</v>
      </c>
      <c r="AK2230">
        <v>-9.9127512984540783E-3</v>
      </c>
      <c r="AL2230">
        <v>2371.5202105607068</v>
      </c>
      <c r="AM2230">
        <v>4472.4176784936026</v>
      </c>
      <c r="AN2230">
        <v>151046</v>
      </c>
      <c r="AO2230">
        <v>133.60209426217239</v>
      </c>
      <c r="AP2230">
        <v>2110.1399515669991</v>
      </c>
      <c r="AQ2230">
        <v>1.0194256756756761</v>
      </c>
      <c r="AR2230">
        <v>3.963682432432432</v>
      </c>
      <c r="AS2230">
        <v>1181</v>
      </c>
      <c r="AT2230">
        <v>258.18918918918922</v>
      </c>
      <c r="AU2230">
        <v>1.5600158982511939E-2</v>
      </c>
      <c r="AV2230">
        <v>-1.2589747769414031E-2</v>
      </c>
      <c r="AW2230">
        <v>0.38091216216216223</v>
      </c>
      <c r="AX2230">
        <v>85.15215553677092</v>
      </c>
      <c r="AY2230">
        <v>63.5</v>
      </c>
      <c r="AZ2230">
        <v>127</v>
      </c>
      <c r="BA2230">
        <v>0.57438447627250089</v>
      </c>
      <c r="BB2230">
        <v>0.49493243243243251</v>
      </c>
      <c r="BC2230">
        <v>5.2573995789212207</v>
      </c>
      <c r="BD2230" t="s">
        <v>8504</v>
      </c>
      <c r="BE2230" t="s">
        <v>62</v>
      </c>
    </row>
    <row r="2231" spans="1:57" x14ac:dyDescent="0.3">
      <c r="A2231" t="s">
        <v>8505</v>
      </c>
      <c r="B2231">
        <v>825</v>
      </c>
      <c r="C2231" t="s">
        <v>8506</v>
      </c>
      <c r="D2231" t="s">
        <v>8507</v>
      </c>
      <c r="E2231" t="s">
        <v>85</v>
      </c>
      <c r="F2231">
        <v>8</v>
      </c>
      <c r="G2231">
        <v>125.625</v>
      </c>
      <c r="H2231">
        <v>112.5</v>
      </c>
      <c r="I2231">
        <v>3694.984375</v>
      </c>
      <c r="J2231">
        <v>60.786383138002208</v>
      </c>
      <c r="K2231">
        <v>0.30287555995351312</v>
      </c>
      <c r="L2231">
        <v>-0.40023488707551991</v>
      </c>
      <c r="M2231">
        <v>3</v>
      </c>
      <c r="N2231">
        <v>1</v>
      </c>
      <c r="O2231">
        <v>1</v>
      </c>
      <c r="P2231">
        <v>0</v>
      </c>
      <c r="Q2231">
        <v>0</v>
      </c>
      <c r="R2231">
        <v>2.0794415416798362</v>
      </c>
      <c r="S2231">
        <v>1</v>
      </c>
      <c r="T2231">
        <v>1</v>
      </c>
      <c r="U2231">
        <v>0</v>
      </c>
      <c r="V2231">
        <v>0</v>
      </c>
      <c r="W2231">
        <v>1.945910149055313</v>
      </c>
      <c r="X2231">
        <v>1</v>
      </c>
      <c r="Y2231">
        <v>1</v>
      </c>
      <c r="Z2231">
        <v>0</v>
      </c>
      <c r="AA2231">
        <v>0</v>
      </c>
      <c r="AB2231">
        <v>1.791759469228055</v>
      </c>
      <c r="AC2231">
        <v>1</v>
      </c>
      <c r="AD2231">
        <v>1</v>
      </c>
      <c r="AE2231">
        <v>0</v>
      </c>
      <c r="AF2231">
        <v>0</v>
      </c>
      <c r="AG2231">
        <v>1.6094379124341009</v>
      </c>
      <c r="AH2231">
        <v>-0.17632485336964379</v>
      </c>
      <c r="AI2231">
        <v>-0.16943682102850571</v>
      </c>
      <c r="AJ2231">
        <v>-9.9305329437286191E-2</v>
      </c>
      <c r="AK2231">
        <v>0</v>
      </c>
      <c r="AL2231">
        <v>271.1583104060104</v>
      </c>
      <c r="AM2231">
        <v>286.85566178438552</v>
      </c>
      <c r="AN2231">
        <v>1005</v>
      </c>
      <c r="AO2231">
        <v>64.456075934342209</v>
      </c>
      <c r="AP2231">
        <v>195.58858284484961</v>
      </c>
      <c r="AQ2231">
        <v>3.5</v>
      </c>
      <c r="AR2231">
        <v>4.375</v>
      </c>
      <c r="AS2231">
        <v>8</v>
      </c>
      <c r="AT2231">
        <v>0</v>
      </c>
      <c r="AU2231">
        <v>0.30084745762711862</v>
      </c>
      <c r="AV2231">
        <v>-0.1785417111920799</v>
      </c>
      <c r="AW2231">
        <v>0.5</v>
      </c>
      <c r="AX2231">
        <v>84.714285714285708</v>
      </c>
      <c r="AY2231">
        <v>17</v>
      </c>
      <c r="AZ2231">
        <v>45.25</v>
      </c>
      <c r="BA2231">
        <v>0.48387170657116191</v>
      </c>
      <c r="BB2231">
        <v>0.375</v>
      </c>
      <c r="BC2231">
        <v>1.945910149055313</v>
      </c>
      <c r="BD2231" t="s">
        <v>8506</v>
      </c>
      <c r="BE2231" t="s">
        <v>68</v>
      </c>
    </row>
    <row r="2232" spans="1:57" x14ac:dyDescent="0.3">
      <c r="A2232" t="s">
        <v>8508</v>
      </c>
      <c r="B2232">
        <v>1225</v>
      </c>
      <c r="C2232" t="s">
        <v>8509</v>
      </c>
      <c r="D2232" t="s">
        <v>8510</v>
      </c>
      <c r="E2232" t="s">
        <v>66</v>
      </c>
      <c r="F2232">
        <v>72</v>
      </c>
      <c r="G2232">
        <v>108.5</v>
      </c>
      <c r="H2232">
        <v>107.5</v>
      </c>
      <c r="I2232">
        <v>5049.166666666667</v>
      </c>
      <c r="J2232">
        <v>71.057488462980928</v>
      </c>
      <c r="K2232">
        <v>0.1800913554538465</v>
      </c>
      <c r="L2232">
        <v>-1.052526971875638</v>
      </c>
      <c r="M2232">
        <v>5.8538848972456012</v>
      </c>
      <c r="N2232">
        <v>3</v>
      </c>
      <c r="O2232">
        <v>1</v>
      </c>
      <c r="P2232">
        <v>2</v>
      </c>
      <c r="Q2232">
        <v>0.42496660317428592</v>
      </c>
      <c r="R2232">
        <v>4.0576038118482307</v>
      </c>
      <c r="S2232">
        <v>2</v>
      </c>
      <c r="T2232">
        <v>1</v>
      </c>
      <c r="U2232">
        <v>1</v>
      </c>
      <c r="V2232">
        <v>0.16776575221435111</v>
      </c>
      <c r="W2232">
        <v>4.2236293316576567</v>
      </c>
      <c r="X2232">
        <v>2</v>
      </c>
      <c r="Y2232">
        <v>1</v>
      </c>
      <c r="Z2232">
        <v>1</v>
      </c>
      <c r="AA2232">
        <v>0.11951030798891769</v>
      </c>
      <c r="AB2232">
        <v>4.2286910368905044</v>
      </c>
      <c r="AC2232">
        <v>1</v>
      </c>
      <c r="AD2232">
        <v>1</v>
      </c>
      <c r="AE2232">
        <v>0</v>
      </c>
      <c r="AF2232">
        <v>0</v>
      </c>
      <c r="AG2232">
        <v>4.2341065045972579</v>
      </c>
      <c r="AH2232">
        <v>-3.2166336579193482E-2</v>
      </c>
      <c r="AI2232">
        <v>-8.9424822577983162E-2</v>
      </c>
      <c r="AJ2232">
        <v>-0.2206063981955218</v>
      </c>
      <c r="AK2232">
        <v>9.2925125158166907E-2</v>
      </c>
      <c r="AL2232">
        <v>653.93388243192589</v>
      </c>
      <c r="AM2232">
        <v>885.16240171366746</v>
      </c>
      <c r="AN2232">
        <v>7812</v>
      </c>
      <c r="AO2232">
        <v>113.30961272884539</v>
      </c>
      <c r="AP2232">
        <v>540.97277612141806</v>
      </c>
      <c r="AQ2232">
        <v>1.319444444444444</v>
      </c>
      <c r="AR2232">
        <v>3.541666666666667</v>
      </c>
      <c r="AS2232">
        <v>72</v>
      </c>
      <c r="AT2232">
        <v>9.3333333333333357</v>
      </c>
      <c r="AU2232">
        <v>0.126984126984127</v>
      </c>
      <c r="AV2232">
        <v>-3.2335452081406972E-2</v>
      </c>
      <c r="AW2232">
        <v>0.41666666666666669</v>
      </c>
      <c r="AX2232">
        <v>84.887323943661968</v>
      </c>
      <c r="AY2232">
        <v>59</v>
      </c>
      <c r="AZ2232">
        <v>116</v>
      </c>
      <c r="BA2232">
        <v>0.65490772776940942</v>
      </c>
      <c r="BB2232">
        <v>0.4861111111111111</v>
      </c>
      <c r="BC2232">
        <v>3.974586675024308</v>
      </c>
      <c r="BD2232" t="s">
        <v>8511</v>
      </c>
      <c r="BE2232" t="s">
        <v>68</v>
      </c>
    </row>
    <row r="2233" spans="1:57" x14ac:dyDescent="0.3">
      <c r="A2233" t="s">
        <v>8512</v>
      </c>
      <c r="B2233">
        <v>874</v>
      </c>
      <c r="C2233" t="s">
        <v>8513</v>
      </c>
      <c r="D2233" t="s">
        <v>8514</v>
      </c>
      <c r="E2233" t="s">
        <v>85</v>
      </c>
      <c r="F2233">
        <v>8</v>
      </c>
      <c r="G2233">
        <v>136.75</v>
      </c>
      <c r="H2233">
        <v>130.5</v>
      </c>
      <c r="I2233">
        <v>3103.4375</v>
      </c>
      <c r="J2233">
        <v>55.708504736709642</v>
      </c>
      <c r="K2233">
        <v>0.31030717207004699</v>
      </c>
      <c r="L2233">
        <v>-0.52736298058050535</v>
      </c>
      <c r="M2233">
        <v>3</v>
      </c>
      <c r="N2233">
        <v>1</v>
      </c>
      <c r="O2233">
        <v>1</v>
      </c>
      <c r="P2233">
        <v>0</v>
      </c>
      <c r="Q2233">
        <v>0</v>
      </c>
      <c r="R2233">
        <v>2.0794415416798362</v>
      </c>
      <c r="S2233">
        <v>1</v>
      </c>
      <c r="T2233">
        <v>1</v>
      </c>
      <c r="U2233">
        <v>0</v>
      </c>
      <c r="V2233">
        <v>0</v>
      </c>
      <c r="W2233">
        <v>1.945910149055313</v>
      </c>
      <c r="X2233">
        <v>1</v>
      </c>
      <c r="Y2233">
        <v>1</v>
      </c>
      <c r="Z2233">
        <v>0</v>
      </c>
      <c r="AA2233">
        <v>0</v>
      </c>
      <c r="AB2233">
        <v>1.791759469228055</v>
      </c>
      <c r="AC2233">
        <v>1</v>
      </c>
      <c r="AD2233">
        <v>1</v>
      </c>
      <c r="AE2233">
        <v>0</v>
      </c>
      <c r="AF2233">
        <v>0</v>
      </c>
      <c r="AG2233">
        <v>1.6094379124341009</v>
      </c>
      <c r="AH2233">
        <v>-5.3390897190615252E-2</v>
      </c>
      <c r="AI2233">
        <v>-0.44551908166347798</v>
      </c>
      <c r="AJ2233">
        <v>0.2980540731044205</v>
      </c>
      <c r="AK2233">
        <v>0</v>
      </c>
      <c r="AL2233">
        <v>273.16999957357211</v>
      </c>
      <c r="AM2233">
        <v>315.92744631160912</v>
      </c>
      <c r="AN2233">
        <v>1094</v>
      </c>
      <c r="AO2233">
        <v>105.449743888192</v>
      </c>
      <c r="AP2233">
        <v>128.05337745023229</v>
      </c>
      <c r="AQ2233">
        <v>3.5</v>
      </c>
      <c r="AR2233">
        <v>4.5</v>
      </c>
      <c r="AS2233">
        <v>8</v>
      </c>
      <c r="AT2233">
        <v>0</v>
      </c>
      <c r="AU2233">
        <v>0.30833333333333329</v>
      </c>
      <c r="AV2233">
        <v>-4.874765432705188E-2</v>
      </c>
      <c r="AW2233">
        <v>0.5</v>
      </c>
      <c r="AX2233">
        <v>70.571428571428569</v>
      </c>
      <c r="AY2233">
        <v>29</v>
      </c>
      <c r="AZ2233">
        <v>57.5</v>
      </c>
      <c r="BA2233">
        <v>0.40737480611853483</v>
      </c>
      <c r="BB2233">
        <v>0.5</v>
      </c>
      <c r="BC2233">
        <v>1.945910149055313</v>
      </c>
      <c r="BD2233" t="s">
        <v>8513</v>
      </c>
      <c r="BE2233" t="s">
        <v>68</v>
      </c>
    </row>
    <row r="2234" spans="1:57" x14ac:dyDescent="0.3">
      <c r="A2234" t="s">
        <v>8515</v>
      </c>
      <c r="B2234">
        <v>144</v>
      </c>
      <c r="C2234" t="s">
        <v>8516</v>
      </c>
      <c r="D2234" t="s">
        <v>8517</v>
      </c>
      <c r="E2234" t="s">
        <v>60</v>
      </c>
      <c r="F2234">
        <v>512</v>
      </c>
      <c r="G2234">
        <v>126.669921875</v>
      </c>
      <c r="H2234">
        <v>128</v>
      </c>
      <c r="I2234">
        <v>5569.3656578063956</v>
      </c>
      <c r="J2234">
        <v>74.628182731501624</v>
      </c>
      <c r="K2234">
        <v>-3.1988052077721853E-2</v>
      </c>
      <c r="L2234">
        <v>-1.227753368968252</v>
      </c>
      <c r="M2234">
        <v>7.5770749104207784</v>
      </c>
      <c r="N2234">
        <v>7</v>
      </c>
      <c r="O2234">
        <v>1</v>
      </c>
      <c r="P2234">
        <v>6</v>
      </c>
      <c r="Q2234">
        <v>1.2659853378903001</v>
      </c>
      <c r="R2234">
        <v>5.2520281110496612</v>
      </c>
      <c r="S2234">
        <v>2</v>
      </c>
      <c r="T2234">
        <v>1</v>
      </c>
      <c r="U2234">
        <v>1</v>
      </c>
      <c r="V2234">
        <v>6.2560641760670568E-2</v>
      </c>
      <c r="W2234">
        <v>6.2309437805711401</v>
      </c>
      <c r="X2234">
        <v>1</v>
      </c>
      <c r="Y2234">
        <v>1</v>
      </c>
      <c r="Z2234">
        <v>0</v>
      </c>
      <c r="AA2234">
        <v>0</v>
      </c>
      <c r="AB2234">
        <v>6.2344107257183694</v>
      </c>
      <c r="AC2234">
        <v>1</v>
      </c>
      <c r="AD2234">
        <v>1</v>
      </c>
      <c r="AE2234">
        <v>0</v>
      </c>
      <c r="AF2234">
        <v>0</v>
      </c>
      <c r="AG2234">
        <v>6.2324480165505216</v>
      </c>
      <c r="AH2234">
        <v>-1.5857229911563051E-2</v>
      </c>
      <c r="AI2234">
        <v>1.7869100703186761E-2</v>
      </c>
      <c r="AJ2234">
        <v>4.7018830385513133E-2</v>
      </c>
      <c r="AK2234">
        <v>-3.8430713836426378E-2</v>
      </c>
      <c r="AL2234">
        <v>1631.3103826212059</v>
      </c>
      <c r="AM2234">
        <v>2899.227385968934</v>
      </c>
      <c r="AN2234">
        <v>64855</v>
      </c>
      <c r="AO2234">
        <v>54.858350357518738</v>
      </c>
      <c r="AP2234">
        <v>1406.4554061717299</v>
      </c>
      <c r="AQ2234">
        <v>1.044921875</v>
      </c>
      <c r="AR2234">
        <v>3.98046875</v>
      </c>
      <c r="AS2234">
        <v>512</v>
      </c>
      <c r="AT2234">
        <v>150.1328125</v>
      </c>
      <c r="AU2234">
        <v>2.9764093137254921E-2</v>
      </c>
      <c r="AV2234">
        <v>-1.588838871279722E-2</v>
      </c>
      <c r="AW2234">
        <v>0.35546875</v>
      </c>
      <c r="AX2234">
        <v>88.534246575342465</v>
      </c>
      <c r="AY2234">
        <v>64.5</v>
      </c>
      <c r="AZ2234">
        <v>130.5</v>
      </c>
      <c r="BA2234">
        <v>0.58915472297477189</v>
      </c>
      <c r="BB2234">
        <v>0.505859375</v>
      </c>
      <c r="BC2234">
        <v>5.0882747562687047</v>
      </c>
      <c r="BD2234" t="s">
        <v>8518</v>
      </c>
      <c r="BE2234" t="s">
        <v>62</v>
      </c>
    </row>
    <row r="2235" spans="1:57" x14ac:dyDescent="0.3">
      <c r="A2235" t="s">
        <v>8519</v>
      </c>
      <c r="B2235">
        <v>3965</v>
      </c>
      <c r="C2235" t="s">
        <v>8520</v>
      </c>
      <c r="D2235" t="s">
        <v>8521</v>
      </c>
      <c r="E2235" t="s">
        <v>98</v>
      </c>
      <c r="F2235">
        <v>16</v>
      </c>
      <c r="G2235">
        <v>125.75</v>
      </c>
      <c r="H2235">
        <v>134</v>
      </c>
      <c r="I2235">
        <v>4519.5625</v>
      </c>
      <c r="J2235">
        <v>67.2276914671328</v>
      </c>
      <c r="K2235">
        <v>-6.4186589434496621E-2</v>
      </c>
      <c r="L2235">
        <v>-1.075504634835097</v>
      </c>
      <c r="M2235">
        <v>4</v>
      </c>
      <c r="N2235">
        <v>1</v>
      </c>
      <c r="O2235">
        <v>1</v>
      </c>
      <c r="P2235">
        <v>0</v>
      </c>
      <c r="Q2235">
        <v>0</v>
      </c>
      <c r="R2235">
        <v>2.7725887222397811</v>
      </c>
      <c r="S2235">
        <v>1</v>
      </c>
      <c r="T2235">
        <v>1</v>
      </c>
      <c r="U2235">
        <v>0</v>
      </c>
      <c r="V2235">
        <v>0</v>
      </c>
      <c r="W2235">
        <v>2.7080502011022101</v>
      </c>
      <c r="X2235">
        <v>1</v>
      </c>
      <c r="Y2235">
        <v>1</v>
      </c>
      <c r="Z2235">
        <v>0</v>
      </c>
      <c r="AA2235">
        <v>0</v>
      </c>
      <c r="AB2235">
        <v>2.639057329615258</v>
      </c>
      <c r="AC2235">
        <v>1</v>
      </c>
      <c r="AD2235">
        <v>1</v>
      </c>
      <c r="AE2235">
        <v>0</v>
      </c>
      <c r="AF2235">
        <v>0</v>
      </c>
      <c r="AG2235">
        <v>2.5649493574615372</v>
      </c>
      <c r="AH2235">
        <v>3.2002371634422579E-2</v>
      </c>
      <c r="AI2235">
        <v>-9.9520487325930329E-2</v>
      </c>
      <c r="AJ2235">
        <v>-0.3700968359769336</v>
      </c>
      <c r="AK2235">
        <v>6.7821484380401864E-2</v>
      </c>
      <c r="AL2235">
        <v>362.22873859474879</v>
      </c>
      <c r="AM2235">
        <v>440.58182093234069</v>
      </c>
      <c r="AN2235">
        <v>2012</v>
      </c>
      <c r="AO2235">
        <v>13.0384048104053</v>
      </c>
      <c r="AP2235">
        <v>287.36455509447052</v>
      </c>
      <c r="AQ2235">
        <v>2.3125</v>
      </c>
      <c r="AR2235">
        <v>4</v>
      </c>
      <c r="AS2235">
        <v>16</v>
      </c>
      <c r="AT2235">
        <v>0</v>
      </c>
      <c r="AU2235">
        <v>0.1165254237288136</v>
      </c>
      <c r="AV2235">
        <v>4.1821607957604583E-2</v>
      </c>
      <c r="AW2235">
        <v>0.3125</v>
      </c>
      <c r="AX2235">
        <v>73.266666666666666</v>
      </c>
      <c r="AY2235">
        <v>53</v>
      </c>
      <c r="AZ2235">
        <v>102.5</v>
      </c>
      <c r="BA2235">
        <v>0.53461384864519124</v>
      </c>
      <c r="BB2235">
        <v>0.5625</v>
      </c>
      <c r="BC2235">
        <v>2.7080502011022101</v>
      </c>
      <c r="BD2235" t="s">
        <v>8520</v>
      </c>
      <c r="BE2235" t="s">
        <v>62</v>
      </c>
    </row>
    <row r="2236" spans="1:57" x14ac:dyDescent="0.3">
      <c r="A2236" t="s">
        <v>8522</v>
      </c>
      <c r="B2236">
        <v>2766</v>
      </c>
      <c r="C2236" t="s">
        <v>8523</v>
      </c>
      <c r="D2236" t="s">
        <v>8524</v>
      </c>
      <c r="E2236" t="s">
        <v>115</v>
      </c>
      <c r="F2236">
        <v>2850</v>
      </c>
      <c r="G2236">
        <v>126.2814035087719</v>
      </c>
      <c r="H2236">
        <v>127</v>
      </c>
      <c r="I2236">
        <v>5506.2499348722686</v>
      </c>
      <c r="J2236">
        <v>74.204109959437346</v>
      </c>
      <c r="K2236">
        <v>2.4225935224022149E-2</v>
      </c>
      <c r="L2236">
        <v>-1.1985272396369391</v>
      </c>
      <c r="M2236">
        <v>7.9396878684918768</v>
      </c>
      <c r="N2236">
        <v>22</v>
      </c>
      <c r="O2236">
        <v>4</v>
      </c>
      <c r="P2236">
        <v>18</v>
      </c>
      <c r="Q2236">
        <v>3.1988061585291079</v>
      </c>
      <c r="R2236">
        <v>5.5033722605711439</v>
      </c>
      <c r="S2236">
        <v>3</v>
      </c>
      <c r="T2236">
        <v>1</v>
      </c>
      <c r="U2236">
        <v>2</v>
      </c>
      <c r="V2236">
        <v>0.13774432496052391</v>
      </c>
      <c r="W2236">
        <v>7.9300265235665188</v>
      </c>
      <c r="X2236">
        <v>2</v>
      </c>
      <c r="Y2236">
        <v>1</v>
      </c>
      <c r="Z2236">
        <v>1</v>
      </c>
      <c r="AA2236">
        <v>1.8738291068983691E-2</v>
      </c>
      <c r="AB2236">
        <v>7.9538855118713627</v>
      </c>
      <c r="AC2236">
        <v>1</v>
      </c>
      <c r="AD2236">
        <v>1</v>
      </c>
      <c r="AE2236">
        <v>0</v>
      </c>
      <c r="AF2236">
        <v>0</v>
      </c>
      <c r="AG2236">
        <v>7.9540210872780381</v>
      </c>
      <c r="AH2236">
        <v>7.3548400381383931E-3</v>
      </c>
      <c r="AI2236">
        <v>-1.516912118365046E-2</v>
      </c>
      <c r="AJ2236">
        <v>5.914786935176615E-3</v>
      </c>
      <c r="AK2236">
        <v>1.2659917361395811E-2</v>
      </c>
      <c r="AL2236">
        <v>3646.5573072884258</v>
      </c>
      <c r="AM2236">
        <v>6916.9618912251772</v>
      </c>
      <c r="AN2236">
        <v>359902</v>
      </c>
      <c r="AO2236">
        <v>129.22261419372691</v>
      </c>
      <c r="AP2236">
        <v>3308.5576791590311</v>
      </c>
      <c r="AQ2236">
        <v>1.008070175438597</v>
      </c>
      <c r="AR2236">
        <v>3.9757894736842099</v>
      </c>
      <c r="AS2236">
        <v>2842</v>
      </c>
      <c r="AT2236">
        <v>235.29403508771929</v>
      </c>
      <c r="AU2236">
        <v>1.5170278637770981E-2</v>
      </c>
      <c r="AV2236">
        <v>7.3557777996083127E-3</v>
      </c>
      <c r="AW2236">
        <v>0.36701754385964908</v>
      </c>
      <c r="AX2236">
        <v>85.116883116883116</v>
      </c>
      <c r="AY2236">
        <v>64</v>
      </c>
      <c r="AZ2236">
        <v>129</v>
      </c>
      <c r="BA2236">
        <v>0.58760916411800002</v>
      </c>
      <c r="BB2236">
        <v>0.50035087719298244</v>
      </c>
      <c r="BC2236">
        <v>5.3079730568255847</v>
      </c>
      <c r="BD2236" t="s">
        <v>8525</v>
      </c>
      <c r="BE2236" t="s">
        <v>68</v>
      </c>
    </row>
    <row r="2237" spans="1:57" x14ac:dyDescent="0.3">
      <c r="A2237" t="s">
        <v>8526</v>
      </c>
      <c r="B2237">
        <v>3949</v>
      </c>
      <c r="C2237" t="s">
        <v>8527</v>
      </c>
      <c r="D2237" t="s">
        <v>8528</v>
      </c>
      <c r="E2237" t="s">
        <v>115</v>
      </c>
      <c r="F2237">
        <v>4049</v>
      </c>
      <c r="G2237">
        <v>126.884909854285</v>
      </c>
      <c r="H2237">
        <v>127</v>
      </c>
      <c r="I2237">
        <v>5504.8615381556183</v>
      </c>
      <c r="J2237">
        <v>74.194754114799906</v>
      </c>
      <c r="K2237">
        <v>1.23246421927889E-2</v>
      </c>
      <c r="L2237">
        <v>-1.23039358639553</v>
      </c>
      <c r="M2237">
        <v>7.9504915688800057</v>
      </c>
      <c r="N2237">
        <v>24</v>
      </c>
      <c r="O2237">
        <v>6</v>
      </c>
      <c r="P2237">
        <v>18</v>
      </c>
      <c r="Q2237">
        <v>4.0918989583029708</v>
      </c>
      <c r="R2237">
        <v>5.5108608150347962</v>
      </c>
      <c r="S2237">
        <v>3</v>
      </c>
      <c r="T2237">
        <v>1</v>
      </c>
      <c r="U2237">
        <v>2</v>
      </c>
      <c r="V2237">
        <v>0.1813031327595194</v>
      </c>
      <c r="W2237">
        <v>8.2620974974560539</v>
      </c>
      <c r="X2237">
        <v>2</v>
      </c>
      <c r="Y2237">
        <v>1</v>
      </c>
      <c r="Z2237">
        <v>1</v>
      </c>
      <c r="AA2237">
        <v>1.571930659036861E-2</v>
      </c>
      <c r="AB2237">
        <v>8.3053885962321488</v>
      </c>
      <c r="AC2237">
        <v>1</v>
      </c>
      <c r="AD2237">
        <v>1</v>
      </c>
      <c r="AE2237">
        <v>0</v>
      </c>
      <c r="AF2237">
        <v>0</v>
      </c>
      <c r="AG2237">
        <v>8.3054840177276894</v>
      </c>
      <c r="AH2237">
        <v>1.0624038028429849E-2</v>
      </c>
      <c r="AI2237">
        <v>4.8707085756884124E-3</v>
      </c>
      <c r="AJ2237">
        <v>-2.1713797643808111E-2</v>
      </c>
      <c r="AK2237">
        <v>-1.2468265139334441E-2</v>
      </c>
      <c r="AL2237">
        <v>4320.1215731655266</v>
      </c>
      <c r="AM2237">
        <v>8295.4050288741073</v>
      </c>
      <c r="AN2237">
        <v>513757</v>
      </c>
      <c r="AO2237">
        <v>108.2468125542019</v>
      </c>
      <c r="AP2237">
        <v>3950.7517538060351</v>
      </c>
      <c r="AQ2237">
        <v>1.005680414917264</v>
      </c>
      <c r="AR2237">
        <v>4.0101259570264256</v>
      </c>
      <c r="AS2237">
        <v>4028</v>
      </c>
      <c r="AT2237">
        <v>271.00790318597183</v>
      </c>
      <c r="AU2237">
        <v>1.597586428989969E-2</v>
      </c>
      <c r="AV2237">
        <v>1.0628572539331591E-2</v>
      </c>
      <c r="AW2237">
        <v>0.37342553716967147</v>
      </c>
      <c r="AX2237">
        <v>85.161808300395251</v>
      </c>
      <c r="AY2237">
        <v>65</v>
      </c>
      <c r="AZ2237">
        <v>130</v>
      </c>
      <c r="BA2237">
        <v>0.58474056686492804</v>
      </c>
      <c r="BB2237">
        <v>0.50234625833539148</v>
      </c>
      <c r="BC2237">
        <v>5.321434294745595</v>
      </c>
      <c r="BD2237" t="s">
        <v>8529</v>
      </c>
      <c r="BE2237" t="s">
        <v>68</v>
      </c>
    </row>
    <row r="2238" spans="1:57" x14ac:dyDescent="0.3">
      <c r="A2238" t="s">
        <v>8530</v>
      </c>
      <c r="B2238">
        <v>3436</v>
      </c>
      <c r="C2238" t="s">
        <v>8531</v>
      </c>
      <c r="D2238" t="s">
        <v>8532</v>
      </c>
      <c r="E2238" t="s">
        <v>10622</v>
      </c>
      <c r="F2238">
        <v>64</v>
      </c>
      <c r="G2238">
        <v>117.5</v>
      </c>
      <c r="H2238">
        <v>111.5</v>
      </c>
      <c r="I2238">
        <v>5381.09375</v>
      </c>
      <c r="J2238">
        <v>73.355938750724192</v>
      </c>
      <c r="K2238">
        <v>0.13084274351280689</v>
      </c>
      <c r="L2238">
        <v>-1.1793663183127141</v>
      </c>
      <c r="M2238">
        <v>5.78125</v>
      </c>
      <c r="N2238">
        <v>2</v>
      </c>
      <c r="O2238">
        <v>1</v>
      </c>
      <c r="P2238">
        <v>1</v>
      </c>
      <c r="Q2238">
        <v>0.32821556024332821</v>
      </c>
      <c r="R2238">
        <v>4.0072571376121839</v>
      </c>
      <c r="S2238">
        <v>1</v>
      </c>
      <c r="T2238">
        <v>1</v>
      </c>
      <c r="U2238">
        <v>0</v>
      </c>
      <c r="V2238">
        <v>0</v>
      </c>
      <c r="W2238">
        <v>4.1431347263915326</v>
      </c>
      <c r="X2238">
        <v>1</v>
      </c>
      <c r="Y2238">
        <v>1</v>
      </c>
      <c r="Z2238">
        <v>0</v>
      </c>
      <c r="AA2238">
        <v>0</v>
      </c>
      <c r="AB2238">
        <v>4.1271343850450908</v>
      </c>
      <c r="AC2238">
        <v>1</v>
      </c>
      <c r="AD2238">
        <v>1</v>
      </c>
      <c r="AE2238">
        <v>0</v>
      </c>
      <c r="AF2238">
        <v>0</v>
      </c>
      <c r="AG2238">
        <v>4.1108738641733096</v>
      </c>
      <c r="AH2238">
        <v>-7.5691076976683411E-2</v>
      </c>
      <c r="AI2238">
        <v>-6.3581985539649818E-2</v>
      </c>
      <c r="AJ2238">
        <v>0.14590507854467319</v>
      </c>
      <c r="AK2238">
        <v>2.3403699294404601E-3</v>
      </c>
      <c r="AL2238">
        <v>625.50076253787597</v>
      </c>
      <c r="AM2238">
        <v>914.73427620513678</v>
      </c>
      <c r="AN2238">
        <v>7520</v>
      </c>
      <c r="AO2238">
        <v>10.767834368754951</v>
      </c>
      <c r="AP2238">
        <v>488.42713377857592</v>
      </c>
      <c r="AQ2238">
        <v>1.359375</v>
      </c>
      <c r="AR2238">
        <v>3.890625</v>
      </c>
      <c r="AS2238">
        <v>64</v>
      </c>
      <c r="AT2238">
        <v>5.46875</v>
      </c>
      <c r="AU2238">
        <v>8.167330677290835E-2</v>
      </c>
      <c r="AV2238">
        <v>-7.756324059995845E-2</v>
      </c>
      <c r="AW2238">
        <v>0.40625</v>
      </c>
      <c r="AX2238">
        <v>86.888888888888886</v>
      </c>
      <c r="AY2238">
        <v>59</v>
      </c>
      <c r="AZ2238">
        <v>119.75</v>
      </c>
      <c r="BA2238">
        <v>0.62430586170829094</v>
      </c>
      <c r="BB2238">
        <v>0.484375</v>
      </c>
      <c r="BC2238">
        <v>3.8321574069335611</v>
      </c>
      <c r="BD2238" t="s">
        <v>8533</v>
      </c>
      <c r="BE2238" t="s">
        <v>62</v>
      </c>
    </row>
    <row r="2239" spans="1:57" x14ac:dyDescent="0.3">
      <c r="A2239" t="s">
        <v>8534</v>
      </c>
      <c r="B2239">
        <v>1263</v>
      </c>
      <c r="C2239" t="s">
        <v>8535</v>
      </c>
      <c r="D2239" t="s">
        <v>8536</v>
      </c>
      <c r="E2239" t="s">
        <v>72</v>
      </c>
      <c r="F2239">
        <v>1264</v>
      </c>
      <c r="G2239">
        <v>127.370253164557</v>
      </c>
      <c r="H2239">
        <v>126</v>
      </c>
      <c r="I2239">
        <v>5458.0701910751486</v>
      </c>
      <c r="J2239">
        <v>73.878753312946131</v>
      </c>
      <c r="K2239">
        <v>4.3644080931503982E-3</v>
      </c>
      <c r="L2239">
        <v>-1.2221755303689199</v>
      </c>
      <c r="M2239">
        <v>7.8515135602516288</v>
      </c>
      <c r="N2239">
        <v>12</v>
      </c>
      <c r="O2239">
        <v>1</v>
      </c>
      <c r="P2239">
        <v>11</v>
      </c>
      <c r="Q2239">
        <v>2.18239434099167</v>
      </c>
      <c r="R2239">
        <v>5.4422544874165961</v>
      </c>
      <c r="S2239">
        <v>3</v>
      </c>
      <c r="T2239">
        <v>1</v>
      </c>
      <c r="U2239">
        <v>2</v>
      </c>
      <c r="V2239">
        <v>0.11262596172045269</v>
      </c>
      <c r="W2239">
        <v>7.1254641491126112</v>
      </c>
      <c r="X2239">
        <v>1</v>
      </c>
      <c r="Y2239">
        <v>1</v>
      </c>
      <c r="Z2239">
        <v>0</v>
      </c>
      <c r="AA2239">
        <v>0</v>
      </c>
      <c r="AB2239">
        <v>7.140453043101159</v>
      </c>
      <c r="AC2239">
        <v>1</v>
      </c>
      <c r="AD2239">
        <v>1</v>
      </c>
      <c r="AE2239">
        <v>0</v>
      </c>
      <c r="AF2239">
        <v>0</v>
      </c>
      <c r="AG2239">
        <v>7.1396603359649191</v>
      </c>
      <c r="AH2239">
        <v>3.384131618990812E-2</v>
      </c>
      <c r="AI2239">
        <v>-8.4634971448637603E-3</v>
      </c>
      <c r="AJ2239">
        <v>1.1702714085181989E-2</v>
      </c>
      <c r="AK2239">
        <v>-2.6620307807759851E-2</v>
      </c>
      <c r="AL2239">
        <v>2449.6845341423791</v>
      </c>
      <c r="AM2239">
        <v>4626.461680721417</v>
      </c>
      <c r="AN2239">
        <v>160996</v>
      </c>
      <c r="AO2239">
        <v>121.34379715566151</v>
      </c>
      <c r="AP2239">
        <v>2190.0145670929692</v>
      </c>
      <c r="AQ2239">
        <v>1.018196202531646</v>
      </c>
      <c r="AR2239">
        <v>4.0371835443037973</v>
      </c>
      <c r="AS2239">
        <v>1258</v>
      </c>
      <c r="AT2239">
        <v>245.0189873417722</v>
      </c>
      <c r="AU2239">
        <v>1.58941424671134E-2</v>
      </c>
      <c r="AV2239">
        <v>3.3865020622273888E-2</v>
      </c>
      <c r="AW2239">
        <v>0.38291139240506328</v>
      </c>
      <c r="AX2239">
        <v>83.422802850356291</v>
      </c>
      <c r="AY2239">
        <v>66</v>
      </c>
      <c r="AZ2239">
        <v>130.25</v>
      </c>
      <c r="BA2239">
        <v>0.580031455362642</v>
      </c>
      <c r="BB2239">
        <v>0.49050632911392411</v>
      </c>
      <c r="BC2239">
        <v>5.2471496142096701</v>
      </c>
      <c r="BD2239" t="s">
        <v>8537</v>
      </c>
      <c r="BE2239" t="s">
        <v>62</v>
      </c>
    </row>
    <row r="2240" spans="1:57" x14ac:dyDescent="0.3">
      <c r="A2240" t="s">
        <v>8538</v>
      </c>
      <c r="B2240">
        <v>1228</v>
      </c>
      <c r="C2240" t="s">
        <v>8539</v>
      </c>
      <c r="D2240" t="s">
        <v>8540</v>
      </c>
      <c r="E2240" t="s">
        <v>98</v>
      </c>
      <c r="F2240">
        <v>16</v>
      </c>
      <c r="G2240">
        <v>112.75</v>
      </c>
      <c r="H2240">
        <v>107</v>
      </c>
      <c r="I2240">
        <v>3837.5625</v>
      </c>
      <c r="J2240">
        <v>61.948062923710538</v>
      </c>
      <c r="K2240">
        <v>0.26702058691907399</v>
      </c>
      <c r="L2240">
        <v>-0.62937233563428041</v>
      </c>
      <c r="M2240">
        <v>3.875</v>
      </c>
      <c r="N2240">
        <v>2</v>
      </c>
      <c r="O2240">
        <v>1</v>
      </c>
      <c r="P2240">
        <v>1</v>
      </c>
      <c r="Q2240">
        <v>0.24944382578492941</v>
      </c>
      <c r="R2240">
        <v>2.6859453246697882</v>
      </c>
      <c r="S2240">
        <v>1</v>
      </c>
      <c r="T2240">
        <v>1</v>
      </c>
      <c r="U2240">
        <v>0</v>
      </c>
      <c r="V2240">
        <v>0</v>
      </c>
      <c r="W2240">
        <v>2.7080502011022101</v>
      </c>
      <c r="X2240">
        <v>1</v>
      </c>
      <c r="Y2240">
        <v>1</v>
      </c>
      <c r="Z2240">
        <v>0</v>
      </c>
      <c r="AA2240">
        <v>0</v>
      </c>
      <c r="AB2240">
        <v>2.639057329615258</v>
      </c>
      <c r="AC2240">
        <v>1</v>
      </c>
      <c r="AD2240">
        <v>1</v>
      </c>
      <c r="AE2240">
        <v>0</v>
      </c>
      <c r="AF2240">
        <v>0</v>
      </c>
      <c r="AG2240">
        <v>2.5649493574615372</v>
      </c>
      <c r="AH2240">
        <v>-0.32385567824628259</v>
      </c>
      <c r="AI2240">
        <v>-2.7941320173938539E-2</v>
      </c>
      <c r="AJ2240">
        <v>3.1305475480855362E-2</v>
      </c>
      <c r="AK2240">
        <v>0.1531469357176593</v>
      </c>
      <c r="AL2240">
        <v>336.72779906528922</v>
      </c>
      <c r="AM2240">
        <v>389.12258908555572</v>
      </c>
      <c r="AN2240">
        <v>1804</v>
      </c>
      <c r="AO2240">
        <v>96.886060110247101</v>
      </c>
      <c r="AP2240">
        <v>232.410657883993</v>
      </c>
      <c r="AQ2240">
        <v>2.25</v>
      </c>
      <c r="AR2240">
        <v>3.625</v>
      </c>
      <c r="AS2240">
        <v>16</v>
      </c>
      <c r="AT2240">
        <v>0.875</v>
      </c>
      <c r="AU2240">
        <v>0.22398068669527901</v>
      </c>
      <c r="AV2240">
        <v>-0.36097295352644171</v>
      </c>
      <c r="AW2240">
        <v>0.5625</v>
      </c>
      <c r="AX2240">
        <v>80</v>
      </c>
      <c r="AY2240">
        <v>35</v>
      </c>
      <c r="AZ2240">
        <v>66.75</v>
      </c>
      <c r="BA2240">
        <v>0.54942849599743271</v>
      </c>
      <c r="BB2240">
        <v>0.4375</v>
      </c>
      <c r="BC2240">
        <v>2.523210952952891</v>
      </c>
      <c r="BD2240" t="s">
        <v>8539</v>
      </c>
      <c r="BE2240" t="s">
        <v>62</v>
      </c>
    </row>
    <row r="2241" spans="1:57" x14ac:dyDescent="0.3">
      <c r="A2241" t="s">
        <v>8541</v>
      </c>
      <c r="B2241">
        <v>3730</v>
      </c>
      <c r="C2241" t="s">
        <v>8542</v>
      </c>
      <c r="D2241" t="s">
        <v>8543</v>
      </c>
      <c r="E2241" t="s">
        <v>106</v>
      </c>
      <c r="F2241">
        <v>3778</v>
      </c>
      <c r="G2241">
        <v>128.55479089465331</v>
      </c>
      <c r="H2241">
        <v>130</v>
      </c>
      <c r="I2241">
        <v>5522.5794489901546</v>
      </c>
      <c r="J2241">
        <v>74.314059564729448</v>
      </c>
      <c r="K2241">
        <v>-1.4838825070874679E-2</v>
      </c>
      <c r="L2241">
        <v>-1.1855173862172781</v>
      </c>
      <c r="M2241">
        <v>7.9501331619026301</v>
      </c>
      <c r="N2241">
        <v>26</v>
      </c>
      <c r="O2241">
        <v>6</v>
      </c>
      <c r="P2241">
        <v>20</v>
      </c>
      <c r="Q2241">
        <v>3.8603474862819991</v>
      </c>
      <c r="R2241">
        <v>5.5106123862489307</v>
      </c>
      <c r="S2241">
        <v>3</v>
      </c>
      <c r="T2241">
        <v>1</v>
      </c>
      <c r="U2241">
        <v>2</v>
      </c>
      <c r="V2241">
        <v>0.17293644724380661</v>
      </c>
      <c r="W2241">
        <v>8.1958058092816692</v>
      </c>
      <c r="X2241">
        <v>1</v>
      </c>
      <c r="Y2241">
        <v>1</v>
      </c>
      <c r="Z2241">
        <v>0</v>
      </c>
      <c r="AA2241">
        <v>0</v>
      </c>
      <c r="AB2241">
        <v>8.2364205272653876</v>
      </c>
      <c r="AC2241">
        <v>1</v>
      </c>
      <c r="AD2241">
        <v>1</v>
      </c>
      <c r="AE2241">
        <v>0</v>
      </c>
      <c r="AF2241">
        <v>0</v>
      </c>
      <c r="AG2241">
        <v>8.236155661683128</v>
      </c>
      <c r="AH2241">
        <v>-1.035234860058242E-2</v>
      </c>
      <c r="AI2241">
        <v>-2.3716427430031141E-2</v>
      </c>
      <c r="AJ2241">
        <v>-1.009300738663422E-2</v>
      </c>
      <c r="AK2241">
        <v>6.7033216072016118E-3</v>
      </c>
      <c r="AL2241">
        <v>4158.2923478518633</v>
      </c>
      <c r="AM2241">
        <v>8124.6169601893635</v>
      </c>
      <c r="AN2241">
        <v>485680</v>
      </c>
      <c r="AO2241">
        <v>26.330563081533239</v>
      </c>
      <c r="AP2241">
        <v>3752.6731092271812</v>
      </c>
      <c r="AQ2241">
        <v>1.006087877183695</v>
      </c>
      <c r="AR2241">
        <v>4.0132345156167286</v>
      </c>
      <c r="AS2241">
        <v>3765</v>
      </c>
      <c r="AT2241">
        <v>258.50608787718369</v>
      </c>
      <c r="AU2241">
        <v>1.460779123719369E-2</v>
      </c>
      <c r="AV2241">
        <v>-1.035326972386658E-2</v>
      </c>
      <c r="AW2241">
        <v>0.36156696664902072</v>
      </c>
      <c r="AX2241">
        <v>86.370664548583534</v>
      </c>
      <c r="AY2241">
        <v>64</v>
      </c>
      <c r="AZ2241">
        <v>128</v>
      </c>
      <c r="BA2241">
        <v>0.57807304611173582</v>
      </c>
      <c r="BB2241">
        <v>0.50555849655902596</v>
      </c>
      <c r="BC2241">
        <v>5.3326260561858358</v>
      </c>
      <c r="BD2241" t="s">
        <v>8544</v>
      </c>
      <c r="BE2241" t="s">
        <v>68</v>
      </c>
    </row>
    <row r="2242" spans="1:57" x14ac:dyDescent="0.3">
      <c r="A2242" t="s">
        <v>8545</v>
      </c>
      <c r="B2242">
        <v>786</v>
      </c>
      <c r="C2242" t="s">
        <v>8546</v>
      </c>
      <c r="D2242" t="s">
        <v>8547</v>
      </c>
      <c r="E2242" t="s">
        <v>128</v>
      </c>
      <c r="F2242">
        <v>32</v>
      </c>
      <c r="G2242">
        <v>119.6875</v>
      </c>
      <c r="H2242">
        <v>115.5</v>
      </c>
      <c r="I2242">
        <v>5753.71484375</v>
      </c>
      <c r="J2242">
        <v>75.853245439796439</v>
      </c>
      <c r="K2242">
        <v>0.31822267637038187</v>
      </c>
      <c r="L2242">
        <v>-1.122960696954421</v>
      </c>
      <c r="M2242">
        <v>4.875</v>
      </c>
      <c r="N2242">
        <v>2</v>
      </c>
      <c r="O2242">
        <v>1</v>
      </c>
      <c r="P2242">
        <v>1</v>
      </c>
      <c r="Q2242">
        <v>0.24944382578492941</v>
      </c>
      <c r="R2242">
        <v>3.3790925052297318</v>
      </c>
      <c r="S2242">
        <v>1</v>
      </c>
      <c r="T2242">
        <v>1</v>
      </c>
      <c r="U2242">
        <v>0</v>
      </c>
      <c r="V2242">
        <v>0</v>
      </c>
      <c r="W2242">
        <v>3.4339872044851458</v>
      </c>
      <c r="X2242">
        <v>1</v>
      </c>
      <c r="Y2242">
        <v>1</v>
      </c>
      <c r="Z2242">
        <v>0</v>
      </c>
      <c r="AA2242">
        <v>0</v>
      </c>
      <c r="AB2242">
        <v>3.401197381662155</v>
      </c>
      <c r="AC2242">
        <v>1</v>
      </c>
      <c r="AD2242">
        <v>1</v>
      </c>
      <c r="AE2242">
        <v>0</v>
      </c>
      <c r="AF2242">
        <v>0</v>
      </c>
      <c r="AG2242">
        <v>3.3672958299864728</v>
      </c>
      <c r="AH2242">
        <v>-0.28081876535607769</v>
      </c>
      <c r="AI2242">
        <v>7.4780449247802541E-2</v>
      </c>
      <c r="AJ2242">
        <v>-3.1222631472465821E-2</v>
      </c>
      <c r="AK2242">
        <v>0.18640619239879669</v>
      </c>
      <c r="AL2242">
        <v>494.75699057862857</v>
      </c>
      <c r="AM2242">
        <v>630.66434834512313</v>
      </c>
      <c r="AN2242">
        <v>3830</v>
      </c>
      <c r="AO2242">
        <v>95.509161864189764</v>
      </c>
      <c r="AP2242">
        <v>368.00184447806271</v>
      </c>
      <c r="AQ2242">
        <v>1.65625</v>
      </c>
      <c r="AR2242">
        <v>4.3125</v>
      </c>
      <c r="AS2242">
        <v>32</v>
      </c>
      <c r="AT2242">
        <v>1.75</v>
      </c>
      <c r="AU2242">
        <v>0.18233267716535431</v>
      </c>
      <c r="AV2242">
        <v>-0.28877045383828792</v>
      </c>
      <c r="AW2242">
        <v>0.40625</v>
      </c>
      <c r="AX2242">
        <v>102.741935483871</v>
      </c>
      <c r="AY2242">
        <v>60.5</v>
      </c>
      <c r="AZ2242">
        <v>122</v>
      </c>
      <c r="BA2242">
        <v>0.63376079740822089</v>
      </c>
      <c r="BB2242">
        <v>0.4375</v>
      </c>
      <c r="BC2242">
        <v>3.3892680315457948</v>
      </c>
      <c r="BD2242" t="s">
        <v>8548</v>
      </c>
      <c r="BE2242" t="s">
        <v>62</v>
      </c>
    </row>
    <row r="2243" spans="1:57" x14ac:dyDescent="0.3">
      <c r="A2243" t="s">
        <v>8549</v>
      </c>
      <c r="B2243">
        <v>3976</v>
      </c>
      <c r="C2243" t="s">
        <v>8550</v>
      </c>
      <c r="D2243" t="s">
        <v>8551</v>
      </c>
      <c r="E2243" t="s">
        <v>85</v>
      </c>
      <c r="F2243">
        <v>8</v>
      </c>
      <c r="G2243">
        <v>115.625</v>
      </c>
      <c r="H2243">
        <v>115</v>
      </c>
      <c r="I2243">
        <v>1913.234375</v>
      </c>
      <c r="J2243">
        <v>43.740534690376158</v>
      </c>
      <c r="K2243">
        <v>3.121871876117923E-2</v>
      </c>
      <c r="L2243">
        <v>-1.33433085014269</v>
      </c>
      <c r="M2243">
        <v>3</v>
      </c>
      <c r="N2243">
        <v>1</v>
      </c>
      <c r="O2243">
        <v>1</v>
      </c>
      <c r="P2243">
        <v>0</v>
      </c>
      <c r="Q2243">
        <v>0</v>
      </c>
      <c r="R2243">
        <v>2.0794415416798362</v>
      </c>
      <c r="S2243">
        <v>1</v>
      </c>
      <c r="T2243">
        <v>1</v>
      </c>
      <c r="U2243">
        <v>0</v>
      </c>
      <c r="V2243">
        <v>0</v>
      </c>
      <c r="W2243">
        <v>1.945910149055313</v>
      </c>
      <c r="X2243">
        <v>1</v>
      </c>
      <c r="Y2243">
        <v>1</v>
      </c>
      <c r="Z2243">
        <v>0</v>
      </c>
      <c r="AA2243">
        <v>0</v>
      </c>
      <c r="AB2243">
        <v>1.791759469228055</v>
      </c>
      <c r="AC2243">
        <v>1</v>
      </c>
      <c r="AD2243">
        <v>1</v>
      </c>
      <c r="AE2243">
        <v>0</v>
      </c>
      <c r="AF2243">
        <v>0</v>
      </c>
      <c r="AG2243">
        <v>1.6094379124341009</v>
      </c>
      <c r="AH2243">
        <v>-0.17145479268581509</v>
      </c>
      <c r="AI2243">
        <v>-0.72634078417601089</v>
      </c>
      <c r="AJ2243">
        <v>-0.19410540887077671</v>
      </c>
      <c r="AK2243">
        <v>0</v>
      </c>
      <c r="AL2243">
        <v>199.677239782768</v>
      </c>
      <c r="AM2243">
        <v>287.03309898465528</v>
      </c>
      <c r="AN2243">
        <v>925</v>
      </c>
      <c r="AO2243">
        <v>11.74709459786204</v>
      </c>
      <c r="AP2243">
        <v>74.242883621993556</v>
      </c>
      <c r="AQ2243">
        <v>3.5</v>
      </c>
      <c r="AR2243">
        <v>3.5</v>
      </c>
      <c r="AS2243">
        <v>8</v>
      </c>
      <c r="AT2243">
        <v>0</v>
      </c>
      <c r="AU2243">
        <v>0.27932960893854752</v>
      </c>
      <c r="AV2243">
        <v>-0.2110192003365266</v>
      </c>
      <c r="AW2243">
        <v>0.625</v>
      </c>
      <c r="AX2243">
        <v>63.428571428571431</v>
      </c>
      <c r="AY2243">
        <v>39</v>
      </c>
      <c r="AZ2243">
        <v>73</v>
      </c>
      <c r="BA2243">
        <v>0.37829651624109112</v>
      </c>
      <c r="BB2243">
        <v>0.5</v>
      </c>
      <c r="BC2243">
        <v>1.945910149055313</v>
      </c>
      <c r="BD2243" t="s">
        <v>8550</v>
      </c>
      <c r="BE2243" t="s">
        <v>68</v>
      </c>
    </row>
    <row r="2244" spans="1:57" x14ac:dyDescent="0.3">
      <c r="A2244" t="s">
        <v>8552</v>
      </c>
      <c r="B2244">
        <v>2407</v>
      </c>
      <c r="C2244" t="s">
        <v>8553</v>
      </c>
      <c r="D2244" t="s">
        <v>8554</v>
      </c>
      <c r="E2244" t="s">
        <v>85</v>
      </c>
      <c r="F2244">
        <v>8</v>
      </c>
      <c r="G2244">
        <v>99.75</v>
      </c>
      <c r="H2244">
        <v>103.5</v>
      </c>
      <c r="I2244">
        <v>3541.4375</v>
      </c>
      <c r="J2244">
        <v>59.509978154927943</v>
      </c>
      <c r="K2244">
        <v>-5.5291142314589967E-2</v>
      </c>
      <c r="L2244">
        <v>-1.8474002653099251</v>
      </c>
      <c r="M2244">
        <v>3</v>
      </c>
      <c r="N2244">
        <v>1</v>
      </c>
      <c r="O2244">
        <v>1</v>
      </c>
      <c r="P2244">
        <v>0</v>
      </c>
      <c r="Q2244">
        <v>0</v>
      </c>
      <c r="R2244">
        <v>2.0794415416798362</v>
      </c>
      <c r="S2244">
        <v>1</v>
      </c>
      <c r="T2244">
        <v>1</v>
      </c>
      <c r="U2244">
        <v>0</v>
      </c>
      <c r="V2244">
        <v>0</v>
      </c>
      <c r="W2244">
        <v>1.945910149055313</v>
      </c>
      <c r="X2244">
        <v>1</v>
      </c>
      <c r="Y2244">
        <v>1</v>
      </c>
      <c r="Z2244">
        <v>0</v>
      </c>
      <c r="AA2244">
        <v>0</v>
      </c>
      <c r="AB2244">
        <v>1.791759469228055</v>
      </c>
      <c r="AC2244">
        <v>1</v>
      </c>
      <c r="AD2244">
        <v>1</v>
      </c>
      <c r="AE2244">
        <v>0</v>
      </c>
      <c r="AF2244">
        <v>0</v>
      </c>
      <c r="AG2244">
        <v>1.6094379124341009</v>
      </c>
      <c r="AH2244">
        <v>-0.1070650159716217</v>
      </c>
      <c r="AI2244">
        <v>-9.6866561954008792E-2</v>
      </c>
      <c r="AJ2244">
        <v>-0.12851640400261191</v>
      </c>
      <c r="AK2244">
        <v>0</v>
      </c>
      <c r="AL2244">
        <v>246.63190688155561</v>
      </c>
      <c r="AM2244">
        <v>217.036177878177</v>
      </c>
      <c r="AN2244">
        <v>798</v>
      </c>
      <c r="AO2244">
        <v>70.396593666343378</v>
      </c>
      <c r="AP2244">
        <v>196.06551692993949</v>
      </c>
      <c r="AQ2244">
        <v>3.5</v>
      </c>
      <c r="AR2244">
        <v>3.625</v>
      </c>
      <c r="AS2244">
        <v>8</v>
      </c>
      <c r="AT2244">
        <v>0</v>
      </c>
      <c r="AU2244">
        <v>0.29411764705882348</v>
      </c>
      <c r="AV2244">
        <v>-0.12701092645940709</v>
      </c>
      <c r="AW2244">
        <v>0.25</v>
      </c>
      <c r="AX2244">
        <v>76.142857142857139</v>
      </c>
      <c r="AY2244">
        <v>55.5</v>
      </c>
      <c r="AZ2244">
        <v>114</v>
      </c>
      <c r="BA2244">
        <v>0.59659125969852567</v>
      </c>
      <c r="BB2244">
        <v>0.5</v>
      </c>
      <c r="BC2244">
        <v>1.945910149055313</v>
      </c>
      <c r="BD2244" t="s">
        <v>8553</v>
      </c>
      <c r="BE2244" t="s">
        <v>68</v>
      </c>
    </row>
    <row r="2245" spans="1:57" x14ac:dyDescent="0.3">
      <c r="A2245" t="s">
        <v>8555</v>
      </c>
      <c r="B2245">
        <v>1984</v>
      </c>
      <c r="C2245" t="s">
        <v>8556</v>
      </c>
      <c r="D2245" t="s">
        <v>8557</v>
      </c>
      <c r="E2245" t="s">
        <v>98</v>
      </c>
      <c r="F2245">
        <v>16</v>
      </c>
      <c r="G2245">
        <v>106.5</v>
      </c>
      <c r="H2245">
        <v>81.5</v>
      </c>
      <c r="I2245">
        <v>6393.75</v>
      </c>
      <c r="J2245">
        <v>79.960927958597381</v>
      </c>
      <c r="K2245">
        <v>0.72789069280690988</v>
      </c>
      <c r="L2245">
        <v>-0.75952307255699569</v>
      </c>
      <c r="M2245">
        <v>4</v>
      </c>
      <c r="N2245">
        <v>1</v>
      </c>
      <c r="O2245">
        <v>1</v>
      </c>
      <c r="P2245">
        <v>0</v>
      </c>
      <c r="Q2245">
        <v>0</v>
      </c>
      <c r="R2245">
        <v>2.7725887222397811</v>
      </c>
      <c r="S2245">
        <v>1</v>
      </c>
      <c r="T2245">
        <v>1</v>
      </c>
      <c r="U2245">
        <v>0</v>
      </c>
      <c r="V2245">
        <v>0</v>
      </c>
      <c r="W2245">
        <v>2.7080502011022101</v>
      </c>
      <c r="X2245">
        <v>1</v>
      </c>
      <c r="Y2245">
        <v>1</v>
      </c>
      <c r="Z2245">
        <v>0</v>
      </c>
      <c r="AA2245">
        <v>0</v>
      </c>
      <c r="AB2245">
        <v>2.639057329615258</v>
      </c>
      <c r="AC2245">
        <v>1</v>
      </c>
      <c r="AD2245">
        <v>1</v>
      </c>
      <c r="AE2245">
        <v>0</v>
      </c>
      <c r="AF2245">
        <v>0</v>
      </c>
      <c r="AG2245">
        <v>2.5649493574615372</v>
      </c>
      <c r="AH2245">
        <v>-0.42836999022482891</v>
      </c>
      <c r="AI2245">
        <v>0.39864125122189642</v>
      </c>
      <c r="AJ2245">
        <v>-8.3211143695014669E-3</v>
      </c>
      <c r="AK2245">
        <v>-0.25268817204301081</v>
      </c>
      <c r="AL2245">
        <v>321.83362750833101</v>
      </c>
      <c r="AM2245">
        <v>424.49866455011238</v>
      </c>
      <c r="AN2245">
        <v>1704</v>
      </c>
      <c r="AO2245">
        <v>38.910152916687437</v>
      </c>
      <c r="AP2245">
        <v>136.09887133482269</v>
      </c>
      <c r="AQ2245">
        <v>2.25</v>
      </c>
      <c r="AR2245">
        <v>4.125</v>
      </c>
      <c r="AS2245">
        <v>16</v>
      </c>
      <c r="AT2245">
        <v>0</v>
      </c>
      <c r="AU2245">
        <v>0.30088932806324109</v>
      </c>
      <c r="AV2245">
        <v>-0.44185725492827982</v>
      </c>
      <c r="AW2245">
        <v>0.5</v>
      </c>
      <c r="AX2245">
        <v>116</v>
      </c>
      <c r="AY2245">
        <v>49.5</v>
      </c>
      <c r="AZ2245">
        <v>104.75</v>
      </c>
      <c r="BA2245">
        <v>0.75080683529199421</v>
      </c>
      <c r="BB2245">
        <v>0.375</v>
      </c>
      <c r="BC2245">
        <v>2.615630577027551</v>
      </c>
      <c r="BD2245" t="s">
        <v>8556</v>
      </c>
      <c r="BE2245" t="s">
        <v>62</v>
      </c>
    </row>
    <row r="2246" spans="1:57" x14ac:dyDescent="0.3">
      <c r="A2246" t="s">
        <v>8558</v>
      </c>
      <c r="B2246">
        <v>1812</v>
      </c>
      <c r="C2246" t="s">
        <v>8559</v>
      </c>
      <c r="D2246" t="s">
        <v>8560</v>
      </c>
      <c r="E2246" t="s">
        <v>115</v>
      </c>
      <c r="F2246">
        <v>1858</v>
      </c>
      <c r="G2246">
        <v>128.3627556512379</v>
      </c>
      <c r="H2246">
        <v>127</v>
      </c>
      <c r="I2246">
        <v>5399.5228755064936</v>
      </c>
      <c r="J2246">
        <v>73.481445790801459</v>
      </c>
      <c r="K2246">
        <v>-7.2402635759040287E-3</v>
      </c>
      <c r="L2246">
        <v>-1.182600152568235</v>
      </c>
      <c r="M2246">
        <v>7.8983815557820147</v>
      </c>
      <c r="N2246">
        <v>16</v>
      </c>
      <c r="O2246">
        <v>1</v>
      </c>
      <c r="P2246">
        <v>15</v>
      </c>
      <c r="Q2246">
        <v>2.5876776059143811</v>
      </c>
      <c r="R2246">
        <v>5.4747409063769714</v>
      </c>
      <c r="S2246">
        <v>2</v>
      </c>
      <c r="T2246">
        <v>1</v>
      </c>
      <c r="U2246">
        <v>1</v>
      </c>
      <c r="V2246">
        <v>0.1037727450770792</v>
      </c>
      <c r="W2246">
        <v>7.5117870889658498</v>
      </c>
      <c r="X2246">
        <v>1</v>
      </c>
      <c r="Y2246">
        <v>1</v>
      </c>
      <c r="Z2246">
        <v>0</v>
      </c>
      <c r="AA2246">
        <v>0</v>
      </c>
      <c r="AB2246">
        <v>7.5261789133461452</v>
      </c>
      <c r="AC2246">
        <v>1</v>
      </c>
      <c r="AD2246">
        <v>1</v>
      </c>
      <c r="AE2246">
        <v>0</v>
      </c>
      <c r="AF2246">
        <v>0</v>
      </c>
      <c r="AG2246">
        <v>7.5256399750415337</v>
      </c>
      <c r="AH2246">
        <v>-6.969291645022099E-3</v>
      </c>
      <c r="AI2246">
        <v>1.469551906675131E-2</v>
      </c>
      <c r="AJ2246">
        <v>2.86195843349192E-2</v>
      </c>
      <c r="AK2246">
        <v>-1.366823867542484E-2</v>
      </c>
      <c r="AL2246">
        <v>2941.6741188832061</v>
      </c>
      <c r="AM2246">
        <v>5656.246757196217</v>
      </c>
      <c r="AN2246">
        <v>238498</v>
      </c>
      <c r="AO2246">
        <v>119.6210666842059</v>
      </c>
      <c r="AP2246">
        <v>2651.4108121545519</v>
      </c>
      <c r="AQ2246">
        <v>1.0123789020452101</v>
      </c>
      <c r="AR2246">
        <v>4.0479009687836376</v>
      </c>
      <c r="AS2246">
        <v>1848</v>
      </c>
      <c r="AT2246">
        <v>232.51022604951561</v>
      </c>
      <c r="AU2246">
        <v>1.4240486291394929E-2</v>
      </c>
      <c r="AV2246">
        <v>-6.9708796612749698E-3</v>
      </c>
      <c r="AW2246">
        <v>0.37782561894510219</v>
      </c>
      <c r="AX2246">
        <v>85.548734518039851</v>
      </c>
      <c r="AY2246">
        <v>63.5</v>
      </c>
      <c r="AZ2246">
        <v>127</v>
      </c>
      <c r="BA2246">
        <v>0.57245145149774479</v>
      </c>
      <c r="BB2246">
        <v>0.49354144241119491</v>
      </c>
      <c r="BC2246">
        <v>5.2839249394350141</v>
      </c>
      <c r="BD2246" t="s">
        <v>8561</v>
      </c>
      <c r="BE2246" t="s">
        <v>68</v>
      </c>
    </row>
    <row r="2247" spans="1:57" x14ac:dyDescent="0.3">
      <c r="A2247" t="s">
        <v>8562</v>
      </c>
      <c r="B2247">
        <v>2057</v>
      </c>
      <c r="C2247" t="s">
        <v>8563</v>
      </c>
      <c r="D2247" t="s">
        <v>8564</v>
      </c>
      <c r="E2247" t="s">
        <v>10622</v>
      </c>
      <c r="F2247">
        <v>64</v>
      </c>
      <c r="G2247">
        <v>128.1875</v>
      </c>
      <c r="H2247">
        <v>130</v>
      </c>
      <c r="I2247">
        <v>4411.65234375</v>
      </c>
      <c r="J2247">
        <v>66.420270578717151</v>
      </c>
      <c r="K2247">
        <v>0.10992679606871859</v>
      </c>
      <c r="L2247">
        <v>-1.191742588875782</v>
      </c>
      <c r="M2247">
        <v>5.613204882778696</v>
      </c>
      <c r="N2247">
        <v>3</v>
      </c>
      <c r="O2247">
        <v>1</v>
      </c>
      <c r="P2247">
        <v>2</v>
      </c>
      <c r="Q2247">
        <v>0.46473253744594512</v>
      </c>
      <c r="R2247">
        <v>3.8907771384033718</v>
      </c>
      <c r="S2247">
        <v>1</v>
      </c>
      <c r="T2247">
        <v>1</v>
      </c>
      <c r="U2247">
        <v>0</v>
      </c>
      <c r="V2247">
        <v>0</v>
      </c>
      <c r="W2247">
        <v>4.1431347263915326</v>
      </c>
      <c r="X2247">
        <v>1</v>
      </c>
      <c r="Y2247">
        <v>1</v>
      </c>
      <c r="Z2247">
        <v>0</v>
      </c>
      <c r="AA2247">
        <v>0</v>
      </c>
      <c r="AB2247">
        <v>4.1271343850450908</v>
      </c>
      <c r="AC2247">
        <v>1</v>
      </c>
      <c r="AD2247">
        <v>1</v>
      </c>
      <c r="AE2247">
        <v>0</v>
      </c>
      <c r="AF2247">
        <v>0</v>
      </c>
      <c r="AG2247">
        <v>4.1108738641733096</v>
      </c>
      <c r="AH2247">
        <v>8.1093490317279429E-2</v>
      </c>
      <c r="AI2247">
        <v>-0.2182723055420526</v>
      </c>
      <c r="AJ2247">
        <v>-1.8046537910522829E-2</v>
      </c>
      <c r="AK2247">
        <v>6.6337936289106534E-3</v>
      </c>
      <c r="AL2247">
        <v>592.13464136861637</v>
      </c>
      <c r="AM2247">
        <v>991.65143396823657</v>
      </c>
      <c r="AN2247">
        <v>8204</v>
      </c>
      <c r="AO2247">
        <v>92</v>
      </c>
      <c r="AP2247">
        <v>393.21625324704922</v>
      </c>
      <c r="AQ2247">
        <v>1.359375</v>
      </c>
      <c r="AR2247">
        <v>3.859375</v>
      </c>
      <c r="AS2247">
        <v>64</v>
      </c>
      <c r="AT2247">
        <v>9.1249999999999964</v>
      </c>
      <c r="AU2247">
        <v>0.1205357142857143</v>
      </c>
      <c r="AV2247">
        <v>8.2001505839276026E-2</v>
      </c>
      <c r="AW2247">
        <v>0.421875</v>
      </c>
      <c r="AX2247">
        <v>75.317460317460316</v>
      </c>
      <c r="AY2247">
        <v>62</v>
      </c>
      <c r="AZ2247">
        <v>121</v>
      </c>
      <c r="BA2247">
        <v>0.51814935605045076</v>
      </c>
      <c r="BB2247">
        <v>0.515625</v>
      </c>
      <c r="BC2247">
        <v>3.8624676054237912</v>
      </c>
      <c r="BD2247" t="s">
        <v>8565</v>
      </c>
      <c r="BE2247" t="s">
        <v>62</v>
      </c>
    </row>
    <row r="2248" spans="1:57" x14ac:dyDescent="0.3">
      <c r="A2248" t="s">
        <v>8566</v>
      </c>
      <c r="B2248">
        <v>1770</v>
      </c>
      <c r="C2248" t="s">
        <v>8567</v>
      </c>
      <c r="D2248" t="s">
        <v>8568</v>
      </c>
      <c r="E2248" t="s">
        <v>128</v>
      </c>
      <c r="F2248">
        <v>32</v>
      </c>
      <c r="G2248">
        <v>139.9375</v>
      </c>
      <c r="H2248">
        <v>152.5</v>
      </c>
      <c r="I2248">
        <v>5937.30859375</v>
      </c>
      <c r="J2248">
        <v>77.053933019346914</v>
      </c>
      <c r="K2248">
        <v>-0.43099678809429331</v>
      </c>
      <c r="L2248">
        <v>-0.91850809923092269</v>
      </c>
      <c r="M2248">
        <v>5</v>
      </c>
      <c r="N2248">
        <v>1</v>
      </c>
      <c r="O2248">
        <v>1</v>
      </c>
      <c r="P2248">
        <v>0</v>
      </c>
      <c r="Q2248">
        <v>0</v>
      </c>
      <c r="R2248">
        <v>3.465735902799727</v>
      </c>
      <c r="S2248">
        <v>1</v>
      </c>
      <c r="T2248">
        <v>1</v>
      </c>
      <c r="U2248">
        <v>0</v>
      </c>
      <c r="V2248">
        <v>0</v>
      </c>
      <c r="W2248">
        <v>3.4339872044851458</v>
      </c>
      <c r="X2248">
        <v>1</v>
      </c>
      <c r="Y2248">
        <v>1</v>
      </c>
      <c r="Z2248">
        <v>0</v>
      </c>
      <c r="AA2248">
        <v>0</v>
      </c>
      <c r="AB2248">
        <v>3.401197381662155</v>
      </c>
      <c r="AC2248">
        <v>1</v>
      </c>
      <c r="AD2248">
        <v>1</v>
      </c>
      <c r="AE2248">
        <v>0</v>
      </c>
      <c r="AF2248">
        <v>0</v>
      </c>
      <c r="AG2248">
        <v>3.3672958299864728</v>
      </c>
      <c r="AH2248">
        <v>5.4782008597645579E-2</v>
      </c>
      <c r="AI2248">
        <v>-0.41729244067736387</v>
      </c>
      <c r="AJ2248">
        <v>8.7745488999316432E-2</v>
      </c>
      <c r="AK2248">
        <v>-0.26416924789022811</v>
      </c>
      <c r="AL2248">
        <v>515.6743750909834</v>
      </c>
      <c r="AM2248">
        <v>742.10103009935483</v>
      </c>
      <c r="AN2248">
        <v>4478</v>
      </c>
      <c r="AO2248">
        <v>41.200056519418553</v>
      </c>
      <c r="AP2248">
        <v>374.44415262028588</v>
      </c>
      <c r="AQ2248">
        <v>1.71875</v>
      </c>
      <c r="AR2248">
        <v>4.125</v>
      </c>
      <c r="AS2248">
        <v>32</v>
      </c>
      <c r="AT2248">
        <v>0</v>
      </c>
      <c r="AU2248">
        <v>0.19325980392156861</v>
      </c>
      <c r="AV2248">
        <v>5.7229137254437103E-2</v>
      </c>
      <c r="AW2248">
        <v>0.1875</v>
      </c>
      <c r="AX2248">
        <v>86.516129032258064</v>
      </c>
      <c r="AY2248">
        <v>51</v>
      </c>
      <c r="AZ2248">
        <v>100.5</v>
      </c>
      <c r="BA2248">
        <v>0.55063105328698103</v>
      </c>
      <c r="BB2248">
        <v>0.59375</v>
      </c>
      <c r="BC2248">
        <v>3.3445488586064429</v>
      </c>
      <c r="BD2248" t="s">
        <v>8569</v>
      </c>
      <c r="BE2248" t="s">
        <v>62</v>
      </c>
    </row>
    <row r="2249" spans="1:57" x14ac:dyDescent="0.3">
      <c r="A2249" t="s">
        <v>8570</v>
      </c>
      <c r="B2249">
        <v>2807</v>
      </c>
      <c r="C2249" t="s">
        <v>8571</v>
      </c>
      <c r="D2249" t="s">
        <v>8572</v>
      </c>
      <c r="E2249" t="s">
        <v>93</v>
      </c>
      <c r="F2249">
        <v>2824</v>
      </c>
      <c r="G2249">
        <v>129.907223796034</v>
      </c>
      <c r="H2249">
        <v>131.5</v>
      </c>
      <c r="I2249">
        <v>5478.4276531992073</v>
      </c>
      <c r="J2249">
        <v>74.016401244583676</v>
      </c>
      <c r="K2249">
        <v>-5.0396120945440888E-2</v>
      </c>
      <c r="L2249">
        <v>-1.1938855147888701</v>
      </c>
      <c r="M2249">
        <v>7.9338447246012738</v>
      </c>
      <c r="N2249">
        <v>20</v>
      </c>
      <c r="O2249">
        <v>3</v>
      </c>
      <c r="P2249">
        <v>17</v>
      </c>
      <c r="Q2249">
        <v>3.2809523674536938</v>
      </c>
      <c r="R2249">
        <v>5.499322101857774</v>
      </c>
      <c r="S2249">
        <v>3</v>
      </c>
      <c r="T2249">
        <v>1</v>
      </c>
      <c r="U2249">
        <v>2</v>
      </c>
      <c r="V2249">
        <v>0.1641941692309955</v>
      </c>
      <c r="W2249">
        <v>7.9106243798263938</v>
      </c>
      <c r="X2249">
        <v>1</v>
      </c>
      <c r="Y2249">
        <v>1</v>
      </c>
      <c r="Z2249">
        <v>0</v>
      </c>
      <c r="AA2249">
        <v>0</v>
      </c>
      <c r="AB2249">
        <v>7.9452011324127589</v>
      </c>
      <c r="AC2249">
        <v>1</v>
      </c>
      <c r="AD2249">
        <v>1</v>
      </c>
      <c r="AE2249">
        <v>0</v>
      </c>
      <c r="AF2249">
        <v>0</v>
      </c>
      <c r="AG2249">
        <v>7.9448467110019969</v>
      </c>
      <c r="AH2249">
        <v>-1.221029321322873E-2</v>
      </c>
      <c r="AI2249">
        <v>-1.17439970755094E-2</v>
      </c>
      <c r="AJ2249">
        <v>2.6041731320196791E-2</v>
      </c>
      <c r="AK2249">
        <v>1.420280488590049E-2</v>
      </c>
      <c r="AL2249">
        <v>3624.8587399414282</v>
      </c>
      <c r="AM2249">
        <v>7070.2887575735003</v>
      </c>
      <c r="AN2249">
        <v>366857.99999999988</v>
      </c>
      <c r="AO2249">
        <v>99.255203227400003</v>
      </c>
      <c r="AP2249">
        <v>3325.215859773708</v>
      </c>
      <c r="AQ2249">
        <v>1.0081444759206799</v>
      </c>
      <c r="AR2249">
        <v>4.0233711048158636</v>
      </c>
      <c r="AS2249">
        <v>2815</v>
      </c>
      <c r="AT2249">
        <v>249.81303116147311</v>
      </c>
      <c r="AU2249">
        <v>2.353496639448982E-2</v>
      </c>
      <c r="AV2249">
        <v>-1.2210844617130149E-2</v>
      </c>
      <c r="AW2249">
        <v>0.34915014164305952</v>
      </c>
      <c r="AX2249">
        <v>86.725469358838112</v>
      </c>
      <c r="AY2249">
        <v>63.5</v>
      </c>
      <c r="AZ2249">
        <v>128</v>
      </c>
      <c r="BA2249">
        <v>0.56976355187757743</v>
      </c>
      <c r="BB2249">
        <v>0.50991501416430596</v>
      </c>
      <c r="BC2249">
        <v>5.3116357736238653</v>
      </c>
      <c r="BD2249" t="s">
        <v>8573</v>
      </c>
      <c r="BE2249" t="s">
        <v>68</v>
      </c>
    </row>
    <row r="2250" spans="1:57" x14ac:dyDescent="0.3">
      <c r="A2250" t="s">
        <v>8574</v>
      </c>
      <c r="B2250">
        <v>1465</v>
      </c>
      <c r="C2250" t="s">
        <v>8575</v>
      </c>
      <c r="D2250" t="s">
        <v>8576</v>
      </c>
      <c r="E2250" t="s">
        <v>66</v>
      </c>
      <c r="F2250">
        <v>72</v>
      </c>
      <c r="G2250">
        <v>110.75</v>
      </c>
      <c r="H2250">
        <v>106</v>
      </c>
      <c r="I2250">
        <v>5099.8819444444443</v>
      </c>
      <c r="J2250">
        <v>71.413457726428874</v>
      </c>
      <c r="K2250">
        <v>0.19453863481328379</v>
      </c>
      <c r="L2250">
        <v>-1.067467490983415</v>
      </c>
      <c r="M2250">
        <v>5.7983293416900441</v>
      </c>
      <c r="N2250">
        <v>3</v>
      </c>
      <c r="O2250">
        <v>1</v>
      </c>
      <c r="P2250">
        <v>2</v>
      </c>
      <c r="Q2250">
        <v>0.45352841221219159</v>
      </c>
      <c r="R2250">
        <v>4.0190956351504559</v>
      </c>
      <c r="S2250">
        <v>2</v>
      </c>
      <c r="T2250">
        <v>1</v>
      </c>
      <c r="U2250">
        <v>1</v>
      </c>
      <c r="V2250">
        <v>0.16776575221435111</v>
      </c>
      <c r="W2250">
        <v>4.2236293316576567</v>
      </c>
      <c r="X2250">
        <v>2</v>
      </c>
      <c r="Y2250">
        <v>1</v>
      </c>
      <c r="Z2250">
        <v>1</v>
      </c>
      <c r="AA2250">
        <v>0.11951030798891769</v>
      </c>
      <c r="AB2250">
        <v>4.2286910368905044</v>
      </c>
      <c r="AC2250">
        <v>1</v>
      </c>
      <c r="AD2250">
        <v>1</v>
      </c>
      <c r="AE2250">
        <v>0</v>
      </c>
      <c r="AF2250">
        <v>0</v>
      </c>
      <c r="AG2250">
        <v>4.2341065045972579</v>
      </c>
      <c r="AH2250">
        <v>5.3798562875229964E-3</v>
      </c>
      <c r="AI2250">
        <v>5.2900530104863543E-2</v>
      </c>
      <c r="AJ2250">
        <v>-0.124813108418904</v>
      </c>
      <c r="AK2250">
        <v>0.13298204070627989</v>
      </c>
      <c r="AL2250">
        <v>626.17895669772645</v>
      </c>
      <c r="AM2250">
        <v>926.39727665238024</v>
      </c>
      <c r="AN2250">
        <v>7974</v>
      </c>
      <c r="AO2250">
        <v>114.5423675296408</v>
      </c>
      <c r="AP2250">
        <v>499.90686049616562</v>
      </c>
      <c r="AQ2250">
        <v>1.319444444444444</v>
      </c>
      <c r="AR2250">
        <v>3.75</v>
      </c>
      <c r="AS2250">
        <v>72</v>
      </c>
      <c r="AT2250">
        <v>9.9444444444444446</v>
      </c>
      <c r="AU2250">
        <v>0.13079615048118989</v>
      </c>
      <c r="AV2250">
        <v>5.2566407275833676E-3</v>
      </c>
      <c r="AW2250">
        <v>0.44444444444444442</v>
      </c>
      <c r="AX2250">
        <v>77.352112676056336</v>
      </c>
      <c r="AY2250">
        <v>58.5</v>
      </c>
      <c r="AZ2250">
        <v>114</v>
      </c>
      <c r="BA2250">
        <v>0.64481677405353388</v>
      </c>
      <c r="BB2250">
        <v>0.4861111111111111</v>
      </c>
      <c r="BC2250">
        <v>3.9819563671900058</v>
      </c>
      <c r="BD2250" t="s">
        <v>8577</v>
      </c>
      <c r="BE2250" t="s">
        <v>68</v>
      </c>
    </row>
    <row r="2251" spans="1:57" x14ac:dyDescent="0.3">
      <c r="A2251" t="s">
        <v>8578</v>
      </c>
      <c r="B2251">
        <v>2258</v>
      </c>
      <c r="C2251" t="s">
        <v>8579</v>
      </c>
      <c r="D2251" t="s">
        <v>8580</v>
      </c>
      <c r="E2251" t="s">
        <v>66</v>
      </c>
      <c r="F2251">
        <v>70</v>
      </c>
      <c r="G2251">
        <v>104.4285714285714</v>
      </c>
      <c r="H2251">
        <v>92</v>
      </c>
      <c r="I2251">
        <v>5161.4734693877544</v>
      </c>
      <c r="J2251">
        <v>71.843395447234769</v>
      </c>
      <c r="K2251">
        <v>0.6406971985639659</v>
      </c>
      <c r="L2251">
        <v>-0.67919486077201707</v>
      </c>
      <c r="M2251">
        <v>5.6683592668522502</v>
      </c>
      <c r="N2251">
        <v>3</v>
      </c>
      <c r="O2251">
        <v>1</v>
      </c>
      <c r="P2251">
        <v>2</v>
      </c>
      <c r="Q2251">
        <v>0.5544709338900693</v>
      </c>
      <c r="R2251">
        <v>3.9290072442194748</v>
      </c>
      <c r="S2251">
        <v>2</v>
      </c>
      <c r="T2251">
        <v>1</v>
      </c>
      <c r="U2251">
        <v>1</v>
      </c>
      <c r="V2251">
        <v>0.1203728348804772</v>
      </c>
      <c r="W2251">
        <v>4.2140152819723324</v>
      </c>
      <c r="X2251">
        <v>1</v>
      </c>
      <c r="Y2251">
        <v>1</v>
      </c>
      <c r="Z2251">
        <v>0</v>
      </c>
      <c r="AA2251">
        <v>0</v>
      </c>
      <c r="AB2251">
        <v>4.2195077051761087</v>
      </c>
      <c r="AC2251">
        <v>1</v>
      </c>
      <c r="AD2251">
        <v>1</v>
      </c>
      <c r="AE2251">
        <v>0</v>
      </c>
      <c r="AF2251">
        <v>0</v>
      </c>
      <c r="AG2251">
        <v>4.2046926193909648</v>
      </c>
      <c r="AH2251">
        <v>5.5370090602871E-2</v>
      </c>
      <c r="AI2251">
        <v>-7.6168951687016859E-2</v>
      </c>
      <c r="AJ2251">
        <v>-0.14445227575871331</v>
      </c>
      <c r="AK2251">
        <v>-2.962010418748369E-2</v>
      </c>
      <c r="AL2251">
        <v>652.88878337695269</v>
      </c>
      <c r="AM2251">
        <v>835.71061770242136</v>
      </c>
      <c r="AN2251">
        <v>7310</v>
      </c>
      <c r="AO2251">
        <v>245.2348008765486</v>
      </c>
      <c r="AP2251">
        <v>493.91591545078211</v>
      </c>
      <c r="AQ2251">
        <v>1.328571428571429</v>
      </c>
      <c r="AR2251">
        <v>3.785714285714286</v>
      </c>
      <c r="AS2251">
        <v>70</v>
      </c>
      <c r="AT2251">
        <v>13.285714285714279</v>
      </c>
      <c r="AU2251">
        <v>0.20130904951622081</v>
      </c>
      <c r="AV2251">
        <v>5.5692859974535193E-2</v>
      </c>
      <c r="AW2251">
        <v>0.54285714285714282</v>
      </c>
      <c r="AX2251">
        <v>77.130434782608702</v>
      </c>
      <c r="AY2251">
        <v>48</v>
      </c>
      <c r="AZ2251">
        <v>94.5</v>
      </c>
      <c r="BA2251">
        <v>0.68796685106791156</v>
      </c>
      <c r="BB2251">
        <v>0.45714285714285707</v>
      </c>
      <c r="BC2251">
        <v>3.9300794685541862</v>
      </c>
      <c r="BD2251" t="s">
        <v>8581</v>
      </c>
      <c r="BE2251" t="s">
        <v>68</v>
      </c>
    </row>
    <row r="2252" spans="1:57" x14ac:dyDescent="0.3">
      <c r="A2252" t="s">
        <v>8582</v>
      </c>
      <c r="B2252">
        <v>3900</v>
      </c>
      <c r="C2252" t="s">
        <v>8583</v>
      </c>
      <c r="D2252" t="s">
        <v>8584</v>
      </c>
      <c r="E2252" t="s">
        <v>66</v>
      </c>
      <c r="F2252">
        <v>70</v>
      </c>
      <c r="G2252">
        <v>106.4714285714286</v>
      </c>
      <c r="H2252">
        <v>96.5</v>
      </c>
      <c r="I2252">
        <v>5163.3063265306137</v>
      </c>
      <c r="J2252">
        <v>71.856150234552743</v>
      </c>
      <c r="K2252">
        <v>0.33002812978366802</v>
      </c>
      <c r="L2252">
        <v>-1.0401436472360219</v>
      </c>
      <c r="M2252">
        <v>5.814997302659255</v>
      </c>
      <c r="N2252">
        <v>2</v>
      </c>
      <c r="O2252">
        <v>1</v>
      </c>
      <c r="P2252">
        <v>1</v>
      </c>
      <c r="Q2252">
        <v>0.38946187434156132</v>
      </c>
      <c r="R2252">
        <v>4.0306489853019478</v>
      </c>
      <c r="S2252">
        <v>2</v>
      </c>
      <c r="T2252">
        <v>1</v>
      </c>
      <c r="U2252">
        <v>1</v>
      </c>
      <c r="V2252">
        <v>0.1203728348804772</v>
      </c>
      <c r="W2252">
        <v>4.2140152819723324</v>
      </c>
      <c r="X2252">
        <v>1</v>
      </c>
      <c r="Y2252">
        <v>1</v>
      </c>
      <c r="Z2252">
        <v>0</v>
      </c>
      <c r="AA2252">
        <v>0</v>
      </c>
      <c r="AB2252">
        <v>4.2195077051761087</v>
      </c>
      <c r="AC2252">
        <v>1</v>
      </c>
      <c r="AD2252">
        <v>1</v>
      </c>
      <c r="AE2252">
        <v>0</v>
      </c>
      <c r="AF2252">
        <v>0</v>
      </c>
      <c r="AG2252">
        <v>4.2046926193909648</v>
      </c>
      <c r="AH2252">
        <v>-1.983290793392738E-2</v>
      </c>
      <c r="AI2252">
        <v>-6.1919711343682311E-3</v>
      </c>
      <c r="AJ2252">
        <v>-0.13970516620458021</v>
      </c>
      <c r="AK2252">
        <v>-7.1579374860641268E-2</v>
      </c>
      <c r="AL2252">
        <v>622.64076697916846</v>
      </c>
      <c r="AM2252">
        <v>875.94604588159007</v>
      </c>
      <c r="AN2252">
        <v>7453</v>
      </c>
      <c r="AO2252">
        <v>41.082185433594951</v>
      </c>
      <c r="AP2252">
        <v>467.63880708838559</v>
      </c>
      <c r="AQ2252">
        <v>1.328571428571429</v>
      </c>
      <c r="AR2252">
        <v>3.8857142857142861</v>
      </c>
      <c r="AS2252">
        <v>70</v>
      </c>
      <c r="AT2252">
        <v>7.5428571428571436</v>
      </c>
      <c r="AU2252">
        <v>0.18278829604130811</v>
      </c>
      <c r="AV2252">
        <v>-1.9920796117886681E-2</v>
      </c>
      <c r="AW2252">
        <v>0.48571428571428571</v>
      </c>
      <c r="AX2252">
        <v>84.028985507246375</v>
      </c>
      <c r="AY2252">
        <v>55</v>
      </c>
      <c r="AZ2252">
        <v>129</v>
      </c>
      <c r="BA2252">
        <v>0.67488669212648489</v>
      </c>
      <c r="BB2252">
        <v>0.44285714285714278</v>
      </c>
      <c r="BC2252">
        <v>3.9577539976104821</v>
      </c>
      <c r="BD2252" t="s">
        <v>8585</v>
      </c>
      <c r="BE2252" t="s">
        <v>68</v>
      </c>
    </row>
    <row r="2253" spans="1:57" x14ac:dyDescent="0.3">
      <c r="A2253" t="s">
        <v>8586</v>
      </c>
      <c r="B2253">
        <v>2095</v>
      </c>
      <c r="C2253" t="s">
        <v>8587</v>
      </c>
      <c r="D2253" t="s">
        <v>8588</v>
      </c>
      <c r="E2253" t="s">
        <v>10622</v>
      </c>
      <c r="F2253">
        <v>64</v>
      </c>
      <c r="G2253">
        <v>143.578125</v>
      </c>
      <c r="H2253">
        <v>161</v>
      </c>
      <c r="I2253">
        <v>5689.306396484375</v>
      </c>
      <c r="J2253">
        <v>75.427490986273526</v>
      </c>
      <c r="K2253">
        <v>-0.29932619223225471</v>
      </c>
      <c r="L2253">
        <v>-1.1424602133317969</v>
      </c>
      <c r="M2253">
        <v>5.78125</v>
      </c>
      <c r="N2253">
        <v>2</v>
      </c>
      <c r="O2253">
        <v>1</v>
      </c>
      <c r="P2253">
        <v>1</v>
      </c>
      <c r="Q2253">
        <v>0.32821556024332821</v>
      </c>
      <c r="R2253">
        <v>4.0072571376121839</v>
      </c>
      <c r="S2253">
        <v>1</v>
      </c>
      <c r="T2253">
        <v>1</v>
      </c>
      <c r="U2253">
        <v>0</v>
      </c>
      <c r="V2253">
        <v>0</v>
      </c>
      <c r="W2253">
        <v>4.1431347263915326</v>
      </c>
      <c r="X2253">
        <v>1</v>
      </c>
      <c r="Y2253">
        <v>1</v>
      </c>
      <c r="Z2253">
        <v>0</v>
      </c>
      <c r="AA2253">
        <v>0</v>
      </c>
      <c r="AB2253">
        <v>4.1271343850450908</v>
      </c>
      <c r="AC2253">
        <v>1</v>
      </c>
      <c r="AD2253">
        <v>1</v>
      </c>
      <c r="AE2253">
        <v>0</v>
      </c>
      <c r="AF2253">
        <v>0</v>
      </c>
      <c r="AG2253">
        <v>4.1108738641733096</v>
      </c>
      <c r="AH2253">
        <v>8.4230742878967993E-2</v>
      </c>
      <c r="AI2253">
        <v>-0.26296677927756368</v>
      </c>
      <c r="AJ2253">
        <v>-0.2163946106370577</v>
      </c>
      <c r="AK2253">
        <v>8.0455305844010144E-2</v>
      </c>
      <c r="AL2253">
        <v>639.81393779687085</v>
      </c>
      <c r="AM2253">
        <v>1128.757336632131</v>
      </c>
      <c r="AN2253">
        <v>9189</v>
      </c>
      <c r="AO2253">
        <v>17</v>
      </c>
      <c r="AP2253">
        <v>417.61598204125909</v>
      </c>
      <c r="AQ2253">
        <v>1.359375</v>
      </c>
      <c r="AR2253">
        <v>4.140625</v>
      </c>
      <c r="AS2253">
        <v>64</v>
      </c>
      <c r="AT2253">
        <v>5.46875</v>
      </c>
      <c r="AU2253">
        <v>0.14877717391304349</v>
      </c>
      <c r="AV2253">
        <v>8.5651441209980056E-2</v>
      </c>
      <c r="AW2253">
        <v>0.3125</v>
      </c>
      <c r="AX2253">
        <v>82.396825396825392</v>
      </c>
      <c r="AY2253">
        <v>55.5</v>
      </c>
      <c r="AZ2253">
        <v>124</v>
      </c>
      <c r="BA2253">
        <v>0.52534110600952288</v>
      </c>
      <c r="BB2253">
        <v>0.53125</v>
      </c>
      <c r="BC2253">
        <v>3.8321574069335611</v>
      </c>
      <c r="BD2253" t="s">
        <v>8589</v>
      </c>
      <c r="BE2253" t="s">
        <v>62</v>
      </c>
    </row>
    <row r="2254" spans="1:57" x14ac:dyDescent="0.3">
      <c r="A2254" t="s">
        <v>8590</v>
      </c>
      <c r="B2254">
        <v>153</v>
      </c>
      <c r="C2254" t="s">
        <v>8591</v>
      </c>
      <c r="D2254" t="s">
        <v>8592</v>
      </c>
      <c r="E2254" t="s">
        <v>60</v>
      </c>
      <c r="F2254">
        <v>512</v>
      </c>
      <c r="G2254">
        <v>129.544921875</v>
      </c>
      <c r="H2254">
        <v>131</v>
      </c>
      <c r="I2254">
        <v>5595.3495445251456</v>
      </c>
      <c r="J2254">
        <v>74.802069119277348</v>
      </c>
      <c r="K2254">
        <v>-3.3387572750881341E-2</v>
      </c>
      <c r="L2254">
        <v>-1.250507716518344</v>
      </c>
      <c r="M2254">
        <v>7.5871242210218082</v>
      </c>
      <c r="N2254">
        <v>7</v>
      </c>
      <c r="O2254">
        <v>1</v>
      </c>
      <c r="P2254">
        <v>6</v>
      </c>
      <c r="Q2254">
        <v>1.328182643992335</v>
      </c>
      <c r="R2254">
        <v>5.2589937623593368</v>
      </c>
      <c r="S2254">
        <v>2</v>
      </c>
      <c r="T2254">
        <v>1</v>
      </c>
      <c r="U2254">
        <v>1</v>
      </c>
      <c r="V2254">
        <v>4.4237310481092057E-2</v>
      </c>
      <c r="W2254">
        <v>6.2336566853874222</v>
      </c>
      <c r="X2254">
        <v>1</v>
      </c>
      <c r="Y2254">
        <v>1</v>
      </c>
      <c r="Z2254">
        <v>0</v>
      </c>
      <c r="AA2254">
        <v>0</v>
      </c>
      <c r="AB2254">
        <v>6.2344107257183694</v>
      </c>
      <c r="AC2254">
        <v>1</v>
      </c>
      <c r="AD2254">
        <v>1</v>
      </c>
      <c r="AE2254">
        <v>0</v>
      </c>
      <c r="AF2254">
        <v>0</v>
      </c>
      <c r="AG2254">
        <v>6.2324480165505216</v>
      </c>
      <c r="AH2254">
        <v>-3.8749779608096932E-2</v>
      </c>
      <c r="AI2254">
        <v>8.8635695140393642E-2</v>
      </c>
      <c r="AJ2254">
        <v>-9.1113805092097377E-2</v>
      </c>
      <c r="AK2254">
        <v>4.6522146159995482E-2</v>
      </c>
      <c r="AL2254">
        <v>1619.2939347826059</v>
      </c>
      <c r="AM2254">
        <v>2972.3781981397101</v>
      </c>
      <c r="AN2254">
        <v>66327</v>
      </c>
      <c r="AO2254">
        <v>51.782739216022613</v>
      </c>
      <c r="AP2254">
        <v>1437.7332665108929</v>
      </c>
      <c r="AQ2254">
        <v>1.044921875</v>
      </c>
      <c r="AR2254">
        <v>4.048828125</v>
      </c>
      <c r="AS2254">
        <v>510</v>
      </c>
      <c r="AT2254">
        <v>174.42578125000011</v>
      </c>
      <c r="AU2254">
        <v>2.797947303921566E-2</v>
      </c>
      <c r="AV2254">
        <v>-3.8850247310640233E-2</v>
      </c>
      <c r="AW2254">
        <v>0.345703125</v>
      </c>
      <c r="AX2254">
        <v>88.38356164383562</v>
      </c>
      <c r="AY2254">
        <v>67</v>
      </c>
      <c r="AZ2254">
        <v>132.25</v>
      </c>
      <c r="BA2254">
        <v>0.57742185518823408</v>
      </c>
      <c r="BB2254">
        <v>0.509765625</v>
      </c>
      <c r="BC2254">
        <v>5.1219929917684874</v>
      </c>
      <c r="BD2254" t="s">
        <v>8593</v>
      </c>
      <c r="BE2254" t="s">
        <v>62</v>
      </c>
    </row>
    <row r="2255" spans="1:57" x14ac:dyDescent="0.3">
      <c r="A2255" t="s">
        <v>8594</v>
      </c>
      <c r="B2255">
        <v>145</v>
      </c>
      <c r="C2255" t="s">
        <v>8595</v>
      </c>
      <c r="D2255" t="s">
        <v>8596</v>
      </c>
      <c r="E2255" t="s">
        <v>60</v>
      </c>
      <c r="F2255">
        <v>256</v>
      </c>
      <c r="G2255">
        <v>120.69140625</v>
      </c>
      <c r="H2255">
        <v>117.5</v>
      </c>
      <c r="I2255">
        <v>4880.7133636474609</v>
      </c>
      <c r="J2255">
        <v>69.862102485163305</v>
      </c>
      <c r="K2255">
        <v>0.1015983604626169</v>
      </c>
      <c r="L2255">
        <v>-1.0669382942947689</v>
      </c>
      <c r="M2255">
        <v>7.170535693198806</v>
      </c>
      <c r="N2255">
        <v>4</v>
      </c>
      <c r="O2255">
        <v>1</v>
      </c>
      <c r="P2255">
        <v>3</v>
      </c>
      <c r="Q2255">
        <v>0.79182193940289636</v>
      </c>
      <c r="R2255">
        <v>4.9702365988452044</v>
      </c>
      <c r="S2255">
        <v>2</v>
      </c>
      <c r="T2255">
        <v>1</v>
      </c>
      <c r="U2255">
        <v>1</v>
      </c>
      <c r="V2255">
        <v>6.2621943781838052E-2</v>
      </c>
      <c r="W2255">
        <v>5.5358270966834446</v>
      </c>
      <c r="X2255">
        <v>1</v>
      </c>
      <c r="Y2255">
        <v>1</v>
      </c>
      <c r="Z2255">
        <v>0</v>
      </c>
      <c r="AA2255">
        <v>0</v>
      </c>
      <c r="AB2255">
        <v>5.5373342670185366</v>
      </c>
      <c r="AC2255">
        <v>1</v>
      </c>
      <c r="AD2255">
        <v>1</v>
      </c>
      <c r="AE2255">
        <v>0</v>
      </c>
      <c r="AF2255">
        <v>0</v>
      </c>
      <c r="AG2255">
        <v>5.5333894887275203</v>
      </c>
      <c r="AH2255">
        <v>2.3773653558875601E-2</v>
      </c>
      <c r="AI2255">
        <v>-2.805107411258467E-2</v>
      </c>
      <c r="AJ2255">
        <v>2.2329284133617899E-2</v>
      </c>
      <c r="AK2255">
        <v>1.467273038682527E-2</v>
      </c>
      <c r="AL2255">
        <v>1092.7066697215821</v>
      </c>
      <c r="AM2255">
        <v>1945.368122990086</v>
      </c>
      <c r="AN2255">
        <v>30897</v>
      </c>
      <c r="AO2255">
        <v>69.180669128375754</v>
      </c>
      <c r="AP2255">
        <v>869.46327220412604</v>
      </c>
      <c r="AQ2255">
        <v>1.08984375</v>
      </c>
      <c r="AR2255">
        <v>3.96875</v>
      </c>
      <c r="AS2255">
        <v>256</v>
      </c>
      <c r="AT2255">
        <v>63.484375000000007</v>
      </c>
      <c r="AU2255">
        <v>6.7601102941176494E-2</v>
      </c>
      <c r="AV2255">
        <v>2.386802546650682E-2</v>
      </c>
      <c r="AW2255">
        <v>0.44140625</v>
      </c>
      <c r="AX2255">
        <v>80.760784313725495</v>
      </c>
      <c r="AY2255">
        <v>59.5</v>
      </c>
      <c r="AZ2255">
        <v>117.5</v>
      </c>
      <c r="BA2255">
        <v>0.57884902211223765</v>
      </c>
      <c r="BB2255">
        <v>0.4765625</v>
      </c>
      <c r="BC2255">
        <v>4.8308921165392968</v>
      </c>
      <c r="BD2255" t="s">
        <v>8597</v>
      </c>
      <c r="BE2255" t="s">
        <v>62</v>
      </c>
    </row>
    <row r="2256" spans="1:57" x14ac:dyDescent="0.3">
      <c r="A2256" t="s">
        <v>8598</v>
      </c>
      <c r="B2256">
        <v>1401</v>
      </c>
      <c r="C2256" t="s">
        <v>8599</v>
      </c>
      <c r="D2256" t="s">
        <v>8600</v>
      </c>
      <c r="E2256" t="s">
        <v>128</v>
      </c>
      <c r="F2256">
        <v>32</v>
      </c>
      <c r="G2256">
        <v>125.625</v>
      </c>
      <c r="H2256">
        <v>113</v>
      </c>
      <c r="I2256">
        <v>5133.921875</v>
      </c>
      <c r="J2256">
        <v>71.651391298424898</v>
      </c>
      <c r="K2256">
        <v>0.34553619231978211</v>
      </c>
      <c r="L2256">
        <v>-0.99389413824577755</v>
      </c>
      <c r="M2256">
        <v>4.726409765557392</v>
      </c>
      <c r="N2256">
        <v>3</v>
      </c>
      <c r="O2256">
        <v>1</v>
      </c>
      <c r="P2256">
        <v>2</v>
      </c>
      <c r="Q2256">
        <v>0.44031528592635538</v>
      </c>
      <c r="R2256">
        <v>3.2760976031670981</v>
      </c>
      <c r="S2256">
        <v>1</v>
      </c>
      <c r="T2256">
        <v>1</v>
      </c>
      <c r="U2256">
        <v>0</v>
      </c>
      <c r="V2256">
        <v>0</v>
      </c>
      <c r="W2256">
        <v>3.4339872044851458</v>
      </c>
      <c r="X2256">
        <v>1</v>
      </c>
      <c r="Y2256">
        <v>1</v>
      </c>
      <c r="Z2256">
        <v>0</v>
      </c>
      <c r="AA2256">
        <v>0</v>
      </c>
      <c r="AB2256">
        <v>3.401197381662155</v>
      </c>
      <c r="AC2256">
        <v>1</v>
      </c>
      <c r="AD2256">
        <v>1</v>
      </c>
      <c r="AE2256">
        <v>0</v>
      </c>
      <c r="AF2256">
        <v>0</v>
      </c>
      <c r="AG2256">
        <v>3.3672958299864728</v>
      </c>
      <c r="AH2256">
        <v>-9.3571195418950551E-2</v>
      </c>
      <c r="AI2256">
        <v>-0.13448406128355819</v>
      </c>
      <c r="AJ2256">
        <v>1.461813048017019E-2</v>
      </c>
      <c r="AK2256">
        <v>-5.5294365601346439E-3</v>
      </c>
      <c r="AL2256">
        <v>482.50549064514553</v>
      </c>
      <c r="AM2256">
        <v>660.67121285650649</v>
      </c>
      <c r="AN2256">
        <v>4020</v>
      </c>
      <c r="AO2256">
        <v>65.065435895635744</v>
      </c>
      <c r="AP2256">
        <v>352.75621042238981</v>
      </c>
      <c r="AQ2256">
        <v>1.65625</v>
      </c>
      <c r="AR2256">
        <v>3.96875</v>
      </c>
      <c r="AS2256">
        <v>31</v>
      </c>
      <c r="AT2256">
        <v>4.7500000000000018</v>
      </c>
      <c r="AU2256">
        <v>0.19537401574803151</v>
      </c>
      <c r="AV2256">
        <v>-9.7198697683220731E-2</v>
      </c>
      <c r="AW2256">
        <v>0.46875</v>
      </c>
      <c r="AX2256">
        <v>89.096774193548384</v>
      </c>
      <c r="AY2256">
        <v>51</v>
      </c>
      <c r="AZ2256">
        <v>113.75</v>
      </c>
      <c r="BA2256">
        <v>0.57035933371880521</v>
      </c>
      <c r="BB2256">
        <v>0.46875</v>
      </c>
      <c r="BC2256">
        <v>3.3445488586064429</v>
      </c>
      <c r="BD2256" t="s">
        <v>8601</v>
      </c>
      <c r="BE2256" t="s">
        <v>62</v>
      </c>
    </row>
    <row r="2257" spans="1:57" x14ac:dyDescent="0.3">
      <c r="A2257" t="s">
        <v>8602</v>
      </c>
      <c r="B2257">
        <v>3418</v>
      </c>
      <c r="C2257" t="s">
        <v>8603</v>
      </c>
      <c r="D2257" t="s">
        <v>8604</v>
      </c>
      <c r="E2257" t="s">
        <v>10622</v>
      </c>
      <c r="F2257">
        <v>64</v>
      </c>
      <c r="G2257">
        <v>139.953125</v>
      </c>
      <c r="H2257">
        <v>141.5</v>
      </c>
      <c r="I2257">
        <v>4949.825927734375</v>
      </c>
      <c r="J2257">
        <v>70.354999308751147</v>
      </c>
      <c r="K2257">
        <v>-3.894450031344826E-2</v>
      </c>
      <c r="L2257">
        <v>-1.0433383056843599</v>
      </c>
      <c r="M2257">
        <v>5.8125</v>
      </c>
      <c r="N2257">
        <v>2</v>
      </c>
      <c r="O2257">
        <v>1</v>
      </c>
      <c r="P2257">
        <v>1</v>
      </c>
      <c r="Q2257">
        <v>0.30454347814923621</v>
      </c>
      <c r="R2257">
        <v>4.0289179870046823</v>
      </c>
      <c r="S2257">
        <v>1</v>
      </c>
      <c r="T2257">
        <v>1</v>
      </c>
      <c r="U2257">
        <v>0</v>
      </c>
      <c r="V2257">
        <v>0</v>
      </c>
      <c r="W2257">
        <v>4.1431347263915326</v>
      </c>
      <c r="X2257">
        <v>1</v>
      </c>
      <c r="Y2257">
        <v>1</v>
      </c>
      <c r="Z2257">
        <v>0</v>
      </c>
      <c r="AA2257">
        <v>0</v>
      </c>
      <c r="AB2257">
        <v>4.1271343850450908</v>
      </c>
      <c r="AC2257">
        <v>1</v>
      </c>
      <c r="AD2257">
        <v>1</v>
      </c>
      <c r="AE2257">
        <v>0</v>
      </c>
      <c r="AF2257">
        <v>0</v>
      </c>
      <c r="AG2257">
        <v>4.1108738641733096</v>
      </c>
      <c r="AH2257">
        <v>0.11959261210283639</v>
      </c>
      <c r="AI2257">
        <v>0.14296779586827521</v>
      </c>
      <c r="AJ2257">
        <v>1.863834920952624E-3</v>
      </c>
      <c r="AK2257">
        <v>-3.1808765679249992E-2</v>
      </c>
      <c r="AL2257">
        <v>626.75762424784466</v>
      </c>
      <c r="AM2257">
        <v>1085.137724183985</v>
      </c>
      <c r="AN2257">
        <v>8957</v>
      </c>
      <c r="AO2257">
        <v>59.271093954793599</v>
      </c>
      <c r="AP2257">
        <v>485.45585743869822</v>
      </c>
      <c r="AQ2257">
        <v>1.359375</v>
      </c>
      <c r="AR2257">
        <v>4.15625</v>
      </c>
      <c r="AS2257">
        <v>64</v>
      </c>
      <c r="AT2257">
        <v>4.8750000000000018</v>
      </c>
      <c r="AU2257">
        <v>7.7140748031496065E-2</v>
      </c>
      <c r="AV2257">
        <v>0.121385129063751</v>
      </c>
      <c r="AW2257">
        <v>0.328125</v>
      </c>
      <c r="AX2257">
        <v>75.587301587301582</v>
      </c>
      <c r="AY2257">
        <v>55</v>
      </c>
      <c r="AZ2257">
        <v>108.25</v>
      </c>
      <c r="BA2257">
        <v>0.50270402542816495</v>
      </c>
      <c r="BB2257">
        <v>0.515625</v>
      </c>
      <c r="BC2257">
        <v>4.0028011659076608</v>
      </c>
      <c r="BD2257" t="s">
        <v>8605</v>
      </c>
      <c r="BE2257" t="s">
        <v>62</v>
      </c>
    </row>
    <row r="2258" spans="1:57" x14ac:dyDescent="0.3">
      <c r="A2258" t="s">
        <v>8606</v>
      </c>
      <c r="B2258">
        <v>71</v>
      </c>
      <c r="C2258" t="s">
        <v>8607</v>
      </c>
      <c r="D2258" t="s">
        <v>8608</v>
      </c>
      <c r="E2258" t="s">
        <v>60</v>
      </c>
      <c r="F2258">
        <v>512</v>
      </c>
      <c r="G2258">
        <v>126.037109375</v>
      </c>
      <c r="H2258">
        <v>124</v>
      </c>
      <c r="I2258">
        <v>5124.2076072692871</v>
      </c>
      <c r="J2258">
        <v>71.583570791553058</v>
      </c>
      <c r="K2258">
        <v>3.450831487954896E-2</v>
      </c>
      <c r="L2258">
        <v>-1.136122149161862</v>
      </c>
      <c r="M2258">
        <v>7.5943011195388141</v>
      </c>
      <c r="N2258">
        <v>7</v>
      </c>
      <c r="O2258">
        <v>1</v>
      </c>
      <c r="P2258">
        <v>6</v>
      </c>
      <c r="Q2258">
        <v>1.2607677348442241</v>
      </c>
      <c r="R2258">
        <v>5.2639684093315644</v>
      </c>
      <c r="S2258">
        <v>1</v>
      </c>
      <c r="T2258">
        <v>1</v>
      </c>
      <c r="U2258">
        <v>0</v>
      </c>
      <c r="V2258">
        <v>0</v>
      </c>
      <c r="W2258">
        <v>6.2363695902037044</v>
      </c>
      <c r="X2258">
        <v>1</v>
      </c>
      <c r="Y2258">
        <v>1</v>
      </c>
      <c r="Z2258">
        <v>0</v>
      </c>
      <c r="AA2258">
        <v>0</v>
      </c>
      <c r="AB2258">
        <v>6.2344107257183694</v>
      </c>
      <c r="AC2258">
        <v>1</v>
      </c>
      <c r="AD2258">
        <v>1</v>
      </c>
      <c r="AE2258">
        <v>0</v>
      </c>
      <c r="AF2258">
        <v>0</v>
      </c>
      <c r="AG2258">
        <v>6.2324480165505216</v>
      </c>
      <c r="AH2258">
        <v>1.6104438242051999E-2</v>
      </c>
      <c r="AI2258">
        <v>8.353679819775256E-2</v>
      </c>
      <c r="AJ2258">
        <v>9.1689463015586707E-4</v>
      </c>
      <c r="AK2258">
        <v>-4.3262032473255163E-2</v>
      </c>
      <c r="AL2258">
        <v>1565.4690290050121</v>
      </c>
      <c r="AM2258">
        <v>2882.0481812811709</v>
      </c>
      <c r="AN2258">
        <v>64531</v>
      </c>
      <c r="AO2258">
        <v>84.671617955130714</v>
      </c>
      <c r="AP2258">
        <v>1408.516115390303</v>
      </c>
      <c r="AQ2258">
        <v>1.044921875</v>
      </c>
      <c r="AR2258">
        <v>3.98828125</v>
      </c>
      <c r="AS2258">
        <v>512</v>
      </c>
      <c r="AT2258">
        <v>154.38671875000011</v>
      </c>
      <c r="AU2258">
        <v>2.9534313725490199E-2</v>
      </c>
      <c r="AV2258">
        <v>1.610758911813048E-2</v>
      </c>
      <c r="AW2258">
        <v>0.384765625</v>
      </c>
      <c r="AX2258">
        <v>83.749510763209386</v>
      </c>
      <c r="AY2258">
        <v>59</v>
      </c>
      <c r="AZ2258">
        <v>118.5</v>
      </c>
      <c r="BA2258">
        <v>0.5679563038737222</v>
      </c>
      <c r="BB2258">
        <v>0.48828125</v>
      </c>
      <c r="BC2258">
        <v>5.0541229851834597</v>
      </c>
      <c r="BD2258" t="s">
        <v>8609</v>
      </c>
      <c r="BE2258" t="s">
        <v>62</v>
      </c>
    </row>
    <row r="2259" spans="1:57" x14ac:dyDescent="0.3">
      <c r="A2259" t="s">
        <v>8610</v>
      </c>
      <c r="B2259">
        <v>1064</v>
      </c>
      <c r="C2259" t="s">
        <v>8611</v>
      </c>
      <c r="D2259" t="s">
        <v>8612</v>
      </c>
      <c r="E2259" t="s">
        <v>128</v>
      </c>
      <c r="F2259">
        <v>32</v>
      </c>
      <c r="G2259">
        <v>133.8125</v>
      </c>
      <c r="H2259">
        <v>131</v>
      </c>
      <c r="I2259">
        <v>5022.58984375</v>
      </c>
      <c r="J2259">
        <v>70.870232423423019</v>
      </c>
      <c r="K2259">
        <v>0.1308256072200559</v>
      </c>
      <c r="L2259">
        <v>-0.96229422934690056</v>
      </c>
      <c r="M2259">
        <v>4.9375</v>
      </c>
      <c r="N2259">
        <v>2</v>
      </c>
      <c r="O2259">
        <v>1</v>
      </c>
      <c r="P2259">
        <v>1</v>
      </c>
      <c r="Q2259">
        <v>0.1766846959694085</v>
      </c>
      <c r="R2259">
        <v>3.422414204014729</v>
      </c>
      <c r="S2259">
        <v>1</v>
      </c>
      <c r="T2259">
        <v>1</v>
      </c>
      <c r="U2259">
        <v>0</v>
      </c>
      <c r="V2259">
        <v>0</v>
      </c>
      <c r="W2259">
        <v>3.4339872044851458</v>
      </c>
      <c r="X2259">
        <v>1</v>
      </c>
      <c r="Y2259">
        <v>1</v>
      </c>
      <c r="Z2259">
        <v>0</v>
      </c>
      <c r="AA2259">
        <v>0</v>
      </c>
      <c r="AB2259">
        <v>3.401197381662155</v>
      </c>
      <c r="AC2259">
        <v>1</v>
      </c>
      <c r="AD2259">
        <v>1</v>
      </c>
      <c r="AE2259">
        <v>0</v>
      </c>
      <c r="AF2259">
        <v>0</v>
      </c>
      <c r="AG2259">
        <v>3.3672958299864728</v>
      </c>
      <c r="AH2259">
        <v>-3.5861246610042287E-2</v>
      </c>
      <c r="AI2259">
        <v>2.6082890736617299E-2</v>
      </c>
      <c r="AJ2259">
        <v>5.6923364012434453E-2</v>
      </c>
      <c r="AK2259">
        <v>-3.6030428540430232E-2</v>
      </c>
      <c r="AL2259">
        <v>488.99679715409872</v>
      </c>
      <c r="AM2259">
        <v>703.27102341347279</v>
      </c>
      <c r="AN2259">
        <v>4282</v>
      </c>
      <c r="AO2259">
        <v>67.070016126101905</v>
      </c>
      <c r="AP2259">
        <v>390.09050531346622</v>
      </c>
      <c r="AQ2259">
        <v>1.65625</v>
      </c>
      <c r="AR2259">
        <v>4.03125</v>
      </c>
      <c r="AS2259">
        <v>32</v>
      </c>
      <c r="AT2259">
        <v>0.93749999999999978</v>
      </c>
      <c r="AU2259">
        <v>0.15353260869565219</v>
      </c>
      <c r="AV2259">
        <v>-3.6984629811356723E-2</v>
      </c>
      <c r="AW2259">
        <v>0.375</v>
      </c>
      <c r="AX2259">
        <v>82.096774193548384</v>
      </c>
      <c r="AY2259">
        <v>58.5</v>
      </c>
      <c r="AZ2259">
        <v>115</v>
      </c>
      <c r="BA2259">
        <v>0.52962340904940131</v>
      </c>
      <c r="BB2259">
        <v>0.5</v>
      </c>
      <c r="BC2259">
        <v>3.4339872044851458</v>
      </c>
      <c r="BD2259" t="s">
        <v>8613</v>
      </c>
      <c r="BE2259" t="s">
        <v>62</v>
      </c>
    </row>
    <row r="2260" spans="1:57" x14ac:dyDescent="0.3">
      <c r="A2260" t="s">
        <v>8614</v>
      </c>
      <c r="B2260">
        <v>773</v>
      </c>
      <c r="C2260" t="s">
        <v>8615</v>
      </c>
      <c r="D2260" t="s">
        <v>8616</v>
      </c>
      <c r="E2260" t="s">
        <v>98</v>
      </c>
      <c r="F2260">
        <v>16</v>
      </c>
      <c r="G2260">
        <v>138.75</v>
      </c>
      <c r="H2260">
        <v>164.5</v>
      </c>
      <c r="I2260">
        <v>5768.9375</v>
      </c>
      <c r="J2260">
        <v>75.953521972321994</v>
      </c>
      <c r="K2260">
        <v>-0.36496421951650482</v>
      </c>
      <c r="L2260">
        <v>-1.305928264347598</v>
      </c>
      <c r="M2260">
        <v>4</v>
      </c>
      <c r="N2260">
        <v>1</v>
      </c>
      <c r="O2260">
        <v>1</v>
      </c>
      <c r="P2260">
        <v>0</v>
      </c>
      <c r="Q2260">
        <v>0</v>
      </c>
      <c r="R2260">
        <v>2.7725887222397811</v>
      </c>
      <c r="S2260">
        <v>1</v>
      </c>
      <c r="T2260">
        <v>1</v>
      </c>
      <c r="U2260">
        <v>0</v>
      </c>
      <c r="V2260">
        <v>0</v>
      </c>
      <c r="W2260">
        <v>2.7080502011022101</v>
      </c>
      <c r="X2260">
        <v>1</v>
      </c>
      <c r="Y2260">
        <v>1</v>
      </c>
      <c r="Z2260">
        <v>0</v>
      </c>
      <c r="AA2260">
        <v>0</v>
      </c>
      <c r="AB2260">
        <v>2.639057329615258</v>
      </c>
      <c r="AC2260">
        <v>1</v>
      </c>
      <c r="AD2260">
        <v>1</v>
      </c>
      <c r="AE2260">
        <v>0</v>
      </c>
      <c r="AF2260">
        <v>0</v>
      </c>
      <c r="AG2260">
        <v>2.5649493574615372</v>
      </c>
      <c r="AH2260">
        <v>-0.23369297314280141</v>
      </c>
      <c r="AI2260">
        <v>-0.25614958343715799</v>
      </c>
      <c r="AJ2260">
        <v>-0.26165793636176499</v>
      </c>
      <c r="AK2260">
        <v>0.14801116973446149</v>
      </c>
      <c r="AL2260">
        <v>422.96305181709312</v>
      </c>
      <c r="AM2260">
        <v>470.56376485825058</v>
      </c>
      <c r="AN2260">
        <v>2220</v>
      </c>
      <c r="AO2260">
        <v>219.5695790190679</v>
      </c>
      <c r="AP2260">
        <v>287.30542223276012</v>
      </c>
      <c r="AQ2260">
        <v>2.3125</v>
      </c>
      <c r="AR2260">
        <v>4.25</v>
      </c>
      <c r="AS2260">
        <v>16</v>
      </c>
      <c r="AT2260">
        <v>0</v>
      </c>
      <c r="AU2260">
        <v>0.2225609756097561</v>
      </c>
      <c r="AV2260">
        <v>-0.23909653976119929</v>
      </c>
      <c r="AW2260">
        <v>0.25</v>
      </c>
      <c r="AX2260">
        <v>95.86666666666666</v>
      </c>
      <c r="AY2260">
        <v>58.5</v>
      </c>
      <c r="AZ2260">
        <v>141</v>
      </c>
      <c r="BA2260">
        <v>0.54741277097169005</v>
      </c>
      <c r="BB2260">
        <v>0.625</v>
      </c>
      <c r="BC2260">
        <v>2.7080502011022101</v>
      </c>
      <c r="BD2260" t="s">
        <v>8615</v>
      </c>
      <c r="BE2260" t="s">
        <v>62</v>
      </c>
    </row>
    <row r="2261" spans="1:57" x14ac:dyDescent="0.3">
      <c r="A2261" t="s">
        <v>8617</v>
      </c>
      <c r="B2261">
        <v>1621</v>
      </c>
      <c r="C2261" t="s">
        <v>8618</v>
      </c>
      <c r="D2261" t="s">
        <v>8619</v>
      </c>
      <c r="E2261" t="s">
        <v>66</v>
      </c>
      <c r="F2261">
        <v>70</v>
      </c>
      <c r="G2261">
        <v>113.9571428571429</v>
      </c>
      <c r="H2261">
        <v>104.5</v>
      </c>
      <c r="I2261">
        <v>5733.612448979592</v>
      </c>
      <c r="J2261">
        <v>75.720621028750102</v>
      </c>
      <c r="K2261">
        <v>0.1342198448019907</v>
      </c>
      <c r="L2261">
        <v>-1.3252228973461799</v>
      </c>
      <c r="M2261">
        <v>5.814997302659255</v>
      </c>
      <c r="N2261">
        <v>2</v>
      </c>
      <c r="O2261">
        <v>1</v>
      </c>
      <c r="P2261">
        <v>1</v>
      </c>
      <c r="Q2261">
        <v>0.38946187434156132</v>
      </c>
      <c r="R2261">
        <v>4.0306489853019478</v>
      </c>
      <c r="S2261">
        <v>2</v>
      </c>
      <c r="T2261">
        <v>1</v>
      </c>
      <c r="U2261">
        <v>1</v>
      </c>
      <c r="V2261">
        <v>0.1203728348804772</v>
      </c>
      <c r="W2261">
        <v>4.2140152819723324</v>
      </c>
      <c r="X2261">
        <v>1</v>
      </c>
      <c r="Y2261">
        <v>1</v>
      </c>
      <c r="Z2261">
        <v>0</v>
      </c>
      <c r="AA2261">
        <v>0</v>
      </c>
      <c r="AB2261">
        <v>4.2195077051761087</v>
      </c>
      <c r="AC2261">
        <v>1</v>
      </c>
      <c r="AD2261">
        <v>1</v>
      </c>
      <c r="AE2261">
        <v>0</v>
      </c>
      <c r="AF2261">
        <v>0</v>
      </c>
      <c r="AG2261">
        <v>4.2046926193909648</v>
      </c>
      <c r="AH2261">
        <v>0.17146307666447749</v>
      </c>
      <c r="AI2261">
        <v>0.19087306687681579</v>
      </c>
      <c r="AJ2261">
        <v>3.4355637283445629E-2</v>
      </c>
      <c r="AK2261">
        <v>-0.1218871589241788</v>
      </c>
      <c r="AL2261">
        <v>646.85873780659506</v>
      </c>
      <c r="AM2261">
        <v>944.43780807592566</v>
      </c>
      <c r="AN2261">
        <v>7977</v>
      </c>
      <c r="AO2261">
        <v>84.117726205992398</v>
      </c>
      <c r="AP2261">
        <v>475.13745700612839</v>
      </c>
      <c r="AQ2261">
        <v>1.328571428571429</v>
      </c>
      <c r="AR2261">
        <v>3.8142857142857149</v>
      </c>
      <c r="AS2261">
        <v>70</v>
      </c>
      <c r="AT2261">
        <v>7.5428571428571436</v>
      </c>
      <c r="AU2261">
        <v>0.1163184641445511</v>
      </c>
      <c r="AV2261">
        <v>0.1746104637981476</v>
      </c>
      <c r="AW2261">
        <v>0.4</v>
      </c>
      <c r="AX2261">
        <v>77.550724637681157</v>
      </c>
      <c r="AY2261">
        <v>70.5</v>
      </c>
      <c r="AZ2261">
        <v>142.75</v>
      </c>
      <c r="BA2261">
        <v>0.66446577309922372</v>
      </c>
      <c r="BB2261">
        <v>0.45714285714285707</v>
      </c>
      <c r="BC2261">
        <v>3.9854285266667779</v>
      </c>
      <c r="BD2261" t="s">
        <v>8620</v>
      </c>
      <c r="BE2261" t="s">
        <v>68</v>
      </c>
    </row>
    <row r="2262" spans="1:57" x14ac:dyDescent="0.3">
      <c r="A2262" t="s">
        <v>8621</v>
      </c>
      <c r="B2262">
        <v>1979</v>
      </c>
      <c r="C2262" t="s">
        <v>8622</v>
      </c>
      <c r="D2262" t="s">
        <v>8623</v>
      </c>
      <c r="E2262" t="s">
        <v>93</v>
      </c>
      <c r="F2262">
        <v>1979</v>
      </c>
      <c r="G2262">
        <v>127.90399191510861</v>
      </c>
      <c r="H2262">
        <v>126</v>
      </c>
      <c r="I2262">
        <v>5497.2065479857874</v>
      </c>
      <c r="J2262">
        <v>74.143149029332349</v>
      </c>
      <c r="K2262">
        <v>6.7040283603411709E-3</v>
      </c>
      <c r="L2262">
        <v>-1.204102875278604</v>
      </c>
      <c r="M2262">
        <v>7.9122491492926663</v>
      </c>
      <c r="N2262">
        <v>16</v>
      </c>
      <c r="O2262">
        <v>1</v>
      </c>
      <c r="P2262">
        <v>15</v>
      </c>
      <c r="Q2262">
        <v>2.648999179930684</v>
      </c>
      <c r="R2262">
        <v>5.484353189720041</v>
      </c>
      <c r="S2262">
        <v>2</v>
      </c>
      <c r="T2262">
        <v>1</v>
      </c>
      <c r="U2262">
        <v>1</v>
      </c>
      <c r="V2262">
        <v>0.10545586172225919</v>
      </c>
      <c r="W2262">
        <v>7.5744226669123638</v>
      </c>
      <c r="X2262">
        <v>1</v>
      </c>
      <c r="Y2262">
        <v>1</v>
      </c>
      <c r="Z2262">
        <v>0</v>
      </c>
      <c r="AA2262">
        <v>0</v>
      </c>
      <c r="AB2262">
        <v>7.5893358231706189</v>
      </c>
      <c r="AC2262">
        <v>1</v>
      </c>
      <c r="AD2262">
        <v>1</v>
      </c>
      <c r="AE2262">
        <v>0</v>
      </c>
      <c r="AF2262">
        <v>0</v>
      </c>
      <c r="AG2262">
        <v>7.5888298783078127</v>
      </c>
      <c r="AH2262">
        <v>-2.0074127189164408E-3</v>
      </c>
      <c r="AI2262">
        <v>7.2036254338888649E-3</v>
      </c>
      <c r="AJ2262">
        <v>2.37720998982274E-2</v>
      </c>
      <c r="AK2262">
        <v>4.5848240252987027E-3</v>
      </c>
      <c r="AL2262">
        <v>3042.6300003108909</v>
      </c>
      <c r="AM2262">
        <v>5830.6679446876533</v>
      </c>
      <c r="AN2262">
        <v>253122</v>
      </c>
      <c r="AO2262">
        <v>70.355617868910585</v>
      </c>
      <c r="AP2262">
        <v>2681.0739217725968</v>
      </c>
      <c r="AQ2262">
        <v>1.0116220313289539</v>
      </c>
      <c r="AR2262">
        <v>3.9883779686710459</v>
      </c>
      <c r="AS2262">
        <v>1973</v>
      </c>
      <c r="AT2262">
        <v>232.37948458817581</v>
      </c>
      <c r="AU2262">
        <v>1.421593397338727E-2</v>
      </c>
      <c r="AV2262">
        <v>-2.007620305347243E-3</v>
      </c>
      <c r="AW2262">
        <v>0.37897928246589191</v>
      </c>
      <c r="AX2262">
        <v>86.072295247724981</v>
      </c>
      <c r="AY2262">
        <v>64</v>
      </c>
      <c r="AZ2262">
        <v>129</v>
      </c>
      <c r="BA2262">
        <v>0.57967814701625586</v>
      </c>
      <c r="BB2262">
        <v>0.49469429004547749</v>
      </c>
      <c r="BC2262">
        <v>5.2916258793140054</v>
      </c>
      <c r="BD2262" t="s">
        <v>8624</v>
      </c>
      <c r="BE2262" t="s">
        <v>68</v>
      </c>
    </row>
    <row r="2263" spans="1:57" x14ac:dyDescent="0.3">
      <c r="A2263" t="s">
        <v>8625</v>
      </c>
      <c r="B2263">
        <v>613</v>
      </c>
      <c r="C2263" t="s">
        <v>8626</v>
      </c>
      <c r="D2263" t="s">
        <v>8627</v>
      </c>
      <c r="E2263" t="s">
        <v>98</v>
      </c>
      <c r="F2263">
        <v>16</v>
      </c>
      <c r="G2263">
        <v>137</v>
      </c>
      <c r="H2263">
        <v>135.5</v>
      </c>
      <c r="I2263">
        <v>5597.5</v>
      </c>
      <c r="J2263">
        <v>74.816442043176579</v>
      </c>
      <c r="K2263">
        <v>2.686163324297831E-2</v>
      </c>
      <c r="L2263">
        <v>-1.0331369460262381</v>
      </c>
      <c r="M2263">
        <v>4</v>
      </c>
      <c r="N2263">
        <v>1</v>
      </c>
      <c r="O2263">
        <v>1</v>
      </c>
      <c r="P2263">
        <v>0</v>
      </c>
      <c r="Q2263">
        <v>0</v>
      </c>
      <c r="R2263">
        <v>2.7725887222397811</v>
      </c>
      <c r="S2263">
        <v>1</v>
      </c>
      <c r="T2263">
        <v>1</v>
      </c>
      <c r="U2263">
        <v>0</v>
      </c>
      <c r="V2263">
        <v>0</v>
      </c>
      <c r="W2263">
        <v>2.7080502011022101</v>
      </c>
      <c r="X2263">
        <v>1</v>
      </c>
      <c r="Y2263">
        <v>1</v>
      </c>
      <c r="Z2263">
        <v>0</v>
      </c>
      <c r="AA2263">
        <v>0</v>
      </c>
      <c r="AB2263">
        <v>2.639057329615258</v>
      </c>
      <c r="AC2263">
        <v>1</v>
      </c>
      <c r="AD2263">
        <v>1</v>
      </c>
      <c r="AE2263">
        <v>0</v>
      </c>
      <c r="AF2263">
        <v>0</v>
      </c>
      <c r="AG2263">
        <v>2.5649493574615372</v>
      </c>
      <c r="AH2263">
        <v>-8.1531933899062076E-2</v>
      </c>
      <c r="AI2263">
        <v>0.22330281375614111</v>
      </c>
      <c r="AJ2263">
        <v>-0.22064537740062529</v>
      </c>
      <c r="AK2263">
        <v>-7.8684680661009379E-2</v>
      </c>
      <c r="AL2263">
        <v>401.05533399279682</v>
      </c>
      <c r="AM2263">
        <v>478.55889823085113</v>
      </c>
      <c r="AN2263">
        <v>2192</v>
      </c>
      <c r="AO2263">
        <v>110.15240022120859</v>
      </c>
      <c r="AP2263">
        <v>280.44052538957578</v>
      </c>
      <c r="AQ2263">
        <v>2.3125</v>
      </c>
      <c r="AR2263">
        <v>4.25</v>
      </c>
      <c r="AS2263">
        <v>16</v>
      </c>
      <c r="AT2263">
        <v>0</v>
      </c>
      <c r="AU2263">
        <v>0.11042490118577079</v>
      </c>
      <c r="AV2263">
        <v>-8.3353508842212237E-2</v>
      </c>
      <c r="AW2263">
        <v>0.375</v>
      </c>
      <c r="AX2263">
        <v>97.466666666666669</v>
      </c>
      <c r="AY2263">
        <v>61</v>
      </c>
      <c r="AZ2263">
        <v>117</v>
      </c>
      <c r="BA2263">
        <v>0.5461054163735517</v>
      </c>
      <c r="BB2263">
        <v>0.5</v>
      </c>
      <c r="BC2263">
        <v>2.615630577027551</v>
      </c>
      <c r="BD2263" t="s">
        <v>8626</v>
      </c>
      <c r="BE2263" t="s">
        <v>62</v>
      </c>
    </row>
    <row r="2264" spans="1:57" x14ac:dyDescent="0.3">
      <c r="A2264" t="s">
        <v>8628</v>
      </c>
      <c r="B2264">
        <v>2830</v>
      </c>
      <c r="C2264" t="s">
        <v>8629</v>
      </c>
      <c r="D2264" t="s">
        <v>8630</v>
      </c>
      <c r="E2264" t="s">
        <v>98</v>
      </c>
      <c r="F2264">
        <v>16</v>
      </c>
      <c r="G2264">
        <v>136.6875</v>
      </c>
      <c r="H2264">
        <v>130.5</v>
      </c>
      <c r="I2264">
        <v>6592.96484375</v>
      </c>
      <c r="J2264">
        <v>81.197074108307618</v>
      </c>
      <c r="K2264">
        <v>-0.17788181941038919</v>
      </c>
      <c r="L2264">
        <v>-1.234121671213239</v>
      </c>
      <c r="M2264">
        <v>4</v>
      </c>
      <c r="N2264">
        <v>1</v>
      </c>
      <c r="O2264">
        <v>1</v>
      </c>
      <c r="P2264">
        <v>0</v>
      </c>
      <c r="Q2264">
        <v>0</v>
      </c>
      <c r="R2264">
        <v>2.7725887222397811</v>
      </c>
      <c r="S2264">
        <v>1</v>
      </c>
      <c r="T2264">
        <v>1</v>
      </c>
      <c r="U2264">
        <v>0</v>
      </c>
      <c r="V2264">
        <v>0</v>
      </c>
      <c r="W2264">
        <v>2.7080502011022101</v>
      </c>
      <c r="X2264">
        <v>1</v>
      </c>
      <c r="Y2264">
        <v>1</v>
      </c>
      <c r="Z2264">
        <v>0</v>
      </c>
      <c r="AA2264">
        <v>0</v>
      </c>
      <c r="AB2264">
        <v>2.639057329615258</v>
      </c>
      <c r="AC2264">
        <v>1</v>
      </c>
      <c r="AD2264">
        <v>1</v>
      </c>
      <c r="AE2264">
        <v>0</v>
      </c>
      <c r="AF2264">
        <v>0</v>
      </c>
      <c r="AG2264">
        <v>2.5649493574615372</v>
      </c>
      <c r="AH2264">
        <v>0.2233266150175465</v>
      </c>
      <c r="AI2264">
        <v>0.21419367768318379</v>
      </c>
      <c r="AJ2264">
        <v>4.2476547859075639E-3</v>
      </c>
      <c r="AK2264">
        <v>-0.103899590531811</v>
      </c>
      <c r="AL2264">
        <v>417.49949605205012</v>
      </c>
      <c r="AM2264">
        <v>479.70529577677598</v>
      </c>
      <c r="AN2264">
        <v>2187</v>
      </c>
      <c r="AO2264">
        <v>86.041434046806231</v>
      </c>
      <c r="AP2264">
        <v>298.12948292851451</v>
      </c>
      <c r="AQ2264">
        <v>2.3125</v>
      </c>
      <c r="AR2264">
        <v>4.3125</v>
      </c>
      <c r="AS2264">
        <v>16</v>
      </c>
      <c r="AT2264">
        <v>0</v>
      </c>
      <c r="AU2264">
        <v>0.15009842519685029</v>
      </c>
      <c r="AV2264">
        <v>0.26279700877139228</v>
      </c>
      <c r="AW2264">
        <v>0.3125</v>
      </c>
      <c r="AX2264">
        <v>84.466666666666669</v>
      </c>
      <c r="AY2264">
        <v>71.5</v>
      </c>
      <c r="AZ2264">
        <v>130.75</v>
      </c>
      <c r="BA2264">
        <v>0.59403437847870233</v>
      </c>
      <c r="BB2264">
        <v>0.4375</v>
      </c>
      <c r="BC2264">
        <v>2.7080502011022101</v>
      </c>
      <c r="BD2264" t="s">
        <v>8629</v>
      </c>
      <c r="BE2264" t="s">
        <v>62</v>
      </c>
    </row>
    <row r="2265" spans="1:57" x14ac:dyDescent="0.3">
      <c r="A2265" t="s">
        <v>8631</v>
      </c>
      <c r="B2265">
        <v>158</v>
      </c>
      <c r="C2265" t="s">
        <v>8632</v>
      </c>
      <c r="D2265" t="s">
        <v>8633</v>
      </c>
      <c r="E2265" t="s">
        <v>60</v>
      </c>
      <c r="F2265">
        <v>256</v>
      </c>
      <c r="G2265">
        <v>127.13671875</v>
      </c>
      <c r="H2265">
        <v>121.5</v>
      </c>
      <c r="I2265">
        <v>5108.0789642333984</v>
      </c>
      <c r="J2265">
        <v>71.470825965798085</v>
      </c>
      <c r="K2265">
        <v>6.2089216179263711E-2</v>
      </c>
      <c r="L2265">
        <v>-1.1946795990362169</v>
      </c>
      <c r="M2265">
        <v>7.162723193198806</v>
      </c>
      <c r="N2265">
        <v>4</v>
      </c>
      <c r="O2265">
        <v>1</v>
      </c>
      <c r="P2265">
        <v>3</v>
      </c>
      <c r="Q2265">
        <v>0.81501476334180933</v>
      </c>
      <c r="R2265">
        <v>4.9648213864970803</v>
      </c>
      <c r="S2265">
        <v>1</v>
      </c>
      <c r="T2265">
        <v>1</v>
      </c>
      <c r="U2265">
        <v>0</v>
      </c>
      <c r="V2265">
        <v>0</v>
      </c>
      <c r="W2265">
        <v>5.541263545158424</v>
      </c>
      <c r="X2265">
        <v>1</v>
      </c>
      <c r="Y2265">
        <v>1</v>
      </c>
      <c r="Z2265">
        <v>0</v>
      </c>
      <c r="AA2265">
        <v>0</v>
      </c>
      <c r="AB2265">
        <v>5.5373342670185366</v>
      </c>
      <c r="AC2265">
        <v>1</v>
      </c>
      <c r="AD2265">
        <v>1</v>
      </c>
      <c r="AE2265">
        <v>0</v>
      </c>
      <c r="AF2265">
        <v>0</v>
      </c>
      <c r="AG2265">
        <v>5.5333894887275203</v>
      </c>
      <c r="AH2265">
        <v>-1.217787813453078E-2</v>
      </c>
      <c r="AI2265">
        <v>0.12910131435165981</v>
      </c>
      <c r="AJ2265">
        <v>-3.1605015890839937E-2</v>
      </c>
      <c r="AK2265">
        <v>-1.230825711366639E-2</v>
      </c>
      <c r="AL2265">
        <v>1109.6687521631511</v>
      </c>
      <c r="AM2265">
        <v>2052.857096943836</v>
      </c>
      <c r="AN2265">
        <v>32547</v>
      </c>
      <c r="AO2265">
        <v>68.701332541293311</v>
      </c>
      <c r="AP2265">
        <v>898.24975980413581</v>
      </c>
      <c r="AQ2265">
        <v>1.08984375</v>
      </c>
      <c r="AR2265">
        <v>4.1328125</v>
      </c>
      <c r="AS2265">
        <v>256</v>
      </c>
      <c r="AT2265">
        <v>67.257812500000014</v>
      </c>
      <c r="AU2265">
        <v>4.3658088235294129E-2</v>
      </c>
      <c r="AV2265">
        <v>-1.218767013430405E-2</v>
      </c>
      <c r="AW2265">
        <v>0.42578125</v>
      </c>
      <c r="AX2265">
        <v>84.078431372549019</v>
      </c>
      <c r="AY2265">
        <v>61</v>
      </c>
      <c r="AZ2265">
        <v>123.25</v>
      </c>
      <c r="BA2265">
        <v>0.5621572325327775</v>
      </c>
      <c r="BB2265">
        <v>0.47265625</v>
      </c>
      <c r="BC2265">
        <v>4.7965992115405314</v>
      </c>
      <c r="BD2265" t="s">
        <v>8634</v>
      </c>
      <c r="BE2265" t="s">
        <v>62</v>
      </c>
    </row>
    <row r="2266" spans="1:57" x14ac:dyDescent="0.3">
      <c r="A2266" t="s">
        <v>8635</v>
      </c>
      <c r="B2266">
        <v>1868</v>
      </c>
      <c r="C2266" t="s">
        <v>8636</v>
      </c>
      <c r="D2266" t="s">
        <v>8637</v>
      </c>
      <c r="E2266" t="s">
        <v>106</v>
      </c>
      <c r="F2266">
        <v>1952</v>
      </c>
      <c r="G2266">
        <v>128.29610655737699</v>
      </c>
      <c r="H2266">
        <v>128.5</v>
      </c>
      <c r="I2266">
        <v>5478.6746159886452</v>
      </c>
      <c r="J2266">
        <v>74.01806952352004</v>
      </c>
      <c r="K2266">
        <v>-1.120632147269502E-2</v>
      </c>
      <c r="L2266">
        <v>-1.213449092196168</v>
      </c>
      <c r="M2266">
        <v>7.9023054246303337</v>
      </c>
      <c r="N2266">
        <v>18</v>
      </c>
      <c r="O2266">
        <v>1</v>
      </c>
      <c r="P2266">
        <v>17</v>
      </c>
      <c r="Q2266">
        <v>2.774042627646518</v>
      </c>
      <c r="R2266">
        <v>5.4774607250060683</v>
      </c>
      <c r="S2266">
        <v>3</v>
      </c>
      <c r="T2266">
        <v>1</v>
      </c>
      <c r="U2266">
        <v>2</v>
      </c>
      <c r="V2266">
        <v>0.15532295838139629</v>
      </c>
      <c r="W2266">
        <v>7.5450070516350607</v>
      </c>
      <c r="X2266">
        <v>2</v>
      </c>
      <c r="Y2266">
        <v>1</v>
      </c>
      <c r="Z2266">
        <v>1</v>
      </c>
      <c r="AA2266">
        <v>2.264553770211792E-2</v>
      </c>
      <c r="AB2266">
        <v>7.5748737313726</v>
      </c>
      <c r="AC2266">
        <v>1</v>
      </c>
      <c r="AD2266">
        <v>1</v>
      </c>
      <c r="AE2266">
        <v>0</v>
      </c>
      <c r="AF2266">
        <v>0</v>
      </c>
      <c r="AG2266">
        <v>7.5750716995075598</v>
      </c>
      <c r="AH2266">
        <v>6.7979444425350314E-3</v>
      </c>
      <c r="AI2266">
        <v>8.5305758396772794E-3</v>
      </c>
      <c r="AJ2266">
        <v>-1.1639470275911491E-2</v>
      </c>
      <c r="AK2266">
        <v>4.8104407331065807E-3</v>
      </c>
      <c r="AL2266">
        <v>3049.9967124190389</v>
      </c>
      <c r="AM2266">
        <v>5789.784111193876</v>
      </c>
      <c r="AN2266">
        <v>250434</v>
      </c>
      <c r="AO2266">
        <v>45.455302524224138</v>
      </c>
      <c r="AP2266">
        <v>2795.2603996768848</v>
      </c>
      <c r="AQ2266">
        <v>1.011782786885246</v>
      </c>
      <c r="AR2266">
        <v>4.0046106557377046</v>
      </c>
      <c r="AS2266">
        <v>1941</v>
      </c>
      <c r="AT2266">
        <v>258.36065573770492</v>
      </c>
      <c r="AU2266">
        <v>1.463757634201213E-2</v>
      </c>
      <c r="AV2266">
        <v>6.7995707263188484E-3</v>
      </c>
      <c r="AW2266">
        <v>0.37397540983606559</v>
      </c>
      <c r="AX2266">
        <v>85.307022039979501</v>
      </c>
      <c r="AY2266">
        <v>64.5</v>
      </c>
      <c r="AZ2266">
        <v>129</v>
      </c>
      <c r="BA2266">
        <v>0.57693153369714623</v>
      </c>
      <c r="BB2266">
        <v>0.5</v>
      </c>
      <c r="BC2266">
        <v>5.2926816903315226</v>
      </c>
      <c r="BD2266" t="s">
        <v>8638</v>
      </c>
      <c r="BE2266" t="s">
        <v>62</v>
      </c>
    </row>
    <row r="2267" spans="1:57" x14ac:dyDescent="0.3">
      <c r="A2267" t="s">
        <v>8639</v>
      </c>
      <c r="B2267">
        <v>2386</v>
      </c>
      <c r="C2267" t="s">
        <v>8640</v>
      </c>
      <c r="D2267" t="s">
        <v>8641</v>
      </c>
      <c r="E2267" t="s">
        <v>93</v>
      </c>
      <c r="F2267">
        <v>2478</v>
      </c>
      <c r="G2267">
        <v>123.4386602098466</v>
      </c>
      <c r="H2267">
        <v>123</v>
      </c>
      <c r="I2267">
        <v>5267.7490622889009</v>
      </c>
      <c r="J2267">
        <v>72.57926055209505</v>
      </c>
      <c r="K2267">
        <v>4.9332788692643403E-2</v>
      </c>
      <c r="L2267">
        <v>-1.1568566140092571</v>
      </c>
      <c r="M2267">
        <v>7.9168442633104794</v>
      </c>
      <c r="N2267">
        <v>23</v>
      </c>
      <c r="O2267">
        <v>3</v>
      </c>
      <c r="P2267">
        <v>20</v>
      </c>
      <c r="Q2267">
        <v>3.311753674768664</v>
      </c>
      <c r="R2267">
        <v>5.4875382800458388</v>
      </c>
      <c r="S2267">
        <v>3</v>
      </c>
      <c r="T2267">
        <v>1</v>
      </c>
      <c r="U2267">
        <v>2</v>
      </c>
      <c r="V2267">
        <v>0.14630353995367529</v>
      </c>
      <c r="W2267">
        <v>7.7860491862269923</v>
      </c>
      <c r="X2267">
        <v>1</v>
      </c>
      <c r="Y2267">
        <v>1</v>
      </c>
      <c r="Z2267">
        <v>0</v>
      </c>
      <c r="AA2267">
        <v>0</v>
      </c>
      <c r="AB2267">
        <v>7.8143996338044861</v>
      </c>
      <c r="AC2267">
        <v>1</v>
      </c>
      <c r="AD2267">
        <v>1</v>
      </c>
      <c r="AE2267">
        <v>0</v>
      </c>
      <c r="AF2267">
        <v>0</v>
      </c>
      <c r="AG2267">
        <v>7.8139956750027917</v>
      </c>
      <c r="AH2267">
        <v>-4.5989819987077582E-3</v>
      </c>
      <c r="AI2267">
        <v>4.4519998141435164E-3</v>
      </c>
      <c r="AJ2267">
        <v>-2.3049392191894499E-2</v>
      </c>
      <c r="AK2267">
        <v>-3.3541250684615978E-3</v>
      </c>
      <c r="AL2267">
        <v>3331.697865627681</v>
      </c>
      <c r="AM2267">
        <v>6301.6515559154768</v>
      </c>
      <c r="AN2267">
        <v>305881</v>
      </c>
      <c r="AO2267">
        <v>221.5746955655184</v>
      </c>
      <c r="AP2267">
        <v>3062.0471791864611</v>
      </c>
      <c r="AQ2267">
        <v>1.009281678773204</v>
      </c>
      <c r="AR2267">
        <v>3.987489911218725</v>
      </c>
      <c r="AS2267">
        <v>2465</v>
      </c>
      <c r="AT2267">
        <v>290.06456820016137</v>
      </c>
      <c r="AU2267">
        <v>3.5635949294972158E-2</v>
      </c>
      <c r="AV2267">
        <v>-4.6023327169778128E-3</v>
      </c>
      <c r="AW2267">
        <v>0.37812752219531881</v>
      </c>
      <c r="AX2267">
        <v>84.107387969317728</v>
      </c>
      <c r="AY2267">
        <v>62</v>
      </c>
      <c r="AZ2267">
        <v>123</v>
      </c>
      <c r="BA2267">
        <v>0.58797835644610663</v>
      </c>
      <c r="BB2267">
        <v>0.49354317998385788</v>
      </c>
      <c r="BC2267">
        <v>5.2843304199760048</v>
      </c>
      <c r="BD2267" t="s">
        <v>8642</v>
      </c>
      <c r="BE2267" t="s">
        <v>68</v>
      </c>
    </row>
    <row r="2268" spans="1:57" x14ac:dyDescent="0.3">
      <c r="A2268" t="s">
        <v>8643</v>
      </c>
      <c r="B2268">
        <v>3515</v>
      </c>
      <c r="C2268" t="s">
        <v>8644</v>
      </c>
      <c r="D2268" t="s">
        <v>8645</v>
      </c>
      <c r="E2268" t="s">
        <v>106</v>
      </c>
      <c r="F2268">
        <v>3543</v>
      </c>
      <c r="G2268">
        <v>128.32373694609089</v>
      </c>
      <c r="H2268">
        <v>130</v>
      </c>
      <c r="I2268">
        <v>5485.5223465206982</v>
      </c>
      <c r="J2268">
        <v>74.064312232820328</v>
      </c>
      <c r="K2268">
        <v>-1.0761775870364939E-2</v>
      </c>
      <c r="L2268">
        <v>-1.205614260971386</v>
      </c>
      <c r="M2268">
        <v>7.9456684963701241</v>
      </c>
      <c r="N2268">
        <v>27</v>
      </c>
      <c r="O2268">
        <v>4</v>
      </c>
      <c r="P2268">
        <v>23</v>
      </c>
      <c r="Q2268">
        <v>3.7512672826107631</v>
      </c>
      <c r="R2268">
        <v>5.5075177159229236</v>
      </c>
      <c r="S2268">
        <v>3</v>
      </c>
      <c r="T2268">
        <v>1</v>
      </c>
      <c r="U2268">
        <v>2</v>
      </c>
      <c r="V2268">
        <v>0.15676734346988119</v>
      </c>
      <c r="W2268">
        <v>8.139666206185673</v>
      </c>
      <c r="X2268">
        <v>1</v>
      </c>
      <c r="Y2268">
        <v>1</v>
      </c>
      <c r="Z2268">
        <v>0</v>
      </c>
      <c r="AA2268">
        <v>0</v>
      </c>
      <c r="AB2268">
        <v>8.1721644521119021</v>
      </c>
      <c r="AC2268">
        <v>1</v>
      </c>
      <c r="AD2268">
        <v>1</v>
      </c>
      <c r="AE2268">
        <v>0</v>
      </c>
      <c r="AF2268">
        <v>0</v>
      </c>
      <c r="AG2268">
        <v>8.1718820061278237</v>
      </c>
      <c r="AH2268">
        <v>3.8041244858800942E-2</v>
      </c>
      <c r="AI2268">
        <v>-8.1181293784152488E-3</v>
      </c>
      <c r="AJ2268">
        <v>3.9411584836809503E-2</v>
      </c>
      <c r="AK2268">
        <v>5.0163013448928217E-3</v>
      </c>
      <c r="AL2268">
        <v>4040.8079650310178</v>
      </c>
      <c r="AM2268">
        <v>7838.9790144981189</v>
      </c>
      <c r="AN2268">
        <v>454651</v>
      </c>
      <c r="AO2268">
        <v>117.66501864377911</v>
      </c>
      <c r="AP2268">
        <v>3610.194955210794</v>
      </c>
      <c r="AQ2268">
        <v>1.006491673722834</v>
      </c>
      <c r="AR2268">
        <v>4.0124188540784642</v>
      </c>
      <c r="AS2268">
        <v>3519</v>
      </c>
      <c r="AT2268">
        <v>260.29438329099628</v>
      </c>
      <c r="AU2268">
        <v>1.2189736182364521E-2</v>
      </c>
      <c r="AV2268">
        <v>3.8057238779284637E-2</v>
      </c>
      <c r="AW2268">
        <v>0.3660739486311036</v>
      </c>
      <c r="AX2268">
        <v>83.736024844720504</v>
      </c>
      <c r="AY2268">
        <v>64</v>
      </c>
      <c r="AZ2268">
        <v>129</v>
      </c>
      <c r="BA2268">
        <v>0.57716766979701439</v>
      </c>
      <c r="BB2268">
        <v>0.50324583686141688</v>
      </c>
      <c r="BC2268">
        <v>5.3051137412142548</v>
      </c>
      <c r="BD2268" t="s">
        <v>8646</v>
      </c>
      <c r="BE2268" t="s">
        <v>68</v>
      </c>
    </row>
    <row r="2269" spans="1:57" x14ac:dyDescent="0.3">
      <c r="A2269" t="s">
        <v>8647</v>
      </c>
      <c r="B2269">
        <v>2478</v>
      </c>
      <c r="C2269" t="s">
        <v>8648</v>
      </c>
      <c r="D2269" t="s">
        <v>8649</v>
      </c>
      <c r="E2269" t="s">
        <v>66</v>
      </c>
      <c r="F2269">
        <v>71</v>
      </c>
      <c r="G2269">
        <v>112.7183098591549</v>
      </c>
      <c r="H2269">
        <v>113</v>
      </c>
      <c r="I2269">
        <v>5781.4136084110296</v>
      </c>
      <c r="J2269">
        <v>76.035607503399547</v>
      </c>
      <c r="K2269">
        <v>0.1026107359112704</v>
      </c>
      <c r="L2269">
        <v>-1.289975105157759</v>
      </c>
      <c r="M2269">
        <v>5.7622854997254267</v>
      </c>
      <c r="N2269">
        <v>3</v>
      </c>
      <c r="O2269">
        <v>1</v>
      </c>
      <c r="P2269">
        <v>2</v>
      </c>
      <c r="Q2269">
        <v>0.49281399751573968</v>
      </c>
      <c r="R2269">
        <v>3.9941119477161382</v>
      </c>
      <c r="S2269">
        <v>1</v>
      </c>
      <c r="T2269">
        <v>1</v>
      </c>
      <c r="U2269">
        <v>0</v>
      </c>
      <c r="V2269">
        <v>0</v>
      </c>
      <c r="W2269">
        <v>4.2484952420493576</v>
      </c>
      <c r="X2269">
        <v>1</v>
      </c>
      <c r="Y2269">
        <v>1</v>
      </c>
      <c r="Z2269">
        <v>0</v>
      </c>
      <c r="AA2269">
        <v>0</v>
      </c>
      <c r="AB2269">
        <v>4.2341065045972579</v>
      </c>
      <c r="AC2269">
        <v>1</v>
      </c>
      <c r="AD2269">
        <v>1</v>
      </c>
      <c r="AE2269">
        <v>0</v>
      </c>
      <c r="AF2269">
        <v>0</v>
      </c>
      <c r="AG2269">
        <v>4.2195077051761087</v>
      </c>
      <c r="AH2269">
        <v>4.413367032761898E-2</v>
      </c>
      <c r="AI2269">
        <v>0.31627934418006742</v>
      </c>
      <c r="AJ2269">
        <v>-3.3589816377077537E-2</v>
      </c>
      <c r="AK2269">
        <v>-0.12555263620123289</v>
      </c>
      <c r="AL2269">
        <v>661.63866593383443</v>
      </c>
      <c r="AM2269">
        <v>935.30704891030075</v>
      </c>
      <c r="AN2269">
        <v>8003</v>
      </c>
      <c r="AO2269">
        <v>56.859250651982471</v>
      </c>
      <c r="AP2269">
        <v>466.94506791894082</v>
      </c>
      <c r="AQ2269">
        <v>1.323943661971831</v>
      </c>
      <c r="AR2269">
        <v>3.535211267605634</v>
      </c>
      <c r="AS2269">
        <v>71</v>
      </c>
      <c r="AT2269">
        <v>11.507042253521121</v>
      </c>
      <c r="AU2269">
        <v>0.1196056338028169</v>
      </c>
      <c r="AV2269">
        <v>4.4508803580355E-2</v>
      </c>
      <c r="AW2269">
        <v>0.352112676056338</v>
      </c>
      <c r="AX2269">
        <v>87.814285714285717</v>
      </c>
      <c r="AY2269">
        <v>66</v>
      </c>
      <c r="AZ2269">
        <v>138</v>
      </c>
      <c r="BA2269">
        <v>0.67456305544687845</v>
      </c>
      <c r="BB2269">
        <v>0.50704225352112675</v>
      </c>
      <c r="BC2269">
        <v>4.1098658059373703</v>
      </c>
      <c r="BD2269" t="s">
        <v>8650</v>
      </c>
      <c r="BE2269" t="s">
        <v>68</v>
      </c>
    </row>
    <row r="2270" spans="1:57" x14ac:dyDescent="0.3">
      <c r="A2270" t="s">
        <v>8651</v>
      </c>
      <c r="B2270">
        <v>1406</v>
      </c>
      <c r="C2270" t="s">
        <v>8652</v>
      </c>
      <c r="D2270" t="s">
        <v>8653</v>
      </c>
      <c r="E2270" t="s">
        <v>93</v>
      </c>
      <c r="F2270">
        <v>1406</v>
      </c>
      <c r="G2270">
        <v>128.7325746799431</v>
      </c>
      <c r="H2270">
        <v>132.5</v>
      </c>
      <c r="I2270">
        <v>5209.9782703269266</v>
      </c>
      <c r="J2270">
        <v>72.180179206808063</v>
      </c>
      <c r="K2270">
        <v>-5.314620099382418E-2</v>
      </c>
      <c r="L2270">
        <v>-1.138738037660469</v>
      </c>
      <c r="M2270">
        <v>7.858062023324738</v>
      </c>
      <c r="N2270">
        <v>14</v>
      </c>
      <c r="O2270">
        <v>1</v>
      </c>
      <c r="P2270">
        <v>13</v>
      </c>
      <c r="Q2270">
        <v>2.4027851474577888</v>
      </c>
      <c r="R2270">
        <v>5.4467935361327164</v>
      </c>
      <c r="S2270">
        <v>2</v>
      </c>
      <c r="T2270">
        <v>1</v>
      </c>
      <c r="U2270">
        <v>1</v>
      </c>
      <c r="V2270">
        <v>8.847990728355605E-2</v>
      </c>
      <c r="W2270">
        <v>7.2369390316096132</v>
      </c>
      <c r="X2270">
        <v>1</v>
      </c>
      <c r="Y2270">
        <v>1</v>
      </c>
      <c r="Z2270">
        <v>0</v>
      </c>
      <c r="AA2270">
        <v>0</v>
      </c>
      <c r="AB2270">
        <v>7.247080584585758</v>
      </c>
      <c r="AC2270">
        <v>1</v>
      </c>
      <c r="AD2270">
        <v>1</v>
      </c>
      <c r="AE2270">
        <v>0</v>
      </c>
      <c r="AF2270">
        <v>0</v>
      </c>
      <c r="AG2270">
        <v>7.2463680801024619</v>
      </c>
      <c r="AH2270">
        <v>-6.072510065189482E-3</v>
      </c>
      <c r="AI2270">
        <v>-2.6019078182255739E-2</v>
      </c>
      <c r="AJ2270">
        <v>1.818872326649976E-2</v>
      </c>
      <c r="AK2270">
        <v>-1.7542201713258359E-2</v>
      </c>
      <c r="AL2270">
        <v>2517.00191500548</v>
      </c>
      <c r="AM2270">
        <v>4928.5159388865477</v>
      </c>
      <c r="AN2270">
        <v>180998</v>
      </c>
      <c r="AO2270">
        <v>114.6505947915671</v>
      </c>
      <c r="AP2270">
        <v>2166.6908635940872</v>
      </c>
      <c r="AQ2270">
        <v>1.016358463726885</v>
      </c>
      <c r="AR2270">
        <v>4.0135135135135132</v>
      </c>
      <c r="AS2270">
        <v>1400</v>
      </c>
      <c r="AT2270">
        <v>269.10668563300152</v>
      </c>
      <c r="AU2270">
        <v>3.0965330655733151E-2</v>
      </c>
      <c r="AV2270">
        <v>-6.0731561491923769E-3</v>
      </c>
      <c r="AW2270">
        <v>0.35490753911806538</v>
      </c>
      <c r="AX2270">
        <v>83.709608540925274</v>
      </c>
      <c r="AY2270">
        <v>61.5</v>
      </c>
      <c r="AZ2270">
        <v>123</v>
      </c>
      <c r="BA2270">
        <v>0.56069863735937486</v>
      </c>
      <c r="BB2270">
        <v>0.51920341394025604</v>
      </c>
      <c r="BC2270">
        <v>5.2530530827072877</v>
      </c>
      <c r="BD2270" t="s">
        <v>8654</v>
      </c>
      <c r="BE2270" t="s">
        <v>68</v>
      </c>
    </row>
    <row r="2271" spans="1:57" x14ac:dyDescent="0.3">
      <c r="A2271" t="s">
        <v>8655</v>
      </c>
      <c r="B2271">
        <v>3716</v>
      </c>
      <c r="C2271" t="s">
        <v>8656</v>
      </c>
      <c r="D2271" t="s">
        <v>8657</v>
      </c>
      <c r="E2271" t="s">
        <v>98</v>
      </c>
      <c r="F2271">
        <v>16</v>
      </c>
      <c r="G2271">
        <v>134.75</v>
      </c>
      <c r="H2271">
        <v>150</v>
      </c>
      <c r="I2271">
        <v>3910.8125</v>
      </c>
      <c r="J2271">
        <v>62.536489348219732</v>
      </c>
      <c r="K2271">
        <v>-0.61366860272607293</v>
      </c>
      <c r="L2271">
        <v>-0.29182133892260248</v>
      </c>
      <c r="M2271">
        <v>4</v>
      </c>
      <c r="N2271">
        <v>1</v>
      </c>
      <c r="O2271">
        <v>1</v>
      </c>
      <c r="P2271">
        <v>0</v>
      </c>
      <c r="Q2271">
        <v>0</v>
      </c>
      <c r="R2271">
        <v>2.7725887222397811</v>
      </c>
      <c r="S2271">
        <v>1</v>
      </c>
      <c r="T2271">
        <v>1</v>
      </c>
      <c r="U2271">
        <v>0</v>
      </c>
      <c r="V2271">
        <v>0</v>
      </c>
      <c r="W2271">
        <v>2.7080502011022101</v>
      </c>
      <c r="X2271">
        <v>1</v>
      </c>
      <c r="Y2271">
        <v>1</v>
      </c>
      <c r="Z2271">
        <v>0</v>
      </c>
      <c r="AA2271">
        <v>0</v>
      </c>
      <c r="AB2271">
        <v>2.639057329615258</v>
      </c>
      <c r="AC2271">
        <v>1</v>
      </c>
      <c r="AD2271">
        <v>1</v>
      </c>
      <c r="AE2271">
        <v>0</v>
      </c>
      <c r="AF2271">
        <v>0</v>
      </c>
      <c r="AG2271">
        <v>2.5649493574615372</v>
      </c>
      <c r="AH2271">
        <v>-0.13623387882952709</v>
      </c>
      <c r="AI2271">
        <v>0.1997007495245553</v>
      </c>
      <c r="AJ2271">
        <v>-0.29235552874242882</v>
      </c>
      <c r="AK2271">
        <v>-4.1237834209643137E-2</v>
      </c>
      <c r="AL2271">
        <v>337.84570069092098</v>
      </c>
      <c r="AM2271">
        <v>488.82950251049749</v>
      </c>
      <c r="AN2271">
        <v>2156</v>
      </c>
      <c r="AO2271">
        <v>67.667651193488197</v>
      </c>
      <c r="AP2271">
        <v>202.10713662031421</v>
      </c>
      <c r="AQ2271">
        <v>2.3125</v>
      </c>
      <c r="AR2271">
        <v>3.9375</v>
      </c>
      <c r="AS2271">
        <v>16</v>
      </c>
      <c r="AT2271">
        <v>0</v>
      </c>
      <c r="AU2271">
        <v>0.23706896551724141</v>
      </c>
      <c r="AV2271">
        <v>-0.13792747783678949</v>
      </c>
      <c r="AW2271">
        <v>0.25</v>
      </c>
      <c r="AX2271">
        <v>80</v>
      </c>
      <c r="AY2271">
        <v>43.5</v>
      </c>
      <c r="AZ2271">
        <v>80</v>
      </c>
      <c r="BA2271">
        <v>0.46409268533001657</v>
      </c>
      <c r="BB2271">
        <v>0.625</v>
      </c>
      <c r="BC2271">
        <v>2.7080502011022101</v>
      </c>
      <c r="BD2271" t="s">
        <v>8656</v>
      </c>
      <c r="BE2271" t="s">
        <v>62</v>
      </c>
    </row>
    <row r="2272" spans="1:57" x14ac:dyDescent="0.3">
      <c r="A2272" t="s">
        <v>8658</v>
      </c>
      <c r="B2272">
        <v>3296</v>
      </c>
      <c r="C2272" t="s">
        <v>8659</v>
      </c>
      <c r="D2272" t="s">
        <v>8660</v>
      </c>
      <c r="E2272" t="s">
        <v>72</v>
      </c>
      <c r="F2272">
        <v>3312</v>
      </c>
      <c r="G2272">
        <v>127.4471618357488</v>
      </c>
      <c r="H2272">
        <v>127</v>
      </c>
      <c r="I2272">
        <v>5399.7145994327466</v>
      </c>
      <c r="J2272">
        <v>73.48275035294165</v>
      </c>
      <c r="K2272">
        <v>1.4588044372006201E-3</v>
      </c>
      <c r="L2272">
        <v>-1.1767378160255699</v>
      </c>
      <c r="M2272">
        <v>7.942563973537105</v>
      </c>
      <c r="N2272">
        <v>22</v>
      </c>
      <c r="O2272">
        <v>3</v>
      </c>
      <c r="P2272">
        <v>19</v>
      </c>
      <c r="Q2272">
        <v>3.5865416838508928</v>
      </c>
      <c r="R2272">
        <v>5.5053658246742421</v>
      </c>
      <c r="S2272">
        <v>2</v>
      </c>
      <c r="T2272">
        <v>1</v>
      </c>
      <c r="U2272">
        <v>1</v>
      </c>
      <c r="V2272">
        <v>0.1592255904859225</v>
      </c>
      <c r="W2272">
        <v>8.0698352789141818</v>
      </c>
      <c r="X2272">
        <v>2</v>
      </c>
      <c r="Y2272">
        <v>1</v>
      </c>
      <c r="Z2272">
        <v>1</v>
      </c>
      <c r="AA2272">
        <v>1.7381449192563798E-2</v>
      </c>
      <c r="AB2272">
        <v>8.1042846483224338</v>
      </c>
      <c r="AC2272">
        <v>1</v>
      </c>
      <c r="AD2272">
        <v>1</v>
      </c>
      <c r="AE2272">
        <v>0</v>
      </c>
      <c r="AF2272">
        <v>0</v>
      </c>
      <c r="AG2272">
        <v>8.1044013079216164</v>
      </c>
      <c r="AH2272">
        <v>1.188339453260392E-2</v>
      </c>
      <c r="AI2272">
        <v>-2.842960893166965E-2</v>
      </c>
      <c r="AJ2272">
        <v>5.3774187428312962E-4</v>
      </c>
      <c r="AK2272">
        <v>1.1958993274198901E-2</v>
      </c>
      <c r="AL2272">
        <v>3847.7901473983238</v>
      </c>
      <c r="AM2272">
        <v>7541.5150985451464</v>
      </c>
      <c r="AN2272">
        <v>422105</v>
      </c>
      <c r="AO2272">
        <v>78.486396815519626</v>
      </c>
      <c r="AP2272">
        <v>3393.9512629800738</v>
      </c>
      <c r="AQ2272">
        <v>1.006944444444444</v>
      </c>
      <c r="AR2272">
        <v>3.9900362318840581</v>
      </c>
      <c r="AS2272">
        <v>3297</v>
      </c>
      <c r="AT2272">
        <v>254.53140096618361</v>
      </c>
      <c r="AU2272">
        <v>1.204532537652747E-2</v>
      </c>
      <c r="AV2272">
        <v>1.188765944666024E-2</v>
      </c>
      <c r="AW2272">
        <v>0.37922705314009658</v>
      </c>
      <c r="AX2272">
        <v>84.015705225007551</v>
      </c>
      <c r="AY2272">
        <v>63</v>
      </c>
      <c r="AZ2272">
        <v>126</v>
      </c>
      <c r="BA2272">
        <v>0.57657423903754457</v>
      </c>
      <c r="BB2272">
        <v>0.49788647342995168</v>
      </c>
      <c r="BC2272">
        <v>5.3091243901038183</v>
      </c>
      <c r="BD2272" t="s">
        <v>8661</v>
      </c>
      <c r="BE2272" t="s">
        <v>62</v>
      </c>
    </row>
    <row r="2273" spans="1:57" x14ac:dyDescent="0.3">
      <c r="A2273" t="s">
        <v>8662</v>
      </c>
      <c r="B2273">
        <v>3277</v>
      </c>
      <c r="C2273" t="s">
        <v>8663</v>
      </c>
      <c r="D2273" t="s">
        <v>8664</v>
      </c>
      <c r="E2273" t="s">
        <v>128</v>
      </c>
      <c r="F2273">
        <v>32</v>
      </c>
      <c r="G2273">
        <v>88.28125</v>
      </c>
      <c r="H2273">
        <v>59.5</v>
      </c>
      <c r="I2273">
        <v>4759.2021484375</v>
      </c>
      <c r="J2273">
        <v>68.986970859992837</v>
      </c>
      <c r="K2273">
        <v>0.76135555664316135</v>
      </c>
      <c r="L2273">
        <v>-0.76512951626018078</v>
      </c>
      <c r="M2273">
        <v>4.875</v>
      </c>
      <c r="N2273">
        <v>2</v>
      </c>
      <c r="O2273">
        <v>1</v>
      </c>
      <c r="P2273">
        <v>1</v>
      </c>
      <c r="Q2273">
        <v>0.24944382578492941</v>
      </c>
      <c r="R2273">
        <v>3.3790925052297318</v>
      </c>
      <c r="S2273">
        <v>1</v>
      </c>
      <c r="T2273">
        <v>1</v>
      </c>
      <c r="U2273">
        <v>0</v>
      </c>
      <c r="V2273">
        <v>0</v>
      </c>
      <c r="W2273">
        <v>3.4339872044851458</v>
      </c>
      <c r="X2273">
        <v>1</v>
      </c>
      <c r="Y2273">
        <v>1</v>
      </c>
      <c r="Z2273">
        <v>0</v>
      </c>
      <c r="AA2273">
        <v>0</v>
      </c>
      <c r="AB2273">
        <v>3.401197381662155</v>
      </c>
      <c r="AC2273">
        <v>1</v>
      </c>
      <c r="AD2273">
        <v>1</v>
      </c>
      <c r="AE2273">
        <v>0</v>
      </c>
      <c r="AF2273">
        <v>0</v>
      </c>
      <c r="AG2273">
        <v>3.3672958299864728</v>
      </c>
      <c r="AH2273">
        <v>8.5204068834164412E-2</v>
      </c>
      <c r="AI2273">
        <v>-5.5630521401487207E-2</v>
      </c>
      <c r="AJ2273">
        <v>8.9998825004519417E-2</v>
      </c>
      <c r="AK2273">
        <v>-0.29399301322704802</v>
      </c>
      <c r="AL2273">
        <v>420.27626230010043</v>
      </c>
      <c r="AM2273">
        <v>474.40158446937892</v>
      </c>
      <c r="AN2273">
        <v>2825</v>
      </c>
      <c r="AO2273">
        <v>73.677324424595568</v>
      </c>
      <c r="AP2273">
        <v>338.23186838688542</v>
      </c>
      <c r="AQ2273">
        <v>1.65625</v>
      </c>
      <c r="AR2273">
        <v>3.75</v>
      </c>
      <c r="AS2273">
        <v>32</v>
      </c>
      <c r="AT2273">
        <v>1.75</v>
      </c>
      <c r="AU2273">
        <v>0.37017276422764228</v>
      </c>
      <c r="AV2273">
        <v>8.6404213422479309E-2</v>
      </c>
      <c r="AW2273">
        <v>0.5</v>
      </c>
      <c r="AX2273">
        <v>69</v>
      </c>
      <c r="AY2273">
        <v>39</v>
      </c>
      <c r="AZ2273">
        <v>105.25</v>
      </c>
      <c r="BA2273">
        <v>0.7814453336353171</v>
      </c>
      <c r="BB2273">
        <v>0.375</v>
      </c>
      <c r="BC2273">
        <v>3.2382315403482398</v>
      </c>
      <c r="BD2273" t="s">
        <v>8665</v>
      </c>
      <c r="BE2273" t="s">
        <v>62</v>
      </c>
    </row>
    <row r="2274" spans="1:57" x14ac:dyDescent="0.3">
      <c r="A2274" t="s">
        <v>8666</v>
      </c>
      <c r="B2274">
        <v>1954</v>
      </c>
      <c r="C2274" t="s">
        <v>8667</v>
      </c>
      <c r="D2274" t="s">
        <v>8668</v>
      </c>
      <c r="E2274" t="s">
        <v>85</v>
      </c>
      <c r="F2274">
        <v>8</v>
      </c>
      <c r="G2274">
        <v>130.5</v>
      </c>
      <c r="H2274">
        <v>140</v>
      </c>
      <c r="I2274">
        <v>7484</v>
      </c>
      <c r="J2274">
        <v>86.510115015528669</v>
      </c>
      <c r="K2274">
        <v>-3.0321262866547108E-3</v>
      </c>
      <c r="L2274">
        <v>-1.347288031722262</v>
      </c>
      <c r="M2274">
        <v>3</v>
      </c>
      <c r="N2274">
        <v>1</v>
      </c>
      <c r="O2274">
        <v>1</v>
      </c>
      <c r="P2274">
        <v>0</v>
      </c>
      <c r="Q2274">
        <v>0</v>
      </c>
      <c r="R2274">
        <v>2.0794415416798362</v>
      </c>
      <c r="S2274">
        <v>1</v>
      </c>
      <c r="T2274">
        <v>1</v>
      </c>
      <c r="U2274">
        <v>0</v>
      </c>
      <c r="V2274">
        <v>0</v>
      </c>
      <c r="W2274">
        <v>1.945910149055313</v>
      </c>
      <c r="X2274">
        <v>1</v>
      </c>
      <c r="Y2274">
        <v>1</v>
      </c>
      <c r="Z2274">
        <v>0</v>
      </c>
      <c r="AA2274">
        <v>0</v>
      </c>
      <c r="AB2274">
        <v>1.791759469228055</v>
      </c>
      <c r="AC2274">
        <v>1</v>
      </c>
      <c r="AD2274">
        <v>1</v>
      </c>
      <c r="AE2274">
        <v>0</v>
      </c>
      <c r="AF2274">
        <v>0</v>
      </c>
      <c r="AG2274">
        <v>1.6094379124341009</v>
      </c>
      <c r="AH2274">
        <v>-2.7137059059326559E-2</v>
      </c>
      <c r="AI2274">
        <v>-0.393723276322822</v>
      </c>
      <c r="AJ2274">
        <v>0.18375450962052381</v>
      </c>
      <c r="AK2274">
        <v>0</v>
      </c>
      <c r="AL2274">
        <v>336.56547679966633</v>
      </c>
      <c r="AM2274">
        <v>287.81535717646011</v>
      </c>
      <c r="AN2274">
        <v>1044</v>
      </c>
      <c r="AO2274">
        <v>0</v>
      </c>
      <c r="AP2274">
        <v>307.191313808296</v>
      </c>
      <c r="AQ2274">
        <v>3.5</v>
      </c>
      <c r="AR2274">
        <v>4.125</v>
      </c>
      <c r="AS2274">
        <v>8</v>
      </c>
      <c r="AT2274">
        <v>0</v>
      </c>
      <c r="AU2274">
        <v>0.1931818181818182</v>
      </c>
      <c r="AV2274">
        <v>-6.5077826862238617E-3</v>
      </c>
      <c r="AW2274">
        <v>0.375</v>
      </c>
      <c r="AX2274">
        <v>99.285714285714292</v>
      </c>
      <c r="AY2274">
        <v>92.5</v>
      </c>
      <c r="AZ2274">
        <v>142.75</v>
      </c>
      <c r="BA2274">
        <v>0.66291275873968325</v>
      </c>
      <c r="BB2274">
        <v>0.5</v>
      </c>
      <c r="BC2274">
        <v>1.945910149055313</v>
      </c>
      <c r="BD2274" t="s">
        <v>8667</v>
      </c>
      <c r="BE2274" t="s">
        <v>68</v>
      </c>
    </row>
    <row r="2275" spans="1:57" x14ac:dyDescent="0.3">
      <c r="A2275" t="s">
        <v>8669</v>
      </c>
      <c r="B2275">
        <v>1067</v>
      </c>
      <c r="C2275" t="s">
        <v>8670</v>
      </c>
      <c r="D2275" t="s">
        <v>8671</v>
      </c>
      <c r="E2275" t="s">
        <v>72</v>
      </c>
      <c r="F2275">
        <v>1072</v>
      </c>
      <c r="G2275">
        <v>131.54850746268659</v>
      </c>
      <c r="H2275">
        <v>131</v>
      </c>
      <c r="I2275">
        <v>5396.219661951437</v>
      </c>
      <c r="J2275">
        <v>73.458965837748067</v>
      </c>
      <c r="K2275">
        <v>-8.1829806877821987E-2</v>
      </c>
      <c r="L2275">
        <v>-1.148262967704518</v>
      </c>
      <c r="M2275">
        <v>7.8225611628634617</v>
      </c>
      <c r="N2275">
        <v>9</v>
      </c>
      <c r="O2275">
        <v>1</v>
      </c>
      <c r="P2275">
        <v>8</v>
      </c>
      <c r="Q2275">
        <v>2.0189262127854128</v>
      </c>
      <c r="R2275">
        <v>5.422186214796537</v>
      </c>
      <c r="S2275">
        <v>2</v>
      </c>
      <c r="T2275">
        <v>1</v>
      </c>
      <c r="U2275">
        <v>1</v>
      </c>
      <c r="V2275">
        <v>8.0843458733187532E-2</v>
      </c>
      <c r="W2275">
        <v>6.9672873229894492</v>
      </c>
      <c r="X2275">
        <v>1</v>
      </c>
      <c r="Y2275">
        <v>1</v>
      </c>
      <c r="Z2275">
        <v>0</v>
      </c>
      <c r="AA2275">
        <v>0</v>
      </c>
      <c r="AB2275">
        <v>6.9754139274559517</v>
      </c>
      <c r="AC2275">
        <v>1</v>
      </c>
      <c r="AD2275">
        <v>1</v>
      </c>
      <c r="AE2275">
        <v>0</v>
      </c>
      <c r="AF2275">
        <v>0</v>
      </c>
      <c r="AG2275">
        <v>6.9744789110250434</v>
      </c>
      <c r="AH2275">
        <v>-9.3367564757854682E-3</v>
      </c>
      <c r="AI2275">
        <v>-8.6089196703012377E-3</v>
      </c>
      <c r="AJ2275">
        <v>-2.2149630510829289E-2</v>
      </c>
      <c r="AK2275">
        <v>2.3898868712102079E-2</v>
      </c>
      <c r="AL2275">
        <v>2273.1864451568499</v>
      </c>
      <c r="AM2275">
        <v>4378.1664410521407</v>
      </c>
      <c r="AN2275">
        <v>141020</v>
      </c>
      <c r="AO2275">
        <v>172.01107123584271</v>
      </c>
      <c r="AP2275">
        <v>2036.036282532388</v>
      </c>
      <c r="AQ2275">
        <v>1.021455223880597</v>
      </c>
      <c r="AR2275">
        <v>3.982276119402985</v>
      </c>
      <c r="AS2275">
        <v>1067</v>
      </c>
      <c r="AT2275">
        <v>247.2444029850746</v>
      </c>
      <c r="AU2275">
        <v>4.0785045361428178E-2</v>
      </c>
      <c r="AV2275">
        <v>-9.350471499533209E-3</v>
      </c>
      <c r="AW2275">
        <v>0.35727611940298509</v>
      </c>
      <c r="AX2275">
        <v>84.804855275443515</v>
      </c>
      <c r="AY2275">
        <v>61</v>
      </c>
      <c r="AZ2275">
        <v>122.25</v>
      </c>
      <c r="BA2275">
        <v>0.5584173264647988</v>
      </c>
      <c r="BB2275">
        <v>0.49906716417910452</v>
      </c>
      <c r="BC2275">
        <v>5.2386349693355108</v>
      </c>
      <c r="BD2275" t="s">
        <v>8672</v>
      </c>
      <c r="BE2275" t="s">
        <v>62</v>
      </c>
    </row>
    <row r="2276" spans="1:57" x14ac:dyDescent="0.3">
      <c r="A2276" t="s">
        <v>8673</v>
      </c>
      <c r="B2276">
        <v>3202</v>
      </c>
      <c r="C2276" t="s">
        <v>8674</v>
      </c>
      <c r="D2276" t="s">
        <v>8675</v>
      </c>
      <c r="E2276" t="s">
        <v>98</v>
      </c>
      <c r="F2276">
        <v>16</v>
      </c>
      <c r="G2276">
        <v>140.125</v>
      </c>
      <c r="H2276">
        <v>126.5</v>
      </c>
      <c r="I2276">
        <v>2772.484375</v>
      </c>
      <c r="J2276">
        <v>52.654386094607538</v>
      </c>
      <c r="K2276">
        <v>2.0637210202202709E-2</v>
      </c>
      <c r="L2276">
        <v>0.5979638306599333</v>
      </c>
      <c r="M2276">
        <v>4</v>
      </c>
      <c r="N2276">
        <v>1</v>
      </c>
      <c r="O2276">
        <v>1</v>
      </c>
      <c r="P2276">
        <v>0</v>
      </c>
      <c r="Q2276">
        <v>0</v>
      </c>
      <c r="R2276">
        <v>2.7725887222397811</v>
      </c>
      <c r="S2276">
        <v>1</v>
      </c>
      <c r="T2276">
        <v>1</v>
      </c>
      <c r="U2276">
        <v>0</v>
      </c>
      <c r="V2276">
        <v>0</v>
      </c>
      <c r="W2276">
        <v>2.7080502011022101</v>
      </c>
      <c r="X2276">
        <v>1</v>
      </c>
      <c r="Y2276">
        <v>1</v>
      </c>
      <c r="Z2276">
        <v>0</v>
      </c>
      <c r="AA2276">
        <v>0</v>
      </c>
      <c r="AB2276">
        <v>2.639057329615258</v>
      </c>
      <c r="AC2276">
        <v>1</v>
      </c>
      <c r="AD2276">
        <v>1</v>
      </c>
      <c r="AE2276">
        <v>0</v>
      </c>
      <c r="AF2276">
        <v>0</v>
      </c>
      <c r="AG2276">
        <v>2.5649493574615372</v>
      </c>
      <c r="AH2276">
        <v>-0.18938656383320471</v>
      </c>
      <c r="AI2276">
        <v>-0.39052928048512447</v>
      </c>
      <c r="AJ2276">
        <v>-0.336148267855432</v>
      </c>
      <c r="AK2276">
        <v>0.1248281099420082</v>
      </c>
      <c r="AL2276">
        <v>304.84666979207663</v>
      </c>
      <c r="AM2276">
        <v>515.35279946526009</v>
      </c>
      <c r="AN2276">
        <v>2242</v>
      </c>
      <c r="AO2276">
        <v>0</v>
      </c>
      <c r="AP2276">
        <v>181.62430182313409</v>
      </c>
      <c r="AQ2276">
        <v>2.3125</v>
      </c>
      <c r="AR2276">
        <v>4.1875</v>
      </c>
      <c r="AS2276">
        <v>16</v>
      </c>
      <c r="AT2276">
        <v>0</v>
      </c>
      <c r="AU2276">
        <v>0.26150000000000001</v>
      </c>
      <c r="AV2276">
        <v>-0.19460711136925021</v>
      </c>
      <c r="AW2276">
        <v>0.4375</v>
      </c>
      <c r="AX2276">
        <v>67.266666666666666</v>
      </c>
      <c r="AY2276">
        <v>27.5</v>
      </c>
      <c r="AZ2276">
        <v>55.75</v>
      </c>
      <c r="BA2276">
        <v>0.3757672513442108</v>
      </c>
      <c r="BB2276">
        <v>0.4375</v>
      </c>
      <c r="BC2276">
        <v>2.615630577027551</v>
      </c>
      <c r="BD2276" t="s">
        <v>8674</v>
      </c>
      <c r="BE2276" t="s">
        <v>62</v>
      </c>
    </row>
    <row r="2277" spans="1:57" x14ac:dyDescent="0.3">
      <c r="A2277" t="s">
        <v>8676</v>
      </c>
      <c r="B2277">
        <v>2789</v>
      </c>
      <c r="C2277" t="s">
        <v>8677</v>
      </c>
      <c r="D2277" t="s">
        <v>8678</v>
      </c>
      <c r="E2277" t="s">
        <v>72</v>
      </c>
      <c r="F2277">
        <v>2848</v>
      </c>
      <c r="G2277">
        <v>128.47858146067409</v>
      </c>
      <c r="H2277">
        <v>129</v>
      </c>
      <c r="I2277">
        <v>5496.0374625944869</v>
      </c>
      <c r="J2277">
        <v>74.135264635627266</v>
      </c>
      <c r="K2277">
        <v>-2.166140580580396E-2</v>
      </c>
      <c r="L2277">
        <v>-1.210046218249174</v>
      </c>
      <c r="M2277">
        <v>7.9381991434913743</v>
      </c>
      <c r="N2277">
        <v>22</v>
      </c>
      <c r="O2277">
        <v>4</v>
      </c>
      <c r="P2277">
        <v>18</v>
      </c>
      <c r="Q2277">
        <v>3.2619970876749722</v>
      </c>
      <c r="R2277">
        <v>5.5023403550344234</v>
      </c>
      <c r="S2277">
        <v>3</v>
      </c>
      <c r="T2277">
        <v>1</v>
      </c>
      <c r="U2277">
        <v>2</v>
      </c>
      <c r="V2277">
        <v>0.14882542843645111</v>
      </c>
      <c r="W2277">
        <v>7.9249245422855541</v>
      </c>
      <c r="X2277">
        <v>2</v>
      </c>
      <c r="Y2277">
        <v>1</v>
      </c>
      <c r="Z2277">
        <v>1</v>
      </c>
      <c r="AA2277">
        <v>1.8744873990823741E-2</v>
      </c>
      <c r="AB2277">
        <v>7.9531826759227719</v>
      </c>
      <c r="AC2277">
        <v>1</v>
      </c>
      <c r="AD2277">
        <v>1</v>
      </c>
      <c r="AE2277">
        <v>0</v>
      </c>
      <c r="AF2277">
        <v>0</v>
      </c>
      <c r="AG2277">
        <v>7.953318346560434</v>
      </c>
      <c r="AH2277">
        <v>2.311264061854958E-2</v>
      </c>
      <c r="AI2277">
        <v>-4.7616948000127841E-2</v>
      </c>
      <c r="AJ2277">
        <v>1.793889060854259E-3</v>
      </c>
      <c r="AK2277">
        <v>-6.1845400308235109E-3</v>
      </c>
      <c r="AL2277">
        <v>3630.944753957006</v>
      </c>
      <c r="AM2277">
        <v>7034.2140423583996</v>
      </c>
      <c r="AN2277">
        <v>365907</v>
      </c>
      <c r="AO2277">
        <v>137.65191579181879</v>
      </c>
      <c r="AP2277">
        <v>3340.206888857294</v>
      </c>
      <c r="AQ2277">
        <v>1.008075842696629</v>
      </c>
      <c r="AR2277">
        <v>4.0014044943820224</v>
      </c>
      <c r="AS2277">
        <v>2832</v>
      </c>
      <c r="AT2277">
        <v>244.85393258426959</v>
      </c>
      <c r="AU2277">
        <v>1.7871502533597709E-2</v>
      </c>
      <c r="AV2277">
        <v>2.312993000235072E-2</v>
      </c>
      <c r="AW2277">
        <v>0.3634129213483146</v>
      </c>
      <c r="AX2277">
        <v>84.891815946610464</v>
      </c>
      <c r="AY2277">
        <v>66</v>
      </c>
      <c r="AZ2277">
        <v>131</v>
      </c>
      <c r="BA2277">
        <v>0.57702430858733633</v>
      </c>
      <c r="BB2277">
        <v>0.5038623595505618</v>
      </c>
      <c r="BC2277">
        <v>5.305569760645537</v>
      </c>
      <c r="BD2277" t="s">
        <v>8679</v>
      </c>
      <c r="BE2277" t="s">
        <v>62</v>
      </c>
    </row>
    <row r="2278" spans="1:57" x14ac:dyDescent="0.3">
      <c r="A2278" t="s">
        <v>8680</v>
      </c>
      <c r="B2278">
        <v>1110</v>
      </c>
      <c r="C2278" t="s">
        <v>8681</v>
      </c>
      <c r="D2278" t="s">
        <v>8682</v>
      </c>
      <c r="E2278" t="s">
        <v>85</v>
      </c>
      <c r="F2278">
        <v>8</v>
      </c>
      <c r="G2278">
        <v>191.375</v>
      </c>
      <c r="H2278">
        <v>172.5</v>
      </c>
      <c r="I2278">
        <v>1634.484375</v>
      </c>
      <c r="J2278">
        <v>40.428756782765412</v>
      </c>
      <c r="K2278">
        <v>0.30071089351345759</v>
      </c>
      <c r="L2278">
        <v>-1.4012006963650481</v>
      </c>
      <c r="M2278">
        <v>2.75</v>
      </c>
      <c r="N2278">
        <v>2</v>
      </c>
      <c r="O2278">
        <v>1</v>
      </c>
      <c r="P2278">
        <v>1</v>
      </c>
      <c r="Q2278">
        <v>0.34992710611188271</v>
      </c>
      <c r="R2278">
        <v>1.9061547465398501</v>
      </c>
      <c r="S2278">
        <v>1</v>
      </c>
      <c r="T2278">
        <v>1</v>
      </c>
      <c r="U2278">
        <v>0</v>
      </c>
      <c r="V2278">
        <v>0</v>
      </c>
      <c r="W2278">
        <v>1.945910149055313</v>
      </c>
      <c r="X2278">
        <v>1</v>
      </c>
      <c r="Y2278">
        <v>1</v>
      </c>
      <c r="Z2278">
        <v>0</v>
      </c>
      <c r="AA2278">
        <v>0</v>
      </c>
      <c r="AB2278">
        <v>1.791759469228055</v>
      </c>
      <c r="AC2278">
        <v>1</v>
      </c>
      <c r="AD2278">
        <v>1</v>
      </c>
      <c r="AE2278">
        <v>0</v>
      </c>
      <c r="AF2278">
        <v>0</v>
      </c>
      <c r="AG2278">
        <v>1.6094379124341009</v>
      </c>
      <c r="AH2278">
        <v>-0.56659807661055184</v>
      </c>
      <c r="AI2278">
        <v>0.11710258395709661</v>
      </c>
      <c r="AJ2278">
        <v>-0.24692061716711119</v>
      </c>
      <c r="AK2278">
        <v>0</v>
      </c>
      <c r="AL2278">
        <v>282.03806948695092</v>
      </c>
      <c r="AM2278">
        <v>475.94697956818032</v>
      </c>
      <c r="AN2278">
        <v>1531</v>
      </c>
      <c r="AO2278">
        <v>31.837307469015869</v>
      </c>
      <c r="AP2278">
        <v>105.15748523939369</v>
      </c>
      <c r="AQ2278">
        <v>3.625</v>
      </c>
      <c r="AR2278">
        <v>4.5</v>
      </c>
      <c r="AS2278">
        <v>8</v>
      </c>
      <c r="AT2278">
        <v>0.74999999999999978</v>
      </c>
      <c r="AU2278">
        <v>0.53386454183266929</v>
      </c>
      <c r="AV2278">
        <v>-0.65268508706017869</v>
      </c>
      <c r="AW2278">
        <v>0</v>
      </c>
      <c r="AX2278">
        <v>62.571428571428569</v>
      </c>
      <c r="AY2278">
        <v>23.5</v>
      </c>
      <c r="AZ2278">
        <v>65.75</v>
      </c>
      <c r="BA2278">
        <v>0.21125411774142611</v>
      </c>
      <c r="BB2278">
        <v>0.375</v>
      </c>
      <c r="BC2278">
        <v>1.945910149055313</v>
      </c>
      <c r="BD2278" t="s">
        <v>8681</v>
      </c>
      <c r="BE2278" t="s">
        <v>68</v>
      </c>
    </row>
    <row r="2279" spans="1:57" x14ac:dyDescent="0.3">
      <c r="A2279" t="s">
        <v>8683</v>
      </c>
      <c r="B2279">
        <v>3917</v>
      </c>
      <c r="C2279" t="s">
        <v>8684</v>
      </c>
      <c r="D2279" t="s">
        <v>8685</v>
      </c>
      <c r="E2279" t="s">
        <v>66</v>
      </c>
      <c r="F2279">
        <v>71</v>
      </c>
      <c r="G2279">
        <v>137.21126760563379</v>
      </c>
      <c r="H2279">
        <v>146</v>
      </c>
      <c r="I2279">
        <v>6447.6314223368381</v>
      </c>
      <c r="J2279">
        <v>80.297144546595419</v>
      </c>
      <c r="K2279">
        <v>-0.25282703079175711</v>
      </c>
      <c r="L2279">
        <v>-1.32839593445868</v>
      </c>
      <c r="M2279">
        <v>5.8962259927441147</v>
      </c>
      <c r="N2279">
        <v>4</v>
      </c>
      <c r="O2279">
        <v>1</v>
      </c>
      <c r="P2279">
        <v>3</v>
      </c>
      <c r="Q2279">
        <v>0.45397935384365362</v>
      </c>
      <c r="R2279">
        <v>4.0869524228148508</v>
      </c>
      <c r="S2279">
        <v>1</v>
      </c>
      <c r="T2279">
        <v>1</v>
      </c>
      <c r="U2279">
        <v>0</v>
      </c>
      <c r="V2279">
        <v>0</v>
      </c>
      <c r="W2279">
        <v>4.2484952420493576</v>
      </c>
      <c r="X2279">
        <v>1</v>
      </c>
      <c r="Y2279">
        <v>1</v>
      </c>
      <c r="Z2279">
        <v>0</v>
      </c>
      <c r="AA2279">
        <v>0</v>
      </c>
      <c r="AB2279">
        <v>4.2341065045972579</v>
      </c>
      <c r="AC2279">
        <v>1</v>
      </c>
      <c r="AD2279">
        <v>1</v>
      </c>
      <c r="AE2279">
        <v>0</v>
      </c>
      <c r="AF2279">
        <v>0</v>
      </c>
      <c r="AG2279">
        <v>4.2195077051761087</v>
      </c>
      <c r="AH2279">
        <v>9.3218026268922463E-2</v>
      </c>
      <c r="AI2279">
        <v>9.070578432163641E-2</v>
      </c>
      <c r="AJ2279">
        <v>-4.2087021742949142E-2</v>
      </c>
      <c r="AK2279">
        <v>3.5454348290613731E-2</v>
      </c>
      <c r="AL2279">
        <v>742.15562489659135</v>
      </c>
      <c r="AM2279">
        <v>1115.2125485459489</v>
      </c>
      <c r="AN2279">
        <v>9742</v>
      </c>
      <c r="AO2279">
        <v>126.0012780302759</v>
      </c>
      <c r="AP2279">
        <v>571.65875709209604</v>
      </c>
      <c r="AQ2279">
        <v>1.323943661971831</v>
      </c>
      <c r="AR2279">
        <v>4.070422535211268</v>
      </c>
      <c r="AS2279">
        <v>71</v>
      </c>
      <c r="AT2279">
        <v>11.52112676056338</v>
      </c>
      <c r="AU2279">
        <v>0.13714443523888431</v>
      </c>
      <c r="AV2279">
        <v>9.5007637258861785E-2</v>
      </c>
      <c r="AW2279">
        <v>0.30985915492957739</v>
      </c>
      <c r="AX2279">
        <v>87.914285714285711</v>
      </c>
      <c r="AY2279">
        <v>74</v>
      </c>
      <c r="AZ2279">
        <v>146.5</v>
      </c>
      <c r="BA2279">
        <v>0.58520809513531868</v>
      </c>
      <c r="BB2279">
        <v>0.53521126760563376</v>
      </c>
      <c r="BC2279">
        <v>3.983565601501887</v>
      </c>
      <c r="BD2279" t="s">
        <v>8686</v>
      </c>
      <c r="BE2279" t="s">
        <v>68</v>
      </c>
    </row>
    <row r="2280" spans="1:57" x14ac:dyDescent="0.3">
      <c r="A2280" t="s">
        <v>8687</v>
      </c>
      <c r="B2280">
        <v>2511</v>
      </c>
      <c r="C2280" t="s">
        <v>8688</v>
      </c>
      <c r="D2280" t="s">
        <v>8689</v>
      </c>
      <c r="E2280" t="s">
        <v>93</v>
      </c>
      <c r="F2280">
        <v>2513</v>
      </c>
      <c r="G2280">
        <v>126.1683247115002</v>
      </c>
      <c r="H2280">
        <v>125</v>
      </c>
      <c r="I2280">
        <v>5377.7150014512672</v>
      </c>
      <c r="J2280">
        <v>73.3329053116762</v>
      </c>
      <c r="K2280">
        <v>1.9177784080498191E-2</v>
      </c>
      <c r="L2280">
        <v>-1.2036785353001811</v>
      </c>
      <c r="M2280">
        <v>7.9266937858197046</v>
      </c>
      <c r="N2280">
        <v>20</v>
      </c>
      <c r="O2280">
        <v>2</v>
      </c>
      <c r="P2280">
        <v>18</v>
      </c>
      <c r="Q2280">
        <v>3.1414386966740162</v>
      </c>
      <c r="R2280">
        <v>5.4943654488029736</v>
      </c>
      <c r="S2280">
        <v>2</v>
      </c>
      <c r="T2280">
        <v>1</v>
      </c>
      <c r="U2280">
        <v>1</v>
      </c>
      <c r="V2280">
        <v>0.1197003783705506</v>
      </c>
      <c r="W2280">
        <v>7.8089672517121684</v>
      </c>
      <c r="X2280">
        <v>1</v>
      </c>
      <c r="Y2280">
        <v>1</v>
      </c>
      <c r="Z2280">
        <v>0</v>
      </c>
      <c r="AA2280">
        <v>0</v>
      </c>
      <c r="AB2280">
        <v>7.8284363591575854</v>
      </c>
      <c r="AC2280">
        <v>1</v>
      </c>
      <c r="AD2280">
        <v>1</v>
      </c>
      <c r="AE2280">
        <v>0</v>
      </c>
      <c r="AF2280">
        <v>0</v>
      </c>
      <c r="AG2280">
        <v>7.828038032125832</v>
      </c>
      <c r="AH2280">
        <v>8.5068949231761996E-3</v>
      </c>
      <c r="AI2280">
        <v>-3.2076942712191289E-2</v>
      </c>
      <c r="AJ2280">
        <v>2.6999632938457759E-2</v>
      </c>
      <c r="AK2280">
        <v>-6.3407763782981959E-3</v>
      </c>
      <c r="AL2280">
        <v>3348.055565765781</v>
      </c>
      <c r="AM2280">
        <v>6504.4428607333293</v>
      </c>
      <c r="AN2280">
        <v>317061</v>
      </c>
      <c r="AO2280">
        <v>77.279336040536975</v>
      </c>
      <c r="AP2280">
        <v>3005.527691967372</v>
      </c>
      <c r="AQ2280">
        <v>1.009152407481098</v>
      </c>
      <c r="AR2280">
        <v>3.98408276959809</v>
      </c>
      <c r="AS2280">
        <v>2505</v>
      </c>
      <c r="AT2280">
        <v>257.36211699164352</v>
      </c>
      <c r="AU2280">
        <v>1.9674945186988421E-2</v>
      </c>
      <c r="AV2280">
        <v>8.5108509182617118E-3</v>
      </c>
      <c r="AW2280">
        <v>0.38201352964584162</v>
      </c>
      <c r="AX2280">
        <v>84.106289808917197</v>
      </c>
      <c r="AY2280">
        <v>64</v>
      </c>
      <c r="AZ2280">
        <v>128</v>
      </c>
      <c r="BA2280">
        <v>0.58123071285412675</v>
      </c>
      <c r="BB2280">
        <v>0.49582172701949861</v>
      </c>
      <c r="BC2280">
        <v>5.2940000517469681</v>
      </c>
      <c r="BD2280" t="s">
        <v>8690</v>
      </c>
      <c r="BE2280" t="s">
        <v>68</v>
      </c>
    </row>
    <row r="2281" spans="1:57" x14ac:dyDescent="0.3">
      <c r="A2281" t="s">
        <v>8691</v>
      </c>
      <c r="B2281">
        <v>3754</v>
      </c>
      <c r="C2281" t="s">
        <v>8692</v>
      </c>
      <c r="D2281" t="s">
        <v>8693</v>
      </c>
      <c r="E2281" t="s">
        <v>98</v>
      </c>
      <c r="F2281">
        <v>16</v>
      </c>
      <c r="G2281">
        <v>98</v>
      </c>
      <c r="H2281">
        <v>103</v>
      </c>
      <c r="I2281">
        <v>5342.25</v>
      </c>
      <c r="J2281">
        <v>73.090697082460494</v>
      </c>
      <c r="K2281">
        <v>0.28571330594779898</v>
      </c>
      <c r="L2281">
        <v>-0.93939311518132351</v>
      </c>
      <c r="M2281">
        <v>3.875</v>
      </c>
      <c r="N2281">
        <v>2</v>
      </c>
      <c r="O2281">
        <v>1</v>
      </c>
      <c r="P2281">
        <v>1</v>
      </c>
      <c r="Q2281">
        <v>0.24944382578492949</v>
      </c>
      <c r="R2281">
        <v>2.6859453246697882</v>
      </c>
      <c r="S2281">
        <v>1</v>
      </c>
      <c r="T2281">
        <v>1</v>
      </c>
      <c r="U2281">
        <v>0</v>
      </c>
      <c r="V2281">
        <v>0</v>
      </c>
      <c r="W2281">
        <v>2.7080502011022101</v>
      </c>
      <c r="X2281">
        <v>1</v>
      </c>
      <c r="Y2281">
        <v>1</v>
      </c>
      <c r="Z2281">
        <v>0</v>
      </c>
      <c r="AA2281">
        <v>0</v>
      </c>
      <c r="AB2281">
        <v>2.639057329615258</v>
      </c>
      <c r="AC2281">
        <v>1</v>
      </c>
      <c r="AD2281">
        <v>1</v>
      </c>
      <c r="AE2281">
        <v>0</v>
      </c>
      <c r="AF2281">
        <v>0</v>
      </c>
      <c r="AG2281">
        <v>2.5649493574615372</v>
      </c>
      <c r="AH2281">
        <v>-9.6471524170527401E-2</v>
      </c>
      <c r="AI2281">
        <v>9.6764003930927975E-2</v>
      </c>
      <c r="AJ2281">
        <v>9.975899667742992E-2</v>
      </c>
      <c r="AK2281">
        <v>-0.34551219055641352</v>
      </c>
      <c r="AL2281">
        <v>355.10504300757088</v>
      </c>
      <c r="AM2281">
        <v>336.21482482274808</v>
      </c>
      <c r="AN2281">
        <v>1568</v>
      </c>
      <c r="AO2281">
        <v>32</v>
      </c>
      <c r="AP2281">
        <v>346.42386964828671</v>
      </c>
      <c r="AQ2281">
        <v>2.25</v>
      </c>
      <c r="AR2281">
        <v>3.625</v>
      </c>
      <c r="AS2281">
        <v>16</v>
      </c>
      <c r="AT2281">
        <v>0.87499999999999989</v>
      </c>
      <c r="AU2281">
        <v>0.20406626506024089</v>
      </c>
      <c r="AV2281">
        <v>-9.95756727959521E-2</v>
      </c>
      <c r="AW2281">
        <v>0.375</v>
      </c>
      <c r="AX2281">
        <v>97.733333333333334</v>
      </c>
      <c r="AY2281">
        <v>67.5</v>
      </c>
      <c r="AZ2281">
        <v>131</v>
      </c>
      <c r="BA2281">
        <v>0.74582343961694386</v>
      </c>
      <c r="BB2281">
        <v>0.5</v>
      </c>
      <c r="BC2281">
        <v>2.7080502011022101</v>
      </c>
      <c r="BD2281" t="s">
        <v>8692</v>
      </c>
      <c r="BE2281" t="s">
        <v>62</v>
      </c>
    </row>
    <row r="2282" spans="1:57" x14ac:dyDescent="0.3">
      <c r="A2282" t="s">
        <v>8694</v>
      </c>
      <c r="B2282">
        <v>2161</v>
      </c>
      <c r="C2282" t="s">
        <v>8695</v>
      </c>
      <c r="D2282" t="s">
        <v>8696</v>
      </c>
      <c r="E2282" t="s">
        <v>72</v>
      </c>
      <c r="F2282">
        <v>2168</v>
      </c>
      <c r="G2282">
        <v>127.12361623616241</v>
      </c>
      <c r="H2282">
        <v>126</v>
      </c>
      <c r="I2282">
        <v>5386.8952356313239</v>
      </c>
      <c r="J2282">
        <v>73.395471492669927</v>
      </c>
      <c r="K2282">
        <v>2.771454455814687E-2</v>
      </c>
      <c r="L2282">
        <v>-1.169517885519515</v>
      </c>
      <c r="M2282">
        <v>7.9180864835031883</v>
      </c>
      <c r="N2282">
        <v>20</v>
      </c>
      <c r="O2282">
        <v>2</v>
      </c>
      <c r="P2282">
        <v>18</v>
      </c>
      <c r="Q2282">
        <v>2.8365292943137388</v>
      </c>
      <c r="R2282">
        <v>5.4883993214700526</v>
      </c>
      <c r="S2282">
        <v>3</v>
      </c>
      <c r="T2282">
        <v>1</v>
      </c>
      <c r="U2282">
        <v>2</v>
      </c>
      <c r="V2282">
        <v>0.14090373752167051</v>
      </c>
      <c r="W2282">
        <v>7.6546286199259832</v>
      </c>
      <c r="X2282">
        <v>2</v>
      </c>
      <c r="Y2282">
        <v>1</v>
      </c>
      <c r="Z2282">
        <v>1</v>
      </c>
      <c r="AA2282">
        <v>8.0394363523682566E-2</v>
      </c>
      <c r="AB2282">
        <v>7.6716770761963566</v>
      </c>
      <c r="AC2282">
        <v>2</v>
      </c>
      <c r="AD2282">
        <v>1</v>
      </c>
      <c r="AE2282">
        <v>1</v>
      </c>
      <c r="AF2282">
        <v>7.7488062402007285E-2</v>
      </c>
      <c r="AG2282">
        <v>7.6718514710626593</v>
      </c>
      <c r="AH2282">
        <v>-2.9732243280025548E-3</v>
      </c>
      <c r="AI2282">
        <v>-2.3300504025083692E-2</v>
      </c>
      <c r="AJ2282">
        <v>2.6843979969547752E-2</v>
      </c>
      <c r="AK2282">
        <v>-2.7879756197382618E-3</v>
      </c>
      <c r="AL2282">
        <v>3115.918885273607</v>
      </c>
      <c r="AM2282">
        <v>6083.2241040746858</v>
      </c>
      <c r="AN2282">
        <v>275604</v>
      </c>
      <c r="AO2282">
        <v>125.34020104203459</v>
      </c>
      <c r="AP2282">
        <v>2738.080631463964</v>
      </c>
      <c r="AQ2282">
        <v>1.0106088560885611</v>
      </c>
      <c r="AR2282">
        <v>4.0189114391143912</v>
      </c>
      <c r="AS2282">
        <v>2162</v>
      </c>
      <c r="AT2282">
        <v>243.2177121771218</v>
      </c>
      <c r="AU2282">
        <v>1.4157803342739309E-2</v>
      </c>
      <c r="AV2282">
        <v>-2.974258152431155E-3</v>
      </c>
      <c r="AW2282">
        <v>0.38007380073800739</v>
      </c>
      <c r="AX2282">
        <v>84.895708352561144</v>
      </c>
      <c r="AY2282">
        <v>62</v>
      </c>
      <c r="AZ2282">
        <v>123</v>
      </c>
      <c r="BA2282">
        <v>0.5773551261814357</v>
      </c>
      <c r="BB2282">
        <v>0.49400369003690042</v>
      </c>
      <c r="BC2282">
        <v>5.2937355280255636</v>
      </c>
      <c r="BD2282" t="s">
        <v>8697</v>
      </c>
      <c r="BE2282" t="s">
        <v>68</v>
      </c>
    </row>
    <row r="2283" spans="1:57" x14ac:dyDescent="0.3">
      <c r="A2283" t="s">
        <v>8698</v>
      </c>
      <c r="B2283">
        <v>1689</v>
      </c>
      <c r="C2283" t="s">
        <v>8699</v>
      </c>
      <c r="D2283" t="s">
        <v>8700</v>
      </c>
      <c r="E2283" t="s">
        <v>115</v>
      </c>
      <c r="F2283">
        <v>1712</v>
      </c>
      <c r="G2283">
        <v>127.3703271028037</v>
      </c>
      <c r="H2283">
        <v>125</v>
      </c>
      <c r="I2283">
        <v>5515.3324840051537</v>
      </c>
      <c r="J2283">
        <v>74.265284514402509</v>
      </c>
      <c r="K2283">
        <v>2.722244715497843E-2</v>
      </c>
      <c r="L2283">
        <v>-1.2149557955574031</v>
      </c>
      <c r="M2283">
        <v>7.8941473877818433</v>
      </c>
      <c r="N2283">
        <v>16</v>
      </c>
      <c r="O2283">
        <v>2</v>
      </c>
      <c r="P2283">
        <v>14</v>
      </c>
      <c r="Q2283">
        <v>2.573148606279863</v>
      </c>
      <c r="R2283">
        <v>5.4718060047656358</v>
      </c>
      <c r="S2283">
        <v>3</v>
      </c>
      <c r="T2283">
        <v>1</v>
      </c>
      <c r="U2283">
        <v>2</v>
      </c>
      <c r="V2283">
        <v>0.13253701807818169</v>
      </c>
      <c r="W2283">
        <v>7.4231558047649857</v>
      </c>
      <c r="X2283">
        <v>1</v>
      </c>
      <c r="Y2283">
        <v>1</v>
      </c>
      <c r="Z2283">
        <v>0</v>
      </c>
      <c r="AA2283">
        <v>0</v>
      </c>
      <c r="AB2283">
        <v>7.4442486494967062</v>
      </c>
      <c r="AC2283">
        <v>1</v>
      </c>
      <c r="AD2283">
        <v>1</v>
      </c>
      <c r="AE2283">
        <v>0</v>
      </c>
      <c r="AF2283">
        <v>0</v>
      </c>
      <c r="AG2283">
        <v>7.4436636831155898</v>
      </c>
      <c r="AH2283">
        <v>-1.5114199819792659E-2</v>
      </c>
      <c r="AI2283">
        <v>9.6474785006416593E-3</v>
      </c>
      <c r="AJ2283">
        <v>1.40042050346853E-2</v>
      </c>
      <c r="AK2283">
        <v>-9.7715001056480136E-3</v>
      </c>
      <c r="AL2283">
        <v>2857.7882247463231</v>
      </c>
      <c r="AM2283">
        <v>5389.7508720256501</v>
      </c>
      <c r="AN2283">
        <v>218058</v>
      </c>
      <c r="AO2283">
        <v>67.330818951435859</v>
      </c>
      <c r="AP2283">
        <v>2616.7944133317219</v>
      </c>
      <c r="AQ2283">
        <v>1.0134345794392521</v>
      </c>
      <c r="AR2283">
        <v>4.0005841121495331</v>
      </c>
      <c r="AS2283">
        <v>1709</v>
      </c>
      <c r="AT2283">
        <v>253.45794392523359</v>
      </c>
      <c r="AU2283">
        <v>1.72347443650358E-2</v>
      </c>
      <c r="AV2283">
        <v>-1.5121629062934291E-2</v>
      </c>
      <c r="AW2283">
        <v>0.38025700934579437</v>
      </c>
      <c r="AX2283">
        <v>86.86499123319696</v>
      </c>
      <c r="AY2283">
        <v>65</v>
      </c>
      <c r="AZ2283">
        <v>130</v>
      </c>
      <c r="BA2283">
        <v>0.58306582234385851</v>
      </c>
      <c r="BB2283">
        <v>0.49415887850467288</v>
      </c>
      <c r="BC2283">
        <v>5.2962969026360778</v>
      </c>
      <c r="BD2283" t="s">
        <v>8701</v>
      </c>
      <c r="BE2283" t="s">
        <v>62</v>
      </c>
    </row>
    <row r="2284" spans="1:57" x14ac:dyDescent="0.3">
      <c r="A2284" t="s">
        <v>8702</v>
      </c>
      <c r="B2284">
        <v>3271</v>
      </c>
      <c r="C2284" t="s">
        <v>8703</v>
      </c>
      <c r="D2284" t="s">
        <v>8704</v>
      </c>
      <c r="E2284" t="s">
        <v>10622</v>
      </c>
      <c r="F2284">
        <v>64</v>
      </c>
      <c r="G2284">
        <v>122.84375</v>
      </c>
      <c r="H2284">
        <v>122.5</v>
      </c>
      <c r="I2284">
        <v>6808.0380859375</v>
      </c>
      <c r="J2284">
        <v>82.510836172817321</v>
      </c>
      <c r="K2284">
        <v>0.1044472867695163</v>
      </c>
      <c r="L2284">
        <v>-1.4435224182380511</v>
      </c>
      <c r="M2284">
        <v>5.8125</v>
      </c>
      <c r="N2284">
        <v>2</v>
      </c>
      <c r="O2284">
        <v>1</v>
      </c>
      <c r="P2284">
        <v>1</v>
      </c>
      <c r="Q2284">
        <v>0.3045434781492361</v>
      </c>
      <c r="R2284">
        <v>4.0289179870046823</v>
      </c>
      <c r="S2284">
        <v>1</v>
      </c>
      <c r="T2284">
        <v>1</v>
      </c>
      <c r="U2284">
        <v>0</v>
      </c>
      <c r="V2284">
        <v>0</v>
      </c>
      <c r="W2284">
        <v>4.1431347263915326</v>
      </c>
      <c r="X2284">
        <v>1</v>
      </c>
      <c r="Y2284">
        <v>1</v>
      </c>
      <c r="Z2284">
        <v>0</v>
      </c>
      <c r="AA2284">
        <v>0</v>
      </c>
      <c r="AB2284">
        <v>4.1271343850450908</v>
      </c>
      <c r="AC2284">
        <v>1</v>
      </c>
      <c r="AD2284">
        <v>1</v>
      </c>
      <c r="AE2284">
        <v>0</v>
      </c>
      <c r="AF2284">
        <v>0</v>
      </c>
      <c r="AG2284">
        <v>4.1108738641733096</v>
      </c>
      <c r="AH2284">
        <v>2.160576635915926E-2</v>
      </c>
      <c r="AI2284">
        <v>-0.12884847906405439</v>
      </c>
      <c r="AJ2284">
        <v>-1.154625974566771E-2</v>
      </c>
      <c r="AK2284">
        <v>4.6075274036277487E-2</v>
      </c>
      <c r="AL2284">
        <v>714.91415266856711</v>
      </c>
      <c r="AM2284">
        <v>943.61525756750279</v>
      </c>
      <c r="AN2284">
        <v>7862</v>
      </c>
      <c r="AO2284">
        <v>208.20738858919009</v>
      </c>
      <c r="AP2284">
        <v>599.00394050330419</v>
      </c>
      <c r="AQ2284">
        <v>1.359375</v>
      </c>
      <c r="AR2284">
        <v>3.921875</v>
      </c>
      <c r="AS2284">
        <v>63</v>
      </c>
      <c r="AT2284">
        <v>4.8750000000000018</v>
      </c>
      <c r="AU2284">
        <v>0.13198529411764709</v>
      </c>
      <c r="AV2284">
        <v>2.165268222476624E-2</v>
      </c>
      <c r="AW2284">
        <v>0.3125</v>
      </c>
      <c r="AX2284">
        <v>92.238095238095241</v>
      </c>
      <c r="AY2284">
        <v>81</v>
      </c>
      <c r="AZ2284">
        <v>156.75</v>
      </c>
      <c r="BA2284">
        <v>0.67167304948617512</v>
      </c>
      <c r="BB2284">
        <v>0.5</v>
      </c>
      <c r="BC2284">
        <v>4.055116036796619</v>
      </c>
      <c r="BD2284" t="s">
        <v>8705</v>
      </c>
      <c r="BE2284" t="s">
        <v>62</v>
      </c>
    </row>
    <row r="2285" spans="1:57" x14ac:dyDescent="0.3">
      <c r="A2285" t="s">
        <v>8706</v>
      </c>
      <c r="B2285">
        <v>134</v>
      </c>
      <c r="C2285" t="s">
        <v>8707</v>
      </c>
      <c r="D2285" t="s">
        <v>8708</v>
      </c>
      <c r="E2285" t="s">
        <v>60</v>
      </c>
      <c r="F2285">
        <v>512</v>
      </c>
      <c r="G2285">
        <v>128.173828125</v>
      </c>
      <c r="H2285">
        <v>129</v>
      </c>
      <c r="I2285">
        <v>5086.272518157959</v>
      </c>
      <c r="J2285">
        <v>71.318107926093774</v>
      </c>
      <c r="K2285">
        <v>2.7005877827632951E-3</v>
      </c>
      <c r="L2285">
        <v>-1.1164058987201291</v>
      </c>
      <c r="M2285">
        <v>7.5199242757941382</v>
      </c>
      <c r="N2285">
        <v>7</v>
      </c>
      <c r="O2285">
        <v>1</v>
      </c>
      <c r="P2285">
        <v>6</v>
      </c>
      <c r="Q2285">
        <v>1.358812301231225</v>
      </c>
      <c r="R2285">
        <v>5.2124143097909936</v>
      </c>
      <c r="S2285">
        <v>2</v>
      </c>
      <c r="T2285">
        <v>1</v>
      </c>
      <c r="U2285">
        <v>1</v>
      </c>
      <c r="V2285">
        <v>4.4237310481092057E-2</v>
      </c>
      <c r="W2285">
        <v>6.2336566853874222</v>
      </c>
      <c r="X2285">
        <v>1</v>
      </c>
      <c r="Y2285">
        <v>1</v>
      </c>
      <c r="Z2285">
        <v>0</v>
      </c>
      <c r="AA2285">
        <v>0</v>
      </c>
      <c r="AB2285">
        <v>6.2344107257183694</v>
      </c>
      <c r="AC2285">
        <v>1</v>
      </c>
      <c r="AD2285">
        <v>1</v>
      </c>
      <c r="AE2285">
        <v>0</v>
      </c>
      <c r="AF2285">
        <v>0</v>
      </c>
      <c r="AG2285">
        <v>6.2324480165505216</v>
      </c>
      <c r="AH2285">
        <v>-2.7731467821444051E-2</v>
      </c>
      <c r="AI2285">
        <v>-1.2241753097641221E-2</v>
      </c>
      <c r="AJ2285">
        <v>-1.4045551038581541E-2</v>
      </c>
      <c r="AK2285">
        <v>-8.8959474920693893E-2</v>
      </c>
      <c r="AL2285">
        <v>1552.0821015795409</v>
      </c>
      <c r="AM2285">
        <v>2933.7041687866949</v>
      </c>
      <c r="AN2285">
        <v>65625</v>
      </c>
      <c r="AO2285">
        <v>95.612002717652132</v>
      </c>
      <c r="AP2285">
        <v>1283.3036328551541</v>
      </c>
      <c r="AQ2285">
        <v>1.044921875</v>
      </c>
      <c r="AR2285">
        <v>3.94921875</v>
      </c>
      <c r="AS2285">
        <v>510</v>
      </c>
      <c r="AT2285">
        <v>163.609375</v>
      </c>
      <c r="AU2285">
        <v>3.2184436274509842E-2</v>
      </c>
      <c r="AV2285">
        <v>-2.7814532446815608E-2</v>
      </c>
      <c r="AW2285">
        <v>0.3671875</v>
      </c>
      <c r="AX2285">
        <v>83.43444227005871</v>
      </c>
      <c r="AY2285">
        <v>59</v>
      </c>
      <c r="AZ2285">
        <v>118.5</v>
      </c>
      <c r="BA2285">
        <v>0.5564170858386287</v>
      </c>
      <c r="BB2285">
        <v>0.5</v>
      </c>
      <c r="BC2285">
        <v>5.0846649443052652</v>
      </c>
      <c r="BD2285" t="s">
        <v>8709</v>
      </c>
      <c r="BE2285" t="s">
        <v>62</v>
      </c>
    </row>
    <row r="2286" spans="1:57" x14ac:dyDescent="0.3">
      <c r="A2286" t="s">
        <v>8710</v>
      </c>
      <c r="B2286">
        <v>3932</v>
      </c>
      <c r="C2286" t="s">
        <v>8711</v>
      </c>
      <c r="D2286" t="s">
        <v>8712</v>
      </c>
      <c r="E2286" t="s">
        <v>10622</v>
      </c>
      <c r="F2286">
        <v>64</v>
      </c>
      <c r="G2286">
        <v>147.71875</v>
      </c>
      <c r="H2286">
        <v>161.5</v>
      </c>
      <c r="I2286">
        <v>4991.3896484375</v>
      </c>
      <c r="J2286">
        <v>70.64976750448298</v>
      </c>
      <c r="K2286">
        <v>-0.30289342043321121</v>
      </c>
      <c r="L2286">
        <v>-1.017814080759738</v>
      </c>
      <c r="M2286">
        <v>5.84375</v>
      </c>
      <c r="N2286">
        <v>2</v>
      </c>
      <c r="O2286">
        <v>1</v>
      </c>
      <c r="P2286">
        <v>1</v>
      </c>
      <c r="Q2286">
        <v>0.27850299534160988</v>
      </c>
      <c r="R2286">
        <v>4.0505788363971806</v>
      </c>
      <c r="S2286">
        <v>1</v>
      </c>
      <c r="T2286">
        <v>1</v>
      </c>
      <c r="U2286">
        <v>0</v>
      </c>
      <c r="V2286">
        <v>0</v>
      </c>
      <c r="W2286">
        <v>4.1431347263915326</v>
      </c>
      <c r="X2286">
        <v>1</v>
      </c>
      <c r="Y2286">
        <v>1</v>
      </c>
      <c r="Z2286">
        <v>0</v>
      </c>
      <c r="AA2286">
        <v>0</v>
      </c>
      <c r="AB2286">
        <v>4.1271343850450908</v>
      </c>
      <c r="AC2286">
        <v>1</v>
      </c>
      <c r="AD2286">
        <v>1</v>
      </c>
      <c r="AE2286">
        <v>0</v>
      </c>
      <c r="AF2286">
        <v>0</v>
      </c>
      <c r="AG2286">
        <v>4.1108738641733096</v>
      </c>
      <c r="AH2286">
        <v>5.0251817314112997E-2</v>
      </c>
      <c r="AI2286">
        <v>-0.20102225477937299</v>
      </c>
      <c r="AJ2286">
        <v>-4.8175603989330837E-2</v>
      </c>
      <c r="AK2286">
        <v>2.704243689768103E-2</v>
      </c>
      <c r="AL2286">
        <v>636.33105286677619</v>
      </c>
      <c r="AM2286">
        <v>1145.017375919449</v>
      </c>
      <c r="AN2286">
        <v>9454</v>
      </c>
      <c r="AO2286">
        <v>109.98261045165179</v>
      </c>
      <c r="AP2286">
        <v>448.1318408299864</v>
      </c>
      <c r="AQ2286">
        <v>1.359375</v>
      </c>
      <c r="AR2286">
        <v>4.015625</v>
      </c>
      <c r="AS2286">
        <v>64</v>
      </c>
      <c r="AT2286">
        <v>4.2187499999999991</v>
      </c>
      <c r="AU2286">
        <v>0.16481854838709681</v>
      </c>
      <c r="AV2286">
        <v>5.0518927262063723E-2</v>
      </c>
      <c r="AW2286">
        <v>0.3125</v>
      </c>
      <c r="AX2286">
        <v>83.412698412698418</v>
      </c>
      <c r="AY2286">
        <v>59.5</v>
      </c>
      <c r="AZ2286">
        <v>119</v>
      </c>
      <c r="BA2286">
        <v>0.47827217265569177</v>
      </c>
      <c r="BB2286">
        <v>0.515625</v>
      </c>
      <c r="BC2286">
        <v>3.9421807689272041</v>
      </c>
      <c r="BD2286" t="s">
        <v>8713</v>
      </c>
      <c r="BE2286" t="s">
        <v>62</v>
      </c>
    </row>
    <row r="2287" spans="1:57" x14ac:dyDescent="0.3">
      <c r="A2287" t="s">
        <v>8714</v>
      </c>
      <c r="B2287">
        <v>1377</v>
      </c>
      <c r="C2287" t="s">
        <v>8715</v>
      </c>
      <c r="D2287" t="s">
        <v>8716</v>
      </c>
      <c r="E2287" t="s">
        <v>128</v>
      </c>
      <c r="F2287">
        <v>32</v>
      </c>
      <c r="G2287">
        <v>133.3125</v>
      </c>
      <c r="H2287">
        <v>127</v>
      </c>
      <c r="I2287">
        <v>6726.58984375</v>
      </c>
      <c r="J2287">
        <v>82.015790209873614</v>
      </c>
      <c r="K2287">
        <v>-0.1713396232099032</v>
      </c>
      <c r="L2287">
        <v>-1.385062940402594</v>
      </c>
      <c r="M2287">
        <v>4.875</v>
      </c>
      <c r="N2287">
        <v>2</v>
      </c>
      <c r="O2287">
        <v>1</v>
      </c>
      <c r="P2287">
        <v>1</v>
      </c>
      <c r="Q2287">
        <v>0.24944382578492941</v>
      </c>
      <c r="R2287">
        <v>3.3790925052297318</v>
      </c>
      <c r="S2287">
        <v>1</v>
      </c>
      <c r="T2287">
        <v>1</v>
      </c>
      <c r="U2287">
        <v>0</v>
      </c>
      <c r="V2287">
        <v>0</v>
      </c>
      <c r="W2287">
        <v>3.4339872044851458</v>
      </c>
      <c r="X2287">
        <v>1</v>
      </c>
      <c r="Y2287">
        <v>1</v>
      </c>
      <c r="Z2287">
        <v>0</v>
      </c>
      <c r="AA2287">
        <v>0</v>
      </c>
      <c r="AB2287">
        <v>3.401197381662155</v>
      </c>
      <c r="AC2287">
        <v>1</v>
      </c>
      <c r="AD2287">
        <v>1</v>
      </c>
      <c r="AE2287">
        <v>0</v>
      </c>
      <c r="AF2287">
        <v>0</v>
      </c>
      <c r="AG2287">
        <v>3.3672958299864728</v>
      </c>
      <c r="AH2287">
        <v>-4.3258988639419002E-2</v>
      </c>
      <c r="AI2287">
        <v>7.8418924835961759E-2</v>
      </c>
      <c r="AJ2287">
        <v>8.1325507823138937E-2</v>
      </c>
      <c r="AK2287">
        <v>-0.1031005173033559</v>
      </c>
      <c r="AL2287">
        <v>553.97785766554694</v>
      </c>
      <c r="AM2287">
        <v>690.70292689135977</v>
      </c>
      <c r="AN2287">
        <v>4266</v>
      </c>
      <c r="AO2287">
        <v>181.2809727953402</v>
      </c>
      <c r="AP2287">
        <v>416.78641486228958</v>
      </c>
      <c r="AQ2287">
        <v>1.71875</v>
      </c>
      <c r="AR2287">
        <v>4</v>
      </c>
      <c r="AS2287">
        <v>32</v>
      </c>
      <c r="AT2287">
        <v>1.75</v>
      </c>
      <c r="AU2287">
        <v>0.15549698795180719</v>
      </c>
      <c r="AV2287">
        <v>-4.3722996665725399E-2</v>
      </c>
      <c r="AW2287">
        <v>0.34375</v>
      </c>
      <c r="AX2287">
        <v>97.451612903225808</v>
      </c>
      <c r="AY2287">
        <v>75.5</v>
      </c>
      <c r="AZ2287">
        <v>155.25</v>
      </c>
      <c r="BA2287">
        <v>0.61521455384809087</v>
      </c>
      <c r="BB2287">
        <v>0.46875</v>
      </c>
      <c r="BC2287">
        <v>3.3445488586064429</v>
      </c>
      <c r="BD2287" t="s">
        <v>8717</v>
      </c>
      <c r="BE2287" t="s">
        <v>62</v>
      </c>
    </row>
    <row r="2288" spans="1:57" x14ac:dyDescent="0.3">
      <c r="A2288" t="s">
        <v>8718</v>
      </c>
      <c r="B2288">
        <v>3557</v>
      </c>
      <c r="C2288" t="s">
        <v>8719</v>
      </c>
      <c r="D2288" t="s">
        <v>8720</v>
      </c>
      <c r="E2288" t="s">
        <v>98</v>
      </c>
      <c r="F2288">
        <v>16</v>
      </c>
      <c r="G2288">
        <v>137.6875</v>
      </c>
      <c r="H2288">
        <v>140</v>
      </c>
      <c r="I2288">
        <v>6874.58984375</v>
      </c>
      <c r="J2288">
        <v>82.913146386746178</v>
      </c>
      <c r="K2288">
        <v>-0.19351476221581779</v>
      </c>
      <c r="L2288">
        <v>-1.275078067309511</v>
      </c>
      <c r="M2288">
        <v>3.875</v>
      </c>
      <c r="N2288">
        <v>2</v>
      </c>
      <c r="O2288">
        <v>1</v>
      </c>
      <c r="P2288">
        <v>1</v>
      </c>
      <c r="Q2288">
        <v>0.24944382578492949</v>
      </c>
      <c r="R2288">
        <v>2.6859453246697882</v>
      </c>
      <c r="S2288">
        <v>1</v>
      </c>
      <c r="T2288">
        <v>1</v>
      </c>
      <c r="U2288">
        <v>0</v>
      </c>
      <c r="V2288">
        <v>0</v>
      </c>
      <c r="W2288">
        <v>2.7080502011022101</v>
      </c>
      <c r="X2288">
        <v>1</v>
      </c>
      <c r="Y2288">
        <v>1</v>
      </c>
      <c r="Z2288">
        <v>0</v>
      </c>
      <c r="AA2288">
        <v>0</v>
      </c>
      <c r="AB2288">
        <v>2.639057329615258</v>
      </c>
      <c r="AC2288">
        <v>1</v>
      </c>
      <c r="AD2288">
        <v>1</v>
      </c>
      <c r="AE2288">
        <v>0</v>
      </c>
      <c r="AF2288">
        <v>0</v>
      </c>
      <c r="AG2288">
        <v>2.5649493574615372</v>
      </c>
      <c r="AH2288">
        <v>-0.2081701252063333</v>
      </c>
      <c r="AI2288">
        <v>-1.769544489870134E-2</v>
      </c>
      <c r="AJ2288">
        <v>0.37432868864335661</v>
      </c>
      <c r="AK2288">
        <v>0.20739497242733229</v>
      </c>
      <c r="AL2288">
        <v>417.443526117999</v>
      </c>
      <c r="AM2288">
        <v>488.93752412979262</v>
      </c>
      <c r="AN2288">
        <v>2203</v>
      </c>
      <c r="AO2288">
        <v>25</v>
      </c>
      <c r="AP2288">
        <v>266.10779028382518</v>
      </c>
      <c r="AQ2288">
        <v>2.3125</v>
      </c>
      <c r="AR2288">
        <v>4.25</v>
      </c>
      <c r="AS2288">
        <v>16</v>
      </c>
      <c r="AT2288">
        <v>0.87499999999999989</v>
      </c>
      <c r="AU2288">
        <v>0.14516932270916341</v>
      </c>
      <c r="AV2288">
        <v>-0.22339162580366381</v>
      </c>
      <c r="AW2288">
        <v>0.375</v>
      </c>
      <c r="AX2288">
        <v>113.4</v>
      </c>
      <c r="AY2288">
        <v>76.5</v>
      </c>
      <c r="AZ2288">
        <v>135</v>
      </c>
      <c r="BA2288">
        <v>0.60218354161958187</v>
      </c>
      <c r="BB2288">
        <v>0.5</v>
      </c>
      <c r="BC2288">
        <v>2.615630577027551</v>
      </c>
      <c r="BD2288" t="s">
        <v>8719</v>
      </c>
      <c r="BE2288" t="s">
        <v>62</v>
      </c>
    </row>
    <row r="2289" spans="1:57" x14ac:dyDescent="0.3">
      <c r="A2289" t="s">
        <v>8721</v>
      </c>
      <c r="B2289">
        <v>580</v>
      </c>
      <c r="C2289" t="s">
        <v>8722</v>
      </c>
      <c r="D2289" t="s">
        <v>8723</v>
      </c>
      <c r="E2289" t="s">
        <v>66</v>
      </c>
      <c r="F2289">
        <v>72</v>
      </c>
      <c r="G2289">
        <v>134.0277777777778</v>
      </c>
      <c r="H2289">
        <v>136</v>
      </c>
      <c r="I2289">
        <v>5912.054783950618</v>
      </c>
      <c r="J2289">
        <v>76.88988739717739</v>
      </c>
      <c r="K2289">
        <v>-0.18712418593293839</v>
      </c>
      <c r="L2289">
        <v>-1.2619899577178511</v>
      </c>
      <c r="M2289">
        <v>5.8538848972456012</v>
      </c>
      <c r="N2289">
        <v>3</v>
      </c>
      <c r="O2289">
        <v>1</v>
      </c>
      <c r="P2289">
        <v>2</v>
      </c>
      <c r="Q2289">
        <v>0.42496660317428592</v>
      </c>
      <c r="R2289">
        <v>4.0576038118482298</v>
      </c>
      <c r="S2289">
        <v>2</v>
      </c>
      <c r="T2289">
        <v>1</v>
      </c>
      <c r="U2289">
        <v>1</v>
      </c>
      <c r="V2289">
        <v>0.16776575221435111</v>
      </c>
      <c r="W2289">
        <v>4.2236293316576567</v>
      </c>
      <c r="X2289">
        <v>2</v>
      </c>
      <c r="Y2289">
        <v>1</v>
      </c>
      <c r="Z2289">
        <v>1</v>
      </c>
      <c r="AA2289">
        <v>0.11951030798891769</v>
      </c>
      <c r="AB2289">
        <v>4.2286910368905044</v>
      </c>
      <c r="AC2289">
        <v>1</v>
      </c>
      <c r="AD2289">
        <v>1</v>
      </c>
      <c r="AE2289">
        <v>0</v>
      </c>
      <c r="AF2289">
        <v>0</v>
      </c>
      <c r="AG2289">
        <v>4.2341065045972579</v>
      </c>
      <c r="AH2289">
        <v>6.119871815982688E-2</v>
      </c>
      <c r="AI2289">
        <v>9.907285219872379E-2</v>
      </c>
      <c r="AJ2289">
        <v>7.0801070494770843E-2</v>
      </c>
      <c r="AK2289">
        <v>-0.2577293410485571</v>
      </c>
      <c r="AL2289">
        <v>687.75638086649258</v>
      </c>
      <c r="AM2289">
        <v>1116.255866984548</v>
      </c>
      <c r="AN2289">
        <v>9650</v>
      </c>
      <c r="AO2289">
        <v>10</v>
      </c>
      <c r="AP2289">
        <v>491.517668721262</v>
      </c>
      <c r="AQ2289">
        <v>1.319444444444444</v>
      </c>
      <c r="AR2289">
        <v>3.9027777777777781</v>
      </c>
      <c r="AS2289">
        <v>72</v>
      </c>
      <c r="AT2289">
        <v>9.3333333333333375</v>
      </c>
      <c r="AU2289">
        <v>8.8473315835520649E-2</v>
      </c>
      <c r="AV2289">
        <v>6.2784529722409541E-2</v>
      </c>
      <c r="AW2289">
        <v>0.33333333333333331</v>
      </c>
      <c r="AX2289">
        <v>83.126760563380287</v>
      </c>
      <c r="AY2289">
        <v>72</v>
      </c>
      <c r="AZ2289">
        <v>142.75</v>
      </c>
      <c r="BA2289">
        <v>0.5736862064867122</v>
      </c>
      <c r="BB2289">
        <v>0.51388888888888884</v>
      </c>
      <c r="BC2289">
        <v>4.0405321852654943</v>
      </c>
      <c r="BD2289" t="s">
        <v>8724</v>
      </c>
      <c r="BE2289" t="s">
        <v>68</v>
      </c>
    </row>
    <row r="2290" spans="1:57" x14ac:dyDescent="0.3">
      <c r="A2290" t="s">
        <v>8725</v>
      </c>
      <c r="B2290">
        <v>3212</v>
      </c>
      <c r="C2290" t="s">
        <v>8726</v>
      </c>
      <c r="D2290" t="s">
        <v>8727</v>
      </c>
      <c r="E2290" t="s">
        <v>98</v>
      </c>
      <c r="F2290">
        <v>16</v>
      </c>
      <c r="G2290">
        <v>129.375</v>
      </c>
      <c r="H2290">
        <v>121</v>
      </c>
      <c r="I2290">
        <v>5349.984375</v>
      </c>
      <c r="J2290">
        <v>73.143587381259877</v>
      </c>
      <c r="K2290">
        <v>-4.673361453060447E-2</v>
      </c>
      <c r="L2290">
        <v>-0.76526307395661419</v>
      </c>
      <c r="M2290">
        <v>4</v>
      </c>
      <c r="N2290">
        <v>1</v>
      </c>
      <c r="O2290">
        <v>1</v>
      </c>
      <c r="P2290">
        <v>0</v>
      </c>
      <c r="Q2290">
        <v>0</v>
      </c>
      <c r="R2290">
        <v>2.7725887222397811</v>
      </c>
      <c r="S2290">
        <v>1</v>
      </c>
      <c r="T2290">
        <v>1</v>
      </c>
      <c r="U2290">
        <v>0</v>
      </c>
      <c r="V2290">
        <v>0</v>
      </c>
      <c r="W2290">
        <v>2.7080502011022101</v>
      </c>
      <c r="X2290">
        <v>1</v>
      </c>
      <c r="Y2290">
        <v>1</v>
      </c>
      <c r="Z2290">
        <v>0</v>
      </c>
      <c r="AA2290">
        <v>0</v>
      </c>
      <c r="AB2290">
        <v>2.639057329615258</v>
      </c>
      <c r="AC2290">
        <v>1</v>
      </c>
      <c r="AD2290">
        <v>1</v>
      </c>
      <c r="AE2290">
        <v>0</v>
      </c>
      <c r="AF2290">
        <v>0</v>
      </c>
      <c r="AG2290">
        <v>2.5649493574615372</v>
      </c>
      <c r="AH2290">
        <v>0.21466750048919539</v>
      </c>
      <c r="AI2290">
        <v>-0.43088801369162882</v>
      </c>
      <c r="AJ2290">
        <v>-0.17038400375001089</v>
      </c>
      <c r="AK2290">
        <v>-0.2680852601789141</v>
      </c>
      <c r="AL2290">
        <v>369.73426709344909</v>
      </c>
      <c r="AM2290">
        <v>465.51323476016239</v>
      </c>
      <c r="AN2290">
        <v>2070</v>
      </c>
      <c r="AO2290">
        <v>108.2384024273565</v>
      </c>
      <c r="AP2290">
        <v>203.25463670535169</v>
      </c>
      <c r="AQ2290">
        <v>2.3125</v>
      </c>
      <c r="AR2290">
        <v>4.125</v>
      </c>
      <c r="AS2290">
        <v>16</v>
      </c>
      <c r="AT2290">
        <v>0</v>
      </c>
      <c r="AU2290">
        <v>0.1909860557768924</v>
      </c>
      <c r="AV2290">
        <v>0.23339048032843179</v>
      </c>
      <c r="AW2290">
        <v>0.375</v>
      </c>
      <c r="AX2290">
        <v>72.2</v>
      </c>
      <c r="AY2290">
        <v>31.5</v>
      </c>
      <c r="AZ2290">
        <v>70.75</v>
      </c>
      <c r="BA2290">
        <v>0.56536106188413426</v>
      </c>
      <c r="BB2290">
        <v>0.4375</v>
      </c>
      <c r="BC2290">
        <v>2.7080502011022101</v>
      </c>
      <c r="BD2290" t="s">
        <v>8726</v>
      </c>
      <c r="BE2290" t="s">
        <v>62</v>
      </c>
    </row>
    <row r="2291" spans="1:57" x14ac:dyDescent="0.3">
      <c r="A2291" t="s">
        <v>8728</v>
      </c>
      <c r="B2291">
        <v>1082</v>
      </c>
      <c r="C2291" t="s">
        <v>8729</v>
      </c>
      <c r="D2291" t="s">
        <v>8730</v>
      </c>
      <c r="E2291" t="s">
        <v>115</v>
      </c>
      <c r="F2291">
        <v>1126</v>
      </c>
      <c r="G2291">
        <v>127.9094138543517</v>
      </c>
      <c r="H2291">
        <v>125</v>
      </c>
      <c r="I2291">
        <v>5336.167637844711</v>
      </c>
      <c r="J2291">
        <v>73.049076913022731</v>
      </c>
      <c r="K2291">
        <v>4.187776798047653E-2</v>
      </c>
      <c r="L2291">
        <v>-1.201600913974092</v>
      </c>
      <c r="M2291">
        <v>7.8009960739061537</v>
      </c>
      <c r="N2291">
        <v>11</v>
      </c>
      <c r="O2291">
        <v>1</v>
      </c>
      <c r="P2291">
        <v>10</v>
      </c>
      <c r="Q2291">
        <v>2.039525536018306</v>
      </c>
      <c r="R2291">
        <v>5.4072384341872626</v>
      </c>
      <c r="S2291">
        <v>2</v>
      </c>
      <c r="T2291">
        <v>1</v>
      </c>
      <c r="U2291">
        <v>1</v>
      </c>
      <c r="V2291">
        <v>0.1032735528876982</v>
      </c>
      <c r="W2291">
        <v>7.0107511747865736</v>
      </c>
      <c r="X2291">
        <v>1</v>
      </c>
      <c r="Y2291">
        <v>1</v>
      </c>
      <c r="Z2291">
        <v>0</v>
      </c>
      <c r="AA2291">
        <v>0</v>
      </c>
      <c r="AB2291">
        <v>7.0246490304536371</v>
      </c>
      <c r="AC2291">
        <v>1</v>
      </c>
      <c r="AD2291">
        <v>1</v>
      </c>
      <c r="AE2291">
        <v>0</v>
      </c>
      <c r="AF2291">
        <v>0</v>
      </c>
      <c r="AG2291">
        <v>7.0237589547384456</v>
      </c>
      <c r="AH2291">
        <v>-1.084666273324599E-2</v>
      </c>
      <c r="AI2291">
        <v>-1.747656084505762E-2</v>
      </c>
      <c r="AJ2291">
        <v>3.7741460088833189E-4</v>
      </c>
      <c r="AK2291">
        <v>-2.6212135472901191E-2</v>
      </c>
      <c r="AL2291">
        <v>2297.999549973219</v>
      </c>
      <c r="AM2291">
        <v>4376.0717622455486</v>
      </c>
      <c r="AN2291">
        <v>144026</v>
      </c>
      <c r="AO2291">
        <v>57.816105915523721</v>
      </c>
      <c r="AP2291">
        <v>2076.8842313921691</v>
      </c>
      <c r="AQ2291">
        <v>1.0204262877442269</v>
      </c>
      <c r="AR2291">
        <v>4.0737122557726462</v>
      </c>
      <c r="AS2291">
        <v>1119</v>
      </c>
      <c r="AT2291">
        <v>227.20781527531079</v>
      </c>
      <c r="AU2291">
        <v>2.2251245080625499E-2</v>
      </c>
      <c r="AV2291">
        <v>-1.087613394414718E-2</v>
      </c>
      <c r="AW2291">
        <v>0.39431616341030201</v>
      </c>
      <c r="AX2291">
        <v>84.872</v>
      </c>
      <c r="AY2291">
        <v>64</v>
      </c>
      <c r="AZ2291">
        <v>131</v>
      </c>
      <c r="BA2291">
        <v>0.57110008334650408</v>
      </c>
      <c r="BB2291">
        <v>0.49378330373001778</v>
      </c>
      <c r="BC2291">
        <v>5.2376387787261383</v>
      </c>
      <c r="BD2291" t="s">
        <v>8731</v>
      </c>
      <c r="BE2291" t="s">
        <v>68</v>
      </c>
    </row>
    <row r="2292" spans="1:57" x14ac:dyDescent="0.3">
      <c r="A2292" t="s">
        <v>8732</v>
      </c>
      <c r="B2292">
        <v>3526</v>
      </c>
      <c r="C2292" t="s">
        <v>8733</v>
      </c>
      <c r="D2292" t="s">
        <v>8734</v>
      </c>
      <c r="E2292" t="s">
        <v>85</v>
      </c>
      <c r="F2292">
        <v>8</v>
      </c>
      <c r="G2292">
        <v>150.25</v>
      </c>
      <c r="H2292">
        <v>125.5</v>
      </c>
      <c r="I2292">
        <v>3319.6875</v>
      </c>
      <c r="J2292">
        <v>57.616729341398752</v>
      </c>
      <c r="K2292">
        <v>0.64489343786747289</v>
      </c>
      <c r="L2292">
        <v>-1.104997701113857</v>
      </c>
      <c r="M2292">
        <v>3</v>
      </c>
      <c r="N2292">
        <v>1</v>
      </c>
      <c r="O2292">
        <v>1</v>
      </c>
      <c r="P2292">
        <v>0</v>
      </c>
      <c r="Q2292">
        <v>0</v>
      </c>
      <c r="R2292">
        <v>2.0794415416798362</v>
      </c>
      <c r="S2292">
        <v>1</v>
      </c>
      <c r="T2292">
        <v>1</v>
      </c>
      <c r="U2292">
        <v>0</v>
      </c>
      <c r="V2292">
        <v>0</v>
      </c>
      <c r="W2292">
        <v>1.945910149055313</v>
      </c>
      <c r="X2292">
        <v>1</v>
      </c>
      <c r="Y2292">
        <v>1</v>
      </c>
      <c r="Z2292">
        <v>0</v>
      </c>
      <c r="AA2292">
        <v>0</v>
      </c>
      <c r="AB2292">
        <v>1.791759469228055</v>
      </c>
      <c r="AC2292">
        <v>1</v>
      </c>
      <c r="AD2292">
        <v>1</v>
      </c>
      <c r="AE2292">
        <v>0</v>
      </c>
      <c r="AF2292">
        <v>0</v>
      </c>
      <c r="AG2292">
        <v>1.6094379124341009</v>
      </c>
      <c r="AH2292">
        <v>-0.31373670337945958</v>
      </c>
      <c r="AI2292">
        <v>-0.18078226489692181</v>
      </c>
      <c r="AJ2292">
        <v>0.42117810411371548</v>
      </c>
      <c r="AK2292">
        <v>0</v>
      </c>
      <c r="AL2292">
        <v>290.42783844890408</v>
      </c>
      <c r="AM2292">
        <v>350.44210742132191</v>
      </c>
      <c r="AN2292">
        <v>1202</v>
      </c>
      <c r="AO2292">
        <v>66</v>
      </c>
      <c r="AP2292">
        <v>215.58131748431751</v>
      </c>
      <c r="AQ2292">
        <v>3.5</v>
      </c>
      <c r="AR2292">
        <v>5</v>
      </c>
      <c r="AS2292">
        <v>8</v>
      </c>
      <c r="AT2292">
        <v>0</v>
      </c>
      <c r="AU2292">
        <v>0.44026104417670692</v>
      </c>
      <c r="AV2292">
        <v>-0.34647389648235249</v>
      </c>
      <c r="AW2292">
        <v>0.5</v>
      </c>
      <c r="AX2292">
        <v>80.285714285714292</v>
      </c>
      <c r="AY2292">
        <v>35.5</v>
      </c>
      <c r="AZ2292">
        <v>77.25</v>
      </c>
      <c r="BA2292">
        <v>0.38347240826222129</v>
      </c>
      <c r="BB2292">
        <v>0.375</v>
      </c>
      <c r="BC2292">
        <v>1.7478680974667571</v>
      </c>
      <c r="BD2292" t="s">
        <v>8733</v>
      </c>
      <c r="BE2292" t="s">
        <v>68</v>
      </c>
    </row>
    <row r="2293" spans="1:57" x14ac:dyDescent="0.3">
      <c r="A2293" t="s">
        <v>8735</v>
      </c>
      <c r="B2293">
        <v>3112</v>
      </c>
      <c r="C2293" t="s">
        <v>8736</v>
      </c>
      <c r="D2293" t="s">
        <v>8737</v>
      </c>
      <c r="E2293" t="s">
        <v>115</v>
      </c>
      <c r="F2293">
        <v>3210</v>
      </c>
      <c r="G2293">
        <v>128.24174454828659</v>
      </c>
      <c r="H2293">
        <v>129</v>
      </c>
      <c r="I2293">
        <v>5458.5421826263337</v>
      </c>
      <c r="J2293">
        <v>73.881947609861598</v>
      </c>
      <c r="K2293">
        <v>-1.181465138733047E-2</v>
      </c>
      <c r="L2293">
        <v>-1.191562409568369</v>
      </c>
      <c r="M2293">
        <v>7.9497712559818616</v>
      </c>
      <c r="N2293">
        <v>21</v>
      </c>
      <c r="O2293">
        <v>5</v>
      </c>
      <c r="P2293">
        <v>16</v>
      </c>
      <c r="Q2293">
        <v>3.27013556616446</v>
      </c>
      <c r="R2293">
        <v>5.5103615321803288</v>
      </c>
      <c r="S2293">
        <v>3</v>
      </c>
      <c r="T2293">
        <v>1</v>
      </c>
      <c r="U2293">
        <v>2</v>
      </c>
      <c r="V2293">
        <v>0.14450953559873919</v>
      </c>
      <c r="W2293">
        <v>8.0454714558133311</v>
      </c>
      <c r="X2293">
        <v>1</v>
      </c>
      <c r="Y2293">
        <v>1</v>
      </c>
      <c r="Z2293">
        <v>0</v>
      </c>
      <c r="AA2293">
        <v>0</v>
      </c>
      <c r="AB2293">
        <v>8.0734029689864037</v>
      </c>
      <c r="AC2293">
        <v>1</v>
      </c>
      <c r="AD2293">
        <v>1</v>
      </c>
      <c r="AE2293">
        <v>0</v>
      </c>
      <c r="AF2293">
        <v>0</v>
      </c>
      <c r="AG2293">
        <v>8.073091199693156</v>
      </c>
      <c r="AH2293">
        <v>-3.7562984515593961E-3</v>
      </c>
      <c r="AI2293">
        <v>1.932384113267352E-3</v>
      </c>
      <c r="AJ2293">
        <v>2.3102092315942211E-4</v>
      </c>
      <c r="AK2293">
        <v>-3.6863587888148362E-5</v>
      </c>
      <c r="AL2293">
        <v>3856.729244081374</v>
      </c>
      <c r="AM2293">
        <v>7445.7399590536006</v>
      </c>
      <c r="AN2293">
        <v>411656</v>
      </c>
      <c r="AO2293">
        <v>47.990877925007659</v>
      </c>
      <c r="AP2293">
        <v>3535.2596462494998</v>
      </c>
      <c r="AQ2293">
        <v>1.0071651090342679</v>
      </c>
      <c r="AR2293">
        <v>4.0046728971962624</v>
      </c>
      <c r="AS2293">
        <v>3190</v>
      </c>
      <c r="AT2293">
        <v>218.32647975077879</v>
      </c>
      <c r="AU2293">
        <v>1.018874839655493E-2</v>
      </c>
      <c r="AV2293">
        <v>-3.7576989095893139E-3</v>
      </c>
      <c r="AW2293">
        <v>0.36666666666666659</v>
      </c>
      <c r="AX2293">
        <v>85.119351822997814</v>
      </c>
      <c r="AY2293">
        <v>64</v>
      </c>
      <c r="AZ2293">
        <v>128</v>
      </c>
      <c r="BA2293">
        <v>0.57611464870585072</v>
      </c>
      <c r="BB2293">
        <v>0.50031152647975075</v>
      </c>
      <c r="BC2293">
        <v>5.3211208883837644</v>
      </c>
      <c r="BD2293" t="s">
        <v>8738</v>
      </c>
      <c r="BE2293" t="s">
        <v>68</v>
      </c>
    </row>
    <row r="2294" spans="1:57" x14ac:dyDescent="0.3">
      <c r="A2294" t="s">
        <v>8739</v>
      </c>
      <c r="B2294">
        <v>2458</v>
      </c>
      <c r="C2294" t="s">
        <v>8740</v>
      </c>
      <c r="D2294" t="s">
        <v>8741</v>
      </c>
      <c r="E2294" t="s">
        <v>98</v>
      </c>
      <c r="F2294">
        <v>16</v>
      </c>
      <c r="G2294">
        <v>126.25</v>
      </c>
      <c r="H2294">
        <v>124.5</v>
      </c>
      <c r="I2294">
        <v>4276.3125</v>
      </c>
      <c r="J2294">
        <v>65.39352032120614</v>
      </c>
      <c r="K2294">
        <v>0.38503851543987638</v>
      </c>
      <c r="L2294">
        <v>-0.46915799178006479</v>
      </c>
      <c r="M2294">
        <v>4</v>
      </c>
      <c r="N2294">
        <v>1</v>
      </c>
      <c r="O2294">
        <v>1</v>
      </c>
      <c r="P2294">
        <v>0</v>
      </c>
      <c r="Q2294">
        <v>0</v>
      </c>
      <c r="R2294">
        <v>2.7725887222397811</v>
      </c>
      <c r="S2294">
        <v>1</v>
      </c>
      <c r="T2294">
        <v>1</v>
      </c>
      <c r="U2294">
        <v>0</v>
      </c>
      <c r="V2294">
        <v>0</v>
      </c>
      <c r="W2294">
        <v>2.7080502011022101</v>
      </c>
      <c r="X2294">
        <v>1</v>
      </c>
      <c r="Y2294">
        <v>1</v>
      </c>
      <c r="Z2294">
        <v>0</v>
      </c>
      <c r="AA2294">
        <v>0</v>
      </c>
      <c r="AB2294">
        <v>2.639057329615258</v>
      </c>
      <c r="AC2294">
        <v>1</v>
      </c>
      <c r="AD2294">
        <v>1</v>
      </c>
      <c r="AE2294">
        <v>0</v>
      </c>
      <c r="AF2294">
        <v>0</v>
      </c>
      <c r="AG2294">
        <v>2.5649493574615372</v>
      </c>
      <c r="AH2294">
        <v>-0.20357876236827871</v>
      </c>
      <c r="AI2294">
        <v>-0.38170481284985602</v>
      </c>
      <c r="AJ2294">
        <v>0.24131388754914429</v>
      </c>
      <c r="AK2294">
        <v>-1.280491369608746E-2</v>
      </c>
      <c r="AL2294">
        <v>349.53861956046711</v>
      </c>
      <c r="AM2294">
        <v>448.62986239857372</v>
      </c>
      <c r="AN2294">
        <v>2020</v>
      </c>
      <c r="AO2294">
        <v>19.940977631140179</v>
      </c>
      <c r="AP2294">
        <v>253.78159133426999</v>
      </c>
      <c r="AQ2294">
        <v>2.25</v>
      </c>
      <c r="AR2294">
        <v>4.375</v>
      </c>
      <c r="AS2294">
        <v>16</v>
      </c>
      <c r="AT2294">
        <v>0</v>
      </c>
      <c r="AU2294">
        <v>0.22817460317460311</v>
      </c>
      <c r="AV2294">
        <v>-0.21661660405925351</v>
      </c>
      <c r="AW2294">
        <v>0.5</v>
      </c>
      <c r="AX2294">
        <v>80</v>
      </c>
      <c r="AY2294">
        <v>47</v>
      </c>
      <c r="AZ2294">
        <v>79.75</v>
      </c>
      <c r="BA2294">
        <v>0.51796847779173183</v>
      </c>
      <c r="BB2294">
        <v>0.4375</v>
      </c>
      <c r="BC2294">
        <v>2.7080502011022101</v>
      </c>
      <c r="BD2294" t="s">
        <v>8740</v>
      </c>
      <c r="BE2294" t="s">
        <v>62</v>
      </c>
    </row>
    <row r="2295" spans="1:57" x14ac:dyDescent="0.3">
      <c r="A2295" t="s">
        <v>8742</v>
      </c>
      <c r="B2295">
        <v>1623</v>
      </c>
      <c r="C2295" t="s">
        <v>8743</v>
      </c>
      <c r="D2295" t="s">
        <v>8744</v>
      </c>
      <c r="E2295" t="s">
        <v>72</v>
      </c>
      <c r="F2295">
        <v>1632</v>
      </c>
      <c r="G2295">
        <v>128.5459558823529</v>
      </c>
      <c r="H2295">
        <v>130</v>
      </c>
      <c r="I2295">
        <v>5406.8336723706034</v>
      </c>
      <c r="J2295">
        <v>73.531174833335854</v>
      </c>
      <c r="K2295">
        <v>-3.7189711942582138E-2</v>
      </c>
      <c r="L2295">
        <v>-1.1627904848415289</v>
      </c>
      <c r="M2295">
        <v>7.884329255716497</v>
      </c>
      <c r="N2295">
        <v>17</v>
      </c>
      <c r="O2295">
        <v>1</v>
      </c>
      <c r="P2295">
        <v>16</v>
      </c>
      <c r="Q2295">
        <v>2.515576474687264</v>
      </c>
      <c r="R2295">
        <v>5.4650005942061766</v>
      </c>
      <c r="S2295">
        <v>2</v>
      </c>
      <c r="T2295">
        <v>1</v>
      </c>
      <c r="U2295">
        <v>1</v>
      </c>
      <c r="V2295">
        <v>9.5895877832962037E-2</v>
      </c>
      <c r="W2295">
        <v>7.384199114321321</v>
      </c>
      <c r="X2295">
        <v>1</v>
      </c>
      <c r="Y2295">
        <v>1</v>
      </c>
      <c r="Z2295">
        <v>0</v>
      </c>
      <c r="AA2295">
        <v>0</v>
      </c>
      <c r="AB2295">
        <v>7.3963352938008082</v>
      </c>
      <c r="AC2295">
        <v>1</v>
      </c>
      <c r="AD2295">
        <v>1</v>
      </c>
      <c r="AE2295">
        <v>0</v>
      </c>
      <c r="AF2295">
        <v>0</v>
      </c>
      <c r="AG2295">
        <v>7.3957216086020434</v>
      </c>
      <c r="AH2295">
        <v>1.474048161549592E-2</v>
      </c>
      <c r="AI2295">
        <v>-2.4915894777685639E-2</v>
      </c>
      <c r="AJ2295">
        <v>3.297155476373517E-3</v>
      </c>
      <c r="AK2295">
        <v>-1.9446651892420421E-2</v>
      </c>
      <c r="AL2295">
        <v>2766.9496280521262</v>
      </c>
      <c r="AM2295">
        <v>5304.2636393586436</v>
      </c>
      <c r="AN2295">
        <v>209787</v>
      </c>
      <c r="AO2295">
        <v>116.19522062785769</v>
      </c>
      <c r="AP2295">
        <v>2458.87990158092</v>
      </c>
      <c r="AQ2295">
        <v>1.014093137254902</v>
      </c>
      <c r="AR2295">
        <v>4.0526960784313726</v>
      </c>
      <c r="AS2295">
        <v>1626</v>
      </c>
      <c r="AT2295">
        <v>254.11764705882351</v>
      </c>
      <c r="AU2295">
        <v>2.4019607843137229E-2</v>
      </c>
      <c r="AV2295">
        <v>1.474540800441556E-2</v>
      </c>
      <c r="AW2295">
        <v>0.36213235294117652</v>
      </c>
      <c r="AX2295">
        <v>84.58123850398529</v>
      </c>
      <c r="AY2295">
        <v>63</v>
      </c>
      <c r="AZ2295">
        <v>127.25</v>
      </c>
      <c r="BA2295">
        <v>0.5720224672072346</v>
      </c>
      <c r="BB2295">
        <v>0.50612745098039214</v>
      </c>
      <c r="BC2295">
        <v>5.273626368667605</v>
      </c>
      <c r="BD2295" t="s">
        <v>8745</v>
      </c>
      <c r="BE2295" t="s">
        <v>62</v>
      </c>
    </row>
    <row r="2296" spans="1:57" x14ac:dyDescent="0.3">
      <c r="A2296" t="s">
        <v>8746</v>
      </c>
      <c r="B2296">
        <v>2465</v>
      </c>
      <c r="C2296" t="s">
        <v>8747</v>
      </c>
      <c r="D2296" t="s">
        <v>8748</v>
      </c>
      <c r="E2296" t="s">
        <v>66</v>
      </c>
      <c r="F2296">
        <v>70</v>
      </c>
      <c r="G2296">
        <v>105.17142857142861</v>
      </c>
      <c r="H2296">
        <v>89</v>
      </c>
      <c r="I2296">
        <v>5997.2277551020416</v>
      </c>
      <c r="J2296">
        <v>77.441770092773851</v>
      </c>
      <c r="K2296">
        <v>0.44221579728692451</v>
      </c>
      <c r="L2296">
        <v>-1.1187643873224049</v>
      </c>
      <c r="M2296">
        <v>5.872140159802111</v>
      </c>
      <c r="N2296">
        <v>2</v>
      </c>
      <c r="O2296">
        <v>1</v>
      </c>
      <c r="P2296">
        <v>1</v>
      </c>
      <c r="Q2296">
        <v>0.35464438775055629</v>
      </c>
      <c r="R2296">
        <v>4.0702573956196586</v>
      </c>
      <c r="S2296">
        <v>2</v>
      </c>
      <c r="T2296">
        <v>1</v>
      </c>
      <c r="U2296">
        <v>1</v>
      </c>
      <c r="V2296">
        <v>0.17017543658196091</v>
      </c>
      <c r="W2296">
        <v>4.1939240593474061</v>
      </c>
      <c r="X2296">
        <v>1</v>
      </c>
      <c r="Y2296">
        <v>1</v>
      </c>
      <c r="Z2296">
        <v>0</v>
      </c>
      <c r="AA2296">
        <v>0</v>
      </c>
      <c r="AB2296">
        <v>4.2195077051761087</v>
      </c>
      <c r="AC2296">
        <v>1</v>
      </c>
      <c r="AD2296">
        <v>1</v>
      </c>
      <c r="AE2296">
        <v>0</v>
      </c>
      <c r="AF2296">
        <v>0</v>
      </c>
      <c r="AG2296">
        <v>4.2046926193909648</v>
      </c>
      <c r="AH2296">
        <v>7.9525381484327404E-2</v>
      </c>
      <c r="AI2296">
        <v>0.1064936222816108</v>
      </c>
      <c r="AJ2296">
        <v>-0.1144978103391133</v>
      </c>
      <c r="AK2296">
        <v>8.1816422546098444E-2</v>
      </c>
      <c r="AL2296">
        <v>673.49437320878542</v>
      </c>
      <c r="AM2296">
        <v>860.51341027092974</v>
      </c>
      <c r="AN2296">
        <v>7362</v>
      </c>
      <c r="AO2296">
        <v>96.000000000000043</v>
      </c>
      <c r="AP2296">
        <v>550.94433838076111</v>
      </c>
      <c r="AQ2296">
        <v>1.328571428571429</v>
      </c>
      <c r="AR2296">
        <v>3.7</v>
      </c>
      <c r="AS2296">
        <v>70</v>
      </c>
      <c r="AT2296">
        <v>6.6857142857142868</v>
      </c>
      <c r="AU2296">
        <v>0.19019607843137251</v>
      </c>
      <c r="AV2296">
        <v>8.0216974158308627E-2</v>
      </c>
      <c r="AW2296">
        <v>0.42857142857142849</v>
      </c>
      <c r="AX2296">
        <v>85.478260869565219</v>
      </c>
      <c r="AY2296">
        <v>61.5</v>
      </c>
      <c r="AZ2296">
        <v>145</v>
      </c>
      <c r="BA2296">
        <v>0.73633848227304666</v>
      </c>
      <c r="BB2296">
        <v>0.42857142857142849</v>
      </c>
      <c r="BC2296">
        <v>3.9577539976104821</v>
      </c>
      <c r="BD2296" t="s">
        <v>8749</v>
      </c>
      <c r="BE2296" t="s">
        <v>68</v>
      </c>
    </row>
    <row r="2297" spans="1:57" x14ac:dyDescent="0.3">
      <c r="A2297" t="s">
        <v>8750</v>
      </c>
      <c r="B2297">
        <v>1454</v>
      </c>
      <c r="C2297" t="s">
        <v>8751</v>
      </c>
      <c r="D2297" t="s">
        <v>8752</v>
      </c>
      <c r="E2297" t="s">
        <v>115</v>
      </c>
      <c r="F2297">
        <v>1488</v>
      </c>
      <c r="G2297">
        <v>128.78427419354841</v>
      </c>
      <c r="H2297">
        <v>130</v>
      </c>
      <c r="I2297">
        <v>5299.0146182904091</v>
      </c>
      <c r="J2297">
        <v>72.794330948848</v>
      </c>
      <c r="K2297">
        <v>-3.9249668558372558E-2</v>
      </c>
      <c r="L2297">
        <v>-1.1588744063574341</v>
      </c>
      <c r="M2297">
        <v>7.8663463777981066</v>
      </c>
      <c r="N2297">
        <v>13</v>
      </c>
      <c r="O2297">
        <v>1</v>
      </c>
      <c r="P2297">
        <v>12</v>
      </c>
      <c r="Q2297">
        <v>2.4097061259347021</v>
      </c>
      <c r="R2297">
        <v>5.4525358130786961</v>
      </c>
      <c r="S2297">
        <v>2</v>
      </c>
      <c r="T2297">
        <v>1</v>
      </c>
      <c r="U2297">
        <v>1</v>
      </c>
      <c r="V2297">
        <v>8.982986888163734E-2</v>
      </c>
      <c r="W2297">
        <v>7.2933286348707522</v>
      </c>
      <c r="X2297">
        <v>1</v>
      </c>
      <c r="Y2297">
        <v>1</v>
      </c>
      <c r="Z2297">
        <v>0</v>
      </c>
      <c r="AA2297">
        <v>0</v>
      </c>
      <c r="AB2297">
        <v>7.3038432252777064</v>
      </c>
      <c r="AC2297">
        <v>1</v>
      </c>
      <c r="AD2297">
        <v>1</v>
      </c>
      <c r="AE2297">
        <v>0</v>
      </c>
      <c r="AF2297">
        <v>0</v>
      </c>
      <c r="AG2297">
        <v>7.3031700512368012</v>
      </c>
      <c r="AH2297">
        <v>1.38303274306226E-2</v>
      </c>
      <c r="AI2297">
        <v>2.9810946137176831E-3</v>
      </c>
      <c r="AJ2297">
        <v>-3.037058583068767E-2</v>
      </c>
      <c r="AK2297">
        <v>1.657989700028193E-2</v>
      </c>
      <c r="AL2297">
        <v>2615.6435810499661</v>
      </c>
      <c r="AM2297">
        <v>5071.7257079727924</v>
      </c>
      <c r="AN2297">
        <v>191631</v>
      </c>
      <c r="AO2297">
        <v>38.89065246452364</v>
      </c>
      <c r="AP2297">
        <v>2312.7613387081251</v>
      </c>
      <c r="AQ2297">
        <v>1.015456989247312</v>
      </c>
      <c r="AR2297">
        <v>3.987231182795699</v>
      </c>
      <c r="AS2297">
        <v>1480</v>
      </c>
      <c r="AT2297">
        <v>251.76344086021501</v>
      </c>
      <c r="AU2297">
        <v>2.697659709044908E-2</v>
      </c>
      <c r="AV2297">
        <v>1.384318921492445E-2</v>
      </c>
      <c r="AW2297">
        <v>0.37029569892473119</v>
      </c>
      <c r="AX2297">
        <v>82.901815736381977</v>
      </c>
      <c r="AY2297">
        <v>61</v>
      </c>
      <c r="AZ2297">
        <v>123</v>
      </c>
      <c r="BA2297">
        <v>0.56524239007199162</v>
      </c>
      <c r="BB2297">
        <v>0.50739247311827962</v>
      </c>
      <c r="BC2297">
        <v>5.2595944354022901</v>
      </c>
      <c r="BD2297" t="s">
        <v>8753</v>
      </c>
      <c r="BE2297" t="s">
        <v>62</v>
      </c>
    </row>
    <row r="2298" spans="1:57" x14ac:dyDescent="0.3">
      <c r="A2298" t="s">
        <v>8754</v>
      </c>
      <c r="B2298">
        <v>150</v>
      </c>
      <c r="C2298" t="s">
        <v>8755</v>
      </c>
      <c r="D2298" t="s">
        <v>8756</v>
      </c>
      <c r="E2298" t="s">
        <v>60</v>
      </c>
      <c r="F2298">
        <v>512</v>
      </c>
      <c r="G2298">
        <v>124.068359375</v>
      </c>
      <c r="H2298">
        <v>120.5</v>
      </c>
      <c r="I2298">
        <v>5567.1652488708496</v>
      </c>
      <c r="J2298">
        <v>74.613438795372844</v>
      </c>
      <c r="K2298">
        <v>9.0910787647689686E-2</v>
      </c>
      <c r="L2298">
        <v>-1.231938515404154</v>
      </c>
      <c r="M2298">
        <v>7.6193494697533497</v>
      </c>
      <c r="N2298">
        <v>7</v>
      </c>
      <c r="O2298">
        <v>1</v>
      </c>
      <c r="P2298">
        <v>6</v>
      </c>
      <c r="Q2298">
        <v>1.198425838254465</v>
      </c>
      <c r="R2298">
        <v>5.2813306026604474</v>
      </c>
      <c r="S2298">
        <v>2</v>
      </c>
      <c r="T2298">
        <v>1</v>
      </c>
      <c r="U2298">
        <v>1</v>
      </c>
      <c r="V2298">
        <v>0.1170298579607828</v>
      </c>
      <c r="W2298">
        <v>6.2173792564897337</v>
      </c>
      <c r="X2298">
        <v>1</v>
      </c>
      <c r="Y2298">
        <v>1</v>
      </c>
      <c r="Z2298">
        <v>0</v>
      </c>
      <c r="AA2298">
        <v>0</v>
      </c>
      <c r="AB2298">
        <v>6.2344107257183694</v>
      </c>
      <c r="AC2298">
        <v>1</v>
      </c>
      <c r="AD2298">
        <v>1</v>
      </c>
      <c r="AE2298">
        <v>0</v>
      </c>
      <c r="AF2298">
        <v>0</v>
      </c>
      <c r="AG2298">
        <v>6.2324480165505216</v>
      </c>
      <c r="AH2298">
        <v>5.592960146820624E-2</v>
      </c>
      <c r="AI2298">
        <v>-9.291010261839952E-2</v>
      </c>
      <c r="AJ2298">
        <v>1.051816356199283E-2</v>
      </c>
      <c r="AK2298">
        <v>-3.5164406777177908E-2</v>
      </c>
      <c r="AL2298">
        <v>1612.8349193946519</v>
      </c>
      <c r="AM2298">
        <v>2851.3762506518228</v>
      </c>
      <c r="AN2298">
        <v>63523</v>
      </c>
      <c r="AO2298">
        <v>102.8443233384063</v>
      </c>
      <c r="AP2298">
        <v>1394.610837987628</v>
      </c>
      <c r="AQ2298">
        <v>1.044921875</v>
      </c>
      <c r="AR2298">
        <v>3.970703125</v>
      </c>
      <c r="AS2298">
        <v>510</v>
      </c>
      <c r="AT2298">
        <v>140.75</v>
      </c>
      <c r="AU2298">
        <v>3.8036151960784297E-2</v>
      </c>
      <c r="AV2298">
        <v>5.5998119039420632E-2</v>
      </c>
      <c r="AW2298">
        <v>0.40625</v>
      </c>
      <c r="AX2298">
        <v>84.121330724070447</v>
      </c>
      <c r="AY2298">
        <v>66</v>
      </c>
      <c r="AZ2298">
        <v>132</v>
      </c>
      <c r="BA2298">
        <v>0.60138974329346684</v>
      </c>
      <c r="BB2298">
        <v>0.486328125</v>
      </c>
      <c r="BC2298">
        <v>5.0864725256098664</v>
      </c>
      <c r="BD2298" t="s">
        <v>8757</v>
      </c>
      <c r="BE2298" t="s">
        <v>62</v>
      </c>
    </row>
    <row r="2299" spans="1:57" x14ac:dyDescent="0.3">
      <c r="A2299" t="s">
        <v>8758</v>
      </c>
      <c r="B2299">
        <v>2142</v>
      </c>
      <c r="C2299" t="s">
        <v>8759</v>
      </c>
      <c r="D2299" t="s">
        <v>8760</v>
      </c>
      <c r="E2299" t="s">
        <v>128</v>
      </c>
      <c r="F2299">
        <v>32</v>
      </c>
      <c r="G2299">
        <v>114.6875</v>
      </c>
      <c r="H2299">
        <v>110.5</v>
      </c>
      <c r="I2299">
        <v>4843.52734375</v>
      </c>
      <c r="J2299">
        <v>69.595454907271062</v>
      </c>
      <c r="K2299">
        <v>0.26393266687952982</v>
      </c>
      <c r="L2299">
        <v>-0.93729182303124503</v>
      </c>
      <c r="M2299">
        <v>4.9375</v>
      </c>
      <c r="N2299">
        <v>2</v>
      </c>
      <c r="O2299">
        <v>1</v>
      </c>
      <c r="P2299">
        <v>1</v>
      </c>
      <c r="Q2299">
        <v>0.1766846959694085</v>
      </c>
      <c r="R2299">
        <v>3.422414204014729</v>
      </c>
      <c r="S2299">
        <v>1</v>
      </c>
      <c r="T2299">
        <v>1</v>
      </c>
      <c r="U2299">
        <v>0</v>
      </c>
      <c r="V2299">
        <v>0</v>
      </c>
      <c r="W2299">
        <v>3.4339872044851458</v>
      </c>
      <c r="X2299">
        <v>1</v>
      </c>
      <c r="Y2299">
        <v>1</v>
      </c>
      <c r="Z2299">
        <v>0</v>
      </c>
      <c r="AA2299">
        <v>0</v>
      </c>
      <c r="AB2299">
        <v>3.401197381662155</v>
      </c>
      <c r="AC2299">
        <v>1</v>
      </c>
      <c r="AD2299">
        <v>1</v>
      </c>
      <c r="AE2299">
        <v>0</v>
      </c>
      <c r="AF2299">
        <v>0</v>
      </c>
      <c r="AG2299">
        <v>3.3672958299864728</v>
      </c>
      <c r="AH2299">
        <v>-0.25795684257260221</v>
      </c>
      <c r="AI2299">
        <v>0.1664055827566267</v>
      </c>
      <c r="AJ2299">
        <v>-0.212600422962991</v>
      </c>
      <c r="AK2299">
        <v>-0.1034211350844353</v>
      </c>
      <c r="AL2299">
        <v>435.305631325825</v>
      </c>
      <c r="AM2299">
        <v>621.61483841364736</v>
      </c>
      <c r="AN2299">
        <v>3670</v>
      </c>
      <c r="AO2299">
        <v>86.828137478441732</v>
      </c>
      <c r="AP2299">
        <v>238.25337655673289</v>
      </c>
      <c r="AQ2299">
        <v>1.65625</v>
      </c>
      <c r="AR2299">
        <v>4.3125</v>
      </c>
      <c r="AS2299">
        <v>32</v>
      </c>
      <c r="AT2299">
        <v>0.93749999999999978</v>
      </c>
      <c r="AU2299">
        <v>0.17609126984126991</v>
      </c>
      <c r="AV2299">
        <v>-0.26602242929526171</v>
      </c>
      <c r="AW2299">
        <v>0.40625</v>
      </c>
      <c r="AX2299">
        <v>86.322580645161295</v>
      </c>
      <c r="AY2299">
        <v>63.5</v>
      </c>
      <c r="AZ2299">
        <v>115</v>
      </c>
      <c r="BA2299">
        <v>0.60682685477729537</v>
      </c>
      <c r="BB2299">
        <v>0.5</v>
      </c>
      <c r="BC2299">
        <v>3.2998296856670919</v>
      </c>
      <c r="BD2299" t="s">
        <v>8761</v>
      </c>
      <c r="BE2299" t="s">
        <v>62</v>
      </c>
    </row>
    <row r="2300" spans="1:57" x14ac:dyDescent="0.3">
      <c r="A2300" t="s">
        <v>8762</v>
      </c>
      <c r="B2300">
        <v>825</v>
      </c>
      <c r="C2300" t="s">
        <v>8763</v>
      </c>
      <c r="D2300" t="s">
        <v>8764</v>
      </c>
      <c r="E2300" t="s">
        <v>115</v>
      </c>
      <c r="F2300">
        <v>865</v>
      </c>
      <c r="G2300">
        <v>123.4231213872832</v>
      </c>
      <c r="H2300">
        <v>120</v>
      </c>
      <c r="I2300">
        <v>5551.8186561528946</v>
      </c>
      <c r="J2300">
        <v>74.510527149879266</v>
      </c>
      <c r="K2300">
        <v>6.3155660466360591E-2</v>
      </c>
      <c r="L2300">
        <v>-1.201685368395377</v>
      </c>
      <c r="M2300">
        <v>7.7387353589240098</v>
      </c>
      <c r="N2300">
        <v>9</v>
      </c>
      <c r="O2300">
        <v>1</v>
      </c>
      <c r="P2300">
        <v>8</v>
      </c>
      <c r="Q2300">
        <v>1.84393147883146</v>
      </c>
      <c r="R2300">
        <v>5.3640825951377256</v>
      </c>
      <c r="S2300">
        <v>2</v>
      </c>
      <c r="T2300">
        <v>1</v>
      </c>
      <c r="U2300">
        <v>1</v>
      </c>
      <c r="V2300">
        <v>5.8925207405183859E-2</v>
      </c>
      <c r="W2300">
        <v>6.7567592467168351</v>
      </c>
      <c r="X2300">
        <v>1</v>
      </c>
      <c r="Y2300">
        <v>1</v>
      </c>
      <c r="Z2300">
        <v>0</v>
      </c>
      <c r="AA2300">
        <v>0</v>
      </c>
      <c r="AB2300">
        <v>6.760414691083426</v>
      </c>
      <c r="AC2300">
        <v>1</v>
      </c>
      <c r="AD2300">
        <v>1</v>
      </c>
      <c r="AE2300">
        <v>0</v>
      </c>
      <c r="AF2300">
        <v>0</v>
      </c>
      <c r="AG2300">
        <v>6.7592552706636937</v>
      </c>
      <c r="AH2300">
        <v>-2.445072923403702E-2</v>
      </c>
      <c r="AI2300">
        <v>-9.4105944132066108E-3</v>
      </c>
      <c r="AJ2300">
        <v>1.8892694256805041E-2</v>
      </c>
      <c r="AK2300">
        <v>3.5312463026709033E-2</v>
      </c>
      <c r="AL2300">
        <v>2077.9844622441778</v>
      </c>
      <c r="AM2300">
        <v>3696.0897682106929</v>
      </c>
      <c r="AN2300">
        <v>106761</v>
      </c>
      <c r="AO2300">
        <v>187.45758758548789</v>
      </c>
      <c r="AP2300">
        <v>1919.3294216182881</v>
      </c>
      <c r="AQ2300">
        <v>1.026589595375722</v>
      </c>
      <c r="AR2300">
        <v>3.928323699421965</v>
      </c>
      <c r="AS2300">
        <v>861</v>
      </c>
      <c r="AT2300">
        <v>235.94219653179189</v>
      </c>
      <c r="AU2300">
        <v>3.80822849370962E-2</v>
      </c>
      <c r="AV2300">
        <v>-2.4500408219281119E-2</v>
      </c>
      <c r="AW2300">
        <v>0.37456647398843929</v>
      </c>
      <c r="AX2300">
        <v>86.829861111111114</v>
      </c>
      <c r="AY2300">
        <v>62</v>
      </c>
      <c r="AZ2300">
        <v>124</v>
      </c>
      <c r="BA2300">
        <v>0.60369990899903114</v>
      </c>
      <c r="BB2300">
        <v>0.48092485549132952</v>
      </c>
      <c r="BC2300">
        <v>5.1875706601955516</v>
      </c>
      <c r="BD2300" t="s">
        <v>8765</v>
      </c>
      <c r="BE2300" t="s">
        <v>68</v>
      </c>
    </row>
    <row r="2301" spans="1:57" x14ac:dyDescent="0.3">
      <c r="A2301" t="s">
        <v>8766</v>
      </c>
      <c r="B2301">
        <v>3954</v>
      </c>
      <c r="C2301" t="s">
        <v>8767</v>
      </c>
      <c r="D2301" t="s">
        <v>8768</v>
      </c>
      <c r="E2301" t="s">
        <v>10622</v>
      </c>
      <c r="F2301">
        <v>64</v>
      </c>
      <c r="G2301">
        <v>137.78125</v>
      </c>
      <c r="H2301">
        <v>145.5</v>
      </c>
      <c r="I2301">
        <v>5605.0146484375</v>
      </c>
      <c r="J2301">
        <v>74.866645767240698</v>
      </c>
      <c r="K2301">
        <v>-0.12075769046688629</v>
      </c>
      <c r="L2301">
        <v>-1.2884665832794551</v>
      </c>
      <c r="M2301">
        <v>5.6875</v>
      </c>
      <c r="N2301">
        <v>2</v>
      </c>
      <c r="O2301">
        <v>1</v>
      </c>
      <c r="P2301">
        <v>1</v>
      </c>
      <c r="Q2301">
        <v>0.38844772154450058</v>
      </c>
      <c r="R2301">
        <v>3.9422745894346898</v>
      </c>
      <c r="S2301">
        <v>1</v>
      </c>
      <c r="T2301">
        <v>1</v>
      </c>
      <c r="U2301">
        <v>0</v>
      </c>
      <c r="V2301">
        <v>0</v>
      </c>
      <c r="W2301">
        <v>4.1431347263915326</v>
      </c>
      <c r="X2301">
        <v>1</v>
      </c>
      <c r="Y2301">
        <v>1</v>
      </c>
      <c r="Z2301">
        <v>0</v>
      </c>
      <c r="AA2301">
        <v>0</v>
      </c>
      <c r="AB2301">
        <v>4.1271343850450908</v>
      </c>
      <c r="AC2301">
        <v>1</v>
      </c>
      <c r="AD2301">
        <v>1</v>
      </c>
      <c r="AE2301">
        <v>0</v>
      </c>
      <c r="AF2301">
        <v>0</v>
      </c>
      <c r="AG2301">
        <v>4.1108738641733096</v>
      </c>
      <c r="AH2301">
        <v>-2.5564138144466411E-2</v>
      </c>
      <c r="AI2301">
        <v>0.1290889364295191</v>
      </c>
      <c r="AJ2301">
        <v>7.6649706269758783E-2</v>
      </c>
      <c r="AK2301">
        <v>-6.8867540009774311E-2</v>
      </c>
      <c r="AL2301">
        <v>665.48274962447101</v>
      </c>
      <c r="AM2301">
        <v>1063.394898404282</v>
      </c>
      <c r="AN2301">
        <v>8818</v>
      </c>
      <c r="AO2301">
        <v>6.8278866749364564</v>
      </c>
      <c r="AP2301">
        <v>476.1850409659325</v>
      </c>
      <c r="AQ2301">
        <v>1.359375</v>
      </c>
      <c r="AR2301">
        <v>4.171875</v>
      </c>
      <c r="AS2301">
        <v>64</v>
      </c>
      <c r="AT2301">
        <v>6.8749999999999991</v>
      </c>
      <c r="AU2301">
        <v>7.7512254901960786E-2</v>
      </c>
      <c r="AV2301">
        <v>-2.620137121115897E-2</v>
      </c>
      <c r="AW2301">
        <v>0.328125</v>
      </c>
      <c r="AX2301">
        <v>87.539682539682545</v>
      </c>
      <c r="AY2301">
        <v>75</v>
      </c>
      <c r="AZ2301">
        <v>133.25</v>
      </c>
      <c r="BA2301">
        <v>0.54337325120247271</v>
      </c>
      <c r="BB2301">
        <v>0.515625</v>
      </c>
      <c r="BC2301">
        <v>3.8707731315152909</v>
      </c>
      <c r="BD2301" t="s">
        <v>8769</v>
      </c>
      <c r="BE2301" t="s">
        <v>62</v>
      </c>
    </row>
    <row r="2302" spans="1:57" x14ac:dyDescent="0.3">
      <c r="A2302" t="s">
        <v>8770</v>
      </c>
      <c r="B2302">
        <v>2592</v>
      </c>
      <c r="C2302" t="s">
        <v>8771</v>
      </c>
      <c r="D2302" t="s">
        <v>8772</v>
      </c>
      <c r="E2302" t="s">
        <v>128</v>
      </c>
      <c r="F2302">
        <v>32</v>
      </c>
      <c r="G2302">
        <v>104.5</v>
      </c>
      <c r="H2302">
        <v>85</v>
      </c>
      <c r="I2302">
        <v>4442.625</v>
      </c>
      <c r="J2302">
        <v>66.653019436481642</v>
      </c>
      <c r="K2302">
        <v>0.73013553733956327</v>
      </c>
      <c r="L2302">
        <v>-0.49539692425412918</v>
      </c>
      <c r="M2302">
        <v>4.875</v>
      </c>
      <c r="N2302">
        <v>2</v>
      </c>
      <c r="O2302">
        <v>1</v>
      </c>
      <c r="P2302">
        <v>1</v>
      </c>
      <c r="Q2302">
        <v>0.24944382578492941</v>
      </c>
      <c r="R2302">
        <v>3.3790925052297318</v>
      </c>
      <c r="S2302">
        <v>1</v>
      </c>
      <c r="T2302">
        <v>1</v>
      </c>
      <c r="U2302">
        <v>0</v>
      </c>
      <c r="V2302">
        <v>0</v>
      </c>
      <c r="W2302">
        <v>3.4339872044851458</v>
      </c>
      <c r="X2302">
        <v>1</v>
      </c>
      <c r="Y2302">
        <v>1</v>
      </c>
      <c r="Z2302">
        <v>0</v>
      </c>
      <c r="AA2302">
        <v>0</v>
      </c>
      <c r="AB2302">
        <v>3.401197381662155</v>
      </c>
      <c r="AC2302">
        <v>1</v>
      </c>
      <c r="AD2302">
        <v>1</v>
      </c>
      <c r="AE2302">
        <v>0</v>
      </c>
      <c r="AF2302">
        <v>0</v>
      </c>
      <c r="AG2302">
        <v>3.3672958299864728</v>
      </c>
      <c r="AH2302">
        <v>0.38577804507470248</v>
      </c>
      <c r="AI2302">
        <v>0.10517078866661041</v>
      </c>
      <c r="AJ2302">
        <v>-0.21410659519990999</v>
      </c>
      <c r="AK2302">
        <v>-0.1556652879772657</v>
      </c>
      <c r="AL2302">
        <v>427.17841406536053</v>
      </c>
      <c r="AM2302">
        <v>555.99514616280908</v>
      </c>
      <c r="AN2302">
        <v>3344</v>
      </c>
      <c r="AO2302">
        <v>82</v>
      </c>
      <c r="AP2302">
        <v>282.2520020686182</v>
      </c>
      <c r="AQ2302">
        <v>1.65625</v>
      </c>
      <c r="AR2302">
        <v>3.71875</v>
      </c>
      <c r="AS2302">
        <v>32</v>
      </c>
      <c r="AT2302">
        <v>1.75</v>
      </c>
      <c r="AU2302">
        <v>0.25504032258064518</v>
      </c>
      <c r="AV2302">
        <v>0.4210825578565463</v>
      </c>
      <c r="AW2302">
        <v>0.59375</v>
      </c>
      <c r="AX2302">
        <v>54.258064516129032</v>
      </c>
      <c r="AY2302">
        <v>46</v>
      </c>
      <c r="AZ2302">
        <v>82.5</v>
      </c>
      <c r="BA2302">
        <v>0.63782793719121189</v>
      </c>
      <c r="BB2302">
        <v>0.40625</v>
      </c>
      <c r="BC2302">
        <v>3.3445488586064429</v>
      </c>
      <c r="BD2302" t="s">
        <v>8773</v>
      </c>
      <c r="BE2302" t="s">
        <v>62</v>
      </c>
    </row>
    <row r="2303" spans="1:57" x14ac:dyDescent="0.3">
      <c r="A2303" t="s">
        <v>8774</v>
      </c>
      <c r="B2303">
        <v>149</v>
      </c>
      <c r="C2303" t="s">
        <v>8775</v>
      </c>
      <c r="D2303" t="s">
        <v>8776</v>
      </c>
      <c r="E2303" t="s">
        <v>60</v>
      </c>
      <c r="F2303">
        <v>512</v>
      </c>
      <c r="G2303">
        <v>119.751953125</v>
      </c>
      <c r="H2303">
        <v>112</v>
      </c>
      <c r="I2303">
        <v>5610.1240196228027</v>
      </c>
      <c r="J2303">
        <v>74.900761141812183</v>
      </c>
      <c r="K2303">
        <v>0.15480254579502831</v>
      </c>
      <c r="L2303">
        <v>-1.2314163241349869</v>
      </c>
      <c r="M2303">
        <v>7.5820025796019577</v>
      </c>
      <c r="N2303">
        <v>6</v>
      </c>
      <c r="O2303">
        <v>1</v>
      </c>
      <c r="P2303">
        <v>5</v>
      </c>
      <c r="Q2303">
        <v>1.315624318313847</v>
      </c>
      <c r="R2303">
        <v>5.2554437110493284</v>
      </c>
      <c r="S2303">
        <v>1</v>
      </c>
      <c r="T2303">
        <v>1</v>
      </c>
      <c r="U2303">
        <v>0</v>
      </c>
      <c r="V2303">
        <v>0</v>
      </c>
      <c r="W2303">
        <v>6.2363695902037044</v>
      </c>
      <c r="X2303">
        <v>1</v>
      </c>
      <c r="Y2303">
        <v>1</v>
      </c>
      <c r="Z2303">
        <v>0</v>
      </c>
      <c r="AA2303">
        <v>0</v>
      </c>
      <c r="AB2303">
        <v>6.2344107257183694</v>
      </c>
      <c r="AC2303">
        <v>1</v>
      </c>
      <c r="AD2303">
        <v>1</v>
      </c>
      <c r="AE2303">
        <v>0</v>
      </c>
      <c r="AF2303">
        <v>0</v>
      </c>
      <c r="AG2303">
        <v>6.2324480165505216</v>
      </c>
      <c r="AH2303">
        <v>4.0336380495816379E-2</v>
      </c>
      <c r="AI2303">
        <v>-0.1158986035681234</v>
      </c>
      <c r="AJ2303">
        <v>2.8799917303430709E-2</v>
      </c>
      <c r="AK2303">
        <v>8.4482919455866085E-2</v>
      </c>
      <c r="AL2303">
        <v>1612.6327035748061</v>
      </c>
      <c r="AM2303">
        <v>2759.3750675399328</v>
      </c>
      <c r="AN2303">
        <v>61313</v>
      </c>
      <c r="AO2303">
        <v>32.772870490352084</v>
      </c>
      <c r="AP2303">
        <v>1391.793105736594</v>
      </c>
      <c r="AQ2303">
        <v>1.044921875</v>
      </c>
      <c r="AR2303">
        <v>3.90625</v>
      </c>
      <c r="AS2303">
        <v>510</v>
      </c>
      <c r="AT2303">
        <v>169.625</v>
      </c>
      <c r="AU2303">
        <v>6.8550857843137247E-2</v>
      </c>
      <c r="AV2303">
        <v>4.0378564177212757E-2</v>
      </c>
      <c r="AW2303">
        <v>0.39453125</v>
      </c>
      <c r="AX2303">
        <v>84.927592954990217</v>
      </c>
      <c r="AY2303">
        <v>65</v>
      </c>
      <c r="AZ2303">
        <v>134.25</v>
      </c>
      <c r="BA2303">
        <v>0.62546588332992736</v>
      </c>
      <c r="BB2303">
        <v>0.46875</v>
      </c>
      <c r="BC2303">
        <v>5.0955913209836217</v>
      </c>
      <c r="BD2303" t="s">
        <v>8777</v>
      </c>
      <c r="BE2303" t="s">
        <v>62</v>
      </c>
    </row>
    <row r="2304" spans="1:57" x14ac:dyDescent="0.3">
      <c r="A2304" t="s">
        <v>8778</v>
      </c>
      <c r="B2304">
        <v>152</v>
      </c>
      <c r="C2304" t="s">
        <v>8779</v>
      </c>
      <c r="D2304" t="s">
        <v>8780</v>
      </c>
      <c r="E2304" t="s">
        <v>60</v>
      </c>
      <c r="F2304">
        <v>512</v>
      </c>
      <c r="G2304">
        <v>122.802734375</v>
      </c>
      <c r="H2304">
        <v>117.5</v>
      </c>
      <c r="I2304">
        <v>5235.7091331481934</v>
      </c>
      <c r="J2304">
        <v>72.358200179027349</v>
      </c>
      <c r="K2304">
        <v>0.1186768865814152</v>
      </c>
      <c r="L2304">
        <v>-1.1480763602971771</v>
      </c>
      <c r="M2304">
        <v>7.5960579671834862</v>
      </c>
      <c r="N2304">
        <v>8</v>
      </c>
      <c r="O2304">
        <v>1</v>
      </c>
      <c r="P2304">
        <v>7</v>
      </c>
      <c r="Q2304">
        <v>1.210674429557077</v>
      </c>
      <c r="R2304">
        <v>5.2651861633231416</v>
      </c>
      <c r="S2304">
        <v>2</v>
      </c>
      <c r="T2304">
        <v>1</v>
      </c>
      <c r="U2304">
        <v>1</v>
      </c>
      <c r="V2304">
        <v>8.8472037443809867E-2</v>
      </c>
      <c r="W2304">
        <v>6.2255179709385784</v>
      </c>
      <c r="X2304">
        <v>1</v>
      </c>
      <c r="Y2304">
        <v>1</v>
      </c>
      <c r="Z2304">
        <v>0</v>
      </c>
      <c r="AA2304">
        <v>0</v>
      </c>
      <c r="AB2304">
        <v>6.2344107257183694</v>
      </c>
      <c r="AC2304">
        <v>1</v>
      </c>
      <c r="AD2304">
        <v>1</v>
      </c>
      <c r="AE2304">
        <v>0</v>
      </c>
      <c r="AF2304">
        <v>0</v>
      </c>
      <c r="AG2304">
        <v>6.2324480165505216</v>
      </c>
      <c r="AH2304">
        <v>-4.0307953982039518E-3</v>
      </c>
      <c r="AI2304">
        <v>-2.7169353263389599E-2</v>
      </c>
      <c r="AJ2304">
        <v>-5.1034987099119279E-2</v>
      </c>
      <c r="AK2304">
        <v>9.0053800323090238E-3</v>
      </c>
      <c r="AL2304">
        <v>1592.552075327596</v>
      </c>
      <c r="AM2304">
        <v>2804.5824800440018</v>
      </c>
      <c r="AN2304">
        <v>62875</v>
      </c>
      <c r="AO2304">
        <v>89.796033711217547</v>
      </c>
      <c r="AP2304">
        <v>1450.0313655031091</v>
      </c>
      <c r="AQ2304">
        <v>1.044921875</v>
      </c>
      <c r="AR2304">
        <v>4.08203125</v>
      </c>
      <c r="AS2304">
        <v>511</v>
      </c>
      <c r="AT2304">
        <v>137.30078125</v>
      </c>
      <c r="AU2304">
        <v>4.7296262254901973E-2</v>
      </c>
      <c r="AV2304">
        <v>-4.0517818790234634E-3</v>
      </c>
      <c r="AW2304">
        <v>0.419921875</v>
      </c>
      <c r="AX2304">
        <v>84.095890410958901</v>
      </c>
      <c r="AY2304">
        <v>59.5</v>
      </c>
      <c r="AZ2304">
        <v>120.25</v>
      </c>
      <c r="BA2304">
        <v>0.58922303764074757</v>
      </c>
      <c r="BB2304">
        <v>0.490234375</v>
      </c>
      <c r="BC2304">
        <v>5.068091147737384</v>
      </c>
      <c r="BD2304" t="s">
        <v>8781</v>
      </c>
      <c r="BE2304" t="s">
        <v>62</v>
      </c>
    </row>
    <row r="2305" spans="1:57" x14ac:dyDescent="0.3">
      <c r="A2305" t="s">
        <v>8782</v>
      </c>
      <c r="B2305">
        <v>2591</v>
      </c>
      <c r="C2305" t="s">
        <v>8783</v>
      </c>
      <c r="D2305" t="s">
        <v>8784</v>
      </c>
      <c r="E2305" t="s">
        <v>106</v>
      </c>
      <c r="F2305">
        <v>2639</v>
      </c>
      <c r="G2305">
        <v>128.27207275483141</v>
      </c>
      <c r="H2305">
        <v>130</v>
      </c>
      <c r="I2305">
        <v>5356.6709555748503</v>
      </c>
      <c r="J2305">
        <v>73.189281698721771</v>
      </c>
      <c r="K2305">
        <v>-2.5703472439779398E-2</v>
      </c>
      <c r="L2305">
        <v>-1.1824770767864621</v>
      </c>
      <c r="M2305">
        <v>7.9253434291323988</v>
      </c>
      <c r="N2305">
        <v>20</v>
      </c>
      <c r="O2305">
        <v>1</v>
      </c>
      <c r="P2305">
        <v>19</v>
      </c>
      <c r="Q2305">
        <v>3.3028285071224839</v>
      </c>
      <c r="R2305">
        <v>5.4934294528724106</v>
      </c>
      <c r="S2305">
        <v>3</v>
      </c>
      <c r="T2305">
        <v>1</v>
      </c>
      <c r="U2305">
        <v>2</v>
      </c>
      <c r="V2305">
        <v>0.14701689936065421</v>
      </c>
      <c r="W2305">
        <v>7.8486749542001712</v>
      </c>
      <c r="X2305">
        <v>1</v>
      </c>
      <c r="Y2305">
        <v>1</v>
      </c>
      <c r="Z2305">
        <v>0</v>
      </c>
      <c r="AA2305">
        <v>0</v>
      </c>
      <c r="AB2305">
        <v>7.877397186353285</v>
      </c>
      <c r="AC2305">
        <v>1</v>
      </c>
      <c r="AD2305">
        <v>1</v>
      </c>
      <c r="AE2305">
        <v>0</v>
      </c>
      <c r="AF2305">
        <v>0</v>
      </c>
      <c r="AG2305">
        <v>7.8770178956223997</v>
      </c>
      <c r="AH2305">
        <v>1.3743248631101089E-2</v>
      </c>
      <c r="AI2305">
        <v>-3.4419640586746743E-2</v>
      </c>
      <c r="AJ2305">
        <v>5.7470858541196698E-3</v>
      </c>
      <c r="AK2305">
        <v>-6.4682891188760638E-3</v>
      </c>
      <c r="AL2305">
        <v>3451.930342631802</v>
      </c>
      <c r="AM2305">
        <v>6755.8723278062234</v>
      </c>
      <c r="AN2305">
        <v>338510</v>
      </c>
      <c r="AO2305">
        <v>155.91989899876569</v>
      </c>
      <c r="AP2305">
        <v>3055.2869360532759</v>
      </c>
      <c r="AQ2305">
        <v>1.008715422508526</v>
      </c>
      <c r="AR2305">
        <v>4.0041682455475556</v>
      </c>
      <c r="AS2305">
        <v>2627</v>
      </c>
      <c r="AT2305">
        <v>270.90223569533907</v>
      </c>
      <c r="AU2305">
        <v>1.7289674490485851E-2</v>
      </c>
      <c r="AV2305">
        <v>1.374428963198166E-2</v>
      </c>
      <c r="AW2305">
        <v>0.3645320197044335</v>
      </c>
      <c r="AX2305">
        <v>83.719484457922675</v>
      </c>
      <c r="AY2305">
        <v>63</v>
      </c>
      <c r="AZ2305">
        <v>127</v>
      </c>
      <c r="BA2305">
        <v>0.57057845972918597</v>
      </c>
      <c r="BB2305">
        <v>0.50587343690791964</v>
      </c>
      <c r="BC2305">
        <v>5.2995042333421143</v>
      </c>
      <c r="BD2305" t="s">
        <v>8785</v>
      </c>
      <c r="BE2305" t="s">
        <v>68</v>
      </c>
    </row>
    <row r="2306" spans="1:57" x14ac:dyDescent="0.3">
      <c r="A2306" t="s">
        <v>8786</v>
      </c>
      <c r="B2306">
        <v>3940</v>
      </c>
      <c r="C2306" t="s">
        <v>8787</v>
      </c>
      <c r="D2306" t="s">
        <v>8788</v>
      </c>
      <c r="E2306" t="s">
        <v>66</v>
      </c>
      <c r="F2306">
        <v>71</v>
      </c>
      <c r="G2306">
        <v>118.7605633802817</v>
      </c>
      <c r="H2306">
        <v>110</v>
      </c>
      <c r="I2306">
        <v>5740.7173179924621</v>
      </c>
      <c r="J2306">
        <v>75.767521524677463</v>
      </c>
      <c r="K2306">
        <v>0.16850516542706401</v>
      </c>
      <c r="L2306">
        <v>-1.2210455875177</v>
      </c>
      <c r="M2306">
        <v>5.8292557462347698</v>
      </c>
      <c r="N2306">
        <v>4</v>
      </c>
      <c r="O2306">
        <v>1</v>
      </c>
      <c r="P2306">
        <v>3</v>
      </c>
      <c r="Q2306">
        <v>0.5178875081616825</v>
      </c>
      <c r="R2306">
        <v>4.0405321852654943</v>
      </c>
      <c r="S2306">
        <v>1</v>
      </c>
      <c r="T2306">
        <v>1</v>
      </c>
      <c r="U2306">
        <v>0</v>
      </c>
      <c r="V2306">
        <v>0</v>
      </c>
      <c r="W2306">
        <v>4.2484952420493576</v>
      </c>
      <c r="X2306">
        <v>1</v>
      </c>
      <c r="Y2306">
        <v>1</v>
      </c>
      <c r="Z2306">
        <v>0</v>
      </c>
      <c r="AA2306">
        <v>0</v>
      </c>
      <c r="AB2306">
        <v>4.2341065045972579</v>
      </c>
      <c r="AC2306">
        <v>1</v>
      </c>
      <c r="AD2306">
        <v>1</v>
      </c>
      <c r="AE2306">
        <v>0</v>
      </c>
      <c r="AF2306">
        <v>0</v>
      </c>
      <c r="AG2306">
        <v>4.2195077051761087</v>
      </c>
      <c r="AH2306">
        <v>0.1386276315419763</v>
      </c>
      <c r="AI2306">
        <v>-9.6793441368274322E-2</v>
      </c>
      <c r="AJ2306">
        <v>0.18253058776160841</v>
      </c>
      <c r="AK2306">
        <v>2.8018781872250278E-2</v>
      </c>
      <c r="AL2306">
        <v>660.84680811106148</v>
      </c>
      <c r="AM2306">
        <v>986.03321252857518</v>
      </c>
      <c r="AN2306">
        <v>8432</v>
      </c>
      <c r="AO2306">
        <v>88.478543109959645</v>
      </c>
      <c r="AP2306">
        <v>446.52123520814712</v>
      </c>
      <c r="AQ2306">
        <v>1.323943661971831</v>
      </c>
      <c r="AR2306">
        <v>3.732394366197183</v>
      </c>
      <c r="AS2306">
        <v>71</v>
      </c>
      <c r="AT2306">
        <v>14.056338028169019</v>
      </c>
      <c r="AU2306">
        <v>8.7312720947197164E-2</v>
      </c>
      <c r="AV2306">
        <v>0.1413048045934909</v>
      </c>
      <c r="AW2306">
        <v>0.47887323943661969</v>
      </c>
      <c r="AX2306">
        <v>80.957142857142856</v>
      </c>
      <c r="AY2306">
        <v>67</v>
      </c>
      <c r="AZ2306">
        <v>136</v>
      </c>
      <c r="BA2306">
        <v>0.63798553465987895</v>
      </c>
      <c r="BB2306">
        <v>0.47887323943661969</v>
      </c>
      <c r="BC2306">
        <v>4.0231740118195978</v>
      </c>
      <c r="BD2306" t="s">
        <v>8789</v>
      </c>
      <c r="BE2306" t="s">
        <v>68</v>
      </c>
    </row>
    <row r="2307" spans="1:57" x14ac:dyDescent="0.3">
      <c r="A2307" t="s">
        <v>8790</v>
      </c>
      <c r="B2307">
        <v>3084</v>
      </c>
      <c r="C2307" t="s">
        <v>8791</v>
      </c>
      <c r="D2307" t="s">
        <v>8792</v>
      </c>
      <c r="E2307" t="s">
        <v>85</v>
      </c>
      <c r="F2307">
        <v>8</v>
      </c>
      <c r="G2307">
        <v>136.875</v>
      </c>
      <c r="H2307">
        <v>123.5</v>
      </c>
      <c r="I2307">
        <v>6123.609375</v>
      </c>
      <c r="J2307">
        <v>78.253494330924283</v>
      </c>
      <c r="K2307">
        <v>8.1721065451198047E-2</v>
      </c>
      <c r="L2307">
        <v>-1.428255732876949</v>
      </c>
      <c r="M2307">
        <v>3</v>
      </c>
      <c r="N2307">
        <v>1</v>
      </c>
      <c r="O2307">
        <v>1</v>
      </c>
      <c r="P2307">
        <v>0</v>
      </c>
      <c r="Q2307">
        <v>0</v>
      </c>
      <c r="R2307">
        <v>2.0794415416798362</v>
      </c>
      <c r="S2307">
        <v>1</v>
      </c>
      <c r="T2307">
        <v>1</v>
      </c>
      <c r="U2307">
        <v>0</v>
      </c>
      <c r="V2307">
        <v>0</v>
      </c>
      <c r="W2307">
        <v>1.945910149055313</v>
      </c>
      <c r="X2307">
        <v>1</v>
      </c>
      <c r="Y2307">
        <v>1</v>
      </c>
      <c r="Z2307">
        <v>0</v>
      </c>
      <c r="AA2307">
        <v>0</v>
      </c>
      <c r="AB2307">
        <v>1.791759469228055</v>
      </c>
      <c r="AC2307">
        <v>1</v>
      </c>
      <c r="AD2307">
        <v>1</v>
      </c>
      <c r="AE2307">
        <v>0</v>
      </c>
      <c r="AF2307">
        <v>0</v>
      </c>
      <c r="AG2307">
        <v>1.6094379124341009</v>
      </c>
      <c r="AH2307">
        <v>-0.53907679294533706</v>
      </c>
      <c r="AI2307">
        <v>0.22036827238837389</v>
      </c>
      <c r="AJ2307">
        <v>0.27772982896627041</v>
      </c>
      <c r="AK2307">
        <v>0</v>
      </c>
      <c r="AL2307">
        <v>293.6460451569256</v>
      </c>
      <c r="AM2307">
        <v>335.61734186972052</v>
      </c>
      <c r="AN2307">
        <v>1095</v>
      </c>
      <c r="AO2307">
        <v>27</v>
      </c>
      <c r="AP2307">
        <v>156.31242517587219</v>
      </c>
      <c r="AQ2307">
        <v>3.5</v>
      </c>
      <c r="AR2307">
        <v>4.125</v>
      </c>
      <c r="AS2307">
        <v>8</v>
      </c>
      <c r="AT2307">
        <v>0</v>
      </c>
      <c r="AU2307">
        <v>0.17338709677419359</v>
      </c>
      <c r="AV2307">
        <v>-0.60651761629898537</v>
      </c>
      <c r="AW2307">
        <v>0.375</v>
      </c>
      <c r="AX2307">
        <v>135.85714285714289</v>
      </c>
      <c r="AY2307">
        <v>71.5</v>
      </c>
      <c r="AZ2307">
        <v>134.25</v>
      </c>
      <c r="BA2307">
        <v>0.57171502707524591</v>
      </c>
      <c r="BB2307">
        <v>0.5</v>
      </c>
      <c r="BC2307">
        <v>1.945910149055313</v>
      </c>
      <c r="BD2307" t="s">
        <v>8791</v>
      </c>
      <c r="BE2307" t="s">
        <v>68</v>
      </c>
    </row>
    <row r="2308" spans="1:57" x14ac:dyDescent="0.3">
      <c r="A2308" t="s">
        <v>8793</v>
      </c>
      <c r="B2308">
        <v>624</v>
      </c>
      <c r="C2308" t="s">
        <v>8794</v>
      </c>
      <c r="D2308" t="s">
        <v>8795</v>
      </c>
      <c r="E2308" t="s">
        <v>128</v>
      </c>
      <c r="F2308">
        <v>32</v>
      </c>
      <c r="G2308">
        <v>93.5625</v>
      </c>
      <c r="H2308">
        <v>79</v>
      </c>
      <c r="I2308">
        <v>4903.80859375</v>
      </c>
      <c r="J2308">
        <v>70.027198956905309</v>
      </c>
      <c r="K2308">
        <v>0.5883453167217495</v>
      </c>
      <c r="L2308">
        <v>-0.82405178205035678</v>
      </c>
      <c r="M2308">
        <v>4.875</v>
      </c>
      <c r="N2308">
        <v>2</v>
      </c>
      <c r="O2308">
        <v>1</v>
      </c>
      <c r="P2308">
        <v>1</v>
      </c>
      <c r="Q2308">
        <v>0.24944382578492941</v>
      </c>
      <c r="R2308">
        <v>3.3790925052297318</v>
      </c>
      <c r="S2308">
        <v>1</v>
      </c>
      <c r="T2308">
        <v>1</v>
      </c>
      <c r="U2308">
        <v>0</v>
      </c>
      <c r="V2308">
        <v>0</v>
      </c>
      <c r="W2308">
        <v>3.4339872044851458</v>
      </c>
      <c r="X2308">
        <v>1</v>
      </c>
      <c r="Y2308">
        <v>1</v>
      </c>
      <c r="Z2308">
        <v>0</v>
      </c>
      <c r="AA2308">
        <v>0</v>
      </c>
      <c r="AB2308">
        <v>3.401197381662155</v>
      </c>
      <c r="AC2308">
        <v>1</v>
      </c>
      <c r="AD2308">
        <v>1</v>
      </c>
      <c r="AE2308">
        <v>0</v>
      </c>
      <c r="AF2308">
        <v>0</v>
      </c>
      <c r="AG2308">
        <v>3.3672958299864728</v>
      </c>
      <c r="AH2308">
        <v>-3.0220078661754451E-2</v>
      </c>
      <c r="AI2308">
        <v>0.16187628198745391</v>
      </c>
      <c r="AJ2308">
        <v>-7.4265906601613061E-3</v>
      </c>
      <c r="AK2308">
        <v>-0.13046763915164791</v>
      </c>
      <c r="AL2308">
        <v>455.0138379265332</v>
      </c>
      <c r="AM2308">
        <v>479.59400256400892</v>
      </c>
      <c r="AN2308">
        <v>2994</v>
      </c>
      <c r="AO2308">
        <v>81.029173108348559</v>
      </c>
      <c r="AP2308">
        <v>387.5712537211611</v>
      </c>
      <c r="AQ2308">
        <v>1.65625</v>
      </c>
      <c r="AR2308">
        <v>3.65625</v>
      </c>
      <c r="AS2308">
        <v>32</v>
      </c>
      <c r="AT2308">
        <v>1.75</v>
      </c>
      <c r="AU2308">
        <v>0.26421568627450981</v>
      </c>
      <c r="AV2308">
        <v>-3.1595784296150287E-2</v>
      </c>
      <c r="AW2308">
        <v>0.46875</v>
      </c>
      <c r="AX2308">
        <v>83.354838709677423</v>
      </c>
      <c r="AY2308">
        <v>49</v>
      </c>
      <c r="AZ2308">
        <v>124</v>
      </c>
      <c r="BA2308">
        <v>0.74845369626618896</v>
      </c>
      <c r="BB2308">
        <v>0.375</v>
      </c>
      <c r="BC2308">
        <v>3.2551105127277409</v>
      </c>
      <c r="BD2308" t="s">
        <v>8796</v>
      </c>
      <c r="BE2308" t="s">
        <v>62</v>
      </c>
    </row>
    <row r="2309" spans="1:57" x14ac:dyDescent="0.3">
      <c r="A2309" t="s">
        <v>8797</v>
      </c>
      <c r="B2309">
        <v>642</v>
      </c>
      <c r="C2309" t="s">
        <v>8798</v>
      </c>
      <c r="D2309" t="s">
        <v>8799</v>
      </c>
      <c r="E2309" t="s">
        <v>106</v>
      </c>
      <c r="F2309">
        <v>652</v>
      </c>
      <c r="G2309">
        <v>127.74233128834361</v>
      </c>
      <c r="H2309">
        <v>128</v>
      </c>
      <c r="I2309">
        <v>5868.3415822951574</v>
      </c>
      <c r="J2309">
        <v>76.60510154222861</v>
      </c>
      <c r="K2309">
        <v>8.6807740290122237E-3</v>
      </c>
      <c r="L2309">
        <v>-1.313509697030891</v>
      </c>
      <c r="M2309">
        <v>7.6567996588418588</v>
      </c>
      <c r="N2309">
        <v>7</v>
      </c>
      <c r="O2309">
        <v>1</v>
      </c>
      <c r="P2309">
        <v>6</v>
      </c>
      <c r="Q2309">
        <v>1.5132027162727679</v>
      </c>
      <c r="R2309">
        <v>5.3072890956385823</v>
      </c>
      <c r="S2309">
        <v>2</v>
      </c>
      <c r="T2309">
        <v>1</v>
      </c>
      <c r="U2309">
        <v>1</v>
      </c>
      <c r="V2309">
        <v>7.8384682121211524E-2</v>
      </c>
      <c r="W2309">
        <v>6.4699917045058353</v>
      </c>
      <c r="X2309">
        <v>1</v>
      </c>
      <c r="Y2309">
        <v>1</v>
      </c>
      <c r="Z2309">
        <v>0</v>
      </c>
      <c r="AA2309">
        <v>0</v>
      </c>
      <c r="AB2309">
        <v>6.4769723628896827</v>
      </c>
      <c r="AC2309">
        <v>1</v>
      </c>
      <c r="AD2309">
        <v>1</v>
      </c>
      <c r="AE2309">
        <v>0</v>
      </c>
      <c r="AF2309">
        <v>0</v>
      </c>
      <c r="AG2309">
        <v>6.4754327167040913</v>
      </c>
      <c r="AH2309">
        <v>2.8863695724291542E-2</v>
      </c>
      <c r="AI2309">
        <v>9.2691843056873224E-3</v>
      </c>
      <c r="AJ2309">
        <v>-3.350684096936616E-2</v>
      </c>
      <c r="AK2309">
        <v>-2.9390771379555619E-2</v>
      </c>
      <c r="AL2309">
        <v>1857.3780735850621</v>
      </c>
      <c r="AM2309">
        <v>3318.992119870948</v>
      </c>
      <c r="AN2309">
        <v>83288</v>
      </c>
      <c r="AO2309">
        <v>137.0408975522206</v>
      </c>
      <c r="AP2309">
        <v>1631.111644858504</v>
      </c>
      <c r="AQ2309">
        <v>1.035276073619632</v>
      </c>
      <c r="AR2309">
        <v>4.0138036809815949</v>
      </c>
      <c r="AS2309">
        <v>649</v>
      </c>
      <c r="AT2309">
        <v>190.6595092024539</v>
      </c>
      <c r="AU2309">
        <v>3.837363166125346E-2</v>
      </c>
      <c r="AV2309">
        <v>2.8940515792313559E-2</v>
      </c>
      <c r="AW2309">
        <v>0.3665644171779141</v>
      </c>
      <c r="AX2309">
        <v>86.20276497695852</v>
      </c>
      <c r="AY2309">
        <v>70</v>
      </c>
      <c r="AZ2309">
        <v>140.25</v>
      </c>
      <c r="BA2309">
        <v>0.59968454285771122</v>
      </c>
      <c r="BB2309">
        <v>0.50153374233128833</v>
      </c>
      <c r="BC2309">
        <v>5.1814903985816247</v>
      </c>
      <c r="BD2309" t="s">
        <v>8800</v>
      </c>
      <c r="BE2309" t="s">
        <v>68</v>
      </c>
    </row>
    <row r="2310" spans="1:57" x14ac:dyDescent="0.3">
      <c r="A2310" t="s">
        <v>8801</v>
      </c>
      <c r="B2310">
        <v>3798</v>
      </c>
      <c r="C2310" t="s">
        <v>8802</v>
      </c>
      <c r="D2310" t="s">
        <v>8803</v>
      </c>
      <c r="E2310" t="s">
        <v>98</v>
      </c>
      <c r="F2310">
        <v>16</v>
      </c>
      <c r="G2310">
        <v>147.5</v>
      </c>
      <c r="H2310">
        <v>163.5</v>
      </c>
      <c r="I2310">
        <v>4482.125</v>
      </c>
      <c r="J2310">
        <v>66.948674370744641</v>
      </c>
      <c r="K2310">
        <v>-0.20968507194634239</v>
      </c>
      <c r="L2310">
        <v>-1.418156772563637</v>
      </c>
      <c r="M2310">
        <v>4</v>
      </c>
      <c r="N2310">
        <v>1</v>
      </c>
      <c r="O2310">
        <v>1</v>
      </c>
      <c r="P2310">
        <v>0</v>
      </c>
      <c r="Q2310">
        <v>0</v>
      </c>
      <c r="R2310">
        <v>2.7725887222397811</v>
      </c>
      <c r="S2310">
        <v>1</v>
      </c>
      <c r="T2310">
        <v>1</v>
      </c>
      <c r="U2310">
        <v>0</v>
      </c>
      <c r="V2310">
        <v>0</v>
      </c>
      <c r="W2310">
        <v>2.7080502011022101</v>
      </c>
      <c r="X2310">
        <v>1</v>
      </c>
      <c r="Y2310">
        <v>1</v>
      </c>
      <c r="Z2310">
        <v>0</v>
      </c>
      <c r="AA2310">
        <v>0</v>
      </c>
      <c r="AB2310">
        <v>2.639057329615258</v>
      </c>
      <c r="AC2310">
        <v>1</v>
      </c>
      <c r="AD2310">
        <v>1</v>
      </c>
      <c r="AE2310">
        <v>0</v>
      </c>
      <c r="AF2310">
        <v>0</v>
      </c>
      <c r="AG2310">
        <v>2.5649493574615372</v>
      </c>
      <c r="AH2310">
        <v>-0.14670426973812639</v>
      </c>
      <c r="AI2310">
        <v>-2.2499093621886939E-2</v>
      </c>
      <c r="AJ2310">
        <v>7.4570516217196084E-2</v>
      </c>
      <c r="AK2310">
        <v>-0.14197367320188531</v>
      </c>
      <c r="AL2310">
        <v>394.30142719539231</v>
      </c>
      <c r="AM2310">
        <v>514.14043267542843</v>
      </c>
      <c r="AN2310">
        <v>2360</v>
      </c>
      <c r="AO2310">
        <v>146</v>
      </c>
      <c r="AP2310">
        <v>264.71247407670029</v>
      </c>
      <c r="AQ2310">
        <v>2.3125</v>
      </c>
      <c r="AR2310">
        <v>4.3125</v>
      </c>
      <c r="AS2310">
        <v>16</v>
      </c>
      <c r="AT2310">
        <v>0</v>
      </c>
      <c r="AU2310">
        <v>0.12970711297071119</v>
      </c>
      <c r="AV2310">
        <v>-0.1504334706789226</v>
      </c>
      <c r="AW2310">
        <v>0.375</v>
      </c>
      <c r="AX2310">
        <v>83.533333333333331</v>
      </c>
      <c r="AY2310">
        <v>57.5</v>
      </c>
      <c r="AZ2310">
        <v>122</v>
      </c>
      <c r="BA2310">
        <v>0.45388931776776031</v>
      </c>
      <c r="BB2310">
        <v>0.5625</v>
      </c>
      <c r="BC2310">
        <v>2.615630577027551</v>
      </c>
      <c r="BD2310" t="s">
        <v>8802</v>
      </c>
      <c r="BE2310" t="s">
        <v>62</v>
      </c>
    </row>
    <row r="2311" spans="1:57" x14ac:dyDescent="0.3">
      <c r="A2311" t="s">
        <v>8804</v>
      </c>
      <c r="B2311">
        <v>2386</v>
      </c>
      <c r="C2311" t="s">
        <v>8805</v>
      </c>
      <c r="D2311" t="s">
        <v>8806</v>
      </c>
      <c r="E2311" t="s">
        <v>66</v>
      </c>
      <c r="F2311">
        <v>71</v>
      </c>
      <c r="G2311">
        <v>125.3098591549296</v>
      </c>
      <c r="H2311">
        <v>117</v>
      </c>
      <c r="I2311">
        <v>6829.0025788534012</v>
      </c>
      <c r="J2311">
        <v>82.637779367873875</v>
      </c>
      <c r="K2311">
        <v>7.2752334715707009E-2</v>
      </c>
      <c r="L2311">
        <v>-1.5070985168341049</v>
      </c>
      <c r="M2311">
        <v>5.8680569786596068</v>
      </c>
      <c r="N2311">
        <v>2</v>
      </c>
      <c r="O2311">
        <v>1</v>
      </c>
      <c r="P2311">
        <v>1</v>
      </c>
      <c r="Q2311">
        <v>0.37021605870938418</v>
      </c>
      <c r="R2311">
        <v>4.0674271501230219</v>
      </c>
      <c r="S2311">
        <v>1</v>
      </c>
      <c r="T2311">
        <v>1</v>
      </c>
      <c r="U2311">
        <v>0</v>
      </c>
      <c r="V2311">
        <v>0</v>
      </c>
      <c r="W2311">
        <v>4.2484952420493576</v>
      </c>
      <c r="X2311">
        <v>1</v>
      </c>
      <c r="Y2311">
        <v>1</v>
      </c>
      <c r="Z2311">
        <v>0</v>
      </c>
      <c r="AA2311">
        <v>0</v>
      </c>
      <c r="AB2311">
        <v>4.2341065045972579</v>
      </c>
      <c r="AC2311">
        <v>1</v>
      </c>
      <c r="AD2311">
        <v>1</v>
      </c>
      <c r="AE2311">
        <v>0</v>
      </c>
      <c r="AF2311">
        <v>0</v>
      </c>
      <c r="AG2311">
        <v>4.2195077051761087</v>
      </c>
      <c r="AH2311">
        <v>5.426992228202606E-2</v>
      </c>
      <c r="AI2311">
        <v>0.18304142338748991</v>
      </c>
      <c r="AJ2311">
        <v>-0.18888333207669949</v>
      </c>
      <c r="AK2311">
        <v>-0.28665128818334101</v>
      </c>
      <c r="AL2311">
        <v>707.3862150668939</v>
      </c>
      <c r="AM2311">
        <v>1048.496896863951</v>
      </c>
      <c r="AN2311">
        <v>8897</v>
      </c>
      <c r="AO2311">
        <v>52.219222487914578</v>
      </c>
      <c r="AP2311">
        <v>492.4704311995178</v>
      </c>
      <c r="AQ2311">
        <v>1.323943661971831</v>
      </c>
      <c r="AR2311">
        <v>4.140845070422535</v>
      </c>
      <c r="AS2311">
        <v>71</v>
      </c>
      <c r="AT2311">
        <v>7.1830985915492969</v>
      </c>
      <c r="AU2311">
        <v>0.12377796188898089</v>
      </c>
      <c r="AV2311">
        <v>5.4590211401165607E-2</v>
      </c>
      <c r="AW2311">
        <v>0.352112676056338</v>
      </c>
      <c r="AX2311">
        <v>90.642857142857139</v>
      </c>
      <c r="AY2311">
        <v>82</v>
      </c>
      <c r="AZ2311">
        <v>164</v>
      </c>
      <c r="BA2311">
        <v>0.65946749860841236</v>
      </c>
      <c r="BB2311">
        <v>0.47887323943661969</v>
      </c>
      <c r="BC2311">
        <v>4.010844780143092</v>
      </c>
      <c r="BD2311" t="s">
        <v>8807</v>
      </c>
      <c r="BE2311" t="s">
        <v>68</v>
      </c>
    </row>
    <row r="2312" spans="1:57" x14ac:dyDescent="0.3">
      <c r="A2312" t="s">
        <v>8808</v>
      </c>
      <c r="B2312">
        <v>3348</v>
      </c>
      <c r="C2312" t="s">
        <v>8809</v>
      </c>
      <c r="D2312" t="s">
        <v>8810</v>
      </c>
      <c r="E2312" t="s">
        <v>93</v>
      </c>
      <c r="F2312">
        <v>3470</v>
      </c>
      <c r="G2312">
        <v>127.8942363112392</v>
      </c>
      <c r="H2312">
        <v>129</v>
      </c>
      <c r="I2312">
        <v>5440.7798803245596</v>
      </c>
      <c r="J2312">
        <v>73.761642337495161</v>
      </c>
      <c r="K2312">
        <v>-8.756021648642592E-3</v>
      </c>
      <c r="L2312">
        <v>-1.2125559605663689</v>
      </c>
      <c r="M2312">
        <v>7.9471676046177961</v>
      </c>
      <c r="N2312">
        <v>27</v>
      </c>
      <c r="O2312">
        <v>5</v>
      </c>
      <c r="P2312">
        <v>22</v>
      </c>
      <c r="Q2312">
        <v>3.624587463056141</v>
      </c>
      <c r="R2312">
        <v>5.5085568185781604</v>
      </c>
      <c r="S2312">
        <v>3</v>
      </c>
      <c r="T2312">
        <v>1</v>
      </c>
      <c r="U2312">
        <v>2</v>
      </c>
      <c r="V2312">
        <v>0.14903577105800561</v>
      </c>
      <c r="W2312">
        <v>8.1221474513372094</v>
      </c>
      <c r="X2312">
        <v>2</v>
      </c>
      <c r="Y2312">
        <v>1</v>
      </c>
      <c r="Z2312">
        <v>1</v>
      </c>
      <c r="AA2312">
        <v>1.69808895639285E-2</v>
      </c>
      <c r="AB2312">
        <v>8.1509335990419789</v>
      </c>
      <c r="AC2312">
        <v>1</v>
      </c>
      <c r="AD2312">
        <v>1</v>
      </c>
      <c r="AE2312">
        <v>0</v>
      </c>
      <c r="AF2312">
        <v>0</v>
      </c>
      <c r="AG2312">
        <v>8.1510449456850225</v>
      </c>
      <c r="AH2312">
        <v>7.852129025332822E-3</v>
      </c>
      <c r="AI2312">
        <v>-2.6003736934742269E-2</v>
      </c>
      <c r="AJ2312">
        <v>4.671473811181103E-3</v>
      </c>
      <c r="AK2312">
        <v>-1.367414303793601E-2</v>
      </c>
      <c r="AL2312">
        <v>3977.3053580440078</v>
      </c>
      <c r="AM2312">
        <v>7734.2818082142867</v>
      </c>
      <c r="AN2312">
        <v>443793.00000000012</v>
      </c>
      <c r="AO2312">
        <v>83.317819954820038</v>
      </c>
      <c r="AP2312">
        <v>3631.684507647667</v>
      </c>
      <c r="AQ2312">
        <v>1.006628242074928</v>
      </c>
      <c r="AR2312">
        <v>4.0002881844380402</v>
      </c>
      <c r="AS2312">
        <v>3460</v>
      </c>
      <c r="AT2312">
        <v>248.1233429394812</v>
      </c>
      <c r="AU2312">
        <v>1.090580324348767E-2</v>
      </c>
      <c r="AV2312">
        <v>7.8538673887176488E-3</v>
      </c>
      <c r="AW2312">
        <v>0.36829971181556198</v>
      </c>
      <c r="AX2312">
        <v>84.864514269241852</v>
      </c>
      <c r="AY2312">
        <v>64</v>
      </c>
      <c r="AZ2312">
        <v>127</v>
      </c>
      <c r="BA2312">
        <v>0.57673937829372746</v>
      </c>
      <c r="BB2312">
        <v>0.50749279538904901</v>
      </c>
      <c r="BC2312">
        <v>5.3119797363124848</v>
      </c>
      <c r="BD2312" t="s">
        <v>8811</v>
      </c>
      <c r="BE2312" t="s">
        <v>68</v>
      </c>
    </row>
    <row r="2313" spans="1:57" x14ac:dyDescent="0.3">
      <c r="A2313" t="s">
        <v>8812</v>
      </c>
      <c r="B2313">
        <v>1792</v>
      </c>
      <c r="C2313" t="s">
        <v>8813</v>
      </c>
      <c r="D2313" t="s">
        <v>8814</v>
      </c>
      <c r="E2313" t="s">
        <v>10622</v>
      </c>
      <c r="F2313">
        <v>64</v>
      </c>
      <c r="G2313">
        <v>120.203125</v>
      </c>
      <c r="H2313">
        <v>110</v>
      </c>
      <c r="I2313">
        <v>5150.318115234375</v>
      </c>
      <c r="J2313">
        <v>71.76571685167211</v>
      </c>
      <c r="K2313">
        <v>9.4161593580057934E-2</v>
      </c>
      <c r="L2313">
        <v>-1.377162594072973</v>
      </c>
      <c r="M2313">
        <v>5.6875</v>
      </c>
      <c r="N2313">
        <v>2</v>
      </c>
      <c r="O2313">
        <v>1</v>
      </c>
      <c r="P2313">
        <v>1</v>
      </c>
      <c r="Q2313">
        <v>0.38844772154450058</v>
      </c>
      <c r="R2313">
        <v>3.9422745894346898</v>
      </c>
      <c r="S2313">
        <v>1</v>
      </c>
      <c r="T2313">
        <v>1</v>
      </c>
      <c r="U2313">
        <v>0</v>
      </c>
      <c r="V2313">
        <v>0</v>
      </c>
      <c r="W2313">
        <v>4.1431347263915326</v>
      </c>
      <c r="X2313">
        <v>1</v>
      </c>
      <c r="Y2313">
        <v>1</v>
      </c>
      <c r="Z2313">
        <v>0</v>
      </c>
      <c r="AA2313">
        <v>0</v>
      </c>
      <c r="AB2313">
        <v>4.1271343850450908</v>
      </c>
      <c r="AC2313">
        <v>1</v>
      </c>
      <c r="AD2313">
        <v>1</v>
      </c>
      <c r="AE2313">
        <v>0</v>
      </c>
      <c r="AF2313">
        <v>0</v>
      </c>
      <c r="AG2313">
        <v>4.1108738641733096</v>
      </c>
      <c r="AH2313">
        <v>0.25585904197527809</v>
      </c>
      <c r="AI2313">
        <v>3.7077253066655318E-2</v>
      </c>
      <c r="AJ2313">
        <v>-0.27389128502259441</v>
      </c>
      <c r="AK2313">
        <v>-0.14783377478579399</v>
      </c>
      <c r="AL2313">
        <v>605.46966964822354</v>
      </c>
      <c r="AM2313">
        <v>942.20458454418019</v>
      </c>
      <c r="AN2313">
        <v>7693</v>
      </c>
      <c r="AO2313">
        <v>86.373424227598733</v>
      </c>
      <c r="AP2313">
        <v>464.29727440338638</v>
      </c>
      <c r="AQ2313">
        <v>1.359375</v>
      </c>
      <c r="AR2313">
        <v>3.96875</v>
      </c>
      <c r="AS2313">
        <v>64</v>
      </c>
      <c r="AT2313">
        <v>6.8749999999999982</v>
      </c>
      <c r="AU2313">
        <v>9.9466463414634165E-2</v>
      </c>
      <c r="AV2313">
        <v>0.25744155057337081</v>
      </c>
      <c r="AW2313">
        <v>0.421875</v>
      </c>
      <c r="AX2313">
        <v>67.587301587301582</v>
      </c>
      <c r="AY2313">
        <v>65.5</v>
      </c>
      <c r="AZ2313">
        <v>131.75</v>
      </c>
      <c r="BA2313">
        <v>0.59703703087313342</v>
      </c>
      <c r="BB2313">
        <v>0.484375</v>
      </c>
      <c r="BC2313">
        <v>3.9807964935089331</v>
      </c>
      <c r="BD2313" t="s">
        <v>8815</v>
      </c>
      <c r="BE2313" t="s">
        <v>62</v>
      </c>
    </row>
    <row r="2314" spans="1:57" x14ac:dyDescent="0.3">
      <c r="A2314" t="s">
        <v>8816</v>
      </c>
      <c r="B2314">
        <v>2268</v>
      </c>
      <c r="C2314" t="s">
        <v>8817</v>
      </c>
      <c r="D2314" t="s">
        <v>8818</v>
      </c>
      <c r="E2314" t="s">
        <v>85</v>
      </c>
      <c r="F2314">
        <v>8</v>
      </c>
      <c r="G2314">
        <v>127</v>
      </c>
      <c r="H2314">
        <v>136</v>
      </c>
      <c r="I2314">
        <v>5379.75</v>
      </c>
      <c r="J2314">
        <v>73.346779070385907</v>
      </c>
      <c r="K2314">
        <v>-4.4830379599674397E-2</v>
      </c>
      <c r="L2314">
        <v>-1.258718139281684</v>
      </c>
      <c r="M2314">
        <v>3</v>
      </c>
      <c r="N2314">
        <v>1</v>
      </c>
      <c r="O2314">
        <v>1</v>
      </c>
      <c r="P2314">
        <v>0</v>
      </c>
      <c r="Q2314">
        <v>0</v>
      </c>
      <c r="R2314">
        <v>2.0794415416798362</v>
      </c>
      <c r="S2314">
        <v>1</v>
      </c>
      <c r="T2314">
        <v>1</v>
      </c>
      <c r="U2314">
        <v>0</v>
      </c>
      <c r="V2314">
        <v>0</v>
      </c>
      <c r="W2314">
        <v>1.945910149055313</v>
      </c>
      <c r="X2314">
        <v>1</v>
      </c>
      <c r="Y2314">
        <v>1</v>
      </c>
      <c r="Z2314">
        <v>0</v>
      </c>
      <c r="AA2314">
        <v>0</v>
      </c>
      <c r="AB2314">
        <v>1.791759469228055</v>
      </c>
      <c r="AC2314">
        <v>1</v>
      </c>
      <c r="AD2314">
        <v>1</v>
      </c>
      <c r="AE2314">
        <v>0</v>
      </c>
      <c r="AF2314">
        <v>0</v>
      </c>
      <c r="AG2314">
        <v>1.6094379124341009</v>
      </c>
      <c r="AH2314">
        <v>0.13141874622426691</v>
      </c>
      <c r="AI2314">
        <v>-0.17689019006459411</v>
      </c>
      <c r="AJ2314">
        <v>-0.1654816673637251</v>
      </c>
      <c r="AK2314">
        <v>0</v>
      </c>
      <c r="AL2314">
        <v>299.0216747449295</v>
      </c>
      <c r="AM2314">
        <v>287.49963136104651</v>
      </c>
      <c r="AN2314">
        <v>1016</v>
      </c>
      <c r="AO2314">
        <v>57.982756057296903</v>
      </c>
      <c r="AP2314">
        <v>231.9985531757662</v>
      </c>
      <c r="AQ2314">
        <v>3.5</v>
      </c>
      <c r="AR2314">
        <v>3.75</v>
      </c>
      <c r="AS2314">
        <v>8</v>
      </c>
      <c r="AT2314">
        <v>0</v>
      </c>
      <c r="AU2314">
        <v>0.1858974358974359</v>
      </c>
      <c r="AV2314">
        <v>0.1489135258098955</v>
      </c>
      <c r="AW2314">
        <v>0.375</v>
      </c>
      <c r="AX2314">
        <v>78.142857142857139</v>
      </c>
      <c r="AY2314">
        <v>68.5</v>
      </c>
      <c r="AZ2314">
        <v>106</v>
      </c>
      <c r="BA2314">
        <v>0.57753369346760552</v>
      </c>
      <c r="BB2314">
        <v>0.5</v>
      </c>
      <c r="BC2314">
        <v>1.945910149055313</v>
      </c>
      <c r="BD2314" t="s">
        <v>8817</v>
      </c>
      <c r="BE2314" t="s">
        <v>68</v>
      </c>
    </row>
    <row r="2315" spans="1:57" x14ac:dyDescent="0.3">
      <c r="A2315" t="s">
        <v>8819</v>
      </c>
      <c r="B2315">
        <v>3447</v>
      </c>
      <c r="C2315" t="s">
        <v>8820</v>
      </c>
      <c r="D2315" t="s">
        <v>8821</v>
      </c>
      <c r="E2315" t="s">
        <v>98</v>
      </c>
      <c r="F2315">
        <v>16</v>
      </c>
      <c r="G2315">
        <v>144.375</v>
      </c>
      <c r="H2315">
        <v>143.5</v>
      </c>
      <c r="I2315">
        <v>3543.234375</v>
      </c>
      <c r="J2315">
        <v>59.525073498484652</v>
      </c>
      <c r="K2315">
        <v>-0.31971234207100041</v>
      </c>
      <c r="L2315">
        <v>-1.1059987427942419</v>
      </c>
      <c r="M2315">
        <v>4</v>
      </c>
      <c r="N2315">
        <v>1</v>
      </c>
      <c r="O2315">
        <v>1</v>
      </c>
      <c r="P2315">
        <v>0</v>
      </c>
      <c r="Q2315">
        <v>0</v>
      </c>
      <c r="R2315">
        <v>2.7725887222397811</v>
      </c>
      <c r="S2315">
        <v>1</v>
      </c>
      <c r="T2315">
        <v>1</v>
      </c>
      <c r="U2315">
        <v>0</v>
      </c>
      <c r="V2315">
        <v>0</v>
      </c>
      <c r="W2315">
        <v>2.7080502011022101</v>
      </c>
      <c r="X2315">
        <v>1</v>
      </c>
      <c r="Y2315">
        <v>1</v>
      </c>
      <c r="Z2315">
        <v>0</v>
      </c>
      <c r="AA2315">
        <v>0</v>
      </c>
      <c r="AB2315">
        <v>2.639057329615258</v>
      </c>
      <c r="AC2315">
        <v>1</v>
      </c>
      <c r="AD2315">
        <v>1</v>
      </c>
      <c r="AE2315">
        <v>0</v>
      </c>
      <c r="AF2315">
        <v>0</v>
      </c>
      <c r="AG2315">
        <v>2.5649493574615372</v>
      </c>
      <c r="AH2315">
        <v>-0.13554909885477159</v>
      </c>
      <c r="AI2315">
        <v>-0.41316472414416561</v>
      </c>
      <c r="AJ2315">
        <v>-0.40734018838719921</v>
      </c>
      <c r="AK2315">
        <v>0.23459928031856489</v>
      </c>
      <c r="AL2315">
        <v>332.36384996711831</v>
      </c>
      <c r="AM2315">
        <v>528.89722180687886</v>
      </c>
      <c r="AN2315">
        <v>2310</v>
      </c>
      <c r="AO2315">
        <v>46.14709853474421</v>
      </c>
      <c r="AP2315">
        <v>168.7601848778319</v>
      </c>
      <c r="AQ2315">
        <v>2.3125</v>
      </c>
      <c r="AR2315">
        <v>4.4375</v>
      </c>
      <c r="AS2315">
        <v>16</v>
      </c>
      <c r="AT2315">
        <v>0</v>
      </c>
      <c r="AU2315">
        <v>0.1799242424242424</v>
      </c>
      <c r="AV2315">
        <v>-0.14381894399315709</v>
      </c>
      <c r="AW2315">
        <v>0.4375</v>
      </c>
      <c r="AX2315">
        <v>82.2</v>
      </c>
      <c r="AY2315">
        <v>50</v>
      </c>
      <c r="AZ2315">
        <v>89.25</v>
      </c>
      <c r="BA2315">
        <v>0.41229488137478548</v>
      </c>
      <c r="BB2315">
        <v>0.5</v>
      </c>
      <c r="BC2315">
        <v>2.7080502011022101</v>
      </c>
      <c r="BD2315" t="s">
        <v>8820</v>
      </c>
      <c r="BE2315" t="s">
        <v>62</v>
      </c>
    </row>
    <row r="2316" spans="1:57" x14ac:dyDescent="0.3">
      <c r="A2316" t="s">
        <v>8822</v>
      </c>
      <c r="B2316">
        <v>1693</v>
      </c>
      <c r="C2316" t="s">
        <v>8823</v>
      </c>
      <c r="D2316" t="s">
        <v>8824</v>
      </c>
      <c r="E2316" t="s">
        <v>93</v>
      </c>
      <c r="F2316">
        <v>1693</v>
      </c>
      <c r="G2316">
        <v>126.6414648552865</v>
      </c>
      <c r="H2316">
        <v>126</v>
      </c>
      <c r="I2316">
        <v>5482.1567449303948</v>
      </c>
      <c r="J2316">
        <v>74.041587941712834</v>
      </c>
      <c r="K2316">
        <v>5.0933322841937613E-2</v>
      </c>
      <c r="L2316">
        <v>-1.2129634991086229</v>
      </c>
      <c r="M2316">
        <v>7.9001267586367012</v>
      </c>
      <c r="N2316">
        <v>15</v>
      </c>
      <c r="O2316">
        <v>1</v>
      </c>
      <c r="P2316">
        <v>14</v>
      </c>
      <c r="Q2316">
        <v>2.37537022347622</v>
      </c>
      <c r="R2316">
        <v>5.475950588815202</v>
      </c>
      <c r="S2316">
        <v>2</v>
      </c>
      <c r="T2316">
        <v>1</v>
      </c>
      <c r="U2316">
        <v>1</v>
      </c>
      <c r="V2316">
        <v>0.11139742949722491</v>
      </c>
      <c r="W2316">
        <v>7.416460759088439</v>
      </c>
      <c r="X2316">
        <v>1</v>
      </c>
      <c r="Y2316">
        <v>1</v>
      </c>
      <c r="Z2316">
        <v>0</v>
      </c>
      <c r="AA2316">
        <v>0</v>
      </c>
      <c r="AB2316">
        <v>7.4330753488985817</v>
      </c>
      <c r="AC2316">
        <v>1</v>
      </c>
      <c r="AD2316">
        <v>1</v>
      </c>
      <c r="AE2316">
        <v>0</v>
      </c>
      <c r="AF2316">
        <v>0</v>
      </c>
      <c r="AG2316">
        <v>7.4324838079171176</v>
      </c>
      <c r="AH2316">
        <v>-1.857700455388028E-3</v>
      </c>
      <c r="AI2316">
        <v>-1.549173115692774E-2</v>
      </c>
      <c r="AJ2316">
        <v>-2.2870408976168521E-3</v>
      </c>
      <c r="AK2316">
        <v>-4.4386407367907636E-3</v>
      </c>
      <c r="AL2316">
        <v>2815.801523587234</v>
      </c>
      <c r="AM2316">
        <v>5339.0064412551346</v>
      </c>
      <c r="AN2316">
        <v>214404</v>
      </c>
      <c r="AO2316">
        <v>181.17816788079071</v>
      </c>
      <c r="AP2316">
        <v>2512.428847297479</v>
      </c>
      <c r="AQ2316">
        <v>1.0135853514471349</v>
      </c>
      <c r="AR2316">
        <v>4.0200826934435909</v>
      </c>
      <c r="AS2316">
        <v>1685</v>
      </c>
      <c r="AT2316">
        <v>216.71352628470169</v>
      </c>
      <c r="AU2316">
        <v>1.719421377529157E-2</v>
      </c>
      <c r="AV2316">
        <v>-1.859033045235969E-3</v>
      </c>
      <c r="AW2316">
        <v>0.38098050797401062</v>
      </c>
      <c r="AX2316">
        <v>86.346926713947994</v>
      </c>
      <c r="AY2316">
        <v>65</v>
      </c>
      <c r="AZ2316">
        <v>129</v>
      </c>
      <c r="BA2316">
        <v>0.58465517614092943</v>
      </c>
      <c r="BB2316">
        <v>0.49734199645599519</v>
      </c>
      <c r="BC2316">
        <v>5.2737784189361552</v>
      </c>
      <c r="BD2316" t="s">
        <v>8825</v>
      </c>
      <c r="BE2316" t="s">
        <v>68</v>
      </c>
    </row>
    <row r="2317" spans="1:57" x14ac:dyDescent="0.3">
      <c r="A2317" t="s">
        <v>8826</v>
      </c>
      <c r="B2317">
        <v>2759</v>
      </c>
      <c r="C2317" t="s">
        <v>8827</v>
      </c>
      <c r="D2317" t="s">
        <v>8828</v>
      </c>
      <c r="E2317" t="s">
        <v>115</v>
      </c>
      <c r="F2317">
        <v>2784</v>
      </c>
      <c r="G2317">
        <v>129.33117816091951</v>
      </c>
      <c r="H2317">
        <v>129</v>
      </c>
      <c r="I2317">
        <v>5445.3328497613611</v>
      </c>
      <c r="J2317">
        <v>73.792498600883278</v>
      </c>
      <c r="K2317">
        <v>-2.124855682291138E-2</v>
      </c>
      <c r="L2317">
        <v>-1.191281966506917</v>
      </c>
      <c r="M2317">
        <v>7.9249084047897647</v>
      </c>
      <c r="N2317">
        <v>23</v>
      </c>
      <c r="O2317">
        <v>2</v>
      </c>
      <c r="P2317">
        <v>21</v>
      </c>
      <c r="Q2317">
        <v>3.502231431530475</v>
      </c>
      <c r="R2317">
        <v>5.4931279169758396</v>
      </c>
      <c r="S2317">
        <v>2</v>
      </c>
      <c r="T2317">
        <v>1</v>
      </c>
      <c r="U2317">
        <v>1</v>
      </c>
      <c r="V2317">
        <v>0.14055181498333369</v>
      </c>
      <c r="W2317">
        <v>7.9038876397646298</v>
      </c>
      <c r="X2317">
        <v>1</v>
      </c>
      <c r="Y2317">
        <v>1</v>
      </c>
      <c r="Z2317">
        <v>0</v>
      </c>
      <c r="AA2317">
        <v>0</v>
      </c>
      <c r="AB2317">
        <v>7.9309253724833892</v>
      </c>
      <c r="AC2317">
        <v>1</v>
      </c>
      <c r="AD2317">
        <v>1</v>
      </c>
      <c r="AE2317">
        <v>0</v>
      </c>
      <c r="AF2317">
        <v>0</v>
      </c>
      <c r="AG2317">
        <v>7.930565854233965</v>
      </c>
      <c r="AH2317">
        <v>-1.0089111263209671E-2</v>
      </c>
      <c r="AI2317">
        <v>2.686052517598489E-2</v>
      </c>
      <c r="AJ2317">
        <v>3.6073779183873958E-2</v>
      </c>
      <c r="AK2317">
        <v>3.1328440331888502E-3</v>
      </c>
      <c r="AL2317">
        <v>3591.5468108198011</v>
      </c>
      <c r="AM2317">
        <v>6987.6550791871596</v>
      </c>
      <c r="AN2317">
        <v>360058</v>
      </c>
      <c r="AO2317">
        <v>109.9436965359055</v>
      </c>
      <c r="AP2317">
        <v>3223.0127479538419</v>
      </c>
      <c r="AQ2317">
        <v>1.008261494252874</v>
      </c>
      <c r="AR2317">
        <v>4.0405890804597702</v>
      </c>
      <c r="AS2317">
        <v>2766</v>
      </c>
      <c r="AT2317">
        <v>288.73563218390808</v>
      </c>
      <c r="AU2317">
        <v>1.7418864097363099E-2</v>
      </c>
      <c r="AV2317">
        <v>-1.0092160167396729E-2</v>
      </c>
      <c r="AW2317">
        <v>0.37284482758620691</v>
      </c>
      <c r="AX2317">
        <v>86.269493352497307</v>
      </c>
      <c r="AY2317">
        <v>63</v>
      </c>
      <c r="AZ2317">
        <v>126</v>
      </c>
      <c r="BA2317">
        <v>0.57057006400318577</v>
      </c>
      <c r="BB2317">
        <v>0.49928160919540232</v>
      </c>
      <c r="BC2317">
        <v>5.3109625278405854</v>
      </c>
      <c r="BD2317" t="s">
        <v>8829</v>
      </c>
      <c r="BE2317" t="s">
        <v>62</v>
      </c>
    </row>
    <row r="2318" spans="1:57" x14ac:dyDescent="0.3">
      <c r="A2318" t="s">
        <v>8830</v>
      </c>
      <c r="B2318">
        <v>2109</v>
      </c>
      <c r="C2318" t="s">
        <v>8831</v>
      </c>
      <c r="D2318" t="s">
        <v>8832</v>
      </c>
      <c r="E2318" t="s">
        <v>128</v>
      </c>
      <c r="F2318">
        <v>32</v>
      </c>
      <c r="G2318">
        <v>137.3125</v>
      </c>
      <c r="H2318">
        <v>139.5</v>
      </c>
      <c r="I2318">
        <v>4278.33984375</v>
      </c>
      <c r="J2318">
        <v>65.409019590191079</v>
      </c>
      <c r="K2318">
        <v>-0.1130527582153265</v>
      </c>
      <c r="L2318">
        <v>-1.108207258158507</v>
      </c>
      <c r="M2318">
        <v>4.9375</v>
      </c>
      <c r="N2318">
        <v>2</v>
      </c>
      <c r="O2318">
        <v>1</v>
      </c>
      <c r="P2318">
        <v>1</v>
      </c>
      <c r="Q2318">
        <v>0.1766846959694085</v>
      </c>
      <c r="R2318">
        <v>3.422414204014729</v>
      </c>
      <c r="S2318">
        <v>1</v>
      </c>
      <c r="T2318">
        <v>1</v>
      </c>
      <c r="U2318">
        <v>0</v>
      </c>
      <c r="V2318">
        <v>0</v>
      </c>
      <c r="W2318">
        <v>3.4339872044851458</v>
      </c>
      <c r="X2318">
        <v>1</v>
      </c>
      <c r="Y2318">
        <v>1</v>
      </c>
      <c r="Z2318">
        <v>0</v>
      </c>
      <c r="AA2318">
        <v>0</v>
      </c>
      <c r="AB2318">
        <v>3.401197381662155</v>
      </c>
      <c r="AC2318">
        <v>1</v>
      </c>
      <c r="AD2318">
        <v>1</v>
      </c>
      <c r="AE2318">
        <v>0</v>
      </c>
      <c r="AF2318">
        <v>0</v>
      </c>
      <c r="AG2318">
        <v>3.3672958299864728</v>
      </c>
      <c r="AH2318">
        <v>-8.492020693811031E-2</v>
      </c>
      <c r="AI2318">
        <v>-0.2790583585557701</v>
      </c>
      <c r="AJ2318">
        <v>6.2099779275145969E-2</v>
      </c>
      <c r="AK2318">
        <v>0.1008397017132996</v>
      </c>
      <c r="AL2318">
        <v>454.03782043123363</v>
      </c>
      <c r="AM2318">
        <v>730.82669465342804</v>
      </c>
      <c r="AN2318">
        <v>4394</v>
      </c>
      <c r="AO2318">
        <v>67.625207443087675</v>
      </c>
      <c r="AP2318">
        <v>283.75672193185432</v>
      </c>
      <c r="AQ2318">
        <v>1.71875</v>
      </c>
      <c r="AR2318">
        <v>4</v>
      </c>
      <c r="AS2318">
        <v>32</v>
      </c>
      <c r="AT2318">
        <v>0.93749999999999978</v>
      </c>
      <c r="AU2318">
        <v>0.1096311475409836</v>
      </c>
      <c r="AV2318">
        <v>-8.7025192415536037E-2</v>
      </c>
      <c r="AW2318">
        <v>0.34375</v>
      </c>
      <c r="AX2318">
        <v>78.548387096774192</v>
      </c>
      <c r="AY2318">
        <v>57.5</v>
      </c>
      <c r="AZ2318">
        <v>102.5</v>
      </c>
      <c r="BA2318">
        <v>0.4763515309253788</v>
      </c>
      <c r="BB2318">
        <v>0.5</v>
      </c>
      <c r="BC2318">
        <v>3.3445488586064429</v>
      </c>
      <c r="BD2318" t="s">
        <v>8833</v>
      </c>
      <c r="BE2318" t="s">
        <v>62</v>
      </c>
    </row>
    <row r="2319" spans="1:57" x14ac:dyDescent="0.3">
      <c r="A2319" t="s">
        <v>8834</v>
      </c>
      <c r="B2319">
        <v>3026</v>
      </c>
      <c r="C2319" t="s">
        <v>8835</v>
      </c>
      <c r="D2319" t="s">
        <v>8836</v>
      </c>
      <c r="E2319" t="s">
        <v>72</v>
      </c>
      <c r="F2319">
        <v>3032</v>
      </c>
      <c r="G2319">
        <v>126.2434036939314</v>
      </c>
      <c r="H2319">
        <v>126</v>
      </c>
      <c r="I2319">
        <v>5457.0100158555006</v>
      </c>
      <c r="J2319">
        <v>73.871577862229941</v>
      </c>
      <c r="K2319">
        <v>6.9532886931614208E-3</v>
      </c>
      <c r="L2319">
        <v>-1.195088227686284</v>
      </c>
      <c r="M2319">
        <v>7.9321250310015614</v>
      </c>
      <c r="N2319">
        <v>21</v>
      </c>
      <c r="O2319">
        <v>3</v>
      </c>
      <c r="P2319">
        <v>18</v>
      </c>
      <c r="Q2319">
        <v>3.5475288494246251</v>
      </c>
      <c r="R2319">
        <v>5.4981301010877051</v>
      </c>
      <c r="S2319">
        <v>3</v>
      </c>
      <c r="T2319">
        <v>1</v>
      </c>
      <c r="U2319">
        <v>2</v>
      </c>
      <c r="V2319">
        <v>0.19909235453774909</v>
      </c>
      <c r="W2319">
        <v>7.9647316906439194</v>
      </c>
      <c r="X2319">
        <v>2</v>
      </c>
      <c r="Y2319">
        <v>1</v>
      </c>
      <c r="Z2319">
        <v>1</v>
      </c>
      <c r="AA2319">
        <v>0.1027611448377303</v>
      </c>
      <c r="AB2319">
        <v>8.0016771659767372</v>
      </c>
      <c r="AC2319">
        <v>2</v>
      </c>
      <c r="AD2319">
        <v>1</v>
      </c>
      <c r="AE2319">
        <v>1</v>
      </c>
      <c r="AF2319">
        <v>9.6141407275182528E-2</v>
      </c>
      <c r="AG2319">
        <v>8.0031729407362633</v>
      </c>
      <c r="AH2319">
        <v>5.7636082275761722E-3</v>
      </c>
      <c r="AI2319">
        <v>1.809676623432218E-2</v>
      </c>
      <c r="AJ2319">
        <v>-2.7542832527811378E-4</v>
      </c>
      <c r="AK2319">
        <v>1.84602695394132E-2</v>
      </c>
      <c r="AL2319">
        <v>3694.4210737427102</v>
      </c>
      <c r="AM2319">
        <v>7156.7517024056197</v>
      </c>
      <c r="AN2319">
        <v>382770</v>
      </c>
      <c r="AO2319">
        <v>56.326094892823058</v>
      </c>
      <c r="AP2319">
        <v>3332.676732728853</v>
      </c>
      <c r="AQ2319">
        <v>1.007585751978892</v>
      </c>
      <c r="AR2319">
        <v>4.0009894459102906</v>
      </c>
      <c r="AS2319">
        <v>3017</v>
      </c>
      <c r="AT2319">
        <v>272.02110817941951</v>
      </c>
      <c r="AU2319">
        <v>1.2507113663407289E-2</v>
      </c>
      <c r="AV2319">
        <v>5.7671817730273458E-3</v>
      </c>
      <c r="AW2319">
        <v>0.36807387862796842</v>
      </c>
      <c r="AX2319">
        <v>85.249422632794463</v>
      </c>
      <c r="AY2319">
        <v>64</v>
      </c>
      <c r="AZ2319">
        <v>128</v>
      </c>
      <c r="BA2319">
        <v>0.58515198181226635</v>
      </c>
      <c r="BB2319">
        <v>0.49967018469656987</v>
      </c>
      <c r="BC2319">
        <v>5.3040293094542044</v>
      </c>
      <c r="BD2319" t="s">
        <v>8837</v>
      </c>
      <c r="BE2319" t="s">
        <v>68</v>
      </c>
    </row>
    <row r="2320" spans="1:57" x14ac:dyDescent="0.3">
      <c r="A2320" t="s">
        <v>8838</v>
      </c>
      <c r="B2320">
        <v>151</v>
      </c>
      <c r="C2320" t="s">
        <v>8839</v>
      </c>
      <c r="D2320" t="s">
        <v>8840</v>
      </c>
      <c r="E2320" t="s">
        <v>60</v>
      </c>
      <c r="F2320">
        <v>256</v>
      </c>
      <c r="G2320">
        <v>117.27734375</v>
      </c>
      <c r="H2320">
        <v>122</v>
      </c>
      <c r="I2320">
        <v>5000.1926116943359</v>
      </c>
      <c r="J2320">
        <v>70.712040075890442</v>
      </c>
      <c r="K2320">
        <v>0.1173677344411867</v>
      </c>
      <c r="L2320">
        <v>-1.161538211174644</v>
      </c>
      <c r="M2320">
        <v>7.1427254764848849</v>
      </c>
      <c r="N2320">
        <v>5</v>
      </c>
      <c r="O2320">
        <v>1</v>
      </c>
      <c r="P2320">
        <v>4</v>
      </c>
      <c r="Q2320">
        <v>0.85293610546159904</v>
      </c>
      <c r="R2320">
        <v>4.9509600255391897</v>
      </c>
      <c r="S2320">
        <v>1</v>
      </c>
      <c r="T2320">
        <v>1</v>
      </c>
      <c r="U2320">
        <v>0</v>
      </c>
      <c r="V2320">
        <v>0</v>
      </c>
      <c r="W2320">
        <v>5.541263545158424</v>
      </c>
      <c r="X2320">
        <v>1</v>
      </c>
      <c r="Y2320">
        <v>1</v>
      </c>
      <c r="Z2320">
        <v>0</v>
      </c>
      <c r="AA2320">
        <v>0</v>
      </c>
      <c r="AB2320">
        <v>5.5373342670185366</v>
      </c>
      <c r="AC2320">
        <v>1</v>
      </c>
      <c r="AD2320">
        <v>1</v>
      </c>
      <c r="AE2320">
        <v>0</v>
      </c>
      <c r="AF2320">
        <v>0</v>
      </c>
      <c r="AG2320">
        <v>5.5333894887275203</v>
      </c>
      <c r="AH2320">
        <v>-6.1756000199632968E-2</v>
      </c>
      <c r="AI2320">
        <v>-5.7452701285901388E-2</v>
      </c>
      <c r="AJ2320">
        <v>-3.5583689221564352E-2</v>
      </c>
      <c r="AK2320">
        <v>5.5014223148799717E-2</v>
      </c>
      <c r="AL2320">
        <v>1114.716644690905</v>
      </c>
      <c r="AM2320">
        <v>1886.391741407137</v>
      </c>
      <c r="AN2320">
        <v>30023</v>
      </c>
      <c r="AO2320">
        <v>41.839249375684311</v>
      </c>
      <c r="AP2320">
        <v>946.4257151952952</v>
      </c>
      <c r="AQ2320">
        <v>1.08984375</v>
      </c>
      <c r="AR2320">
        <v>3.703125</v>
      </c>
      <c r="AS2320">
        <v>255</v>
      </c>
      <c r="AT2320">
        <v>72.749999999999986</v>
      </c>
      <c r="AU2320">
        <v>7.638888888888884E-2</v>
      </c>
      <c r="AV2320">
        <v>-6.2047553336960222E-2</v>
      </c>
      <c r="AW2320">
        <v>0.37890625</v>
      </c>
      <c r="AX2320">
        <v>84.58431372549019</v>
      </c>
      <c r="AY2320">
        <v>62</v>
      </c>
      <c r="AZ2320">
        <v>121.25</v>
      </c>
      <c r="BA2320">
        <v>0.60294714916657077</v>
      </c>
      <c r="BB2320">
        <v>0.51171875</v>
      </c>
      <c r="BC2320">
        <v>4.8590652276954351</v>
      </c>
      <c r="BD2320" t="s">
        <v>8841</v>
      </c>
      <c r="BE2320" t="s">
        <v>62</v>
      </c>
    </row>
    <row r="2321" spans="1:57" x14ac:dyDescent="0.3">
      <c r="A2321" t="s">
        <v>8842</v>
      </c>
      <c r="B2321">
        <v>2184</v>
      </c>
      <c r="C2321" t="s">
        <v>8843</v>
      </c>
      <c r="D2321" t="s">
        <v>8844</v>
      </c>
      <c r="E2321" t="s">
        <v>66</v>
      </c>
      <c r="F2321">
        <v>71</v>
      </c>
      <c r="G2321">
        <v>113.8591549295775</v>
      </c>
      <c r="H2321">
        <v>102</v>
      </c>
      <c r="I2321">
        <v>5174.9097401309264</v>
      </c>
      <c r="J2321">
        <v>71.936845497498197</v>
      </c>
      <c r="K2321">
        <v>0.22651070098108739</v>
      </c>
      <c r="L2321">
        <v>-1.1825674573726721</v>
      </c>
      <c r="M2321">
        <v>5.9807330349976349</v>
      </c>
      <c r="N2321">
        <v>2</v>
      </c>
      <c r="O2321">
        <v>1</v>
      </c>
      <c r="P2321">
        <v>1</v>
      </c>
      <c r="Q2321">
        <v>0.28945981111118119</v>
      </c>
      <c r="R2321">
        <v>4.1455282408903393</v>
      </c>
      <c r="S2321">
        <v>1</v>
      </c>
      <c r="T2321">
        <v>1</v>
      </c>
      <c r="U2321">
        <v>0</v>
      </c>
      <c r="V2321">
        <v>0</v>
      </c>
      <c r="W2321">
        <v>4.2484952420493576</v>
      </c>
      <c r="X2321">
        <v>1</v>
      </c>
      <c r="Y2321">
        <v>1</v>
      </c>
      <c r="Z2321">
        <v>0</v>
      </c>
      <c r="AA2321">
        <v>0</v>
      </c>
      <c r="AB2321">
        <v>4.2341065045972579</v>
      </c>
      <c r="AC2321">
        <v>1</v>
      </c>
      <c r="AD2321">
        <v>1</v>
      </c>
      <c r="AE2321">
        <v>0</v>
      </c>
      <c r="AF2321">
        <v>0</v>
      </c>
      <c r="AG2321">
        <v>4.2195077051761087</v>
      </c>
      <c r="AH2321">
        <v>2.7031605180450049E-3</v>
      </c>
      <c r="AI2321">
        <v>-1.479660213708001E-2</v>
      </c>
      <c r="AJ2321">
        <v>-1.306427340246384E-2</v>
      </c>
      <c r="AK2321">
        <v>-0.1083173003162928</v>
      </c>
      <c r="AL2321">
        <v>642.73241488065992</v>
      </c>
      <c r="AM2321">
        <v>935.28126403861802</v>
      </c>
      <c r="AN2321">
        <v>8084</v>
      </c>
      <c r="AO2321">
        <v>89.326321271900355</v>
      </c>
      <c r="AP2321">
        <v>514.62708048178911</v>
      </c>
      <c r="AQ2321">
        <v>1.323943661971831</v>
      </c>
      <c r="AR2321">
        <v>3.647887323943662</v>
      </c>
      <c r="AS2321">
        <v>70</v>
      </c>
      <c r="AT2321">
        <v>4.9859154929577469</v>
      </c>
      <c r="AU2321">
        <v>0.15253576796748869</v>
      </c>
      <c r="AV2321">
        <v>2.7702019606236881E-3</v>
      </c>
      <c r="AW2321">
        <v>0.46478873239436619</v>
      </c>
      <c r="AX2321">
        <v>79.242857142857147</v>
      </c>
      <c r="AY2321">
        <v>60</v>
      </c>
      <c r="AZ2321">
        <v>112.5</v>
      </c>
      <c r="BA2321">
        <v>0.6318055455618965</v>
      </c>
      <c r="BB2321">
        <v>0.46478873239436619</v>
      </c>
      <c r="BC2321">
        <v>3.9166780125429699</v>
      </c>
      <c r="BD2321" t="s">
        <v>8845</v>
      </c>
      <c r="BE2321" t="s">
        <v>68</v>
      </c>
    </row>
    <row r="2322" spans="1:57" x14ac:dyDescent="0.3">
      <c r="A2322" t="s">
        <v>8846</v>
      </c>
      <c r="B2322">
        <v>1397</v>
      </c>
      <c r="C2322" t="s">
        <v>8847</v>
      </c>
      <c r="D2322" t="s">
        <v>8848</v>
      </c>
      <c r="E2322" t="s">
        <v>85</v>
      </c>
      <c r="F2322">
        <v>8</v>
      </c>
      <c r="G2322">
        <v>111.875</v>
      </c>
      <c r="H2322">
        <v>95.5</v>
      </c>
      <c r="I2322">
        <v>2382.359375</v>
      </c>
      <c r="J2322">
        <v>48.809418916844322</v>
      </c>
      <c r="K2322">
        <v>0.32249959768809228</v>
      </c>
      <c r="L2322">
        <v>-1.1345306408117259</v>
      </c>
      <c r="M2322">
        <v>3</v>
      </c>
      <c r="N2322">
        <v>1</v>
      </c>
      <c r="O2322">
        <v>1</v>
      </c>
      <c r="P2322">
        <v>0</v>
      </c>
      <c r="Q2322">
        <v>0</v>
      </c>
      <c r="R2322">
        <v>2.0794415416798362</v>
      </c>
      <c r="S2322">
        <v>1</v>
      </c>
      <c r="T2322">
        <v>1</v>
      </c>
      <c r="U2322">
        <v>0</v>
      </c>
      <c r="V2322">
        <v>0</v>
      </c>
      <c r="W2322">
        <v>1.945910149055313</v>
      </c>
      <c r="X2322">
        <v>1</v>
      </c>
      <c r="Y2322">
        <v>1</v>
      </c>
      <c r="Z2322">
        <v>0</v>
      </c>
      <c r="AA2322">
        <v>0</v>
      </c>
      <c r="AB2322">
        <v>1.791759469228055</v>
      </c>
      <c r="AC2322">
        <v>1</v>
      </c>
      <c r="AD2322">
        <v>1</v>
      </c>
      <c r="AE2322">
        <v>0</v>
      </c>
      <c r="AF2322">
        <v>0</v>
      </c>
      <c r="AG2322">
        <v>1.6094379124341009</v>
      </c>
      <c r="AH2322">
        <v>-0.20777803647906809</v>
      </c>
      <c r="AI2322">
        <v>-0.66259321444733754</v>
      </c>
      <c r="AJ2322">
        <v>-0.20254097500508289</v>
      </c>
      <c r="AK2322">
        <v>0</v>
      </c>
      <c r="AL2322">
        <v>218.9921471496009</v>
      </c>
      <c r="AM2322">
        <v>266.88844015207468</v>
      </c>
      <c r="AN2322">
        <v>895</v>
      </c>
      <c r="AO2322">
        <v>15</v>
      </c>
      <c r="AP2322">
        <v>145.0525107259428</v>
      </c>
      <c r="AQ2322">
        <v>3.5</v>
      </c>
      <c r="AR2322">
        <v>4</v>
      </c>
      <c r="AS2322">
        <v>8</v>
      </c>
      <c r="AT2322">
        <v>0</v>
      </c>
      <c r="AU2322">
        <v>0.31086387434554968</v>
      </c>
      <c r="AV2322">
        <v>-0.22015693253770099</v>
      </c>
      <c r="AW2322">
        <v>0.625</v>
      </c>
      <c r="AX2322">
        <v>67.857142857142861</v>
      </c>
      <c r="AY2322">
        <v>34.5</v>
      </c>
      <c r="AZ2322">
        <v>68.75</v>
      </c>
      <c r="BA2322">
        <v>0.43628530875391569</v>
      </c>
      <c r="BB2322">
        <v>0.375</v>
      </c>
      <c r="BC2322">
        <v>1.945910149055313</v>
      </c>
      <c r="BD2322" t="s">
        <v>8847</v>
      </c>
      <c r="BE2322" t="s">
        <v>68</v>
      </c>
    </row>
    <row r="2323" spans="1:57" x14ac:dyDescent="0.3">
      <c r="A2323" t="s">
        <v>8849</v>
      </c>
      <c r="B2323">
        <v>1955</v>
      </c>
      <c r="C2323" t="s">
        <v>8850</v>
      </c>
      <c r="D2323" t="s">
        <v>8851</v>
      </c>
      <c r="E2323" t="s">
        <v>66</v>
      </c>
      <c r="F2323">
        <v>70</v>
      </c>
      <c r="G2323">
        <v>125.2571428571429</v>
      </c>
      <c r="H2323">
        <v>116</v>
      </c>
      <c r="I2323">
        <v>6066.9338775510196</v>
      </c>
      <c r="J2323">
        <v>77.890524953623341</v>
      </c>
      <c r="K2323">
        <v>0.1019241752398386</v>
      </c>
      <c r="L2323">
        <v>-1.3463322586990669</v>
      </c>
      <c r="M2323">
        <v>5.9292830169449706</v>
      </c>
      <c r="N2323">
        <v>2</v>
      </c>
      <c r="O2323">
        <v>1</v>
      </c>
      <c r="P2323">
        <v>1</v>
      </c>
      <c r="Q2323">
        <v>0.31426968052735449</v>
      </c>
      <c r="R2323">
        <v>4.1098658059373703</v>
      </c>
      <c r="S2323">
        <v>2</v>
      </c>
      <c r="T2323">
        <v>1</v>
      </c>
      <c r="U2323">
        <v>1</v>
      </c>
      <c r="V2323">
        <v>0.1203728348804772</v>
      </c>
      <c r="W2323">
        <v>4.2140152819723324</v>
      </c>
      <c r="X2323">
        <v>1</v>
      </c>
      <c r="Y2323">
        <v>1</v>
      </c>
      <c r="Z2323">
        <v>0</v>
      </c>
      <c r="AA2323">
        <v>0</v>
      </c>
      <c r="AB2323">
        <v>4.2195077051761087</v>
      </c>
      <c r="AC2323">
        <v>1</v>
      </c>
      <c r="AD2323">
        <v>1</v>
      </c>
      <c r="AE2323">
        <v>0</v>
      </c>
      <c r="AF2323">
        <v>0</v>
      </c>
      <c r="AG2323">
        <v>4.2046926193909648</v>
      </c>
      <c r="AH2323">
        <v>0.2370765292406242</v>
      </c>
      <c r="AI2323">
        <v>3.4389382676343061E-2</v>
      </c>
      <c r="AJ2323">
        <v>-0.11912136712089461</v>
      </c>
      <c r="AK2323">
        <v>0.11404912713484811</v>
      </c>
      <c r="AL2323">
        <v>699.11491413558383</v>
      </c>
      <c r="AM2323">
        <v>1016.945591874607</v>
      </c>
      <c r="AN2323">
        <v>8768</v>
      </c>
      <c r="AO2323">
        <v>45.363568596604942</v>
      </c>
      <c r="AP2323">
        <v>532.3646316988237</v>
      </c>
      <c r="AQ2323">
        <v>1.328571428571429</v>
      </c>
      <c r="AR2323">
        <v>3.842857142857143</v>
      </c>
      <c r="AS2323">
        <v>70</v>
      </c>
      <c r="AT2323">
        <v>5.5999999999999988</v>
      </c>
      <c r="AU2323">
        <v>0.1159663865546218</v>
      </c>
      <c r="AV2323">
        <v>0.24164125627330649</v>
      </c>
      <c r="AW2323">
        <v>0.4</v>
      </c>
      <c r="AX2323">
        <v>74.260869565217391</v>
      </c>
      <c r="AY2323">
        <v>66.5</v>
      </c>
      <c r="AZ2323">
        <v>140</v>
      </c>
      <c r="BA2323">
        <v>0.62184497567901853</v>
      </c>
      <c r="BB2323">
        <v>0.48571428571428571</v>
      </c>
      <c r="BC2323">
        <v>3.909988245929259</v>
      </c>
      <c r="BD2323" t="s">
        <v>8852</v>
      </c>
      <c r="BE2323" t="s">
        <v>68</v>
      </c>
    </row>
    <row r="2324" spans="1:57" x14ac:dyDescent="0.3">
      <c r="A2324" t="s">
        <v>8853</v>
      </c>
      <c r="B2324">
        <v>2036</v>
      </c>
      <c r="C2324" t="s">
        <v>8854</v>
      </c>
      <c r="D2324" t="s">
        <v>8855</v>
      </c>
      <c r="E2324" t="s">
        <v>115</v>
      </c>
      <c r="F2324">
        <v>2096</v>
      </c>
      <c r="G2324">
        <v>126.5310114503817</v>
      </c>
      <c r="H2324">
        <v>127</v>
      </c>
      <c r="I2324">
        <v>5266.2767100456704</v>
      </c>
      <c r="J2324">
        <v>72.569116778734951</v>
      </c>
      <c r="K2324">
        <v>1.660800878484121E-3</v>
      </c>
      <c r="L2324">
        <v>-1.177062507619735</v>
      </c>
      <c r="M2324">
        <v>7.9095607752694104</v>
      </c>
      <c r="N2324">
        <v>18</v>
      </c>
      <c r="O2324">
        <v>2</v>
      </c>
      <c r="P2324">
        <v>16</v>
      </c>
      <c r="Q2324">
        <v>2.9281766937806202</v>
      </c>
      <c r="R2324">
        <v>5.4824897508455201</v>
      </c>
      <c r="S2324">
        <v>2</v>
      </c>
      <c r="T2324">
        <v>1</v>
      </c>
      <c r="U2324">
        <v>1</v>
      </c>
      <c r="V2324">
        <v>0.1155971566722763</v>
      </c>
      <c r="W2324">
        <v>7.6287807931622744</v>
      </c>
      <c r="X2324">
        <v>1</v>
      </c>
      <c r="Y2324">
        <v>1</v>
      </c>
      <c r="Z2324">
        <v>0</v>
      </c>
      <c r="AA2324">
        <v>0</v>
      </c>
      <c r="AB2324">
        <v>7.6468313914304833</v>
      </c>
      <c r="AC2324">
        <v>1</v>
      </c>
      <c r="AD2324">
        <v>1</v>
      </c>
      <c r="AE2324">
        <v>0</v>
      </c>
      <c r="AF2324">
        <v>0</v>
      </c>
      <c r="AG2324">
        <v>7.6463537224460012</v>
      </c>
      <c r="AH2324">
        <v>7.3071600411507001E-3</v>
      </c>
      <c r="AI2324">
        <v>-1.8284164566284369E-3</v>
      </c>
      <c r="AJ2324">
        <v>-8.331109237185514E-3</v>
      </c>
      <c r="AK2324">
        <v>1.118499026860488E-2</v>
      </c>
      <c r="AL2324">
        <v>3086.677676700825</v>
      </c>
      <c r="AM2324">
        <v>5921.7987064874796</v>
      </c>
      <c r="AN2324">
        <v>265209</v>
      </c>
      <c r="AO2324">
        <v>60.980426858500472</v>
      </c>
      <c r="AP2324">
        <v>2765.3342348961878</v>
      </c>
      <c r="AQ2324">
        <v>1.010973282442748</v>
      </c>
      <c r="AR2324">
        <v>3.9561068702290081</v>
      </c>
      <c r="AS2324">
        <v>2088</v>
      </c>
      <c r="AT2324">
        <v>268.09160305343511</v>
      </c>
      <c r="AU2324">
        <v>1.9248615476725069E-2</v>
      </c>
      <c r="AV2324">
        <v>7.3088793371169566E-3</v>
      </c>
      <c r="AW2324">
        <v>0.3726145038167939</v>
      </c>
      <c r="AX2324">
        <v>83.400954653937944</v>
      </c>
      <c r="AY2324">
        <v>62</v>
      </c>
      <c r="AZ2324">
        <v>123</v>
      </c>
      <c r="BA2324">
        <v>0.57352830698893498</v>
      </c>
      <c r="BB2324">
        <v>0.50143129770992367</v>
      </c>
      <c r="BC2324">
        <v>5.2803827869055384</v>
      </c>
      <c r="BD2324" t="s">
        <v>8856</v>
      </c>
      <c r="BE2324" t="s">
        <v>62</v>
      </c>
    </row>
    <row r="2325" spans="1:57" x14ac:dyDescent="0.3">
      <c r="A2325" t="s">
        <v>8857</v>
      </c>
      <c r="B2325">
        <v>3468</v>
      </c>
      <c r="C2325" t="s">
        <v>8858</v>
      </c>
      <c r="D2325" t="s">
        <v>8859</v>
      </c>
      <c r="E2325" t="s">
        <v>72</v>
      </c>
      <c r="F2325">
        <v>3488</v>
      </c>
      <c r="G2325">
        <v>127.9260321100917</v>
      </c>
      <c r="H2325">
        <v>127</v>
      </c>
      <c r="I2325">
        <v>5495.1504920540156</v>
      </c>
      <c r="J2325">
        <v>74.129282284762581</v>
      </c>
      <c r="K2325">
        <v>1.127307969002111E-2</v>
      </c>
      <c r="L2325">
        <v>-1.218512314369891</v>
      </c>
      <c r="M2325">
        <v>7.9557810649797984</v>
      </c>
      <c r="N2325">
        <v>22</v>
      </c>
      <c r="O2325">
        <v>5</v>
      </c>
      <c r="P2325">
        <v>17</v>
      </c>
      <c r="Q2325">
        <v>3.335416016031584</v>
      </c>
      <c r="R2325">
        <v>5.5145272143429533</v>
      </c>
      <c r="S2325">
        <v>3</v>
      </c>
      <c r="T2325">
        <v>1</v>
      </c>
      <c r="U2325">
        <v>2</v>
      </c>
      <c r="V2325">
        <v>0.17360265435447861</v>
      </c>
      <c r="W2325">
        <v>8.1169883612204856</v>
      </c>
      <c r="X2325">
        <v>2</v>
      </c>
      <c r="Y2325">
        <v>1</v>
      </c>
      <c r="Z2325">
        <v>1</v>
      </c>
      <c r="AA2325">
        <v>4.7904923748495747E-2</v>
      </c>
      <c r="AB2325">
        <v>8.1533288276608715</v>
      </c>
      <c r="AC2325">
        <v>2</v>
      </c>
      <c r="AD2325">
        <v>1</v>
      </c>
      <c r="AE2325">
        <v>1</v>
      </c>
      <c r="AF2325">
        <v>3.7877661857655363E-2</v>
      </c>
      <c r="AG2325">
        <v>8.1542343786306049</v>
      </c>
      <c r="AH2325">
        <v>1.9860546349205619E-2</v>
      </c>
      <c r="AI2325">
        <v>1.478755008395672E-2</v>
      </c>
      <c r="AJ2325">
        <v>-1.7638619862918981E-2</v>
      </c>
      <c r="AK2325">
        <v>2.058953484279798E-2</v>
      </c>
      <c r="AL2325">
        <v>4009.0851790874049</v>
      </c>
      <c r="AM2325">
        <v>7757.2987583837285</v>
      </c>
      <c r="AN2325">
        <v>446206</v>
      </c>
      <c r="AO2325">
        <v>85.083798306496163</v>
      </c>
      <c r="AP2325">
        <v>3661.009364246072</v>
      </c>
      <c r="AQ2325">
        <v>1.0065940366972479</v>
      </c>
      <c r="AR2325">
        <v>4.0633600917431192</v>
      </c>
      <c r="AS2325">
        <v>3475</v>
      </c>
      <c r="AT2325">
        <v>209.02752293577981</v>
      </c>
      <c r="AU2325">
        <v>1.2790070156503019E-2</v>
      </c>
      <c r="AV2325">
        <v>1.9871214757584459E-2</v>
      </c>
      <c r="AW2325">
        <v>0.37557339449541283</v>
      </c>
      <c r="AX2325">
        <v>85.064238600516205</v>
      </c>
      <c r="AY2325">
        <v>64</v>
      </c>
      <c r="AZ2325">
        <v>128.25</v>
      </c>
      <c r="BA2325">
        <v>0.57946987850735288</v>
      </c>
      <c r="BB2325">
        <v>0.49942660550458717</v>
      </c>
      <c r="BC2325">
        <v>5.3100982938027981</v>
      </c>
      <c r="BD2325" t="s">
        <v>8860</v>
      </c>
      <c r="BE2325" t="s">
        <v>62</v>
      </c>
    </row>
    <row r="2326" spans="1:57" x14ac:dyDescent="0.3">
      <c r="A2326" t="s">
        <v>8861</v>
      </c>
      <c r="B2326">
        <v>1727</v>
      </c>
      <c r="C2326" t="s">
        <v>8862</v>
      </c>
      <c r="D2326" t="s">
        <v>8863</v>
      </c>
      <c r="E2326" t="s">
        <v>98</v>
      </c>
      <c r="F2326">
        <v>16</v>
      </c>
      <c r="G2326">
        <v>101.625</v>
      </c>
      <c r="H2326">
        <v>99</v>
      </c>
      <c r="I2326">
        <v>3591.359375</v>
      </c>
      <c r="J2326">
        <v>59.927951533487267</v>
      </c>
      <c r="K2326">
        <v>0.50655042904321246</v>
      </c>
      <c r="L2326">
        <v>2.0437464505317141E-2</v>
      </c>
      <c r="M2326">
        <v>3.875</v>
      </c>
      <c r="N2326">
        <v>2</v>
      </c>
      <c r="O2326">
        <v>1</v>
      </c>
      <c r="P2326">
        <v>1</v>
      </c>
      <c r="Q2326">
        <v>0.24944382578492941</v>
      </c>
      <c r="R2326">
        <v>2.6859453246697882</v>
      </c>
      <c r="S2326">
        <v>1</v>
      </c>
      <c r="T2326">
        <v>1</v>
      </c>
      <c r="U2326">
        <v>0</v>
      </c>
      <c r="V2326">
        <v>0</v>
      </c>
      <c r="W2326">
        <v>2.7080502011022101</v>
      </c>
      <c r="X2326">
        <v>1</v>
      </c>
      <c r="Y2326">
        <v>1</v>
      </c>
      <c r="Z2326">
        <v>0</v>
      </c>
      <c r="AA2326">
        <v>0</v>
      </c>
      <c r="AB2326">
        <v>2.639057329615258</v>
      </c>
      <c r="AC2326">
        <v>1</v>
      </c>
      <c r="AD2326">
        <v>1</v>
      </c>
      <c r="AE2326">
        <v>0</v>
      </c>
      <c r="AF2326">
        <v>0</v>
      </c>
      <c r="AG2326">
        <v>2.5649493574615372</v>
      </c>
      <c r="AH2326">
        <v>0.1244194507650742</v>
      </c>
      <c r="AI2326">
        <v>-5.3127732796164409E-3</v>
      </c>
      <c r="AJ2326">
        <v>-0.1094676567455742</v>
      </c>
      <c r="AK2326">
        <v>-0.20940723611793929</v>
      </c>
      <c r="AL2326">
        <v>319.85024757358963</v>
      </c>
      <c r="AM2326">
        <v>346.98677082435489</v>
      </c>
      <c r="AN2326">
        <v>1626</v>
      </c>
      <c r="AO2326">
        <v>49.786225580307281</v>
      </c>
      <c r="AP2326">
        <v>259.8446530063045</v>
      </c>
      <c r="AQ2326">
        <v>2.25</v>
      </c>
      <c r="AR2326">
        <v>3.875</v>
      </c>
      <c r="AS2326">
        <v>16</v>
      </c>
      <c r="AT2326">
        <v>0.875</v>
      </c>
      <c r="AU2326">
        <v>0.354504048582996</v>
      </c>
      <c r="AV2326">
        <v>0.12689728325202529</v>
      </c>
      <c r="AW2326">
        <v>0.5625</v>
      </c>
      <c r="AX2326">
        <v>71.599999999999994</v>
      </c>
      <c r="AY2326">
        <v>47</v>
      </c>
      <c r="AZ2326">
        <v>93.75</v>
      </c>
      <c r="BA2326">
        <v>0.58969694005891538</v>
      </c>
      <c r="BB2326">
        <v>0.5</v>
      </c>
      <c r="BC2326">
        <v>2.523210952952891</v>
      </c>
      <c r="BD2326" t="s">
        <v>8862</v>
      </c>
      <c r="BE2326" t="s">
        <v>62</v>
      </c>
    </row>
    <row r="2327" spans="1:57" x14ac:dyDescent="0.3">
      <c r="A2327" t="s">
        <v>8864</v>
      </c>
      <c r="B2327">
        <v>2771</v>
      </c>
      <c r="C2327" t="s">
        <v>8865</v>
      </c>
      <c r="D2327" t="s">
        <v>8866</v>
      </c>
      <c r="E2327" t="s">
        <v>66</v>
      </c>
      <c r="F2327">
        <v>71</v>
      </c>
      <c r="G2327">
        <v>123.22535211267611</v>
      </c>
      <c r="H2327">
        <v>123</v>
      </c>
      <c r="I2327">
        <v>5709.329498115454</v>
      </c>
      <c r="J2327">
        <v>75.560105201855393</v>
      </c>
      <c r="K2327">
        <v>-3.7790398623533172E-2</v>
      </c>
      <c r="L2327">
        <v>-1.2514097032359599</v>
      </c>
      <c r="M2327">
        <v>5.8186235278944398</v>
      </c>
      <c r="N2327">
        <v>3</v>
      </c>
      <c r="O2327">
        <v>1</v>
      </c>
      <c r="P2327">
        <v>2</v>
      </c>
      <c r="Q2327">
        <v>0.46517619123176213</v>
      </c>
      <c r="R2327">
        <v>4.0331624930997956</v>
      </c>
      <c r="S2327">
        <v>1</v>
      </c>
      <c r="T2327">
        <v>1</v>
      </c>
      <c r="U2327">
        <v>0</v>
      </c>
      <c r="V2327">
        <v>0</v>
      </c>
      <c r="W2327">
        <v>4.2484952420493576</v>
      </c>
      <c r="X2327">
        <v>1</v>
      </c>
      <c r="Y2327">
        <v>1</v>
      </c>
      <c r="Z2327">
        <v>0</v>
      </c>
      <c r="AA2327">
        <v>0</v>
      </c>
      <c r="AB2327">
        <v>4.2341065045972579</v>
      </c>
      <c r="AC2327">
        <v>1</v>
      </c>
      <c r="AD2327">
        <v>1</v>
      </c>
      <c r="AE2327">
        <v>0</v>
      </c>
      <c r="AF2327">
        <v>0</v>
      </c>
      <c r="AG2327">
        <v>4.2195077051761087</v>
      </c>
      <c r="AH2327">
        <v>0.26052287048890682</v>
      </c>
      <c r="AI2327">
        <v>0.1547947112089372</v>
      </c>
      <c r="AJ2327">
        <v>-9.3452121669260792E-3</v>
      </c>
      <c r="AK2327">
        <v>3.5291493428483978E-2</v>
      </c>
      <c r="AL2327">
        <v>654.65847567670812</v>
      </c>
      <c r="AM2327">
        <v>1027.0751093394531</v>
      </c>
      <c r="AN2327">
        <v>8749</v>
      </c>
      <c r="AO2327">
        <v>6.8406225221664112</v>
      </c>
      <c r="AP2327">
        <v>506.76979956695601</v>
      </c>
      <c r="AQ2327">
        <v>1.323943661971831</v>
      </c>
      <c r="AR2327">
        <v>3.859154929577465</v>
      </c>
      <c r="AS2327">
        <v>71</v>
      </c>
      <c r="AT2327">
        <v>10.971830985915499</v>
      </c>
      <c r="AU2327">
        <v>7.4430774369537378E-2</v>
      </c>
      <c r="AV2327">
        <v>0.26701867090869091</v>
      </c>
      <c r="AW2327">
        <v>0.38028169014084512</v>
      </c>
      <c r="AX2327">
        <v>73.085714285714289</v>
      </c>
      <c r="AY2327">
        <v>68</v>
      </c>
      <c r="AZ2327">
        <v>138.5</v>
      </c>
      <c r="BA2327">
        <v>0.61318636065055809</v>
      </c>
      <c r="BB2327">
        <v>0.49295774647887319</v>
      </c>
      <c r="BC2327">
        <v>4.0033698066607419</v>
      </c>
      <c r="BD2327" t="s">
        <v>8867</v>
      </c>
      <c r="BE2327" t="s">
        <v>68</v>
      </c>
    </row>
    <row r="2328" spans="1:57" x14ac:dyDescent="0.3">
      <c r="A2328" t="s">
        <v>8868</v>
      </c>
      <c r="B2328">
        <v>3384</v>
      </c>
      <c r="C2328" t="s">
        <v>8869</v>
      </c>
      <c r="D2328" t="s">
        <v>8870</v>
      </c>
      <c r="E2328" t="s">
        <v>93</v>
      </c>
      <c r="F2328">
        <v>3444</v>
      </c>
      <c r="G2328">
        <v>128.98954703832749</v>
      </c>
      <c r="H2328">
        <v>129</v>
      </c>
      <c r="I2328">
        <v>5473.5869987495298</v>
      </c>
      <c r="J2328">
        <v>73.983694141003326</v>
      </c>
      <c r="K2328">
        <v>-1.7240388059950731E-2</v>
      </c>
      <c r="L2328">
        <v>-1.220906201896516</v>
      </c>
      <c r="M2328">
        <v>7.9458916840299567</v>
      </c>
      <c r="N2328">
        <v>24</v>
      </c>
      <c r="O2328">
        <v>4</v>
      </c>
      <c r="P2328">
        <v>20</v>
      </c>
      <c r="Q2328">
        <v>3.6365320340091878</v>
      </c>
      <c r="R2328">
        <v>5.5076724178200838</v>
      </c>
      <c r="S2328">
        <v>2</v>
      </c>
      <c r="T2328">
        <v>1</v>
      </c>
      <c r="U2328">
        <v>1</v>
      </c>
      <c r="V2328">
        <v>0.16691231817339941</v>
      </c>
      <c r="W2328">
        <v>8.1054448883552226</v>
      </c>
      <c r="X2328">
        <v>2</v>
      </c>
      <c r="Y2328">
        <v>1</v>
      </c>
      <c r="Z2328">
        <v>1</v>
      </c>
      <c r="AA2328">
        <v>1.704490357293249E-2</v>
      </c>
      <c r="AB2328">
        <v>8.1434052183864978</v>
      </c>
      <c r="AC2328">
        <v>1</v>
      </c>
      <c r="AD2328">
        <v>1</v>
      </c>
      <c r="AE2328">
        <v>0</v>
      </c>
      <c r="AF2328">
        <v>0</v>
      </c>
      <c r="AG2328">
        <v>8.143517405797482</v>
      </c>
      <c r="AH2328">
        <v>-1.200235963943694E-2</v>
      </c>
      <c r="AI2328">
        <v>-2.3925470581404599E-2</v>
      </c>
      <c r="AJ2328">
        <v>7.8521186149721825E-4</v>
      </c>
      <c r="AK2328">
        <v>1.0940003421860941E-3</v>
      </c>
      <c r="AL2328">
        <v>3956.991836354141</v>
      </c>
      <c r="AM2328">
        <v>7777.8895342519936</v>
      </c>
      <c r="AN2328">
        <v>444240</v>
      </c>
      <c r="AO2328">
        <v>54.596963804096987</v>
      </c>
      <c r="AP2328">
        <v>3622.4517671716631</v>
      </c>
      <c r="AQ2328">
        <v>1.0066782810685251</v>
      </c>
      <c r="AR2328">
        <v>3.9979674796747968</v>
      </c>
      <c r="AS2328">
        <v>3431</v>
      </c>
      <c r="AT2328">
        <v>251.64692218350751</v>
      </c>
      <c r="AU2328">
        <v>1.6827218692354928E-2</v>
      </c>
      <c r="AV2328">
        <v>-1.2003062814760041E-2</v>
      </c>
      <c r="AW2328">
        <v>0.36875725900116152</v>
      </c>
      <c r="AX2328">
        <v>86.130990415335461</v>
      </c>
      <c r="AY2328">
        <v>65</v>
      </c>
      <c r="AZ2328">
        <v>130</v>
      </c>
      <c r="BA2328">
        <v>0.57356348510178168</v>
      </c>
      <c r="BB2328">
        <v>0.50348432055749126</v>
      </c>
      <c r="BC2328">
        <v>5.322054851742271</v>
      </c>
      <c r="BD2328" t="s">
        <v>8871</v>
      </c>
      <c r="BE2328" t="s">
        <v>68</v>
      </c>
    </row>
    <row r="2329" spans="1:57" x14ac:dyDescent="0.3">
      <c r="A2329" t="s">
        <v>8872</v>
      </c>
      <c r="B2329">
        <v>3439</v>
      </c>
      <c r="C2329" t="s">
        <v>8873</v>
      </c>
      <c r="D2329" t="s">
        <v>8874</v>
      </c>
      <c r="E2329" t="s">
        <v>10622</v>
      </c>
      <c r="F2329">
        <v>64</v>
      </c>
      <c r="G2329">
        <v>133.046875</v>
      </c>
      <c r="H2329">
        <v>137</v>
      </c>
      <c r="I2329">
        <v>5966.857177734375</v>
      </c>
      <c r="J2329">
        <v>77.245434672441164</v>
      </c>
      <c r="K2329">
        <v>-0.1482035278446768</v>
      </c>
      <c r="L2329">
        <v>-1.208246042236345</v>
      </c>
      <c r="M2329">
        <v>5.800704882778696</v>
      </c>
      <c r="N2329">
        <v>3</v>
      </c>
      <c r="O2329">
        <v>1</v>
      </c>
      <c r="P2329">
        <v>2</v>
      </c>
      <c r="Q2329">
        <v>0.35669242871684831</v>
      </c>
      <c r="R2329">
        <v>4.0207422347583606</v>
      </c>
      <c r="S2329">
        <v>1</v>
      </c>
      <c r="T2329">
        <v>1</v>
      </c>
      <c r="U2329">
        <v>0</v>
      </c>
      <c r="V2329">
        <v>0</v>
      </c>
      <c r="W2329">
        <v>4.1431347263915326</v>
      </c>
      <c r="X2329">
        <v>1</v>
      </c>
      <c r="Y2329">
        <v>1</v>
      </c>
      <c r="Z2329">
        <v>0</v>
      </c>
      <c r="AA2329">
        <v>0</v>
      </c>
      <c r="AB2329">
        <v>4.1271343850450908</v>
      </c>
      <c r="AC2329">
        <v>1</v>
      </c>
      <c r="AD2329">
        <v>1</v>
      </c>
      <c r="AE2329">
        <v>0</v>
      </c>
      <c r="AF2329">
        <v>0</v>
      </c>
      <c r="AG2329">
        <v>4.1108738641733096</v>
      </c>
      <c r="AH2329">
        <v>1.0643451915604619E-3</v>
      </c>
      <c r="AI2329">
        <v>-2.83067630719935E-2</v>
      </c>
      <c r="AJ2329">
        <v>-2.410519956079004E-3</v>
      </c>
      <c r="AK2329">
        <v>-0.10394777950689291</v>
      </c>
      <c r="AL2329">
        <v>707.44480991055332</v>
      </c>
      <c r="AM2329">
        <v>1007.122058605918</v>
      </c>
      <c r="AN2329">
        <v>8515</v>
      </c>
      <c r="AO2329">
        <v>176.72104630096001</v>
      </c>
      <c r="AP2329">
        <v>607.55905763172211</v>
      </c>
      <c r="AQ2329">
        <v>1.359375</v>
      </c>
      <c r="AR2329">
        <v>4.015625</v>
      </c>
      <c r="AS2329">
        <v>64</v>
      </c>
      <c r="AT2329">
        <v>6.6875</v>
      </c>
      <c r="AU2329">
        <v>7.3449803149606294E-2</v>
      </c>
      <c r="AV2329">
        <v>1.3671891172753359E-3</v>
      </c>
      <c r="AW2329">
        <v>0.28125</v>
      </c>
      <c r="AX2329">
        <v>88.507936507936506</v>
      </c>
      <c r="AY2329">
        <v>65.5</v>
      </c>
      <c r="AZ2329">
        <v>129.25</v>
      </c>
      <c r="BA2329">
        <v>0.58058811732662763</v>
      </c>
      <c r="BB2329">
        <v>0.515625</v>
      </c>
      <c r="BC2329">
        <v>3.972490967417432</v>
      </c>
      <c r="BD2329" t="s">
        <v>8875</v>
      </c>
      <c r="BE2329" t="s">
        <v>62</v>
      </c>
    </row>
    <row r="2330" spans="1:57" x14ac:dyDescent="0.3">
      <c r="A2330" t="s">
        <v>8876</v>
      </c>
      <c r="B2330">
        <v>1952</v>
      </c>
      <c r="C2330" t="s">
        <v>8877</v>
      </c>
      <c r="D2330" t="s">
        <v>8878</v>
      </c>
      <c r="E2330" t="s">
        <v>10622</v>
      </c>
      <c r="F2330">
        <v>64</v>
      </c>
      <c r="G2330">
        <v>129.484375</v>
      </c>
      <c r="H2330">
        <v>127</v>
      </c>
      <c r="I2330">
        <v>5355.531005859375</v>
      </c>
      <c r="J2330">
        <v>73.181493602271985</v>
      </c>
      <c r="K2330">
        <v>-9.6077454055709069E-2</v>
      </c>
      <c r="L2330">
        <v>-1.1972290756453221</v>
      </c>
      <c r="M2330">
        <v>5.769454882778696</v>
      </c>
      <c r="N2330">
        <v>3</v>
      </c>
      <c r="O2330">
        <v>1</v>
      </c>
      <c r="P2330">
        <v>2</v>
      </c>
      <c r="Q2330">
        <v>0.37790630225505289</v>
      </c>
      <c r="R2330">
        <v>3.9990813853658631</v>
      </c>
      <c r="S2330">
        <v>1</v>
      </c>
      <c r="T2330">
        <v>1</v>
      </c>
      <c r="U2330">
        <v>0</v>
      </c>
      <c r="V2330">
        <v>0</v>
      </c>
      <c r="W2330">
        <v>4.1431347263915326</v>
      </c>
      <c r="X2330">
        <v>1</v>
      </c>
      <c r="Y2330">
        <v>1</v>
      </c>
      <c r="Z2330">
        <v>0</v>
      </c>
      <c r="AA2330">
        <v>0</v>
      </c>
      <c r="AB2330">
        <v>4.1271343850450908</v>
      </c>
      <c r="AC2330">
        <v>1</v>
      </c>
      <c r="AD2330">
        <v>1</v>
      </c>
      <c r="AE2330">
        <v>0</v>
      </c>
      <c r="AF2330">
        <v>0</v>
      </c>
      <c r="AG2330">
        <v>4.1108738641733096</v>
      </c>
      <c r="AH2330">
        <v>7.5787046803339947E-2</v>
      </c>
      <c r="AI2330">
        <v>-0.30457833532888817</v>
      </c>
      <c r="AJ2330">
        <v>0.1174678139853407</v>
      </c>
      <c r="AK2330">
        <v>-2.2110618072683781E-2</v>
      </c>
      <c r="AL2330">
        <v>645.55532489909388</v>
      </c>
      <c r="AM2330">
        <v>999.52454822001528</v>
      </c>
      <c r="AN2330">
        <v>8287</v>
      </c>
      <c r="AO2330">
        <v>14.12503134276858</v>
      </c>
      <c r="AP2330">
        <v>500.36972005686039</v>
      </c>
      <c r="AQ2330">
        <v>1.359375</v>
      </c>
      <c r="AR2330">
        <v>4.078125</v>
      </c>
      <c r="AS2330">
        <v>64</v>
      </c>
      <c r="AT2330">
        <v>7.2499999999999991</v>
      </c>
      <c r="AU2330">
        <v>5.1939229249011842E-2</v>
      </c>
      <c r="AV2330">
        <v>7.7043824790552329E-2</v>
      </c>
      <c r="AW2330">
        <v>0.359375</v>
      </c>
      <c r="AX2330">
        <v>86.126984126984127</v>
      </c>
      <c r="AY2330">
        <v>64</v>
      </c>
      <c r="AZ2330">
        <v>123.25</v>
      </c>
      <c r="BA2330">
        <v>0.56517625082000811</v>
      </c>
      <c r="BB2330">
        <v>0.5</v>
      </c>
      <c r="BC2330">
        <v>4.0028011659076608</v>
      </c>
      <c r="BD2330" t="s">
        <v>8879</v>
      </c>
      <c r="BE2330" t="s">
        <v>62</v>
      </c>
    </row>
    <row r="2331" spans="1:57" x14ac:dyDescent="0.3">
      <c r="A2331" t="s">
        <v>8880</v>
      </c>
      <c r="B2331">
        <v>1535</v>
      </c>
      <c r="C2331" t="s">
        <v>8881</v>
      </c>
      <c r="D2331" t="s">
        <v>8882</v>
      </c>
      <c r="E2331" t="s">
        <v>106</v>
      </c>
      <c r="F2331">
        <v>1557</v>
      </c>
      <c r="G2331">
        <v>128.22864482980091</v>
      </c>
      <c r="H2331">
        <v>130</v>
      </c>
      <c r="I2331">
        <v>5335.3863856394282</v>
      </c>
      <c r="J2331">
        <v>73.043729269797197</v>
      </c>
      <c r="K2331">
        <v>-3.8904149662185299E-2</v>
      </c>
      <c r="L2331">
        <v>-1.1690876450323939</v>
      </c>
      <c r="M2331">
        <v>7.8718918896252683</v>
      </c>
      <c r="N2331">
        <v>14</v>
      </c>
      <c r="O2331">
        <v>1</v>
      </c>
      <c r="P2331">
        <v>13</v>
      </c>
      <c r="Q2331">
        <v>2.5212203640347339</v>
      </c>
      <c r="R2331">
        <v>5.4563796689664619</v>
      </c>
      <c r="S2331">
        <v>2</v>
      </c>
      <c r="T2331">
        <v>1</v>
      </c>
      <c r="U2331">
        <v>1</v>
      </c>
      <c r="V2331">
        <v>0.11889453053640681</v>
      </c>
      <c r="W2331">
        <v>7.3302731417919116</v>
      </c>
      <c r="X2331">
        <v>1</v>
      </c>
      <c r="Y2331">
        <v>1</v>
      </c>
      <c r="Z2331">
        <v>0</v>
      </c>
      <c r="AA2331">
        <v>0</v>
      </c>
      <c r="AB2331">
        <v>7.3492308246133344</v>
      </c>
      <c r="AC2331">
        <v>1</v>
      </c>
      <c r="AD2331">
        <v>1</v>
      </c>
      <c r="AE2331">
        <v>0</v>
      </c>
      <c r="AF2331">
        <v>0</v>
      </c>
      <c r="AG2331">
        <v>7.348587530927591</v>
      </c>
      <c r="AH2331">
        <v>1.1565847933241199E-3</v>
      </c>
      <c r="AI2331">
        <v>-3.2485279601633609E-3</v>
      </c>
      <c r="AJ2331">
        <v>-8.9001483271641431E-3</v>
      </c>
      <c r="AK2331">
        <v>3.4394146437790797E-2</v>
      </c>
      <c r="AL2331">
        <v>2665.921545383279</v>
      </c>
      <c r="AM2331">
        <v>5176.9840944184134</v>
      </c>
      <c r="AN2331">
        <v>199652</v>
      </c>
      <c r="AO2331">
        <v>71.830701128168769</v>
      </c>
      <c r="AP2331">
        <v>2395.605911671696</v>
      </c>
      <c r="AQ2331">
        <v>1.014771997430957</v>
      </c>
      <c r="AR2331">
        <v>3.998715478484264</v>
      </c>
      <c r="AS2331">
        <v>1545</v>
      </c>
      <c r="AT2331">
        <v>267.55491329479759</v>
      </c>
      <c r="AU2331">
        <v>1.7529940685329981E-2</v>
      </c>
      <c r="AV2331">
        <v>1.1591222664318519E-3</v>
      </c>
      <c r="AW2331">
        <v>0.36544637122671803</v>
      </c>
      <c r="AX2331">
        <v>84.487146529562978</v>
      </c>
      <c r="AY2331">
        <v>63</v>
      </c>
      <c r="AZ2331">
        <v>124</v>
      </c>
      <c r="BA2331">
        <v>0.56963660004945726</v>
      </c>
      <c r="BB2331">
        <v>0.50545921644187541</v>
      </c>
      <c r="BC2331">
        <v>5.2574886664004676</v>
      </c>
      <c r="BD2331" t="s">
        <v>8883</v>
      </c>
      <c r="BE2331" t="s">
        <v>68</v>
      </c>
    </row>
    <row r="2332" spans="1:57" x14ac:dyDescent="0.3">
      <c r="A2332" t="s">
        <v>8884</v>
      </c>
      <c r="B2332">
        <v>1995</v>
      </c>
      <c r="C2332" t="s">
        <v>8885</v>
      </c>
      <c r="D2332" t="s">
        <v>8886</v>
      </c>
      <c r="E2332" t="s">
        <v>72</v>
      </c>
      <c r="F2332">
        <v>2000</v>
      </c>
      <c r="G2332">
        <v>124.193</v>
      </c>
      <c r="H2332">
        <v>120</v>
      </c>
      <c r="I2332">
        <v>5412.7737509999997</v>
      </c>
      <c r="J2332">
        <v>73.571555311818713</v>
      </c>
      <c r="K2332">
        <v>5.1846901758717777E-2</v>
      </c>
      <c r="L2332">
        <v>-1.217237977805935</v>
      </c>
      <c r="M2332">
        <v>7.8965760640448126</v>
      </c>
      <c r="N2332">
        <v>17</v>
      </c>
      <c r="O2332">
        <v>2</v>
      </c>
      <c r="P2332">
        <v>15</v>
      </c>
      <c r="Q2332">
        <v>2.9361699116365858</v>
      </c>
      <c r="R2332">
        <v>5.4734894348698084</v>
      </c>
      <c r="S2332">
        <v>2</v>
      </c>
      <c r="T2332">
        <v>1</v>
      </c>
      <c r="U2332">
        <v>1</v>
      </c>
      <c r="V2332">
        <v>0.1224908972175261</v>
      </c>
      <c r="W2332">
        <v>7.5795975166746903</v>
      </c>
      <c r="X2332">
        <v>1</v>
      </c>
      <c r="Y2332">
        <v>1</v>
      </c>
      <c r="Z2332">
        <v>0</v>
      </c>
      <c r="AA2332">
        <v>0</v>
      </c>
      <c r="AB2332">
        <v>7.5999019592085002</v>
      </c>
      <c r="AC2332">
        <v>1</v>
      </c>
      <c r="AD2332">
        <v>1</v>
      </c>
      <c r="AE2332">
        <v>0</v>
      </c>
      <c r="AF2332">
        <v>0</v>
      </c>
      <c r="AG2332">
        <v>7.5994013334158126</v>
      </c>
      <c r="AH2332">
        <v>1.695013612171575E-2</v>
      </c>
      <c r="AI2332">
        <v>1.9892884167033071E-2</v>
      </c>
      <c r="AJ2332">
        <v>1.8094641746185181E-2</v>
      </c>
      <c r="AK2332">
        <v>-9.332576008865591E-4</v>
      </c>
      <c r="AL2332">
        <v>3044.828617841823</v>
      </c>
      <c r="AM2332">
        <v>5692.3078525297142</v>
      </c>
      <c r="AN2332">
        <v>248386</v>
      </c>
      <c r="AO2332">
        <v>110.9857343272278</v>
      </c>
      <c r="AP2332">
        <v>2759.8162833280421</v>
      </c>
      <c r="AQ2332">
        <v>1.0115000000000001</v>
      </c>
      <c r="AR2332">
        <v>4.0075000000000003</v>
      </c>
      <c r="AS2332">
        <v>1989</v>
      </c>
      <c r="AT2332">
        <v>282.49599999999998</v>
      </c>
      <c r="AU2332">
        <v>3.2460784313725448E-2</v>
      </c>
      <c r="AV2332">
        <v>1.6969434454217659E-2</v>
      </c>
      <c r="AW2332">
        <v>0.39500000000000002</v>
      </c>
      <c r="AX2332">
        <v>83.804402201100544</v>
      </c>
      <c r="AY2332">
        <v>64</v>
      </c>
      <c r="AZ2332">
        <v>129.25</v>
      </c>
      <c r="BA2332">
        <v>0.5923969572505593</v>
      </c>
      <c r="BB2332">
        <v>0.48399999999999999</v>
      </c>
      <c r="BC2332">
        <v>5.2739296828944733</v>
      </c>
      <c r="BD2332" t="s">
        <v>8887</v>
      </c>
      <c r="BE2332" t="s">
        <v>62</v>
      </c>
    </row>
    <row r="2333" spans="1:57" x14ac:dyDescent="0.3">
      <c r="A2333" t="s">
        <v>8888</v>
      </c>
      <c r="B2333">
        <v>3327</v>
      </c>
      <c r="C2333" t="s">
        <v>8889</v>
      </c>
      <c r="D2333" t="s">
        <v>8890</v>
      </c>
      <c r="E2333" t="s">
        <v>72</v>
      </c>
      <c r="F2333">
        <v>3336</v>
      </c>
      <c r="G2333">
        <v>125.025479616307</v>
      </c>
      <c r="H2333">
        <v>124</v>
      </c>
      <c r="I2333">
        <v>5466.7850222519828</v>
      </c>
      <c r="J2333">
        <v>73.937710420677647</v>
      </c>
      <c r="K2333">
        <v>3.2598357427737222E-2</v>
      </c>
      <c r="L2333">
        <v>-1.1779348709913171</v>
      </c>
      <c r="M2333">
        <v>7.9472986471257716</v>
      </c>
      <c r="N2333">
        <v>24</v>
      </c>
      <c r="O2333">
        <v>4</v>
      </c>
      <c r="P2333">
        <v>20</v>
      </c>
      <c r="Q2333">
        <v>3.5009764262988119</v>
      </c>
      <c r="R2333">
        <v>5.5086476503231054</v>
      </c>
      <c r="S2333">
        <v>2</v>
      </c>
      <c r="T2333">
        <v>1</v>
      </c>
      <c r="U2333">
        <v>1</v>
      </c>
      <c r="V2333">
        <v>0.15091790054123069</v>
      </c>
      <c r="W2333">
        <v>8.0806362427739789</v>
      </c>
      <c r="X2333">
        <v>1</v>
      </c>
      <c r="Y2333">
        <v>1</v>
      </c>
      <c r="Z2333">
        <v>0</v>
      </c>
      <c r="AA2333">
        <v>0</v>
      </c>
      <c r="AB2333">
        <v>8.1119280633107351</v>
      </c>
      <c r="AC2333">
        <v>1</v>
      </c>
      <c r="AD2333">
        <v>1</v>
      </c>
      <c r="AE2333">
        <v>0</v>
      </c>
      <c r="AF2333">
        <v>0</v>
      </c>
      <c r="AG2333">
        <v>8.1116280783077421</v>
      </c>
      <c r="AH2333">
        <v>6.7409779105658141E-3</v>
      </c>
      <c r="AI2333">
        <v>-1.307124373602383E-3</v>
      </c>
      <c r="AJ2333">
        <v>-2.1584478931574579E-2</v>
      </c>
      <c r="AK2333">
        <v>-2.3049999625856629E-3</v>
      </c>
      <c r="AL2333">
        <v>3906.8712484702778</v>
      </c>
      <c r="AM2333">
        <v>7424.2712805955771</v>
      </c>
      <c r="AN2333">
        <v>417085</v>
      </c>
      <c r="AO2333">
        <v>98.371399720471615</v>
      </c>
      <c r="AP2333">
        <v>3569.1270322337118</v>
      </c>
      <c r="AQ2333">
        <v>1.0068944844124701</v>
      </c>
      <c r="AR2333">
        <v>3.9781175059952041</v>
      </c>
      <c r="AS2333">
        <v>3327</v>
      </c>
      <c r="AT2333">
        <v>240.78657074340529</v>
      </c>
      <c r="AU2333">
        <v>2.2432642121596791E-2</v>
      </c>
      <c r="AV2333">
        <v>6.7437955515364254E-3</v>
      </c>
      <c r="AW2333">
        <v>0.36960431654676262</v>
      </c>
      <c r="AX2333">
        <v>85.194302848575717</v>
      </c>
      <c r="AY2333">
        <v>63.5</v>
      </c>
      <c r="AZ2333">
        <v>126</v>
      </c>
      <c r="BA2333">
        <v>0.59138113804951176</v>
      </c>
      <c r="BB2333">
        <v>0.49610311750599517</v>
      </c>
      <c r="BC2333">
        <v>5.3106394618854029</v>
      </c>
      <c r="BD2333" t="s">
        <v>8891</v>
      </c>
      <c r="BE2333" t="s">
        <v>68</v>
      </c>
    </row>
    <row r="2334" spans="1:57" x14ac:dyDescent="0.3">
      <c r="A2334" t="s">
        <v>8892</v>
      </c>
      <c r="B2334">
        <v>1152</v>
      </c>
      <c r="C2334" t="s">
        <v>8893</v>
      </c>
      <c r="D2334" t="s">
        <v>8894</v>
      </c>
      <c r="E2334" t="s">
        <v>10622</v>
      </c>
      <c r="F2334">
        <v>64</v>
      </c>
      <c r="G2334">
        <v>122.3125</v>
      </c>
      <c r="H2334">
        <v>104.5</v>
      </c>
      <c r="I2334">
        <v>6338.46484375</v>
      </c>
      <c r="J2334">
        <v>79.614476345385825</v>
      </c>
      <c r="K2334">
        <v>0.23385174796740599</v>
      </c>
      <c r="L2334">
        <v>-1.2749158417428621</v>
      </c>
      <c r="M2334">
        <v>5.84375</v>
      </c>
      <c r="N2334">
        <v>2</v>
      </c>
      <c r="O2334">
        <v>1</v>
      </c>
      <c r="P2334">
        <v>1</v>
      </c>
      <c r="Q2334">
        <v>0.27850299534160988</v>
      </c>
      <c r="R2334">
        <v>4.0505788363971806</v>
      </c>
      <c r="S2334">
        <v>1</v>
      </c>
      <c r="T2334">
        <v>1</v>
      </c>
      <c r="U2334">
        <v>0</v>
      </c>
      <c r="V2334">
        <v>0</v>
      </c>
      <c r="W2334">
        <v>4.1431347263915326</v>
      </c>
      <c r="X2334">
        <v>1</v>
      </c>
      <c r="Y2334">
        <v>1</v>
      </c>
      <c r="Z2334">
        <v>0</v>
      </c>
      <c r="AA2334">
        <v>0</v>
      </c>
      <c r="AB2334">
        <v>4.1271343850450908</v>
      </c>
      <c r="AC2334">
        <v>1</v>
      </c>
      <c r="AD2334">
        <v>1</v>
      </c>
      <c r="AE2334">
        <v>0</v>
      </c>
      <c r="AF2334">
        <v>0</v>
      </c>
      <c r="AG2334">
        <v>4.1108738641733096</v>
      </c>
      <c r="AH2334">
        <v>4.8462548770619861E-2</v>
      </c>
      <c r="AI2334">
        <v>3.0679327512391791E-2</v>
      </c>
      <c r="AJ2334">
        <v>-0.1069047692597342</v>
      </c>
      <c r="AK2334">
        <v>-0.3305547394165213</v>
      </c>
      <c r="AL2334">
        <v>706.69762450565759</v>
      </c>
      <c r="AM2334">
        <v>929.3559423160001</v>
      </c>
      <c r="AN2334">
        <v>7828</v>
      </c>
      <c r="AO2334">
        <v>192.52388348696181</v>
      </c>
      <c r="AP2334">
        <v>575.88016183832985</v>
      </c>
      <c r="AQ2334">
        <v>1.359375</v>
      </c>
      <c r="AR2334">
        <v>4.171875</v>
      </c>
      <c r="AS2334">
        <v>64</v>
      </c>
      <c r="AT2334">
        <v>4.2187499999999991</v>
      </c>
      <c r="AU2334">
        <v>0.1156862745098039</v>
      </c>
      <c r="AV2334">
        <v>4.9799286338099921E-2</v>
      </c>
      <c r="AW2334">
        <v>0.359375</v>
      </c>
      <c r="AX2334">
        <v>89.142857142857139</v>
      </c>
      <c r="AY2334">
        <v>70.5</v>
      </c>
      <c r="AZ2334">
        <v>141.25</v>
      </c>
      <c r="BA2334">
        <v>0.65091038401950596</v>
      </c>
      <c r="BB2334">
        <v>0.453125</v>
      </c>
      <c r="BC2334">
        <v>3.9587918211102049</v>
      </c>
      <c r="BD2334" t="s">
        <v>8895</v>
      </c>
      <c r="BE2334" t="s">
        <v>62</v>
      </c>
    </row>
    <row r="2335" spans="1:57" x14ac:dyDescent="0.3">
      <c r="A2335" t="s">
        <v>8896</v>
      </c>
      <c r="B2335">
        <v>2771</v>
      </c>
      <c r="C2335" t="s">
        <v>8897</v>
      </c>
      <c r="D2335" t="s">
        <v>8898</v>
      </c>
      <c r="E2335" t="s">
        <v>10622</v>
      </c>
      <c r="F2335">
        <v>64</v>
      </c>
      <c r="G2335">
        <v>117.828125</v>
      </c>
      <c r="H2335">
        <v>103</v>
      </c>
      <c r="I2335">
        <v>4724.048583984375</v>
      </c>
      <c r="J2335">
        <v>68.731714542737663</v>
      </c>
      <c r="K2335">
        <v>0.2790578102069064</v>
      </c>
      <c r="L2335">
        <v>-0.83274178544474875</v>
      </c>
      <c r="M2335">
        <v>5.757659765557392</v>
      </c>
      <c r="N2335">
        <v>3</v>
      </c>
      <c r="O2335">
        <v>1</v>
      </c>
      <c r="P2335">
        <v>2</v>
      </c>
      <c r="Q2335">
        <v>0.42178299228671262</v>
      </c>
      <c r="R2335">
        <v>3.9909056331195418</v>
      </c>
      <c r="S2335">
        <v>1</v>
      </c>
      <c r="T2335">
        <v>1</v>
      </c>
      <c r="U2335">
        <v>0</v>
      </c>
      <c r="V2335">
        <v>0</v>
      </c>
      <c r="W2335">
        <v>4.1431347263915326</v>
      </c>
      <c r="X2335">
        <v>1</v>
      </c>
      <c r="Y2335">
        <v>1</v>
      </c>
      <c r="Z2335">
        <v>0</v>
      </c>
      <c r="AA2335">
        <v>0</v>
      </c>
      <c r="AB2335">
        <v>4.1271343850450908</v>
      </c>
      <c r="AC2335">
        <v>1</v>
      </c>
      <c r="AD2335">
        <v>1</v>
      </c>
      <c r="AE2335">
        <v>0</v>
      </c>
      <c r="AF2335">
        <v>0</v>
      </c>
      <c r="AG2335">
        <v>4.1108738641733096</v>
      </c>
      <c r="AH2335">
        <v>-0.21052958232097929</v>
      </c>
      <c r="AI2335">
        <v>-3.8961206859350762E-2</v>
      </c>
      <c r="AJ2335">
        <v>-3.103734734972418E-2</v>
      </c>
      <c r="AK2335">
        <v>-3.8898938461742798E-2</v>
      </c>
      <c r="AL2335">
        <v>621.5645450066861</v>
      </c>
      <c r="AM2335">
        <v>896.96071061704333</v>
      </c>
      <c r="AN2335">
        <v>7541</v>
      </c>
      <c r="AO2335">
        <v>129.49517365523701</v>
      </c>
      <c r="AP2335">
        <v>527.18392669709692</v>
      </c>
      <c r="AQ2335">
        <v>1.359375</v>
      </c>
      <c r="AR2335">
        <v>4.046875</v>
      </c>
      <c r="AS2335">
        <v>63</v>
      </c>
      <c r="AT2335">
        <v>9.03125</v>
      </c>
      <c r="AU2335">
        <v>0.13437499999999999</v>
      </c>
      <c r="AV2335">
        <v>-0.21367238296595439</v>
      </c>
      <c r="AW2335">
        <v>0.46875</v>
      </c>
      <c r="AX2335">
        <v>89.047619047619051</v>
      </c>
      <c r="AY2335">
        <v>49</v>
      </c>
      <c r="AZ2335">
        <v>98.75</v>
      </c>
      <c r="BA2335">
        <v>0.5833218048979194</v>
      </c>
      <c r="BB2335">
        <v>0.453125</v>
      </c>
      <c r="BC2335">
        <v>4.055116036796619</v>
      </c>
      <c r="BD2335" t="s">
        <v>8899</v>
      </c>
      <c r="BE2335" t="s">
        <v>62</v>
      </c>
    </row>
    <row r="2336" spans="1:57" x14ac:dyDescent="0.3">
      <c r="A2336" t="s">
        <v>8900</v>
      </c>
      <c r="B2336">
        <v>148</v>
      </c>
      <c r="C2336" t="s">
        <v>8901</v>
      </c>
      <c r="D2336" t="s">
        <v>8902</v>
      </c>
      <c r="E2336" t="s">
        <v>60</v>
      </c>
      <c r="F2336">
        <v>256</v>
      </c>
      <c r="G2336">
        <v>134.72265625</v>
      </c>
      <c r="H2336">
        <v>129</v>
      </c>
      <c r="I2336">
        <v>5161.4191741943359</v>
      </c>
      <c r="J2336">
        <v>71.843017574391567</v>
      </c>
      <c r="K2336">
        <v>1.9261709545662638E-2</v>
      </c>
      <c r="L2336">
        <v>-1.133832345290497</v>
      </c>
      <c r="M2336">
        <v>7.126609472504132</v>
      </c>
      <c r="N2336">
        <v>4</v>
      </c>
      <c r="O2336">
        <v>1</v>
      </c>
      <c r="P2336">
        <v>3</v>
      </c>
      <c r="Q2336">
        <v>0.83159446421613803</v>
      </c>
      <c r="R2336">
        <v>4.9397892628180387</v>
      </c>
      <c r="S2336">
        <v>2</v>
      </c>
      <c r="T2336">
        <v>1</v>
      </c>
      <c r="U2336">
        <v>1</v>
      </c>
      <c r="V2336">
        <v>6.2621943781838052E-2</v>
      </c>
      <c r="W2336">
        <v>5.5358270966834446</v>
      </c>
      <c r="X2336">
        <v>1</v>
      </c>
      <c r="Y2336">
        <v>1</v>
      </c>
      <c r="Z2336">
        <v>0</v>
      </c>
      <c r="AA2336">
        <v>0</v>
      </c>
      <c r="AB2336">
        <v>5.5373342670185366</v>
      </c>
      <c r="AC2336">
        <v>1</v>
      </c>
      <c r="AD2336">
        <v>1</v>
      </c>
      <c r="AE2336">
        <v>0</v>
      </c>
      <c r="AF2336">
        <v>0</v>
      </c>
      <c r="AG2336">
        <v>5.5333894887275203</v>
      </c>
      <c r="AH2336">
        <v>-6.8953345683443149E-2</v>
      </c>
      <c r="AI2336">
        <v>-4.2631180000761083E-2</v>
      </c>
      <c r="AJ2336">
        <v>-3.0399245962577669E-2</v>
      </c>
      <c r="AK2336">
        <v>7.7422537538953132E-2</v>
      </c>
      <c r="AL2336">
        <v>1151.096608687493</v>
      </c>
      <c r="AM2336">
        <v>2154.7040626193079</v>
      </c>
      <c r="AN2336">
        <v>34489</v>
      </c>
      <c r="AO2336">
        <v>56.750326859589258</v>
      </c>
      <c r="AP2336">
        <v>974.64666664999629</v>
      </c>
      <c r="AQ2336">
        <v>1.08984375</v>
      </c>
      <c r="AR2336">
        <v>4.1328125</v>
      </c>
      <c r="AS2336">
        <v>254</v>
      </c>
      <c r="AT2336">
        <v>66.5859375</v>
      </c>
      <c r="AU2336">
        <v>6.8559301181102372E-2</v>
      </c>
      <c r="AV2336">
        <v>-6.9393798371695278E-2</v>
      </c>
      <c r="AW2336">
        <v>0.40625</v>
      </c>
      <c r="AX2336">
        <v>86.152941176470591</v>
      </c>
      <c r="AY2336">
        <v>58</v>
      </c>
      <c r="AZ2336">
        <v>119</v>
      </c>
      <c r="BA2336">
        <v>0.53326604131880428</v>
      </c>
      <c r="BB2336">
        <v>0.48046875</v>
      </c>
      <c r="BC2336">
        <v>4.8740420316553106</v>
      </c>
      <c r="BD2336" t="s">
        <v>8903</v>
      </c>
      <c r="BE2336" t="s">
        <v>62</v>
      </c>
    </row>
    <row r="2337" spans="1:57" x14ac:dyDescent="0.3">
      <c r="A2337" t="s">
        <v>8904</v>
      </c>
      <c r="B2337">
        <v>1457</v>
      </c>
      <c r="C2337" t="s">
        <v>8905</v>
      </c>
      <c r="D2337" t="s">
        <v>8906</v>
      </c>
      <c r="E2337" t="s">
        <v>106</v>
      </c>
      <c r="F2337">
        <v>1475</v>
      </c>
      <c r="G2337">
        <v>126.1254237288136</v>
      </c>
      <c r="H2337">
        <v>126</v>
      </c>
      <c r="I2337">
        <v>5711.5076587187586</v>
      </c>
      <c r="J2337">
        <v>75.574517257596554</v>
      </c>
      <c r="K2337">
        <v>2.8713952682609439E-2</v>
      </c>
      <c r="L2337">
        <v>-1.2368497020365721</v>
      </c>
      <c r="M2337">
        <v>7.871264500811904</v>
      </c>
      <c r="N2337">
        <v>13</v>
      </c>
      <c r="O2337">
        <v>1</v>
      </c>
      <c r="P2337">
        <v>12</v>
      </c>
      <c r="Q2337">
        <v>2.4193756004180988</v>
      </c>
      <c r="R2337">
        <v>5.4559447961793701</v>
      </c>
      <c r="S2337">
        <v>2</v>
      </c>
      <c r="T2337">
        <v>1</v>
      </c>
      <c r="U2337">
        <v>1</v>
      </c>
      <c r="V2337">
        <v>9.3908681101396288E-2</v>
      </c>
      <c r="W2337">
        <v>7.2835085960229877</v>
      </c>
      <c r="X2337">
        <v>1</v>
      </c>
      <c r="Y2337">
        <v>1</v>
      </c>
      <c r="Z2337">
        <v>0</v>
      </c>
      <c r="AA2337">
        <v>0</v>
      </c>
      <c r="AB2337">
        <v>7.2950564164626286</v>
      </c>
      <c r="AC2337">
        <v>1</v>
      </c>
      <c r="AD2337">
        <v>1</v>
      </c>
      <c r="AE2337">
        <v>0</v>
      </c>
      <c r="AF2337">
        <v>0</v>
      </c>
      <c r="AG2337">
        <v>7.2943772992888221</v>
      </c>
      <c r="AH2337">
        <v>1.395863930348583E-2</v>
      </c>
      <c r="AI2337">
        <v>1.6864705578389989E-2</v>
      </c>
      <c r="AJ2337">
        <v>6.0428021541374659E-2</v>
      </c>
      <c r="AK2337">
        <v>-5.1873140139545762E-2</v>
      </c>
      <c r="AL2337">
        <v>2709.2818264767639</v>
      </c>
      <c r="AM2337">
        <v>4954.5947346602152</v>
      </c>
      <c r="AN2337">
        <v>186035</v>
      </c>
      <c r="AO2337">
        <v>207.6581564712414</v>
      </c>
      <c r="AP2337">
        <v>2423.8365381630938</v>
      </c>
      <c r="AQ2337">
        <v>1.015593220338983</v>
      </c>
      <c r="AR2337">
        <v>3.993220338983051</v>
      </c>
      <c r="AS2337">
        <v>1465</v>
      </c>
      <c r="AT2337">
        <v>260.07254237288129</v>
      </c>
      <c r="AU2337">
        <v>2.944499833831837E-2</v>
      </c>
      <c r="AV2337">
        <v>1.3964194778954969E-2</v>
      </c>
      <c r="AW2337">
        <v>0.36135593220338991</v>
      </c>
      <c r="AX2337">
        <v>85.934192672998648</v>
      </c>
      <c r="AY2337">
        <v>66</v>
      </c>
      <c r="AZ2337">
        <v>132</v>
      </c>
      <c r="BA2337">
        <v>0.59920129521302401</v>
      </c>
      <c r="BB2337">
        <v>0.49898305084745759</v>
      </c>
      <c r="BC2337">
        <v>5.287057731921184</v>
      </c>
      <c r="BD2337" t="s">
        <v>8907</v>
      </c>
      <c r="BE2337" t="s">
        <v>68</v>
      </c>
    </row>
    <row r="2338" spans="1:57" x14ac:dyDescent="0.3">
      <c r="A2338" t="s">
        <v>8908</v>
      </c>
      <c r="B2338">
        <v>2029</v>
      </c>
      <c r="C2338" t="s">
        <v>8909</v>
      </c>
      <c r="D2338" t="s">
        <v>8910</v>
      </c>
      <c r="E2338" t="s">
        <v>72</v>
      </c>
      <c r="F2338">
        <v>2032</v>
      </c>
      <c r="G2338">
        <v>128.43257874015751</v>
      </c>
      <c r="H2338">
        <v>128</v>
      </c>
      <c r="I2338">
        <v>5306.3891551611223</v>
      </c>
      <c r="J2338">
        <v>72.844966573958445</v>
      </c>
      <c r="K2338">
        <v>1.3927173573139049E-2</v>
      </c>
      <c r="L2338">
        <v>-1.1907708007937241</v>
      </c>
      <c r="M2338">
        <v>7.9034190503807702</v>
      </c>
      <c r="N2338">
        <v>17</v>
      </c>
      <c r="O2338">
        <v>2</v>
      </c>
      <c r="P2338">
        <v>15</v>
      </c>
      <c r="Q2338">
        <v>2.87432057189173</v>
      </c>
      <c r="R2338">
        <v>5.4782326315551906</v>
      </c>
      <c r="S2338">
        <v>3</v>
      </c>
      <c r="T2338">
        <v>1</v>
      </c>
      <c r="U2338">
        <v>2</v>
      </c>
      <c r="V2338">
        <v>0.1215817436093589</v>
      </c>
      <c r="W2338">
        <v>7.5969140439756959</v>
      </c>
      <c r="X2338">
        <v>1</v>
      </c>
      <c r="Y2338">
        <v>1</v>
      </c>
      <c r="Z2338">
        <v>0</v>
      </c>
      <c r="AA2338">
        <v>0</v>
      </c>
      <c r="AB2338">
        <v>7.6157910720358304</v>
      </c>
      <c r="AC2338">
        <v>1</v>
      </c>
      <c r="AD2338">
        <v>1</v>
      </c>
      <c r="AE2338">
        <v>0</v>
      </c>
      <c r="AF2338">
        <v>0</v>
      </c>
      <c r="AG2338">
        <v>7.6152983398258156</v>
      </c>
      <c r="AH2338">
        <v>-3.4619821599970381E-2</v>
      </c>
      <c r="AI2338">
        <v>1.270373941874912E-3</v>
      </c>
      <c r="AJ2338">
        <v>-2.6637047285086458E-2</v>
      </c>
      <c r="AK2338">
        <v>-4.4614007341220827E-2</v>
      </c>
      <c r="AL2338">
        <v>3040.1810747053651</v>
      </c>
      <c r="AM2338">
        <v>5920.943677573985</v>
      </c>
      <c r="AN2338">
        <v>260975</v>
      </c>
      <c r="AO2338">
        <v>64.158598161168683</v>
      </c>
      <c r="AP2338">
        <v>2719.1634752790628</v>
      </c>
      <c r="AQ2338">
        <v>1.0113188976377949</v>
      </c>
      <c r="AR2338">
        <v>4.0103346456692917</v>
      </c>
      <c r="AS2338">
        <v>2023</v>
      </c>
      <c r="AT2338">
        <v>266.45669291338578</v>
      </c>
      <c r="AU2338">
        <v>1.926817971283001E-2</v>
      </c>
      <c r="AV2338">
        <v>-3.4638692095185913E-2</v>
      </c>
      <c r="AW2338">
        <v>0.38631889763779531</v>
      </c>
      <c r="AX2338">
        <v>85.666666666666671</v>
      </c>
      <c r="AY2338">
        <v>63</v>
      </c>
      <c r="AZ2338">
        <v>126.25</v>
      </c>
      <c r="BA2338">
        <v>0.56718448923568754</v>
      </c>
      <c r="BB2338">
        <v>0.49606299212598431</v>
      </c>
      <c r="BC2338">
        <v>5.2893780430381732</v>
      </c>
      <c r="BD2338" t="s">
        <v>8911</v>
      </c>
      <c r="BE2338" t="s">
        <v>62</v>
      </c>
    </row>
    <row r="2339" spans="1:57" x14ac:dyDescent="0.3">
      <c r="A2339" t="s">
        <v>8912</v>
      </c>
      <c r="B2339">
        <v>3618</v>
      </c>
      <c r="C2339" t="s">
        <v>8913</v>
      </c>
      <c r="D2339" t="s">
        <v>8914</v>
      </c>
      <c r="E2339" t="s">
        <v>128</v>
      </c>
      <c r="F2339">
        <v>32</v>
      </c>
      <c r="G2339">
        <v>122.40625</v>
      </c>
      <c r="H2339">
        <v>126.5</v>
      </c>
      <c r="I2339">
        <v>4993.7412109375</v>
      </c>
      <c r="J2339">
        <v>70.666407938549554</v>
      </c>
      <c r="K2339">
        <v>1.0675160058166291E-2</v>
      </c>
      <c r="L2339">
        <v>-1.05788635509463</v>
      </c>
      <c r="M2339">
        <v>4.8125</v>
      </c>
      <c r="N2339">
        <v>2</v>
      </c>
      <c r="O2339">
        <v>1</v>
      </c>
      <c r="P2339">
        <v>1</v>
      </c>
      <c r="Q2339">
        <v>0.3045434781492361</v>
      </c>
      <c r="R2339">
        <v>3.335770806444736</v>
      </c>
      <c r="S2339">
        <v>1</v>
      </c>
      <c r="T2339">
        <v>1</v>
      </c>
      <c r="U2339">
        <v>0</v>
      </c>
      <c r="V2339">
        <v>0</v>
      </c>
      <c r="W2339">
        <v>3.4339872044851458</v>
      </c>
      <c r="X2339">
        <v>1</v>
      </c>
      <c r="Y2339">
        <v>1</v>
      </c>
      <c r="Z2339">
        <v>0</v>
      </c>
      <c r="AA2339">
        <v>0</v>
      </c>
      <c r="AB2339">
        <v>3.401197381662155</v>
      </c>
      <c r="AC2339">
        <v>1</v>
      </c>
      <c r="AD2339">
        <v>1</v>
      </c>
      <c r="AE2339">
        <v>0</v>
      </c>
      <c r="AF2339">
        <v>0</v>
      </c>
      <c r="AG2339">
        <v>3.3672958299864728</v>
      </c>
      <c r="AH2339">
        <v>0.34468883388405519</v>
      </c>
      <c r="AI2339">
        <v>0.1946523367825076</v>
      </c>
      <c r="AJ2339">
        <v>-0.40961203315830302</v>
      </c>
      <c r="AK2339">
        <v>-2.9918468743393829E-2</v>
      </c>
      <c r="AL2339">
        <v>457.04265216497328</v>
      </c>
      <c r="AM2339">
        <v>656.03126000367331</v>
      </c>
      <c r="AN2339">
        <v>3917</v>
      </c>
      <c r="AO2339">
        <v>3</v>
      </c>
      <c r="AP2339">
        <v>270.2465804987097</v>
      </c>
      <c r="AQ2339">
        <v>1.65625</v>
      </c>
      <c r="AR2339">
        <v>4.1875</v>
      </c>
      <c r="AS2339">
        <v>32</v>
      </c>
      <c r="AT2339">
        <v>2.4375</v>
      </c>
      <c r="AU2339">
        <v>0.10461956521739139</v>
      </c>
      <c r="AV2339">
        <v>0.35608807065530962</v>
      </c>
      <c r="AW2339">
        <v>0.375</v>
      </c>
      <c r="AX2339">
        <v>62.387096774193552</v>
      </c>
      <c r="AY2339">
        <v>56.5</v>
      </c>
      <c r="AZ2339">
        <v>112.75</v>
      </c>
      <c r="BA2339">
        <v>0.57731045545917425</v>
      </c>
      <c r="BB2339">
        <v>0.5</v>
      </c>
      <c r="BC2339">
        <v>3.2551105127277409</v>
      </c>
      <c r="BD2339" t="s">
        <v>8915</v>
      </c>
      <c r="BE2339" t="s">
        <v>62</v>
      </c>
    </row>
    <row r="2340" spans="1:57" x14ac:dyDescent="0.3">
      <c r="A2340" t="s">
        <v>8916</v>
      </c>
      <c r="B2340">
        <v>128</v>
      </c>
      <c r="C2340" t="s">
        <v>8917</v>
      </c>
      <c r="D2340" t="s">
        <v>8918</v>
      </c>
      <c r="E2340" t="s">
        <v>60</v>
      </c>
      <c r="F2340">
        <v>512</v>
      </c>
      <c r="G2340">
        <v>129.140625</v>
      </c>
      <c r="H2340">
        <v>129</v>
      </c>
      <c r="I2340">
        <v>5428.331787109375</v>
      </c>
      <c r="J2340">
        <v>73.677213486324078</v>
      </c>
      <c r="K2340">
        <v>-2.7606687211781122E-2</v>
      </c>
      <c r="L2340">
        <v>-1.174385836672766</v>
      </c>
      <c r="M2340">
        <v>7.5744029073851342</v>
      </c>
      <c r="N2340">
        <v>6</v>
      </c>
      <c r="O2340">
        <v>1</v>
      </c>
      <c r="P2340">
        <v>5</v>
      </c>
      <c r="Q2340">
        <v>1.265694857015063</v>
      </c>
      <c r="R2340">
        <v>5.2501760196790563</v>
      </c>
      <c r="S2340">
        <v>2</v>
      </c>
      <c r="T2340">
        <v>1</v>
      </c>
      <c r="U2340">
        <v>1</v>
      </c>
      <c r="V2340">
        <v>6.2560641760670568E-2</v>
      </c>
      <c r="W2340">
        <v>6.2309437805711401</v>
      </c>
      <c r="X2340">
        <v>1</v>
      </c>
      <c r="Y2340">
        <v>1</v>
      </c>
      <c r="Z2340">
        <v>0</v>
      </c>
      <c r="AA2340">
        <v>0</v>
      </c>
      <c r="AB2340">
        <v>6.2344107257183694</v>
      </c>
      <c r="AC2340">
        <v>1</v>
      </c>
      <c r="AD2340">
        <v>1</v>
      </c>
      <c r="AE2340">
        <v>0</v>
      </c>
      <c r="AF2340">
        <v>0</v>
      </c>
      <c r="AG2340">
        <v>6.2324480165505216</v>
      </c>
      <c r="AH2340">
        <v>-5.2380267573244571E-2</v>
      </c>
      <c r="AI2340">
        <v>1.097341474666539E-2</v>
      </c>
      <c r="AJ2340">
        <v>4.8205958708322047E-2</v>
      </c>
      <c r="AK2340">
        <v>-1.9884605496653461E-2</v>
      </c>
      <c r="AL2340">
        <v>1578.3159425898971</v>
      </c>
      <c r="AM2340">
        <v>2971.0272273014539</v>
      </c>
      <c r="AN2340">
        <v>66120</v>
      </c>
      <c r="AO2340">
        <v>63.642608316750952</v>
      </c>
      <c r="AP2340">
        <v>1315.969093915553</v>
      </c>
      <c r="AQ2340">
        <v>1.044921875</v>
      </c>
      <c r="AR2340">
        <v>4.02734375</v>
      </c>
      <c r="AS2340">
        <v>507</v>
      </c>
      <c r="AT2340">
        <v>151.4375</v>
      </c>
      <c r="AU2340">
        <v>2.4892769607843149E-2</v>
      </c>
      <c r="AV2340">
        <v>-5.2426654020919908E-2</v>
      </c>
      <c r="AW2340">
        <v>0.3671875</v>
      </c>
      <c r="AX2340">
        <v>87.144814090019565</v>
      </c>
      <c r="AY2340">
        <v>64</v>
      </c>
      <c r="AZ2340">
        <v>128.25</v>
      </c>
      <c r="BA2340">
        <v>0.57051925748635701</v>
      </c>
      <c r="BB2340">
        <v>0.49609375</v>
      </c>
      <c r="BC2340">
        <v>5.1410968442172411</v>
      </c>
      <c r="BD2340" t="s">
        <v>8919</v>
      </c>
      <c r="BE2340" t="s">
        <v>62</v>
      </c>
    </row>
    <row r="2341" spans="1:57" x14ac:dyDescent="0.3">
      <c r="A2341" t="s">
        <v>8920</v>
      </c>
      <c r="B2341">
        <v>2356</v>
      </c>
      <c r="C2341" t="s">
        <v>8921</v>
      </c>
      <c r="D2341" t="s">
        <v>8922</v>
      </c>
      <c r="E2341" t="s">
        <v>85</v>
      </c>
      <c r="F2341">
        <v>8</v>
      </c>
      <c r="G2341">
        <v>103.375</v>
      </c>
      <c r="H2341">
        <v>91.5</v>
      </c>
      <c r="I2341">
        <v>3448.984375</v>
      </c>
      <c r="J2341">
        <v>58.728054411839658</v>
      </c>
      <c r="K2341">
        <v>0.14352583266152291</v>
      </c>
      <c r="L2341">
        <v>-1.4794808424999459</v>
      </c>
      <c r="M2341">
        <v>3</v>
      </c>
      <c r="N2341">
        <v>1</v>
      </c>
      <c r="O2341">
        <v>1</v>
      </c>
      <c r="P2341">
        <v>0</v>
      </c>
      <c r="Q2341">
        <v>0</v>
      </c>
      <c r="R2341">
        <v>2.0794415416798362</v>
      </c>
      <c r="S2341">
        <v>1</v>
      </c>
      <c r="T2341">
        <v>1</v>
      </c>
      <c r="U2341">
        <v>0</v>
      </c>
      <c r="V2341">
        <v>0</v>
      </c>
      <c r="W2341">
        <v>1.945910149055313</v>
      </c>
      <c r="X2341">
        <v>1</v>
      </c>
      <c r="Y2341">
        <v>1</v>
      </c>
      <c r="Z2341">
        <v>0</v>
      </c>
      <c r="AA2341">
        <v>0</v>
      </c>
      <c r="AB2341">
        <v>1.791759469228055</v>
      </c>
      <c r="AC2341">
        <v>1</v>
      </c>
      <c r="AD2341">
        <v>1</v>
      </c>
      <c r="AE2341">
        <v>0</v>
      </c>
      <c r="AF2341">
        <v>0</v>
      </c>
      <c r="AG2341">
        <v>1.6094379124341009</v>
      </c>
      <c r="AH2341">
        <v>-0.22526162593154689</v>
      </c>
      <c r="AI2341">
        <v>0.23046073345867221</v>
      </c>
      <c r="AJ2341">
        <v>0.15018630937549551</v>
      </c>
      <c r="AK2341">
        <v>0</v>
      </c>
      <c r="AL2341">
        <v>238.32751724650029</v>
      </c>
      <c r="AM2341">
        <v>237.2403728776346</v>
      </c>
      <c r="AN2341">
        <v>827</v>
      </c>
      <c r="AO2341">
        <v>51</v>
      </c>
      <c r="AP2341">
        <v>222.99141625083249</v>
      </c>
      <c r="AQ2341">
        <v>3.5</v>
      </c>
      <c r="AR2341">
        <v>4.25</v>
      </c>
      <c r="AS2341">
        <v>8</v>
      </c>
      <c r="AT2341">
        <v>0</v>
      </c>
      <c r="AU2341">
        <v>0.18951612903225809</v>
      </c>
      <c r="AV2341">
        <v>-0.31741496443884881</v>
      </c>
      <c r="AW2341">
        <v>0.5</v>
      </c>
      <c r="AX2341">
        <v>82.428571428571431</v>
      </c>
      <c r="AY2341">
        <v>55.5</v>
      </c>
      <c r="AZ2341">
        <v>107</v>
      </c>
      <c r="BA2341">
        <v>0.56810693506011767</v>
      </c>
      <c r="BB2341">
        <v>0.375</v>
      </c>
      <c r="BC2341">
        <v>1.945910149055313</v>
      </c>
      <c r="BD2341" t="s">
        <v>8921</v>
      </c>
      <c r="BE2341" t="s">
        <v>68</v>
      </c>
    </row>
    <row r="2342" spans="1:57" x14ac:dyDescent="0.3">
      <c r="A2342" t="s">
        <v>8923</v>
      </c>
      <c r="B2342">
        <v>911</v>
      </c>
      <c r="C2342" t="s">
        <v>8924</v>
      </c>
      <c r="D2342" t="s">
        <v>8925</v>
      </c>
      <c r="E2342" t="s">
        <v>10622</v>
      </c>
      <c r="F2342">
        <v>64</v>
      </c>
      <c r="G2342">
        <v>103.203125</v>
      </c>
      <c r="H2342">
        <v>92</v>
      </c>
      <c r="I2342">
        <v>5184.474365234375</v>
      </c>
      <c r="J2342">
        <v>72.003294127660396</v>
      </c>
      <c r="K2342">
        <v>0.43902715330737679</v>
      </c>
      <c r="L2342">
        <v>-0.94029754499162443</v>
      </c>
      <c r="M2342">
        <v>5.78125</v>
      </c>
      <c r="N2342">
        <v>2</v>
      </c>
      <c r="O2342">
        <v>1</v>
      </c>
      <c r="P2342">
        <v>1</v>
      </c>
      <c r="Q2342">
        <v>0.32821556024332821</v>
      </c>
      <c r="R2342">
        <v>4.0072571376121839</v>
      </c>
      <c r="S2342">
        <v>1</v>
      </c>
      <c r="T2342">
        <v>1</v>
      </c>
      <c r="U2342">
        <v>0</v>
      </c>
      <c r="V2342">
        <v>0</v>
      </c>
      <c r="W2342">
        <v>4.1431347263915326</v>
      </c>
      <c r="X2342">
        <v>1</v>
      </c>
      <c r="Y2342">
        <v>1</v>
      </c>
      <c r="Z2342">
        <v>0</v>
      </c>
      <c r="AA2342">
        <v>0</v>
      </c>
      <c r="AB2342">
        <v>4.1271343850450908</v>
      </c>
      <c r="AC2342">
        <v>1</v>
      </c>
      <c r="AD2342">
        <v>1</v>
      </c>
      <c r="AE2342">
        <v>0</v>
      </c>
      <c r="AF2342">
        <v>0</v>
      </c>
      <c r="AG2342">
        <v>4.1108738641733096</v>
      </c>
      <c r="AH2342">
        <v>-3.2013431055914719E-2</v>
      </c>
      <c r="AI2342">
        <v>0.32083668334745508</v>
      </c>
      <c r="AJ2342">
        <v>0.1874623973251624</v>
      </c>
      <c r="AK2342">
        <v>-0.19097214439172849</v>
      </c>
      <c r="AL2342">
        <v>592.29113319953376</v>
      </c>
      <c r="AM2342">
        <v>814.03575691317894</v>
      </c>
      <c r="AN2342">
        <v>6605</v>
      </c>
      <c r="AO2342">
        <v>75.837509354509933</v>
      </c>
      <c r="AP2342">
        <v>441.06729426823728</v>
      </c>
      <c r="AQ2342">
        <v>1.359375</v>
      </c>
      <c r="AR2342">
        <v>3.609375</v>
      </c>
      <c r="AS2342">
        <v>64</v>
      </c>
      <c r="AT2342">
        <v>5.4687499999999991</v>
      </c>
      <c r="AU2342">
        <v>0.17833835341365459</v>
      </c>
      <c r="AV2342">
        <v>-3.215452628564712E-2</v>
      </c>
      <c r="AW2342">
        <v>0.46875</v>
      </c>
      <c r="AX2342">
        <v>81.285714285714292</v>
      </c>
      <c r="AY2342">
        <v>55.5</v>
      </c>
      <c r="AZ2342">
        <v>121.25</v>
      </c>
      <c r="BA2342">
        <v>0.69768521183501364</v>
      </c>
      <c r="BB2342">
        <v>0.4375</v>
      </c>
      <c r="BC2342">
        <v>3.8790786576067919</v>
      </c>
      <c r="BD2342" t="s">
        <v>8926</v>
      </c>
      <c r="BE2342" t="s">
        <v>62</v>
      </c>
    </row>
    <row r="2343" spans="1:57" x14ac:dyDescent="0.3">
      <c r="A2343" t="s">
        <v>8927</v>
      </c>
      <c r="B2343">
        <v>2283</v>
      </c>
      <c r="C2343" t="s">
        <v>8928</v>
      </c>
      <c r="D2343" t="s">
        <v>8929</v>
      </c>
      <c r="E2343" t="s">
        <v>72</v>
      </c>
      <c r="F2343">
        <v>2288</v>
      </c>
      <c r="G2343">
        <v>125.5432692307692</v>
      </c>
      <c r="H2343">
        <v>122</v>
      </c>
      <c r="I2343">
        <v>5535.739386514927</v>
      </c>
      <c r="J2343">
        <v>74.402549596871523</v>
      </c>
      <c r="K2343">
        <v>5.9949439446691503E-2</v>
      </c>
      <c r="L2343">
        <v>-1.201856102076271</v>
      </c>
      <c r="M2343">
        <v>7.9170385309464724</v>
      </c>
      <c r="N2343">
        <v>21</v>
      </c>
      <c r="O2343">
        <v>1</v>
      </c>
      <c r="P2343">
        <v>20</v>
      </c>
      <c r="Q2343">
        <v>2.9941348917508712</v>
      </c>
      <c r="R2343">
        <v>5.4876729361099921</v>
      </c>
      <c r="S2343">
        <v>3</v>
      </c>
      <c r="T2343">
        <v>1</v>
      </c>
      <c r="U2343">
        <v>2</v>
      </c>
      <c r="V2343">
        <v>0.1565042052386805</v>
      </c>
      <c r="W2343">
        <v>7.702034609569683</v>
      </c>
      <c r="X2343">
        <v>2</v>
      </c>
      <c r="Y2343">
        <v>1</v>
      </c>
      <c r="Z2343">
        <v>1</v>
      </c>
      <c r="AA2343">
        <v>9.3531945572737543E-2</v>
      </c>
      <c r="AB2343">
        <v>7.7224302847649051</v>
      </c>
      <c r="AC2343">
        <v>2</v>
      </c>
      <c r="AD2343">
        <v>1</v>
      </c>
      <c r="AE2343">
        <v>1</v>
      </c>
      <c r="AF2343">
        <v>8.8752268039385351E-2</v>
      </c>
      <c r="AG2343">
        <v>7.7232008225842517</v>
      </c>
      <c r="AH2343">
        <v>-9.6731952371553968E-3</v>
      </c>
      <c r="AI2343">
        <v>4.1254483193256626E-3</v>
      </c>
      <c r="AJ2343">
        <v>-2.028627526461051E-2</v>
      </c>
      <c r="AK2343">
        <v>7.6915733386572743E-3</v>
      </c>
      <c r="AL2343">
        <v>3271.8083088774811</v>
      </c>
      <c r="AM2343">
        <v>6166.2360796486109</v>
      </c>
      <c r="AN2343">
        <v>287243</v>
      </c>
      <c r="AO2343">
        <v>105.2739613623384</v>
      </c>
      <c r="AP2343">
        <v>3003.733372201596</v>
      </c>
      <c r="AQ2343">
        <v>1.0100524475524471</v>
      </c>
      <c r="AR2343">
        <v>3.98513986013986</v>
      </c>
      <c r="AS2343">
        <v>2279</v>
      </c>
      <c r="AT2343">
        <v>256.7832167832168</v>
      </c>
      <c r="AU2343">
        <v>2.4945152886329369E-2</v>
      </c>
      <c r="AV2343">
        <v>-9.67738520742553E-3</v>
      </c>
      <c r="AW2343">
        <v>0.38723776223776218</v>
      </c>
      <c r="AX2343">
        <v>86.912111937035419</v>
      </c>
      <c r="AY2343">
        <v>64</v>
      </c>
      <c r="AZ2343">
        <v>127</v>
      </c>
      <c r="BA2343">
        <v>0.59264467185498704</v>
      </c>
      <c r="BB2343">
        <v>0.48776223776223782</v>
      </c>
      <c r="BC2343">
        <v>5.3089552187583724</v>
      </c>
      <c r="BD2343" t="s">
        <v>8930</v>
      </c>
      <c r="BE2343" t="s">
        <v>62</v>
      </c>
    </row>
    <row r="2344" spans="1:57" x14ac:dyDescent="0.3">
      <c r="A2344" t="s">
        <v>8931</v>
      </c>
      <c r="B2344">
        <v>143</v>
      </c>
      <c r="C2344" t="s">
        <v>8932</v>
      </c>
      <c r="D2344" t="s">
        <v>8933</v>
      </c>
      <c r="E2344" t="s">
        <v>60</v>
      </c>
      <c r="F2344">
        <v>256</v>
      </c>
      <c r="G2344">
        <v>122.75</v>
      </c>
      <c r="H2344">
        <v>124</v>
      </c>
      <c r="I2344">
        <v>5331.7421875</v>
      </c>
      <c r="J2344">
        <v>73.018779690570014</v>
      </c>
      <c r="K2344">
        <v>4.9353324686830638E-2</v>
      </c>
      <c r="L2344">
        <v>-1.1606393479013011</v>
      </c>
      <c r="M2344">
        <v>7.1648917735188986</v>
      </c>
      <c r="N2344">
        <v>5</v>
      </c>
      <c r="O2344">
        <v>1</v>
      </c>
      <c r="P2344">
        <v>4</v>
      </c>
      <c r="Q2344">
        <v>0.84421338258166712</v>
      </c>
      <c r="R2344">
        <v>4.9663245318317699</v>
      </c>
      <c r="S2344">
        <v>2</v>
      </c>
      <c r="T2344">
        <v>1</v>
      </c>
      <c r="U2344">
        <v>1</v>
      </c>
      <c r="V2344">
        <v>6.2621943781838052E-2</v>
      </c>
      <c r="W2344">
        <v>5.5358270966834446</v>
      </c>
      <c r="X2344">
        <v>1</v>
      </c>
      <c r="Y2344">
        <v>1</v>
      </c>
      <c r="Z2344">
        <v>0</v>
      </c>
      <c r="AA2344">
        <v>0</v>
      </c>
      <c r="AB2344">
        <v>5.5373342670185366</v>
      </c>
      <c r="AC2344">
        <v>1</v>
      </c>
      <c r="AD2344">
        <v>1</v>
      </c>
      <c r="AE2344">
        <v>0</v>
      </c>
      <c r="AF2344">
        <v>0</v>
      </c>
      <c r="AG2344">
        <v>5.5333894887275203</v>
      </c>
      <c r="AH2344">
        <v>0.1095908770878421</v>
      </c>
      <c r="AI2344">
        <v>5.0587083109267461E-2</v>
      </c>
      <c r="AJ2344">
        <v>-5.0820200142718361E-2</v>
      </c>
      <c r="AK2344">
        <v>-2.482304901511144E-2</v>
      </c>
      <c r="AL2344">
        <v>1173.674097206268</v>
      </c>
      <c r="AM2344">
        <v>1960.793490795767</v>
      </c>
      <c r="AN2344">
        <v>31424</v>
      </c>
      <c r="AO2344">
        <v>249.36817763925751</v>
      </c>
      <c r="AP2344">
        <v>981.75309515883123</v>
      </c>
      <c r="AQ2344">
        <v>1.08984375</v>
      </c>
      <c r="AR2344">
        <v>3.96484375</v>
      </c>
      <c r="AS2344">
        <v>252</v>
      </c>
      <c r="AT2344">
        <v>73.0625</v>
      </c>
      <c r="AU2344">
        <v>4.7901348039215641E-2</v>
      </c>
      <c r="AV2344">
        <v>0.1103119140736237</v>
      </c>
      <c r="AW2344">
        <v>0.375</v>
      </c>
      <c r="AX2344">
        <v>76.33725490196079</v>
      </c>
      <c r="AY2344">
        <v>63</v>
      </c>
      <c r="AZ2344">
        <v>126</v>
      </c>
      <c r="BA2344">
        <v>0.59485767568692471</v>
      </c>
      <c r="BB2344">
        <v>0.5078125</v>
      </c>
      <c r="BC2344">
        <v>4.7726002233367932</v>
      </c>
      <c r="BD2344" t="s">
        <v>8934</v>
      </c>
      <c r="BE2344" t="s">
        <v>62</v>
      </c>
    </row>
    <row r="2345" spans="1:57" x14ac:dyDescent="0.3">
      <c r="A2345" t="s">
        <v>8935</v>
      </c>
      <c r="B2345">
        <v>1568</v>
      </c>
      <c r="C2345" t="s">
        <v>8936</v>
      </c>
      <c r="D2345" t="s">
        <v>8937</v>
      </c>
      <c r="E2345" t="s">
        <v>106</v>
      </c>
      <c r="F2345">
        <v>1590</v>
      </c>
      <c r="G2345">
        <v>129.65345911949689</v>
      </c>
      <c r="H2345">
        <v>130.5</v>
      </c>
      <c r="I2345">
        <v>5499.8918591036736</v>
      </c>
      <c r="J2345">
        <v>74.161255781598484</v>
      </c>
      <c r="K2345">
        <v>-3.2386376594273153E-2</v>
      </c>
      <c r="L2345">
        <v>-1.199993374027869</v>
      </c>
      <c r="M2345">
        <v>7.8879845201903551</v>
      </c>
      <c r="N2345">
        <v>15</v>
      </c>
      <c r="O2345">
        <v>1</v>
      </c>
      <c r="P2345">
        <v>14</v>
      </c>
      <c r="Q2345">
        <v>2.4211062287916549</v>
      </c>
      <c r="R2345">
        <v>5.4675342304704326</v>
      </c>
      <c r="S2345">
        <v>2</v>
      </c>
      <c r="T2345">
        <v>1</v>
      </c>
      <c r="U2345">
        <v>1</v>
      </c>
      <c r="V2345">
        <v>9.3860942586412782E-2</v>
      </c>
      <c r="W2345">
        <v>7.3586461193021817</v>
      </c>
      <c r="X2345">
        <v>1</v>
      </c>
      <c r="Y2345">
        <v>1</v>
      </c>
      <c r="Z2345">
        <v>0</v>
      </c>
      <c r="AA2345">
        <v>0</v>
      </c>
      <c r="AB2345">
        <v>7.3702306418070824</v>
      </c>
      <c r="AC2345">
        <v>1</v>
      </c>
      <c r="AD2345">
        <v>1</v>
      </c>
      <c r="AE2345">
        <v>0</v>
      </c>
      <c r="AF2345">
        <v>0</v>
      </c>
      <c r="AG2345">
        <v>7.3696007205264076</v>
      </c>
      <c r="AH2345">
        <v>-1.5714883635340751E-2</v>
      </c>
      <c r="AI2345">
        <v>2.2630870699758089E-2</v>
      </c>
      <c r="AJ2345">
        <v>1.7809158451263251E-2</v>
      </c>
      <c r="AK2345">
        <v>-4.3709848022360477E-2</v>
      </c>
      <c r="AL2345">
        <v>2743.313722530856</v>
      </c>
      <c r="AM2345">
        <v>5286.4911633118154</v>
      </c>
      <c r="AN2345">
        <v>206149</v>
      </c>
      <c r="AO2345">
        <v>31.262734089130909</v>
      </c>
      <c r="AP2345">
        <v>2487.0151217576099</v>
      </c>
      <c r="AQ2345">
        <v>1.014465408805032</v>
      </c>
      <c r="AR2345">
        <v>4.0238993710691826</v>
      </c>
      <c r="AS2345">
        <v>1586</v>
      </c>
      <c r="AT2345">
        <v>241.60754716981131</v>
      </c>
      <c r="AU2345">
        <v>2.1938586755456901E-2</v>
      </c>
      <c r="AV2345">
        <v>-1.57201592191916E-2</v>
      </c>
      <c r="AW2345">
        <v>0.35786163522012582</v>
      </c>
      <c r="AX2345">
        <v>86.584644430459406</v>
      </c>
      <c r="AY2345">
        <v>63.5</v>
      </c>
      <c r="AZ2345">
        <v>127</v>
      </c>
      <c r="BA2345">
        <v>0.571995967444623</v>
      </c>
      <c r="BB2345">
        <v>0.50628930817610063</v>
      </c>
      <c r="BC2345">
        <v>5.2805819253601527</v>
      </c>
      <c r="BD2345" t="s">
        <v>8938</v>
      </c>
      <c r="BE2345" t="s">
        <v>68</v>
      </c>
    </row>
    <row r="2346" spans="1:57" x14ac:dyDescent="0.3">
      <c r="A2346" t="s">
        <v>8939</v>
      </c>
      <c r="B2346">
        <v>1933</v>
      </c>
      <c r="C2346" t="s">
        <v>8940</v>
      </c>
      <c r="D2346" t="s">
        <v>8941</v>
      </c>
      <c r="E2346" t="s">
        <v>115</v>
      </c>
      <c r="F2346">
        <v>2019</v>
      </c>
      <c r="G2346">
        <v>124.3769192669638</v>
      </c>
      <c r="H2346">
        <v>124</v>
      </c>
      <c r="I2346">
        <v>5490.9193484090347</v>
      </c>
      <c r="J2346">
        <v>74.100737839842282</v>
      </c>
      <c r="K2346">
        <v>4.6624109634948591E-2</v>
      </c>
      <c r="L2346">
        <v>-1.180409197167549</v>
      </c>
      <c r="M2346">
        <v>7.9048342898485684</v>
      </c>
      <c r="N2346">
        <v>16</v>
      </c>
      <c r="O2346">
        <v>1</v>
      </c>
      <c r="P2346">
        <v>15</v>
      </c>
      <c r="Q2346">
        <v>2.713272091785115</v>
      </c>
      <c r="R2346">
        <v>5.4792136008021144</v>
      </c>
      <c r="S2346">
        <v>2</v>
      </c>
      <c r="T2346">
        <v>1</v>
      </c>
      <c r="U2346">
        <v>1</v>
      </c>
      <c r="V2346">
        <v>0.13538311946669571</v>
      </c>
      <c r="W2346">
        <v>7.5844445144113539</v>
      </c>
      <c r="X2346">
        <v>2</v>
      </c>
      <c r="Y2346">
        <v>1</v>
      </c>
      <c r="Z2346">
        <v>1</v>
      </c>
      <c r="AA2346">
        <v>2.226624572168992E-2</v>
      </c>
      <c r="AB2346">
        <v>7.6086792328668942</v>
      </c>
      <c r="AC2346">
        <v>1</v>
      </c>
      <c r="AD2346">
        <v>1</v>
      </c>
      <c r="AE2346">
        <v>0</v>
      </c>
      <c r="AF2346">
        <v>0</v>
      </c>
      <c r="AG2346">
        <v>7.6088706291912569</v>
      </c>
      <c r="AH2346">
        <v>2.1357318003021899E-2</v>
      </c>
      <c r="AI2346">
        <v>1.9082021828963479E-2</v>
      </c>
      <c r="AJ2346">
        <v>4.0943870668965668E-2</v>
      </c>
      <c r="AK2346">
        <v>3.097657872774467E-3</v>
      </c>
      <c r="AL2346">
        <v>3081.0980909476621</v>
      </c>
      <c r="AM2346">
        <v>5729.4117982528242</v>
      </c>
      <c r="AN2346">
        <v>251117</v>
      </c>
      <c r="AO2346">
        <v>77.729047362770487</v>
      </c>
      <c r="AP2346">
        <v>2712.4430701861738</v>
      </c>
      <c r="AQ2346">
        <v>1.011391778107974</v>
      </c>
      <c r="AR2346">
        <v>3.9306587419514609</v>
      </c>
      <c r="AS2346">
        <v>2005</v>
      </c>
      <c r="AT2346">
        <v>237.0995542347697</v>
      </c>
      <c r="AU2346">
        <v>2.4852139964455341E-2</v>
      </c>
      <c r="AV2346">
        <v>2.1370587438569101E-2</v>
      </c>
      <c r="AW2346">
        <v>0.37444279346211001</v>
      </c>
      <c r="AX2346">
        <v>84.87314172447968</v>
      </c>
      <c r="AY2346">
        <v>63</v>
      </c>
      <c r="AZ2346">
        <v>126</v>
      </c>
      <c r="BA2346">
        <v>0.59577563326513761</v>
      </c>
      <c r="BB2346">
        <v>0.49678058444774642</v>
      </c>
      <c r="BC2346">
        <v>5.2856663490818434</v>
      </c>
      <c r="BD2346" t="s">
        <v>8942</v>
      </c>
      <c r="BE2346" t="s">
        <v>68</v>
      </c>
    </row>
    <row r="2347" spans="1:57" x14ac:dyDescent="0.3">
      <c r="A2347" t="s">
        <v>8943</v>
      </c>
      <c r="B2347">
        <v>3811</v>
      </c>
      <c r="C2347" t="s">
        <v>8944</v>
      </c>
      <c r="D2347" t="s">
        <v>8945</v>
      </c>
      <c r="E2347" t="s">
        <v>98</v>
      </c>
      <c r="F2347">
        <v>16</v>
      </c>
      <c r="G2347">
        <v>92.8125</v>
      </c>
      <c r="H2347">
        <v>73.5</v>
      </c>
      <c r="I2347">
        <v>6568.52734375</v>
      </c>
      <c r="J2347">
        <v>81.046451765330232</v>
      </c>
      <c r="K2347">
        <v>0.55143119823107523</v>
      </c>
      <c r="L2347">
        <v>-1.1716779703875291</v>
      </c>
      <c r="M2347">
        <v>3.875</v>
      </c>
      <c r="N2347">
        <v>2</v>
      </c>
      <c r="O2347">
        <v>1</v>
      </c>
      <c r="P2347">
        <v>1</v>
      </c>
      <c r="Q2347">
        <v>0.24944382578492949</v>
      </c>
      <c r="R2347">
        <v>2.6859453246697882</v>
      </c>
      <c r="S2347">
        <v>1</v>
      </c>
      <c r="T2347">
        <v>1</v>
      </c>
      <c r="U2347">
        <v>0</v>
      </c>
      <c r="V2347">
        <v>0</v>
      </c>
      <c r="W2347">
        <v>2.7080502011022101</v>
      </c>
      <c r="X2347">
        <v>1</v>
      </c>
      <c r="Y2347">
        <v>1</v>
      </c>
      <c r="Z2347">
        <v>0</v>
      </c>
      <c r="AA2347">
        <v>0</v>
      </c>
      <c r="AB2347">
        <v>2.639057329615258</v>
      </c>
      <c r="AC2347">
        <v>1</v>
      </c>
      <c r="AD2347">
        <v>1</v>
      </c>
      <c r="AE2347">
        <v>0</v>
      </c>
      <c r="AF2347">
        <v>0</v>
      </c>
      <c r="AG2347">
        <v>2.5649493574615372</v>
      </c>
      <c r="AH2347">
        <v>-0.1348859722885469</v>
      </c>
      <c r="AI2347">
        <v>-0.45473004555934637</v>
      </c>
      <c r="AJ2347">
        <v>-9.4486321491630013E-2</v>
      </c>
      <c r="AK2347">
        <v>-6.1208440699999943E-2</v>
      </c>
      <c r="AL2347">
        <v>362.96038982459538</v>
      </c>
      <c r="AM2347">
        <v>333.44078247625572</v>
      </c>
      <c r="AN2347">
        <v>1485</v>
      </c>
      <c r="AO2347">
        <v>33.135479290206213</v>
      </c>
      <c r="AP2347">
        <v>283.64759102180858</v>
      </c>
      <c r="AQ2347">
        <v>2.25</v>
      </c>
      <c r="AR2347">
        <v>3.75</v>
      </c>
      <c r="AS2347">
        <v>16</v>
      </c>
      <c r="AT2347">
        <v>0.87499999999999989</v>
      </c>
      <c r="AU2347">
        <v>0.27083333333333343</v>
      </c>
      <c r="AV2347">
        <v>-0.1366882965411714</v>
      </c>
      <c r="AW2347">
        <v>0.375</v>
      </c>
      <c r="AX2347">
        <v>106.6</v>
      </c>
      <c r="AY2347">
        <v>59.5</v>
      </c>
      <c r="AZ2347">
        <v>136.75</v>
      </c>
      <c r="BA2347">
        <v>0.87322776312813721</v>
      </c>
      <c r="BB2347">
        <v>0.4375</v>
      </c>
      <c r="BC2347">
        <v>2.615630577027551</v>
      </c>
      <c r="BD2347" t="s">
        <v>8944</v>
      </c>
      <c r="BE2347" t="s">
        <v>62</v>
      </c>
    </row>
    <row r="2348" spans="1:57" x14ac:dyDescent="0.3">
      <c r="A2348" t="s">
        <v>8946</v>
      </c>
      <c r="B2348">
        <v>1648</v>
      </c>
      <c r="C2348" t="s">
        <v>8947</v>
      </c>
      <c r="D2348" t="s">
        <v>8948</v>
      </c>
      <c r="E2348" t="s">
        <v>72</v>
      </c>
      <c r="F2348">
        <v>1656</v>
      </c>
      <c r="G2348">
        <v>125.40458937198071</v>
      </c>
      <c r="H2348">
        <v>123.5</v>
      </c>
      <c r="I2348">
        <v>5313.732442705782</v>
      </c>
      <c r="J2348">
        <v>72.8953526824981</v>
      </c>
      <c r="K2348">
        <v>3.040433814633901E-2</v>
      </c>
      <c r="L2348">
        <v>-1.174199526282677</v>
      </c>
      <c r="M2348">
        <v>7.8839749765625484</v>
      </c>
      <c r="N2348">
        <v>16</v>
      </c>
      <c r="O2348">
        <v>1</v>
      </c>
      <c r="P2348">
        <v>15</v>
      </c>
      <c r="Q2348">
        <v>2.5691605511333848</v>
      </c>
      <c r="R2348">
        <v>5.4647550266094918</v>
      </c>
      <c r="S2348">
        <v>2</v>
      </c>
      <c r="T2348">
        <v>1</v>
      </c>
      <c r="U2348">
        <v>1</v>
      </c>
      <c r="V2348">
        <v>0.12040917983004509</v>
      </c>
      <c r="W2348">
        <v>7.3914529254746801</v>
      </c>
      <c r="X2348">
        <v>1</v>
      </c>
      <c r="Y2348">
        <v>1</v>
      </c>
      <c r="Z2348">
        <v>0</v>
      </c>
      <c r="AA2348">
        <v>0</v>
      </c>
      <c r="AB2348">
        <v>7.4109518755836374</v>
      </c>
      <c r="AC2348">
        <v>1</v>
      </c>
      <c r="AD2348">
        <v>1</v>
      </c>
      <c r="AE2348">
        <v>0</v>
      </c>
      <c r="AF2348">
        <v>0</v>
      </c>
      <c r="AG2348">
        <v>7.4103470978210231</v>
      </c>
      <c r="AH2348">
        <v>2.3257655772827009E-2</v>
      </c>
      <c r="AI2348">
        <v>1.6075714966161531E-2</v>
      </c>
      <c r="AJ2348">
        <v>1.3373407519137719E-3</v>
      </c>
      <c r="AK2348">
        <v>-4.4091984206802593E-3</v>
      </c>
      <c r="AL2348">
        <v>2749.355185818416</v>
      </c>
      <c r="AM2348">
        <v>5223.3474001078457</v>
      </c>
      <c r="AN2348">
        <v>207670</v>
      </c>
      <c r="AO2348">
        <v>55.277335644836548</v>
      </c>
      <c r="AP2348">
        <v>2437.629200946772</v>
      </c>
      <c r="AQ2348">
        <v>1.0138888888888891</v>
      </c>
      <c r="AR2348">
        <v>3.972826086956522</v>
      </c>
      <c r="AS2348">
        <v>1649</v>
      </c>
      <c r="AT2348">
        <v>261.21739130434793</v>
      </c>
      <c r="AU2348">
        <v>2.2229326513213968E-2</v>
      </c>
      <c r="AV2348">
        <v>2.3267769406364561E-2</v>
      </c>
      <c r="AW2348">
        <v>0.39190821256038649</v>
      </c>
      <c r="AX2348">
        <v>82.526888217522654</v>
      </c>
      <c r="AY2348">
        <v>62.5</v>
      </c>
      <c r="AZ2348">
        <v>123.25</v>
      </c>
      <c r="BA2348">
        <v>0.58128137931437784</v>
      </c>
      <c r="BB2348">
        <v>0.4921497584541063</v>
      </c>
      <c r="BC2348">
        <v>5.251792822842396</v>
      </c>
      <c r="BD2348" t="s">
        <v>8949</v>
      </c>
      <c r="BE2348" t="s">
        <v>68</v>
      </c>
    </row>
    <row r="2349" spans="1:57" x14ac:dyDescent="0.3">
      <c r="A2349" t="s">
        <v>8950</v>
      </c>
      <c r="B2349">
        <v>2308</v>
      </c>
      <c r="C2349" t="s">
        <v>8951</v>
      </c>
      <c r="D2349" t="s">
        <v>8952</v>
      </c>
      <c r="E2349" t="s">
        <v>128</v>
      </c>
      <c r="F2349">
        <v>32</v>
      </c>
      <c r="G2349">
        <v>114.5</v>
      </c>
      <c r="H2349">
        <v>102.5</v>
      </c>
      <c r="I2349">
        <v>3915.625</v>
      </c>
      <c r="J2349">
        <v>62.574955053919133</v>
      </c>
      <c r="K2349">
        <v>0.53573241458792464</v>
      </c>
      <c r="L2349">
        <v>-0.58169450289775426</v>
      </c>
      <c r="M2349">
        <v>4.6875</v>
      </c>
      <c r="N2349">
        <v>2</v>
      </c>
      <c r="O2349">
        <v>1</v>
      </c>
      <c r="P2349">
        <v>1</v>
      </c>
      <c r="Q2349">
        <v>0.38844772154450058</v>
      </c>
      <c r="R2349">
        <v>3.2491274088747431</v>
      </c>
      <c r="S2349">
        <v>1</v>
      </c>
      <c r="T2349">
        <v>1</v>
      </c>
      <c r="U2349">
        <v>0</v>
      </c>
      <c r="V2349">
        <v>0</v>
      </c>
      <c r="W2349">
        <v>3.4339872044851458</v>
      </c>
      <c r="X2349">
        <v>1</v>
      </c>
      <c r="Y2349">
        <v>1</v>
      </c>
      <c r="Z2349">
        <v>0</v>
      </c>
      <c r="AA2349">
        <v>0</v>
      </c>
      <c r="AB2349">
        <v>3.401197381662155</v>
      </c>
      <c r="AC2349">
        <v>1</v>
      </c>
      <c r="AD2349">
        <v>1</v>
      </c>
      <c r="AE2349">
        <v>0</v>
      </c>
      <c r="AF2349">
        <v>0</v>
      </c>
      <c r="AG2349">
        <v>3.3672958299864728</v>
      </c>
      <c r="AH2349">
        <v>-0.21150638467677571</v>
      </c>
      <c r="AI2349">
        <v>-6.4848363926576211E-2</v>
      </c>
      <c r="AJ2349">
        <v>3.6705905826017557E-2</v>
      </c>
      <c r="AK2349">
        <v>0.1407581803671189</v>
      </c>
      <c r="AL2349">
        <v>399.06464284157812</v>
      </c>
      <c r="AM2349">
        <v>620.94718844175782</v>
      </c>
      <c r="AN2349">
        <v>3664</v>
      </c>
      <c r="AO2349">
        <v>74.027022093287002</v>
      </c>
      <c r="AP2349">
        <v>284.09457957034277</v>
      </c>
      <c r="AQ2349">
        <v>1.65625</v>
      </c>
      <c r="AR2349">
        <v>4</v>
      </c>
      <c r="AS2349">
        <v>31</v>
      </c>
      <c r="AT2349">
        <v>3.4375</v>
      </c>
      <c r="AU2349">
        <v>0.26741803278688531</v>
      </c>
      <c r="AV2349">
        <v>-0.2118277041101089</v>
      </c>
      <c r="AW2349">
        <v>0.53125</v>
      </c>
      <c r="AX2349">
        <v>79.838709677419359</v>
      </c>
      <c r="AY2349">
        <v>46</v>
      </c>
      <c r="AZ2349">
        <v>85</v>
      </c>
      <c r="BA2349">
        <v>0.54650615767614963</v>
      </c>
      <c r="BB2349">
        <v>0.4375</v>
      </c>
      <c r="BC2349">
        <v>3.4339872044851458</v>
      </c>
      <c r="BD2349" t="s">
        <v>8953</v>
      </c>
      <c r="BE2349" t="s">
        <v>62</v>
      </c>
    </row>
    <row r="2350" spans="1:57" x14ac:dyDescent="0.3">
      <c r="A2350" t="s">
        <v>8954</v>
      </c>
      <c r="B2350">
        <v>1911</v>
      </c>
      <c r="C2350" t="s">
        <v>8955</v>
      </c>
      <c r="D2350" t="s">
        <v>8956</v>
      </c>
      <c r="E2350" t="s">
        <v>128</v>
      </c>
      <c r="F2350">
        <v>32</v>
      </c>
      <c r="G2350">
        <v>147.78125</v>
      </c>
      <c r="H2350">
        <v>154.5</v>
      </c>
      <c r="I2350">
        <v>5155.0458984375</v>
      </c>
      <c r="J2350">
        <v>71.798648305086502</v>
      </c>
      <c r="K2350">
        <v>-0.2158435021461215</v>
      </c>
      <c r="L2350">
        <v>-0.95795010081201282</v>
      </c>
      <c r="M2350">
        <v>4.875</v>
      </c>
      <c r="N2350">
        <v>2</v>
      </c>
      <c r="O2350">
        <v>1</v>
      </c>
      <c r="P2350">
        <v>1</v>
      </c>
      <c r="Q2350">
        <v>0.24944382578492941</v>
      </c>
      <c r="R2350">
        <v>3.3790925052297331</v>
      </c>
      <c r="S2350">
        <v>1</v>
      </c>
      <c r="T2350">
        <v>1</v>
      </c>
      <c r="U2350">
        <v>0</v>
      </c>
      <c r="V2350">
        <v>0</v>
      </c>
      <c r="W2350">
        <v>3.4339872044851458</v>
      </c>
      <c r="X2350">
        <v>1</v>
      </c>
      <c r="Y2350">
        <v>1</v>
      </c>
      <c r="Z2350">
        <v>0</v>
      </c>
      <c r="AA2350">
        <v>0</v>
      </c>
      <c r="AB2350">
        <v>3.401197381662155</v>
      </c>
      <c r="AC2350">
        <v>1</v>
      </c>
      <c r="AD2350">
        <v>1</v>
      </c>
      <c r="AE2350">
        <v>0</v>
      </c>
      <c r="AF2350">
        <v>0</v>
      </c>
      <c r="AG2350">
        <v>3.3672958299864728</v>
      </c>
      <c r="AH2350">
        <v>4.8084234206586501E-2</v>
      </c>
      <c r="AI2350">
        <v>8.5168172321301541E-2</v>
      </c>
      <c r="AJ2350">
        <v>-0.28330075115078962</v>
      </c>
      <c r="AK2350">
        <v>5.2094113549622477E-2</v>
      </c>
      <c r="AL2350">
        <v>518.857513687562</v>
      </c>
      <c r="AM2350">
        <v>771.10691897425033</v>
      </c>
      <c r="AN2350">
        <v>4729</v>
      </c>
      <c r="AO2350">
        <v>87.945223528159588</v>
      </c>
      <c r="AP2350">
        <v>409.19924806812571</v>
      </c>
      <c r="AQ2350">
        <v>1.71875</v>
      </c>
      <c r="AR2350">
        <v>4.28125</v>
      </c>
      <c r="AS2350">
        <v>32</v>
      </c>
      <c r="AT2350">
        <v>1.75</v>
      </c>
      <c r="AU2350">
        <v>0.20089285714285721</v>
      </c>
      <c r="AV2350">
        <v>4.8716661069272388E-2</v>
      </c>
      <c r="AW2350">
        <v>0.34375</v>
      </c>
      <c r="AX2350">
        <v>81.677419354838705</v>
      </c>
      <c r="AY2350">
        <v>59.5</v>
      </c>
      <c r="AZ2350">
        <v>112</v>
      </c>
      <c r="BA2350">
        <v>0.48584409933659722</v>
      </c>
      <c r="BB2350">
        <v>0.5625</v>
      </c>
      <c r="BC2350">
        <v>3.25511051272774</v>
      </c>
      <c r="BD2350" t="s">
        <v>8957</v>
      </c>
      <c r="BE2350" t="s">
        <v>62</v>
      </c>
    </row>
    <row r="2351" spans="1:57" x14ac:dyDescent="0.3">
      <c r="A2351" t="s">
        <v>8958</v>
      </c>
      <c r="B2351">
        <v>2386</v>
      </c>
      <c r="C2351" t="s">
        <v>8959</v>
      </c>
      <c r="D2351" t="s">
        <v>8960</v>
      </c>
      <c r="E2351" t="s">
        <v>128</v>
      </c>
      <c r="F2351">
        <v>32</v>
      </c>
      <c r="G2351">
        <v>131.5</v>
      </c>
      <c r="H2351">
        <v>130.5</v>
      </c>
      <c r="I2351">
        <v>5128.8125</v>
      </c>
      <c r="J2351">
        <v>71.615728021154681</v>
      </c>
      <c r="K2351">
        <v>8.1112216620255629E-3</v>
      </c>
      <c r="L2351">
        <v>-1.029862993084026</v>
      </c>
      <c r="M2351">
        <v>4.9375</v>
      </c>
      <c r="N2351">
        <v>2</v>
      </c>
      <c r="O2351">
        <v>1</v>
      </c>
      <c r="P2351">
        <v>1</v>
      </c>
      <c r="Q2351">
        <v>0.1766846959694085</v>
      </c>
      <c r="R2351">
        <v>3.422414204014729</v>
      </c>
      <c r="S2351">
        <v>1</v>
      </c>
      <c r="T2351">
        <v>1</v>
      </c>
      <c r="U2351">
        <v>0</v>
      </c>
      <c r="V2351">
        <v>0</v>
      </c>
      <c r="W2351">
        <v>3.4339872044851458</v>
      </c>
      <c r="X2351">
        <v>1</v>
      </c>
      <c r="Y2351">
        <v>1</v>
      </c>
      <c r="Z2351">
        <v>0</v>
      </c>
      <c r="AA2351">
        <v>0</v>
      </c>
      <c r="AB2351">
        <v>3.401197381662155</v>
      </c>
      <c r="AC2351">
        <v>1</v>
      </c>
      <c r="AD2351">
        <v>1</v>
      </c>
      <c r="AE2351">
        <v>0</v>
      </c>
      <c r="AF2351">
        <v>0</v>
      </c>
      <c r="AG2351">
        <v>3.3672958299864728</v>
      </c>
      <c r="AH2351">
        <v>-0.16596647615797999</v>
      </c>
      <c r="AI2351">
        <v>-0.22991128550712281</v>
      </c>
      <c r="AJ2351">
        <v>-0.21064665309952349</v>
      </c>
      <c r="AK2351">
        <v>-0.13367190260903469</v>
      </c>
      <c r="AL2351">
        <v>504.34447463561798</v>
      </c>
      <c r="AM2351">
        <v>680.52233681527491</v>
      </c>
      <c r="AN2351">
        <v>4208</v>
      </c>
      <c r="AO2351">
        <v>122.8977729168364</v>
      </c>
      <c r="AP2351">
        <v>352.65916716457332</v>
      </c>
      <c r="AQ2351">
        <v>1.65625</v>
      </c>
      <c r="AR2351">
        <v>3.75</v>
      </c>
      <c r="AS2351">
        <v>32</v>
      </c>
      <c r="AT2351">
        <v>0.93749999999999978</v>
      </c>
      <c r="AU2351">
        <v>6.9749999999999979E-2</v>
      </c>
      <c r="AV2351">
        <v>-0.1672692508728853</v>
      </c>
      <c r="AW2351">
        <v>0.34375</v>
      </c>
      <c r="AX2351">
        <v>99</v>
      </c>
      <c r="AY2351">
        <v>57</v>
      </c>
      <c r="AZ2351">
        <v>110</v>
      </c>
      <c r="BA2351">
        <v>0.54460629673881888</v>
      </c>
      <c r="BB2351">
        <v>0.5</v>
      </c>
      <c r="BC2351">
        <v>3.3445488586064429</v>
      </c>
      <c r="BD2351" t="s">
        <v>8961</v>
      </c>
      <c r="BE2351" t="s">
        <v>62</v>
      </c>
    </row>
    <row r="2352" spans="1:57" x14ac:dyDescent="0.3">
      <c r="A2352" t="s">
        <v>8962</v>
      </c>
      <c r="B2352">
        <v>2107</v>
      </c>
      <c r="C2352" t="s">
        <v>8963</v>
      </c>
      <c r="D2352" t="s">
        <v>8964</v>
      </c>
      <c r="E2352" t="s">
        <v>72</v>
      </c>
      <c r="F2352">
        <v>2112</v>
      </c>
      <c r="G2352">
        <v>126.96875</v>
      </c>
      <c r="H2352">
        <v>127</v>
      </c>
      <c r="I2352">
        <v>5367.394856770833</v>
      </c>
      <c r="J2352">
        <v>73.26250648708951</v>
      </c>
      <c r="K2352">
        <v>-3.5359906965719718E-4</v>
      </c>
      <c r="L2352">
        <v>-1.20494007037961</v>
      </c>
      <c r="M2352">
        <v>7.9170255932671321</v>
      </c>
      <c r="N2352">
        <v>18</v>
      </c>
      <c r="O2352">
        <v>2</v>
      </c>
      <c r="P2352">
        <v>16</v>
      </c>
      <c r="Q2352">
        <v>2.8020639714324869</v>
      </c>
      <c r="R2352">
        <v>5.4876639683940516</v>
      </c>
      <c r="S2352">
        <v>3</v>
      </c>
      <c r="T2352">
        <v>1</v>
      </c>
      <c r="U2352">
        <v>2</v>
      </c>
      <c r="V2352">
        <v>0.1539324247481571</v>
      </c>
      <c r="W2352">
        <v>7.6231475653862111</v>
      </c>
      <c r="X2352">
        <v>2</v>
      </c>
      <c r="Y2352">
        <v>1</v>
      </c>
      <c r="Z2352">
        <v>1</v>
      </c>
      <c r="AA2352">
        <v>9.2358941805571429E-2</v>
      </c>
      <c r="AB2352">
        <v>7.6426170186501334</v>
      </c>
      <c r="AC2352">
        <v>2</v>
      </c>
      <c r="AD2352">
        <v>1</v>
      </c>
      <c r="AE2352">
        <v>1</v>
      </c>
      <c r="AF2352">
        <v>8.4332737265108523E-2</v>
      </c>
      <c r="AG2352">
        <v>7.644109334382617</v>
      </c>
      <c r="AH2352">
        <v>3.1633343972110782E-2</v>
      </c>
      <c r="AI2352">
        <v>5.3475833566749356E-3</v>
      </c>
      <c r="AJ2352">
        <v>1.910756051342289E-2</v>
      </c>
      <c r="AK2352">
        <v>7.5973551513081406E-3</v>
      </c>
      <c r="AL2352">
        <v>3089.1821050380158</v>
      </c>
      <c r="AM2352">
        <v>5986.7000861837796</v>
      </c>
      <c r="AN2352">
        <v>268158</v>
      </c>
      <c r="AO2352">
        <v>76.305946472588559</v>
      </c>
      <c r="AP2352">
        <v>2775.6099390209579</v>
      </c>
      <c r="AQ2352">
        <v>1.010890151515152</v>
      </c>
      <c r="AR2352">
        <v>3.955018939393939</v>
      </c>
      <c r="AS2352">
        <v>2107</v>
      </c>
      <c r="AT2352">
        <v>243.6363636363636</v>
      </c>
      <c r="AU2352">
        <v>1.3580659536541971E-2</v>
      </c>
      <c r="AV2352">
        <v>3.1635752416779649E-2</v>
      </c>
      <c r="AW2352">
        <v>0.37594696969696972</v>
      </c>
      <c r="AX2352">
        <v>83.386072951207964</v>
      </c>
      <c r="AY2352">
        <v>64</v>
      </c>
      <c r="AZ2352">
        <v>128</v>
      </c>
      <c r="BA2352">
        <v>0.57701211114616402</v>
      </c>
      <c r="BB2352">
        <v>0.5023674242424242</v>
      </c>
      <c r="BC2352">
        <v>5.2672575525557992</v>
      </c>
      <c r="BD2352" t="s">
        <v>8965</v>
      </c>
      <c r="BE2352" t="s">
        <v>62</v>
      </c>
    </row>
    <row r="2353" spans="1:57" x14ac:dyDescent="0.3">
      <c r="A2353" t="s">
        <v>8966</v>
      </c>
      <c r="B2353">
        <v>1153</v>
      </c>
      <c r="C2353" t="s">
        <v>8967</v>
      </c>
      <c r="D2353" t="s">
        <v>8968</v>
      </c>
      <c r="E2353" t="s">
        <v>66</v>
      </c>
      <c r="F2353">
        <v>71</v>
      </c>
      <c r="G2353">
        <v>117.91549295774649</v>
      </c>
      <c r="H2353">
        <v>114</v>
      </c>
      <c r="I2353">
        <v>5967.8238444753006</v>
      </c>
      <c r="J2353">
        <v>77.251691531482351</v>
      </c>
      <c r="K2353">
        <v>0.13999222410853901</v>
      </c>
      <c r="L2353">
        <v>-1.242700203244824</v>
      </c>
      <c r="M2353">
        <v>5.885593774403783</v>
      </c>
      <c r="N2353">
        <v>3</v>
      </c>
      <c r="O2353">
        <v>1</v>
      </c>
      <c r="P2353">
        <v>2</v>
      </c>
      <c r="Q2353">
        <v>0.39540808619778262</v>
      </c>
      <c r="R2353">
        <v>4.079582730649153</v>
      </c>
      <c r="S2353">
        <v>1</v>
      </c>
      <c r="T2353">
        <v>1</v>
      </c>
      <c r="U2353">
        <v>0</v>
      </c>
      <c r="V2353">
        <v>0</v>
      </c>
      <c r="W2353">
        <v>4.2484952420493576</v>
      </c>
      <c r="X2353">
        <v>1</v>
      </c>
      <c r="Y2353">
        <v>1</v>
      </c>
      <c r="Z2353">
        <v>0</v>
      </c>
      <c r="AA2353">
        <v>0</v>
      </c>
      <c r="AB2353">
        <v>4.2341065045972579</v>
      </c>
      <c r="AC2353">
        <v>1</v>
      </c>
      <c r="AD2353">
        <v>1</v>
      </c>
      <c r="AE2353">
        <v>0</v>
      </c>
      <c r="AF2353">
        <v>0</v>
      </c>
      <c r="AG2353">
        <v>4.2195077051761087</v>
      </c>
      <c r="AH2353">
        <v>0.26726139958907269</v>
      </c>
      <c r="AI2353">
        <v>-1.903665807127115E-2</v>
      </c>
      <c r="AJ2353">
        <v>-0.14570671042924321</v>
      </c>
      <c r="AK2353">
        <v>-4.494934384693873E-2</v>
      </c>
      <c r="AL2353">
        <v>677.91604423828062</v>
      </c>
      <c r="AM2353">
        <v>975.36343839838548</v>
      </c>
      <c r="AN2353">
        <v>8372</v>
      </c>
      <c r="AO2353">
        <v>32.996757149529671</v>
      </c>
      <c r="AP2353">
        <v>470.75899732418333</v>
      </c>
      <c r="AQ2353">
        <v>1.323943661971831</v>
      </c>
      <c r="AR2353">
        <v>3.746478873239437</v>
      </c>
      <c r="AS2353">
        <v>71</v>
      </c>
      <c r="AT2353">
        <v>8.4647887323943607</v>
      </c>
      <c r="AU2353">
        <v>0.1013302034428795</v>
      </c>
      <c r="AV2353">
        <v>0.26900144918214969</v>
      </c>
      <c r="AW2353">
        <v>0.36619718309859162</v>
      </c>
      <c r="AX2353">
        <v>74.7</v>
      </c>
      <c r="AY2353">
        <v>71</v>
      </c>
      <c r="AZ2353">
        <v>139</v>
      </c>
      <c r="BA2353">
        <v>0.65514454117716758</v>
      </c>
      <c r="BB2353">
        <v>0.47887323943661969</v>
      </c>
      <c r="BC2353">
        <v>3.9439571911841749</v>
      </c>
      <c r="BD2353" t="s">
        <v>8969</v>
      </c>
      <c r="BE2353" t="s">
        <v>68</v>
      </c>
    </row>
    <row r="2354" spans="1:57" x14ac:dyDescent="0.3">
      <c r="A2354" t="s">
        <v>8970</v>
      </c>
      <c r="B2354">
        <v>3497</v>
      </c>
      <c r="C2354" t="s">
        <v>8971</v>
      </c>
      <c r="D2354" t="s">
        <v>8972</v>
      </c>
      <c r="E2354" t="s">
        <v>93</v>
      </c>
      <c r="F2354">
        <v>3501</v>
      </c>
      <c r="G2354">
        <v>128.81462439303061</v>
      </c>
      <c r="H2354">
        <v>130</v>
      </c>
      <c r="I2354">
        <v>5511.4889149474666</v>
      </c>
      <c r="J2354">
        <v>74.239402711413746</v>
      </c>
      <c r="K2354">
        <v>-3.1532900152381201E-2</v>
      </c>
      <c r="L2354">
        <v>-1.202963057729264</v>
      </c>
      <c r="M2354">
        <v>7.9418403894696619</v>
      </c>
      <c r="N2354">
        <v>28</v>
      </c>
      <c r="O2354">
        <v>4</v>
      </c>
      <c r="P2354">
        <v>24</v>
      </c>
      <c r="Q2354">
        <v>3.8467162557366299</v>
      </c>
      <c r="R2354">
        <v>5.5048642744179936</v>
      </c>
      <c r="S2354">
        <v>3</v>
      </c>
      <c r="T2354">
        <v>1</v>
      </c>
      <c r="U2354">
        <v>2</v>
      </c>
      <c r="V2354">
        <v>0.16741302829734081</v>
      </c>
      <c r="W2354">
        <v>8.1236300115762674</v>
      </c>
      <c r="X2354">
        <v>1</v>
      </c>
      <c r="Y2354">
        <v>1</v>
      </c>
      <c r="Z2354">
        <v>0</v>
      </c>
      <c r="AA2354">
        <v>0</v>
      </c>
      <c r="AB2354">
        <v>8.1602324923676868</v>
      </c>
      <c r="AC2354">
        <v>1</v>
      </c>
      <c r="AD2354">
        <v>1</v>
      </c>
      <c r="AE2354">
        <v>0</v>
      </c>
      <c r="AF2354">
        <v>0</v>
      </c>
      <c r="AG2354">
        <v>8.1599466555785494</v>
      </c>
      <c r="AH2354">
        <v>-5.2443861375872838E-3</v>
      </c>
      <c r="AI2354">
        <v>9.7892989973977444E-3</v>
      </c>
      <c r="AJ2354">
        <v>-1.151552454870417E-2</v>
      </c>
      <c r="AK2354">
        <v>1.379007632678027E-2</v>
      </c>
      <c r="AL2354">
        <v>4009.8071968280428</v>
      </c>
      <c r="AM2354">
        <v>7830.0694916626398</v>
      </c>
      <c r="AN2354">
        <v>450980</v>
      </c>
      <c r="AO2354">
        <v>46.219310927029063</v>
      </c>
      <c r="AP2354">
        <v>3620.8369947424399</v>
      </c>
      <c r="AQ2354">
        <v>1.0065695515566979</v>
      </c>
      <c r="AR2354">
        <v>4.0125678377606402</v>
      </c>
      <c r="AS2354">
        <v>3482</v>
      </c>
      <c r="AT2354">
        <v>276.99257355041408</v>
      </c>
      <c r="AU2354">
        <v>1.577364450493135E-2</v>
      </c>
      <c r="AV2354">
        <v>-5.2446574331555156E-3</v>
      </c>
      <c r="AW2354">
        <v>0.3578977435018566</v>
      </c>
      <c r="AX2354">
        <v>86.684571428571431</v>
      </c>
      <c r="AY2354">
        <v>65</v>
      </c>
      <c r="AZ2354">
        <v>130</v>
      </c>
      <c r="BA2354">
        <v>0.57632744000323632</v>
      </c>
      <c r="BB2354">
        <v>0.50842616395315621</v>
      </c>
      <c r="BC2354">
        <v>5.3230053920281319</v>
      </c>
      <c r="BD2354" t="s">
        <v>8973</v>
      </c>
      <c r="BE2354" t="s">
        <v>68</v>
      </c>
    </row>
    <row r="2355" spans="1:57" x14ac:dyDescent="0.3">
      <c r="A2355" t="s">
        <v>8974</v>
      </c>
      <c r="B2355">
        <v>3116</v>
      </c>
      <c r="C2355" t="s">
        <v>8975</v>
      </c>
      <c r="D2355" t="s">
        <v>8976</v>
      </c>
      <c r="E2355" t="s">
        <v>115</v>
      </c>
      <c r="F2355">
        <v>3184</v>
      </c>
      <c r="G2355">
        <v>127.0882537688442</v>
      </c>
      <c r="H2355">
        <v>128</v>
      </c>
      <c r="I2355">
        <v>5489.0358670511796</v>
      </c>
      <c r="J2355">
        <v>74.088027825359063</v>
      </c>
      <c r="K2355">
        <v>-1.0233625960605151E-2</v>
      </c>
      <c r="L2355">
        <v>-1.20943088390644</v>
      </c>
      <c r="M2355">
        <v>7.935246383524043</v>
      </c>
      <c r="N2355">
        <v>26</v>
      </c>
      <c r="O2355">
        <v>4</v>
      </c>
      <c r="P2355">
        <v>22</v>
      </c>
      <c r="Q2355">
        <v>3.710731902199349</v>
      </c>
      <c r="R2355">
        <v>5.5002936577881929</v>
      </c>
      <c r="S2355">
        <v>4</v>
      </c>
      <c r="T2355">
        <v>1</v>
      </c>
      <c r="U2355">
        <v>3</v>
      </c>
      <c r="V2355">
        <v>0.16456335608214401</v>
      </c>
      <c r="W2355">
        <v>8.0317147832061391</v>
      </c>
      <c r="X2355">
        <v>1</v>
      </c>
      <c r="Y2355">
        <v>1</v>
      </c>
      <c r="Z2355">
        <v>0</v>
      </c>
      <c r="AA2355">
        <v>0</v>
      </c>
      <c r="AB2355">
        <v>8.065265208897733</v>
      </c>
      <c r="AC2355">
        <v>1</v>
      </c>
      <c r="AD2355">
        <v>1</v>
      </c>
      <c r="AE2355">
        <v>0</v>
      </c>
      <c r="AF2355">
        <v>0</v>
      </c>
      <c r="AG2355">
        <v>8.0649508917491417</v>
      </c>
      <c r="AH2355">
        <v>1.347564399444027E-2</v>
      </c>
      <c r="AI2355">
        <v>8.0117241928984208E-3</v>
      </c>
      <c r="AJ2355">
        <v>1.1908813083344681E-2</v>
      </c>
      <c r="AK2355">
        <v>-1.9943820674105518E-3</v>
      </c>
      <c r="AL2355">
        <v>3830.5342151532518</v>
      </c>
      <c r="AM2355">
        <v>7364.1179123191832</v>
      </c>
      <c r="AN2355">
        <v>404649</v>
      </c>
      <c r="AO2355">
        <v>137.6814141097631</v>
      </c>
      <c r="AP2355">
        <v>3445.2359828545218</v>
      </c>
      <c r="AQ2355">
        <v>1.0072236180904519</v>
      </c>
      <c r="AR2355">
        <v>3.9987437185929648</v>
      </c>
      <c r="AS2355">
        <v>3168</v>
      </c>
      <c r="AT2355">
        <v>283.4170854271357</v>
      </c>
      <c r="AU2355">
        <v>1.4878313134298941E-2</v>
      </c>
      <c r="AV2355">
        <v>1.347971282967546E-2</v>
      </c>
      <c r="AW2355">
        <v>0.36023869346733672</v>
      </c>
      <c r="AX2355">
        <v>85.326735783851717</v>
      </c>
      <c r="AY2355">
        <v>64</v>
      </c>
      <c r="AZ2355">
        <v>127.25</v>
      </c>
      <c r="BA2355">
        <v>0.58296518858552293</v>
      </c>
      <c r="BB2355">
        <v>0.50251256281407031</v>
      </c>
      <c r="BC2355">
        <v>5.3203054302666306</v>
      </c>
      <c r="BD2355" t="s">
        <v>8977</v>
      </c>
      <c r="BE2355" t="s">
        <v>62</v>
      </c>
    </row>
    <row r="2356" spans="1:57" x14ac:dyDescent="0.3">
      <c r="A2356" t="s">
        <v>8978</v>
      </c>
      <c r="B2356">
        <v>1990</v>
      </c>
      <c r="C2356" t="s">
        <v>8979</v>
      </c>
      <c r="D2356" t="s">
        <v>8980</v>
      </c>
      <c r="E2356" t="s">
        <v>85</v>
      </c>
      <c r="F2356">
        <v>8</v>
      </c>
      <c r="G2356">
        <v>136.25</v>
      </c>
      <c r="H2356">
        <v>123</v>
      </c>
      <c r="I2356">
        <v>5185.1875</v>
      </c>
      <c r="J2356">
        <v>72.00824605557338</v>
      </c>
      <c r="K2356">
        <v>0.3266968409229184</v>
      </c>
      <c r="L2356">
        <v>-1.1544509297673551</v>
      </c>
      <c r="M2356">
        <v>3</v>
      </c>
      <c r="N2356">
        <v>1</v>
      </c>
      <c r="O2356">
        <v>1</v>
      </c>
      <c r="P2356">
        <v>0</v>
      </c>
      <c r="Q2356">
        <v>0</v>
      </c>
      <c r="R2356">
        <v>2.0794415416798362</v>
      </c>
      <c r="S2356">
        <v>1</v>
      </c>
      <c r="T2356">
        <v>1</v>
      </c>
      <c r="U2356">
        <v>0</v>
      </c>
      <c r="V2356">
        <v>0</v>
      </c>
      <c r="W2356">
        <v>1.945910149055313</v>
      </c>
      <c r="X2356">
        <v>1</v>
      </c>
      <c r="Y2356">
        <v>1</v>
      </c>
      <c r="Z2356">
        <v>0</v>
      </c>
      <c r="AA2356">
        <v>0</v>
      </c>
      <c r="AB2356">
        <v>1.791759469228055</v>
      </c>
      <c r="AC2356">
        <v>1</v>
      </c>
      <c r="AD2356">
        <v>1</v>
      </c>
      <c r="AE2356">
        <v>0</v>
      </c>
      <c r="AF2356">
        <v>0</v>
      </c>
      <c r="AG2356">
        <v>1.6094379124341009</v>
      </c>
      <c r="AH2356">
        <v>-0.72648801272856578</v>
      </c>
      <c r="AI2356">
        <v>0.50287778889384427</v>
      </c>
      <c r="AJ2356">
        <v>8.460850017477671E-2</v>
      </c>
      <c r="AK2356">
        <v>0</v>
      </c>
      <c r="AL2356">
        <v>307.66856919020501</v>
      </c>
      <c r="AM2356">
        <v>308.76212774958663</v>
      </c>
      <c r="AN2356">
        <v>1090</v>
      </c>
      <c r="AO2356">
        <v>106.62082348209471</v>
      </c>
      <c r="AP2356">
        <v>196.02672663936269</v>
      </c>
      <c r="AQ2356">
        <v>3.5</v>
      </c>
      <c r="AR2356">
        <v>3.75</v>
      </c>
      <c r="AS2356">
        <v>8</v>
      </c>
      <c r="AT2356">
        <v>0</v>
      </c>
      <c r="AU2356">
        <v>0.25</v>
      </c>
      <c r="AV2356">
        <v>-0.89661429073015231</v>
      </c>
      <c r="AW2356">
        <v>0.5</v>
      </c>
      <c r="AX2356">
        <v>117.8571428571429</v>
      </c>
      <c r="AY2356">
        <v>44</v>
      </c>
      <c r="AZ2356">
        <v>88.5</v>
      </c>
      <c r="BA2356">
        <v>0.52850088848127252</v>
      </c>
      <c r="BB2356">
        <v>0.5</v>
      </c>
      <c r="BC2356">
        <v>1.945910149055313</v>
      </c>
      <c r="BD2356" t="s">
        <v>8979</v>
      </c>
      <c r="BE2356" t="s">
        <v>68</v>
      </c>
    </row>
    <row r="2357" spans="1:57" x14ac:dyDescent="0.3">
      <c r="A2357" t="s">
        <v>8981</v>
      </c>
      <c r="B2357">
        <v>1662</v>
      </c>
      <c r="C2357" t="s">
        <v>8982</v>
      </c>
      <c r="D2357" t="s">
        <v>8983</v>
      </c>
      <c r="E2357" t="s">
        <v>115</v>
      </c>
      <c r="F2357">
        <v>1710</v>
      </c>
      <c r="G2357">
        <v>126.5309941520468</v>
      </c>
      <c r="H2357">
        <v>127</v>
      </c>
      <c r="I2357">
        <v>5505.7496241578601</v>
      </c>
      <c r="J2357">
        <v>74.200738703586097</v>
      </c>
      <c r="K2357">
        <v>8.8627698014404673E-3</v>
      </c>
      <c r="L2357">
        <v>-1.237054643744222</v>
      </c>
      <c r="M2357">
        <v>7.8751283184593568</v>
      </c>
      <c r="N2357">
        <v>15</v>
      </c>
      <c r="O2357">
        <v>1</v>
      </c>
      <c r="P2357">
        <v>14</v>
      </c>
      <c r="Q2357">
        <v>2.72169293946753</v>
      </c>
      <c r="R2357">
        <v>5.4586229904878776</v>
      </c>
      <c r="S2357">
        <v>2</v>
      </c>
      <c r="T2357">
        <v>1</v>
      </c>
      <c r="U2357">
        <v>1</v>
      </c>
      <c r="V2357">
        <v>0.11599852644686059</v>
      </c>
      <c r="W2357">
        <v>7.4250067080975919</v>
      </c>
      <c r="X2357">
        <v>1</v>
      </c>
      <c r="Y2357">
        <v>1</v>
      </c>
      <c r="Z2357">
        <v>0</v>
      </c>
      <c r="AA2357">
        <v>0</v>
      </c>
      <c r="AB2357">
        <v>7.4430783743485129</v>
      </c>
      <c r="AC2357">
        <v>1</v>
      </c>
      <c r="AD2357">
        <v>1</v>
      </c>
      <c r="AE2357">
        <v>0</v>
      </c>
      <c r="AF2357">
        <v>0</v>
      </c>
      <c r="AG2357">
        <v>7.4424927227944417</v>
      </c>
      <c r="AH2357">
        <v>8.0710072868422356E-3</v>
      </c>
      <c r="AI2357">
        <v>-4.071843983031144E-2</v>
      </c>
      <c r="AJ2357">
        <v>-4.2663839002158123E-2</v>
      </c>
      <c r="AK2357">
        <v>-4.26408707358681E-3</v>
      </c>
      <c r="AL2357">
        <v>2837.684510613668</v>
      </c>
      <c r="AM2357">
        <v>5360.9361699448782</v>
      </c>
      <c r="AN2357">
        <v>216368</v>
      </c>
      <c r="AO2357">
        <v>72.0078360008293</v>
      </c>
      <c r="AP2357">
        <v>2530.699823016892</v>
      </c>
      <c r="AQ2357">
        <v>1.0134502923976609</v>
      </c>
      <c r="AR2357">
        <v>3.9777777777777779</v>
      </c>
      <c r="AS2357">
        <v>1702</v>
      </c>
      <c r="AT2357">
        <v>281.68421052631572</v>
      </c>
      <c r="AU2357">
        <v>1.8851049191606462E-2</v>
      </c>
      <c r="AV2357">
        <v>8.077302231148881E-3</v>
      </c>
      <c r="AW2357">
        <v>0.36900584795321639</v>
      </c>
      <c r="AX2357">
        <v>85.379169104739617</v>
      </c>
      <c r="AY2357">
        <v>66</v>
      </c>
      <c r="AZ2357">
        <v>132.5</v>
      </c>
      <c r="BA2357">
        <v>0.58642342297905525</v>
      </c>
      <c r="BB2357">
        <v>0.50058479532163747</v>
      </c>
      <c r="BC2357">
        <v>5.2851094087548542</v>
      </c>
      <c r="BD2357" t="s">
        <v>8984</v>
      </c>
      <c r="BE2357" t="s">
        <v>68</v>
      </c>
    </row>
    <row r="2358" spans="1:57" x14ac:dyDescent="0.3">
      <c r="A2358" t="s">
        <v>8985</v>
      </c>
      <c r="B2358">
        <v>2841</v>
      </c>
      <c r="C2358" t="s">
        <v>8986</v>
      </c>
      <c r="D2358" t="s">
        <v>8987</v>
      </c>
      <c r="E2358" t="s">
        <v>106</v>
      </c>
      <c r="F2358">
        <v>2881</v>
      </c>
      <c r="G2358">
        <v>128.95348837209301</v>
      </c>
      <c r="H2358">
        <v>130</v>
      </c>
      <c r="I2358">
        <v>5409.978398973225</v>
      </c>
      <c r="J2358">
        <v>73.552555353116219</v>
      </c>
      <c r="K2358">
        <v>-2.520017557929621E-2</v>
      </c>
      <c r="L2358">
        <v>-1.1738974816000221</v>
      </c>
      <c r="M2358">
        <v>7.9349861604828122</v>
      </c>
      <c r="N2358">
        <v>20</v>
      </c>
      <c r="O2358">
        <v>2</v>
      </c>
      <c r="P2358">
        <v>18</v>
      </c>
      <c r="Q2358">
        <v>3.308662927257918</v>
      </c>
      <c r="R2358">
        <v>5.5001132849208458</v>
      </c>
      <c r="S2358">
        <v>2</v>
      </c>
      <c r="T2358">
        <v>1</v>
      </c>
      <c r="U2358">
        <v>1</v>
      </c>
      <c r="V2358">
        <v>0.16131661100533001</v>
      </c>
      <c r="W2358">
        <v>7.9294441574758299</v>
      </c>
      <c r="X2358">
        <v>2</v>
      </c>
      <c r="Y2358">
        <v>1</v>
      </c>
      <c r="Z2358">
        <v>1</v>
      </c>
      <c r="AA2358">
        <v>1.8637134582215269E-2</v>
      </c>
      <c r="AB2358">
        <v>7.9647167712092157</v>
      </c>
      <c r="AC2358">
        <v>1</v>
      </c>
      <c r="AD2358">
        <v>1</v>
      </c>
      <c r="AE2358">
        <v>0</v>
      </c>
      <c r="AF2358">
        <v>0</v>
      </c>
      <c r="AG2358">
        <v>7.9648508874473123</v>
      </c>
      <c r="AH2358">
        <v>5.8913059627433611E-3</v>
      </c>
      <c r="AI2358">
        <v>2.5631265615373051E-2</v>
      </c>
      <c r="AJ2358">
        <v>-1.5638756153345229E-2</v>
      </c>
      <c r="AK2358">
        <v>-6.1012345053081223E-3</v>
      </c>
      <c r="AL2358">
        <v>3628.7090046269859</v>
      </c>
      <c r="AM2358">
        <v>7094.1365901523932</v>
      </c>
      <c r="AN2358">
        <v>371515</v>
      </c>
      <c r="AO2358">
        <v>69.936765342345169</v>
      </c>
      <c r="AP2358">
        <v>3295.921242044391</v>
      </c>
      <c r="AQ2358">
        <v>1.0079833391183619</v>
      </c>
      <c r="AR2358">
        <v>4.0114543561263449</v>
      </c>
      <c r="AS2358">
        <v>2872</v>
      </c>
      <c r="AT2358">
        <v>249.02429711905589</v>
      </c>
      <c r="AU2358">
        <v>1.6976676126889471E-2</v>
      </c>
      <c r="AV2358">
        <v>5.892924481073346E-3</v>
      </c>
      <c r="AW2358">
        <v>0.36653939604304059</v>
      </c>
      <c r="AX2358">
        <v>84.64791666666666</v>
      </c>
      <c r="AY2358">
        <v>62</v>
      </c>
      <c r="AZ2358">
        <v>126</v>
      </c>
      <c r="BA2358">
        <v>0.57038050138575247</v>
      </c>
      <c r="BB2358">
        <v>0.50572717806317247</v>
      </c>
      <c r="BC2358">
        <v>5.3028960983386426</v>
      </c>
      <c r="BD2358" t="s">
        <v>8988</v>
      </c>
      <c r="BE2358" t="s">
        <v>68</v>
      </c>
    </row>
    <row r="2359" spans="1:57" x14ac:dyDescent="0.3">
      <c r="A2359" t="s">
        <v>8989</v>
      </c>
      <c r="B2359">
        <v>3614</v>
      </c>
      <c r="C2359" t="s">
        <v>8990</v>
      </c>
      <c r="D2359" t="s">
        <v>8991</v>
      </c>
      <c r="E2359" t="s">
        <v>66</v>
      </c>
      <c r="F2359">
        <v>70</v>
      </c>
      <c r="G2359">
        <v>121.1857142857143</v>
      </c>
      <c r="H2359">
        <v>111</v>
      </c>
      <c r="I2359">
        <v>5215.5226530612244</v>
      </c>
      <c r="J2359">
        <v>72.218575540239129</v>
      </c>
      <c r="K2359">
        <v>0.189773756866111</v>
      </c>
      <c r="L2359">
        <v>-1.1781950878505161</v>
      </c>
      <c r="M2359">
        <v>5.7756417669140623</v>
      </c>
      <c r="N2359">
        <v>3</v>
      </c>
      <c r="O2359">
        <v>1</v>
      </c>
      <c r="P2359">
        <v>2</v>
      </c>
      <c r="Q2359">
        <v>0.44561544770069261</v>
      </c>
      <c r="R2359">
        <v>4.0033698066607419</v>
      </c>
      <c r="S2359">
        <v>2</v>
      </c>
      <c r="T2359">
        <v>1</v>
      </c>
      <c r="U2359">
        <v>1</v>
      </c>
      <c r="V2359">
        <v>0.1203728348804772</v>
      </c>
      <c r="W2359">
        <v>4.2140152819723324</v>
      </c>
      <c r="X2359">
        <v>1</v>
      </c>
      <c r="Y2359">
        <v>1</v>
      </c>
      <c r="Z2359">
        <v>0</v>
      </c>
      <c r="AA2359">
        <v>0</v>
      </c>
      <c r="AB2359">
        <v>4.2195077051761087</v>
      </c>
      <c r="AC2359">
        <v>1</v>
      </c>
      <c r="AD2359">
        <v>1</v>
      </c>
      <c r="AE2359">
        <v>0</v>
      </c>
      <c r="AF2359">
        <v>0</v>
      </c>
      <c r="AG2359">
        <v>4.2046926193909648</v>
      </c>
      <c r="AH2359">
        <v>9.616593831554425E-2</v>
      </c>
      <c r="AI2359">
        <v>-0.27116901264914922</v>
      </c>
      <c r="AJ2359">
        <v>0.128846692319737</v>
      </c>
      <c r="AK2359">
        <v>0.1566671349369082</v>
      </c>
      <c r="AL2359">
        <v>647.10376193701359</v>
      </c>
      <c r="AM2359">
        <v>987.09762500320335</v>
      </c>
      <c r="AN2359">
        <v>8483</v>
      </c>
      <c r="AO2359">
        <v>79.897049714378937</v>
      </c>
      <c r="AP2359">
        <v>517.53487479451769</v>
      </c>
      <c r="AQ2359">
        <v>1.328571428571429</v>
      </c>
      <c r="AR2359">
        <v>3.8857142857142861</v>
      </c>
      <c r="AS2359">
        <v>70</v>
      </c>
      <c r="AT2359">
        <v>9.5428571428571445</v>
      </c>
      <c r="AU2359">
        <v>7.9541446208112876E-2</v>
      </c>
      <c r="AV2359">
        <v>9.8504516591764027E-2</v>
      </c>
      <c r="AW2359">
        <v>0.48571428571428571</v>
      </c>
      <c r="AX2359">
        <v>75.275362318840578</v>
      </c>
      <c r="AY2359">
        <v>59.5</v>
      </c>
      <c r="AZ2359">
        <v>138.5</v>
      </c>
      <c r="BA2359">
        <v>0.59593307648434979</v>
      </c>
      <c r="BB2359">
        <v>0.44285714285714278</v>
      </c>
      <c r="BC2359">
        <v>3.970261913804038</v>
      </c>
      <c r="BD2359" t="s">
        <v>8992</v>
      </c>
      <c r="BE2359" t="s">
        <v>68</v>
      </c>
    </row>
    <row r="2360" spans="1:57" x14ac:dyDescent="0.3">
      <c r="A2360" t="s">
        <v>8993</v>
      </c>
      <c r="B2360">
        <v>3055</v>
      </c>
      <c r="C2360" t="s">
        <v>8994</v>
      </c>
      <c r="D2360" t="s">
        <v>8995</v>
      </c>
      <c r="E2360" t="s">
        <v>93</v>
      </c>
      <c r="F2360">
        <v>3055</v>
      </c>
      <c r="G2360">
        <v>125.8772504091653</v>
      </c>
      <c r="H2360">
        <v>125</v>
      </c>
      <c r="I2360">
        <v>5393.6291223906501</v>
      </c>
      <c r="J2360">
        <v>73.441331158896148</v>
      </c>
      <c r="K2360">
        <v>8.6947896974095083E-3</v>
      </c>
      <c r="L2360">
        <v>-1.1847234941887219</v>
      </c>
      <c r="M2360">
        <v>7.9358686811464692</v>
      </c>
      <c r="N2360">
        <v>23</v>
      </c>
      <c r="O2360">
        <v>4</v>
      </c>
      <c r="P2360">
        <v>19</v>
      </c>
      <c r="Q2360">
        <v>3.5695495458055961</v>
      </c>
      <c r="R2360">
        <v>5.5007250016306584</v>
      </c>
      <c r="S2360">
        <v>3</v>
      </c>
      <c r="T2360">
        <v>1</v>
      </c>
      <c r="U2360">
        <v>2</v>
      </c>
      <c r="V2360">
        <v>0.14923070092968849</v>
      </c>
      <c r="W2360">
        <v>7.9940769435462009</v>
      </c>
      <c r="X2360">
        <v>2</v>
      </c>
      <c r="Y2360">
        <v>1</v>
      </c>
      <c r="Z2360">
        <v>1</v>
      </c>
      <c r="AA2360">
        <v>1.80982496456638E-2</v>
      </c>
      <c r="AB2360">
        <v>8.0234259166257651</v>
      </c>
      <c r="AC2360">
        <v>1</v>
      </c>
      <c r="AD2360">
        <v>1</v>
      </c>
      <c r="AE2360">
        <v>0</v>
      </c>
      <c r="AF2360">
        <v>0</v>
      </c>
      <c r="AG2360">
        <v>8.0235523924043495</v>
      </c>
      <c r="AH2360">
        <v>3.7160739142823113E-2</v>
      </c>
      <c r="AI2360">
        <v>4.5412710215637822E-2</v>
      </c>
      <c r="AJ2360">
        <v>2.491217014450885E-2</v>
      </c>
      <c r="AK2360">
        <v>-1.5988998825973089E-2</v>
      </c>
      <c r="AL2360">
        <v>3706.5511178798001</v>
      </c>
      <c r="AM2360">
        <v>7151.6251167510163</v>
      </c>
      <c r="AN2360">
        <v>384555</v>
      </c>
      <c r="AO2360">
        <v>28.5089626767124</v>
      </c>
      <c r="AP2360">
        <v>3339.645431862331</v>
      </c>
      <c r="AQ2360">
        <v>1.007528641571195</v>
      </c>
      <c r="AR2360">
        <v>3.9600654664484449</v>
      </c>
      <c r="AS2360">
        <v>3039</v>
      </c>
      <c r="AT2360">
        <v>273.33518821603928</v>
      </c>
      <c r="AU2360">
        <v>1.7470556143897809E-2</v>
      </c>
      <c r="AV2360">
        <v>3.7178142313807762E-2</v>
      </c>
      <c r="AW2360">
        <v>0.36955810147299512</v>
      </c>
      <c r="AX2360">
        <v>83.111656843483956</v>
      </c>
      <c r="AY2360">
        <v>63</v>
      </c>
      <c r="AZ2360">
        <v>125</v>
      </c>
      <c r="BA2360">
        <v>0.5834360928616914</v>
      </c>
      <c r="BB2360">
        <v>0.49950900163666118</v>
      </c>
      <c r="BC2360">
        <v>5.29175933765391</v>
      </c>
      <c r="BD2360" t="s">
        <v>8996</v>
      </c>
      <c r="BE2360" t="s">
        <v>68</v>
      </c>
    </row>
    <row r="2361" spans="1:57" x14ac:dyDescent="0.3">
      <c r="A2361" t="s">
        <v>8997</v>
      </c>
      <c r="B2361">
        <v>1480</v>
      </c>
      <c r="C2361" t="s">
        <v>8998</v>
      </c>
      <c r="D2361" t="s">
        <v>8999</v>
      </c>
      <c r="E2361" t="s">
        <v>106</v>
      </c>
      <c r="F2361">
        <v>1508</v>
      </c>
      <c r="G2361">
        <v>128.35411140583551</v>
      </c>
      <c r="H2361">
        <v>126</v>
      </c>
      <c r="I2361">
        <v>5570.7963557753874</v>
      </c>
      <c r="J2361">
        <v>74.637767623203914</v>
      </c>
      <c r="K2361">
        <v>-4.2739692427915567E-3</v>
      </c>
      <c r="L2361">
        <v>-1.23742784545503</v>
      </c>
      <c r="M2361">
        <v>7.8683211895115264</v>
      </c>
      <c r="N2361">
        <v>15</v>
      </c>
      <c r="O2361">
        <v>1</v>
      </c>
      <c r="P2361">
        <v>14</v>
      </c>
      <c r="Q2361">
        <v>2.3834998137492529</v>
      </c>
      <c r="R2361">
        <v>5.4539046482499867</v>
      </c>
      <c r="S2361">
        <v>2</v>
      </c>
      <c r="T2361">
        <v>1</v>
      </c>
      <c r="U2361">
        <v>1</v>
      </c>
      <c r="V2361">
        <v>0.1122754403754633</v>
      </c>
      <c r="W2361">
        <v>7.300398034816757</v>
      </c>
      <c r="X2361">
        <v>1</v>
      </c>
      <c r="Y2361">
        <v>1</v>
      </c>
      <c r="Z2361">
        <v>0</v>
      </c>
      <c r="AA2361">
        <v>0</v>
      </c>
      <c r="AB2361">
        <v>7.3172124083598362</v>
      </c>
      <c r="AC2361">
        <v>1</v>
      </c>
      <c r="AD2361">
        <v>1</v>
      </c>
      <c r="AE2361">
        <v>0</v>
      </c>
      <c r="AF2361">
        <v>0</v>
      </c>
      <c r="AG2361">
        <v>7.316548177182975</v>
      </c>
      <c r="AH2361">
        <v>-2.7990042794684401E-2</v>
      </c>
      <c r="AI2361">
        <v>2.9648906099975329E-2</v>
      </c>
      <c r="AJ2361">
        <v>-3.262772643406635E-3</v>
      </c>
      <c r="AK2361">
        <v>1.768121938880158E-3</v>
      </c>
      <c r="AL2361">
        <v>2681.4052222240198</v>
      </c>
      <c r="AM2361">
        <v>5104.3894869249316</v>
      </c>
      <c r="AN2361">
        <v>193558</v>
      </c>
      <c r="AO2361">
        <v>97.511124564915988</v>
      </c>
      <c r="AP2361">
        <v>2326.8919269652661</v>
      </c>
      <c r="AQ2361">
        <v>1.0152519893899199</v>
      </c>
      <c r="AR2361">
        <v>4.0371352785145884</v>
      </c>
      <c r="AS2361">
        <v>1505</v>
      </c>
      <c r="AT2361">
        <v>243.0503978779841</v>
      </c>
      <c r="AU2361">
        <v>2.7157122796067971E-2</v>
      </c>
      <c r="AV2361">
        <v>-2.799068009142805E-2</v>
      </c>
      <c r="AW2361">
        <v>0.37533156498673742</v>
      </c>
      <c r="AX2361">
        <v>87.63437292634373</v>
      </c>
      <c r="AY2361">
        <v>67</v>
      </c>
      <c r="AZ2361">
        <v>134</v>
      </c>
      <c r="BA2361">
        <v>0.58149884569891974</v>
      </c>
      <c r="BB2361">
        <v>0.48938992042440321</v>
      </c>
      <c r="BC2361">
        <v>5.2749122283337613</v>
      </c>
      <c r="BD2361" t="s">
        <v>9000</v>
      </c>
      <c r="BE2361" t="s">
        <v>68</v>
      </c>
    </row>
    <row r="2362" spans="1:57" x14ac:dyDescent="0.3">
      <c r="A2362" t="s">
        <v>9001</v>
      </c>
      <c r="B2362">
        <v>580</v>
      </c>
      <c r="C2362" t="s">
        <v>9002</v>
      </c>
      <c r="D2362" t="s">
        <v>9003</v>
      </c>
      <c r="E2362" t="s">
        <v>106</v>
      </c>
      <c r="F2362">
        <v>584</v>
      </c>
      <c r="G2362">
        <v>135.08047945205479</v>
      </c>
      <c r="H2362">
        <v>139</v>
      </c>
      <c r="I2362">
        <v>5883.1664682632763</v>
      </c>
      <c r="J2362">
        <v>76.701802249121087</v>
      </c>
      <c r="K2362">
        <v>-8.1324072773970274E-2</v>
      </c>
      <c r="L2362">
        <v>-1.3242202692502849</v>
      </c>
      <c r="M2362">
        <v>7.668647853702466</v>
      </c>
      <c r="N2362">
        <v>7</v>
      </c>
      <c r="O2362">
        <v>1</v>
      </c>
      <c r="P2362">
        <v>6</v>
      </c>
      <c r="Q2362">
        <v>1.3236708344172521</v>
      </c>
      <c r="R2362">
        <v>5.3155016385009404</v>
      </c>
      <c r="S2362">
        <v>2</v>
      </c>
      <c r="T2362">
        <v>1</v>
      </c>
      <c r="U2362">
        <v>1</v>
      </c>
      <c r="V2362">
        <v>4.1415707193106353E-2</v>
      </c>
      <c r="W2362">
        <v>6.3658093229523462</v>
      </c>
      <c r="X2362">
        <v>1</v>
      </c>
      <c r="Y2362">
        <v>1</v>
      </c>
      <c r="Z2362">
        <v>0</v>
      </c>
      <c r="AA2362">
        <v>0</v>
      </c>
      <c r="AB2362">
        <v>6.3664704477314391</v>
      </c>
      <c r="AC2362">
        <v>1</v>
      </c>
      <c r="AD2362">
        <v>1</v>
      </c>
      <c r="AE2362">
        <v>0</v>
      </c>
      <c r="AF2362">
        <v>0</v>
      </c>
      <c r="AG2362">
        <v>6.3647507568519099</v>
      </c>
      <c r="AH2362">
        <v>3.4800117746491263E-2</v>
      </c>
      <c r="AI2362">
        <v>2.46856179774914E-2</v>
      </c>
      <c r="AJ2362">
        <v>-1.903934766993326E-2</v>
      </c>
      <c r="AK2362">
        <v>-1.380247225247244E-2</v>
      </c>
      <c r="AL2362">
        <v>1770.076167440086</v>
      </c>
      <c r="AM2362">
        <v>3310.3917232648791</v>
      </c>
      <c r="AN2362">
        <v>78887</v>
      </c>
      <c r="AO2362">
        <v>35.587104846963079</v>
      </c>
      <c r="AP2362">
        <v>1515.0177474446721</v>
      </c>
      <c r="AQ2362">
        <v>1.0393835616438361</v>
      </c>
      <c r="AR2362">
        <v>4.0856164383561646</v>
      </c>
      <c r="AS2362">
        <v>581</v>
      </c>
      <c r="AT2362">
        <v>162.8767123287671</v>
      </c>
      <c r="AU2362">
        <v>8.1211388665055062E-2</v>
      </c>
      <c r="AV2362">
        <v>3.4863701616385002E-2</v>
      </c>
      <c r="AW2362">
        <v>0.36815068493150682</v>
      </c>
      <c r="AX2362">
        <v>85.653516295025725</v>
      </c>
      <c r="AY2362">
        <v>71</v>
      </c>
      <c r="AZ2362">
        <v>141</v>
      </c>
      <c r="BA2362">
        <v>0.56782299382010615</v>
      </c>
      <c r="BB2362">
        <v>0.50856164383561642</v>
      </c>
      <c r="BC2362">
        <v>5.1373469221511394</v>
      </c>
      <c r="BD2362" t="s">
        <v>9004</v>
      </c>
      <c r="BE2362" t="s">
        <v>68</v>
      </c>
    </row>
    <row r="2363" spans="1:57" x14ac:dyDescent="0.3">
      <c r="A2363" t="s">
        <v>9005</v>
      </c>
      <c r="B2363">
        <v>3455</v>
      </c>
      <c r="C2363" t="s">
        <v>9006</v>
      </c>
      <c r="D2363" t="s">
        <v>9007</v>
      </c>
      <c r="E2363" t="s">
        <v>98</v>
      </c>
      <c r="F2363">
        <v>16</v>
      </c>
      <c r="G2363">
        <v>126.625</v>
      </c>
      <c r="H2363">
        <v>119.5</v>
      </c>
      <c r="I2363">
        <v>7137.359375</v>
      </c>
      <c r="J2363">
        <v>84.482893978603741</v>
      </c>
      <c r="K2363">
        <v>6.5885505993382359E-2</v>
      </c>
      <c r="L2363">
        <v>-1.227203906583058</v>
      </c>
      <c r="M2363">
        <v>3.875</v>
      </c>
      <c r="N2363">
        <v>2</v>
      </c>
      <c r="O2363">
        <v>1</v>
      </c>
      <c r="P2363">
        <v>1</v>
      </c>
      <c r="Q2363">
        <v>0.24944382578492949</v>
      </c>
      <c r="R2363">
        <v>2.6859453246697882</v>
      </c>
      <c r="S2363">
        <v>1</v>
      </c>
      <c r="T2363">
        <v>1</v>
      </c>
      <c r="U2363">
        <v>0</v>
      </c>
      <c r="V2363">
        <v>0</v>
      </c>
      <c r="W2363">
        <v>2.7080502011022101</v>
      </c>
      <c r="X2363">
        <v>1</v>
      </c>
      <c r="Y2363">
        <v>1</v>
      </c>
      <c r="Z2363">
        <v>0</v>
      </c>
      <c r="AA2363">
        <v>0</v>
      </c>
      <c r="AB2363">
        <v>2.639057329615258</v>
      </c>
      <c r="AC2363">
        <v>1</v>
      </c>
      <c r="AD2363">
        <v>1</v>
      </c>
      <c r="AE2363">
        <v>0</v>
      </c>
      <c r="AF2363">
        <v>0</v>
      </c>
      <c r="AG2363">
        <v>2.5649493574615372</v>
      </c>
      <c r="AH2363">
        <v>-0.32924151855005901</v>
      </c>
      <c r="AI2363">
        <v>0.13850617678544461</v>
      </c>
      <c r="AJ2363">
        <v>-0.38528410695482179</v>
      </c>
      <c r="AK2363">
        <v>-2.412180844193515E-2</v>
      </c>
      <c r="AL2363">
        <v>409.62259196827961</v>
      </c>
      <c r="AM2363">
        <v>450.4989812965045</v>
      </c>
      <c r="AN2363">
        <v>2026</v>
      </c>
      <c r="AO2363">
        <v>103.24196737613779</v>
      </c>
      <c r="AP2363">
        <v>267.43947697340059</v>
      </c>
      <c r="AQ2363">
        <v>2.25</v>
      </c>
      <c r="AR2363">
        <v>4</v>
      </c>
      <c r="AS2363">
        <v>16</v>
      </c>
      <c r="AT2363">
        <v>0.87499999999999989</v>
      </c>
      <c r="AU2363">
        <v>0.1600490196078431</v>
      </c>
      <c r="AV2363">
        <v>-0.35804025963599911</v>
      </c>
      <c r="AW2363">
        <v>0.375</v>
      </c>
      <c r="AX2363">
        <v>111.8666666666667</v>
      </c>
      <c r="AY2363">
        <v>75</v>
      </c>
      <c r="AZ2363">
        <v>123.25</v>
      </c>
      <c r="BA2363">
        <v>0.66718968591197425</v>
      </c>
      <c r="BB2363">
        <v>0.4375</v>
      </c>
      <c r="BC2363">
        <v>2.7080502011022101</v>
      </c>
      <c r="BD2363" t="s">
        <v>9006</v>
      </c>
      <c r="BE2363" t="s">
        <v>62</v>
      </c>
    </row>
    <row r="2364" spans="1:57" x14ac:dyDescent="0.3">
      <c r="A2364" t="s">
        <v>9008</v>
      </c>
      <c r="B2364">
        <v>1155</v>
      </c>
      <c r="C2364" t="s">
        <v>9009</v>
      </c>
      <c r="D2364" t="s">
        <v>9010</v>
      </c>
      <c r="E2364" t="s">
        <v>115</v>
      </c>
      <c r="F2364">
        <v>1190</v>
      </c>
      <c r="G2364">
        <v>128.23193277310921</v>
      </c>
      <c r="H2364">
        <v>127.5</v>
      </c>
      <c r="I2364">
        <v>5405.6537702139694</v>
      </c>
      <c r="J2364">
        <v>73.523151253288702</v>
      </c>
      <c r="K2364">
        <v>-2.4538529222875121E-2</v>
      </c>
      <c r="L2364">
        <v>-1.181232880424705</v>
      </c>
      <c r="M2364">
        <v>7.8525910232862746</v>
      </c>
      <c r="N2364">
        <v>12</v>
      </c>
      <c r="O2364">
        <v>1</v>
      </c>
      <c r="P2364">
        <v>11</v>
      </c>
      <c r="Q2364">
        <v>2.0919856138591748</v>
      </c>
      <c r="R2364">
        <v>5.4430013278812046</v>
      </c>
      <c r="S2364">
        <v>2</v>
      </c>
      <c r="T2364">
        <v>1</v>
      </c>
      <c r="U2364">
        <v>1</v>
      </c>
      <c r="V2364">
        <v>0.11231021292200701</v>
      </c>
      <c r="W2364">
        <v>7.0633789013864927</v>
      </c>
      <c r="X2364">
        <v>1</v>
      </c>
      <c r="Y2364">
        <v>1</v>
      </c>
      <c r="Z2364">
        <v>0</v>
      </c>
      <c r="AA2364">
        <v>0</v>
      </c>
      <c r="AB2364">
        <v>7.0800264999225906</v>
      </c>
      <c r="AC2364">
        <v>1</v>
      </c>
      <c r="AD2364">
        <v>1</v>
      </c>
      <c r="AE2364">
        <v>0</v>
      </c>
      <c r="AF2364">
        <v>0</v>
      </c>
      <c r="AG2364">
        <v>7.0791843946096691</v>
      </c>
      <c r="AH2364">
        <v>2.1240922082182451E-2</v>
      </c>
      <c r="AI2364">
        <v>2.3680916726794739E-2</v>
      </c>
      <c r="AJ2364">
        <v>-2.9771027989208168E-3</v>
      </c>
      <c r="AK2364">
        <v>1.378221553434246E-2</v>
      </c>
      <c r="AL2364">
        <v>2375.376720542713</v>
      </c>
      <c r="AM2364">
        <v>4511.9833150737322</v>
      </c>
      <c r="AN2364">
        <v>152596</v>
      </c>
      <c r="AO2364">
        <v>62.329145732612822</v>
      </c>
      <c r="AP2364">
        <v>2156.8647267426918</v>
      </c>
      <c r="AQ2364">
        <v>1.0193277310924369</v>
      </c>
      <c r="AR2364">
        <v>4.0058823529411756</v>
      </c>
      <c r="AS2364">
        <v>1186</v>
      </c>
      <c r="AT2364">
        <v>241.01848739495799</v>
      </c>
      <c r="AU2364">
        <v>1.512605042016801E-2</v>
      </c>
      <c r="AV2364">
        <v>2.126136309709933E-2</v>
      </c>
      <c r="AW2364">
        <v>0.37058823529411772</v>
      </c>
      <c r="AX2364">
        <v>83.465937762825902</v>
      </c>
      <c r="AY2364">
        <v>63</v>
      </c>
      <c r="AZ2364">
        <v>125</v>
      </c>
      <c r="BA2364">
        <v>0.57336070402509609</v>
      </c>
      <c r="BB2364">
        <v>0.49915966386554622</v>
      </c>
      <c r="BC2364">
        <v>5.239963521745155</v>
      </c>
      <c r="BD2364" t="s">
        <v>9011</v>
      </c>
      <c r="BE2364" t="s">
        <v>68</v>
      </c>
    </row>
    <row r="2365" spans="1:57" x14ac:dyDescent="0.3">
      <c r="A2365" t="s">
        <v>9012</v>
      </c>
      <c r="B2365">
        <v>3406</v>
      </c>
      <c r="C2365" t="s">
        <v>9013</v>
      </c>
      <c r="D2365" t="s">
        <v>9014</v>
      </c>
      <c r="E2365" t="s">
        <v>128</v>
      </c>
      <c r="F2365">
        <v>32</v>
      </c>
      <c r="G2365">
        <v>115.34375</v>
      </c>
      <c r="H2365">
        <v>100.5</v>
      </c>
      <c r="I2365">
        <v>5313.6005859375</v>
      </c>
      <c r="J2365">
        <v>72.894448251821615</v>
      </c>
      <c r="K2365">
        <v>0.24850330405364909</v>
      </c>
      <c r="L2365">
        <v>-0.79544105595274006</v>
      </c>
      <c r="M2365">
        <v>5</v>
      </c>
      <c r="N2365">
        <v>1</v>
      </c>
      <c r="O2365">
        <v>1</v>
      </c>
      <c r="P2365">
        <v>0</v>
      </c>
      <c r="Q2365">
        <v>0</v>
      </c>
      <c r="R2365">
        <v>3.465735902799727</v>
      </c>
      <c r="S2365">
        <v>1</v>
      </c>
      <c r="T2365">
        <v>1</v>
      </c>
      <c r="U2365">
        <v>0</v>
      </c>
      <c r="V2365">
        <v>0</v>
      </c>
      <c r="W2365">
        <v>3.4339872044851458</v>
      </c>
      <c r="X2365">
        <v>1</v>
      </c>
      <c r="Y2365">
        <v>1</v>
      </c>
      <c r="Z2365">
        <v>0</v>
      </c>
      <c r="AA2365">
        <v>0</v>
      </c>
      <c r="AB2365">
        <v>3.401197381662155</v>
      </c>
      <c r="AC2365">
        <v>1</v>
      </c>
      <c r="AD2365">
        <v>1</v>
      </c>
      <c r="AE2365">
        <v>0</v>
      </c>
      <c r="AF2365">
        <v>0</v>
      </c>
      <c r="AG2365">
        <v>3.3672958299864728</v>
      </c>
      <c r="AH2365">
        <v>-5.8651050140899122E-3</v>
      </c>
      <c r="AI2365">
        <v>-0.16442945781269211</v>
      </c>
      <c r="AJ2365">
        <v>6.500750556823981E-2</v>
      </c>
      <c r="AK2365">
        <v>-0.18049180114707861</v>
      </c>
      <c r="AL2365">
        <v>466.62665486139679</v>
      </c>
      <c r="AM2365">
        <v>614.84027598463558</v>
      </c>
      <c r="AN2365">
        <v>3691</v>
      </c>
      <c r="AO2365">
        <v>36.89963434632628</v>
      </c>
      <c r="AP2365">
        <v>310.46207525563199</v>
      </c>
      <c r="AQ2365">
        <v>1.65625</v>
      </c>
      <c r="AR2365">
        <v>3.78125</v>
      </c>
      <c r="AS2365">
        <v>32</v>
      </c>
      <c r="AT2365">
        <v>0</v>
      </c>
      <c r="AU2365">
        <v>0.15143280632411071</v>
      </c>
      <c r="AV2365">
        <v>-5.751238607188138E-3</v>
      </c>
      <c r="AW2365">
        <v>0.40625</v>
      </c>
      <c r="AX2365">
        <v>90.451612903225808</v>
      </c>
      <c r="AY2365">
        <v>52.5</v>
      </c>
      <c r="AZ2365">
        <v>98</v>
      </c>
      <c r="BA2365">
        <v>0.63197570957959681</v>
      </c>
      <c r="BB2365">
        <v>0.4375</v>
      </c>
      <c r="BC2365">
        <v>3.2829507132875908</v>
      </c>
      <c r="BD2365" t="s">
        <v>9015</v>
      </c>
      <c r="BE2365" t="s">
        <v>62</v>
      </c>
    </row>
    <row r="2366" spans="1:57" x14ac:dyDescent="0.3">
      <c r="A2366" t="s">
        <v>9016</v>
      </c>
      <c r="B2366">
        <v>2694</v>
      </c>
      <c r="C2366" t="s">
        <v>9017</v>
      </c>
      <c r="D2366" t="s">
        <v>9018</v>
      </c>
      <c r="E2366" t="s">
        <v>93</v>
      </c>
      <c r="F2366">
        <v>2694</v>
      </c>
      <c r="G2366">
        <v>127.6332590942836</v>
      </c>
      <c r="H2366">
        <v>128</v>
      </c>
      <c r="I2366">
        <v>5605.5262286507623</v>
      </c>
      <c r="J2366">
        <v>74.870062298964072</v>
      </c>
      <c r="K2366">
        <v>-1.3646600602629301E-2</v>
      </c>
      <c r="L2366">
        <v>-1.2150811351094279</v>
      </c>
      <c r="M2366">
        <v>7.9312820992324804</v>
      </c>
      <c r="N2366">
        <v>19</v>
      </c>
      <c r="O2366">
        <v>3</v>
      </c>
      <c r="P2366">
        <v>16</v>
      </c>
      <c r="Q2366">
        <v>3.2282078129503611</v>
      </c>
      <c r="R2366">
        <v>5.4975458253085581</v>
      </c>
      <c r="S2366">
        <v>3</v>
      </c>
      <c r="T2366">
        <v>1</v>
      </c>
      <c r="U2366">
        <v>2</v>
      </c>
      <c r="V2366">
        <v>0.13081107584914381</v>
      </c>
      <c r="W2366">
        <v>7.8772371162515977</v>
      </c>
      <c r="X2366">
        <v>1</v>
      </c>
      <c r="Y2366">
        <v>1</v>
      </c>
      <c r="Z2366">
        <v>0</v>
      </c>
      <c r="AA2366">
        <v>0</v>
      </c>
      <c r="AB2366">
        <v>7.8980396907646178</v>
      </c>
      <c r="AC2366">
        <v>1</v>
      </c>
      <c r="AD2366">
        <v>1</v>
      </c>
      <c r="AE2366">
        <v>0</v>
      </c>
      <c r="AF2366">
        <v>0</v>
      </c>
      <c r="AG2366">
        <v>7.8976681507269069</v>
      </c>
      <c r="AH2366">
        <v>-2.603236505973653E-2</v>
      </c>
      <c r="AI2366">
        <v>-1.5125787105761009E-2</v>
      </c>
      <c r="AJ2366">
        <v>-2.1587981188100212E-2</v>
      </c>
      <c r="AK2366">
        <v>-1.9181047144047648E-2</v>
      </c>
      <c r="AL2366">
        <v>3582.2559818460759</v>
      </c>
      <c r="AM2366">
        <v>6793.7221079852816</v>
      </c>
      <c r="AN2366">
        <v>343843.99999999988</v>
      </c>
      <c r="AO2366">
        <v>108.9341679291577</v>
      </c>
      <c r="AP2366">
        <v>3298.5217130174428</v>
      </c>
      <c r="AQ2366">
        <v>1.008537490720119</v>
      </c>
      <c r="AR2366">
        <v>3.9732739420935408</v>
      </c>
      <c r="AS2366">
        <v>2682</v>
      </c>
      <c r="AT2366">
        <v>253.51596139569409</v>
      </c>
      <c r="AU2366">
        <v>1.6581510109611789E-2</v>
      </c>
      <c r="AV2366">
        <v>-2.6037886133723421E-2</v>
      </c>
      <c r="AW2366">
        <v>0.35634743875278402</v>
      </c>
      <c r="AX2366">
        <v>88.167471221685858</v>
      </c>
      <c r="AY2366">
        <v>65</v>
      </c>
      <c r="AZ2366">
        <v>131</v>
      </c>
      <c r="BA2366">
        <v>0.58660307532895506</v>
      </c>
      <c r="BB2366">
        <v>0.50296956198960652</v>
      </c>
      <c r="BC2366">
        <v>5.3183282980907922</v>
      </c>
      <c r="BD2366" t="s">
        <v>9019</v>
      </c>
      <c r="BE2366" t="s">
        <v>68</v>
      </c>
    </row>
    <row r="2367" spans="1:57" x14ac:dyDescent="0.3">
      <c r="A2367" t="s">
        <v>9020</v>
      </c>
      <c r="B2367">
        <v>3282</v>
      </c>
      <c r="C2367" t="s">
        <v>9021</v>
      </c>
      <c r="D2367" t="s">
        <v>9022</v>
      </c>
      <c r="E2367" t="s">
        <v>93</v>
      </c>
      <c r="F2367">
        <v>3282</v>
      </c>
      <c r="G2367">
        <v>127.08135283363799</v>
      </c>
      <c r="H2367">
        <v>127</v>
      </c>
      <c r="I2367">
        <v>5426.5141007901939</v>
      </c>
      <c r="J2367">
        <v>73.664876982115388</v>
      </c>
      <c r="K2367">
        <v>2.2154666687617779E-2</v>
      </c>
      <c r="L2367">
        <v>-1.1955643697086451</v>
      </c>
      <c r="M2367">
        <v>7.9419457059763454</v>
      </c>
      <c r="N2367">
        <v>23</v>
      </c>
      <c r="O2367">
        <v>3</v>
      </c>
      <c r="P2367">
        <v>20</v>
      </c>
      <c r="Q2367">
        <v>3.5738494515499322</v>
      </c>
      <c r="R2367">
        <v>5.5049372742576708</v>
      </c>
      <c r="S2367">
        <v>3</v>
      </c>
      <c r="T2367">
        <v>1</v>
      </c>
      <c r="U2367">
        <v>2</v>
      </c>
      <c r="V2367">
        <v>0.161894603504704</v>
      </c>
      <c r="W2367">
        <v>8.0602522149245761</v>
      </c>
      <c r="X2367">
        <v>2</v>
      </c>
      <c r="Y2367">
        <v>1</v>
      </c>
      <c r="Z2367">
        <v>1</v>
      </c>
      <c r="AA2367">
        <v>1.7460756582250238E-2</v>
      </c>
      <c r="AB2367">
        <v>8.0951760506583348</v>
      </c>
      <c r="AC2367">
        <v>1</v>
      </c>
      <c r="AD2367">
        <v>1</v>
      </c>
      <c r="AE2367">
        <v>0</v>
      </c>
      <c r="AF2367">
        <v>0</v>
      </c>
      <c r="AG2367">
        <v>8.0952937768446489</v>
      </c>
      <c r="AH2367">
        <v>-1.104726800283265E-2</v>
      </c>
      <c r="AI2367">
        <v>1.857674385327795E-3</v>
      </c>
      <c r="AJ2367">
        <v>-2.5546264949164151E-3</v>
      </c>
      <c r="AK2367">
        <v>2.49787162334589E-2</v>
      </c>
      <c r="AL2367">
        <v>3872.870248974084</v>
      </c>
      <c r="AM2367">
        <v>7470.8709689440766</v>
      </c>
      <c r="AN2367">
        <v>417080.99999999988</v>
      </c>
      <c r="AO2367">
        <v>100.72166159140779</v>
      </c>
      <c r="AP2367">
        <v>3559.3366969897838</v>
      </c>
      <c r="AQ2367">
        <v>1.0070079219987811</v>
      </c>
      <c r="AR2367">
        <v>4.0155393053016457</v>
      </c>
      <c r="AS2367">
        <v>3275</v>
      </c>
      <c r="AT2367">
        <v>255.04326630103591</v>
      </c>
      <c r="AU2367">
        <v>1.1951105853675981E-2</v>
      </c>
      <c r="AV2367">
        <v>-1.10478876404766E-2</v>
      </c>
      <c r="AW2367">
        <v>0.37690432663010359</v>
      </c>
      <c r="AX2367">
        <v>85.369094788174337</v>
      </c>
      <c r="AY2367">
        <v>64</v>
      </c>
      <c r="AZ2367">
        <v>127</v>
      </c>
      <c r="BA2367">
        <v>0.57966708206631978</v>
      </c>
      <c r="BB2367">
        <v>0.49756246191346742</v>
      </c>
      <c r="BC2367">
        <v>5.3133012373669244</v>
      </c>
      <c r="BD2367" t="s">
        <v>9023</v>
      </c>
      <c r="BE2367" t="s">
        <v>68</v>
      </c>
    </row>
    <row r="2368" spans="1:57" x14ac:dyDescent="0.3">
      <c r="A2368" t="s">
        <v>9024</v>
      </c>
      <c r="B2368">
        <v>2904</v>
      </c>
      <c r="C2368" t="s">
        <v>9025</v>
      </c>
      <c r="D2368" t="s">
        <v>9026</v>
      </c>
      <c r="E2368" t="s">
        <v>85</v>
      </c>
      <c r="F2368">
        <v>8</v>
      </c>
      <c r="G2368">
        <v>158.75</v>
      </c>
      <c r="H2368">
        <v>159</v>
      </c>
      <c r="I2368">
        <v>2306.9375</v>
      </c>
      <c r="J2368">
        <v>48.030589211459812</v>
      </c>
      <c r="K2368">
        <v>-0.22995000836252111</v>
      </c>
      <c r="L2368">
        <v>-1.226092830900656</v>
      </c>
      <c r="M2368">
        <v>3</v>
      </c>
      <c r="N2368">
        <v>1</v>
      </c>
      <c r="O2368">
        <v>1</v>
      </c>
      <c r="P2368">
        <v>0</v>
      </c>
      <c r="Q2368">
        <v>0</v>
      </c>
      <c r="R2368">
        <v>2.0794415416798362</v>
      </c>
      <c r="S2368">
        <v>1</v>
      </c>
      <c r="T2368">
        <v>1</v>
      </c>
      <c r="U2368">
        <v>0</v>
      </c>
      <c r="V2368">
        <v>0</v>
      </c>
      <c r="W2368">
        <v>1.945910149055313</v>
      </c>
      <c r="X2368">
        <v>1</v>
      </c>
      <c r="Y2368">
        <v>1</v>
      </c>
      <c r="Z2368">
        <v>0</v>
      </c>
      <c r="AA2368">
        <v>0</v>
      </c>
      <c r="AB2368">
        <v>1.791759469228055</v>
      </c>
      <c r="AC2368">
        <v>1</v>
      </c>
      <c r="AD2368">
        <v>1</v>
      </c>
      <c r="AE2368">
        <v>0</v>
      </c>
      <c r="AF2368">
        <v>0</v>
      </c>
      <c r="AG2368">
        <v>1.6094379124341009</v>
      </c>
      <c r="AH2368">
        <v>0.48448633198775432</v>
      </c>
      <c r="AI2368">
        <v>0.13550838503427159</v>
      </c>
      <c r="AJ2368">
        <v>-0.36068177508059929</v>
      </c>
      <c r="AK2368">
        <v>0</v>
      </c>
      <c r="AL2368">
        <v>260.24779673031071</v>
      </c>
      <c r="AM2368">
        <v>390.30639797090038</v>
      </c>
      <c r="AN2368">
        <v>1270</v>
      </c>
      <c r="AO2368">
        <v>42</v>
      </c>
      <c r="AP2368">
        <v>84.380092438915938</v>
      </c>
      <c r="AQ2368">
        <v>3.5</v>
      </c>
      <c r="AR2368">
        <v>3.75</v>
      </c>
      <c r="AS2368">
        <v>8</v>
      </c>
      <c r="AT2368">
        <v>0</v>
      </c>
      <c r="AU2368">
        <v>0.35555555555555551</v>
      </c>
      <c r="AV2368">
        <v>0.60937098585941307</v>
      </c>
      <c r="AW2368">
        <v>0.25</v>
      </c>
      <c r="AX2368">
        <v>34.857142857142847</v>
      </c>
      <c r="AY2368">
        <v>44</v>
      </c>
      <c r="AZ2368">
        <v>72.25</v>
      </c>
      <c r="BA2368">
        <v>0.30255489267061297</v>
      </c>
      <c r="BB2368">
        <v>0.5</v>
      </c>
      <c r="BC2368">
        <v>1.945910149055313</v>
      </c>
      <c r="BD2368" t="s">
        <v>9025</v>
      </c>
      <c r="BE2368" t="s">
        <v>68</v>
      </c>
    </row>
    <row r="2369" spans="1:57" x14ac:dyDescent="0.3">
      <c r="A2369" t="s">
        <v>9027</v>
      </c>
      <c r="B2369">
        <v>617</v>
      </c>
      <c r="C2369" t="s">
        <v>9028</v>
      </c>
      <c r="D2369" t="s">
        <v>9029</v>
      </c>
      <c r="E2369" t="s">
        <v>106</v>
      </c>
      <c r="F2369">
        <v>629</v>
      </c>
      <c r="G2369">
        <v>125.6438791732909</v>
      </c>
      <c r="H2369">
        <v>124</v>
      </c>
      <c r="I2369">
        <v>5343.3898711205356</v>
      </c>
      <c r="J2369">
        <v>73.098494315003066</v>
      </c>
      <c r="K2369">
        <v>1.2855811521668521E-2</v>
      </c>
      <c r="L2369">
        <v>-1.179181812495999</v>
      </c>
      <c r="M2369">
        <v>7.6327304341969828</v>
      </c>
      <c r="N2369">
        <v>10</v>
      </c>
      <c r="O2369">
        <v>1</v>
      </c>
      <c r="P2369">
        <v>9</v>
      </c>
      <c r="Q2369">
        <v>1.5573709646414431</v>
      </c>
      <c r="R2369">
        <v>5.2906055804377212</v>
      </c>
      <c r="S2369">
        <v>3</v>
      </c>
      <c r="T2369">
        <v>1</v>
      </c>
      <c r="U2369">
        <v>2</v>
      </c>
      <c r="V2369">
        <v>0.1056955225242654</v>
      </c>
      <c r="W2369">
        <v>6.4306695933004221</v>
      </c>
      <c r="X2369">
        <v>1</v>
      </c>
      <c r="Y2369">
        <v>1</v>
      </c>
      <c r="Z2369">
        <v>0</v>
      </c>
      <c r="AA2369">
        <v>0</v>
      </c>
      <c r="AB2369">
        <v>6.44094654063292</v>
      </c>
      <c r="AC2369">
        <v>1</v>
      </c>
      <c r="AD2369">
        <v>1</v>
      </c>
      <c r="AE2369">
        <v>0</v>
      </c>
      <c r="AF2369">
        <v>0</v>
      </c>
      <c r="AG2369">
        <v>6.4393503711000966</v>
      </c>
      <c r="AH2369">
        <v>-8.1870685344027083E-3</v>
      </c>
      <c r="AI2369">
        <v>-2.0445129916336229E-3</v>
      </c>
      <c r="AJ2369">
        <v>8.1694948211047475E-2</v>
      </c>
      <c r="AK2369">
        <v>-7.0242664291844253E-2</v>
      </c>
      <c r="AL2369">
        <v>1748.896658407941</v>
      </c>
      <c r="AM2369">
        <v>3198.7479547800472</v>
      </c>
      <c r="AN2369">
        <v>79030</v>
      </c>
      <c r="AO2369">
        <v>46.119092821749412</v>
      </c>
      <c r="AP2369">
        <v>1498.811238671223</v>
      </c>
      <c r="AQ2369">
        <v>1.0365659777424481</v>
      </c>
      <c r="AR2369">
        <v>3.9713831478537358</v>
      </c>
      <c r="AS2369">
        <v>627</v>
      </c>
      <c r="AT2369">
        <v>205.758346581876</v>
      </c>
      <c r="AU2369">
        <v>2.6908103100784949E-2</v>
      </c>
      <c r="AV2369">
        <v>-8.2162444718145416E-3</v>
      </c>
      <c r="AW2369">
        <v>0.38791732909379972</v>
      </c>
      <c r="AX2369">
        <v>84.01273885350318</v>
      </c>
      <c r="AY2369">
        <v>64</v>
      </c>
      <c r="AZ2369">
        <v>128</v>
      </c>
      <c r="BA2369">
        <v>0.58179112899072416</v>
      </c>
      <c r="BB2369">
        <v>0.49125596184419712</v>
      </c>
      <c r="BC2369">
        <v>5.0920633194112899</v>
      </c>
      <c r="BD2369" t="s">
        <v>9030</v>
      </c>
      <c r="BE2369" t="s">
        <v>68</v>
      </c>
    </row>
    <row r="2370" spans="1:57" x14ac:dyDescent="0.3">
      <c r="A2370" t="s">
        <v>9031</v>
      </c>
      <c r="B2370">
        <v>741</v>
      </c>
      <c r="C2370" t="s">
        <v>9032</v>
      </c>
      <c r="D2370" t="s">
        <v>9033</v>
      </c>
      <c r="E2370" t="s">
        <v>128</v>
      </c>
      <c r="F2370">
        <v>32</v>
      </c>
      <c r="G2370">
        <v>144.46875</v>
      </c>
      <c r="H2370">
        <v>140</v>
      </c>
      <c r="I2370">
        <v>3500.0615234375</v>
      </c>
      <c r="J2370">
        <v>59.161317796660853</v>
      </c>
      <c r="K2370">
        <v>-3.1250122598039221E-2</v>
      </c>
      <c r="L2370">
        <v>-0.53087844075301449</v>
      </c>
      <c r="M2370">
        <v>4.8125</v>
      </c>
      <c r="N2370">
        <v>2</v>
      </c>
      <c r="O2370">
        <v>1</v>
      </c>
      <c r="P2370">
        <v>1</v>
      </c>
      <c r="Q2370">
        <v>0.30454347814923599</v>
      </c>
      <c r="R2370">
        <v>3.335770806444736</v>
      </c>
      <c r="S2370">
        <v>1</v>
      </c>
      <c r="T2370">
        <v>1</v>
      </c>
      <c r="U2370">
        <v>0</v>
      </c>
      <c r="V2370">
        <v>0</v>
      </c>
      <c r="W2370">
        <v>3.4339872044851458</v>
      </c>
      <c r="X2370">
        <v>1</v>
      </c>
      <c r="Y2370">
        <v>1</v>
      </c>
      <c r="Z2370">
        <v>0</v>
      </c>
      <c r="AA2370">
        <v>0</v>
      </c>
      <c r="AB2370">
        <v>3.401197381662155</v>
      </c>
      <c r="AC2370">
        <v>1</v>
      </c>
      <c r="AD2370">
        <v>1</v>
      </c>
      <c r="AE2370">
        <v>0</v>
      </c>
      <c r="AF2370">
        <v>0</v>
      </c>
      <c r="AG2370">
        <v>3.3672958299864728</v>
      </c>
      <c r="AH2370">
        <v>1.3046636945276909E-2</v>
      </c>
      <c r="AI2370">
        <v>-9.4068397374711329E-2</v>
      </c>
      <c r="AJ2370">
        <v>9.8612341286969565E-2</v>
      </c>
      <c r="AK2370">
        <v>0.32104756180346161</v>
      </c>
      <c r="AL2370">
        <v>433.39028366378642</v>
      </c>
      <c r="AM2370">
        <v>769.45036358807613</v>
      </c>
      <c r="AN2370">
        <v>4623</v>
      </c>
      <c r="AO2370">
        <v>76.281485839865951</v>
      </c>
      <c r="AP2370">
        <v>251.46390029033981</v>
      </c>
      <c r="AQ2370">
        <v>1.71875</v>
      </c>
      <c r="AR2370">
        <v>4.03125</v>
      </c>
      <c r="AS2370">
        <v>32</v>
      </c>
      <c r="AT2370">
        <v>2.4375</v>
      </c>
      <c r="AU2370">
        <v>0.21702755905511811</v>
      </c>
      <c r="AV2370">
        <v>1.305044781808621E-2</v>
      </c>
      <c r="AW2370">
        <v>0.375</v>
      </c>
      <c r="AX2370">
        <v>69.096774193548384</v>
      </c>
      <c r="AY2370">
        <v>40.5</v>
      </c>
      <c r="AZ2370">
        <v>79</v>
      </c>
      <c r="BA2370">
        <v>0.40950944613738849</v>
      </c>
      <c r="BB2370">
        <v>0.5</v>
      </c>
      <c r="BC2370">
        <v>3.2998296856670919</v>
      </c>
      <c r="BD2370" t="s">
        <v>9034</v>
      </c>
      <c r="BE2370" t="s">
        <v>62</v>
      </c>
    </row>
    <row r="2371" spans="1:57" x14ac:dyDescent="0.3">
      <c r="A2371" t="s">
        <v>9035</v>
      </c>
      <c r="B2371">
        <v>3415</v>
      </c>
      <c r="C2371" t="s">
        <v>9036</v>
      </c>
      <c r="D2371" t="s">
        <v>9037</v>
      </c>
      <c r="E2371" t="s">
        <v>98</v>
      </c>
      <c r="F2371">
        <v>16</v>
      </c>
      <c r="G2371">
        <v>105.375</v>
      </c>
      <c r="H2371">
        <v>99.5</v>
      </c>
      <c r="I2371">
        <v>5125.984375</v>
      </c>
      <c r="J2371">
        <v>71.59598015950337</v>
      </c>
      <c r="K2371">
        <v>0.3245395237413724</v>
      </c>
      <c r="L2371">
        <v>-0.93099070084039992</v>
      </c>
      <c r="M2371">
        <v>4</v>
      </c>
      <c r="N2371">
        <v>1</v>
      </c>
      <c r="O2371">
        <v>1</v>
      </c>
      <c r="P2371">
        <v>0</v>
      </c>
      <c r="Q2371">
        <v>0</v>
      </c>
      <c r="R2371">
        <v>2.7725887222397811</v>
      </c>
      <c r="S2371">
        <v>1</v>
      </c>
      <c r="T2371">
        <v>1</v>
      </c>
      <c r="U2371">
        <v>0</v>
      </c>
      <c r="V2371">
        <v>0</v>
      </c>
      <c r="W2371">
        <v>2.7080502011022101</v>
      </c>
      <c r="X2371">
        <v>1</v>
      </c>
      <c r="Y2371">
        <v>1</v>
      </c>
      <c r="Z2371">
        <v>0</v>
      </c>
      <c r="AA2371">
        <v>0</v>
      </c>
      <c r="AB2371">
        <v>2.639057329615258</v>
      </c>
      <c r="AC2371">
        <v>1</v>
      </c>
      <c r="AD2371">
        <v>1</v>
      </c>
      <c r="AE2371">
        <v>0</v>
      </c>
      <c r="AF2371">
        <v>0</v>
      </c>
      <c r="AG2371">
        <v>2.5649493574615372</v>
      </c>
      <c r="AH2371">
        <v>0.1069167736075083</v>
      </c>
      <c r="AI2371">
        <v>-0.41992429807689369</v>
      </c>
      <c r="AJ2371">
        <v>0.39653264007218131</v>
      </c>
      <c r="AK2371">
        <v>0.181210240106321</v>
      </c>
      <c r="AL2371">
        <v>330.16976770705259</v>
      </c>
      <c r="AM2371">
        <v>388.15708739152359</v>
      </c>
      <c r="AN2371">
        <v>1686</v>
      </c>
      <c r="AO2371">
        <v>18</v>
      </c>
      <c r="AP2371">
        <v>203.82449330285991</v>
      </c>
      <c r="AQ2371">
        <v>2.25</v>
      </c>
      <c r="AR2371">
        <v>3.9375</v>
      </c>
      <c r="AS2371">
        <v>16</v>
      </c>
      <c r="AT2371">
        <v>0</v>
      </c>
      <c r="AU2371">
        <v>0.16835106382978729</v>
      </c>
      <c r="AV2371">
        <v>0.1137724708357323</v>
      </c>
      <c r="AW2371">
        <v>0.5</v>
      </c>
      <c r="AX2371">
        <v>80.8</v>
      </c>
      <c r="AY2371">
        <v>57.5</v>
      </c>
      <c r="AZ2371">
        <v>107.75</v>
      </c>
      <c r="BA2371">
        <v>0.67943990661450415</v>
      </c>
      <c r="BB2371">
        <v>0.5</v>
      </c>
      <c r="BC2371">
        <v>2.7080502011022101</v>
      </c>
      <c r="BD2371" t="s">
        <v>9036</v>
      </c>
      <c r="BE2371" t="s">
        <v>62</v>
      </c>
    </row>
    <row r="2372" spans="1:57" x14ac:dyDescent="0.3">
      <c r="A2372" t="s">
        <v>9038</v>
      </c>
      <c r="B2372">
        <v>3573</v>
      </c>
      <c r="C2372" t="s">
        <v>9039</v>
      </c>
      <c r="D2372" t="s">
        <v>9040</v>
      </c>
      <c r="E2372" t="s">
        <v>72</v>
      </c>
      <c r="F2372">
        <v>3592</v>
      </c>
      <c r="G2372">
        <v>127.347995545657</v>
      </c>
      <c r="H2372">
        <v>128</v>
      </c>
      <c r="I2372">
        <v>5462.3967164721398</v>
      </c>
      <c r="J2372">
        <v>73.908028768680737</v>
      </c>
      <c r="K2372">
        <v>8.3711089278049652E-3</v>
      </c>
      <c r="L2372">
        <v>-1.2101949141451029</v>
      </c>
      <c r="M2372">
        <v>7.9546191916186286</v>
      </c>
      <c r="N2372">
        <v>25</v>
      </c>
      <c r="O2372">
        <v>5</v>
      </c>
      <c r="P2372">
        <v>20</v>
      </c>
      <c r="Q2372">
        <v>3.4864413715850722</v>
      </c>
      <c r="R2372">
        <v>5.5137218650984821</v>
      </c>
      <c r="S2372">
        <v>2</v>
      </c>
      <c r="T2372">
        <v>1</v>
      </c>
      <c r="U2372">
        <v>1</v>
      </c>
      <c r="V2372">
        <v>0.14921913669563419</v>
      </c>
      <c r="W2372">
        <v>8.1553022434910218</v>
      </c>
      <c r="X2372">
        <v>1</v>
      </c>
      <c r="Y2372">
        <v>1</v>
      </c>
      <c r="Z2372">
        <v>0</v>
      </c>
      <c r="AA2372">
        <v>0</v>
      </c>
      <c r="AB2372">
        <v>8.1859074814823227</v>
      </c>
      <c r="AC2372">
        <v>1</v>
      </c>
      <c r="AD2372">
        <v>1</v>
      </c>
      <c r="AE2372">
        <v>0</v>
      </c>
      <c r="AF2372">
        <v>0</v>
      </c>
      <c r="AG2372">
        <v>8.1856288911476103</v>
      </c>
      <c r="AH2372">
        <v>-2.9751280358675799E-2</v>
      </c>
      <c r="AI2372">
        <v>1.5870363249164791E-2</v>
      </c>
      <c r="AJ2372">
        <v>-1.672604222884304E-3</v>
      </c>
      <c r="AK2372">
        <v>-1.415702410562329E-2</v>
      </c>
      <c r="AL2372">
        <v>4028.5631827561938</v>
      </c>
      <c r="AM2372">
        <v>7851.4273022515636</v>
      </c>
      <c r="AN2372">
        <v>457434</v>
      </c>
      <c r="AO2372">
        <v>85.529600456584433</v>
      </c>
      <c r="AP2372">
        <v>3626.8278290417161</v>
      </c>
      <c r="AQ2372">
        <v>1.006403118040089</v>
      </c>
      <c r="AR2372">
        <v>4.0072383073496658</v>
      </c>
      <c r="AS2372">
        <v>3579</v>
      </c>
      <c r="AT2372">
        <v>221.77282850779511</v>
      </c>
      <c r="AU2372">
        <v>1.098519586008123E-2</v>
      </c>
      <c r="AV2372">
        <v>-2.9762332270321209E-2</v>
      </c>
      <c r="AW2372">
        <v>0.36581291759465479</v>
      </c>
      <c r="AX2372">
        <v>86.62573099415205</v>
      </c>
      <c r="AY2372">
        <v>64</v>
      </c>
      <c r="AZ2372">
        <v>128</v>
      </c>
      <c r="BA2372">
        <v>0.5803627175441729</v>
      </c>
      <c r="BB2372">
        <v>0.50306236080178168</v>
      </c>
      <c r="BC2372">
        <v>5.3295965345569547</v>
      </c>
      <c r="BD2372" t="s">
        <v>9041</v>
      </c>
      <c r="BE2372" t="s">
        <v>68</v>
      </c>
    </row>
    <row r="2373" spans="1:57" x14ac:dyDescent="0.3">
      <c r="A2373" t="s">
        <v>9042</v>
      </c>
      <c r="B2373">
        <v>2152</v>
      </c>
      <c r="C2373" t="s">
        <v>9043</v>
      </c>
      <c r="D2373" t="s">
        <v>9044</v>
      </c>
      <c r="E2373" t="s">
        <v>106</v>
      </c>
      <c r="F2373">
        <v>2190</v>
      </c>
      <c r="G2373">
        <v>129.1342465753425</v>
      </c>
      <c r="H2373">
        <v>128</v>
      </c>
      <c r="I2373">
        <v>5418.2093751172824</v>
      </c>
      <c r="J2373">
        <v>73.60848711335727</v>
      </c>
      <c r="K2373">
        <v>-3.6463074036467719E-3</v>
      </c>
      <c r="L2373">
        <v>-1.195111954191195</v>
      </c>
      <c r="M2373">
        <v>7.9124952242947124</v>
      </c>
      <c r="N2373">
        <v>19</v>
      </c>
      <c r="O2373">
        <v>2</v>
      </c>
      <c r="P2373">
        <v>17</v>
      </c>
      <c r="Q2373">
        <v>2.9535693283455782</v>
      </c>
      <c r="R2373">
        <v>5.4845237559139077</v>
      </c>
      <c r="S2373">
        <v>2</v>
      </c>
      <c r="T2373">
        <v>1</v>
      </c>
      <c r="U2373">
        <v>1</v>
      </c>
      <c r="V2373">
        <v>0.13515492318703071</v>
      </c>
      <c r="W2373">
        <v>7.6658680854420984</v>
      </c>
      <c r="X2373">
        <v>2</v>
      </c>
      <c r="Y2373">
        <v>1</v>
      </c>
      <c r="Z2373">
        <v>1</v>
      </c>
      <c r="AA2373">
        <v>2.1378454005598461E-2</v>
      </c>
      <c r="AB2373">
        <v>7.6901095737973009</v>
      </c>
      <c r="AC2373">
        <v>1</v>
      </c>
      <c r="AD2373">
        <v>1</v>
      </c>
      <c r="AE2373">
        <v>0</v>
      </c>
      <c r="AF2373">
        <v>0</v>
      </c>
      <c r="AG2373">
        <v>7.6902860206767674</v>
      </c>
      <c r="AH2373">
        <v>2.564002969189607E-2</v>
      </c>
      <c r="AI2373">
        <v>-1.47522499444523E-2</v>
      </c>
      <c r="AJ2373">
        <v>3.025730072189107E-3</v>
      </c>
      <c r="AK2373">
        <v>-6.7152203040872632E-3</v>
      </c>
      <c r="AL2373">
        <v>3171.6686834183261</v>
      </c>
      <c r="AM2373">
        <v>6190.8059057463151</v>
      </c>
      <c r="AN2373">
        <v>282804</v>
      </c>
      <c r="AO2373">
        <v>47.198399402181863</v>
      </c>
      <c r="AP2373">
        <v>2880.4615920504571</v>
      </c>
      <c r="AQ2373">
        <v>1.010502283105023</v>
      </c>
      <c r="AR2373">
        <v>4.0095890410958903</v>
      </c>
      <c r="AS2373">
        <v>2188</v>
      </c>
      <c r="AT2373">
        <v>261.05388127853882</v>
      </c>
      <c r="AU2373">
        <v>2.0467365028203011E-2</v>
      </c>
      <c r="AV2373">
        <v>2.5650072720068549E-2</v>
      </c>
      <c r="AW2373">
        <v>0.38584474885844749</v>
      </c>
      <c r="AX2373">
        <v>84.537231612608494</v>
      </c>
      <c r="AY2373">
        <v>64</v>
      </c>
      <c r="AZ2373">
        <v>128.75</v>
      </c>
      <c r="BA2373">
        <v>0.57001522884489753</v>
      </c>
      <c r="BB2373">
        <v>0.49497716894977167</v>
      </c>
      <c r="BC2373">
        <v>5.2744175776886353</v>
      </c>
      <c r="BD2373" t="s">
        <v>9045</v>
      </c>
      <c r="BE2373" t="s">
        <v>68</v>
      </c>
    </row>
    <row r="2374" spans="1:57" x14ac:dyDescent="0.3">
      <c r="A2374" t="s">
        <v>9046</v>
      </c>
      <c r="B2374">
        <v>1614</v>
      </c>
      <c r="C2374" t="s">
        <v>9047</v>
      </c>
      <c r="D2374" t="s">
        <v>9048</v>
      </c>
      <c r="E2374" t="s">
        <v>66</v>
      </c>
      <c r="F2374">
        <v>71</v>
      </c>
      <c r="G2374">
        <v>123.80281690140841</v>
      </c>
      <c r="H2374">
        <v>107</v>
      </c>
      <c r="I2374">
        <v>5563.8202737552083</v>
      </c>
      <c r="J2374">
        <v>74.591020061098561</v>
      </c>
      <c r="K2374">
        <v>1.6457156224107761E-2</v>
      </c>
      <c r="L2374">
        <v>-1.353405958755719</v>
      </c>
      <c r="M2374">
        <v>5.8117189504905928</v>
      </c>
      <c r="N2374">
        <v>2</v>
      </c>
      <c r="O2374">
        <v>1</v>
      </c>
      <c r="P2374">
        <v>1</v>
      </c>
      <c r="Q2374">
        <v>0.4025200707470481</v>
      </c>
      <c r="R2374">
        <v>4.0283766047393623</v>
      </c>
      <c r="S2374">
        <v>1</v>
      </c>
      <c r="T2374">
        <v>1</v>
      </c>
      <c r="U2374">
        <v>0</v>
      </c>
      <c r="V2374">
        <v>0</v>
      </c>
      <c r="W2374">
        <v>4.2484952420493576</v>
      </c>
      <c r="X2374">
        <v>1</v>
      </c>
      <c r="Y2374">
        <v>1</v>
      </c>
      <c r="Z2374">
        <v>0</v>
      </c>
      <c r="AA2374">
        <v>0</v>
      </c>
      <c r="AB2374">
        <v>4.2341065045972579</v>
      </c>
      <c r="AC2374">
        <v>1</v>
      </c>
      <c r="AD2374">
        <v>1</v>
      </c>
      <c r="AE2374">
        <v>0</v>
      </c>
      <c r="AF2374">
        <v>0</v>
      </c>
      <c r="AG2374">
        <v>4.2195077051761087</v>
      </c>
      <c r="AH2374">
        <v>0.16101911567259969</v>
      </c>
      <c r="AI2374">
        <v>0.30072552931535812</v>
      </c>
      <c r="AJ2374">
        <v>1.439044584853255E-3</v>
      </c>
      <c r="AK2374">
        <v>-2.778015474968051E-3</v>
      </c>
      <c r="AL2374">
        <v>673.87676711038034</v>
      </c>
      <c r="AM2374">
        <v>1014.469370039758</v>
      </c>
      <c r="AN2374">
        <v>8790</v>
      </c>
      <c r="AO2374">
        <v>92.721763191031627</v>
      </c>
      <c r="AP2374">
        <v>528.37694370548388</v>
      </c>
      <c r="AQ2374">
        <v>1.323943661971831</v>
      </c>
      <c r="AR2374">
        <v>3.859154929577465</v>
      </c>
      <c r="AS2374">
        <v>70</v>
      </c>
      <c r="AT2374">
        <v>7.9436619718309869</v>
      </c>
      <c r="AU2374">
        <v>7.904225352112676E-2</v>
      </c>
      <c r="AV2374">
        <v>0.16221593077861499</v>
      </c>
      <c r="AW2374">
        <v>0.43661971830985907</v>
      </c>
      <c r="AX2374">
        <v>75.028571428571425</v>
      </c>
      <c r="AY2374">
        <v>73</v>
      </c>
      <c r="AZ2374">
        <v>143.5</v>
      </c>
      <c r="BA2374">
        <v>0.60249856932172896</v>
      </c>
      <c r="BB2374">
        <v>0.45070422535211269</v>
      </c>
      <c r="BC2374">
        <v>3.9835656015018861</v>
      </c>
      <c r="BD2374" t="s">
        <v>9049</v>
      </c>
      <c r="BE2374" t="s">
        <v>68</v>
      </c>
    </row>
    <row r="2375" spans="1:57" x14ac:dyDescent="0.3">
      <c r="A2375" t="s">
        <v>9050</v>
      </c>
      <c r="B2375">
        <v>904</v>
      </c>
      <c r="C2375" t="s">
        <v>9051</v>
      </c>
      <c r="D2375" t="s">
        <v>9052</v>
      </c>
      <c r="E2375" t="s">
        <v>98</v>
      </c>
      <c r="F2375">
        <v>16</v>
      </c>
      <c r="G2375">
        <v>117.6875</v>
      </c>
      <c r="H2375">
        <v>109</v>
      </c>
      <c r="I2375">
        <v>7093.58984375</v>
      </c>
      <c r="J2375">
        <v>84.22345186318357</v>
      </c>
      <c r="K2375">
        <v>8.9519852418963042E-2</v>
      </c>
      <c r="L2375">
        <v>-1.631946439443956</v>
      </c>
      <c r="M2375">
        <v>4</v>
      </c>
      <c r="N2375">
        <v>1</v>
      </c>
      <c r="O2375">
        <v>1</v>
      </c>
      <c r="P2375">
        <v>0</v>
      </c>
      <c r="Q2375">
        <v>0</v>
      </c>
      <c r="R2375">
        <v>2.7725887222397811</v>
      </c>
      <c r="S2375">
        <v>1</v>
      </c>
      <c r="T2375">
        <v>1</v>
      </c>
      <c r="U2375">
        <v>0</v>
      </c>
      <c r="V2375">
        <v>0</v>
      </c>
      <c r="W2375">
        <v>2.7080502011022101</v>
      </c>
      <c r="X2375">
        <v>1</v>
      </c>
      <c r="Y2375">
        <v>1</v>
      </c>
      <c r="Z2375">
        <v>0</v>
      </c>
      <c r="AA2375">
        <v>0</v>
      </c>
      <c r="AB2375">
        <v>2.639057329615258</v>
      </c>
      <c r="AC2375">
        <v>1</v>
      </c>
      <c r="AD2375">
        <v>1</v>
      </c>
      <c r="AE2375">
        <v>0</v>
      </c>
      <c r="AF2375">
        <v>0</v>
      </c>
      <c r="AG2375">
        <v>2.5649493574615372</v>
      </c>
      <c r="AH2375">
        <v>0.12332571247478601</v>
      </c>
      <c r="AI2375">
        <v>-0.45616785676328597</v>
      </c>
      <c r="AJ2375">
        <v>-8.0077695862076179E-2</v>
      </c>
      <c r="AK2375">
        <v>-0.27267940796020168</v>
      </c>
      <c r="AL2375">
        <v>406.15695449577271</v>
      </c>
      <c r="AM2375">
        <v>412.47973079257952</v>
      </c>
      <c r="AN2375">
        <v>1883</v>
      </c>
      <c r="AO2375">
        <v>36.734806295492277</v>
      </c>
      <c r="AP2375">
        <v>358.70611454714509</v>
      </c>
      <c r="AQ2375">
        <v>2.3125</v>
      </c>
      <c r="AR2375">
        <v>3.5625</v>
      </c>
      <c r="AS2375">
        <v>16</v>
      </c>
      <c r="AT2375">
        <v>0</v>
      </c>
      <c r="AU2375">
        <v>0.24472891566265059</v>
      </c>
      <c r="AV2375">
        <v>0.1293438745931878</v>
      </c>
      <c r="AW2375">
        <v>0.375</v>
      </c>
      <c r="AX2375">
        <v>92.333333333333329</v>
      </c>
      <c r="AY2375">
        <v>79.5</v>
      </c>
      <c r="AZ2375">
        <v>154.75</v>
      </c>
      <c r="BA2375">
        <v>0.71565333500315298</v>
      </c>
      <c r="BB2375">
        <v>0.5</v>
      </c>
      <c r="BC2375">
        <v>2.7080502011022101</v>
      </c>
      <c r="BD2375" t="s">
        <v>9051</v>
      </c>
      <c r="BE2375" t="s">
        <v>62</v>
      </c>
    </row>
    <row r="2376" spans="1:57" x14ac:dyDescent="0.3">
      <c r="A2376" t="s">
        <v>9053</v>
      </c>
      <c r="B2376">
        <v>2889</v>
      </c>
      <c r="C2376" t="s">
        <v>9054</v>
      </c>
      <c r="D2376" t="s">
        <v>9055</v>
      </c>
      <c r="E2376" t="s">
        <v>66</v>
      </c>
      <c r="F2376">
        <v>71</v>
      </c>
      <c r="G2376">
        <v>98.211267605633807</v>
      </c>
      <c r="H2376">
        <v>86</v>
      </c>
      <c r="I2376">
        <v>5034.7863519143039</v>
      </c>
      <c r="J2376">
        <v>70.956228422276666</v>
      </c>
      <c r="K2376">
        <v>0.41966592690189808</v>
      </c>
      <c r="L2376">
        <v>-0.98155659624217639</v>
      </c>
      <c r="M2376">
        <v>5.9982698307418127</v>
      </c>
      <c r="N2376">
        <v>3</v>
      </c>
      <c r="O2376">
        <v>1</v>
      </c>
      <c r="P2376">
        <v>2</v>
      </c>
      <c r="Q2376">
        <v>0.31673552970252838</v>
      </c>
      <c r="R2376">
        <v>4.1576838214164713</v>
      </c>
      <c r="S2376">
        <v>1</v>
      </c>
      <c r="T2376">
        <v>1</v>
      </c>
      <c r="U2376">
        <v>0</v>
      </c>
      <c r="V2376">
        <v>0</v>
      </c>
      <c r="W2376">
        <v>4.2484952420493576</v>
      </c>
      <c r="X2376">
        <v>1</v>
      </c>
      <c r="Y2376">
        <v>1</v>
      </c>
      <c r="Z2376">
        <v>0</v>
      </c>
      <c r="AA2376">
        <v>0</v>
      </c>
      <c r="AB2376">
        <v>4.2341065045972579</v>
      </c>
      <c r="AC2376">
        <v>1</v>
      </c>
      <c r="AD2376">
        <v>1</v>
      </c>
      <c r="AE2376">
        <v>0</v>
      </c>
      <c r="AF2376">
        <v>0</v>
      </c>
      <c r="AG2376">
        <v>4.2195077051761087</v>
      </c>
      <c r="AH2376">
        <v>7.7541392830595924E-3</v>
      </c>
      <c r="AI2376">
        <v>0.15519448787806031</v>
      </c>
      <c r="AJ2376">
        <v>5.0052767377417477E-2</v>
      </c>
      <c r="AK2376">
        <v>7.4778665843056827E-2</v>
      </c>
      <c r="AL2376">
        <v>605.31035061011141</v>
      </c>
      <c r="AM2376">
        <v>822.12917442714809</v>
      </c>
      <c r="AN2376">
        <v>6973</v>
      </c>
      <c r="AO2376">
        <v>35.695643304593958</v>
      </c>
      <c r="AP2376">
        <v>461.78623825132968</v>
      </c>
      <c r="AQ2376">
        <v>1.323943661971831</v>
      </c>
      <c r="AR2376">
        <v>3.464788732394366</v>
      </c>
      <c r="AS2376">
        <v>71</v>
      </c>
      <c r="AT2376">
        <v>6.1549295774647899</v>
      </c>
      <c r="AU2376">
        <v>0.18581159085661511</v>
      </c>
      <c r="AV2376">
        <v>7.7094541137302831E-3</v>
      </c>
      <c r="AW2376">
        <v>0.49295774647887319</v>
      </c>
      <c r="AX2376">
        <v>81.271428571428572</v>
      </c>
      <c r="AY2376">
        <v>54</v>
      </c>
      <c r="AZ2376">
        <v>121</v>
      </c>
      <c r="BA2376">
        <v>0.72248561852597781</v>
      </c>
      <c r="BB2376">
        <v>0.42253521126760563</v>
      </c>
      <c r="BC2376">
        <v>3.9760906280195361</v>
      </c>
      <c r="BD2376" t="s">
        <v>9056</v>
      </c>
      <c r="BE2376" t="s">
        <v>68</v>
      </c>
    </row>
    <row r="2377" spans="1:57" x14ac:dyDescent="0.3">
      <c r="A2377" t="s">
        <v>9057</v>
      </c>
      <c r="B2377">
        <v>1764</v>
      </c>
      <c r="C2377" t="s">
        <v>9058</v>
      </c>
      <c r="D2377" t="s">
        <v>9059</v>
      </c>
      <c r="E2377" t="s">
        <v>115</v>
      </c>
      <c r="F2377">
        <v>1802</v>
      </c>
      <c r="G2377">
        <v>126.0566037735849</v>
      </c>
      <c r="H2377">
        <v>127</v>
      </c>
      <c r="I2377">
        <v>5061.2642765899527</v>
      </c>
      <c r="J2377">
        <v>71.142563044846455</v>
      </c>
      <c r="K2377">
        <v>-2.188000291003345E-2</v>
      </c>
      <c r="L2377">
        <v>-1.1116155380076549</v>
      </c>
      <c r="M2377">
        <v>7.8844134591843904</v>
      </c>
      <c r="N2377">
        <v>14</v>
      </c>
      <c r="O2377">
        <v>1</v>
      </c>
      <c r="P2377">
        <v>13</v>
      </c>
      <c r="Q2377">
        <v>2.7197263871745898</v>
      </c>
      <c r="R2377">
        <v>5.4650589596025387</v>
      </c>
      <c r="S2377">
        <v>2</v>
      </c>
      <c r="T2377">
        <v>1</v>
      </c>
      <c r="U2377">
        <v>1</v>
      </c>
      <c r="V2377">
        <v>9.9967139276587444E-2</v>
      </c>
      <c r="W2377">
        <v>7.482242098923785</v>
      </c>
      <c r="X2377">
        <v>1</v>
      </c>
      <c r="Y2377">
        <v>1</v>
      </c>
      <c r="Z2377">
        <v>0</v>
      </c>
      <c r="AA2377">
        <v>0</v>
      </c>
      <c r="AB2377">
        <v>7.495541943884259</v>
      </c>
      <c r="AC2377">
        <v>1</v>
      </c>
      <c r="AD2377">
        <v>1</v>
      </c>
      <c r="AE2377">
        <v>0</v>
      </c>
      <c r="AF2377">
        <v>0</v>
      </c>
      <c r="AG2377">
        <v>7.4949862339505309</v>
      </c>
      <c r="AH2377">
        <v>3.8296498560679543E-2</v>
      </c>
      <c r="AI2377">
        <v>-3.6894105123799863E-2</v>
      </c>
      <c r="AJ2377">
        <v>-3.7711068187792601E-2</v>
      </c>
      <c r="AK2377">
        <v>-3.3060240666736379E-2</v>
      </c>
      <c r="AL2377">
        <v>2803.641295983562</v>
      </c>
      <c r="AM2377">
        <v>5467.5639441579106</v>
      </c>
      <c r="AN2377">
        <v>227154</v>
      </c>
      <c r="AO2377">
        <v>27.544118828059531</v>
      </c>
      <c r="AP2377">
        <v>2465.3023266027622</v>
      </c>
      <c r="AQ2377">
        <v>1.012763596004439</v>
      </c>
      <c r="AR2377">
        <v>3.9372918978912321</v>
      </c>
      <c r="AS2377">
        <v>1791</v>
      </c>
      <c r="AT2377">
        <v>269.01442841287462</v>
      </c>
      <c r="AU2377">
        <v>3.0965593784683661E-2</v>
      </c>
      <c r="AV2377">
        <v>3.8298087128123853E-2</v>
      </c>
      <c r="AW2377">
        <v>0.37458379578246392</v>
      </c>
      <c r="AX2377">
        <v>79.350916157690179</v>
      </c>
      <c r="AY2377">
        <v>60</v>
      </c>
      <c r="AZ2377">
        <v>119</v>
      </c>
      <c r="BA2377">
        <v>0.56436998074792122</v>
      </c>
      <c r="BB2377">
        <v>0.50277469478357384</v>
      </c>
      <c r="BC2377">
        <v>5.2205888914499443</v>
      </c>
      <c r="BD2377" t="s">
        <v>9060</v>
      </c>
      <c r="BE2377" t="s">
        <v>68</v>
      </c>
    </row>
    <row r="2378" spans="1:57" x14ac:dyDescent="0.3">
      <c r="A2378" t="s">
        <v>9061</v>
      </c>
      <c r="B2378">
        <v>506</v>
      </c>
      <c r="C2378" t="s">
        <v>9062</v>
      </c>
      <c r="D2378" t="s">
        <v>9063</v>
      </c>
      <c r="E2378" t="s">
        <v>93</v>
      </c>
      <c r="F2378">
        <v>506</v>
      </c>
      <c r="G2378">
        <v>125.9644268774704</v>
      </c>
      <c r="H2378">
        <v>124</v>
      </c>
      <c r="I2378">
        <v>5520.3821337624386</v>
      </c>
      <c r="J2378">
        <v>74.29927411329426</v>
      </c>
      <c r="K2378">
        <v>3.5002737930024737E-2</v>
      </c>
      <c r="L2378">
        <v>-1.199337404830668</v>
      </c>
      <c r="M2378">
        <v>7.6278753870096851</v>
      </c>
      <c r="N2378">
        <v>7</v>
      </c>
      <c r="O2378">
        <v>1</v>
      </c>
      <c r="P2378">
        <v>6</v>
      </c>
      <c r="Q2378">
        <v>1.2030516969536731</v>
      </c>
      <c r="R2378">
        <v>5.2872403181683714</v>
      </c>
      <c r="S2378">
        <v>2</v>
      </c>
      <c r="T2378">
        <v>1</v>
      </c>
      <c r="U2378">
        <v>1</v>
      </c>
      <c r="V2378">
        <v>6.2931180084868449E-2</v>
      </c>
      <c r="W2378">
        <v>6.2190681545778572</v>
      </c>
      <c r="X2378">
        <v>1</v>
      </c>
      <c r="Y2378">
        <v>1</v>
      </c>
      <c r="Z2378">
        <v>0</v>
      </c>
      <c r="AA2378">
        <v>0</v>
      </c>
      <c r="AB2378">
        <v>6.2225762680713688</v>
      </c>
      <c r="AC2378">
        <v>1</v>
      </c>
      <c r="AD2378">
        <v>1</v>
      </c>
      <c r="AE2378">
        <v>0</v>
      </c>
      <c r="AF2378">
        <v>0</v>
      </c>
      <c r="AG2378">
        <v>6.2205901700997366</v>
      </c>
      <c r="AH2378">
        <v>-1.018940562031917E-2</v>
      </c>
      <c r="AI2378">
        <v>6.660143752622201E-2</v>
      </c>
      <c r="AJ2378">
        <v>-5.6687557984732427E-2</v>
      </c>
      <c r="AK2378">
        <v>2.491313218860117E-2</v>
      </c>
      <c r="AL2378">
        <v>1600.50776818387</v>
      </c>
      <c r="AM2378">
        <v>2874.0927062262781</v>
      </c>
      <c r="AN2378">
        <v>63738</v>
      </c>
      <c r="AO2378">
        <v>103.57907494352089</v>
      </c>
      <c r="AP2378">
        <v>1370.251030896103</v>
      </c>
      <c r="AQ2378">
        <v>1.045454545454545</v>
      </c>
      <c r="AR2378">
        <v>3.9426877470355728</v>
      </c>
      <c r="AS2378">
        <v>506</v>
      </c>
      <c r="AT2378">
        <v>146.094861660079</v>
      </c>
      <c r="AU2378">
        <v>2.700147252576918E-2</v>
      </c>
      <c r="AV2378">
        <v>-1.0212620344828911E-2</v>
      </c>
      <c r="AW2378">
        <v>0.37549407114624511</v>
      </c>
      <c r="AX2378">
        <v>87.03366336633664</v>
      </c>
      <c r="AY2378">
        <v>63</v>
      </c>
      <c r="AZ2378">
        <v>125</v>
      </c>
      <c r="BA2378">
        <v>0.58984330699624865</v>
      </c>
      <c r="BB2378">
        <v>0.49407114624505932</v>
      </c>
      <c r="BC2378">
        <v>5.098389064424854</v>
      </c>
      <c r="BD2378" t="s">
        <v>9064</v>
      </c>
      <c r="BE2378" t="s">
        <v>68</v>
      </c>
    </row>
    <row r="2379" spans="1:57" x14ac:dyDescent="0.3">
      <c r="A2379" t="s">
        <v>9065</v>
      </c>
      <c r="B2379">
        <v>1170</v>
      </c>
      <c r="C2379" t="s">
        <v>9066</v>
      </c>
      <c r="D2379" t="s">
        <v>9067</v>
      </c>
      <c r="E2379" t="s">
        <v>85</v>
      </c>
      <c r="F2379">
        <v>8</v>
      </c>
      <c r="G2379">
        <v>147</v>
      </c>
      <c r="H2379">
        <v>159</v>
      </c>
      <c r="I2379">
        <v>3321.25</v>
      </c>
      <c r="J2379">
        <v>57.630287176102122</v>
      </c>
      <c r="K2379">
        <v>-0.55825463372329831</v>
      </c>
      <c r="L2379">
        <v>-1.022183618477349</v>
      </c>
      <c r="M2379">
        <v>3</v>
      </c>
      <c r="N2379">
        <v>1</v>
      </c>
      <c r="O2379">
        <v>1</v>
      </c>
      <c r="P2379">
        <v>0</v>
      </c>
      <c r="Q2379">
        <v>0</v>
      </c>
      <c r="R2379">
        <v>2.0794415416798362</v>
      </c>
      <c r="S2379">
        <v>1</v>
      </c>
      <c r="T2379">
        <v>1</v>
      </c>
      <c r="U2379">
        <v>0</v>
      </c>
      <c r="V2379">
        <v>0</v>
      </c>
      <c r="W2379">
        <v>1.945910149055313</v>
      </c>
      <c r="X2379">
        <v>1</v>
      </c>
      <c r="Y2379">
        <v>1</v>
      </c>
      <c r="Z2379">
        <v>0</v>
      </c>
      <c r="AA2379">
        <v>0</v>
      </c>
      <c r="AB2379">
        <v>1.791759469228055</v>
      </c>
      <c r="AC2379">
        <v>1</v>
      </c>
      <c r="AD2379">
        <v>1</v>
      </c>
      <c r="AE2379">
        <v>0</v>
      </c>
      <c r="AF2379">
        <v>0</v>
      </c>
      <c r="AG2379">
        <v>1.6094379124341009</v>
      </c>
      <c r="AH2379">
        <v>0.26970267218667671</v>
      </c>
      <c r="AI2379">
        <v>-0.3737297704177644</v>
      </c>
      <c r="AJ2379">
        <v>-2.5065863756115921E-2</v>
      </c>
      <c r="AK2379">
        <v>0</v>
      </c>
      <c r="AL2379">
        <v>284.22386175377551</v>
      </c>
      <c r="AM2379">
        <v>344.4688613064622</v>
      </c>
      <c r="AN2379">
        <v>1176</v>
      </c>
      <c r="AO2379">
        <v>10</v>
      </c>
      <c r="AP2379">
        <v>202.64747716169569</v>
      </c>
      <c r="AQ2379">
        <v>3.5</v>
      </c>
      <c r="AR2379">
        <v>3.875</v>
      </c>
      <c r="AS2379">
        <v>8</v>
      </c>
      <c r="AT2379">
        <v>0</v>
      </c>
      <c r="AU2379">
        <v>0.22685185185185189</v>
      </c>
      <c r="AV2379">
        <v>0.27114015523853641</v>
      </c>
      <c r="AW2379">
        <v>0.25</v>
      </c>
      <c r="AX2379">
        <v>53.714285714285722</v>
      </c>
      <c r="AY2379">
        <v>37</v>
      </c>
      <c r="AZ2379">
        <v>71.75</v>
      </c>
      <c r="BA2379">
        <v>0.39204276990545661</v>
      </c>
      <c r="BB2379">
        <v>0.625</v>
      </c>
      <c r="BC2379">
        <v>1.7478680974667571</v>
      </c>
      <c r="BD2379" t="s">
        <v>9066</v>
      </c>
      <c r="BE2379" t="s">
        <v>68</v>
      </c>
    </row>
    <row r="2380" spans="1:57" x14ac:dyDescent="0.3">
      <c r="A2380" t="s">
        <v>9068</v>
      </c>
      <c r="B2380">
        <v>2547</v>
      </c>
      <c r="C2380" t="s">
        <v>9069</v>
      </c>
      <c r="D2380" t="s">
        <v>9070</v>
      </c>
      <c r="E2380" t="s">
        <v>115</v>
      </c>
      <c r="F2380">
        <v>2630</v>
      </c>
      <c r="G2380">
        <v>127.6205323193916</v>
      </c>
      <c r="H2380">
        <v>129</v>
      </c>
      <c r="I2380">
        <v>5481.020262834506</v>
      </c>
      <c r="J2380">
        <v>74.033912923973602</v>
      </c>
      <c r="K2380">
        <v>-3.8308305754003432E-3</v>
      </c>
      <c r="L2380">
        <v>-1.2064185555717859</v>
      </c>
      <c r="M2380">
        <v>7.918484550001379</v>
      </c>
      <c r="N2380">
        <v>20</v>
      </c>
      <c r="O2380">
        <v>1</v>
      </c>
      <c r="P2380">
        <v>19</v>
      </c>
      <c r="Q2380">
        <v>3.373182019042813</v>
      </c>
      <c r="R2380">
        <v>5.4886752401409344</v>
      </c>
      <c r="S2380">
        <v>2</v>
      </c>
      <c r="T2380">
        <v>1</v>
      </c>
      <c r="U2380">
        <v>1</v>
      </c>
      <c r="V2380">
        <v>0.13925307561137801</v>
      </c>
      <c r="W2380">
        <v>7.8474660851265661</v>
      </c>
      <c r="X2380">
        <v>2</v>
      </c>
      <c r="Y2380">
        <v>1</v>
      </c>
      <c r="Z2380">
        <v>1</v>
      </c>
      <c r="AA2380">
        <v>1.950685645271253E-2</v>
      </c>
      <c r="AB2380">
        <v>7.8734508703346666</v>
      </c>
      <c r="AC2380">
        <v>1</v>
      </c>
      <c r="AD2380">
        <v>1</v>
      </c>
      <c r="AE2380">
        <v>0</v>
      </c>
      <c r="AF2380">
        <v>0</v>
      </c>
      <c r="AG2380">
        <v>7.8735977896855402</v>
      </c>
      <c r="AH2380">
        <v>4.58222619723022E-2</v>
      </c>
      <c r="AI2380">
        <v>3.3731749628156241E-2</v>
      </c>
      <c r="AJ2380">
        <v>-2.0166592307355211E-2</v>
      </c>
      <c r="AK2380">
        <v>1.525907292707265E-2</v>
      </c>
      <c r="AL2380">
        <v>3482.7660801798438</v>
      </c>
      <c r="AM2380">
        <v>6717.159699660916</v>
      </c>
      <c r="AN2380">
        <v>335642</v>
      </c>
      <c r="AO2380">
        <v>81.329664567947248</v>
      </c>
      <c r="AP2380">
        <v>3134.3800548869608</v>
      </c>
      <c r="AQ2380">
        <v>1.0087452471482889</v>
      </c>
      <c r="AR2380">
        <v>3.9684410646387831</v>
      </c>
      <c r="AS2380">
        <v>2621</v>
      </c>
      <c r="AT2380">
        <v>283.53307984790871</v>
      </c>
      <c r="AU2380">
        <v>1.0385446954447101E-2</v>
      </c>
      <c r="AV2380">
        <v>4.5828865872968798E-2</v>
      </c>
      <c r="AW2380">
        <v>0.36349809885931561</v>
      </c>
      <c r="AX2380">
        <v>83.248763788512747</v>
      </c>
      <c r="AY2380">
        <v>63</v>
      </c>
      <c r="AZ2380">
        <v>127</v>
      </c>
      <c r="BA2380">
        <v>0.58010973295967305</v>
      </c>
      <c r="BB2380">
        <v>0.50646387832699624</v>
      </c>
      <c r="BC2380">
        <v>5.2934557097264978</v>
      </c>
      <c r="BD2380" t="s">
        <v>9071</v>
      </c>
      <c r="BE2380" t="s">
        <v>68</v>
      </c>
    </row>
    <row r="2381" spans="1:57" x14ac:dyDescent="0.3">
      <c r="A2381" t="s">
        <v>9072</v>
      </c>
      <c r="B2381">
        <v>767</v>
      </c>
      <c r="C2381" t="s">
        <v>9073</v>
      </c>
      <c r="D2381" t="s">
        <v>9074</v>
      </c>
      <c r="E2381" t="s">
        <v>115</v>
      </c>
      <c r="F2381">
        <v>800</v>
      </c>
      <c r="G2381">
        <v>128.46375</v>
      </c>
      <c r="H2381">
        <v>129</v>
      </c>
      <c r="I2381">
        <v>5387.4886859375001</v>
      </c>
      <c r="J2381">
        <v>73.399514207775923</v>
      </c>
      <c r="K2381">
        <v>-3.7999369387162002E-2</v>
      </c>
      <c r="L2381">
        <v>-1.1934146428127279</v>
      </c>
      <c r="M2381">
        <v>7.7650999622137542</v>
      </c>
      <c r="N2381">
        <v>9</v>
      </c>
      <c r="O2381">
        <v>1</v>
      </c>
      <c r="P2381">
        <v>8</v>
      </c>
      <c r="Q2381">
        <v>1.598155955252633</v>
      </c>
      <c r="R2381">
        <v>5.3823571455745984</v>
      </c>
      <c r="S2381">
        <v>2</v>
      </c>
      <c r="T2381">
        <v>1</v>
      </c>
      <c r="U2381">
        <v>1</v>
      </c>
      <c r="V2381">
        <v>0.10005744089713969</v>
      </c>
      <c r="W2381">
        <v>6.6694806517876017</v>
      </c>
      <c r="X2381">
        <v>1</v>
      </c>
      <c r="Y2381">
        <v>1</v>
      </c>
      <c r="Z2381">
        <v>0</v>
      </c>
      <c r="AA2381">
        <v>0</v>
      </c>
      <c r="AB2381">
        <v>6.6821085974498082</v>
      </c>
      <c r="AC2381">
        <v>1</v>
      </c>
      <c r="AD2381">
        <v>1</v>
      </c>
      <c r="AE2381">
        <v>0</v>
      </c>
      <c r="AF2381">
        <v>0</v>
      </c>
      <c r="AG2381">
        <v>6.6808546787902152</v>
      </c>
      <c r="AH2381">
        <v>-6.3084924550228752E-2</v>
      </c>
      <c r="AI2381">
        <v>5.2997942185498637E-2</v>
      </c>
      <c r="AJ2381">
        <v>-6.4087438114744854E-3</v>
      </c>
      <c r="AK2381">
        <v>-2.8703797377232269E-2</v>
      </c>
      <c r="AL2381">
        <v>1966.033317512838</v>
      </c>
      <c r="AM2381">
        <v>3694.1916564289759</v>
      </c>
      <c r="AN2381">
        <v>102771</v>
      </c>
      <c r="AO2381">
        <v>98.250423517819868</v>
      </c>
      <c r="AP2381">
        <v>1757.712777075569</v>
      </c>
      <c r="AQ2381">
        <v>1.0287500000000001</v>
      </c>
      <c r="AR2381">
        <v>4.0262500000000001</v>
      </c>
      <c r="AS2381">
        <v>799</v>
      </c>
      <c r="AT2381">
        <v>191.63749999999999</v>
      </c>
      <c r="AU2381">
        <v>2.487745098039218E-2</v>
      </c>
      <c r="AV2381">
        <v>-6.3130571853384165E-2</v>
      </c>
      <c r="AW2381">
        <v>0.35499999999999998</v>
      </c>
      <c r="AX2381">
        <v>88.390488110137667</v>
      </c>
      <c r="AY2381">
        <v>64</v>
      </c>
      <c r="AZ2381">
        <v>128.25</v>
      </c>
      <c r="BA2381">
        <v>0.57136362754299108</v>
      </c>
      <c r="BB2381">
        <v>0.50375000000000003</v>
      </c>
      <c r="BC2381">
        <v>5.1990060979684181</v>
      </c>
      <c r="BD2381" t="s">
        <v>9075</v>
      </c>
      <c r="BE2381" t="s">
        <v>62</v>
      </c>
    </row>
    <row r="2382" spans="1:57" x14ac:dyDescent="0.3">
      <c r="A2382" t="s">
        <v>9076</v>
      </c>
      <c r="B2382">
        <v>3070</v>
      </c>
      <c r="C2382" t="s">
        <v>9077</v>
      </c>
      <c r="D2382" t="s">
        <v>9078</v>
      </c>
      <c r="E2382" t="s">
        <v>66</v>
      </c>
      <c r="F2382">
        <v>71</v>
      </c>
      <c r="G2382">
        <v>119.5915492957746</v>
      </c>
      <c r="H2382">
        <v>125</v>
      </c>
      <c r="I2382">
        <v>5422.5233088672894</v>
      </c>
      <c r="J2382">
        <v>73.637784519004157</v>
      </c>
      <c r="K2382">
        <v>7.8276452089490439E-2</v>
      </c>
      <c r="L2382">
        <v>-0.98158437051326919</v>
      </c>
      <c r="M2382">
        <v>5.8467925419789459</v>
      </c>
      <c r="N2382">
        <v>3</v>
      </c>
      <c r="O2382">
        <v>1</v>
      </c>
      <c r="P2382">
        <v>2</v>
      </c>
      <c r="Q2382">
        <v>0.45014853172937652</v>
      </c>
      <c r="R2382">
        <v>4.0526877657916254</v>
      </c>
      <c r="S2382">
        <v>2</v>
      </c>
      <c r="T2382">
        <v>1</v>
      </c>
      <c r="U2382">
        <v>1</v>
      </c>
      <c r="V2382">
        <v>0.11951030798891769</v>
      </c>
      <c r="W2382">
        <v>4.2286910368905044</v>
      </c>
      <c r="X2382">
        <v>1</v>
      </c>
      <c r="Y2382">
        <v>1</v>
      </c>
      <c r="Z2382">
        <v>0</v>
      </c>
      <c r="AA2382">
        <v>0</v>
      </c>
      <c r="AB2382">
        <v>4.2341065045972579</v>
      </c>
      <c r="AC2382">
        <v>1</v>
      </c>
      <c r="AD2382">
        <v>1</v>
      </c>
      <c r="AE2382">
        <v>0</v>
      </c>
      <c r="AF2382">
        <v>0</v>
      </c>
      <c r="AG2382">
        <v>4.2195077051761087</v>
      </c>
      <c r="AH2382">
        <v>1.22431274745647E-2</v>
      </c>
      <c r="AI2382">
        <v>6.0172925561905587E-2</v>
      </c>
      <c r="AJ2382">
        <v>0.1100207198057829</v>
      </c>
      <c r="AK2382">
        <v>3.2067988782699897E-2</v>
      </c>
      <c r="AL2382">
        <v>668.44275713386526</v>
      </c>
      <c r="AM2382">
        <v>976.54251337833523</v>
      </c>
      <c r="AN2382">
        <v>8491</v>
      </c>
      <c r="AO2382">
        <v>29.49570080259819</v>
      </c>
      <c r="AP2382">
        <v>567.14058036446511</v>
      </c>
      <c r="AQ2382">
        <v>1.323943661971831</v>
      </c>
      <c r="AR2382">
        <v>3.746478873239437</v>
      </c>
      <c r="AS2382">
        <v>71</v>
      </c>
      <c r="AT2382">
        <v>10.619718309859159</v>
      </c>
      <c r="AU2382">
        <v>8.4783209058271192E-2</v>
      </c>
      <c r="AV2382">
        <v>1.223708715318435E-2</v>
      </c>
      <c r="AW2382">
        <v>0.38028169014084512</v>
      </c>
      <c r="AX2382">
        <v>81.057142857142864</v>
      </c>
      <c r="AY2382">
        <v>56</v>
      </c>
      <c r="AZ2382">
        <v>116</v>
      </c>
      <c r="BA2382">
        <v>0.61574404673763927</v>
      </c>
      <c r="BB2382">
        <v>0.50704225352112675</v>
      </c>
      <c r="BC2382">
        <v>4.0306489853019478</v>
      </c>
      <c r="BD2382" t="s">
        <v>9079</v>
      </c>
      <c r="BE2382" t="s">
        <v>68</v>
      </c>
    </row>
    <row r="2383" spans="1:57" x14ac:dyDescent="0.3">
      <c r="A2383" t="s">
        <v>9080</v>
      </c>
      <c r="B2383">
        <v>649</v>
      </c>
      <c r="C2383" t="s">
        <v>9081</v>
      </c>
      <c r="D2383" t="s">
        <v>9082</v>
      </c>
      <c r="E2383" t="s">
        <v>115</v>
      </c>
      <c r="F2383">
        <v>688</v>
      </c>
      <c r="G2383">
        <v>126.43023255813949</v>
      </c>
      <c r="H2383">
        <v>121.5</v>
      </c>
      <c r="I2383">
        <v>5707.3497836668485</v>
      </c>
      <c r="J2383">
        <v>75.547003803372959</v>
      </c>
      <c r="K2383">
        <v>3.2976945063162608E-2</v>
      </c>
      <c r="L2383">
        <v>-1.2619658066866639</v>
      </c>
      <c r="M2383">
        <v>7.7355909841114139</v>
      </c>
      <c r="N2383">
        <v>7</v>
      </c>
      <c r="O2383">
        <v>1</v>
      </c>
      <c r="P2383">
        <v>6</v>
      </c>
      <c r="Q2383">
        <v>1.377465338807315</v>
      </c>
      <c r="R2383">
        <v>5.3619030806017678</v>
      </c>
      <c r="S2383">
        <v>2</v>
      </c>
      <c r="T2383">
        <v>1</v>
      </c>
      <c r="U2383">
        <v>1</v>
      </c>
      <c r="V2383">
        <v>3.8152339149569683E-2</v>
      </c>
      <c r="W2383">
        <v>6.5303163965001971</v>
      </c>
      <c r="X2383">
        <v>1</v>
      </c>
      <c r="Y2383">
        <v>1</v>
      </c>
      <c r="Z2383">
        <v>0</v>
      </c>
      <c r="AA2383">
        <v>0</v>
      </c>
      <c r="AB2383">
        <v>6.5308776277258831</v>
      </c>
      <c r="AC2383">
        <v>1</v>
      </c>
      <c r="AD2383">
        <v>1</v>
      </c>
      <c r="AE2383">
        <v>0</v>
      </c>
      <c r="AF2383">
        <v>0</v>
      </c>
      <c r="AG2383">
        <v>6.5294188382622256</v>
      </c>
      <c r="AH2383">
        <v>-3.519635734907544E-2</v>
      </c>
      <c r="AI2383">
        <v>3.9790943763741038E-2</v>
      </c>
      <c r="AJ2383">
        <v>-1.2163068275396019E-2</v>
      </c>
      <c r="AK2383">
        <v>2.7416171758645209E-2</v>
      </c>
      <c r="AL2383">
        <v>1850.409645854515</v>
      </c>
      <c r="AM2383">
        <v>3391.1720897837922</v>
      </c>
      <c r="AN2383">
        <v>86984</v>
      </c>
      <c r="AO2383">
        <v>117.26471541057821</v>
      </c>
      <c r="AP2383">
        <v>1563.3778712466531</v>
      </c>
      <c r="AQ2383">
        <v>1.033430232558139</v>
      </c>
      <c r="AR2383">
        <v>4.0334302325581399</v>
      </c>
      <c r="AS2383">
        <v>683</v>
      </c>
      <c r="AT2383">
        <v>157.53197674418601</v>
      </c>
      <c r="AU2383">
        <v>2.7188782489740101E-2</v>
      </c>
      <c r="AV2383">
        <v>-3.5280815677123503E-2</v>
      </c>
      <c r="AW2383">
        <v>0.37790697674418611</v>
      </c>
      <c r="AX2383">
        <v>89.21834061135371</v>
      </c>
      <c r="AY2383">
        <v>65.5</v>
      </c>
      <c r="AZ2383">
        <v>130.25</v>
      </c>
      <c r="BA2383">
        <v>0.59753907174561527</v>
      </c>
      <c r="BB2383">
        <v>0.48837209302325579</v>
      </c>
      <c r="BC2383">
        <v>5.180671419413363</v>
      </c>
      <c r="BD2383" t="s">
        <v>9083</v>
      </c>
      <c r="BE2383" t="s">
        <v>62</v>
      </c>
    </row>
    <row r="2384" spans="1:57" x14ac:dyDescent="0.3">
      <c r="A2384" t="s">
        <v>9084</v>
      </c>
      <c r="B2384">
        <v>2284</v>
      </c>
      <c r="C2384" t="s">
        <v>9085</v>
      </c>
      <c r="D2384" t="s">
        <v>9086</v>
      </c>
      <c r="E2384" t="s">
        <v>93</v>
      </c>
      <c r="F2384">
        <v>2284</v>
      </c>
      <c r="G2384">
        <v>127.6764448336252</v>
      </c>
      <c r="H2384">
        <v>129</v>
      </c>
      <c r="I2384">
        <v>5323.2092349965196</v>
      </c>
      <c r="J2384">
        <v>72.960326445243652</v>
      </c>
      <c r="K2384">
        <v>-1.455800216185456E-2</v>
      </c>
      <c r="L2384">
        <v>-1.164495443504391</v>
      </c>
      <c r="M2384">
        <v>7.9054576549557583</v>
      </c>
      <c r="N2384">
        <v>18</v>
      </c>
      <c r="O2384">
        <v>1</v>
      </c>
      <c r="P2384">
        <v>17</v>
      </c>
      <c r="Q2384">
        <v>3.1797930725717038</v>
      </c>
      <c r="R2384">
        <v>5.479645684568621</v>
      </c>
      <c r="S2384">
        <v>3</v>
      </c>
      <c r="T2384">
        <v>1</v>
      </c>
      <c r="U2384">
        <v>2</v>
      </c>
      <c r="V2384">
        <v>0.1238565478464681</v>
      </c>
      <c r="W2384">
        <v>7.7129780328369701</v>
      </c>
      <c r="X2384">
        <v>1</v>
      </c>
      <c r="Y2384">
        <v>1</v>
      </c>
      <c r="Z2384">
        <v>0</v>
      </c>
      <c r="AA2384">
        <v>0</v>
      </c>
      <c r="AB2384">
        <v>7.7328075304220238</v>
      </c>
      <c r="AC2384">
        <v>1</v>
      </c>
      <c r="AD2384">
        <v>1</v>
      </c>
      <c r="AE2384">
        <v>0</v>
      </c>
      <c r="AF2384">
        <v>0</v>
      </c>
      <c r="AG2384">
        <v>7.7323692222843876</v>
      </c>
      <c r="AH2384">
        <v>-3.7227104169721567E-2</v>
      </c>
      <c r="AI2384">
        <v>4.0684761077598948E-2</v>
      </c>
      <c r="AJ2384">
        <v>5.4983858388263276E-3</v>
      </c>
      <c r="AK2384">
        <v>-2.5998448930379829E-2</v>
      </c>
      <c r="AL2384">
        <v>3205.4491316755489</v>
      </c>
      <c r="AM2384">
        <v>6254.2319164099163</v>
      </c>
      <c r="AN2384">
        <v>291612.99999999988</v>
      </c>
      <c r="AO2384">
        <v>112.431520446072</v>
      </c>
      <c r="AP2384">
        <v>2875.3524960207369</v>
      </c>
      <c r="AQ2384">
        <v>1.0100700525394051</v>
      </c>
      <c r="AR2384">
        <v>3.987740805604203</v>
      </c>
      <c r="AS2384">
        <v>2271</v>
      </c>
      <c r="AT2384">
        <v>290.12259194395801</v>
      </c>
      <c r="AU2384">
        <v>1.6118951959067322E-2</v>
      </c>
      <c r="AV2384">
        <v>-3.7241359699554673E-2</v>
      </c>
      <c r="AW2384">
        <v>0.36514886164623472</v>
      </c>
      <c r="AX2384">
        <v>85.904073587385014</v>
      </c>
      <c r="AY2384">
        <v>62</v>
      </c>
      <c r="AZ2384">
        <v>124</v>
      </c>
      <c r="BA2384">
        <v>0.57144703974423805</v>
      </c>
      <c r="BB2384">
        <v>0.50569176882661993</v>
      </c>
      <c r="BC2384">
        <v>5.3090171391776284</v>
      </c>
      <c r="BD2384" t="s">
        <v>9087</v>
      </c>
      <c r="BE2384" t="s">
        <v>68</v>
      </c>
    </row>
    <row r="2385" spans="1:57" x14ac:dyDescent="0.3">
      <c r="A2385" t="s">
        <v>9088</v>
      </c>
      <c r="B2385">
        <v>135</v>
      </c>
      <c r="C2385" t="s">
        <v>9089</v>
      </c>
      <c r="D2385" t="s">
        <v>9090</v>
      </c>
      <c r="E2385" t="s">
        <v>60</v>
      </c>
      <c r="F2385">
        <v>512</v>
      </c>
      <c r="G2385">
        <v>128.83203125</v>
      </c>
      <c r="H2385">
        <v>129</v>
      </c>
      <c r="I2385">
        <v>5439.4639739990234</v>
      </c>
      <c r="J2385">
        <v>73.752721807395176</v>
      </c>
      <c r="K2385">
        <v>1.6125083132955909E-2</v>
      </c>
      <c r="L2385">
        <v>-1.1426856088934689</v>
      </c>
      <c r="M2385">
        <v>7.6092144732547782</v>
      </c>
      <c r="N2385">
        <v>7</v>
      </c>
      <c r="O2385">
        <v>1</v>
      </c>
      <c r="P2385">
        <v>6</v>
      </c>
      <c r="Q2385">
        <v>1.2530574852034879</v>
      </c>
      <c r="R2385">
        <v>5.2743055584124781</v>
      </c>
      <c r="S2385">
        <v>2</v>
      </c>
      <c r="T2385">
        <v>1</v>
      </c>
      <c r="U2385">
        <v>1</v>
      </c>
      <c r="V2385">
        <v>6.2560641760670568E-2</v>
      </c>
      <c r="W2385">
        <v>6.2309437805711401</v>
      </c>
      <c r="X2385">
        <v>1</v>
      </c>
      <c r="Y2385">
        <v>1</v>
      </c>
      <c r="Z2385">
        <v>0</v>
      </c>
      <c r="AA2385">
        <v>0</v>
      </c>
      <c r="AB2385">
        <v>6.2344107257183694</v>
      </c>
      <c r="AC2385">
        <v>1</v>
      </c>
      <c r="AD2385">
        <v>1</v>
      </c>
      <c r="AE2385">
        <v>0</v>
      </c>
      <c r="AF2385">
        <v>0</v>
      </c>
      <c r="AG2385">
        <v>6.2324480165505216</v>
      </c>
      <c r="AH2385">
        <v>-1.34269287611697E-2</v>
      </c>
      <c r="AI2385">
        <v>3.3872349624391743E-2</v>
      </c>
      <c r="AJ2385">
        <v>8.6291716477639585E-2</v>
      </c>
      <c r="AK2385">
        <v>-3.095903865968571E-2</v>
      </c>
      <c r="AL2385">
        <v>1611.31806972153</v>
      </c>
      <c r="AM2385">
        <v>2947.317098343658</v>
      </c>
      <c r="AN2385">
        <v>65962</v>
      </c>
      <c r="AO2385">
        <v>116.22061537267849</v>
      </c>
      <c r="AP2385">
        <v>1403.033737261128</v>
      </c>
      <c r="AQ2385">
        <v>1.044921875</v>
      </c>
      <c r="AR2385">
        <v>3.984375</v>
      </c>
      <c r="AS2385">
        <v>510</v>
      </c>
      <c r="AT2385">
        <v>153.875</v>
      </c>
      <c r="AU2385">
        <v>2.6876531862745079E-2</v>
      </c>
      <c r="AV2385">
        <v>-1.34355379371388E-2</v>
      </c>
      <c r="AW2385">
        <v>0.369140625</v>
      </c>
      <c r="AX2385">
        <v>85.759295499021533</v>
      </c>
      <c r="AY2385">
        <v>63</v>
      </c>
      <c r="AZ2385">
        <v>126.5</v>
      </c>
      <c r="BA2385">
        <v>0.57247193179992006</v>
      </c>
      <c r="BB2385">
        <v>0.501953125</v>
      </c>
      <c r="BC2385">
        <v>5.108726988359205</v>
      </c>
      <c r="BD2385" t="s">
        <v>9091</v>
      </c>
      <c r="BE2385" t="s">
        <v>62</v>
      </c>
    </row>
    <row r="2386" spans="1:57" x14ac:dyDescent="0.3">
      <c r="A2386" t="s">
        <v>9092</v>
      </c>
      <c r="B2386">
        <v>1575</v>
      </c>
      <c r="C2386" t="s">
        <v>9093</v>
      </c>
      <c r="D2386" t="s">
        <v>9094</v>
      </c>
      <c r="E2386" t="s">
        <v>128</v>
      </c>
      <c r="F2386">
        <v>32</v>
      </c>
      <c r="G2386">
        <v>154.65625</v>
      </c>
      <c r="H2386">
        <v>161</v>
      </c>
      <c r="I2386">
        <v>3715.9130859375</v>
      </c>
      <c r="J2386">
        <v>60.958289722871157</v>
      </c>
      <c r="K2386">
        <v>-0.32420276237443618</v>
      </c>
      <c r="L2386">
        <v>-0.62292206149939444</v>
      </c>
      <c r="M2386">
        <v>5</v>
      </c>
      <c r="N2386">
        <v>1</v>
      </c>
      <c r="O2386">
        <v>1</v>
      </c>
      <c r="P2386">
        <v>0</v>
      </c>
      <c r="Q2386">
        <v>0</v>
      </c>
      <c r="R2386">
        <v>3.465735902799727</v>
      </c>
      <c r="S2386">
        <v>1</v>
      </c>
      <c r="T2386">
        <v>1</v>
      </c>
      <c r="U2386">
        <v>0</v>
      </c>
      <c r="V2386">
        <v>0</v>
      </c>
      <c r="W2386">
        <v>3.4339872044851458</v>
      </c>
      <c r="X2386">
        <v>1</v>
      </c>
      <c r="Y2386">
        <v>1</v>
      </c>
      <c r="Z2386">
        <v>0</v>
      </c>
      <c r="AA2386">
        <v>0</v>
      </c>
      <c r="AB2386">
        <v>3.401197381662155</v>
      </c>
      <c r="AC2386">
        <v>1</v>
      </c>
      <c r="AD2386">
        <v>1</v>
      </c>
      <c r="AE2386">
        <v>0</v>
      </c>
      <c r="AF2386">
        <v>0</v>
      </c>
      <c r="AG2386">
        <v>3.3672958299864728</v>
      </c>
      <c r="AH2386">
        <v>9.7612337865414664E-2</v>
      </c>
      <c r="AI2386">
        <v>9.9849921618251319E-2</v>
      </c>
      <c r="AJ2386">
        <v>-0.2466823840797667</v>
      </c>
      <c r="AK2386">
        <v>-5.1834661815276621E-2</v>
      </c>
      <c r="AL2386">
        <v>453.51768515776229</v>
      </c>
      <c r="AM2386">
        <v>823.78681055789241</v>
      </c>
      <c r="AN2386">
        <v>4949</v>
      </c>
      <c r="AO2386">
        <v>47.288304722453603</v>
      </c>
      <c r="AP2386">
        <v>309.90004291483888</v>
      </c>
      <c r="AQ2386">
        <v>1.71875</v>
      </c>
      <c r="AR2386">
        <v>4.28125</v>
      </c>
      <c r="AS2386">
        <v>32</v>
      </c>
      <c r="AT2386">
        <v>0</v>
      </c>
      <c r="AU2386">
        <v>0.19052419354838709</v>
      </c>
      <c r="AV2386">
        <v>0.102112316902381</v>
      </c>
      <c r="AW2386">
        <v>0.28125</v>
      </c>
      <c r="AX2386">
        <v>63.387096774193552</v>
      </c>
      <c r="AY2386">
        <v>49.5</v>
      </c>
      <c r="AZ2386">
        <v>89.75</v>
      </c>
      <c r="BA2386">
        <v>0.39415341910120782</v>
      </c>
      <c r="BB2386">
        <v>0.53125</v>
      </c>
      <c r="BC2386">
        <v>3.3445488586064429</v>
      </c>
      <c r="BD2386" t="s">
        <v>9095</v>
      </c>
      <c r="BE2386" t="s">
        <v>62</v>
      </c>
    </row>
    <row r="2387" spans="1:57" x14ac:dyDescent="0.3">
      <c r="A2387" t="s">
        <v>9096</v>
      </c>
      <c r="B2387">
        <v>1728</v>
      </c>
      <c r="C2387" t="s">
        <v>9097</v>
      </c>
      <c r="D2387" t="s">
        <v>9098</v>
      </c>
      <c r="E2387" t="s">
        <v>10622</v>
      </c>
      <c r="F2387">
        <v>64</v>
      </c>
      <c r="G2387">
        <v>104.78125</v>
      </c>
      <c r="H2387">
        <v>92</v>
      </c>
      <c r="I2387">
        <v>3649.0458984375</v>
      </c>
      <c r="J2387">
        <v>60.407333151178747</v>
      </c>
      <c r="K2387">
        <v>0.36302998554238231</v>
      </c>
      <c r="L2387">
        <v>-0.83916063295059873</v>
      </c>
      <c r="M2387">
        <v>5.695159765557392</v>
      </c>
      <c r="N2387">
        <v>3</v>
      </c>
      <c r="O2387">
        <v>1</v>
      </c>
      <c r="P2387">
        <v>2</v>
      </c>
      <c r="Q2387">
        <v>0.45780648407324248</v>
      </c>
      <c r="R2387">
        <v>3.947583934334546</v>
      </c>
      <c r="S2387">
        <v>1</v>
      </c>
      <c r="T2387">
        <v>1</v>
      </c>
      <c r="U2387">
        <v>0</v>
      </c>
      <c r="V2387">
        <v>0</v>
      </c>
      <c r="W2387">
        <v>4.1431347263915326</v>
      </c>
      <c r="X2387">
        <v>1</v>
      </c>
      <c r="Y2387">
        <v>1</v>
      </c>
      <c r="Z2387">
        <v>0</v>
      </c>
      <c r="AA2387">
        <v>0</v>
      </c>
      <c r="AB2387">
        <v>4.1271343850450908</v>
      </c>
      <c r="AC2387">
        <v>1</v>
      </c>
      <c r="AD2387">
        <v>1</v>
      </c>
      <c r="AE2387">
        <v>0</v>
      </c>
      <c r="AF2387">
        <v>0</v>
      </c>
      <c r="AG2387">
        <v>4.1108738641733096</v>
      </c>
      <c r="AH2387">
        <v>-2.1129414514121439E-3</v>
      </c>
      <c r="AI2387">
        <v>0.1687183771951305</v>
      </c>
      <c r="AJ2387">
        <v>-0.11916236348301661</v>
      </c>
      <c r="AK2387">
        <v>-0.14032862192680401</v>
      </c>
      <c r="AL2387">
        <v>530.30706685441487</v>
      </c>
      <c r="AM2387">
        <v>809.30613172288975</v>
      </c>
      <c r="AN2387">
        <v>6706</v>
      </c>
      <c r="AO2387">
        <v>27.166177459423938</v>
      </c>
      <c r="AP2387">
        <v>393.46658590115862</v>
      </c>
      <c r="AQ2387">
        <v>1.359375</v>
      </c>
      <c r="AR2387">
        <v>3.640625</v>
      </c>
      <c r="AS2387">
        <v>64</v>
      </c>
      <c r="AT2387">
        <v>9.9062500000000036</v>
      </c>
      <c r="AU2387">
        <v>0.19143700787401571</v>
      </c>
      <c r="AV2387">
        <v>-1.896753393594441E-3</v>
      </c>
      <c r="AW2387">
        <v>0.5</v>
      </c>
      <c r="AX2387">
        <v>67.952380952380949</v>
      </c>
      <c r="AY2387">
        <v>46.5</v>
      </c>
      <c r="AZ2387">
        <v>92.25</v>
      </c>
      <c r="BA2387">
        <v>0.57650899517975551</v>
      </c>
      <c r="BB2387">
        <v>0.453125</v>
      </c>
      <c r="BC2387">
        <v>3.9367871487114772</v>
      </c>
      <c r="BD2387" t="s">
        <v>9099</v>
      </c>
      <c r="BE2387" t="s">
        <v>62</v>
      </c>
    </row>
    <row r="2388" spans="1:57" x14ac:dyDescent="0.3">
      <c r="A2388" t="s">
        <v>9100</v>
      </c>
      <c r="B2388">
        <v>3279</v>
      </c>
      <c r="C2388" t="s">
        <v>9101</v>
      </c>
      <c r="D2388" t="s">
        <v>9102</v>
      </c>
      <c r="E2388" t="s">
        <v>72</v>
      </c>
      <c r="F2388">
        <v>3328</v>
      </c>
      <c r="G2388">
        <v>127.87379807692309</v>
      </c>
      <c r="H2388">
        <v>128</v>
      </c>
      <c r="I2388">
        <v>5608.9173663438423</v>
      </c>
      <c r="J2388">
        <v>74.892705695173291</v>
      </c>
      <c r="K2388">
        <v>2.8302866784254361E-3</v>
      </c>
      <c r="L2388">
        <v>-1.2331157527080481</v>
      </c>
      <c r="M2388">
        <v>7.9366141113430961</v>
      </c>
      <c r="N2388">
        <v>23</v>
      </c>
      <c r="O2388">
        <v>4</v>
      </c>
      <c r="P2388">
        <v>19</v>
      </c>
      <c r="Q2388">
        <v>3.814036575598089</v>
      </c>
      <c r="R2388">
        <v>5.5012416944697531</v>
      </c>
      <c r="S2388">
        <v>2</v>
      </c>
      <c r="T2388">
        <v>1</v>
      </c>
      <c r="U2388">
        <v>1</v>
      </c>
      <c r="V2388">
        <v>0.15598428664364361</v>
      </c>
      <c r="W2388">
        <v>8.076075195991212</v>
      </c>
      <c r="X2388">
        <v>1</v>
      </c>
      <c r="Y2388">
        <v>1</v>
      </c>
      <c r="Z2388">
        <v>0</v>
      </c>
      <c r="AA2388">
        <v>0</v>
      </c>
      <c r="AB2388">
        <v>8.109525659752876</v>
      </c>
      <c r="AC2388">
        <v>1</v>
      </c>
      <c r="AD2388">
        <v>1</v>
      </c>
      <c r="AE2388">
        <v>0</v>
      </c>
      <c r="AF2388">
        <v>0</v>
      </c>
      <c r="AG2388">
        <v>8.1092249530899529</v>
      </c>
      <c r="AH2388">
        <v>-3.1577729160898798E-3</v>
      </c>
      <c r="AI2388">
        <v>-4.0782548127276091E-3</v>
      </c>
      <c r="AJ2388">
        <v>-2.233939334399954E-2</v>
      </c>
      <c r="AK2388">
        <v>9.0212329004125593E-3</v>
      </c>
      <c r="AL2388">
        <v>3967.400704863252</v>
      </c>
      <c r="AM2388">
        <v>7572.6279221318246</v>
      </c>
      <c r="AN2388">
        <v>425564</v>
      </c>
      <c r="AO2388">
        <v>69.917644611092641</v>
      </c>
      <c r="AP2388">
        <v>3674.253822738875</v>
      </c>
      <c r="AQ2388">
        <v>1.0069110576923079</v>
      </c>
      <c r="AR2388">
        <v>3.966646634615385</v>
      </c>
      <c r="AS2388">
        <v>3313</v>
      </c>
      <c r="AT2388">
        <v>286.46153846153851</v>
      </c>
      <c r="AU2388">
        <v>1.8927931749622932E-2</v>
      </c>
      <c r="AV2388">
        <v>-3.1582659756269841E-3</v>
      </c>
      <c r="AW2388">
        <v>0.36478365384615391</v>
      </c>
      <c r="AX2388">
        <v>86.593627892996693</v>
      </c>
      <c r="AY2388">
        <v>65</v>
      </c>
      <c r="AZ2388">
        <v>132</v>
      </c>
      <c r="BA2388">
        <v>0.58567671267667543</v>
      </c>
      <c r="BB2388">
        <v>0.50210336538461542</v>
      </c>
      <c r="BC2388">
        <v>5.3277701279156471</v>
      </c>
      <c r="BD2388" t="s">
        <v>9103</v>
      </c>
      <c r="BE2388" t="s">
        <v>62</v>
      </c>
    </row>
    <row r="2389" spans="1:57" x14ac:dyDescent="0.3">
      <c r="A2389" t="s">
        <v>9104</v>
      </c>
      <c r="B2389">
        <v>1707</v>
      </c>
      <c r="C2389" t="s">
        <v>9105</v>
      </c>
      <c r="D2389" t="s">
        <v>9106</v>
      </c>
      <c r="E2389" t="s">
        <v>10622</v>
      </c>
      <c r="F2389">
        <v>64</v>
      </c>
      <c r="G2389">
        <v>114.84375</v>
      </c>
      <c r="H2389">
        <v>120.5</v>
      </c>
      <c r="I2389">
        <v>5337.6630859375</v>
      </c>
      <c r="J2389">
        <v>73.059312109665385</v>
      </c>
      <c r="K2389">
        <v>6.8988392824662889E-2</v>
      </c>
      <c r="L2389">
        <v>-1.3465921765462181</v>
      </c>
      <c r="M2389">
        <v>5.84375</v>
      </c>
      <c r="N2389">
        <v>2</v>
      </c>
      <c r="O2389">
        <v>1</v>
      </c>
      <c r="P2389">
        <v>1</v>
      </c>
      <c r="Q2389">
        <v>0.27850299534160988</v>
      </c>
      <c r="R2389">
        <v>4.0505788363971806</v>
      </c>
      <c r="S2389">
        <v>1</v>
      </c>
      <c r="T2389">
        <v>1</v>
      </c>
      <c r="U2389">
        <v>0</v>
      </c>
      <c r="V2389">
        <v>0</v>
      </c>
      <c r="W2389">
        <v>4.1431347263915326</v>
      </c>
      <c r="X2389">
        <v>1</v>
      </c>
      <c r="Y2389">
        <v>1</v>
      </c>
      <c r="Z2389">
        <v>0</v>
      </c>
      <c r="AA2389">
        <v>0</v>
      </c>
      <c r="AB2389">
        <v>4.1271343850450908</v>
      </c>
      <c r="AC2389">
        <v>1</v>
      </c>
      <c r="AD2389">
        <v>1</v>
      </c>
      <c r="AE2389">
        <v>0</v>
      </c>
      <c r="AF2389">
        <v>0</v>
      </c>
      <c r="AG2389">
        <v>4.1108738641733096</v>
      </c>
      <c r="AH2389">
        <v>8.3262442283946608E-2</v>
      </c>
      <c r="AI2389">
        <v>-0.14118069453930249</v>
      </c>
      <c r="AJ2389">
        <v>0.1301860373621854</v>
      </c>
      <c r="AK2389">
        <v>-4.4538837138502242E-2</v>
      </c>
      <c r="AL2389">
        <v>631.45070803326212</v>
      </c>
      <c r="AM2389">
        <v>887.12006139208222</v>
      </c>
      <c r="AN2389">
        <v>7350</v>
      </c>
      <c r="AO2389">
        <v>64.068537075987379</v>
      </c>
      <c r="AP2389">
        <v>515.62314005186272</v>
      </c>
      <c r="AQ2389">
        <v>1.359375</v>
      </c>
      <c r="AR2389">
        <v>3.828125</v>
      </c>
      <c r="AS2389">
        <v>62</v>
      </c>
      <c r="AT2389">
        <v>4.2187499999999991</v>
      </c>
      <c r="AU2389">
        <v>0.13220663265306121</v>
      </c>
      <c r="AV2389">
        <v>8.4085998845539356E-2</v>
      </c>
      <c r="AW2389">
        <v>0.34375</v>
      </c>
      <c r="AX2389">
        <v>79.857142857142861</v>
      </c>
      <c r="AY2389">
        <v>72.5</v>
      </c>
      <c r="AZ2389">
        <v>136</v>
      </c>
      <c r="BA2389">
        <v>0.63616271768960331</v>
      </c>
      <c r="BB2389">
        <v>0.53125</v>
      </c>
      <c r="BC2389">
        <v>3.8790786576067919</v>
      </c>
      <c r="BD2389" t="s">
        <v>9107</v>
      </c>
      <c r="BE2389" t="s">
        <v>62</v>
      </c>
    </row>
    <row r="2390" spans="1:57" x14ac:dyDescent="0.3">
      <c r="A2390" t="s">
        <v>9108</v>
      </c>
      <c r="B2390">
        <v>3626</v>
      </c>
      <c r="C2390" t="s">
        <v>9109</v>
      </c>
      <c r="D2390" t="s">
        <v>9110</v>
      </c>
      <c r="E2390" t="s">
        <v>98</v>
      </c>
      <c r="F2390">
        <v>16</v>
      </c>
      <c r="G2390">
        <v>122.75</v>
      </c>
      <c r="H2390">
        <v>119</v>
      </c>
      <c r="I2390">
        <v>4461.0625</v>
      </c>
      <c r="J2390">
        <v>66.791185795732062</v>
      </c>
      <c r="K2390">
        <v>5.4647289543728342E-2</v>
      </c>
      <c r="L2390">
        <v>-0.74913679326444971</v>
      </c>
      <c r="M2390">
        <v>3.875</v>
      </c>
      <c r="N2390">
        <v>2</v>
      </c>
      <c r="O2390">
        <v>1</v>
      </c>
      <c r="P2390">
        <v>1</v>
      </c>
      <c r="Q2390">
        <v>0.24944382578492949</v>
      </c>
      <c r="R2390">
        <v>2.6859453246697882</v>
      </c>
      <c r="S2390">
        <v>1</v>
      </c>
      <c r="T2390">
        <v>1</v>
      </c>
      <c r="U2390">
        <v>0</v>
      </c>
      <c r="V2390">
        <v>0</v>
      </c>
      <c r="W2390">
        <v>2.7080502011022101</v>
      </c>
      <c r="X2390">
        <v>1</v>
      </c>
      <c r="Y2390">
        <v>1</v>
      </c>
      <c r="Z2390">
        <v>0</v>
      </c>
      <c r="AA2390">
        <v>0</v>
      </c>
      <c r="AB2390">
        <v>2.639057329615258</v>
      </c>
      <c r="AC2390">
        <v>1</v>
      </c>
      <c r="AD2390">
        <v>1</v>
      </c>
      <c r="AE2390">
        <v>0</v>
      </c>
      <c r="AF2390">
        <v>0</v>
      </c>
      <c r="AG2390">
        <v>2.5649493574615372</v>
      </c>
      <c r="AH2390">
        <v>-0.121223398293568</v>
      </c>
      <c r="AI2390">
        <v>-0.41222837888955832</v>
      </c>
      <c r="AJ2390">
        <v>5.7965976434986063E-2</v>
      </c>
      <c r="AK2390">
        <v>-0.1200439217114757</v>
      </c>
      <c r="AL2390">
        <v>335.75598469267482</v>
      </c>
      <c r="AM2390">
        <v>446.90705828287417</v>
      </c>
      <c r="AN2390">
        <v>1964</v>
      </c>
      <c r="AO2390">
        <v>49.695299956165002</v>
      </c>
      <c r="AP2390">
        <v>199.35160263026401</v>
      </c>
      <c r="AQ2390">
        <v>2.25</v>
      </c>
      <c r="AR2390">
        <v>3.875</v>
      </c>
      <c r="AS2390">
        <v>16</v>
      </c>
      <c r="AT2390">
        <v>0.87499999999999989</v>
      </c>
      <c r="AU2390">
        <v>0.16250000000000001</v>
      </c>
      <c r="AV2390">
        <v>-0.1217473738120279</v>
      </c>
      <c r="AW2390">
        <v>0.5</v>
      </c>
      <c r="AX2390">
        <v>91.86666666666666</v>
      </c>
      <c r="AY2390">
        <v>37</v>
      </c>
      <c r="AZ2390">
        <v>78.25</v>
      </c>
      <c r="BA2390">
        <v>0.54412371320351982</v>
      </c>
      <c r="BB2390">
        <v>0.4375</v>
      </c>
      <c r="BC2390">
        <v>2.7080502011022101</v>
      </c>
      <c r="BD2390" t="s">
        <v>9109</v>
      </c>
      <c r="BE2390" t="s">
        <v>62</v>
      </c>
    </row>
    <row r="2391" spans="1:57" x14ac:dyDescent="0.3">
      <c r="A2391" t="s">
        <v>9111</v>
      </c>
      <c r="B2391">
        <v>2830</v>
      </c>
      <c r="C2391" t="s">
        <v>9112</v>
      </c>
      <c r="D2391" t="s">
        <v>9113</v>
      </c>
      <c r="E2391" t="s">
        <v>115</v>
      </c>
      <c r="F2391">
        <v>2896</v>
      </c>
      <c r="G2391">
        <v>128.1502071823204</v>
      </c>
      <c r="H2391">
        <v>128</v>
      </c>
      <c r="I2391">
        <v>5418.229854929451</v>
      </c>
      <c r="J2391">
        <v>73.608626226342864</v>
      </c>
      <c r="K2391">
        <v>-3.003421840164849E-2</v>
      </c>
      <c r="L2391">
        <v>-1.1895539399519801</v>
      </c>
      <c r="M2391">
        <v>7.9362361330637121</v>
      </c>
      <c r="N2391">
        <v>23</v>
      </c>
      <c r="O2391">
        <v>4</v>
      </c>
      <c r="P2391">
        <v>19</v>
      </c>
      <c r="Q2391">
        <v>3.35468422507991</v>
      </c>
      <c r="R2391">
        <v>5.5009796998910696</v>
      </c>
      <c r="S2391">
        <v>3</v>
      </c>
      <c r="T2391">
        <v>1</v>
      </c>
      <c r="U2391">
        <v>2</v>
      </c>
      <c r="V2391">
        <v>0.14875160542480911</v>
      </c>
      <c r="W2391">
        <v>7.9416474166203184</v>
      </c>
      <c r="X2391">
        <v>1</v>
      </c>
      <c r="Y2391">
        <v>1</v>
      </c>
      <c r="Z2391">
        <v>0</v>
      </c>
      <c r="AA2391">
        <v>0</v>
      </c>
      <c r="AB2391">
        <v>7.9703949071914311</v>
      </c>
      <c r="AC2391">
        <v>1</v>
      </c>
      <c r="AD2391">
        <v>1</v>
      </c>
      <c r="AE2391">
        <v>0</v>
      </c>
      <c r="AF2391">
        <v>0</v>
      </c>
      <c r="AG2391">
        <v>7.9700493049761354</v>
      </c>
      <c r="AH2391">
        <v>-2.2065060574049399E-2</v>
      </c>
      <c r="AI2391">
        <v>1.6575182744349441E-2</v>
      </c>
      <c r="AJ2391">
        <v>-1.0471057790523571E-2</v>
      </c>
      <c r="AK2391">
        <v>-2.440501450309944E-2</v>
      </c>
      <c r="AL2391">
        <v>3644.4986658465718</v>
      </c>
      <c r="AM2391">
        <v>7068.8268103443133</v>
      </c>
      <c r="AN2391">
        <v>371123</v>
      </c>
      <c r="AO2391">
        <v>93.118046590927634</v>
      </c>
      <c r="AP2391">
        <v>3351.4726174165448</v>
      </c>
      <c r="AQ2391">
        <v>1.0079419889502761</v>
      </c>
      <c r="AR2391">
        <v>3.9813535911602211</v>
      </c>
      <c r="AS2391">
        <v>2881</v>
      </c>
      <c r="AT2391">
        <v>254.67403314917121</v>
      </c>
      <c r="AU2391">
        <v>1.483994150146245E-2</v>
      </c>
      <c r="AV2391">
        <v>-2.2075913513457921E-2</v>
      </c>
      <c r="AW2391">
        <v>0.36982044198895031</v>
      </c>
      <c r="AX2391">
        <v>86.025906735751292</v>
      </c>
      <c r="AY2391">
        <v>64</v>
      </c>
      <c r="AZ2391">
        <v>129</v>
      </c>
      <c r="BA2391">
        <v>0.57439334547168719</v>
      </c>
      <c r="BB2391">
        <v>0.49551104972375692</v>
      </c>
      <c r="BC2391">
        <v>5.3106553686611893</v>
      </c>
      <c r="BD2391" t="s">
        <v>9114</v>
      </c>
      <c r="BE2391" t="s">
        <v>62</v>
      </c>
    </row>
    <row r="2392" spans="1:57" x14ac:dyDescent="0.3">
      <c r="A2392" t="s">
        <v>9115</v>
      </c>
      <c r="B2392">
        <v>700</v>
      </c>
      <c r="C2392" t="s">
        <v>9116</v>
      </c>
      <c r="D2392" t="s">
        <v>9117</v>
      </c>
      <c r="E2392" t="s">
        <v>106</v>
      </c>
      <c r="F2392">
        <v>712</v>
      </c>
      <c r="G2392">
        <v>124.2935393258427</v>
      </c>
      <c r="H2392">
        <v>125.5</v>
      </c>
      <c r="I2392">
        <v>5725.7382728664306</v>
      </c>
      <c r="J2392">
        <v>75.668608239258845</v>
      </c>
      <c r="K2392">
        <v>-5.3436270466213961E-3</v>
      </c>
      <c r="L2392">
        <v>-1.264799345340949</v>
      </c>
      <c r="M2392">
        <v>7.7401599198337214</v>
      </c>
      <c r="N2392">
        <v>8</v>
      </c>
      <c r="O2392">
        <v>1</v>
      </c>
      <c r="P2392">
        <v>7</v>
      </c>
      <c r="Q2392">
        <v>1.438212822089711</v>
      </c>
      <c r="R2392">
        <v>5.3650700255158448</v>
      </c>
      <c r="S2392">
        <v>2</v>
      </c>
      <c r="T2392">
        <v>1</v>
      </c>
      <c r="U2392">
        <v>1</v>
      </c>
      <c r="V2392">
        <v>7.5004659595829429E-2</v>
      </c>
      <c r="W2392">
        <v>6.5588733054087536</v>
      </c>
      <c r="X2392">
        <v>1</v>
      </c>
      <c r="Y2392">
        <v>1</v>
      </c>
      <c r="Z2392">
        <v>0</v>
      </c>
      <c r="AA2392">
        <v>0</v>
      </c>
      <c r="AB2392">
        <v>6.5652649700353596</v>
      </c>
      <c r="AC2392">
        <v>1</v>
      </c>
      <c r="AD2392">
        <v>1</v>
      </c>
      <c r="AE2392">
        <v>0</v>
      </c>
      <c r="AF2392">
        <v>0</v>
      </c>
      <c r="AG2392">
        <v>6.5638555265321283</v>
      </c>
      <c r="AH2392">
        <v>-8.7808064030404434E-3</v>
      </c>
      <c r="AI2392">
        <v>1.723144573679896E-2</v>
      </c>
      <c r="AJ2392">
        <v>1.738553880304063E-2</v>
      </c>
      <c r="AK2392">
        <v>3.0557768604274871E-3</v>
      </c>
      <c r="AL2392">
        <v>1914.3001433830009</v>
      </c>
      <c r="AM2392">
        <v>3378.133502548977</v>
      </c>
      <c r="AN2392">
        <v>88497</v>
      </c>
      <c r="AO2392">
        <v>48.499841352941012</v>
      </c>
      <c r="AP2392">
        <v>1695.2226230715869</v>
      </c>
      <c r="AQ2392">
        <v>1.032303370786517</v>
      </c>
      <c r="AR2392">
        <v>3.8904494382022472</v>
      </c>
      <c r="AS2392">
        <v>711</v>
      </c>
      <c r="AT2392">
        <v>168.7331460674157</v>
      </c>
      <c r="AU2392">
        <v>4.6607182198722168E-2</v>
      </c>
      <c r="AV2392">
        <v>-8.7823109574960978E-3</v>
      </c>
      <c r="AW2392">
        <v>0.351123595505618</v>
      </c>
      <c r="AX2392">
        <v>88.481012658227854</v>
      </c>
      <c r="AY2392">
        <v>68.5</v>
      </c>
      <c r="AZ2392">
        <v>137.25</v>
      </c>
      <c r="BA2392">
        <v>0.60878955293797865</v>
      </c>
      <c r="BB2392">
        <v>0.5056179775280899</v>
      </c>
      <c r="BC2392">
        <v>5.2018675599966846</v>
      </c>
      <c r="BD2392" t="s">
        <v>9118</v>
      </c>
      <c r="BE2392" t="s">
        <v>68</v>
      </c>
    </row>
    <row r="2393" spans="1:57" x14ac:dyDescent="0.3">
      <c r="A2393" t="s">
        <v>9119</v>
      </c>
      <c r="B2393">
        <v>1841</v>
      </c>
      <c r="C2393" t="s">
        <v>9120</v>
      </c>
      <c r="D2393" t="s">
        <v>9121</v>
      </c>
      <c r="E2393" t="s">
        <v>10622</v>
      </c>
      <c r="F2393">
        <v>64</v>
      </c>
      <c r="G2393">
        <v>142.203125</v>
      </c>
      <c r="H2393">
        <v>151</v>
      </c>
      <c r="I2393">
        <v>4553.943115234375</v>
      </c>
      <c r="J2393">
        <v>67.482909801181322</v>
      </c>
      <c r="K2393">
        <v>-0.37246956848933999</v>
      </c>
      <c r="L2393">
        <v>-0.79551666456009995</v>
      </c>
      <c r="M2393">
        <v>5.706954882778696</v>
      </c>
      <c r="N2393">
        <v>3</v>
      </c>
      <c r="O2393">
        <v>1</v>
      </c>
      <c r="P2393">
        <v>2</v>
      </c>
      <c r="Q2393">
        <v>0.41620084153671261</v>
      </c>
      <c r="R2393">
        <v>3.9557596865808682</v>
      </c>
      <c r="S2393">
        <v>1</v>
      </c>
      <c r="T2393">
        <v>1</v>
      </c>
      <c r="U2393">
        <v>0</v>
      </c>
      <c r="V2393">
        <v>0</v>
      </c>
      <c r="W2393">
        <v>4.1431347263915326</v>
      </c>
      <c r="X2393">
        <v>1</v>
      </c>
      <c r="Y2393">
        <v>1</v>
      </c>
      <c r="Z2393">
        <v>0</v>
      </c>
      <c r="AA2393">
        <v>0</v>
      </c>
      <c r="AB2393">
        <v>4.1271343850450908</v>
      </c>
      <c r="AC2393">
        <v>1</v>
      </c>
      <c r="AD2393">
        <v>1</v>
      </c>
      <c r="AE2393">
        <v>0</v>
      </c>
      <c r="AF2393">
        <v>0</v>
      </c>
      <c r="AG2393">
        <v>4.1108738641733096</v>
      </c>
      <c r="AH2393">
        <v>-0.1315333236346892</v>
      </c>
      <c r="AI2393">
        <v>-8.6293198995697779E-3</v>
      </c>
      <c r="AJ2393">
        <v>-4.8791852358910934E-3</v>
      </c>
      <c r="AK2393">
        <v>0.1761948333939225</v>
      </c>
      <c r="AL2393">
        <v>618.97630924047985</v>
      </c>
      <c r="AM2393">
        <v>1096.5907753574411</v>
      </c>
      <c r="AN2393">
        <v>9101</v>
      </c>
      <c r="AO2393">
        <v>111.7270513151543</v>
      </c>
      <c r="AP2393">
        <v>487.18659002103158</v>
      </c>
      <c r="AQ2393">
        <v>1.359375</v>
      </c>
      <c r="AR2393">
        <v>4.234375</v>
      </c>
      <c r="AS2393">
        <v>64</v>
      </c>
      <c r="AT2393">
        <v>8.1875000000000036</v>
      </c>
      <c r="AU2393">
        <v>0.15637351778656131</v>
      </c>
      <c r="AV2393">
        <v>-0.13200449067386211</v>
      </c>
      <c r="AW2393">
        <v>0.34375</v>
      </c>
      <c r="AX2393">
        <v>84.238095238095241</v>
      </c>
      <c r="AY2393">
        <v>53</v>
      </c>
      <c r="AZ2393">
        <v>102.5</v>
      </c>
      <c r="BA2393">
        <v>0.47455293124663273</v>
      </c>
      <c r="BB2393">
        <v>0.53125</v>
      </c>
      <c r="BC2393">
        <v>3.9587918211102049</v>
      </c>
      <c r="BD2393" t="s">
        <v>9122</v>
      </c>
      <c r="BE2393" t="s">
        <v>62</v>
      </c>
    </row>
    <row r="2394" spans="1:57" x14ac:dyDescent="0.3">
      <c r="A2394" t="s">
        <v>9123</v>
      </c>
      <c r="B2394">
        <v>1344</v>
      </c>
      <c r="C2394" t="s">
        <v>9124</v>
      </c>
      <c r="D2394" t="s">
        <v>9125</v>
      </c>
      <c r="E2394" t="s">
        <v>98</v>
      </c>
      <c r="F2394">
        <v>16</v>
      </c>
      <c r="G2394">
        <v>145.4375</v>
      </c>
      <c r="H2394">
        <v>143</v>
      </c>
      <c r="I2394">
        <v>5257.49609375</v>
      </c>
      <c r="J2394">
        <v>72.508593240732509</v>
      </c>
      <c r="K2394">
        <v>-0.52062271927614312</v>
      </c>
      <c r="L2394">
        <v>-0.35543529289274639</v>
      </c>
      <c r="M2394">
        <v>3.75</v>
      </c>
      <c r="N2394">
        <v>2</v>
      </c>
      <c r="O2394">
        <v>1</v>
      </c>
      <c r="P2394">
        <v>1</v>
      </c>
      <c r="Q2394">
        <v>0.3499271061118826</v>
      </c>
      <c r="R2394">
        <v>2.5993019270997948</v>
      </c>
      <c r="S2394">
        <v>1</v>
      </c>
      <c r="T2394">
        <v>1</v>
      </c>
      <c r="U2394">
        <v>0</v>
      </c>
      <c r="V2394">
        <v>0</v>
      </c>
      <c r="W2394">
        <v>2.7080502011022101</v>
      </c>
      <c r="X2394">
        <v>1</v>
      </c>
      <c r="Y2394">
        <v>1</v>
      </c>
      <c r="Z2394">
        <v>0</v>
      </c>
      <c r="AA2394">
        <v>0</v>
      </c>
      <c r="AB2394">
        <v>2.639057329615258</v>
      </c>
      <c r="AC2394">
        <v>1</v>
      </c>
      <c r="AD2394">
        <v>1</v>
      </c>
      <c r="AE2394">
        <v>0</v>
      </c>
      <c r="AF2394">
        <v>0</v>
      </c>
      <c r="AG2394">
        <v>2.5649493574615372</v>
      </c>
      <c r="AH2394">
        <v>-6.7623729585509981E-2</v>
      </c>
      <c r="AI2394">
        <v>-0.24146410370906421</v>
      </c>
      <c r="AJ2394">
        <v>1.300500810227064E-2</v>
      </c>
      <c r="AK2394">
        <v>-3.3179281219746511E-2</v>
      </c>
      <c r="AL2394">
        <v>401.55656241553612</v>
      </c>
      <c r="AM2394">
        <v>511.1803274589289</v>
      </c>
      <c r="AN2394">
        <v>2327</v>
      </c>
      <c r="AO2394">
        <v>43.968541328001713</v>
      </c>
      <c r="AP2394">
        <v>322.80557556527941</v>
      </c>
      <c r="AQ2394">
        <v>2.3125</v>
      </c>
      <c r="AR2394">
        <v>4.0625</v>
      </c>
      <c r="AS2394">
        <v>16</v>
      </c>
      <c r="AT2394">
        <v>1.5</v>
      </c>
      <c r="AU2394">
        <v>0.25922131147540978</v>
      </c>
      <c r="AV2394">
        <v>-7.544312526233854E-2</v>
      </c>
      <c r="AW2394">
        <v>0.25</v>
      </c>
      <c r="AX2394">
        <v>88.8</v>
      </c>
      <c r="AY2394">
        <v>42</v>
      </c>
      <c r="AZ2394">
        <v>80</v>
      </c>
      <c r="BA2394">
        <v>0.49855500294444349</v>
      </c>
      <c r="BB2394">
        <v>0.4375</v>
      </c>
      <c r="BC2394">
        <v>2.7080502011022101</v>
      </c>
      <c r="BD2394" t="s">
        <v>9124</v>
      </c>
      <c r="BE2394" t="s">
        <v>62</v>
      </c>
    </row>
    <row r="2395" spans="1:57" x14ac:dyDescent="0.3">
      <c r="A2395" t="s">
        <v>9126</v>
      </c>
      <c r="B2395">
        <v>1340</v>
      </c>
      <c r="C2395" t="s">
        <v>9127</v>
      </c>
      <c r="D2395" t="s">
        <v>9128</v>
      </c>
      <c r="E2395" t="s">
        <v>98</v>
      </c>
      <c r="F2395">
        <v>16</v>
      </c>
      <c r="G2395">
        <v>119.8125</v>
      </c>
      <c r="H2395">
        <v>122.5</v>
      </c>
      <c r="I2395">
        <v>5297.77734375</v>
      </c>
      <c r="J2395">
        <v>72.785832026226089</v>
      </c>
      <c r="K2395">
        <v>5.2137008719214513E-2</v>
      </c>
      <c r="L2395">
        <v>-1.116194280617441</v>
      </c>
      <c r="M2395">
        <v>4</v>
      </c>
      <c r="N2395">
        <v>1</v>
      </c>
      <c r="O2395">
        <v>1</v>
      </c>
      <c r="P2395">
        <v>0</v>
      </c>
      <c r="Q2395">
        <v>0</v>
      </c>
      <c r="R2395">
        <v>2.7725887222397811</v>
      </c>
      <c r="S2395">
        <v>1</v>
      </c>
      <c r="T2395">
        <v>1</v>
      </c>
      <c r="U2395">
        <v>0</v>
      </c>
      <c r="V2395">
        <v>0</v>
      </c>
      <c r="W2395">
        <v>2.7080502011022101</v>
      </c>
      <c r="X2395">
        <v>1</v>
      </c>
      <c r="Y2395">
        <v>1</v>
      </c>
      <c r="Z2395">
        <v>0</v>
      </c>
      <c r="AA2395">
        <v>0</v>
      </c>
      <c r="AB2395">
        <v>2.639057329615258</v>
      </c>
      <c r="AC2395">
        <v>1</v>
      </c>
      <c r="AD2395">
        <v>1</v>
      </c>
      <c r="AE2395">
        <v>0</v>
      </c>
      <c r="AF2395">
        <v>0</v>
      </c>
      <c r="AG2395">
        <v>2.5649493574615372</v>
      </c>
      <c r="AH2395">
        <v>-0.1068627413029196</v>
      </c>
      <c r="AI2395">
        <v>-0.37832428620198177</v>
      </c>
      <c r="AJ2395">
        <v>-0.36655172496425759</v>
      </c>
      <c r="AK2395">
        <v>4.6583048905385588E-2</v>
      </c>
      <c r="AL2395">
        <v>364.0478446399772</v>
      </c>
      <c r="AM2395">
        <v>426.51397024363342</v>
      </c>
      <c r="AN2395">
        <v>1917</v>
      </c>
      <c r="AO2395">
        <v>35.059583874492994</v>
      </c>
      <c r="AP2395">
        <v>276.33413878936761</v>
      </c>
      <c r="AQ2395">
        <v>2.25</v>
      </c>
      <c r="AR2395">
        <v>3.875</v>
      </c>
      <c r="AS2395">
        <v>16</v>
      </c>
      <c r="AT2395">
        <v>0</v>
      </c>
      <c r="AU2395">
        <v>0.1231223175965666</v>
      </c>
      <c r="AV2395">
        <v>-0.1094163393664362</v>
      </c>
      <c r="AW2395">
        <v>0.4375</v>
      </c>
      <c r="AX2395">
        <v>90.733333333333334</v>
      </c>
      <c r="AY2395">
        <v>47</v>
      </c>
      <c r="AZ2395">
        <v>99.75</v>
      </c>
      <c r="BA2395">
        <v>0.60749781555535598</v>
      </c>
      <c r="BB2395">
        <v>0.5625</v>
      </c>
      <c r="BC2395">
        <v>2.7080502011022101</v>
      </c>
      <c r="BD2395" t="s">
        <v>9127</v>
      </c>
      <c r="BE2395" t="s">
        <v>62</v>
      </c>
    </row>
    <row r="2396" spans="1:57" x14ac:dyDescent="0.3">
      <c r="A2396" t="s">
        <v>9129</v>
      </c>
      <c r="B2396">
        <v>2424</v>
      </c>
      <c r="C2396" t="s">
        <v>9130</v>
      </c>
      <c r="D2396" t="s">
        <v>9131</v>
      </c>
      <c r="E2396" t="s">
        <v>106</v>
      </c>
      <c r="F2396">
        <v>2464</v>
      </c>
      <c r="G2396">
        <v>127.0795454545455</v>
      </c>
      <c r="H2396">
        <v>128</v>
      </c>
      <c r="I2396">
        <v>5601.8767894037774</v>
      </c>
      <c r="J2396">
        <v>74.845686511673989</v>
      </c>
      <c r="K2396">
        <v>-1.526551646929142E-2</v>
      </c>
      <c r="L2396">
        <v>-1.2384791946646929</v>
      </c>
      <c r="M2396">
        <v>7.9153165423098946</v>
      </c>
      <c r="N2396">
        <v>22</v>
      </c>
      <c r="O2396">
        <v>2</v>
      </c>
      <c r="P2396">
        <v>20</v>
      </c>
      <c r="Q2396">
        <v>3.3130895701746428</v>
      </c>
      <c r="R2396">
        <v>5.4864793445416069</v>
      </c>
      <c r="S2396">
        <v>3</v>
      </c>
      <c r="T2396">
        <v>1</v>
      </c>
      <c r="U2396">
        <v>2</v>
      </c>
      <c r="V2396">
        <v>0.14815335926010781</v>
      </c>
      <c r="W2396">
        <v>7.780568116616875</v>
      </c>
      <c r="X2396">
        <v>1</v>
      </c>
      <c r="Y2396">
        <v>1</v>
      </c>
      <c r="Z2396">
        <v>0</v>
      </c>
      <c r="AA2396">
        <v>0</v>
      </c>
      <c r="AB2396">
        <v>7.8087293067444019</v>
      </c>
      <c r="AC2396">
        <v>1</v>
      </c>
      <c r="AD2396">
        <v>1</v>
      </c>
      <c r="AE2396">
        <v>0</v>
      </c>
      <c r="AF2396">
        <v>0</v>
      </c>
      <c r="AG2396">
        <v>7.8083230503910546</v>
      </c>
      <c r="AH2396">
        <v>-1.538139643356405E-2</v>
      </c>
      <c r="AI2396">
        <v>-1.2145317573826361E-2</v>
      </c>
      <c r="AJ2396">
        <v>-1.2287473235889419E-2</v>
      </c>
      <c r="AK2396">
        <v>1.0950290706395969E-2</v>
      </c>
      <c r="AL2396">
        <v>3417.7246535325439</v>
      </c>
      <c r="AM2396">
        <v>6474.0897578451786</v>
      </c>
      <c r="AN2396">
        <v>313124</v>
      </c>
      <c r="AO2396">
        <v>148.96202435885709</v>
      </c>
      <c r="AP2396">
        <v>3089.1274000969888</v>
      </c>
      <c r="AQ2396">
        <v>1.0093344155844159</v>
      </c>
      <c r="AR2396">
        <v>4.0032467532467528</v>
      </c>
      <c r="AS2396">
        <v>2455</v>
      </c>
      <c r="AT2396">
        <v>291.94805194805201</v>
      </c>
      <c r="AU2396">
        <v>2.1293290043290058E-2</v>
      </c>
      <c r="AV2396">
        <v>-1.538902871356727E-2</v>
      </c>
      <c r="AW2396">
        <v>0.35267857142857151</v>
      </c>
      <c r="AX2396">
        <v>87.478278522127482</v>
      </c>
      <c r="AY2396">
        <v>66</v>
      </c>
      <c r="AZ2396">
        <v>133</v>
      </c>
      <c r="BA2396">
        <v>0.58896721926382112</v>
      </c>
      <c r="BB2396">
        <v>0.50324675324675328</v>
      </c>
      <c r="BC2396">
        <v>5.318496813392616</v>
      </c>
      <c r="BD2396" t="s">
        <v>9132</v>
      </c>
      <c r="BE2396" t="s">
        <v>62</v>
      </c>
    </row>
    <row r="2397" spans="1:57" x14ac:dyDescent="0.3">
      <c r="A2397" t="s">
        <v>9133</v>
      </c>
      <c r="B2397">
        <v>892</v>
      </c>
      <c r="C2397" t="s">
        <v>9134</v>
      </c>
      <c r="D2397" t="s">
        <v>9135</v>
      </c>
      <c r="E2397" t="s">
        <v>10622</v>
      </c>
      <c r="F2397">
        <v>64</v>
      </c>
      <c r="G2397">
        <v>135.1875</v>
      </c>
      <c r="H2397">
        <v>144</v>
      </c>
      <c r="I2397">
        <v>6327.15234375</v>
      </c>
      <c r="J2397">
        <v>79.543399121171575</v>
      </c>
      <c r="K2397">
        <v>-0.15324566098110781</v>
      </c>
      <c r="L2397">
        <v>-1.3661595614870321</v>
      </c>
      <c r="M2397">
        <v>5.71875</v>
      </c>
      <c r="N2397">
        <v>2</v>
      </c>
      <c r="O2397">
        <v>1</v>
      </c>
      <c r="P2397">
        <v>1</v>
      </c>
      <c r="Q2397">
        <v>0.36994527180683268</v>
      </c>
      <c r="R2397">
        <v>3.9639354388271881</v>
      </c>
      <c r="S2397">
        <v>1</v>
      </c>
      <c r="T2397">
        <v>1</v>
      </c>
      <c r="U2397">
        <v>0</v>
      </c>
      <c r="V2397">
        <v>0</v>
      </c>
      <c r="W2397">
        <v>4.1431347263915326</v>
      </c>
      <c r="X2397">
        <v>1</v>
      </c>
      <c r="Y2397">
        <v>1</v>
      </c>
      <c r="Z2397">
        <v>0</v>
      </c>
      <c r="AA2397">
        <v>0</v>
      </c>
      <c r="AB2397">
        <v>4.1271343850450908</v>
      </c>
      <c r="AC2397">
        <v>1</v>
      </c>
      <c r="AD2397">
        <v>1</v>
      </c>
      <c r="AE2397">
        <v>0</v>
      </c>
      <c r="AF2397">
        <v>0</v>
      </c>
      <c r="AG2397">
        <v>4.1108738641733096</v>
      </c>
      <c r="AH2397">
        <v>-0.2225108307542332</v>
      </c>
      <c r="AI2397">
        <v>0.15633805365763009</v>
      </c>
      <c r="AJ2397">
        <v>0.15255742819421009</v>
      </c>
      <c r="AK2397">
        <v>7.9237699961290348E-2</v>
      </c>
      <c r="AL2397">
        <v>701.11802494824087</v>
      </c>
      <c r="AM2397">
        <v>1040.6793526791421</v>
      </c>
      <c r="AN2397">
        <v>8652</v>
      </c>
      <c r="AO2397">
        <v>161.80253373593891</v>
      </c>
      <c r="AP2397">
        <v>540.3207107487342</v>
      </c>
      <c r="AQ2397">
        <v>1.359375</v>
      </c>
      <c r="AR2397">
        <v>4.125</v>
      </c>
      <c r="AS2397">
        <v>64</v>
      </c>
      <c r="AT2397">
        <v>6.4687500000000027</v>
      </c>
      <c r="AU2397">
        <v>0.1121323529411765</v>
      </c>
      <c r="AV2397">
        <v>-0.22775790860593709</v>
      </c>
      <c r="AW2397">
        <v>0.296875</v>
      </c>
      <c r="AX2397">
        <v>103.6825396825397</v>
      </c>
      <c r="AY2397">
        <v>76.5</v>
      </c>
      <c r="AZ2397">
        <v>136.75</v>
      </c>
      <c r="BA2397">
        <v>0.58839315115059876</v>
      </c>
      <c r="BB2397">
        <v>0.546875</v>
      </c>
      <c r="BC2397">
        <v>3.89277780391402</v>
      </c>
      <c r="BD2397" t="s">
        <v>9136</v>
      </c>
      <c r="BE2397" t="s">
        <v>62</v>
      </c>
    </row>
    <row r="2398" spans="1:57" x14ac:dyDescent="0.3">
      <c r="A2398" t="s">
        <v>9137</v>
      </c>
      <c r="B2398">
        <v>1782</v>
      </c>
      <c r="C2398" t="s">
        <v>9138</v>
      </c>
      <c r="D2398" t="s">
        <v>9139</v>
      </c>
      <c r="E2398" t="s">
        <v>66</v>
      </c>
      <c r="F2398">
        <v>71</v>
      </c>
      <c r="G2398">
        <v>115.1408450704225</v>
      </c>
      <c r="H2398">
        <v>112</v>
      </c>
      <c r="I2398">
        <v>5571.3886133703627</v>
      </c>
      <c r="J2398">
        <v>74.641735064040162</v>
      </c>
      <c r="K2398">
        <v>0.21959244025106939</v>
      </c>
      <c r="L2398">
        <v>-1.0947882587948119</v>
      </c>
      <c r="M2398">
        <v>5.9137627884882917</v>
      </c>
      <c r="N2398">
        <v>3</v>
      </c>
      <c r="O2398">
        <v>1</v>
      </c>
      <c r="P2398">
        <v>2</v>
      </c>
      <c r="Q2398">
        <v>0.37763102391651798</v>
      </c>
      <c r="R2398">
        <v>4.0991080033409828</v>
      </c>
      <c r="S2398">
        <v>1</v>
      </c>
      <c r="T2398">
        <v>1</v>
      </c>
      <c r="U2398">
        <v>0</v>
      </c>
      <c r="V2398">
        <v>0</v>
      </c>
      <c r="W2398">
        <v>4.2484952420493576</v>
      </c>
      <c r="X2398">
        <v>1</v>
      </c>
      <c r="Y2398">
        <v>1</v>
      </c>
      <c r="Z2398">
        <v>0</v>
      </c>
      <c r="AA2398">
        <v>0</v>
      </c>
      <c r="AB2398">
        <v>4.2341065045972579</v>
      </c>
      <c r="AC2398">
        <v>1</v>
      </c>
      <c r="AD2398">
        <v>1</v>
      </c>
      <c r="AE2398">
        <v>0</v>
      </c>
      <c r="AF2398">
        <v>0</v>
      </c>
      <c r="AG2398">
        <v>4.2195077051761087</v>
      </c>
      <c r="AH2398">
        <v>0.41709668028405172</v>
      </c>
      <c r="AI2398">
        <v>3.4053002794643322E-2</v>
      </c>
      <c r="AJ2398">
        <v>-8.6855649124562742E-2</v>
      </c>
      <c r="AK2398">
        <v>0.15207785816932301</v>
      </c>
      <c r="AL2398">
        <v>630.58055595384928</v>
      </c>
      <c r="AM2398">
        <v>969.13010605023226</v>
      </c>
      <c r="AN2398">
        <v>8175</v>
      </c>
      <c r="AO2398">
        <v>35.355291610139901</v>
      </c>
      <c r="AP2398">
        <v>429.4452432199617</v>
      </c>
      <c r="AQ2398">
        <v>1.323943661971831</v>
      </c>
      <c r="AR2398">
        <v>3.774647887323944</v>
      </c>
      <c r="AS2398">
        <v>71</v>
      </c>
      <c r="AT2398">
        <v>7.9718309859154903</v>
      </c>
      <c r="AU2398">
        <v>0.107981220657277</v>
      </c>
      <c r="AV2398">
        <v>0.42007329350947648</v>
      </c>
      <c r="AW2398">
        <v>0.42253521126760563</v>
      </c>
      <c r="AX2398">
        <v>63.1</v>
      </c>
      <c r="AY2398">
        <v>61</v>
      </c>
      <c r="AZ2398">
        <v>117</v>
      </c>
      <c r="BA2398">
        <v>0.64826461034212257</v>
      </c>
      <c r="BB2398">
        <v>0.46478873239436619</v>
      </c>
      <c r="BC2398">
        <v>3.7111609874720619</v>
      </c>
      <c r="BD2398" t="s">
        <v>9140</v>
      </c>
      <c r="BE2398" t="s">
        <v>68</v>
      </c>
    </row>
    <row r="2399" spans="1:57" x14ac:dyDescent="0.3">
      <c r="A2399" t="s">
        <v>9141</v>
      </c>
      <c r="B2399">
        <v>959</v>
      </c>
      <c r="C2399" t="s">
        <v>9142</v>
      </c>
      <c r="D2399" t="s">
        <v>9143</v>
      </c>
      <c r="E2399" t="s">
        <v>72</v>
      </c>
      <c r="F2399">
        <v>960</v>
      </c>
      <c r="G2399">
        <v>126.6947916666667</v>
      </c>
      <c r="H2399">
        <v>126</v>
      </c>
      <c r="I2399">
        <v>5500.9828895399314</v>
      </c>
      <c r="J2399">
        <v>74.168611214852405</v>
      </c>
      <c r="K2399">
        <v>2.1452494060268789E-2</v>
      </c>
      <c r="L2399">
        <v>-1.186906847367063</v>
      </c>
      <c r="M2399">
        <v>7.7869061545900697</v>
      </c>
      <c r="N2399">
        <v>10</v>
      </c>
      <c r="O2399">
        <v>1</v>
      </c>
      <c r="P2399">
        <v>9</v>
      </c>
      <c r="Q2399">
        <v>1.850643197341679</v>
      </c>
      <c r="R2399">
        <v>5.397472046338982</v>
      </c>
      <c r="S2399">
        <v>2</v>
      </c>
      <c r="T2399">
        <v>1</v>
      </c>
      <c r="U2399">
        <v>1</v>
      </c>
      <c r="V2399">
        <v>0.1070921902091637</v>
      </c>
      <c r="W2399">
        <v>6.8499898882595396</v>
      </c>
      <c r="X2399">
        <v>1</v>
      </c>
      <c r="Y2399">
        <v>1</v>
      </c>
      <c r="Z2399">
        <v>0</v>
      </c>
      <c r="AA2399">
        <v>0</v>
      </c>
      <c r="AB2399">
        <v>6.8648477779708621</v>
      </c>
      <c r="AC2399">
        <v>1</v>
      </c>
      <c r="AD2399">
        <v>1</v>
      </c>
      <c r="AE2399">
        <v>0</v>
      </c>
      <c r="AF2399">
        <v>0</v>
      </c>
      <c r="AG2399">
        <v>6.8638033914529544</v>
      </c>
      <c r="AH2399">
        <v>-4.556383232604206E-2</v>
      </c>
      <c r="AI2399">
        <v>3.029698966135471E-2</v>
      </c>
      <c r="AJ2399">
        <v>-1.6234342361038729E-2</v>
      </c>
      <c r="AK2399">
        <v>2.4396502847027469E-2</v>
      </c>
      <c r="AL2399">
        <v>2159.400131548934</v>
      </c>
      <c r="AM2399">
        <v>4003.4287894087051</v>
      </c>
      <c r="AN2399">
        <v>121627</v>
      </c>
      <c r="AO2399">
        <v>83.992409548989457</v>
      </c>
      <c r="AP2399">
        <v>1875.886883105228</v>
      </c>
      <c r="AQ2399">
        <v>1.0239583333333331</v>
      </c>
      <c r="AR2399">
        <v>3.947916666666667</v>
      </c>
      <c r="AS2399">
        <v>955</v>
      </c>
      <c r="AT2399">
        <v>221.19374999999999</v>
      </c>
      <c r="AU2399">
        <v>2.1752450980392139E-2</v>
      </c>
      <c r="AV2399">
        <v>-4.5628892038056409E-2</v>
      </c>
      <c r="AW2399">
        <v>0.37395833333333328</v>
      </c>
      <c r="AX2399">
        <v>87.979144942648588</v>
      </c>
      <c r="AY2399">
        <v>64</v>
      </c>
      <c r="AZ2399">
        <v>128</v>
      </c>
      <c r="BA2399">
        <v>0.58541168298369861</v>
      </c>
      <c r="BB2399">
        <v>0.49687500000000001</v>
      </c>
      <c r="BC2399">
        <v>5.2453808007794258</v>
      </c>
      <c r="BD2399" t="s">
        <v>9144</v>
      </c>
      <c r="BE2399" t="s">
        <v>62</v>
      </c>
    </row>
    <row r="2400" spans="1:57" x14ac:dyDescent="0.3">
      <c r="A2400" t="s">
        <v>9145</v>
      </c>
      <c r="B2400">
        <v>3154</v>
      </c>
      <c r="C2400" t="s">
        <v>9146</v>
      </c>
      <c r="D2400" t="s">
        <v>9147</v>
      </c>
      <c r="E2400" t="s">
        <v>115</v>
      </c>
      <c r="F2400">
        <v>3280</v>
      </c>
      <c r="G2400">
        <v>127.6701219512195</v>
      </c>
      <c r="H2400">
        <v>128</v>
      </c>
      <c r="I2400">
        <v>5354.265570716836</v>
      </c>
      <c r="J2400">
        <v>73.172847222974966</v>
      </c>
      <c r="K2400">
        <v>-1.140471734288053E-2</v>
      </c>
      <c r="L2400">
        <v>-1.186713534753868</v>
      </c>
      <c r="M2400">
        <v>7.9469596661078077</v>
      </c>
      <c r="N2400">
        <v>22</v>
      </c>
      <c r="O2400">
        <v>6</v>
      </c>
      <c r="P2400">
        <v>16</v>
      </c>
      <c r="Q2400">
        <v>3.4725485957722748</v>
      </c>
      <c r="R2400">
        <v>5.5084126865862277</v>
      </c>
      <c r="S2400">
        <v>4</v>
      </c>
      <c r="T2400">
        <v>1</v>
      </c>
      <c r="U2400">
        <v>3</v>
      </c>
      <c r="V2400">
        <v>0.1658116955169901</v>
      </c>
      <c r="W2400">
        <v>8.0600434931859972</v>
      </c>
      <c r="X2400">
        <v>2</v>
      </c>
      <c r="Y2400">
        <v>1</v>
      </c>
      <c r="Z2400">
        <v>1</v>
      </c>
      <c r="AA2400">
        <v>1.7466082418375571E-2</v>
      </c>
      <c r="AB2400">
        <v>8.0945658507128275</v>
      </c>
      <c r="AC2400">
        <v>1</v>
      </c>
      <c r="AD2400">
        <v>1</v>
      </c>
      <c r="AE2400">
        <v>0</v>
      </c>
      <c r="AF2400">
        <v>0</v>
      </c>
      <c r="AG2400">
        <v>8.0946836486988154</v>
      </c>
      <c r="AH2400">
        <v>3.7198258268020243E-2</v>
      </c>
      <c r="AI2400">
        <v>4.9408359309481547E-3</v>
      </c>
      <c r="AJ2400">
        <v>1.507682595024885E-2</v>
      </c>
      <c r="AK2400">
        <v>-1.3367365666350439E-2</v>
      </c>
      <c r="AL2400">
        <v>3845.3392244532588</v>
      </c>
      <c r="AM2400">
        <v>7499.2161089597384</v>
      </c>
      <c r="AN2400">
        <v>418758</v>
      </c>
      <c r="AO2400">
        <v>49.219015522603677</v>
      </c>
      <c r="AP2400">
        <v>3520.7616058047802</v>
      </c>
      <c r="AQ2400">
        <v>1.0070121951219511</v>
      </c>
      <c r="AR2400">
        <v>4.0079268292682926</v>
      </c>
      <c r="AS2400">
        <v>3265</v>
      </c>
      <c r="AT2400">
        <v>240.93658536585369</v>
      </c>
      <c r="AU2400">
        <v>1.257771401243424E-2</v>
      </c>
      <c r="AV2400">
        <v>3.7203814173447022E-2</v>
      </c>
      <c r="AW2400">
        <v>0.37560975609756098</v>
      </c>
      <c r="AX2400">
        <v>82.399207075327837</v>
      </c>
      <c r="AY2400">
        <v>62</v>
      </c>
      <c r="AZ2400">
        <v>124</v>
      </c>
      <c r="BA2400">
        <v>0.57313994930570378</v>
      </c>
      <c r="BB2400">
        <v>0.50060975609756098</v>
      </c>
      <c r="BC2400">
        <v>5.2901439911491313</v>
      </c>
      <c r="BD2400" t="s">
        <v>9148</v>
      </c>
      <c r="BE2400" t="s">
        <v>62</v>
      </c>
    </row>
    <row r="2401" spans="1:57" x14ac:dyDescent="0.3">
      <c r="A2401" t="s">
        <v>9149</v>
      </c>
      <c r="B2401">
        <v>1144</v>
      </c>
      <c r="C2401" t="s">
        <v>9150</v>
      </c>
      <c r="D2401" t="s">
        <v>9151</v>
      </c>
      <c r="E2401" t="s">
        <v>93</v>
      </c>
      <c r="F2401">
        <v>1252</v>
      </c>
      <c r="G2401">
        <v>128.15015974440891</v>
      </c>
      <c r="H2401">
        <v>127</v>
      </c>
      <c r="I2401">
        <v>5444.485439271607</v>
      </c>
      <c r="J2401">
        <v>73.786756530366659</v>
      </c>
      <c r="K2401">
        <v>-2.0796191204739542E-3</v>
      </c>
      <c r="L2401">
        <v>-1.180779321514938</v>
      </c>
      <c r="M2401">
        <v>7.8420302031925573</v>
      </c>
      <c r="N2401">
        <v>12</v>
      </c>
      <c r="O2401">
        <v>1</v>
      </c>
      <c r="P2401">
        <v>11</v>
      </c>
      <c r="Q2401">
        <v>2.2508136549645781</v>
      </c>
      <c r="R2401">
        <v>5.4356811252088608</v>
      </c>
      <c r="S2401">
        <v>2</v>
      </c>
      <c r="T2401">
        <v>1</v>
      </c>
      <c r="U2401">
        <v>1</v>
      </c>
      <c r="V2401">
        <v>4.8970069200633078E-2</v>
      </c>
      <c r="W2401">
        <v>7.1283740635577502</v>
      </c>
      <c r="X2401">
        <v>1</v>
      </c>
      <c r="Y2401">
        <v>1</v>
      </c>
      <c r="Z2401">
        <v>0</v>
      </c>
      <c r="AA2401">
        <v>0</v>
      </c>
      <c r="AB2401">
        <v>7.1308988302963474</v>
      </c>
      <c r="AC2401">
        <v>1</v>
      </c>
      <c r="AD2401">
        <v>1</v>
      </c>
      <c r="AE2401">
        <v>0</v>
      </c>
      <c r="AF2401">
        <v>0</v>
      </c>
      <c r="AG2401">
        <v>7.1300985101255749</v>
      </c>
      <c r="AH2401">
        <v>4.3614164318747137E-2</v>
      </c>
      <c r="AI2401">
        <v>-1.6315314449829029E-2</v>
      </c>
      <c r="AJ2401">
        <v>-2.8292048510401928E-3</v>
      </c>
      <c r="AK2401">
        <v>-1.7055189639755872E-2</v>
      </c>
      <c r="AL2401">
        <v>2449.1932430401748</v>
      </c>
      <c r="AM2401">
        <v>4623.729280380323</v>
      </c>
      <c r="AN2401">
        <v>160444</v>
      </c>
      <c r="AO2401">
        <v>135.9585381520653</v>
      </c>
      <c r="AP2401">
        <v>2212.255989337234</v>
      </c>
      <c r="AQ2401">
        <v>1.0183706070287539</v>
      </c>
      <c r="AR2401">
        <v>3.97923322683706</v>
      </c>
      <c r="AS2401">
        <v>1247</v>
      </c>
      <c r="AT2401">
        <v>265.18849840255592</v>
      </c>
      <c r="AU2401">
        <v>1.7844390152227E-2</v>
      </c>
      <c r="AV2401">
        <v>4.3674540814705121E-2</v>
      </c>
      <c r="AW2401">
        <v>0.3769968051118211</v>
      </c>
      <c r="AX2401">
        <v>82.809752198241412</v>
      </c>
      <c r="AY2401">
        <v>64</v>
      </c>
      <c r="AZ2401">
        <v>128</v>
      </c>
      <c r="BA2401">
        <v>0.57578357044214223</v>
      </c>
      <c r="BB2401">
        <v>0.49281150159744408</v>
      </c>
      <c r="BC2401">
        <v>5.2342379153655632</v>
      </c>
      <c r="BD2401" t="s">
        <v>9152</v>
      </c>
      <c r="BE2401" t="s">
        <v>68</v>
      </c>
    </row>
    <row r="2402" spans="1:57" x14ac:dyDescent="0.3">
      <c r="A2402" t="s">
        <v>9153</v>
      </c>
      <c r="B2402">
        <v>3202</v>
      </c>
      <c r="C2402" t="s">
        <v>9154</v>
      </c>
      <c r="D2402" t="s">
        <v>9155</v>
      </c>
      <c r="E2402" t="s">
        <v>98</v>
      </c>
      <c r="F2402">
        <v>16</v>
      </c>
      <c r="G2402">
        <v>129.375</v>
      </c>
      <c r="H2402">
        <v>149.5</v>
      </c>
      <c r="I2402">
        <v>3858.359375</v>
      </c>
      <c r="J2402">
        <v>62.115693467915179</v>
      </c>
      <c r="K2402">
        <v>-0.48823563730569131</v>
      </c>
      <c r="L2402">
        <v>-1.0643638037470089</v>
      </c>
      <c r="M2402">
        <v>4</v>
      </c>
      <c r="N2402">
        <v>1</v>
      </c>
      <c r="O2402">
        <v>1</v>
      </c>
      <c r="P2402">
        <v>0</v>
      </c>
      <c r="Q2402">
        <v>0</v>
      </c>
      <c r="R2402">
        <v>2.7725887222397811</v>
      </c>
      <c r="S2402">
        <v>1</v>
      </c>
      <c r="T2402">
        <v>1</v>
      </c>
      <c r="U2402">
        <v>0</v>
      </c>
      <c r="V2402">
        <v>0</v>
      </c>
      <c r="W2402">
        <v>2.7080502011022101</v>
      </c>
      <c r="X2402">
        <v>1</v>
      </c>
      <c r="Y2402">
        <v>1</v>
      </c>
      <c r="Z2402">
        <v>0</v>
      </c>
      <c r="AA2402">
        <v>0</v>
      </c>
      <c r="AB2402">
        <v>2.639057329615258</v>
      </c>
      <c r="AC2402">
        <v>1</v>
      </c>
      <c r="AD2402">
        <v>1</v>
      </c>
      <c r="AE2402">
        <v>0</v>
      </c>
      <c r="AF2402">
        <v>0</v>
      </c>
      <c r="AG2402">
        <v>2.5649493574615372</v>
      </c>
      <c r="AH2402">
        <v>-0.36125726405734299</v>
      </c>
      <c r="AI2402">
        <v>-0.2335842428169356</v>
      </c>
      <c r="AJ2402">
        <v>-8.4790785024399129E-2</v>
      </c>
      <c r="AK2402">
        <v>-0.17970974142993101</v>
      </c>
      <c r="AL2402">
        <v>340.55804627427892</v>
      </c>
      <c r="AM2402">
        <v>462.12575898541519</v>
      </c>
      <c r="AN2402">
        <v>2070</v>
      </c>
      <c r="AO2402">
        <v>43.128727813280108</v>
      </c>
      <c r="AP2402">
        <v>235.31734247862121</v>
      </c>
      <c r="AQ2402">
        <v>2.3125</v>
      </c>
      <c r="AR2402">
        <v>3.8125</v>
      </c>
      <c r="AS2402">
        <v>16</v>
      </c>
      <c r="AT2402">
        <v>0</v>
      </c>
      <c r="AU2402">
        <v>0.23913043478260859</v>
      </c>
      <c r="AV2402">
        <v>-0.37277132923618</v>
      </c>
      <c r="AW2402">
        <v>0.3125</v>
      </c>
      <c r="AX2402">
        <v>86.6</v>
      </c>
      <c r="AY2402">
        <v>47.5</v>
      </c>
      <c r="AZ2402">
        <v>98.75</v>
      </c>
      <c r="BA2402">
        <v>0.4801213021674603</v>
      </c>
      <c r="BB2402">
        <v>0.5625</v>
      </c>
      <c r="BC2402">
        <v>2.7080502011022101</v>
      </c>
      <c r="BD2402" t="s">
        <v>9154</v>
      </c>
      <c r="BE2402" t="s">
        <v>62</v>
      </c>
    </row>
    <row r="2403" spans="1:57" x14ac:dyDescent="0.3">
      <c r="A2403" t="s">
        <v>9156</v>
      </c>
      <c r="B2403">
        <v>3252</v>
      </c>
      <c r="C2403" t="s">
        <v>9157</v>
      </c>
      <c r="D2403" t="s">
        <v>9158</v>
      </c>
      <c r="E2403" t="s">
        <v>128</v>
      </c>
      <c r="F2403">
        <v>32</v>
      </c>
      <c r="G2403">
        <v>124.59375</v>
      </c>
      <c r="H2403">
        <v>128</v>
      </c>
      <c r="I2403">
        <v>3808.1162109375</v>
      </c>
      <c r="J2403">
        <v>61.709936079512353</v>
      </c>
      <c r="K2403">
        <v>-0.19151367729974961</v>
      </c>
      <c r="L2403">
        <v>-0.91769364744433002</v>
      </c>
      <c r="M2403">
        <v>4.875</v>
      </c>
      <c r="N2403">
        <v>2</v>
      </c>
      <c r="O2403">
        <v>1</v>
      </c>
      <c r="P2403">
        <v>1</v>
      </c>
      <c r="Q2403">
        <v>0.24944382578492941</v>
      </c>
      <c r="R2403">
        <v>3.3790925052297318</v>
      </c>
      <c r="S2403">
        <v>1</v>
      </c>
      <c r="T2403">
        <v>1</v>
      </c>
      <c r="U2403">
        <v>0</v>
      </c>
      <c r="V2403">
        <v>0</v>
      </c>
      <c r="W2403">
        <v>3.4339872044851458</v>
      </c>
      <c r="X2403">
        <v>1</v>
      </c>
      <c r="Y2403">
        <v>1</v>
      </c>
      <c r="Z2403">
        <v>0</v>
      </c>
      <c r="AA2403">
        <v>0</v>
      </c>
      <c r="AB2403">
        <v>3.401197381662155</v>
      </c>
      <c r="AC2403">
        <v>1</v>
      </c>
      <c r="AD2403">
        <v>1</v>
      </c>
      <c r="AE2403">
        <v>0</v>
      </c>
      <c r="AF2403">
        <v>0</v>
      </c>
      <c r="AG2403">
        <v>3.3672958299864728</v>
      </c>
      <c r="AH2403">
        <v>-7.1175150230375045E-2</v>
      </c>
      <c r="AI2403">
        <v>-0.16399737364505451</v>
      </c>
      <c r="AJ2403">
        <v>-0.1175563823899971</v>
      </c>
      <c r="AK2403">
        <v>-6.0630887436911959E-2</v>
      </c>
      <c r="AL2403">
        <v>444.78983226115611</v>
      </c>
      <c r="AM2403">
        <v>648.67326530164053</v>
      </c>
      <c r="AN2403">
        <v>3987</v>
      </c>
      <c r="AO2403">
        <v>138.975639047882</v>
      </c>
      <c r="AP2403">
        <v>307.98658691980228</v>
      </c>
      <c r="AQ2403">
        <v>1.65625</v>
      </c>
      <c r="AR2403">
        <v>4.03125</v>
      </c>
      <c r="AS2403">
        <v>32</v>
      </c>
      <c r="AT2403">
        <v>1.75</v>
      </c>
      <c r="AU2403">
        <v>0.16052904564315351</v>
      </c>
      <c r="AV2403">
        <v>-7.2269144186832016E-2</v>
      </c>
      <c r="AW2403">
        <v>0.375</v>
      </c>
      <c r="AX2403">
        <v>75.354838709677423</v>
      </c>
      <c r="AY2403">
        <v>57</v>
      </c>
      <c r="AZ2403">
        <v>116.25</v>
      </c>
      <c r="BA2403">
        <v>0.49528917846611359</v>
      </c>
      <c r="BB2403">
        <v>0.5625</v>
      </c>
      <c r="BC2403">
        <v>3.2998296856670919</v>
      </c>
      <c r="BD2403" t="s">
        <v>9159</v>
      </c>
      <c r="BE2403" t="s">
        <v>62</v>
      </c>
    </row>
    <row r="2404" spans="1:57" x14ac:dyDescent="0.3">
      <c r="A2404" t="s">
        <v>9160</v>
      </c>
      <c r="B2404">
        <v>132</v>
      </c>
      <c r="C2404" t="s">
        <v>9161</v>
      </c>
      <c r="D2404" t="s">
        <v>9162</v>
      </c>
      <c r="E2404" t="s">
        <v>60</v>
      </c>
      <c r="F2404">
        <v>512</v>
      </c>
      <c r="G2404">
        <v>126.0625</v>
      </c>
      <c r="H2404">
        <v>128</v>
      </c>
      <c r="I2404">
        <v>5552.69921875</v>
      </c>
      <c r="J2404">
        <v>74.516435896720125</v>
      </c>
      <c r="K2404">
        <v>2.1631186443421109E-2</v>
      </c>
      <c r="L2404">
        <v>-1.171424940167541</v>
      </c>
      <c r="M2404">
        <v>7.5911437942447444</v>
      </c>
      <c r="N2404">
        <v>7</v>
      </c>
      <c r="O2404">
        <v>1</v>
      </c>
      <c r="P2404">
        <v>6</v>
      </c>
      <c r="Q2404">
        <v>1.25093278191945</v>
      </c>
      <c r="R2404">
        <v>5.2617799182058693</v>
      </c>
      <c r="S2404">
        <v>2</v>
      </c>
      <c r="T2404">
        <v>1</v>
      </c>
      <c r="U2404">
        <v>1</v>
      </c>
      <c r="V2404">
        <v>8.8472037443809853E-2</v>
      </c>
      <c r="W2404">
        <v>6.2255179709385784</v>
      </c>
      <c r="X2404">
        <v>1</v>
      </c>
      <c r="Y2404">
        <v>1</v>
      </c>
      <c r="Z2404">
        <v>0</v>
      </c>
      <c r="AA2404">
        <v>0</v>
      </c>
      <c r="AB2404">
        <v>6.2344107257183694</v>
      </c>
      <c r="AC2404">
        <v>1</v>
      </c>
      <c r="AD2404">
        <v>1</v>
      </c>
      <c r="AE2404">
        <v>0</v>
      </c>
      <c r="AF2404">
        <v>0</v>
      </c>
      <c r="AG2404">
        <v>6.2324480165505216</v>
      </c>
      <c r="AH2404">
        <v>1.313268817521532E-2</v>
      </c>
      <c r="AI2404">
        <v>-1.11695027659338E-2</v>
      </c>
      <c r="AJ2404">
        <v>3.3962331409414479E-4</v>
      </c>
      <c r="AK2404">
        <v>6.0794083246042364E-3</v>
      </c>
      <c r="AL2404">
        <v>1615.510856091619</v>
      </c>
      <c r="AM2404">
        <v>2893.0407314536928</v>
      </c>
      <c r="AN2404">
        <v>64544</v>
      </c>
      <c r="AO2404">
        <v>56.392802802442418</v>
      </c>
      <c r="AP2404">
        <v>1409.9347705538989</v>
      </c>
      <c r="AQ2404">
        <v>1.044921875</v>
      </c>
      <c r="AR2404">
        <v>3.958984375</v>
      </c>
      <c r="AS2404">
        <v>511</v>
      </c>
      <c r="AT2404">
        <v>149.2734375</v>
      </c>
      <c r="AU2404">
        <v>2.263327205882348E-2</v>
      </c>
      <c r="AV2404">
        <v>1.3132992153011809E-2</v>
      </c>
      <c r="AW2404">
        <v>0.357421875</v>
      </c>
      <c r="AX2404">
        <v>85.690802348336589</v>
      </c>
      <c r="AY2404">
        <v>64</v>
      </c>
      <c r="AZ2404">
        <v>125.5</v>
      </c>
      <c r="BA2404">
        <v>0.5911070770190987</v>
      </c>
      <c r="BB2404">
        <v>0.50390625</v>
      </c>
      <c r="BC2404">
        <v>5.1156406629345739</v>
      </c>
      <c r="BD2404" t="s">
        <v>9163</v>
      </c>
      <c r="BE2404" t="s">
        <v>62</v>
      </c>
    </row>
    <row r="2405" spans="1:57" x14ac:dyDescent="0.3">
      <c r="A2405" t="s">
        <v>9164</v>
      </c>
      <c r="B2405">
        <v>1469</v>
      </c>
      <c r="C2405" t="s">
        <v>9165</v>
      </c>
      <c r="D2405" t="s">
        <v>9166</v>
      </c>
      <c r="E2405" t="s">
        <v>10622</v>
      </c>
      <c r="F2405">
        <v>64</v>
      </c>
      <c r="G2405">
        <v>135.4375</v>
      </c>
      <c r="H2405">
        <v>135.5</v>
      </c>
      <c r="I2405">
        <v>5377.46484375</v>
      </c>
      <c r="J2405">
        <v>73.331199661194688</v>
      </c>
      <c r="K2405">
        <v>-7.5562015051130429E-2</v>
      </c>
      <c r="L2405">
        <v>-1.115607885726654</v>
      </c>
      <c r="M2405">
        <v>5.8125</v>
      </c>
      <c r="N2405">
        <v>2</v>
      </c>
      <c r="O2405">
        <v>1</v>
      </c>
      <c r="P2405">
        <v>1</v>
      </c>
      <c r="Q2405">
        <v>0.3045434781492361</v>
      </c>
      <c r="R2405">
        <v>4.0289179870046823</v>
      </c>
      <c r="S2405">
        <v>1</v>
      </c>
      <c r="T2405">
        <v>1</v>
      </c>
      <c r="U2405">
        <v>0</v>
      </c>
      <c r="V2405">
        <v>0</v>
      </c>
      <c r="W2405">
        <v>4.1431347263915326</v>
      </c>
      <c r="X2405">
        <v>1</v>
      </c>
      <c r="Y2405">
        <v>1</v>
      </c>
      <c r="Z2405">
        <v>0</v>
      </c>
      <c r="AA2405">
        <v>0</v>
      </c>
      <c r="AB2405">
        <v>4.1271343850450908</v>
      </c>
      <c r="AC2405">
        <v>1</v>
      </c>
      <c r="AD2405">
        <v>1</v>
      </c>
      <c r="AE2405">
        <v>0</v>
      </c>
      <c r="AF2405">
        <v>0</v>
      </c>
      <c r="AG2405">
        <v>4.1108738641733096</v>
      </c>
      <c r="AH2405">
        <v>4.9656541495142863E-2</v>
      </c>
      <c r="AI2405">
        <v>-0.15671903454883701</v>
      </c>
      <c r="AJ2405">
        <v>2.3224213224168282E-2</v>
      </c>
      <c r="AK2405">
        <v>-0.11177207708529011</v>
      </c>
      <c r="AL2405">
        <v>643.44769734064096</v>
      </c>
      <c r="AM2405">
        <v>1050.7640366833209</v>
      </c>
      <c r="AN2405">
        <v>8668</v>
      </c>
      <c r="AO2405">
        <v>26.972213298712969</v>
      </c>
      <c r="AP2405">
        <v>472.17981894435269</v>
      </c>
      <c r="AQ2405">
        <v>1.359375</v>
      </c>
      <c r="AR2405">
        <v>4.203125</v>
      </c>
      <c r="AS2405">
        <v>64</v>
      </c>
      <c r="AT2405">
        <v>4.8750000000000009</v>
      </c>
      <c r="AU2405">
        <v>7.5919117647058831E-2</v>
      </c>
      <c r="AV2405">
        <v>5.0165786145434987E-2</v>
      </c>
      <c r="AW2405">
        <v>0.359375</v>
      </c>
      <c r="AX2405">
        <v>81.777777777777771</v>
      </c>
      <c r="AY2405">
        <v>65</v>
      </c>
      <c r="AZ2405">
        <v>130.25</v>
      </c>
      <c r="BA2405">
        <v>0.54143940682008074</v>
      </c>
      <c r="BB2405">
        <v>0.5</v>
      </c>
      <c r="BC2405">
        <v>3.9587918211102062</v>
      </c>
      <c r="BD2405" t="s">
        <v>9167</v>
      </c>
      <c r="BE2405" t="s">
        <v>62</v>
      </c>
    </row>
    <row r="2406" spans="1:57" x14ac:dyDescent="0.3">
      <c r="A2406" t="s">
        <v>9168</v>
      </c>
      <c r="B2406">
        <v>934</v>
      </c>
      <c r="C2406" t="s">
        <v>9169</v>
      </c>
      <c r="D2406" t="s">
        <v>9170</v>
      </c>
      <c r="E2406" t="s">
        <v>128</v>
      </c>
      <c r="F2406">
        <v>32</v>
      </c>
      <c r="G2406">
        <v>116.46875</v>
      </c>
      <c r="H2406">
        <v>101</v>
      </c>
      <c r="I2406">
        <v>5207.9990234375</v>
      </c>
      <c r="J2406">
        <v>72.166467444634563</v>
      </c>
      <c r="K2406">
        <v>0.41580187616318792</v>
      </c>
      <c r="L2406">
        <v>-1.049349922041094</v>
      </c>
      <c r="M2406">
        <v>4.9375</v>
      </c>
      <c r="N2406">
        <v>2</v>
      </c>
      <c r="O2406">
        <v>1</v>
      </c>
      <c r="P2406">
        <v>1</v>
      </c>
      <c r="Q2406">
        <v>0.1766846959694085</v>
      </c>
      <c r="R2406">
        <v>3.422414204014729</v>
      </c>
      <c r="S2406">
        <v>1</v>
      </c>
      <c r="T2406">
        <v>1</v>
      </c>
      <c r="U2406">
        <v>0</v>
      </c>
      <c r="V2406">
        <v>0</v>
      </c>
      <c r="W2406">
        <v>3.4339872044851458</v>
      </c>
      <c r="X2406">
        <v>1</v>
      </c>
      <c r="Y2406">
        <v>1</v>
      </c>
      <c r="Z2406">
        <v>0</v>
      </c>
      <c r="AA2406">
        <v>0</v>
      </c>
      <c r="AB2406">
        <v>3.401197381662155</v>
      </c>
      <c r="AC2406">
        <v>1</v>
      </c>
      <c r="AD2406">
        <v>1</v>
      </c>
      <c r="AE2406">
        <v>0</v>
      </c>
      <c r="AF2406">
        <v>0</v>
      </c>
      <c r="AG2406">
        <v>3.3672958299864728</v>
      </c>
      <c r="AH2406">
        <v>-0.2142763847248195</v>
      </c>
      <c r="AI2406">
        <v>0.22493792648440619</v>
      </c>
      <c r="AJ2406">
        <v>6.5968392549321755E-2</v>
      </c>
      <c r="AK2406">
        <v>-0.11630889917121549</v>
      </c>
      <c r="AL2406">
        <v>451.84962070090069</v>
      </c>
      <c r="AM2406">
        <v>629.73559552597328</v>
      </c>
      <c r="AN2406">
        <v>3727</v>
      </c>
      <c r="AO2406">
        <v>36.63033108839592</v>
      </c>
      <c r="AP2406">
        <v>325.52834375217111</v>
      </c>
      <c r="AQ2406">
        <v>1.65625</v>
      </c>
      <c r="AR2406">
        <v>4.125</v>
      </c>
      <c r="AS2406">
        <v>32</v>
      </c>
      <c r="AT2406">
        <v>0.93749999999999978</v>
      </c>
      <c r="AU2406">
        <v>0.22504940711462451</v>
      </c>
      <c r="AV2406">
        <v>-0.2192162251559652</v>
      </c>
      <c r="AW2406">
        <v>0.5</v>
      </c>
      <c r="AX2406">
        <v>99.677419354838705</v>
      </c>
      <c r="AY2406">
        <v>58.5</v>
      </c>
      <c r="AZ2406">
        <v>128.75</v>
      </c>
      <c r="BA2406">
        <v>0.61962086349028866</v>
      </c>
      <c r="BB2406">
        <v>0.40625</v>
      </c>
      <c r="BC2406">
        <v>3.2382315403482389</v>
      </c>
      <c r="BD2406" t="s">
        <v>9171</v>
      </c>
      <c r="BE2406" t="s">
        <v>62</v>
      </c>
    </row>
    <row r="2407" spans="1:57" x14ac:dyDescent="0.3">
      <c r="A2407" t="s">
        <v>9172</v>
      </c>
      <c r="B2407">
        <v>996</v>
      </c>
      <c r="C2407" t="s">
        <v>9173</v>
      </c>
      <c r="D2407" t="s">
        <v>9174</v>
      </c>
      <c r="E2407" t="s">
        <v>85</v>
      </c>
      <c r="F2407">
        <v>8</v>
      </c>
      <c r="G2407">
        <v>123</v>
      </c>
      <c r="H2407">
        <v>123</v>
      </c>
      <c r="I2407">
        <v>4648.25</v>
      </c>
      <c r="J2407">
        <v>68.17807565486136</v>
      </c>
      <c r="K2407">
        <v>-0.19190382685177901</v>
      </c>
      <c r="L2407">
        <v>-1.1738946688950791</v>
      </c>
      <c r="M2407">
        <v>3</v>
      </c>
      <c r="N2407">
        <v>1</v>
      </c>
      <c r="O2407">
        <v>1</v>
      </c>
      <c r="P2407">
        <v>0</v>
      </c>
      <c r="Q2407">
        <v>0</v>
      </c>
      <c r="R2407">
        <v>2.0794415416798362</v>
      </c>
      <c r="S2407">
        <v>1</v>
      </c>
      <c r="T2407">
        <v>1</v>
      </c>
      <c r="U2407">
        <v>0</v>
      </c>
      <c r="V2407">
        <v>0</v>
      </c>
      <c r="W2407">
        <v>1.945910149055313</v>
      </c>
      <c r="X2407">
        <v>1</v>
      </c>
      <c r="Y2407">
        <v>1</v>
      </c>
      <c r="Z2407">
        <v>0</v>
      </c>
      <c r="AA2407">
        <v>0</v>
      </c>
      <c r="AB2407">
        <v>1.791759469228055</v>
      </c>
      <c r="AC2407">
        <v>1</v>
      </c>
      <c r="AD2407">
        <v>1</v>
      </c>
      <c r="AE2407">
        <v>0</v>
      </c>
      <c r="AF2407">
        <v>0</v>
      </c>
      <c r="AG2407">
        <v>1.6094379124341009</v>
      </c>
      <c r="AH2407">
        <v>-0.5047329640187167</v>
      </c>
      <c r="AI2407">
        <v>9.2830635185284782E-2</v>
      </c>
      <c r="AJ2407">
        <v>9.0679287904049916E-2</v>
      </c>
      <c r="AK2407">
        <v>0</v>
      </c>
      <c r="AL2407">
        <v>294.64797361846843</v>
      </c>
      <c r="AM2407">
        <v>267.20885397480822</v>
      </c>
      <c r="AN2407">
        <v>984</v>
      </c>
      <c r="AO2407">
        <v>141.03191128251791</v>
      </c>
      <c r="AP2407">
        <v>186.20804324944311</v>
      </c>
      <c r="AQ2407">
        <v>3.5</v>
      </c>
      <c r="AR2407">
        <v>4.875</v>
      </c>
      <c r="AS2407">
        <v>8</v>
      </c>
      <c r="AT2407">
        <v>0</v>
      </c>
      <c r="AU2407">
        <v>0.1961883408071749</v>
      </c>
      <c r="AV2407">
        <v>-0.61705073502094321</v>
      </c>
      <c r="AW2407">
        <v>0.25</v>
      </c>
      <c r="AX2407">
        <v>110.71428571428569</v>
      </c>
      <c r="AY2407">
        <v>58</v>
      </c>
      <c r="AZ2407">
        <v>91</v>
      </c>
      <c r="BA2407">
        <v>0.55429329800700289</v>
      </c>
      <c r="BB2407">
        <v>0.5</v>
      </c>
      <c r="BC2407">
        <v>1.945910149055313</v>
      </c>
      <c r="BD2407" t="s">
        <v>9173</v>
      </c>
      <c r="BE2407" t="s">
        <v>68</v>
      </c>
    </row>
    <row r="2408" spans="1:57" x14ac:dyDescent="0.3">
      <c r="A2408" t="s">
        <v>9175</v>
      </c>
      <c r="B2408">
        <v>2879</v>
      </c>
      <c r="C2408" t="s">
        <v>9176</v>
      </c>
      <c r="D2408" t="s">
        <v>9177</v>
      </c>
      <c r="E2408" t="s">
        <v>115</v>
      </c>
      <c r="F2408">
        <v>2923</v>
      </c>
      <c r="G2408">
        <v>127.232295586726</v>
      </c>
      <c r="H2408">
        <v>127</v>
      </c>
      <c r="I2408">
        <v>5455.9251697901518</v>
      </c>
      <c r="J2408">
        <v>73.864234713358755</v>
      </c>
      <c r="K2408">
        <v>-1.808133464634967E-3</v>
      </c>
      <c r="L2408">
        <v>-1.193049763756973</v>
      </c>
      <c r="M2408">
        <v>7.9371428723568291</v>
      </c>
      <c r="N2408">
        <v>20</v>
      </c>
      <c r="O2408">
        <v>3</v>
      </c>
      <c r="P2408">
        <v>17</v>
      </c>
      <c r="Q2408">
        <v>3.3472687932138698</v>
      </c>
      <c r="R2408">
        <v>5.5016082036755982</v>
      </c>
      <c r="S2408">
        <v>3</v>
      </c>
      <c r="T2408">
        <v>1</v>
      </c>
      <c r="U2408">
        <v>2</v>
      </c>
      <c r="V2408">
        <v>0.1433164387088747</v>
      </c>
      <c r="W2408">
        <v>7.952327383861391</v>
      </c>
      <c r="X2408">
        <v>1</v>
      </c>
      <c r="Y2408">
        <v>1</v>
      </c>
      <c r="Z2408">
        <v>0</v>
      </c>
      <c r="AA2408">
        <v>0</v>
      </c>
      <c r="AB2408">
        <v>7.9796813023877426</v>
      </c>
      <c r="AC2408">
        <v>1</v>
      </c>
      <c r="AD2408">
        <v>1</v>
      </c>
      <c r="AE2408">
        <v>0</v>
      </c>
      <c r="AF2408">
        <v>0</v>
      </c>
      <c r="AG2408">
        <v>7.9793388952623294</v>
      </c>
      <c r="AH2408">
        <v>2.4637492743263532E-3</v>
      </c>
      <c r="AI2408">
        <v>-1.2233555559164571E-2</v>
      </c>
      <c r="AJ2408">
        <v>-2.404653292263801E-2</v>
      </c>
      <c r="AK2408">
        <v>1.9919029499765002E-2</v>
      </c>
      <c r="AL2408">
        <v>3659.2270059426751</v>
      </c>
      <c r="AM2408">
        <v>7062.2530200340316</v>
      </c>
      <c r="AN2408">
        <v>371900</v>
      </c>
      <c r="AO2408">
        <v>89.243388540472537</v>
      </c>
      <c r="AP2408">
        <v>3338.8106977362381</v>
      </c>
      <c r="AQ2408">
        <v>1.007868628121793</v>
      </c>
      <c r="AR2408">
        <v>3.9900786862812181</v>
      </c>
      <c r="AS2408">
        <v>2909</v>
      </c>
      <c r="AT2408">
        <v>251.2073212452959</v>
      </c>
      <c r="AU2408">
        <v>9.8595989884150692E-3</v>
      </c>
      <c r="AV2408">
        <v>2.4641976536044509E-3</v>
      </c>
      <c r="AW2408">
        <v>0.369483407458091</v>
      </c>
      <c r="AX2408">
        <v>85.362080766598226</v>
      </c>
      <c r="AY2408">
        <v>64</v>
      </c>
      <c r="AZ2408">
        <v>129</v>
      </c>
      <c r="BA2408">
        <v>0.58054627068337628</v>
      </c>
      <c r="BB2408">
        <v>0.49982894286691748</v>
      </c>
      <c r="BC2408">
        <v>5.3106762451630871</v>
      </c>
      <c r="BD2408" t="s">
        <v>9178</v>
      </c>
      <c r="BE2408" t="s">
        <v>68</v>
      </c>
    </row>
    <row r="2409" spans="1:57" x14ac:dyDescent="0.3">
      <c r="A2409" t="s">
        <v>3659</v>
      </c>
      <c r="B2409">
        <v>1890</v>
      </c>
      <c r="C2409" t="s">
        <v>3660</v>
      </c>
      <c r="D2409" t="s">
        <v>3661</v>
      </c>
      <c r="E2409" t="s">
        <v>93</v>
      </c>
      <c r="F2409">
        <v>1897</v>
      </c>
      <c r="G2409">
        <v>127.86715867158669</v>
      </c>
      <c r="H2409">
        <v>130</v>
      </c>
      <c r="I2409">
        <v>5434.2280042094044</v>
      </c>
      <c r="J2409">
        <v>73.717216470844889</v>
      </c>
      <c r="K2409">
        <v>-2.0226761125065391E-2</v>
      </c>
      <c r="L2409">
        <v>-1.1997930663341621</v>
      </c>
      <c r="M2409">
        <v>7.9006171600969566</v>
      </c>
      <c r="N2409">
        <v>17</v>
      </c>
      <c r="O2409">
        <v>2</v>
      </c>
      <c r="P2409">
        <v>15</v>
      </c>
      <c r="Q2409">
        <v>2.739991441699396</v>
      </c>
      <c r="R2409">
        <v>5.476290509204734</v>
      </c>
      <c r="S2409">
        <v>2</v>
      </c>
      <c r="T2409">
        <v>1</v>
      </c>
      <c r="U2409">
        <v>1</v>
      </c>
      <c r="V2409">
        <v>0.12150972984249341</v>
      </c>
      <c r="W2409">
        <v>7.5270289812794413</v>
      </c>
      <c r="X2409">
        <v>1</v>
      </c>
      <c r="Y2409">
        <v>1</v>
      </c>
      <c r="Z2409">
        <v>0</v>
      </c>
      <c r="AA2409">
        <v>0</v>
      </c>
      <c r="AB2409">
        <v>7.5469741175165241</v>
      </c>
      <c r="AC2409">
        <v>1</v>
      </c>
      <c r="AD2409">
        <v>1</v>
      </c>
      <c r="AE2409">
        <v>0</v>
      </c>
      <c r="AF2409">
        <v>0</v>
      </c>
      <c r="AG2409">
        <v>7.5464462737460254</v>
      </c>
      <c r="AH2409">
        <v>-3.0258210047127209E-2</v>
      </c>
      <c r="AI2409">
        <v>2.022312366677758E-2</v>
      </c>
      <c r="AJ2409">
        <v>2.016044389452902E-2</v>
      </c>
      <c r="AK2409">
        <v>1.398598743326133E-2</v>
      </c>
      <c r="AL2409">
        <v>2960.7729727901478</v>
      </c>
      <c r="AM2409">
        <v>5706.0076589148903</v>
      </c>
      <c r="AN2409">
        <v>242564</v>
      </c>
      <c r="AO2409">
        <v>112.45524431532171</v>
      </c>
      <c r="AP2409">
        <v>2601.936537373429</v>
      </c>
      <c r="AQ2409">
        <v>1.012124406958355</v>
      </c>
      <c r="AR2409">
        <v>4.0063257775434904</v>
      </c>
      <c r="AS2409">
        <v>1888</v>
      </c>
      <c r="AT2409">
        <v>259.36478650500788</v>
      </c>
      <c r="AU2409">
        <v>1.3885701882228931E-2</v>
      </c>
      <c r="AV2409">
        <v>-3.0285842819783498E-2</v>
      </c>
      <c r="AW2409">
        <v>0.35793357933579328</v>
      </c>
      <c r="AX2409">
        <v>87.133966244725741</v>
      </c>
      <c r="AY2409">
        <v>64</v>
      </c>
      <c r="AZ2409">
        <v>128</v>
      </c>
      <c r="BA2409">
        <v>0.57651407317323566</v>
      </c>
      <c r="BB2409">
        <v>0.50869794412229841</v>
      </c>
      <c r="BC2409">
        <v>5.2907520609774554</v>
      </c>
      <c r="BD2409" t="s">
        <v>3662</v>
      </c>
      <c r="BE2409" t="s">
        <v>68</v>
      </c>
    </row>
    <row r="2410" spans="1:57" x14ac:dyDescent="0.3">
      <c r="A2410" t="s">
        <v>9179</v>
      </c>
      <c r="B2410">
        <v>2374</v>
      </c>
      <c r="C2410" t="s">
        <v>9180</v>
      </c>
      <c r="D2410" t="s">
        <v>9181</v>
      </c>
      <c r="E2410" t="s">
        <v>10622</v>
      </c>
      <c r="F2410">
        <v>64</v>
      </c>
      <c r="G2410">
        <v>118.0625</v>
      </c>
      <c r="H2410">
        <v>123.5</v>
      </c>
      <c r="I2410">
        <v>5987.74609375</v>
      </c>
      <c r="J2410">
        <v>77.38052787200408</v>
      </c>
      <c r="K2410">
        <v>7.9663717543054111E-2</v>
      </c>
      <c r="L2410">
        <v>-1.302151303748859</v>
      </c>
      <c r="M2410">
        <v>5.75</v>
      </c>
      <c r="N2410">
        <v>2</v>
      </c>
      <c r="O2410">
        <v>1</v>
      </c>
      <c r="P2410">
        <v>1</v>
      </c>
      <c r="Q2410">
        <v>0.3499271061118826</v>
      </c>
      <c r="R2410">
        <v>3.985596288219686</v>
      </c>
      <c r="S2410">
        <v>1</v>
      </c>
      <c r="T2410">
        <v>1</v>
      </c>
      <c r="U2410">
        <v>0</v>
      </c>
      <c r="V2410">
        <v>0</v>
      </c>
      <c r="W2410">
        <v>4.1431347263915326</v>
      </c>
      <c r="X2410">
        <v>1</v>
      </c>
      <c r="Y2410">
        <v>1</v>
      </c>
      <c r="Z2410">
        <v>0</v>
      </c>
      <c r="AA2410">
        <v>0</v>
      </c>
      <c r="AB2410">
        <v>4.1271343850450908</v>
      </c>
      <c r="AC2410">
        <v>1</v>
      </c>
      <c r="AD2410">
        <v>1</v>
      </c>
      <c r="AE2410">
        <v>0</v>
      </c>
      <c r="AF2410">
        <v>0</v>
      </c>
      <c r="AG2410">
        <v>4.1108738641733096</v>
      </c>
      <c r="AH2410">
        <v>0.18318596272139129</v>
      </c>
      <c r="AI2410">
        <v>9.2576419908367541E-2</v>
      </c>
      <c r="AJ2410">
        <v>-0.22713189510412871</v>
      </c>
      <c r="AK2410">
        <v>-4.8040435609705501E-2</v>
      </c>
      <c r="AL2410">
        <v>655.15973064515117</v>
      </c>
      <c r="AM2410">
        <v>919.81613779112035</v>
      </c>
      <c r="AN2410">
        <v>7556</v>
      </c>
      <c r="AO2410">
        <v>122.92532640454959</v>
      </c>
      <c r="AP2410">
        <v>506.08026080607112</v>
      </c>
      <c r="AQ2410">
        <v>1.359375</v>
      </c>
      <c r="AR2410">
        <v>3.96875</v>
      </c>
      <c r="AS2410">
        <v>64</v>
      </c>
      <c r="AT2410">
        <v>6</v>
      </c>
      <c r="AU2410">
        <v>0.14296259842519679</v>
      </c>
      <c r="AV2410">
        <v>0.18818578987205689</v>
      </c>
      <c r="AW2410">
        <v>0.34375</v>
      </c>
      <c r="AX2410">
        <v>77.460317460317455</v>
      </c>
      <c r="AY2410">
        <v>74.5</v>
      </c>
      <c r="AZ2410">
        <v>136.5</v>
      </c>
      <c r="BA2410">
        <v>0.65542003491374556</v>
      </c>
      <c r="BB2410">
        <v>0.53125</v>
      </c>
      <c r="BC2410">
        <v>3.9891020196004332</v>
      </c>
      <c r="BD2410" t="s">
        <v>9182</v>
      </c>
      <c r="BE2410" t="s">
        <v>62</v>
      </c>
    </row>
    <row r="2411" spans="1:57" x14ac:dyDescent="0.3">
      <c r="A2411" t="s">
        <v>9183</v>
      </c>
      <c r="B2411">
        <v>141</v>
      </c>
      <c r="C2411" t="s">
        <v>9184</v>
      </c>
      <c r="D2411" t="s">
        <v>9185</v>
      </c>
      <c r="E2411" t="s">
        <v>60</v>
      </c>
      <c r="F2411">
        <v>512</v>
      </c>
      <c r="G2411">
        <v>127.42578125</v>
      </c>
      <c r="H2411">
        <v>131</v>
      </c>
      <c r="I2411">
        <v>5441.8929290771484</v>
      </c>
      <c r="J2411">
        <v>73.769186853842626</v>
      </c>
      <c r="K2411">
        <v>-2.8301490117885571E-2</v>
      </c>
      <c r="L2411">
        <v>-1.145987067089165</v>
      </c>
      <c r="M2411">
        <v>7.5282220980525638</v>
      </c>
      <c r="N2411">
        <v>8</v>
      </c>
      <c r="O2411">
        <v>1</v>
      </c>
      <c r="P2411">
        <v>7</v>
      </c>
      <c r="Q2411">
        <v>1.260565326871502</v>
      </c>
      <c r="R2411">
        <v>5.2181659218942089</v>
      </c>
      <c r="S2411">
        <v>2</v>
      </c>
      <c r="T2411">
        <v>1</v>
      </c>
      <c r="U2411">
        <v>1</v>
      </c>
      <c r="V2411">
        <v>6.2560641760670582E-2</v>
      </c>
      <c r="W2411">
        <v>6.230943780571141</v>
      </c>
      <c r="X2411">
        <v>1</v>
      </c>
      <c r="Y2411">
        <v>1</v>
      </c>
      <c r="Z2411">
        <v>0</v>
      </c>
      <c r="AA2411">
        <v>0</v>
      </c>
      <c r="AB2411">
        <v>6.2344107257183694</v>
      </c>
      <c r="AC2411">
        <v>1</v>
      </c>
      <c r="AD2411">
        <v>1</v>
      </c>
      <c r="AE2411">
        <v>0</v>
      </c>
      <c r="AF2411">
        <v>0</v>
      </c>
      <c r="AG2411">
        <v>6.2324480165505216</v>
      </c>
      <c r="AH2411">
        <v>-3.9007471962939327E-2</v>
      </c>
      <c r="AI2411">
        <v>3.0824459753286289E-2</v>
      </c>
      <c r="AJ2411">
        <v>-2.0104363325338648E-2</v>
      </c>
      <c r="AK2411">
        <v>-2.4031174380568111E-3</v>
      </c>
      <c r="AL2411">
        <v>1622.300607299122</v>
      </c>
      <c r="AM2411">
        <v>2909.9661062556902</v>
      </c>
      <c r="AN2411">
        <v>65242</v>
      </c>
      <c r="AO2411">
        <v>181.39468677557309</v>
      </c>
      <c r="AP2411">
        <v>1392.4477824758569</v>
      </c>
      <c r="AQ2411">
        <v>1.044921875</v>
      </c>
      <c r="AR2411">
        <v>3.96484375</v>
      </c>
      <c r="AS2411">
        <v>511</v>
      </c>
      <c r="AT2411">
        <v>136.8671875</v>
      </c>
      <c r="AU2411">
        <v>3.2987819881889757E-2</v>
      </c>
      <c r="AV2411">
        <v>-3.9055416024540157E-2</v>
      </c>
      <c r="AW2411">
        <v>0.3515625</v>
      </c>
      <c r="AX2411">
        <v>86.804305283757344</v>
      </c>
      <c r="AY2411">
        <v>61</v>
      </c>
      <c r="AZ2411">
        <v>123</v>
      </c>
      <c r="BA2411">
        <v>0.57891885088083483</v>
      </c>
      <c r="BB2411">
        <v>0.515625</v>
      </c>
      <c r="BC2411">
        <v>5.0973022008523561</v>
      </c>
      <c r="BD2411" t="s">
        <v>9186</v>
      </c>
      <c r="BE2411" t="s">
        <v>62</v>
      </c>
    </row>
    <row r="2412" spans="1:57" x14ac:dyDescent="0.3">
      <c r="A2412" t="s">
        <v>9187</v>
      </c>
      <c r="B2412">
        <v>1862</v>
      </c>
      <c r="C2412" t="s">
        <v>9188</v>
      </c>
      <c r="D2412" t="s">
        <v>9189</v>
      </c>
      <c r="E2412" t="s">
        <v>10622</v>
      </c>
      <c r="F2412">
        <v>64</v>
      </c>
      <c r="G2412">
        <v>133.140625</v>
      </c>
      <c r="H2412">
        <v>127</v>
      </c>
      <c r="I2412">
        <v>5495.652099609375</v>
      </c>
      <c r="J2412">
        <v>74.132665536923568</v>
      </c>
      <c r="K2412">
        <v>-6.8576093701264024E-3</v>
      </c>
      <c r="L2412">
        <v>-1.1397110386951861</v>
      </c>
      <c r="M2412">
        <v>5.78125</v>
      </c>
      <c r="N2412">
        <v>2</v>
      </c>
      <c r="O2412">
        <v>1</v>
      </c>
      <c r="P2412">
        <v>1</v>
      </c>
      <c r="Q2412">
        <v>0.32821556024332821</v>
      </c>
      <c r="R2412">
        <v>4.0072571376121839</v>
      </c>
      <c r="S2412">
        <v>1</v>
      </c>
      <c r="T2412">
        <v>1</v>
      </c>
      <c r="U2412">
        <v>0</v>
      </c>
      <c r="V2412">
        <v>0</v>
      </c>
      <c r="W2412">
        <v>4.1431347263915326</v>
      </c>
      <c r="X2412">
        <v>1</v>
      </c>
      <c r="Y2412">
        <v>1</v>
      </c>
      <c r="Z2412">
        <v>0</v>
      </c>
      <c r="AA2412">
        <v>0</v>
      </c>
      <c r="AB2412">
        <v>4.1271343850450908</v>
      </c>
      <c r="AC2412">
        <v>1</v>
      </c>
      <c r="AD2412">
        <v>1</v>
      </c>
      <c r="AE2412">
        <v>0</v>
      </c>
      <c r="AF2412">
        <v>0</v>
      </c>
      <c r="AG2412">
        <v>4.1108738641733096</v>
      </c>
      <c r="AH2412">
        <v>-0.28028763796917577</v>
      </c>
      <c r="AI2412">
        <v>-1.5762439832251979E-2</v>
      </c>
      <c r="AJ2412">
        <v>0.1396885824680475</v>
      </c>
      <c r="AK2412">
        <v>-8.1085836022004434E-2</v>
      </c>
      <c r="AL2412">
        <v>653.36492982723439</v>
      </c>
      <c r="AM2412">
        <v>1029.236254934626</v>
      </c>
      <c r="AN2412">
        <v>8521</v>
      </c>
      <c r="AO2412">
        <v>106.367354752061</v>
      </c>
      <c r="AP2412">
        <v>510.56152145409737</v>
      </c>
      <c r="AQ2412">
        <v>1.359375</v>
      </c>
      <c r="AR2412">
        <v>4.203125</v>
      </c>
      <c r="AS2412">
        <v>64</v>
      </c>
      <c r="AT2412">
        <v>5.4687499999999991</v>
      </c>
      <c r="AU2412">
        <v>7.687998007968122E-2</v>
      </c>
      <c r="AV2412">
        <v>-0.28421501376863489</v>
      </c>
      <c r="AW2412">
        <v>0.390625</v>
      </c>
      <c r="AX2412">
        <v>99.428571428571431</v>
      </c>
      <c r="AY2412">
        <v>57</v>
      </c>
      <c r="AZ2412">
        <v>121</v>
      </c>
      <c r="BA2412">
        <v>0.55679974115281172</v>
      </c>
      <c r="BB2412">
        <v>0.46875</v>
      </c>
      <c r="BC2412">
        <v>3.8487684591165618</v>
      </c>
      <c r="BD2412" t="s">
        <v>9190</v>
      </c>
      <c r="BE2412" t="s">
        <v>62</v>
      </c>
    </row>
    <row r="2413" spans="1:57" x14ac:dyDescent="0.3">
      <c r="A2413" t="s">
        <v>9191</v>
      </c>
      <c r="B2413">
        <v>2778</v>
      </c>
      <c r="C2413" t="s">
        <v>9192</v>
      </c>
      <c r="D2413" t="s">
        <v>9193</v>
      </c>
      <c r="E2413" t="s">
        <v>128</v>
      </c>
      <c r="F2413">
        <v>32</v>
      </c>
      <c r="G2413">
        <v>114.0625</v>
      </c>
      <c r="H2413">
        <v>102.5</v>
      </c>
      <c r="I2413">
        <v>4433.30859375</v>
      </c>
      <c r="J2413">
        <v>66.583095405290379</v>
      </c>
      <c r="K2413">
        <v>0.47932319382615107</v>
      </c>
      <c r="L2413">
        <v>-0.60673652820181978</v>
      </c>
      <c r="M2413">
        <v>4.851409765557392</v>
      </c>
      <c r="N2413">
        <v>3</v>
      </c>
      <c r="O2413">
        <v>1</v>
      </c>
      <c r="P2413">
        <v>2</v>
      </c>
      <c r="Q2413">
        <v>0.35901098714230018</v>
      </c>
      <c r="R2413">
        <v>3.3627410007370901</v>
      </c>
      <c r="S2413">
        <v>1</v>
      </c>
      <c r="T2413">
        <v>1</v>
      </c>
      <c r="U2413">
        <v>0</v>
      </c>
      <c r="V2413">
        <v>0</v>
      </c>
      <c r="W2413">
        <v>3.4339872044851458</v>
      </c>
      <c r="X2413">
        <v>1</v>
      </c>
      <c r="Y2413">
        <v>1</v>
      </c>
      <c r="Z2413">
        <v>0</v>
      </c>
      <c r="AA2413">
        <v>0</v>
      </c>
      <c r="AB2413">
        <v>3.401197381662155</v>
      </c>
      <c r="AC2413">
        <v>1</v>
      </c>
      <c r="AD2413">
        <v>1</v>
      </c>
      <c r="AE2413">
        <v>0</v>
      </c>
      <c r="AF2413">
        <v>0</v>
      </c>
      <c r="AG2413">
        <v>3.3672958299864728</v>
      </c>
      <c r="AH2413">
        <v>-0.3801557556124755</v>
      </c>
      <c r="AI2413">
        <v>0.28554209874291481</v>
      </c>
      <c r="AJ2413">
        <v>-0.33159723598962748</v>
      </c>
      <c r="AK2413">
        <v>-2.6418714595740519E-2</v>
      </c>
      <c r="AL2413">
        <v>429.49008091832161</v>
      </c>
      <c r="AM2413">
        <v>611.33646250879997</v>
      </c>
      <c r="AN2413">
        <v>3650</v>
      </c>
      <c r="AO2413">
        <v>39.269225240248232</v>
      </c>
      <c r="AP2413">
        <v>309.28811452048058</v>
      </c>
      <c r="AQ2413">
        <v>1.65625</v>
      </c>
      <c r="AR2413">
        <v>4.125</v>
      </c>
      <c r="AS2413">
        <v>32</v>
      </c>
      <c r="AT2413">
        <v>3.6250000000000009</v>
      </c>
      <c r="AU2413">
        <v>0.2051470588235294</v>
      </c>
      <c r="AV2413">
        <v>-0.38355809203824859</v>
      </c>
      <c r="AW2413">
        <v>0.5</v>
      </c>
      <c r="AX2413">
        <v>90.838709677419359</v>
      </c>
      <c r="AY2413">
        <v>48.5</v>
      </c>
      <c r="AZ2413">
        <v>105.75</v>
      </c>
      <c r="BA2413">
        <v>0.5837422062929567</v>
      </c>
      <c r="BB2413">
        <v>0.4375</v>
      </c>
      <c r="BC2413">
        <v>3.4339872044851458</v>
      </c>
      <c r="BD2413" t="s">
        <v>9194</v>
      </c>
      <c r="BE2413" t="s">
        <v>62</v>
      </c>
    </row>
    <row r="2414" spans="1:57" x14ac:dyDescent="0.3">
      <c r="A2414" t="s">
        <v>9195</v>
      </c>
      <c r="B2414">
        <v>2293</v>
      </c>
      <c r="C2414" t="s">
        <v>9196</v>
      </c>
      <c r="D2414" t="s">
        <v>9197</v>
      </c>
      <c r="E2414" t="s">
        <v>66</v>
      </c>
      <c r="F2414">
        <v>72</v>
      </c>
      <c r="G2414">
        <v>112.3888888888889</v>
      </c>
      <c r="H2414">
        <v>114</v>
      </c>
      <c r="I2414">
        <v>5517.8487654320988</v>
      </c>
      <c r="J2414">
        <v>74.282223751258954</v>
      </c>
      <c r="K2414">
        <v>9.035920345201244E-2</v>
      </c>
      <c r="L2414">
        <v>-1.373627964867369</v>
      </c>
      <c r="M2414">
        <v>5.7773602444077277</v>
      </c>
      <c r="N2414">
        <v>3</v>
      </c>
      <c r="O2414">
        <v>1</v>
      </c>
      <c r="P2414">
        <v>2</v>
      </c>
      <c r="Q2414">
        <v>0.52295758035733941</v>
      </c>
      <c r="R2414">
        <v>4.0045609644903291</v>
      </c>
      <c r="S2414">
        <v>2</v>
      </c>
      <c r="T2414">
        <v>1</v>
      </c>
      <c r="U2414">
        <v>1</v>
      </c>
      <c r="V2414">
        <v>0.16776575221435111</v>
      </c>
      <c r="W2414">
        <v>4.2236293316576567</v>
      </c>
      <c r="X2414">
        <v>2</v>
      </c>
      <c r="Y2414">
        <v>1</v>
      </c>
      <c r="Z2414">
        <v>1</v>
      </c>
      <c r="AA2414">
        <v>0.11951030798891769</v>
      </c>
      <c r="AB2414">
        <v>4.2286910368905044</v>
      </c>
      <c r="AC2414">
        <v>1</v>
      </c>
      <c r="AD2414">
        <v>1</v>
      </c>
      <c r="AE2414">
        <v>0</v>
      </c>
      <c r="AF2414">
        <v>0</v>
      </c>
      <c r="AG2414">
        <v>4.2341065045972579</v>
      </c>
      <c r="AH2414">
        <v>8.3490876378422008E-2</v>
      </c>
      <c r="AI2414">
        <v>-4.9748829198572243E-2</v>
      </c>
      <c r="AJ2414">
        <v>-0.29676289168080122</v>
      </c>
      <c r="AK2414">
        <v>5.0863804189012013E-2</v>
      </c>
      <c r="AL2414">
        <v>659.55188392484126</v>
      </c>
      <c r="AM2414">
        <v>933.66338281588003</v>
      </c>
      <c r="AN2414">
        <v>8092</v>
      </c>
      <c r="AO2414">
        <v>64.291634341842069</v>
      </c>
      <c r="AP2414">
        <v>515.81885937159666</v>
      </c>
      <c r="AQ2414">
        <v>1.319444444444444</v>
      </c>
      <c r="AR2414">
        <v>3.6527777777777781</v>
      </c>
      <c r="AS2414">
        <v>72</v>
      </c>
      <c r="AT2414">
        <v>13.22222222222222</v>
      </c>
      <c r="AU2414">
        <v>0.14272030651340989</v>
      </c>
      <c r="AV2414">
        <v>8.4355450829890696E-2</v>
      </c>
      <c r="AW2414">
        <v>0.43055555555555558</v>
      </c>
      <c r="AX2414">
        <v>76.633802816901408</v>
      </c>
      <c r="AY2414">
        <v>63.5</v>
      </c>
      <c r="AZ2414">
        <v>125.75</v>
      </c>
      <c r="BA2414">
        <v>0.66093921281396995</v>
      </c>
      <c r="BB2414">
        <v>0.51388888888888884</v>
      </c>
      <c r="BC2414">
        <v>4.0088513320475334</v>
      </c>
      <c r="BD2414" t="s">
        <v>9198</v>
      </c>
      <c r="BE2414" t="s">
        <v>68</v>
      </c>
    </row>
    <row r="2415" spans="1:57" x14ac:dyDescent="0.3">
      <c r="A2415" t="s">
        <v>9199</v>
      </c>
      <c r="B2415">
        <v>3074</v>
      </c>
      <c r="C2415" t="s">
        <v>9200</v>
      </c>
      <c r="D2415" t="s">
        <v>9201</v>
      </c>
      <c r="E2415" t="s">
        <v>128</v>
      </c>
      <c r="F2415">
        <v>32</v>
      </c>
      <c r="G2415">
        <v>107.375</v>
      </c>
      <c r="H2415">
        <v>102.5</v>
      </c>
      <c r="I2415">
        <v>5162.046875</v>
      </c>
      <c r="J2415">
        <v>71.847385999770381</v>
      </c>
      <c r="K2415">
        <v>0.2031923560574401</v>
      </c>
      <c r="L2415">
        <v>-1.150969484494361</v>
      </c>
      <c r="M2415">
        <v>5</v>
      </c>
      <c r="N2415">
        <v>1</v>
      </c>
      <c r="O2415">
        <v>1</v>
      </c>
      <c r="P2415">
        <v>0</v>
      </c>
      <c r="Q2415">
        <v>0</v>
      </c>
      <c r="R2415">
        <v>3.465735902799727</v>
      </c>
      <c r="S2415">
        <v>1</v>
      </c>
      <c r="T2415">
        <v>1</v>
      </c>
      <c r="U2415">
        <v>0</v>
      </c>
      <c r="V2415">
        <v>0</v>
      </c>
      <c r="W2415">
        <v>3.4339872044851458</v>
      </c>
      <c r="X2415">
        <v>1</v>
      </c>
      <c r="Y2415">
        <v>1</v>
      </c>
      <c r="Z2415">
        <v>0</v>
      </c>
      <c r="AA2415">
        <v>0</v>
      </c>
      <c r="AB2415">
        <v>3.401197381662155</v>
      </c>
      <c r="AC2415">
        <v>1</v>
      </c>
      <c r="AD2415">
        <v>1</v>
      </c>
      <c r="AE2415">
        <v>0</v>
      </c>
      <c r="AF2415">
        <v>0</v>
      </c>
      <c r="AG2415">
        <v>3.3672958299864728</v>
      </c>
      <c r="AH2415">
        <v>-9.9324036462038134E-2</v>
      </c>
      <c r="AI2415">
        <v>-7.0684359402005625E-2</v>
      </c>
      <c r="AJ2415">
        <v>0.1254017263924497</v>
      </c>
      <c r="AK2415">
        <v>-0.20325198791661489</v>
      </c>
      <c r="AL2415">
        <v>469.8215814087614</v>
      </c>
      <c r="AM2415">
        <v>559.8157568723575</v>
      </c>
      <c r="AN2415">
        <v>3436</v>
      </c>
      <c r="AO2415">
        <v>136.11846069536259</v>
      </c>
      <c r="AP2415">
        <v>382.38860756067811</v>
      </c>
      <c r="AQ2415">
        <v>1.65625</v>
      </c>
      <c r="AR2415">
        <v>3.78125</v>
      </c>
      <c r="AS2415">
        <v>32</v>
      </c>
      <c r="AT2415">
        <v>0</v>
      </c>
      <c r="AU2415">
        <v>0.13268442622950821</v>
      </c>
      <c r="AV2415">
        <v>-0.1014253735975837</v>
      </c>
      <c r="AW2415">
        <v>0.40625</v>
      </c>
      <c r="AX2415">
        <v>83.096774193548384</v>
      </c>
      <c r="AY2415">
        <v>66</v>
      </c>
      <c r="AZ2415">
        <v>124.5</v>
      </c>
      <c r="BA2415">
        <v>0.66912583003278581</v>
      </c>
      <c r="BB2415">
        <v>0.46875</v>
      </c>
      <c r="BC2415">
        <v>3.3445488586064429</v>
      </c>
      <c r="BD2415" t="s">
        <v>9202</v>
      </c>
      <c r="BE2415" t="s">
        <v>62</v>
      </c>
    </row>
    <row r="2416" spans="1:57" x14ac:dyDescent="0.3">
      <c r="A2416" t="s">
        <v>9203</v>
      </c>
      <c r="B2416">
        <v>1280</v>
      </c>
      <c r="C2416" t="s">
        <v>9204</v>
      </c>
      <c r="D2416" t="s">
        <v>9205</v>
      </c>
      <c r="E2416" t="s">
        <v>10622</v>
      </c>
      <c r="F2416">
        <v>64</v>
      </c>
      <c r="G2416">
        <v>119.953125</v>
      </c>
      <c r="H2416">
        <v>107</v>
      </c>
      <c r="I2416">
        <v>6218.357177734375</v>
      </c>
      <c r="J2416">
        <v>78.856560777999789</v>
      </c>
      <c r="K2416">
        <v>0.1942946842889717</v>
      </c>
      <c r="L2416">
        <v>-1.2776697813727189</v>
      </c>
      <c r="M2416">
        <v>5.75</v>
      </c>
      <c r="N2416">
        <v>2</v>
      </c>
      <c r="O2416">
        <v>1</v>
      </c>
      <c r="P2416">
        <v>1</v>
      </c>
      <c r="Q2416">
        <v>0.34992710611188271</v>
      </c>
      <c r="R2416">
        <v>3.985596288219686</v>
      </c>
      <c r="S2416">
        <v>1</v>
      </c>
      <c r="T2416">
        <v>1</v>
      </c>
      <c r="U2416">
        <v>0</v>
      </c>
      <c r="V2416">
        <v>0</v>
      </c>
      <c r="W2416">
        <v>4.1431347263915326</v>
      </c>
      <c r="X2416">
        <v>1</v>
      </c>
      <c r="Y2416">
        <v>1</v>
      </c>
      <c r="Z2416">
        <v>0</v>
      </c>
      <c r="AA2416">
        <v>0</v>
      </c>
      <c r="AB2416">
        <v>4.1271343850450908</v>
      </c>
      <c r="AC2416">
        <v>1</v>
      </c>
      <c r="AD2416">
        <v>1</v>
      </c>
      <c r="AE2416">
        <v>0</v>
      </c>
      <c r="AF2416">
        <v>0</v>
      </c>
      <c r="AG2416">
        <v>4.1108738641733096</v>
      </c>
      <c r="AH2416">
        <v>0.1210217330144245</v>
      </c>
      <c r="AI2416">
        <v>-0.1698235524240676</v>
      </c>
      <c r="AJ2416">
        <v>-0.15352232728288309</v>
      </c>
      <c r="AK2416">
        <v>-1.8312259370105471E-2</v>
      </c>
      <c r="AL2416">
        <v>672.82407205865184</v>
      </c>
      <c r="AM2416">
        <v>930.67865993500368</v>
      </c>
      <c r="AN2416">
        <v>7677</v>
      </c>
      <c r="AO2416">
        <v>50.598790406767158</v>
      </c>
      <c r="AP2416">
        <v>511.74935184524969</v>
      </c>
      <c r="AQ2416">
        <v>1.359375</v>
      </c>
      <c r="AR2416">
        <v>3.9375</v>
      </c>
      <c r="AS2416">
        <v>64</v>
      </c>
      <c r="AT2416">
        <v>6</v>
      </c>
      <c r="AU2416">
        <v>0.11357460474308299</v>
      </c>
      <c r="AV2416">
        <v>0.1214957733843277</v>
      </c>
      <c r="AW2416">
        <v>0.390625</v>
      </c>
      <c r="AX2416">
        <v>83.777777777777771</v>
      </c>
      <c r="AY2416">
        <v>67.5</v>
      </c>
      <c r="AZ2416">
        <v>131</v>
      </c>
      <c r="BA2416">
        <v>0.6573948013276002</v>
      </c>
      <c r="BB2416">
        <v>0.46875</v>
      </c>
      <c r="BC2416">
        <v>4.0111066919991618</v>
      </c>
      <c r="BD2416" t="s">
        <v>9206</v>
      </c>
      <c r="BE2416" t="s">
        <v>62</v>
      </c>
    </row>
    <row r="2417" spans="1:57" x14ac:dyDescent="0.3">
      <c r="A2417" t="s">
        <v>9207</v>
      </c>
      <c r="B2417">
        <v>2569</v>
      </c>
      <c r="C2417" t="s">
        <v>9208</v>
      </c>
      <c r="D2417" t="s">
        <v>9209</v>
      </c>
      <c r="E2417" t="s">
        <v>106</v>
      </c>
      <c r="F2417">
        <v>2609</v>
      </c>
      <c r="G2417">
        <v>125.7420467612112</v>
      </c>
      <c r="H2417">
        <v>125</v>
      </c>
      <c r="I2417">
        <v>5367.0814095325013</v>
      </c>
      <c r="J2417">
        <v>73.260367249506075</v>
      </c>
      <c r="K2417">
        <v>1.7302209588022671E-2</v>
      </c>
      <c r="L2417">
        <v>-1.1754834722003149</v>
      </c>
      <c r="M2417">
        <v>7.926926103566152</v>
      </c>
      <c r="N2417">
        <v>20</v>
      </c>
      <c r="O2417">
        <v>4</v>
      </c>
      <c r="P2417">
        <v>16</v>
      </c>
      <c r="Q2417">
        <v>3.2389361521124398</v>
      </c>
      <c r="R2417">
        <v>5.4945264791939037</v>
      </c>
      <c r="S2417">
        <v>3</v>
      </c>
      <c r="T2417">
        <v>1</v>
      </c>
      <c r="U2417">
        <v>2</v>
      </c>
      <c r="V2417">
        <v>0.13569447639539581</v>
      </c>
      <c r="W2417">
        <v>7.8416867801189056</v>
      </c>
      <c r="X2417">
        <v>1</v>
      </c>
      <c r="Y2417">
        <v>1</v>
      </c>
      <c r="Z2417">
        <v>0</v>
      </c>
      <c r="AA2417">
        <v>0</v>
      </c>
      <c r="AB2417">
        <v>7.8659554139335022</v>
      </c>
      <c r="AC2417">
        <v>1</v>
      </c>
      <c r="AD2417">
        <v>1</v>
      </c>
      <c r="AE2417">
        <v>0</v>
      </c>
      <c r="AF2417">
        <v>0</v>
      </c>
      <c r="AG2417">
        <v>7.8655717576847888</v>
      </c>
      <c r="AH2417">
        <v>2.100319626681289E-2</v>
      </c>
      <c r="AI2417">
        <v>-1.0130217433151741E-2</v>
      </c>
      <c r="AJ2417">
        <v>5.0894986390005233E-2</v>
      </c>
      <c r="AK2417">
        <v>-5.0710624274631624E-3</v>
      </c>
      <c r="AL2417">
        <v>3466.843851445406</v>
      </c>
      <c r="AM2417">
        <v>6575.315255536816</v>
      </c>
      <c r="AN2417">
        <v>328061</v>
      </c>
      <c r="AO2417">
        <v>152.0314244447431</v>
      </c>
      <c r="AP2417">
        <v>3197.2050056044882</v>
      </c>
      <c r="AQ2417">
        <v>1.008815638175546</v>
      </c>
      <c r="AR2417">
        <v>3.9931008049060939</v>
      </c>
      <c r="AS2417">
        <v>2597</v>
      </c>
      <c r="AT2417">
        <v>263.5182062092756</v>
      </c>
      <c r="AU2417">
        <v>2.2834982977476211E-2</v>
      </c>
      <c r="AV2417">
        <v>2.1017070817536079E-2</v>
      </c>
      <c r="AW2417">
        <v>0.37600613261786131</v>
      </c>
      <c r="AX2417">
        <v>84.143788343558285</v>
      </c>
      <c r="AY2417">
        <v>62</v>
      </c>
      <c r="AZ2417">
        <v>125</v>
      </c>
      <c r="BA2417">
        <v>0.58262426242059051</v>
      </c>
      <c r="BB2417">
        <v>0.4978919126101955</v>
      </c>
      <c r="BC2417">
        <v>5.2910528148336482</v>
      </c>
      <c r="BD2417" t="s">
        <v>9210</v>
      </c>
      <c r="BE2417" t="s">
        <v>68</v>
      </c>
    </row>
    <row r="2418" spans="1:57" x14ac:dyDescent="0.3">
      <c r="A2418" t="s">
        <v>9211</v>
      </c>
      <c r="B2418">
        <v>146</v>
      </c>
      <c r="C2418" t="s">
        <v>9212</v>
      </c>
      <c r="D2418" t="s">
        <v>9213</v>
      </c>
      <c r="E2418" t="s">
        <v>60</v>
      </c>
      <c r="F2418">
        <v>512</v>
      </c>
      <c r="G2418">
        <v>129.044921875</v>
      </c>
      <c r="H2418">
        <v>129</v>
      </c>
      <c r="I2418">
        <v>5525.3202476501456</v>
      </c>
      <c r="J2418">
        <v>74.332497924192936</v>
      </c>
      <c r="K2418">
        <v>-9.610243981044455E-3</v>
      </c>
      <c r="L2418">
        <v>-1.2578273142953049</v>
      </c>
      <c r="M2418">
        <v>7.6212274551410646</v>
      </c>
      <c r="N2418">
        <v>6</v>
      </c>
      <c r="O2418">
        <v>1</v>
      </c>
      <c r="P2418">
        <v>5</v>
      </c>
      <c r="Q2418">
        <v>1.100488246264034</v>
      </c>
      <c r="R2418">
        <v>5.2826323229370757</v>
      </c>
      <c r="S2418">
        <v>2</v>
      </c>
      <c r="T2418">
        <v>1</v>
      </c>
      <c r="U2418">
        <v>1</v>
      </c>
      <c r="V2418">
        <v>6.2560641760670568E-2</v>
      </c>
      <c r="W2418">
        <v>6.2309437805711401</v>
      </c>
      <c r="X2418">
        <v>1</v>
      </c>
      <c r="Y2418">
        <v>1</v>
      </c>
      <c r="Z2418">
        <v>0</v>
      </c>
      <c r="AA2418">
        <v>0</v>
      </c>
      <c r="AB2418">
        <v>6.2344107257183694</v>
      </c>
      <c r="AC2418">
        <v>1</v>
      </c>
      <c r="AD2418">
        <v>1</v>
      </c>
      <c r="AE2418">
        <v>0</v>
      </c>
      <c r="AF2418">
        <v>0</v>
      </c>
      <c r="AG2418">
        <v>6.2324480165505216</v>
      </c>
      <c r="AH2418">
        <v>6.0390234103949699E-3</v>
      </c>
      <c r="AI2418">
        <v>-3.3227519164349402E-3</v>
      </c>
      <c r="AJ2418">
        <v>-2.036144260219918E-2</v>
      </c>
      <c r="AK2418">
        <v>5.5713347336952219E-2</v>
      </c>
      <c r="AL2418">
        <v>1606.263102379417</v>
      </c>
      <c r="AM2418">
        <v>2962.264310613496</v>
      </c>
      <c r="AN2418">
        <v>66071</v>
      </c>
      <c r="AO2418">
        <v>128.29681580692241</v>
      </c>
      <c r="AP2418">
        <v>1406.7971883058181</v>
      </c>
      <c r="AQ2418">
        <v>1.044921875</v>
      </c>
      <c r="AR2418">
        <v>4.0625</v>
      </c>
      <c r="AS2418">
        <v>509</v>
      </c>
      <c r="AT2418">
        <v>114.484375</v>
      </c>
      <c r="AU2418">
        <v>3.2038909313725439E-2</v>
      </c>
      <c r="AV2418">
        <v>6.0469524934615724E-3</v>
      </c>
      <c r="AW2418">
        <v>0.37109375</v>
      </c>
      <c r="AX2418">
        <v>84.763209393346386</v>
      </c>
      <c r="AY2418">
        <v>67</v>
      </c>
      <c r="AZ2418">
        <v>134</v>
      </c>
      <c r="BA2418">
        <v>0.57602032566764216</v>
      </c>
      <c r="BB2418">
        <v>0.498046875</v>
      </c>
      <c r="BC2418">
        <v>5.0981776118209599</v>
      </c>
      <c r="BD2418" t="s">
        <v>9214</v>
      </c>
      <c r="BE2418" t="s">
        <v>62</v>
      </c>
    </row>
    <row r="2419" spans="1:57" x14ac:dyDescent="0.3">
      <c r="A2419" t="s">
        <v>9215</v>
      </c>
      <c r="B2419">
        <v>131</v>
      </c>
      <c r="C2419" t="s">
        <v>9216</v>
      </c>
      <c r="D2419" t="s">
        <v>9217</v>
      </c>
      <c r="E2419" t="s">
        <v>60</v>
      </c>
      <c r="F2419">
        <v>512</v>
      </c>
      <c r="G2419">
        <v>125.705078125</v>
      </c>
      <c r="H2419">
        <v>125</v>
      </c>
      <c r="I2419">
        <v>5394.3563804626456</v>
      </c>
      <c r="J2419">
        <v>73.446282278020348</v>
      </c>
      <c r="K2419">
        <v>4.5128769039938323E-2</v>
      </c>
      <c r="L2419">
        <v>-1.131451589611862</v>
      </c>
      <c r="M2419">
        <v>7.6595016192154644</v>
      </c>
      <c r="N2419">
        <v>8</v>
      </c>
      <c r="O2419">
        <v>1</v>
      </c>
      <c r="P2419">
        <v>7</v>
      </c>
      <c r="Q2419">
        <v>1.18280883902941</v>
      </c>
      <c r="R2419">
        <v>5.3091619518535316</v>
      </c>
      <c r="S2419">
        <v>2</v>
      </c>
      <c r="T2419">
        <v>1</v>
      </c>
      <c r="U2419">
        <v>1</v>
      </c>
      <c r="V2419">
        <v>6.2560641760670568E-2</v>
      </c>
      <c r="W2419">
        <v>6.2309437805711401</v>
      </c>
      <c r="X2419">
        <v>1</v>
      </c>
      <c r="Y2419">
        <v>1</v>
      </c>
      <c r="Z2419">
        <v>0</v>
      </c>
      <c r="AA2419">
        <v>0</v>
      </c>
      <c r="AB2419">
        <v>6.2344107257183694</v>
      </c>
      <c r="AC2419">
        <v>1</v>
      </c>
      <c r="AD2419">
        <v>1</v>
      </c>
      <c r="AE2419">
        <v>0</v>
      </c>
      <c r="AF2419">
        <v>0</v>
      </c>
      <c r="AG2419">
        <v>6.2324480165505216</v>
      </c>
      <c r="AH2419">
        <v>-2.0298517716409191E-2</v>
      </c>
      <c r="AI2419">
        <v>3.9565873825550676E-3</v>
      </c>
      <c r="AJ2419">
        <v>-3.5603835098420217E-2</v>
      </c>
      <c r="AK2419">
        <v>2.7455335699909319E-2</v>
      </c>
      <c r="AL2419">
        <v>1582.3809465806139</v>
      </c>
      <c r="AM2419">
        <v>2889.3745932119359</v>
      </c>
      <c r="AN2419">
        <v>64361</v>
      </c>
      <c r="AO2419">
        <v>82.100867161334236</v>
      </c>
      <c r="AP2419">
        <v>1350.6538363226839</v>
      </c>
      <c r="AQ2419">
        <v>1.044921875</v>
      </c>
      <c r="AR2419">
        <v>3.962890625</v>
      </c>
      <c r="AS2419">
        <v>511</v>
      </c>
      <c r="AT2419">
        <v>145.80859375</v>
      </c>
      <c r="AU2419">
        <v>3.8564644607843153E-2</v>
      </c>
      <c r="AV2419">
        <v>-2.0361095878245809E-2</v>
      </c>
      <c r="AW2419">
        <v>0.380859375</v>
      </c>
      <c r="AX2419">
        <v>85.148727984344418</v>
      </c>
      <c r="AY2419">
        <v>61</v>
      </c>
      <c r="AZ2419">
        <v>121.5</v>
      </c>
      <c r="BA2419">
        <v>0.584274584396551</v>
      </c>
      <c r="BB2419">
        <v>0.498046875</v>
      </c>
      <c r="BC2419">
        <v>5.0883327118131474</v>
      </c>
      <c r="BD2419" t="s">
        <v>9218</v>
      </c>
      <c r="BE2419" t="s">
        <v>62</v>
      </c>
    </row>
    <row r="2420" spans="1:57" x14ac:dyDescent="0.3">
      <c r="A2420" t="s">
        <v>9219</v>
      </c>
      <c r="B2420">
        <v>1544</v>
      </c>
      <c r="C2420" t="s">
        <v>9220</v>
      </c>
      <c r="D2420" t="s">
        <v>9221</v>
      </c>
      <c r="E2420" t="s">
        <v>115</v>
      </c>
      <c r="F2420">
        <v>1584</v>
      </c>
      <c r="G2420">
        <v>127.4457070707071</v>
      </c>
      <c r="H2420">
        <v>127.5</v>
      </c>
      <c r="I2420">
        <v>5404.5563957121722</v>
      </c>
      <c r="J2420">
        <v>73.515688092489299</v>
      </c>
      <c r="K2420">
        <v>-2.3828525738478971E-3</v>
      </c>
      <c r="L2420">
        <v>-1.171038230931031</v>
      </c>
      <c r="M2420">
        <v>7.8747347010523683</v>
      </c>
      <c r="N2420">
        <v>18</v>
      </c>
      <c r="O2420">
        <v>1</v>
      </c>
      <c r="P2420">
        <v>17</v>
      </c>
      <c r="Q2420">
        <v>2.5640239370957518</v>
      </c>
      <c r="R2420">
        <v>5.458350155692008</v>
      </c>
      <c r="S2420">
        <v>2</v>
      </c>
      <c r="T2420">
        <v>1</v>
      </c>
      <c r="U2420">
        <v>1</v>
      </c>
      <c r="V2420">
        <v>0.1123929273468332</v>
      </c>
      <c r="W2420">
        <v>7.3495622858933949</v>
      </c>
      <c r="X2420">
        <v>1</v>
      </c>
      <c r="Y2420">
        <v>1</v>
      </c>
      <c r="Z2420">
        <v>0</v>
      </c>
      <c r="AA2420">
        <v>0</v>
      </c>
      <c r="AB2420">
        <v>7.3664451483275988</v>
      </c>
      <c r="AC2420">
        <v>1</v>
      </c>
      <c r="AD2420">
        <v>1</v>
      </c>
      <c r="AE2420">
        <v>0</v>
      </c>
      <c r="AF2420">
        <v>0</v>
      </c>
      <c r="AG2420">
        <v>7.3658128372094742</v>
      </c>
      <c r="AH2420">
        <v>7.0062882477659892E-4</v>
      </c>
      <c r="AI2420">
        <v>-2.2193345600025512E-3</v>
      </c>
      <c r="AJ2420">
        <v>-6.3153848001331492E-3</v>
      </c>
      <c r="AK2420">
        <v>-3.8351152979489107E-2</v>
      </c>
      <c r="AL2420">
        <v>2724.1718294961079</v>
      </c>
      <c r="AM2420">
        <v>5183.4042716519643</v>
      </c>
      <c r="AN2420">
        <v>201874</v>
      </c>
      <c r="AO2420">
        <v>74.029034345486465</v>
      </c>
      <c r="AP2420">
        <v>2437.1032169663672</v>
      </c>
      <c r="AQ2420">
        <v>1.014520202020202</v>
      </c>
      <c r="AR2420">
        <v>4.020833333333333</v>
      </c>
      <c r="AS2420">
        <v>1579</v>
      </c>
      <c r="AT2420">
        <v>272</v>
      </c>
      <c r="AU2420">
        <v>1.4141414141414231E-2</v>
      </c>
      <c r="AV2420">
        <v>7.0107202719924076E-4</v>
      </c>
      <c r="AW2420">
        <v>0.36994949494949497</v>
      </c>
      <c r="AX2420">
        <v>85.012002526847752</v>
      </c>
      <c r="AY2420">
        <v>62.5</v>
      </c>
      <c r="AZ2420">
        <v>124</v>
      </c>
      <c r="BA2420">
        <v>0.57683926577222944</v>
      </c>
      <c r="BB2420">
        <v>0.5</v>
      </c>
      <c r="BC2420">
        <v>5.2592367063180916</v>
      </c>
      <c r="BD2420" t="s">
        <v>9222</v>
      </c>
      <c r="BE2420" t="s">
        <v>62</v>
      </c>
    </row>
    <row r="2421" spans="1:57" x14ac:dyDescent="0.3">
      <c r="A2421" t="s">
        <v>9223</v>
      </c>
      <c r="B2421">
        <v>3475</v>
      </c>
      <c r="C2421" t="s">
        <v>9224</v>
      </c>
      <c r="D2421" t="s">
        <v>9225</v>
      </c>
      <c r="E2421" t="s">
        <v>115</v>
      </c>
      <c r="F2421">
        <v>3520</v>
      </c>
      <c r="G2421">
        <v>127.4193181818182</v>
      </c>
      <c r="H2421">
        <v>125.5</v>
      </c>
      <c r="I2421">
        <v>5487.1849677169421</v>
      </c>
      <c r="J2421">
        <v>74.075535554708893</v>
      </c>
      <c r="K2421">
        <v>2.22464853561423E-2</v>
      </c>
      <c r="L2421">
        <v>-1.2123671696060621</v>
      </c>
      <c r="M2421">
        <v>7.9517228046319186</v>
      </c>
      <c r="N2421">
        <v>27</v>
      </c>
      <c r="O2421">
        <v>4</v>
      </c>
      <c r="P2421">
        <v>23</v>
      </c>
      <c r="Q2421">
        <v>3.5465652397777769</v>
      </c>
      <c r="R2421">
        <v>5.5117142426248389</v>
      </c>
      <c r="S2421">
        <v>3</v>
      </c>
      <c r="T2421">
        <v>1</v>
      </c>
      <c r="U2421">
        <v>2</v>
      </c>
      <c r="V2421">
        <v>0.17285923498574601</v>
      </c>
      <c r="W2421">
        <v>8.1271246506481862</v>
      </c>
      <c r="X2421">
        <v>1</v>
      </c>
      <c r="Y2421">
        <v>1</v>
      </c>
      <c r="Z2421">
        <v>0</v>
      </c>
      <c r="AA2421">
        <v>0</v>
      </c>
      <c r="AB2421">
        <v>8.1656479252975043</v>
      </c>
      <c r="AC2421">
        <v>1</v>
      </c>
      <c r="AD2421">
        <v>1</v>
      </c>
      <c r="AE2421">
        <v>0</v>
      </c>
      <c r="AF2421">
        <v>0</v>
      </c>
      <c r="AG2421">
        <v>8.16536363247398</v>
      </c>
      <c r="AH2421">
        <v>9.3748126627406728E-3</v>
      </c>
      <c r="AI2421">
        <v>9.615154266469023E-3</v>
      </c>
      <c r="AJ2421">
        <v>1.1128581777430291E-3</v>
      </c>
      <c r="AK2421">
        <v>-1.4744858946788409E-2</v>
      </c>
      <c r="AL2421">
        <v>4000.321266279956</v>
      </c>
      <c r="AM2421">
        <v>7775.7265748319842</v>
      </c>
      <c r="AN2421">
        <v>448516</v>
      </c>
      <c r="AO2421">
        <v>125.5491804368377</v>
      </c>
      <c r="AP2421">
        <v>3609.0528339020202</v>
      </c>
      <c r="AQ2421">
        <v>1.006534090909091</v>
      </c>
      <c r="AR2421">
        <v>3.9931818181818182</v>
      </c>
      <c r="AS2421">
        <v>3508</v>
      </c>
      <c r="AT2421">
        <v>234.18181818181819</v>
      </c>
      <c r="AU2421">
        <v>1.3446969696969679E-2</v>
      </c>
      <c r="AV2421">
        <v>9.3777748386931724E-3</v>
      </c>
      <c r="AW2421">
        <v>0.38323863636363642</v>
      </c>
      <c r="AX2421">
        <v>85.420289855072468</v>
      </c>
      <c r="AY2421">
        <v>64</v>
      </c>
      <c r="AZ2421">
        <v>129</v>
      </c>
      <c r="BA2421">
        <v>0.58135247160095804</v>
      </c>
      <c r="BB2421">
        <v>0.49289772727272729</v>
      </c>
      <c r="BC2421">
        <v>5.3180487778210157</v>
      </c>
      <c r="BD2421" t="s">
        <v>9226</v>
      </c>
      <c r="BE2421" t="s">
        <v>62</v>
      </c>
    </row>
    <row r="2422" spans="1:57" x14ac:dyDescent="0.3">
      <c r="A2422" t="s">
        <v>9227</v>
      </c>
      <c r="B2422">
        <v>932</v>
      </c>
      <c r="C2422" t="s">
        <v>9228</v>
      </c>
      <c r="D2422" t="s">
        <v>9229</v>
      </c>
      <c r="E2422" t="s">
        <v>10622</v>
      </c>
      <c r="F2422">
        <v>64</v>
      </c>
      <c r="G2422">
        <v>127.296875</v>
      </c>
      <c r="H2422">
        <v>118</v>
      </c>
      <c r="I2422">
        <v>5160.771240234375</v>
      </c>
      <c r="J2422">
        <v>71.838508059635913</v>
      </c>
      <c r="K2422">
        <v>0.1016424778308164</v>
      </c>
      <c r="L2422">
        <v>-1.1577140763525311</v>
      </c>
      <c r="M2422">
        <v>5.683364648336088</v>
      </c>
      <c r="N2422">
        <v>3</v>
      </c>
      <c r="O2422">
        <v>1</v>
      </c>
      <c r="P2422">
        <v>2</v>
      </c>
      <c r="Q2422">
        <v>0.49593387989039472</v>
      </c>
      <c r="R2422">
        <v>3.9394081820882252</v>
      </c>
      <c r="S2422">
        <v>1</v>
      </c>
      <c r="T2422">
        <v>1</v>
      </c>
      <c r="U2422">
        <v>0</v>
      </c>
      <c r="V2422">
        <v>0</v>
      </c>
      <c r="W2422">
        <v>4.1431347263915326</v>
      </c>
      <c r="X2422">
        <v>1</v>
      </c>
      <c r="Y2422">
        <v>1</v>
      </c>
      <c r="Z2422">
        <v>0</v>
      </c>
      <c r="AA2422">
        <v>0</v>
      </c>
      <c r="AB2422">
        <v>4.1271343850450908</v>
      </c>
      <c r="AC2422">
        <v>1</v>
      </c>
      <c r="AD2422">
        <v>1</v>
      </c>
      <c r="AE2422">
        <v>0</v>
      </c>
      <c r="AF2422">
        <v>0</v>
      </c>
      <c r="AG2422">
        <v>4.1108738641733096</v>
      </c>
      <c r="AH2422">
        <v>0.29626977932441723</v>
      </c>
      <c r="AI2422">
        <v>-2.8503949649925801E-2</v>
      </c>
      <c r="AJ2422">
        <v>-0.3226241726359827</v>
      </c>
      <c r="AK2422">
        <v>-8.4398174075014432E-2</v>
      </c>
      <c r="AL2422">
        <v>614.41205384177329</v>
      </c>
      <c r="AM2422">
        <v>994.92453386874206</v>
      </c>
      <c r="AN2422">
        <v>8147</v>
      </c>
      <c r="AO2422">
        <v>49.748837621404668</v>
      </c>
      <c r="AP2422">
        <v>457.80390049114038</v>
      </c>
      <c r="AQ2422">
        <v>1.359375</v>
      </c>
      <c r="AR2422">
        <v>3.921875</v>
      </c>
      <c r="AS2422">
        <v>64</v>
      </c>
      <c r="AT2422">
        <v>11.625</v>
      </c>
      <c r="AU2422">
        <v>6.8443627450980371E-2</v>
      </c>
      <c r="AV2422">
        <v>0.29871666191456608</v>
      </c>
      <c r="AW2422">
        <v>0.453125</v>
      </c>
      <c r="AX2422">
        <v>70.142857142857139</v>
      </c>
      <c r="AY2422">
        <v>62.5</v>
      </c>
      <c r="AZ2422">
        <v>127.75</v>
      </c>
      <c r="BA2422">
        <v>0.56433834734462973</v>
      </c>
      <c r="BB2422">
        <v>0.453125</v>
      </c>
      <c r="BC2422">
        <v>3.8844722778225189</v>
      </c>
      <c r="BD2422" t="s">
        <v>9230</v>
      </c>
      <c r="BE2422" t="s">
        <v>62</v>
      </c>
    </row>
    <row r="2423" spans="1:57" x14ac:dyDescent="0.3">
      <c r="A2423" t="s">
        <v>9231</v>
      </c>
      <c r="B2423">
        <v>2014</v>
      </c>
      <c r="C2423" t="s">
        <v>9232</v>
      </c>
      <c r="D2423" t="s">
        <v>9233</v>
      </c>
      <c r="E2423" t="s">
        <v>98</v>
      </c>
      <c r="F2423">
        <v>16</v>
      </c>
      <c r="G2423">
        <v>115.125</v>
      </c>
      <c r="H2423">
        <v>117</v>
      </c>
      <c r="I2423">
        <v>3771.984375</v>
      </c>
      <c r="J2423">
        <v>61.41648292600285</v>
      </c>
      <c r="K2423">
        <v>-0.29412729315320307</v>
      </c>
      <c r="L2423">
        <v>-1.0910639235930031</v>
      </c>
      <c r="M2423">
        <v>4</v>
      </c>
      <c r="N2423">
        <v>1</v>
      </c>
      <c r="O2423">
        <v>1</v>
      </c>
      <c r="P2423">
        <v>0</v>
      </c>
      <c r="Q2423">
        <v>0</v>
      </c>
      <c r="R2423">
        <v>2.7725887222397811</v>
      </c>
      <c r="S2423">
        <v>1</v>
      </c>
      <c r="T2423">
        <v>1</v>
      </c>
      <c r="U2423">
        <v>0</v>
      </c>
      <c r="V2423">
        <v>0</v>
      </c>
      <c r="W2423">
        <v>2.7080502011022101</v>
      </c>
      <c r="X2423">
        <v>1</v>
      </c>
      <c r="Y2423">
        <v>1</v>
      </c>
      <c r="Z2423">
        <v>0</v>
      </c>
      <c r="AA2423">
        <v>0</v>
      </c>
      <c r="AB2423">
        <v>2.639057329615258</v>
      </c>
      <c r="AC2423">
        <v>1</v>
      </c>
      <c r="AD2423">
        <v>1</v>
      </c>
      <c r="AE2423">
        <v>0</v>
      </c>
      <c r="AF2423">
        <v>0</v>
      </c>
      <c r="AG2423">
        <v>2.5649493574615372</v>
      </c>
      <c r="AH2423">
        <v>-4.5634809678261203E-2</v>
      </c>
      <c r="AI2423">
        <v>-0.24566447948899581</v>
      </c>
      <c r="AJ2423">
        <v>-0.3258659131673895</v>
      </c>
      <c r="AK2423">
        <v>-1.2087988335052421E-2</v>
      </c>
      <c r="AL2423">
        <v>339.90387928352249</v>
      </c>
      <c r="AM2423">
        <v>396.07745814172819</v>
      </c>
      <c r="AN2423">
        <v>1842</v>
      </c>
      <c r="AO2423">
        <v>119.1216583823298</v>
      </c>
      <c r="AP2423">
        <v>247.67013361153059</v>
      </c>
      <c r="AQ2423">
        <v>2.3125</v>
      </c>
      <c r="AR2423">
        <v>4.0625</v>
      </c>
      <c r="AS2423">
        <v>16</v>
      </c>
      <c r="AT2423">
        <v>0</v>
      </c>
      <c r="AU2423">
        <v>0.1303317535545023</v>
      </c>
      <c r="AV2423">
        <v>-4.5306848935772227E-2</v>
      </c>
      <c r="AW2423">
        <v>0.375</v>
      </c>
      <c r="AX2423">
        <v>73.400000000000006</v>
      </c>
      <c r="AY2423">
        <v>52</v>
      </c>
      <c r="AZ2423">
        <v>90.25</v>
      </c>
      <c r="BA2423">
        <v>0.53347650750056763</v>
      </c>
      <c r="BB2423">
        <v>0.5</v>
      </c>
      <c r="BC2423">
        <v>2.7080502011022101</v>
      </c>
      <c r="BD2423" t="s">
        <v>9232</v>
      </c>
      <c r="BE2423" t="s">
        <v>62</v>
      </c>
    </row>
    <row r="2424" spans="1:57" x14ac:dyDescent="0.3">
      <c r="A2424" t="s">
        <v>9234</v>
      </c>
      <c r="B2424">
        <v>2327</v>
      </c>
      <c r="C2424" t="s">
        <v>9235</v>
      </c>
      <c r="D2424" t="s">
        <v>9236</v>
      </c>
      <c r="E2424" t="s">
        <v>98</v>
      </c>
      <c r="F2424">
        <v>16</v>
      </c>
      <c r="G2424">
        <v>121.625</v>
      </c>
      <c r="H2424">
        <v>122</v>
      </c>
      <c r="I2424">
        <v>6268.984375</v>
      </c>
      <c r="J2424">
        <v>79.17691819589848</v>
      </c>
      <c r="K2424">
        <v>3.6862513231917082E-2</v>
      </c>
      <c r="L2424">
        <v>-1.295362766487961</v>
      </c>
      <c r="M2424">
        <v>3.875</v>
      </c>
      <c r="N2424">
        <v>2</v>
      </c>
      <c r="O2424">
        <v>1</v>
      </c>
      <c r="P2424">
        <v>1</v>
      </c>
      <c r="Q2424">
        <v>0.24944382578492941</v>
      </c>
      <c r="R2424">
        <v>2.6859453246697882</v>
      </c>
      <c r="S2424">
        <v>1</v>
      </c>
      <c r="T2424">
        <v>1</v>
      </c>
      <c r="U2424">
        <v>0</v>
      </c>
      <c r="V2424">
        <v>0</v>
      </c>
      <c r="W2424">
        <v>2.7080502011022101</v>
      </c>
      <c r="X2424">
        <v>1</v>
      </c>
      <c r="Y2424">
        <v>1</v>
      </c>
      <c r="Z2424">
        <v>0</v>
      </c>
      <c r="AA2424">
        <v>0</v>
      </c>
      <c r="AB2424">
        <v>2.639057329615258</v>
      </c>
      <c r="AC2424">
        <v>1</v>
      </c>
      <c r="AD2424">
        <v>1</v>
      </c>
      <c r="AE2424">
        <v>0</v>
      </c>
      <c r="AF2424">
        <v>0</v>
      </c>
      <c r="AG2424">
        <v>2.5649493574615372</v>
      </c>
      <c r="AH2424">
        <v>-0.20984525129917869</v>
      </c>
      <c r="AI2424">
        <v>-0.38982372294156498</v>
      </c>
      <c r="AJ2424">
        <v>-0.15083387335967</v>
      </c>
      <c r="AK2424">
        <v>-0.27900658001320988</v>
      </c>
      <c r="AL2424">
        <v>381.63037282292402</v>
      </c>
      <c r="AM2424">
        <v>437.42914687871001</v>
      </c>
      <c r="AN2424">
        <v>1946</v>
      </c>
      <c r="AO2424">
        <v>70.816018125081357</v>
      </c>
      <c r="AP2424">
        <v>358.77504591666371</v>
      </c>
      <c r="AQ2424">
        <v>2.25</v>
      </c>
      <c r="AR2424">
        <v>4</v>
      </c>
      <c r="AS2424">
        <v>16</v>
      </c>
      <c r="AT2424">
        <v>0.875</v>
      </c>
      <c r="AU2424">
        <v>0.13698979591836741</v>
      </c>
      <c r="AV2424">
        <v>-0.22509950834761891</v>
      </c>
      <c r="AW2424">
        <v>0.375</v>
      </c>
      <c r="AX2424">
        <v>110.8666666666667</v>
      </c>
      <c r="AY2424">
        <v>77</v>
      </c>
      <c r="AZ2424">
        <v>147.75</v>
      </c>
      <c r="BA2424">
        <v>0.65099213316257742</v>
      </c>
      <c r="BB2424">
        <v>0.5</v>
      </c>
      <c r="BC2424">
        <v>2.615630577027551</v>
      </c>
      <c r="BD2424" t="s">
        <v>9235</v>
      </c>
      <c r="BE2424" t="s">
        <v>62</v>
      </c>
    </row>
    <row r="2425" spans="1:57" x14ac:dyDescent="0.3">
      <c r="A2425" t="s">
        <v>9237</v>
      </c>
      <c r="B2425">
        <v>131</v>
      </c>
      <c r="C2425" t="s">
        <v>9238</v>
      </c>
      <c r="D2425" t="s">
        <v>9239</v>
      </c>
      <c r="E2425" t="s">
        <v>60</v>
      </c>
      <c r="F2425">
        <v>512</v>
      </c>
      <c r="G2425">
        <v>124.990234375</v>
      </c>
      <c r="H2425">
        <v>126</v>
      </c>
      <c r="I2425">
        <v>5414.2831077575684</v>
      </c>
      <c r="J2425">
        <v>73.581812343523922</v>
      </c>
      <c r="K2425">
        <v>-5.336934891932326E-2</v>
      </c>
      <c r="L2425">
        <v>-1.190540845436401</v>
      </c>
      <c r="M2425">
        <v>7.5782220715596944</v>
      </c>
      <c r="N2425">
        <v>7</v>
      </c>
      <c r="O2425">
        <v>1</v>
      </c>
      <c r="P2425">
        <v>6</v>
      </c>
      <c r="Q2425">
        <v>1.2218500998675439</v>
      </c>
      <c r="R2425">
        <v>5.2528232625587483</v>
      </c>
      <c r="S2425">
        <v>2</v>
      </c>
      <c r="T2425">
        <v>1</v>
      </c>
      <c r="U2425">
        <v>1</v>
      </c>
      <c r="V2425">
        <v>6.2560641760670568E-2</v>
      </c>
      <c r="W2425">
        <v>6.230943780571141</v>
      </c>
      <c r="X2425">
        <v>1</v>
      </c>
      <c r="Y2425">
        <v>1</v>
      </c>
      <c r="Z2425">
        <v>0</v>
      </c>
      <c r="AA2425">
        <v>0</v>
      </c>
      <c r="AB2425">
        <v>6.2344107257183694</v>
      </c>
      <c r="AC2425">
        <v>1</v>
      </c>
      <c r="AD2425">
        <v>1</v>
      </c>
      <c r="AE2425">
        <v>0</v>
      </c>
      <c r="AF2425">
        <v>0</v>
      </c>
      <c r="AG2425">
        <v>6.2324480165505216</v>
      </c>
      <c r="AH2425">
        <v>-7.0721169995363268E-3</v>
      </c>
      <c r="AI2425">
        <v>5.7279136590295638E-3</v>
      </c>
      <c r="AJ2425">
        <v>-4.0662870804627688E-2</v>
      </c>
      <c r="AK2425">
        <v>-4.8646199882400917E-2</v>
      </c>
      <c r="AL2425">
        <v>1587.8927770858211</v>
      </c>
      <c r="AM2425">
        <v>2872.187237712521</v>
      </c>
      <c r="AN2425">
        <v>63995</v>
      </c>
      <c r="AO2425">
        <v>140.37176552691059</v>
      </c>
      <c r="AP2425">
        <v>1349.2409443329159</v>
      </c>
      <c r="AQ2425">
        <v>1.044921875</v>
      </c>
      <c r="AR2425">
        <v>3.876953125</v>
      </c>
      <c r="AS2425">
        <v>508</v>
      </c>
      <c r="AT2425">
        <v>137.3046875</v>
      </c>
      <c r="AU2425">
        <v>2.8712475393700782E-2</v>
      </c>
      <c r="AV2425">
        <v>-7.0778407704828478E-3</v>
      </c>
      <c r="AW2425">
        <v>0.3671875</v>
      </c>
      <c r="AX2425">
        <v>85.821917808219183</v>
      </c>
      <c r="AY2425">
        <v>63.5</v>
      </c>
      <c r="AZ2425">
        <v>126</v>
      </c>
      <c r="BA2425">
        <v>0.58870049097404875</v>
      </c>
      <c r="BB2425">
        <v>0.505859375</v>
      </c>
      <c r="BC2425">
        <v>5.090095656739507</v>
      </c>
      <c r="BD2425" t="s">
        <v>9240</v>
      </c>
      <c r="BE2425" t="s">
        <v>62</v>
      </c>
    </row>
    <row r="2426" spans="1:57" x14ac:dyDescent="0.3">
      <c r="A2426" t="s">
        <v>9241</v>
      </c>
      <c r="B2426">
        <v>3237</v>
      </c>
      <c r="C2426" t="s">
        <v>9242</v>
      </c>
      <c r="D2426" t="s">
        <v>9243</v>
      </c>
      <c r="E2426" t="s">
        <v>72</v>
      </c>
      <c r="F2426">
        <v>3240</v>
      </c>
      <c r="G2426">
        <v>126.53148148148151</v>
      </c>
      <c r="H2426">
        <v>125</v>
      </c>
      <c r="I2426">
        <v>5628.9261694101506</v>
      </c>
      <c r="J2426">
        <v>75.026169896977621</v>
      </c>
      <c r="K2426">
        <v>1.451332675524915E-2</v>
      </c>
      <c r="L2426">
        <v>-1.238275310006731</v>
      </c>
      <c r="M2426">
        <v>7.9453620676383938</v>
      </c>
      <c r="N2426">
        <v>22</v>
      </c>
      <c r="O2426">
        <v>4</v>
      </c>
      <c r="P2426">
        <v>18</v>
      </c>
      <c r="Q2426">
        <v>3.4345157500730732</v>
      </c>
      <c r="R2426">
        <v>5.5073053157114922</v>
      </c>
      <c r="S2426">
        <v>3</v>
      </c>
      <c r="T2426">
        <v>1</v>
      </c>
      <c r="U2426">
        <v>2</v>
      </c>
      <c r="V2426">
        <v>0.15217604961045361</v>
      </c>
      <c r="W2426">
        <v>8.0516143197562293</v>
      </c>
      <c r="X2426">
        <v>1</v>
      </c>
      <c r="Y2426">
        <v>1</v>
      </c>
      <c r="Z2426">
        <v>0</v>
      </c>
      <c r="AA2426">
        <v>0</v>
      </c>
      <c r="AB2426">
        <v>8.0827111342375808</v>
      </c>
      <c r="AC2426">
        <v>1</v>
      </c>
      <c r="AD2426">
        <v>1</v>
      </c>
      <c r="AE2426">
        <v>0</v>
      </c>
      <c r="AF2426">
        <v>0</v>
      </c>
      <c r="AG2426">
        <v>8.0824022539262437</v>
      </c>
      <c r="AH2426">
        <v>2.3074206018280221E-2</v>
      </c>
      <c r="AI2426">
        <v>4.341268381444989E-3</v>
      </c>
      <c r="AJ2426">
        <v>-1.2022908052972891E-2</v>
      </c>
      <c r="AK2426">
        <v>2.7426930230748062E-2</v>
      </c>
      <c r="AL2426">
        <v>3923.1379632189651</v>
      </c>
      <c r="AM2426">
        <v>7397.2838610905128</v>
      </c>
      <c r="AN2426">
        <v>409962</v>
      </c>
      <c r="AO2426">
        <v>125.8060761603886</v>
      </c>
      <c r="AP2426">
        <v>3575.2243684173282</v>
      </c>
      <c r="AQ2426">
        <v>1.0070987654320991</v>
      </c>
      <c r="AR2426">
        <v>4.0098765432098764</v>
      </c>
      <c r="AS2426">
        <v>3232</v>
      </c>
      <c r="AT2426">
        <v>238.59753086419749</v>
      </c>
      <c r="AU2426">
        <v>1.8645606390704391E-2</v>
      </c>
      <c r="AV2426">
        <v>2.307847100911755E-2</v>
      </c>
      <c r="AW2426">
        <v>0.37253086419753079</v>
      </c>
      <c r="AX2426">
        <v>85.584130904600187</v>
      </c>
      <c r="AY2426">
        <v>66</v>
      </c>
      <c r="AZ2426">
        <v>131</v>
      </c>
      <c r="BA2426">
        <v>0.5929446886936045</v>
      </c>
      <c r="BB2426">
        <v>0.49444444444444452</v>
      </c>
      <c r="BC2426">
        <v>5.3122585939142226</v>
      </c>
      <c r="BD2426" t="s">
        <v>9244</v>
      </c>
      <c r="BE2426" t="s">
        <v>68</v>
      </c>
    </row>
    <row r="2427" spans="1:57" x14ac:dyDescent="0.3">
      <c r="A2427" t="s">
        <v>9245</v>
      </c>
      <c r="B2427">
        <v>1491</v>
      </c>
      <c r="C2427" t="s">
        <v>9246</v>
      </c>
      <c r="D2427" t="s">
        <v>9247</v>
      </c>
      <c r="E2427" t="s">
        <v>66</v>
      </c>
      <c r="F2427">
        <v>72</v>
      </c>
      <c r="G2427">
        <v>107.9583333333333</v>
      </c>
      <c r="H2427">
        <v>105</v>
      </c>
      <c r="I2427">
        <v>5722.067708333333</v>
      </c>
      <c r="J2427">
        <v>75.64435014152302</v>
      </c>
      <c r="K2427">
        <v>0.2449749424089995</v>
      </c>
      <c r="L2427">
        <v>-1.147512750983595</v>
      </c>
      <c r="M2427">
        <v>5.8538848972456003</v>
      </c>
      <c r="N2427">
        <v>3</v>
      </c>
      <c r="O2427">
        <v>1</v>
      </c>
      <c r="P2427">
        <v>2</v>
      </c>
      <c r="Q2427">
        <v>0.42496660317428592</v>
      </c>
      <c r="R2427">
        <v>4.0576038118482298</v>
      </c>
      <c r="S2427">
        <v>2</v>
      </c>
      <c r="T2427">
        <v>1</v>
      </c>
      <c r="U2427">
        <v>1</v>
      </c>
      <c r="V2427">
        <v>0.16776575221435111</v>
      </c>
      <c r="W2427">
        <v>4.2236293316576567</v>
      </c>
      <c r="X2427">
        <v>2</v>
      </c>
      <c r="Y2427">
        <v>1</v>
      </c>
      <c r="Z2427">
        <v>1</v>
      </c>
      <c r="AA2427">
        <v>0.11951030798891769</v>
      </c>
      <c r="AB2427">
        <v>4.2286910368905044</v>
      </c>
      <c r="AC2427">
        <v>1</v>
      </c>
      <c r="AD2427">
        <v>1</v>
      </c>
      <c r="AE2427">
        <v>0</v>
      </c>
      <c r="AF2427">
        <v>0</v>
      </c>
      <c r="AG2427">
        <v>4.2341065045972579</v>
      </c>
      <c r="AH2427">
        <v>-6.4512264000925842E-2</v>
      </c>
      <c r="AI2427">
        <v>-5.1097059693393128E-2</v>
      </c>
      <c r="AJ2427">
        <v>-0.112734153352779</v>
      </c>
      <c r="AK2427">
        <v>-0.29082292338058358</v>
      </c>
      <c r="AL2427">
        <v>652.88194875267152</v>
      </c>
      <c r="AM2427">
        <v>908.23684190463985</v>
      </c>
      <c r="AN2427">
        <v>7773</v>
      </c>
      <c r="AO2427">
        <v>75.426817080912244</v>
      </c>
      <c r="AP2427">
        <v>453.71757255171008</v>
      </c>
      <c r="AQ2427">
        <v>1.319444444444444</v>
      </c>
      <c r="AR2427">
        <v>3.4861111111111112</v>
      </c>
      <c r="AS2427">
        <v>72</v>
      </c>
      <c r="AT2427">
        <v>9.3333333333333357</v>
      </c>
      <c r="AU2427">
        <v>0.13778220451527229</v>
      </c>
      <c r="AV2427">
        <v>-6.5606879586186495E-2</v>
      </c>
      <c r="AW2427">
        <v>0.3888888888888889</v>
      </c>
      <c r="AX2427">
        <v>90.323943661971825</v>
      </c>
      <c r="AY2427">
        <v>62</v>
      </c>
      <c r="AZ2427">
        <v>124.5</v>
      </c>
      <c r="BA2427">
        <v>0.70068097390835682</v>
      </c>
      <c r="BB2427">
        <v>0.4861111111111111</v>
      </c>
      <c r="BC2427">
        <v>3.9672169828586101</v>
      </c>
      <c r="BD2427" t="s">
        <v>9248</v>
      </c>
      <c r="BE2427" t="s">
        <v>68</v>
      </c>
    </row>
    <row r="2428" spans="1:57" x14ac:dyDescent="0.3">
      <c r="A2428" t="s">
        <v>9249</v>
      </c>
      <c r="B2428">
        <v>3135</v>
      </c>
      <c r="C2428" t="s">
        <v>9250</v>
      </c>
      <c r="D2428" t="s">
        <v>9251</v>
      </c>
      <c r="E2428" t="s">
        <v>115</v>
      </c>
      <c r="F2428">
        <v>3293</v>
      </c>
      <c r="G2428">
        <v>128.21226844822351</v>
      </c>
      <c r="H2428">
        <v>126</v>
      </c>
      <c r="I2428">
        <v>5290.3129742953824</v>
      </c>
      <c r="J2428">
        <v>72.734537699055878</v>
      </c>
      <c r="K2428">
        <v>8.4270477353845605E-3</v>
      </c>
      <c r="L2428">
        <v>-1.1670388889815499</v>
      </c>
      <c r="M2428">
        <v>7.9334770190364674</v>
      </c>
      <c r="N2428">
        <v>24</v>
      </c>
      <c r="O2428">
        <v>4</v>
      </c>
      <c r="P2428">
        <v>20</v>
      </c>
      <c r="Q2428">
        <v>3.8922071801740512</v>
      </c>
      <c r="R2428">
        <v>5.4990672277822599</v>
      </c>
      <c r="S2428">
        <v>3</v>
      </c>
      <c r="T2428">
        <v>1</v>
      </c>
      <c r="U2428">
        <v>2</v>
      </c>
      <c r="V2428">
        <v>0.15598513293395641</v>
      </c>
      <c r="W2428">
        <v>8.0676115802799</v>
      </c>
      <c r="X2428">
        <v>1</v>
      </c>
      <c r="Y2428">
        <v>1</v>
      </c>
      <c r="Z2428">
        <v>0</v>
      </c>
      <c r="AA2428">
        <v>0</v>
      </c>
      <c r="AB2428">
        <v>8.0989467489433409</v>
      </c>
      <c r="AC2428">
        <v>1</v>
      </c>
      <c r="AD2428">
        <v>1</v>
      </c>
      <c r="AE2428">
        <v>0</v>
      </c>
      <c r="AF2428">
        <v>0</v>
      </c>
      <c r="AG2428">
        <v>8.0986428437594196</v>
      </c>
      <c r="AH2428">
        <v>-2.9307726530449531E-3</v>
      </c>
      <c r="AI2428">
        <v>-2.3518325246723759E-2</v>
      </c>
      <c r="AJ2428">
        <v>4.9630850828636039E-3</v>
      </c>
      <c r="AK2428">
        <v>-2.7097654985818748E-2</v>
      </c>
      <c r="AL2428">
        <v>3832.8978170869</v>
      </c>
      <c r="AM2428">
        <v>7540.6564252570543</v>
      </c>
      <c r="AN2428">
        <v>422203</v>
      </c>
      <c r="AO2428">
        <v>21.738231919260731</v>
      </c>
      <c r="AP2428">
        <v>3565.1279872160499</v>
      </c>
      <c r="AQ2428">
        <v>1.0069845126024899</v>
      </c>
      <c r="AR2428">
        <v>4.0406923777710304</v>
      </c>
      <c r="AS2428">
        <v>3284</v>
      </c>
      <c r="AT2428">
        <v>301.4949893713939</v>
      </c>
      <c r="AU2428">
        <v>1.8313356317321981E-2</v>
      </c>
      <c r="AV2428">
        <v>-2.9322585236118979E-3</v>
      </c>
      <c r="AW2428">
        <v>0.38809596112966899</v>
      </c>
      <c r="AX2428">
        <v>84.304678007290406</v>
      </c>
      <c r="AY2428">
        <v>62</v>
      </c>
      <c r="AZ2428">
        <v>124</v>
      </c>
      <c r="BA2428">
        <v>0.56729779902793442</v>
      </c>
      <c r="BB2428">
        <v>0.49013058001822052</v>
      </c>
      <c r="BC2428">
        <v>5.3045638968329953</v>
      </c>
      <c r="BD2428" t="s">
        <v>9252</v>
      </c>
      <c r="BE2428" t="s">
        <v>68</v>
      </c>
    </row>
    <row r="2429" spans="1:57" x14ac:dyDescent="0.3">
      <c r="A2429" t="s">
        <v>9253</v>
      </c>
      <c r="B2429">
        <v>2272</v>
      </c>
      <c r="C2429" t="s">
        <v>9254</v>
      </c>
      <c r="D2429" t="s">
        <v>9255</v>
      </c>
      <c r="E2429" t="s">
        <v>115</v>
      </c>
      <c r="F2429">
        <v>2304</v>
      </c>
      <c r="G2429">
        <v>128.05598958333329</v>
      </c>
      <c r="H2429">
        <v>127</v>
      </c>
      <c r="I2429">
        <v>5501.7429589165586</v>
      </c>
      <c r="J2429">
        <v>74.173734966742501</v>
      </c>
      <c r="K2429">
        <v>1.4873503531540469E-2</v>
      </c>
      <c r="L2429">
        <v>-1.21292049075965</v>
      </c>
      <c r="M2429">
        <v>7.9162837649060123</v>
      </c>
      <c r="N2429">
        <v>18</v>
      </c>
      <c r="O2429">
        <v>2</v>
      </c>
      <c r="P2429">
        <v>16</v>
      </c>
      <c r="Q2429">
        <v>3.0413812651491101</v>
      </c>
      <c r="R2429">
        <v>5.4871497721570659</v>
      </c>
      <c r="S2429">
        <v>2</v>
      </c>
      <c r="T2429">
        <v>1</v>
      </c>
      <c r="U2429">
        <v>1</v>
      </c>
      <c r="V2429">
        <v>0.13502143955019519</v>
      </c>
      <c r="W2429">
        <v>7.7166859357881048</v>
      </c>
      <c r="X2429">
        <v>2</v>
      </c>
      <c r="Y2429">
        <v>1</v>
      </c>
      <c r="Z2429">
        <v>1</v>
      </c>
      <c r="AA2429">
        <v>2.0842379501576351E-2</v>
      </c>
      <c r="AB2429">
        <v>7.7409313762665741</v>
      </c>
      <c r="AC2429">
        <v>1</v>
      </c>
      <c r="AD2429">
        <v>1</v>
      </c>
      <c r="AE2429">
        <v>0</v>
      </c>
      <c r="AF2429">
        <v>0</v>
      </c>
      <c r="AG2429">
        <v>7.741099090035366</v>
      </c>
      <c r="AH2429">
        <v>-3.0977632132448418E-2</v>
      </c>
      <c r="AI2429">
        <v>3.2169215404450419E-2</v>
      </c>
      <c r="AJ2429">
        <v>-2.1089658801405869E-2</v>
      </c>
      <c r="AK2429">
        <v>-4.4994075660737994E-3</v>
      </c>
      <c r="AL2429">
        <v>3257.541287186692</v>
      </c>
      <c r="AM2429">
        <v>6312.3852672562753</v>
      </c>
      <c r="AN2429">
        <v>295041</v>
      </c>
      <c r="AO2429">
        <v>57.997513967627228</v>
      </c>
      <c r="AP2429">
        <v>2880.7545426808069</v>
      </c>
      <c r="AQ2429">
        <v>1.0099826388888891</v>
      </c>
      <c r="AR2429">
        <v>4.03125</v>
      </c>
      <c r="AS2429">
        <v>2301</v>
      </c>
      <c r="AT2429">
        <v>263.11111111111109</v>
      </c>
      <c r="AU2429">
        <v>1.358762254901957E-2</v>
      </c>
      <c r="AV2429">
        <v>-3.0985710940393631E-2</v>
      </c>
      <c r="AW2429">
        <v>0.37890625</v>
      </c>
      <c r="AX2429">
        <v>87.494138080764216</v>
      </c>
      <c r="AY2429">
        <v>65</v>
      </c>
      <c r="AZ2429">
        <v>129</v>
      </c>
      <c r="BA2429">
        <v>0.57922893890467664</v>
      </c>
      <c r="BB2429">
        <v>0.49565972222222221</v>
      </c>
      <c r="BC2429">
        <v>5.3098100570820526</v>
      </c>
      <c r="BD2429" t="s">
        <v>9256</v>
      </c>
      <c r="BE2429" t="s">
        <v>62</v>
      </c>
    </row>
    <row r="2430" spans="1:57" x14ac:dyDescent="0.3">
      <c r="A2430" t="s">
        <v>9257</v>
      </c>
      <c r="B2430">
        <v>1171</v>
      </c>
      <c r="C2430" t="s">
        <v>9258</v>
      </c>
      <c r="D2430" t="s">
        <v>9259</v>
      </c>
      <c r="E2430" t="s">
        <v>10622</v>
      </c>
      <c r="F2430">
        <v>64</v>
      </c>
      <c r="G2430">
        <v>118.734375</v>
      </c>
      <c r="H2430">
        <v>114</v>
      </c>
      <c r="I2430">
        <v>5286.976318359375</v>
      </c>
      <c r="J2430">
        <v>72.711596862944603</v>
      </c>
      <c r="K2430">
        <v>0.22639710978178201</v>
      </c>
      <c r="L2430">
        <v>-1.1812351894874411</v>
      </c>
      <c r="M2430">
        <v>5.875</v>
      </c>
      <c r="N2430">
        <v>2</v>
      </c>
      <c r="O2430">
        <v>1</v>
      </c>
      <c r="P2430">
        <v>1</v>
      </c>
      <c r="Q2430">
        <v>0.24944382578492941</v>
      </c>
      <c r="R2430">
        <v>4.072239685789679</v>
      </c>
      <c r="S2430">
        <v>1</v>
      </c>
      <c r="T2430">
        <v>1</v>
      </c>
      <c r="U2430">
        <v>0</v>
      </c>
      <c r="V2430">
        <v>0</v>
      </c>
      <c r="W2430">
        <v>4.1431347263915326</v>
      </c>
      <c r="X2430">
        <v>1</v>
      </c>
      <c r="Y2430">
        <v>1</v>
      </c>
      <c r="Z2430">
        <v>0</v>
      </c>
      <c r="AA2430">
        <v>0</v>
      </c>
      <c r="AB2430">
        <v>4.1271343850450908</v>
      </c>
      <c r="AC2430">
        <v>1</v>
      </c>
      <c r="AD2430">
        <v>1</v>
      </c>
      <c r="AE2430">
        <v>0</v>
      </c>
      <c r="AF2430">
        <v>0</v>
      </c>
      <c r="AG2430">
        <v>4.1108738641733096</v>
      </c>
      <c r="AH2430">
        <v>7.5167641796258719E-2</v>
      </c>
      <c r="AI2430">
        <v>5.0234593027484301E-2</v>
      </c>
      <c r="AJ2430">
        <v>-5.5006998381008393E-2</v>
      </c>
      <c r="AK2430">
        <v>-0.1216467701209695</v>
      </c>
      <c r="AL2430">
        <v>620.90632046602934</v>
      </c>
      <c r="AM2430">
        <v>924.71851998612874</v>
      </c>
      <c r="AN2430">
        <v>7599</v>
      </c>
      <c r="AO2430">
        <v>97.796341939845718</v>
      </c>
      <c r="AP2430">
        <v>439.65995169614507</v>
      </c>
      <c r="AQ2430">
        <v>1.359375</v>
      </c>
      <c r="AR2430">
        <v>4.046875</v>
      </c>
      <c r="AS2430">
        <v>64</v>
      </c>
      <c r="AT2430">
        <v>3.5000000000000009</v>
      </c>
      <c r="AU2430">
        <v>0.1071339641434263</v>
      </c>
      <c r="AV2430">
        <v>7.5512750007698443E-2</v>
      </c>
      <c r="AW2430">
        <v>0.46875</v>
      </c>
      <c r="AX2430">
        <v>77.984126984126988</v>
      </c>
      <c r="AY2430">
        <v>58.5</v>
      </c>
      <c r="AZ2430">
        <v>121.5</v>
      </c>
      <c r="BA2430">
        <v>0.61238876157763578</v>
      </c>
      <c r="BB2430">
        <v>0.484375</v>
      </c>
      <c r="BC2430">
        <v>3.9064769502212471</v>
      </c>
      <c r="BD2430" t="s">
        <v>9260</v>
      </c>
      <c r="BE2430" t="s">
        <v>62</v>
      </c>
    </row>
    <row r="2431" spans="1:57" x14ac:dyDescent="0.3">
      <c r="A2431" t="s">
        <v>9261</v>
      </c>
      <c r="B2431">
        <v>2465</v>
      </c>
      <c r="C2431" t="s">
        <v>9262</v>
      </c>
      <c r="D2431" t="s">
        <v>9263</v>
      </c>
      <c r="E2431" t="s">
        <v>93</v>
      </c>
      <c r="F2431">
        <v>2465</v>
      </c>
      <c r="G2431">
        <v>129.68397565922919</v>
      </c>
      <c r="H2431">
        <v>131</v>
      </c>
      <c r="I2431">
        <v>5595.4380596505234</v>
      </c>
      <c r="J2431">
        <v>74.802660779216424</v>
      </c>
      <c r="K2431">
        <v>-4.4485792515256833E-2</v>
      </c>
      <c r="L2431">
        <v>-1.246719325233951</v>
      </c>
      <c r="M2431">
        <v>7.9137297648866189</v>
      </c>
      <c r="N2431">
        <v>20</v>
      </c>
      <c r="O2431">
        <v>2</v>
      </c>
      <c r="P2431">
        <v>18</v>
      </c>
      <c r="Q2431">
        <v>3.2868975765470601</v>
      </c>
      <c r="R2431">
        <v>5.4853794742444828</v>
      </c>
      <c r="S2431">
        <v>3</v>
      </c>
      <c r="T2431">
        <v>1</v>
      </c>
      <c r="U2431">
        <v>2</v>
      </c>
      <c r="V2431">
        <v>0.14104940506520491</v>
      </c>
      <c r="W2431">
        <v>7.7828858526094162</v>
      </c>
      <c r="X2431">
        <v>1</v>
      </c>
      <c r="Y2431">
        <v>1</v>
      </c>
      <c r="Z2431">
        <v>0</v>
      </c>
      <c r="AA2431">
        <v>0</v>
      </c>
      <c r="AB2431">
        <v>7.8091353981205387</v>
      </c>
      <c r="AC2431">
        <v>1</v>
      </c>
      <c r="AD2431">
        <v>1</v>
      </c>
      <c r="AE2431">
        <v>0</v>
      </c>
      <c r="AF2431">
        <v>0</v>
      </c>
      <c r="AG2431">
        <v>7.8087293067444019</v>
      </c>
      <c r="AH2431">
        <v>2.3278346490274458E-2</v>
      </c>
      <c r="AI2431">
        <v>3.042876374656913E-2</v>
      </c>
      <c r="AJ2431">
        <v>2.0363999659345981E-2</v>
      </c>
      <c r="AK2431">
        <v>-5.1343513578807924E-3</v>
      </c>
      <c r="AL2431">
        <v>3440.8085418869009</v>
      </c>
      <c r="AM2431">
        <v>6588.6112025280518</v>
      </c>
      <c r="AN2431">
        <v>319671</v>
      </c>
      <c r="AO2431">
        <v>98.409479705738491</v>
      </c>
      <c r="AP2431">
        <v>3205.2705643768418</v>
      </c>
      <c r="AQ2431">
        <v>1.009330628803246</v>
      </c>
      <c r="AR2431">
        <v>3.991886409736308</v>
      </c>
      <c r="AS2431">
        <v>2453</v>
      </c>
      <c r="AT2431">
        <v>287.2336713995943</v>
      </c>
      <c r="AU2431">
        <v>3.1913455037187233E-2</v>
      </c>
      <c r="AV2431">
        <v>2.3289325471620919E-2</v>
      </c>
      <c r="AW2431">
        <v>0.36430020283975661</v>
      </c>
      <c r="AX2431">
        <v>85.404626623376629</v>
      </c>
      <c r="AY2431">
        <v>67</v>
      </c>
      <c r="AZ2431">
        <v>134</v>
      </c>
      <c r="BA2431">
        <v>0.57680727629584316</v>
      </c>
      <c r="BB2431">
        <v>0.50507099391480725</v>
      </c>
      <c r="BC2431">
        <v>5.2969299047630756</v>
      </c>
      <c r="BD2431" t="s">
        <v>9264</v>
      </c>
      <c r="BE2431" t="s">
        <v>68</v>
      </c>
    </row>
    <row r="2432" spans="1:57" x14ac:dyDescent="0.3">
      <c r="A2432" t="s">
        <v>9265</v>
      </c>
      <c r="B2432">
        <v>3765</v>
      </c>
      <c r="C2432" t="s">
        <v>9266</v>
      </c>
      <c r="D2432" t="s">
        <v>9267</v>
      </c>
      <c r="E2432" t="s">
        <v>66</v>
      </c>
      <c r="F2432">
        <v>71</v>
      </c>
      <c r="G2432">
        <v>114.36619718309861</v>
      </c>
      <c r="H2432">
        <v>109</v>
      </c>
      <c r="I2432">
        <v>6090.2602658202741</v>
      </c>
      <c r="J2432">
        <v>78.040119591273523</v>
      </c>
      <c r="K2432">
        <v>0.1749443644594918</v>
      </c>
      <c r="L2432">
        <v>-1.1771911258239529</v>
      </c>
      <c r="M2432">
        <v>5.9419318025727987</v>
      </c>
      <c r="N2432">
        <v>3</v>
      </c>
      <c r="O2432">
        <v>1</v>
      </c>
      <c r="P2432">
        <v>2</v>
      </c>
      <c r="Q2432">
        <v>0.35869500885153122</v>
      </c>
      <c r="R2432">
        <v>4.1186332760328126</v>
      </c>
      <c r="S2432">
        <v>1</v>
      </c>
      <c r="T2432">
        <v>1</v>
      </c>
      <c r="U2432">
        <v>0</v>
      </c>
      <c r="V2432">
        <v>0</v>
      </c>
      <c r="W2432">
        <v>4.2484952420493576</v>
      </c>
      <c r="X2432">
        <v>1</v>
      </c>
      <c r="Y2432">
        <v>1</v>
      </c>
      <c r="Z2432">
        <v>0</v>
      </c>
      <c r="AA2432">
        <v>0</v>
      </c>
      <c r="AB2432">
        <v>4.2341065045972579</v>
      </c>
      <c r="AC2432">
        <v>1</v>
      </c>
      <c r="AD2432">
        <v>1</v>
      </c>
      <c r="AE2432">
        <v>0</v>
      </c>
      <c r="AF2432">
        <v>0</v>
      </c>
      <c r="AG2432">
        <v>4.2195077051761087</v>
      </c>
      <c r="AH2432">
        <v>-7.8965192117402563E-2</v>
      </c>
      <c r="AI2432">
        <v>-3.9304614300651207E-2</v>
      </c>
      <c r="AJ2432">
        <v>-0.12423433624849781</v>
      </c>
      <c r="AK2432">
        <v>9.9510067740863767E-2</v>
      </c>
      <c r="AL2432">
        <v>708.29330532123595</v>
      </c>
      <c r="AM2432">
        <v>927.02890658119099</v>
      </c>
      <c r="AN2432">
        <v>8120</v>
      </c>
      <c r="AO2432">
        <v>97.92090079906977</v>
      </c>
      <c r="AP2432">
        <v>576.68771642967931</v>
      </c>
      <c r="AQ2432">
        <v>1.323943661971831</v>
      </c>
      <c r="AR2432">
        <v>3.535211267605634</v>
      </c>
      <c r="AS2432">
        <v>71</v>
      </c>
      <c r="AT2432">
        <v>7.422535211267606</v>
      </c>
      <c r="AU2432">
        <v>0.1049833135358335</v>
      </c>
      <c r="AV2432">
        <v>-7.9417791622646824E-2</v>
      </c>
      <c r="AW2432">
        <v>0.36619718309859162</v>
      </c>
      <c r="AX2432">
        <v>95.028571428571425</v>
      </c>
      <c r="AY2432">
        <v>66</v>
      </c>
      <c r="AZ2432">
        <v>126.5</v>
      </c>
      <c r="BA2432">
        <v>0.68237050381532272</v>
      </c>
      <c r="BB2432">
        <v>0.46478873239436619</v>
      </c>
      <c r="BC2432">
        <v>4.0429782169784536</v>
      </c>
      <c r="BD2432" t="s">
        <v>9268</v>
      </c>
      <c r="BE2432" t="s">
        <v>68</v>
      </c>
    </row>
    <row r="2433" spans="1:57" x14ac:dyDescent="0.3">
      <c r="A2433" t="s">
        <v>9269</v>
      </c>
      <c r="B2433">
        <v>2404</v>
      </c>
      <c r="C2433" t="s">
        <v>9270</v>
      </c>
      <c r="D2433" t="s">
        <v>9271</v>
      </c>
      <c r="E2433" t="s">
        <v>66</v>
      </c>
      <c r="F2433">
        <v>71</v>
      </c>
      <c r="G2433">
        <v>139.57746478873241</v>
      </c>
      <c r="H2433">
        <v>150</v>
      </c>
      <c r="I2433">
        <v>6726.3003372346766</v>
      </c>
      <c r="J2433">
        <v>82.014025247116578</v>
      </c>
      <c r="K2433">
        <v>-0.33216021180071709</v>
      </c>
      <c r="L2433">
        <v>-1.310154070988659</v>
      </c>
      <c r="M2433">
        <v>5.8680569786596104</v>
      </c>
      <c r="N2433">
        <v>2</v>
      </c>
      <c r="O2433">
        <v>1</v>
      </c>
      <c r="P2433">
        <v>1</v>
      </c>
      <c r="Q2433">
        <v>0.37021605870938418</v>
      </c>
      <c r="R2433">
        <v>4.067427150123021</v>
      </c>
      <c r="S2433">
        <v>1</v>
      </c>
      <c r="T2433">
        <v>1</v>
      </c>
      <c r="U2433">
        <v>0</v>
      </c>
      <c r="V2433">
        <v>0</v>
      </c>
      <c r="W2433">
        <v>4.2484952420493576</v>
      </c>
      <c r="X2433">
        <v>1</v>
      </c>
      <c r="Y2433">
        <v>1</v>
      </c>
      <c r="Z2433">
        <v>0</v>
      </c>
      <c r="AA2433">
        <v>0</v>
      </c>
      <c r="AB2433">
        <v>4.2341065045972579</v>
      </c>
      <c r="AC2433">
        <v>1</v>
      </c>
      <c r="AD2433">
        <v>1</v>
      </c>
      <c r="AE2433">
        <v>0</v>
      </c>
      <c r="AF2433">
        <v>0</v>
      </c>
      <c r="AG2433">
        <v>4.2195077051761087</v>
      </c>
      <c r="AH2433">
        <v>4.9697567128465119E-2</v>
      </c>
      <c r="AI2433">
        <v>-3.6224148681718957E-2</v>
      </c>
      <c r="AJ2433">
        <v>2.059621472787879E-2</v>
      </c>
      <c r="AK2433">
        <v>5.1555425248991357E-2</v>
      </c>
      <c r="AL2433">
        <v>738.434849761701</v>
      </c>
      <c r="AM2433">
        <v>1146.949856208812</v>
      </c>
      <c r="AN2433">
        <v>9910</v>
      </c>
      <c r="AO2433">
        <v>100.4363407332615</v>
      </c>
      <c r="AP2433">
        <v>542.18243928292418</v>
      </c>
      <c r="AQ2433">
        <v>1.323943661971831</v>
      </c>
      <c r="AR2433">
        <v>4.140845070422535</v>
      </c>
      <c r="AS2433">
        <v>70</v>
      </c>
      <c r="AT2433">
        <v>7.183098591549296</v>
      </c>
      <c r="AU2433">
        <v>0.14485330958080489</v>
      </c>
      <c r="AV2433">
        <v>5.0481964511467477E-2</v>
      </c>
      <c r="AW2433">
        <v>0.26760563380281688</v>
      </c>
      <c r="AX2433">
        <v>93.528571428571425</v>
      </c>
      <c r="AY2433">
        <v>74</v>
      </c>
      <c r="AZ2433">
        <v>160.5</v>
      </c>
      <c r="BA2433">
        <v>0.58758787008529545</v>
      </c>
      <c r="BB2433">
        <v>0.53521126760563376</v>
      </c>
      <c r="BC2433">
        <v>4.0504531904608054</v>
      </c>
      <c r="BD2433" t="s">
        <v>9272</v>
      </c>
      <c r="BE2433" t="s">
        <v>68</v>
      </c>
    </row>
    <row r="2434" spans="1:57" x14ac:dyDescent="0.3">
      <c r="A2434" t="s">
        <v>9273</v>
      </c>
      <c r="B2434">
        <v>3783</v>
      </c>
      <c r="C2434" t="s">
        <v>9274</v>
      </c>
      <c r="D2434" t="s">
        <v>9275</v>
      </c>
      <c r="E2434" t="s">
        <v>85</v>
      </c>
      <c r="F2434">
        <v>8</v>
      </c>
      <c r="G2434">
        <v>127.375</v>
      </c>
      <c r="H2434">
        <v>140.5</v>
      </c>
      <c r="I2434">
        <v>2294.484375</v>
      </c>
      <c r="J2434">
        <v>47.900776350702287</v>
      </c>
      <c r="K2434">
        <v>-0.49213594945340428</v>
      </c>
      <c r="L2434">
        <v>-1.0299187971662269</v>
      </c>
      <c r="M2434">
        <v>3</v>
      </c>
      <c r="N2434">
        <v>1</v>
      </c>
      <c r="O2434">
        <v>1</v>
      </c>
      <c r="P2434">
        <v>0</v>
      </c>
      <c r="Q2434">
        <v>0</v>
      </c>
      <c r="R2434">
        <v>2.0794415416798362</v>
      </c>
      <c r="S2434">
        <v>1</v>
      </c>
      <c r="T2434">
        <v>1</v>
      </c>
      <c r="U2434">
        <v>0</v>
      </c>
      <c r="V2434">
        <v>0</v>
      </c>
      <c r="W2434">
        <v>1.945910149055313</v>
      </c>
      <c r="X2434">
        <v>1</v>
      </c>
      <c r="Y2434">
        <v>1</v>
      </c>
      <c r="Z2434">
        <v>0</v>
      </c>
      <c r="AA2434">
        <v>0</v>
      </c>
      <c r="AB2434">
        <v>1.791759469228055</v>
      </c>
      <c r="AC2434">
        <v>1</v>
      </c>
      <c r="AD2434">
        <v>1</v>
      </c>
      <c r="AE2434">
        <v>0</v>
      </c>
      <c r="AF2434">
        <v>0</v>
      </c>
      <c r="AG2434">
        <v>1.6094379124341009</v>
      </c>
      <c r="AH2434">
        <v>-0.5981267918309533</v>
      </c>
      <c r="AI2434">
        <v>2.0412402023875188E-3</v>
      </c>
      <c r="AJ2434">
        <v>-0.43711226650867913</v>
      </c>
      <c r="AK2434">
        <v>0</v>
      </c>
      <c r="AL2434">
        <v>230.64300351105001</v>
      </c>
      <c r="AM2434">
        <v>308.14737534400928</v>
      </c>
      <c r="AN2434">
        <v>1019</v>
      </c>
      <c r="AO2434">
        <v>12.645933571239659</v>
      </c>
      <c r="AP2434">
        <v>129.96304023648011</v>
      </c>
      <c r="AQ2434">
        <v>3.5</v>
      </c>
      <c r="AR2434">
        <v>3.25</v>
      </c>
      <c r="AS2434">
        <v>8</v>
      </c>
      <c r="AT2434">
        <v>0</v>
      </c>
      <c r="AU2434">
        <v>0.21505376344086019</v>
      </c>
      <c r="AV2434">
        <v>-0.68056868800042103</v>
      </c>
      <c r="AW2434">
        <v>0.375</v>
      </c>
      <c r="AX2434">
        <v>74.428571428571431</v>
      </c>
      <c r="AY2434">
        <v>40.5</v>
      </c>
      <c r="AZ2434">
        <v>72.5</v>
      </c>
      <c r="BA2434">
        <v>0.37606105083966468</v>
      </c>
      <c r="BB2434">
        <v>0.625</v>
      </c>
      <c r="BC2434">
        <v>1.945910149055313</v>
      </c>
      <c r="BD2434" t="s">
        <v>9274</v>
      </c>
      <c r="BE2434" t="s">
        <v>68</v>
      </c>
    </row>
    <row r="2435" spans="1:57" x14ac:dyDescent="0.3">
      <c r="A2435" t="s">
        <v>9276</v>
      </c>
      <c r="B2435">
        <v>3288</v>
      </c>
      <c r="C2435" t="s">
        <v>9277</v>
      </c>
      <c r="D2435" t="s">
        <v>9278</v>
      </c>
      <c r="E2435" t="s">
        <v>98</v>
      </c>
      <c r="F2435">
        <v>16</v>
      </c>
      <c r="G2435">
        <v>149</v>
      </c>
      <c r="H2435">
        <v>147</v>
      </c>
      <c r="I2435">
        <v>3919.625</v>
      </c>
      <c r="J2435">
        <v>62.606908564470743</v>
      </c>
      <c r="K2435">
        <v>-8.0271914738308844E-2</v>
      </c>
      <c r="L2435">
        <v>-1.007109915686321</v>
      </c>
      <c r="M2435">
        <v>4</v>
      </c>
      <c r="N2435">
        <v>1</v>
      </c>
      <c r="O2435">
        <v>1</v>
      </c>
      <c r="P2435">
        <v>0</v>
      </c>
      <c r="Q2435">
        <v>0</v>
      </c>
      <c r="R2435">
        <v>2.7725887222397811</v>
      </c>
      <c r="S2435">
        <v>1</v>
      </c>
      <c r="T2435">
        <v>1</v>
      </c>
      <c r="U2435">
        <v>0</v>
      </c>
      <c r="V2435">
        <v>0</v>
      </c>
      <c r="W2435">
        <v>2.7080502011022101</v>
      </c>
      <c r="X2435">
        <v>1</v>
      </c>
      <c r="Y2435">
        <v>1</v>
      </c>
      <c r="Z2435">
        <v>0</v>
      </c>
      <c r="AA2435">
        <v>0</v>
      </c>
      <c r="AB2435">
        <v>2.639057329615258</v>
      </c>
      <c r="AC2435">
        <v>1</v>
      </c>
      <c r="AD2435">
        <v>1</v>
      </c>
      <c r="AE2435">
        <v>0</v>
      </c>
      <c r="AF2435">
        <v>0</v>
      </c>
      <c r="AG2435">
        <v>2.5649493574615372</v>
      </c>
      <c r="AH2435">
        <v>-1.6662946072647251E-2</v>
      </c>
      <c r="AI2435">
        <v>3.476097840992442E-3</v>
      </c>
      <c r="AJ2435">
        <v>0.18780495583123391</v>
      </c>
      <c r="AK2435">
        <v>5.0594763529674402E-2</v>
      </c>
      <c r="AL2435">
        <v>370.58435042518801</v>
      </c>
      <c r="AM2435">
        <v>529.71429961814454</v>
      </c>
      <c r="AN2435">
        <v>2384</v>
      </c>
      <c r="AO2435">
        <v>52</v>
      </c>
      <c r="AP2435">
        <v>269.86403743527683</v>
      </c>
      <c r="AQ2435">
        <v>2.3125</v>
      </c>
      <c r="AR2435">
        <v>4.75</v>
      </c>
      <c r="AS2435">
        <v>16</v>
      </c>
      <c r="AT2435">
        <v>0</v>
      </c>
      <c r="AU2435">
        <v>0.1275720164609053</v>
      </c>
      <c r="AV2435">
        <v>-1.673493358785004E-2</v>
      </c>
      <c r="AW2435">
        <v>0.375</v>
      </c>
      <c r="AX2435">
        <v>72.066666666666663</v>
      </c>
      <c r="AY2435">
        <v>51</v>
      </c>
      <c r="AZ2435">
        <v>103</v>
      </c>
      <c r="BA2435">
        <v>0.42018059439242111</v>
      </c>
      <c r="BB2435">
        <v>0.5</v>
      </c>
      <c r="BC2435">
        <v>2.615630577027551</v>
      </c>
      <c r="BD2435" t="s">
        <v>9277</v>
      </c>
      <c r="BE2435" t="s">
        <v>62</v>
      </c>
    </row>
    <row r="2436" spans="1:57" x14ac:dyDescent="0.3">
      <c r="A2436" t="s">
        <v>9279</v>
      </c>
      <c r="B2436">
        <v>1875</v>
      </c>
      <c r="C2436" t="s">
        <v>9280</v>
      </c>
      <c r="D2436" t="s">
        <v>9281</v>
      </c>
      <c r="E2436" t="s">
        <v>10622</v>
      </c>
      <c r="F2436">
        <v>64</v>
      </c>
      <c r="G2436">
        <v>119.703125</v>
      </c>
      <c r="H2436">
        <v>110</v>
      </c>
      <c r="I2436">
        <v>5194.021240234375</v>
      </c>
      <c r="J2436">
        <v>72.069558346325223</v>
      </c>
      <c r="K2436">
        <v>0.16583826502345769</v>
      </c>
      <c r="L2436">
        <v>-1.0323070170210349</v>
      </c>
      <c r="M2436">
        <v>5.78125</v>
      </c>
      <c r="N2436">
        <v>2</v>
      </c>
      <c r="O2436">
        <v>1</v>
      </c>
      <c r="P2436">
        <v>1</v>
      </c>
      <c r="Q2436">
        <v>0.32821556024332821</v>
      </c>
      <c r="R2436">
        <v>4.0072571376121839</v>
      </c>
      <c r="S2436">
        <v>1</v>
      </c>
      <c r="T2436">
        <v>1</v>
      </c>
      <c r="U2436">
        <v>0</v>
      </c>
      <c r="V2436">
        <v>0</v>
      </c>
      <c r="W2436">
        <v>4.1431347263915326</v>
      </c>
      <c r="X2436">
        <v>1</v>
      </c>
      <c r="Y2436">
        <v>1</v>
      </c>
      <c r="Z2436">
        <v>0</v>
      </c>
      <c r="AA2436">
        <v>0</v>
      </c>
      <c r="AB2436">
        <v>4.1271343850450908</v>
      </c>
      <c r="AC2436">
        <v>1</v>
      </c>
      <c r="AD2436">
        <v>1</v>
      </c>
      <c r="AE2436">
        <v>0</v>
      </c>
      <c r="AF2436">
        <v>0</v>
      </c>
      <c r="AG2436">
        <v>4.1108738641733096</v>
      </c>
      <c r="AH2436">
        <v>0.1015182466814708</v>
      </c>
      <c r="AI2436">
        <v>2.635475136419009E-2</v>
      </c>
      <c r="AJ2436">
        <v>-0.16298661839049189</v>
      </c>
      <c r="AK2436">
        <v>-0.28927948333822262</v>
      </c>
      <c r="AL2436">
        <v>621.67709149369114</v>
      </c>
      <c r="AM2436">
        <v>928.96748808122697</v>
      </c>
      <c r="AN2436">
        <v>7661</v>
      </c>
      <c r="AO2436">
        <v>63.842865482524203</v>
      </c>
      <c r="AP2436">
        <v>476.5504854069261</v>
      </c>
      <c r="AQ2436">
        <v>1.359375</v>
      </c>
      <c r="AR2436">
        <v>4.125</v>
      </c>
      <c r="AS2436">
        <v>64</v>
      </c>
      <c r="AT2436">
        <v>5.46875</v>
      </c>
      <c r="AU2436">
        <v>0.1426012845849802</v>
      </c>
      <c r="AV2436">
        <v>0.1020118412082584</v>
      </c>
      <c r="AW2436">
        <v>0.46875</v>
      </c>
      <c r="AX2436">
        <v>80.126984126984127</v>
      </c>
      <c r="AY2436">
        <v>64.5</v>
      </c>
      <c r="AZ2436">
        <v>109.25</v>
      </c>
      <c r="BA2436">
        <v>0.60206914686918345</v>
      </c>
      <c r="BB2436">
        <v>0.421875</v>
      </c>
      <c r="BC2436">
        <v>3.9230880024042492</v>
      </c>
      <c r="BD2436" t="s">
        <v>9282</v>
      </c>
      <c r="BE2436" t="s">
        <v>62</v>
      </c>
    </row>
    <row r="2437" spans="1:57" x14ac:dyDescent="0.3">
      <c r="A2437" t="s">
        <v>9283</v>
      </c>
      <c r="B2437">
        <v>133</v>
      </c>
      <c r="C2437" t="s">
        <v>9284</v>
      </c>
      <c r="D2437" t="s">
        <v>9285</v>
      </c>
      <c r="E2437" t="s">
        <v>60</v>
      </c>
      <c r="F2437">
        <v>256</v>
      </c>
      <c r="G2437">
        <v>126.48828125</v>
      </c>
      <c r="H2437">
        <v>126</v>
      </c>
      <c r="I2437">
        <v>5557.8592376708984</v>
      </c>
      <c r="J2437">
        <v>74.55105121774541</v>
      </c>
      <c r="K2437">
        <v>-1.228826125345858E-2</v>
      </c>
      <c r="L2437">
        <v>-1.2172768494236861</v>
      </c>
      <c r="M2437">
        <v>7.1452841562975937</v>
      </c>
      <c r="N2437">
        <v>6</v>
      </c>
      <c r="O2437">
        <v>1</v>
      </c>
      <c r="P2437">
        <v>5</v>
      </c>
      <c r="Q2437">
        <v>0.88795983408574142</v>
      </c>
      <c r="R2437">
        <v>4.9527335672373241</v>
      </c>
      <c r="S2437">
        <v>2</v>
      </c>
      <c r="T2437">
        <v>1</v>
      </c>
      <c r="U2437">
        <v>1</v>
      </c>
      <c r="V2437">
        <v>8.8558721353391615E-2</v>
      </c>
      <c r="W2437">
        <v>5.5303906482084644</v>
      </c>
      <c r="X2437">
        <v>1</v>
      </c>
      <c r="Y2437">
        <v>1</v>
      </c>
      <c r="Z2437">
        <v>0</v>
      </c>
      <c r="AA2437">
        <v>0</v>
      </c>
      <c r="AB2437">
        <v>5.5373342670185366</v>
      </c>
      <c r="AC2437">
        <v>1</v>
      </c>
      <c r="AD2437">
        <v>1</v>
      </c>
      <c r="AE2437">
        <v>0</v>
      </c>
      <c r="AF2437">
        <v>0</v>
      </c>
      <c r="AG2437">
        <v>5.5333894887275203</v>
      </c>
      <c r="AH2437">
        <v>-7.9793546242253287E-3</v>
      </c>
      <c r="AI2437">
        <v>-1.4442903165468471E-2</v>
      </c>
      <c r="AJ2437">
        <v>-1.907988631047022E-2</v>
      </c>
      <c r="AK2437">
        <v>3.0502333151924941E-2</v>
      </c>
      <c r="AL2437">
        <v>1209.300087909169</v>
      </c>
      <c r="AM2437">
        <v>2014.006528634621</v>
      </c>
      <c r="AN2437">
        <v>32381</v>
      </c>
      <c r="AO2437">
        <v>68.469496962300255</v>
      </c>
      <c r="AP2437">
        <v>1073.5104844830089</v>
      </c>
      <c r="AQ2437">
        <v>1.08984375</v>
      </c>
      <c r="AR2437">
        <v>3.98046875</v>
      </c>
      <c r="AS2437">
        <v>256</v>
      </c>
      <c r="AT2437">
        <v>79.8359375</v>
      </c>
      <c r="AU2437">
        <v>2.423406862745103E-2</v>
      </c>
      <c r="AV2437">
        <v>-8.0217855896541016E-3</v>
      </c>
      <c r="AW2437">
        <v>0.36328125</v>
      </c>
      <c r="AX2437">
        <v>86.6</v>
      </c>
      <c r="AY2437">
        <v>65</v>
      </c>
      <c r="AZ2437">
        <v>130.25</v>
      </c>
      <c r="BA2437">
        <v>0.5893909734641557</v>
      </c>
      <c r="BB2437">
        <v>0.5</v>
      </c>
      <c r="BC2437">
        <v>4.8176958093430384</v>
      </c>
      <c r="BD2437" t="s">
        <v>9286</v>
      </c>
      <c r="BE2437" t="s">
        <v>62</v>
      </c>
    </row>
    <row r="2438" spans="1:57" x14ac:dyDescent="0.3">
      <c r="A2438" t="s">
        <v>9287</v>
      </c>
      <c r="B2438">
        <v>1237</v>
      </c>
      <c r="C2438" t="s">
        <v>9288</v>
      </c>
      <c r="D2438" t="s">
        <v>9289</v>
      </c>
      <c r="E2438" t="s">
        <v>115</v>
      </c>
      <c r="F2438">
        <v>1264</v>
      </c>
      <c r="G2438">
        <v>126.40189873417719</v>
      </c>
      <c r="H2438">
        <v>126</v>
      </c>
      <c r="I2438">
        <v>5544.8289837365801</v>
      </c>
      <c r="J2438">
        <v>74.463608452294196</v>
      </c>
      <c r="K2438">
        <v>4.5047438639177293E-3</v>
      </c>
      <c r="L2438">
        <v>-1.226958732568701</v>
      </c>
      <c r="M2438">
        <v>7.8407785040224862</v>
      </c>
      <c r="N2438">
        <v>18</v>
      </c>
      <c r="O2438">
        <v>1</v>
      </c>
      <c r="P2438">
        <v>17</v>
      </c>
      <c r="Q2438">
        <v>2.2979321396455541</v>
      </c>
      <c r="R2438">
        <v>5.4348135134582254</v>
      </c>
      <c r="S2438">
        <v>2</v>
      </c>
      <c r="T2438">
        <v>1</v>
      </c>
      <c r="U2438">
        <v>1</v>
      </c>
      <c r="V2438">
        <v>8.8978379774421287E-2</v>
      </c>
      <c r="W2438">
        <v>7.1302689199663281</v>
      </c>
      <c r="X2438">
        <v>1</v>
      </c>
      <c r="Y2438">
        <v>1</v>
      </c>
      <c r="Z2438">
        <v>0</v>
      </c>
      <c r="AA2438">
        <v>0</v>
      </c>
      <c r="AB2438">
        <v>7.140453043101159</v>
      </c>
      <c r="AC2438">
        <v>1</v>
      </c>
      <c r="AD2438">
        <v>1</v>
      </c>
      <c r="AE2438">
        <v>0</v>
      </c>
      <c r="AF2438">
        <v>0</v>
      </c>
      <c r="AG2438">
        <v>7.1396603359649191</v>
      </c>
      <c r="AH2438">
        <v>-1.588286815977023E-2</v>
      </c>
      <c r="AI2438">
        <v>-4.8684487367057251E-2</v>
      </c>
      <c r="AJ2438">
        <v>-2.3873581209216941E-3</v>
      </c>
      <c r="AK2438">
        <v>2.184626559419495E-2</v>
      </c>
      <c r="AL2438">
        <v>2455.257181091753</v>
      </c>
      <c r="AM2438">
        <v>4601.7236091161949</v>
      </c>
      <c r="AN2438">
        <v>159772</v>
      </c>
      <c r="AO2438">
        <v>194.93166724782921</v>
      </c>
      <c r="AP2438">
        <v>2167.6569924792948</v>
      </c>
      <c r="AQ2438">
        <v>1.018196202531646</v>
      </c>
      <c r="AR2438">
        <v>3.9897151898734182</v>
      </c>
      <c r="AS2438">
        <v>1260</v>
      </c>
      <c r="AT2438">
        <v>271.64873417721532</v>
      </c>
      <c r="AU2438">
        <v>2.1546909903201791E-2</v>
      </c>
      <c r="AV2438">
        <v>-1.5901042246864429E-2</v>
      </c>
      <c r="AW2438">
        <v>0.36867088607594939</v>
      </c>
      <c r="AX2438">
        <v>87.169437846397472</v>
      </c>
      <c r="AY2438">
        <v>65</v>
      </c>
      <c r="AZ2438">
        <v>130</v>
      </c>
      <c r="BA2438">
        <v>0.58910197709047807</v>
      </c>
      <c r="BB2438">
        <v>0.49683544303797472</v>
      </c>
      <c r="BC2438">
        <v>5.2686905899269334</v>
      </c>
      <c r="BD2438" t="s">
        <v>9290</v>
      </c>
      <c r="BE2438" t="s">
        <v>62</v>
      </c>
    </row>
    <row r="2439" spans="1:57" x14ac:dyDescent="0.3">
      <c r="A2439" t="s">
        <v>9291</v>
      </c>
      <c r="B2439">
        <v>3983</v>
      </c>
      <c r="C2439" t="s">
        <v>9292</v>
      </c>
      <c r="D2439" t="s">
        <v>9293</v>
      </c>
      <c r="E2439" t="s">
        <v>85</v>
      </c>
      <c r="F2439">
        <v>8</v>
      </c>
      <c r="G2439">
        <v>126.25</v>
      </c>
      <c r="H2439">
        <v>129</v>
      </c>
      <c r="I2439">
        <v>5550.4375</v>
      </c>
      <c r="J2439">
        <v>74.50125837863412</v>
      </c>
      <c r="K2439">
        <v>-0.36282056697029602</v>
      </c>
      <c r="L2439">
        <v>-1.088050275011115</v>
      </c>
      <c r="M2439">
        <v>3</v>
      </c>
      <c r="N2439">
        <v>1</v>
      </c>
      <c r="O2439">
        <v>1</v>
      </c>
      <c r="P2439">
        <v>0</v>
      </c>
      <c r="Q2439">
        <v>0</v>
      </c>
      <c r="R2439">
        <v>2.0794415416798362</v>
      </c>
      <c r="S2439">
        <v>1</v>
      </c>
      <c r="T2439">
        <v>1</v>
      </c>
      <c r="U2439">
        <v>0</v>
      </c>
      <c r="V2439">
        <v>0</v>
      </c>
      <c r="W2439">
        <v>1.945910149055313</v>
      </c>
      <c r="X2439">
        <v>1</v>
      </c>
      <c r="Y2439">
        <v>1</v>
      </c>
      <c r="Z2439">
        <v>0</v>
      </c>
      <c r="AA2439">
        <v>0</v>
      </c>
      <c r="AB2439">
        <v>1.791759469228055</v>
      </c>
      <c r="AC2439">
        <v>1</v>
      </c>
      <c r="AD2439">
        <v>1</v>
      </c>
      <c r="AE2439">
        <v>0</v>
      </c>
      <c r="AF2439">
        <v>0</v>
      </c>
      <c r="AG2439">
        <v>1.6094379124341009</v>
      </c>
      <c r="AH2439">
        <v>-0.1987075906178567</v>
      </c>
      <c r="AI2439">
        <v>0.43351593905885799</v>
      </c>
      <c r="AJ2439">
        <v>-0.1235389665229092</v>
      </c>
      <c r="AK2439">
        <v>0</v>
      </c>
      <c r="AL2439">
        <v>305.36175934808148</v>
      </c>
      <c r="AM2439">
        <v>280.48207773018999</v>
      </c>
      <c r="AN2439">
        <v>1010</v>
      </c>
      <c r="AO2439">
        <v>60.166435825965287</v>
      </c>
      <c r="AP2439">
        <v>250.64030078318041</v>
      </c>
      <c r="AQ2439">
        <v>3.5</v>
      </c>
      <c r="AR2439">
        <v>3.875</v>
      </c>
      <c r="AS2439">
        <v>8</v>
      </c>
      <c r="AT2439">
        <v>0</v>
      </c>
      <c r="AU2439">
        <v>0.21288209606986899</v>
      </c>
      <c r="AV2439">
        <v>-0.20996842503837229</v>
      </c>
      <c r="AW2439">
        <v>0.25</v>
      </c>
      <c r="AX2439">
        <v>104.1428571428571</v>
      </c>
      <c r="AY2439">
        <v>62</v>
      </c>
      <c r="AZ2439">
        <v>98.25</v>
      </c>
      <c r="BA2439">
        <v>0.59010897725650791</v>
      </c>
      <c r="BB2439">
        <v>0.5</v>
      </c>
      <c r="BC2439">
        <v>1.945910149055313</v>
      </c>
      <c r="BD2439" t="s">
        <v>9292</v>
      </c>
      <c r="BE2439" t="s">
        <v>68</v>
      </c>
    </row>
    <row r="2440" spans="1:57" x14ac:dyDescent="0.3">
      <c r="A2440" t="s">
        <v>9294</v>
      </c>
      <c r="B2440">
        <v>3019</v>
      </c>
      <c r="C2440" t="s">
        <v>9295</v>
      </c>
      <c r="D2440" t="s">
        <v>9296</v>
      </c>
      <c r="E2440" t="s">
        <v>93</v>
      </c>
      <c r="F2440">
        <v>3019</v>
      </c>
      <c r="G2440">
        <v>127.8473004306062</v>
      </c>
      <c r="H2440">
        <v>127</v>
      </c>
      <c r="I2440">
        <v>5639.6676401121258</v>
      </c>
      <c r="J2440">
        <v>75.09772060530284</v>
      </c>
      <c r="K2440">
        <v>-2.1985137874689191E-3</v>
      </c>
      <c r="L2440">
        <v>-1.223693768580939</v>
      </c>
      <c r="M2440">
        <v>7.9308780588263073</v>
      </c>
      <c r="N2440">
        <v>23</v>
      </c>
      <c r="O2440">
        <v>2</v>
      </c>
      <c r="P2440">
        <v>21</v>
      </c>
      <c r="Q2440">
        <v>3.597974334472585</v>
      </c>
      <c r="R2440">
        <v>5.4972657658401776</v>
      </c>
      <c r="S2440">
        <v>2</v>
      </c>
      <c r="T2440">
        <v>1</v>
      </c>
      <c r="U2440">
        <v>1</v>
      </c>
      <c r="V2440">
        <v>0.14558895117904519</v>
      </c>
      <c r="W2440">
        <v>7.9829517469780047</v>
      </c>
      <c r="X2440">
        <v>1</v>
      </c>
      <c r="Y2440">
        <v>1</v>
      </c>
      <c r="Z2440">
        <v>0</v>
      </c>
      <c r="AA2440">
        <v>0</v>
      </c>
      <c r="AB2440">
        <v>8.01201823915906</v>
      </c>
      <c r="AC2440">
        <v>1</v>
      </c>
      <c r="AD2440">
        <v>1</v>
      </c>
      <c r="AE2440">
        <v>0</v>
      </c>
      <c r="AF2440">
        <v>0</v>
      </c>
      <c r="AG2440">
        <v>8.0116867291278488</v>
      </c>
      <c r="AH2440">
        <v>8.7197101313107022E-3</v>
      </c>
      <c r="AI2440">
        <v>1.383000423092054E-2</v>
      </c>
      <c r="AJ2440">
        <v>-3.2654723631826278E-3</v>
      </c>
      <c r="AK2440">
        <v>1.470008324015044E-3</v>
      </c>
      <c r="AL2440">
        <v>3777.6160223525339</v>
      </c>
      <c r="AM2440">
        <v>7218.1108461747381</v>
      </c>
      <c r="AN2440">
        <v>385970.99999999988</v>
      </c>
      <c r="AO2440">
        <v>29.771415377871939</v>
      </c>
      <c r="AP2440">
        <v>3335.019084955075</v>
      </c>
      <c r="AQ2440">
        <v>1.0076184166942701</v>
      </c>
      <c r="AR2440">
        <v>4.0235177210997017</v>
      </c>
      <c r="AS2440">
        <v>3010</v>
      </c>
      <c r="AT2440">
        <v>281.01722424643918</v>
      </c>
      <c r="AU2440">
        <v>2.156667900681308E-2</v>
      </c>
      <c r="AV2440">
        <v>8.7232951181053196E-3</v>
      </c>
      <c r="AW2440">
        <v>0.36899635640940709</v>
      </c>
      <c r="AX2440">
        <v>86.329357190192184</v>
      </c>
      <c r="AY2440">
        <v>66</v>
      </c>
      <c r="AZ2440">
        <v>131</v>
      </c>
      <c r="BA2440">
        <v>0.58740169211523474</v>
      </c>
      <c r="BB2440">
        <v>0.49817820470354418</v>
      </c>
      <c r="BC2440">
        <v>5.3260644377983786</v>
      </c>
      <c r="BD2440" t="s">
        <v>9297</v>
      </c>
      <c r="BE2440" t="s">
        <v>68</v>
      </c>
    </row>
    <row r="2441" spans="1:57" x14ac:dyDescent="0.3">
      <c r="A2441" t="s">
        <v>9298</v>
      </c>
      <c r="B2441">
        <v>2497</v>
      </c>
      <c r="C2441" t="s">
        <v>9299</v>
      </c>
      <c r="D2441" t="s">
        <v>9300</v>
      </c>
      <c r="E2441" t="s">
        <v>10622</v>
      </c>
      <c r="F2441">
        <v>64</v>
      </c>
      <c r="G2441">
        <v>140.5625</v>
      </c>
      <c r="H2441">
        <v>166</v>
      </c>
      <c r="I2441">
        <v>5887.74609375</v>
      </c>
      <c r="J2441">
        <v>76.731649882887311</v>
      </c>
      <c r="K2441">
        <v>-0.2158110245521182</v>
      </c>
      <c r="L2441">
        <v>-1.354685091772071</v>
      </c>
      <c r="M2441">
        <v>5.75</v>
      </c>
      <c r="N2441">
        <v>2</v>
      </c>
      <c r="O2441">
        <v>1</v>
      </c>
      <c r="P2441">
        <v>1</v>
      </c>
      <c r="Q2441">
        <v>0.3499271061118826</v>
      </c>
      <c r="R2441">
        <v>3.985596288219686</v>
      </c>
      <c r="S2441">
        <v>1</v>
      </c>
      <c r="T2441">
        <v>1</v>
      </c>
      <c r="U2441">
        <v>0</v>
      </c>
      <c r="V2441">
        <v>0</v>
      </c>
      <c r="W2441">
        <v>4.1431347263915326</v>
      </c>
      <c r="X2441">
        <v>1</v>
      </c>
      <c r="Y2441">
        <v>1</v>
      </c>
      <c r="Z2441">
        <v>0</v>
      </c>
      <c r="AA2441">
        <v>0</v>
      </c>
      <c r="AB2441">
        <v>4.1271343850450908</v>
      </c>
      <c r="AC2441">
        <v>1</v>
      </c>
      <c r="AD2441">
        <v>1</v>
      </c>
      <c r="AE2441">
        <v>0</v>
      </c>
      <c r="AF2441">
        <v>0</v>
      </c>
      <c r="AG2441">
        <v>4.1108738641733096</v>
      </c>
      <c r="AH2441">
        <v>-0.1370175713362565</v>
      </c>
      <c r="AI2441">
        <v>-0.21514064317242579</v>
      </c>
      <c r="AJ2441">
        <v>7.2670411119360054E-2</v>
      </c>
      <c r="AK2441">
        <v>-6.4153804777268467E-2</v>
      </c>
      <c r="AL2441">
        <v>686.13386254762884</v>
      </c>
      <c r="AM2441">
        <v>1081.913269474717</v>
      </c>
      <c r="AN2441">
        <v>8996</v>
      </c>
      <c r="AO2441">
        <v>208.4465599619372</v>
      </c>
      <c r="AP2441">
        <v>476.0425272006247</v>
      </c>
      <c r="AQ2441">
        <v>1.359375</v>
      </c>
      <c r="AR2441">
        <v>4.234375</v>
      </c>
      <c r="AS2441">
        <v>64</v>
      </c>
      <c r="AT2441">
        <v>6</v>
      </c>
      <c r="AU2441">
        <v>0.14031620553359681</v>
      </c>
      <c r="AV2441">
        <v>-0.14057407325606219</v>
      </c>
      <c r="AW2441">
        <v>0.359375</v>
      </c>
      <c r="AX2441">
        <v>98.047619047619051</v>
      </c>
      <c r="AY2441">
        <v>62</v>
      </c>
      <c r="AZ2441">
        <v>136</v>
      </c>
      <c r="BA2441">
        <v>0.54588990579199514</v>
      </c>
      <c r="BB2441">
        <v>0.53125</v>
      </c>
      <c r="BC2441">
        <v>3.9670973472017059</v>
      </c>
      <c r="BD2441" t="s">
        <v>9301</v>
      </c>
      <c r="BE2441" t="s">
        <v>62</v>
      </c>
    </row>
    <row r="2442" spans="1:57" x14ac:dyDescent="0.3">
      <c r="A2442" t="s">
        <v>9302</v>
      </c>
      <c r="B2442">
        <v>2362</v>
      </c>
      <c r="C2442" t="s">
        <v>9303</v>
      </c>
      <c r="D2442" t="s">
        <v>9304</v>
      </c>
      <c r="E2442" t="s">
        <v>115</v>
      </c>
      <c r="F2442">
        <v>2426</v>
      </c>
      <c r="G2442">
        <v>126.9806265457543</v>
      </c>
      <c r="H2442">
        <v>129</v>
      </c>
      <c r="I2442">
        <v>5393.5894845208777</v>
      </c>
      <c r="J2442">
        <v>73.441061297620678</v>
      </c>
      <c r="K2442">
        <v>-2.50847591627089E-2</v>
      </c>
      <c r="L2442">
        <v>-1.1862390866578401</v>
      </c>
      <c r="M2442">
        <v>7.9243514305673761</v>
      </c>
      <c r="N2442">
        <v>20</v>
      </c>
      <c r="O2442">
        <v>3</v>
      </c>
      <c r="P2442">
        <v>17</v>
      </c>
      <c r="Q2442">
        <v>3.0464242455038582</v>
      </c>
      <c r="R2442">
        <v>5.4927418518639541</v>
      </c>
      <c r="S2442">
        <v>2</v>
      </c>
      <c r="T2442">
        <v>1</v>
      </c>
      <c r="U2442">
        <v>1</v>
      </c>
      <c r="V2442">
        <v>0.1572461224675438</v>
      </c>
      <c r="W2442">
        <v>7.7592867367046994</v>
      </c>
      <c r="X2442">
        <v>1</v>
      </c>
      <c r="Y2442">
        <v>1</v>
      </c>
      <c r="Z2442">
        <v>0</v>
      </c>
      <c r="AA2442">
        <v>0</v>
      </c>
      <c r="AB2442">
        <v>7.7931743471892023</v>
      </c>
      <c r="AC2442">
        <v>1</v>
      </c>
      <c r="AD2442">
        <v>1</v>
      </c>
      <c r="AE2442">
        <v>0</v>
      </c>
      <c r="AF2442">
        <v>0</v>
      </c>
      <c r="AG2442">
        <v>7.7927617208165243</v>
      </c>
      <c r="AH2442">
        <v>2.3044194663585201E-2</v>
      </c>
      <c r="AI2442">
        <v>2.1977788319920821E-2</v>
      </c>
      <c r="AJ2442">
        <v>2.0293173880125389E-3</v>
      </c>
      <c r="AK2442">
        <v>9.0893513711279251E-4</v>
      </c>
      <c r="AL2442">
        <v>3333.480426647704</v>
      </c>
      <c r="AM2442">
        <v>6410.1305170141932</v>
      </c>
      <c r="AN2442">
        <v>308055</v>
      </c>
      <c r="AO2442">
        <v>75.517418338083203</v>
      </c>
      <c r="AP2442">
        <v>3060.6925361455401</v>
      </c>
      <c r="AQ2442">
        <v>1.0094806265457541</v>
      </c>
      <c r="AR2442">
        <v>3.9793899422918391</v>
      </c>
      <c r="AS2442">
        <v>2417</v>
      </c>
      <c r="AT2442">
        <v>250.70898598516081</v>
      </c>
      <c r="AU2442">
        <v>1.782972051145271E-2</v>
      </c>
      <c r="AV2442">
        <v>2.3059944554272231E-2</v>
      </c>
      <c r="AW2442">
        <v>0.36438582028029681</v>
      </c>
      <c r="AX2442">
        <v>83.759175257731954</v>
      </c>
      <c r="AY2442">
        <v>63</v>
      </c>
      <c r="AZ2442">
        <v>126</v>
      </c>
      <c r="BA2442">
        <v>0.57836430088142621</v>
      </c>
      <c r="BB2442">
        <v>0.50948062654575432</v>
      </c>
      <c r="BC2442">
        <v>5.2814902660177978</v>
      </c>
      <c r="BD2442" t="s">
        <v>9305</v>
      </c>
      <c r="BE2442" t="s">
        <v>68</v>
      </c>
    </row>
    <row r="2443" spans="1:57" x14ac:dyDescent="0.3">
      <c r="A2443" t="s">
        <v>9306</v>
      </c>
      <c r="B2443">
        <v>2021</v>
      </c>
      <c r="C2443" t="s">
        <v>9307</v>
      </c>
      <c r="D2443" t="s">
        <v>9308</v>
      </c>
      <c r="E2443" t="s">
        <v>98</v>
      </c>
      <c r="F2443">
        <v>16</v>
      </c>
      <c r="G2443">
        <v>130.8125</v>
      </c>
      <c r="H2443">
        <v>112.5</v>
      </c>
      <c r="I2443">
        <v>4561.02734375</v>
      </c>
      <c r="J2443">
        <v>67.53537846010785</v>
      </c>
      <c r="K2443">
        <v>-8.8778415049117057E-2</v>
      </c>
      <c r="L2443">
        <v>-1.22576018725485</v>
      </c>
      <c r="M2443">
        <v>4</v>
      </c>
      <c r="N2443">
        <v>1</v>
      </c>
      <c r="O2443">
        <v>1</v>
      </c>
      <c r="P2443">
        <v>0</v>
      </c>
      <c r="Q2443">
        <v>0</v>
      </c>
      <c r="R2443">
        <v>2.7725887222397811</v>
      </c>
      <c r="S2443">
        <v>1</v>
      </c>
      <c r="T2443">
        <v>1</v>
      </c>
      <c r="U2443">
        <v>0</v>
      </c>
      <c r="V2443">
        <v>0</v>
      </c>
      <c r="W2443">
        <v>2.7080502011022101</v>
      </c>
      <c r="X2443">
        <v>1</v>
      </c>
      <c r="Y2443">
        <v>1</v>
      </c>
      <c r="Z2443">
        <v>0</v>
      </c>
      <c r="AA2443">
        <v>0</v>
      </c>
      <c r="AB2443">
        <v>2.639057329615258</v>
      </c>
      <c r="AC2443">
        <v>1</v>
      </c>
      <c r="AD2443">
        <v>1</v>
      </c>
      <c r="AE2443">
        <v>0</v>
      </c>
      <c r="AF2443">
        <v>0</v>
      </c>
      <c r="AG2443">
        <v>2.5649493574615372</v>
      </c>
      <c r="AH2443">
        <v>-0.2488350799016463</v>
      </c>
      <c r="AI2443">
        <v>0.1344842256447501</v>
      </c>
      <c r="AJ2443">
        <v>0.21335926707507469</v>
      </c>
      <c r="AK2443">
        <v>0.13914454836878001</v>
      </c>
      <c r="AL2443">
        <v>358.88722339724342</v>
      </c>
      <c r="AM2443">
        <v>466.86931884866578</v>
      </c>
      <c r="AN2443">
        <v>2093</v>
      </c>
      <c r="AO2443">
        <v>56.680966052051502</v>
      </c>
      <c r="AP2443">
        <v>203.4152234284461</v>
      </c>
      <c r="AQ2443">
        <v>2.3125</v>
      </c>
      <c r="AR2443">
        <v>4.1875</v>
      </c>
      <c r="AS2443">
        <v>16</v>
      </c>
      <c r="AT2443">
        <v>0</v>
      </c>
      <c r="AU2443">
        <v>0.14592511013215859</v>
      </c>
      <c r="AV2443">
        <v>-0.2851346851701449</v>
      </c>
      <c r="AW2443">
        <v>0.5</v>
      </c>
      <c r="AX2443">
        <v>87.333333333333329</v>
      </c>
      <c r="AY2443">
        <v>63</v>
      </c>
      <c r="AZ2443">
        <v>107.75</v>
      </c>
      <c r="BA2443">
        <v>0.51627618507488082</v>
      </c>
      <c r="BB2443">
        <v>0.4375</v>
      </c>
      <c r="BC2443">
        <v>2.7080502011022101</v>
      </c>
      <c r="BD2443" t="s">
        <v>9307</v>
      </c>
      <c r="BE2443" t="s">
        <v>62</v>
      </c>
    </row>
    <row r="2444" spans="1:57" x14ac:dyDescent="0.3">
      <c r="A2444" t="s">
        <v>9309</v>
      </c>
      <c r="B2444">
        <v>958</v>
      </c>
      <c r="C2444" t="s">
        <v>9310</v>
      </c>
      <c r="D2444" t="s">
        <v>9311</v>
      </c>
      <c r="E2444" t="s">
        <v>93</v>
      </c>
      <c r="F2444">
        <v>988</v>
      </c>
      <c r="G2444">
        <v>129.5091093117409</v>
      </c>
      <c r="H2444">
        <v>133</v>
      </c>
      <c r="I2444">
        <v>5485.8065971823826</v>
      </c>
      <c r="J2444">
        <v>74.066231152816073</v>
      </c>
      <c r="K2444">
        <v>-8.4017615244747185E-2</v>
      </c>
      <c r="L2444">
        <v>-1.2041348214622301</v>
      </c>
      <c r="M2444">
        <v>7.8418604910311878</v>
      </c>
      <c r="N2444">
        <v>10</v>
      </c>
      <c r="O2444">
        <v>1</v>
      </c>
      <c r="P2444">
        <v>9</v>
      </c>
      <c r="Q2444">
        <v>1.79075043190697</v>
      </c>
      <c r="R2444">
        <v>5.4355634897026954</v>
      </c>
      <c r="S2444">
        <v>2</v>
      </c>
      <c r="T2444">
        <v>1</v>
      </c>
      <c r="U2444">
        <v>1</v>
      </c>
      <c r="V2444">
        <v>7.1173905315708955E-2</v>
      </c>
      <c r="W2444">
        <v>6.8876472716466557</v>
      </c>
      <c r="X2444">
        <v>1</v>
      </c>
      <c r="Y2444">
        <v>1</v>
      </c>
      <c r="Z2444">
        <v>0</v>
      </c>
      <c r="AA2444">
        <v>0</v>
      </c>
      <c r="AB2444">
        <v>6.8936563546026353</v>
      </c>
      <c r="AC2444">
        <v>1</v>
      </c>
      <c r="AD2444">
        <v>1</v>
      </c>
      <c r="AE2444">
        <v>0</v>
      </c>
      <c r="AF2444">
        <v>0</v>
      </c>
      <c r="AG2444">
        <v>6.892641641172089</v>
      </c>
      <c r="AH2444">
        <v>2.885827812552268E-2</v>
      </c>
      <c r="AI2444">
        <v>1.6387854916015011E-2</v>
      </c>
      <c r="AJ2444">
        <v>-1.537547228131758E-2</v>
      </c>
      <c r="AK2444">
        <v>-3.3412363078114127E-2</v>
      </c>
      <c r="AL2444">
        <v>2201.9414849566542</v>
      </c>
      <c r="AM2444">
        <v>4140.3826751674642</v>
      </c>
      <c r="AN2444">
        <v>127955</v>
      </c>
      <c r="AO2444">
        <v>82.314528328398993</v>
      </c>
      <c r="AP2444">
        <v>1961.5914157335051</v>
      </c>
      <c r="AQ2444">
        <v>1.023279352226721</v>
      </c>
      <c r="AR2444">
        <v>3.9605263157894739</v>
      </c>
      <c r="AS2444">
        <v>983</v>
      </c>
      <c r="AT2444">
        <v>212.7125506072874</v>
      </c>
      <c r="AU2444">
        <v>3.5730729538779087E-2</v>
      </c>
      <c r="AV2444">
        <v>2.8895998666213941E-2</v>
      </c>
      <c r="AW2444">
        <v>0.34311740890688258</v>
      </c>
      <c r="AX2444">
        <v>83.837892603850051</v>
      </c>
      <c r="AY2444">
        <v>63.5</v>
      </c>
      <c r="AZ2444">
        <v>127.25</v>
      </c>
      <c r="BA2444">
        <v>0.57189978022728516</v>
      </c>
      <c r="BB2444">
        <v>0.51417004048582993</v>
      </c>
      <c r="BC2444">
        <v>5.2073084756752186</v>
      </c>
      <c r="BD2444" t="s">
        <v>9312</v>
      </c>
      <c r="BE2444" t="s">
        <v>68</v>
      </c>
    </row>
    <row r="2445" spans="1:57" x14ac:dyDescent="0.3">
      <c r="A2445" t="s">
        <v>9313</v>
      </c>
      <c r="B2445">
        <v>1599</v>
      </c>
      <c r="C2445" t="s">
        <v>9314</v>
      </c>
      <c r="D2445" t="s">
        <v>9315</v>
      </c>
      <c r="E2445" t="s">
        <v>115</v>
      </c>
      <c r="F2445">
        <v>1651</v>
      </c>
      <c r="G2445">
        <v>128.04845548152639</v>
      </c>
      <c r="H2445">
        <v>128</v>
      </c>
      <c r="I2445">
        <v>5447.2356896193078</v>
      </c>
      <c r="J2445">
        <v>73.805390654201588</v>
      </c>
      <c r="K2445">
        <v>-3.6631122325103591E-3</v>
      </c>
      <c r="L2445">
        <v>-1.210245756238733</v>
      </c>
      <c r="M2445">
        <v>7.8646349362534478</v>
      </c>
      <c r="N2445">
        <v>15</v>
      </c>
      <c r="O2445">
        <v>1</v>
      </c>
      <c r="P2445">
        <v>14</v>
      </c>
      <c r="Q2445">
        <v>2.7120532079671782</v>
      </c>
      <c r="R2445">
        <v>5.4513495321973258</v>
      </c>
      <c r="S2445">
        <v>2</v>
      </c>
      <c r="T2445">
        <v>1</v>
      </c>
      <c r="U2445">
        <v>1</v>
      </c>
      <c r="V2445">
        <v>0.1205913995451527</v>
      </c>
      <c r="W2445">
        <v>7.3883662852783356</v>
      </c>
      <c r="X2445">
        <v>1</v>
      </c>
      <c r="Y2445">
        <v>1</v>
      </c>
      <c r="Z2445">
        <v>0</v>
      </c>
      <c r="AA2445">
        <v>0</v>
      </c>
      <c r="AB2445">
        <v>7.4079243225595963</v>
      </c>
      <c r="AC2445">
        <v>1</v>
      </c>
      <c r="AD2445">
        <v>1</v>
      </c>
      <c r="AE2445">
        <v>0</v>
      </c>
      <c r="AF2445">
        <v>0</v>
      </c>
      <c r="AG2445">
        <v>7.4073177104694166</v>
      </c>
      <c r="AH2445">
        <v>-4.2136659966636866E-3</v>
      </c>
      <c r="AI2445">
        <v>2.353646671584839E-2</v>
      </c>
      <c r="AJ2445">
        <v>3.4653863438061663E-2</v>
      </c>
      <c r="AK2445">
        <v>5.2827033687208612E-2</v>
      </c>
      <c r="AL2445">
        <v>2760.5264352852219</v>
      </c>
      <c r="AM2445">
        <v>5333.230521934287</v>
      </c>
      <c r="AN2445">
        <v>211408</v>
      </c>
      <c r="AO2445">
        <v>32.106609210704796</v>
      </c>
      <c r="AP2445">
        <v>2498.3786295221148</v>
      </c>
      <c r="AQ2445">
        <v>1.013930950938825</v>
      </c>
      <c r="AR2445">
        <v>3.978800726832223</v>
      </c>
      <c r="AS2445">
        <v>1648</v>
      </c>
      <c r="AT2445">
        <v>289.68746214415512</v>
      </c>
      <c r="AU2445">
        <v>1.434424769302034E-2</v>
      </c>
      <c r="AV2445">
        <v>-4.2148344890472504E-3</v>
      </c>
      <c r="AW2445">
        <v>0.37492428831011509</v>
      </c>
      <c r="AX2445">
        <v>85.653939393939396</v>
      </c>
      <c r="AY2445">
        <v>66</v>
      </c>
      <c r="AZ2445">
        <v>131</v>
      </c>
      <c r="BA2445">
        <v>0.57638641853707906</v>
      </c>
      <c r="BB2445">
        <v>0.49848576620230162</v>
      </c>
      <c r="BC2445">
        <v>5.2656614026423636</v>
      </c>
      <c r="BD2445" t="s">
        <v>9316</v>
      </c>
      <c r="BE2445" t="s">
        <v>68</v>
      </c>
    </row>
    <row r="2446" spans="1:57" x14ac:dyDescent="0.3">
      <c r="A2446" t="s">
        <v>9317</v>
      </c>
      <c r="B2446">
        <v>1433</v>
      </c>
      <c r="C2446" t="s">
        <v>9318</v>
      </c>
      <c r="D2446" t="s">
        <v>9319</v>
      </c>
      <c r="E2446" t="s">
        <v>106</v>
      </c>
      <c r="F2446">
        <v>1447</v>
      </c>
      <c r="G2446">
        <v>130.11402902557009</v>
      </c>
      <c r="H2446">
        <v>133</v>
      </c>
      <c r="I2446">
        <v>5528.0830581968085</v>
      </c>
      <c r="J2446">
        <v>74.351079737935265</v>
      </c>
      <c r="K2446">
        <v>-7.9945403895549952E-2</v>
      </c>
      <c r="L2446">
        <v>-1.2442289024729261</v>
      </c>
      <c r="M2446">
        <v>7.862671479963212</v>
      </c>
      <c r="N2446">
        <v>13</v>
      </c>
      <c r="O2446">
        <v>1</v>
      </c>
      <c r="P2446">
        <v>12</v>
      </c>
      <c r="Q2446">
        <v>2.4366356697624671</v>
      </c>
      <c r="R2446">
        <v>5.4499885680055984</v>
      </c>
      <c r="S2446">
        <v>2</v>
      </c>
      <c r="T2446">
        <v>1</v>
      </c>
      <c r="U2446">
        <v>1</v>
      </c>
      <c r="V2446">
        <v>0.1051837520389548</v>
      </c>
      <c r="W2446">
        <v>7.2612170460258216</v>
      </c>
      <c r="X2446">
        <v>1</v>
      </c>
      <c r="Y2446">
        <v>1</v>
      </c>
      <c r="Z2446">
        <v>0</v>
      </c>
      <c r="AA2446">
        <v>0</v>
      </c>
      <c r="AB2446">
        <v>7.2758646005465346</v>
      </c>
      <c r="AC2446">
        <v>1</v>
      </c>
      <c r="AD2446">
        <v>1</v>
      </c>
      <c r="AE2446">
        <v>0</v>
      </c>
      <c r="AF2446">
        <v>0</v>
      </c>
      <c r="AG2446">
        <v>7.2751723194527713</v>
      </c>
      <c r="AH2446">
        <v>1.2964398488723021E-2</v>
      </c>
      <c r="AI2446">
        <v>-4.8310658090320653E-2</v>
      </c>
      <c r="AJ2446">
        <v>-2.075570745187617E-2</v>
      </c>
      <c r="AK2446">
        <v>-1.0668930344738019E-2</v>
      </c>
      <c r="AL2446">
        <v>2655.2143120712522</v>
      </c>
      <c r="AM2446">
        <v>5044.4218654838915</v>
      </c>
      <c r="AN2446">
        <v>188275</v>
      </c>
      <c r="AO2446">
        <v>89.891814094731259</v>
      </c>
      <c r="AP2446">
        <v>2412.2098337278039</v>
      </c>
      <c r="AQ2446">
        <v>1.0158949550794749</v>
      </c>
      <c r="AR2446">
        <v>3.9910158949550789</v>
      </c>
      <c r="AS2446">
        <v>1442</v>
      </c>
      <c r="AT2446">
        <v>266.80442294402212</v>
      </c>
      <c r="AU2446">
        <v>3.5800913316259453E-2</v>
      </c>
      <c r="AV2446">
        <v>1.2977859815473881E-2</v>
      </c>
      <c r="AW2446">
        <v>0.36074637180373192</v>
      </c>
      <c r="AX2446">
        <v>86.19156293222683</v>
      </c>
      <c r="AY2446">
        <v>66</v>
      </c>
      <c r="AZ2446">
        <v>132</v>
      </c>
      <c r="BA2446">
        <v>0.57143015472469705</v>
      </c>
      <c r="BB2446">
        <v>0.50587422252937109</v>
      </c>
      <c r="BC2446">
        <v>5.2642465995359027</v>
      </c>
      <c r="BD2446" t="s">
        <v>9320</v>
      </c>
      <c r="BE2446" t="s">
        <v>68</v>
      </c>
    </row>
    <row r="2447" spans="1:57" x14ac:dyDescent="0.3">
      <c r="A2447" t="s">
        <v>9321</v>
      </c>
      <c r="B2447">
        <v>2488</v>
      </c>
      <c r="C2447" t="s">
        <v>9322</v>
      </c>
      <c r="D2447" t="s">
        <v>9323</v>
      </c>
      <c r="E2447" t="s">
        <v>66</v>
      </c>
      <c r="F2447">
        <v>71</v>
      </c>
      <c r="G2447">
        <v>120.7464788732394</v>
      </c>
      <c r="H2447">
        <v>114</v>
      </c>
      <c r="I2447">
        <v>6059.3441777425132</v>
      </c>
      <c r="J2447">
        <v>77.841789404808225</v>
      </c>
      <c r="K2447">
        <v>0.23433244610169679</v>
      </c>
      <c r="L2447">
        <v>-1.243384671724771</v>
      </c>
      <c r="M2447">
        <v>5.8117189504905937</v>
      </c>
      <c r="N2447">
        <v>2</v>
      </c>
      <c r="O2447">
        <v>1</v>
      </c>
      <c r="P2447">
        <v>1</v>
      </c>
      <c r="Q2447">
        <v>0.4025200707470481</v>
      </c>
      <c r="R2447">
        <v>4.0283766047393623</v>
      </c>
      <c r="S2447">
        <v>1</v>
      </c>
      <c r="T2447">
        <v>1</v>
      </c>
      <c r="U2447">
        <v>0</v>
      </c>
      <c r="V2447">
        <v>0</v>
      </c>
      <c r="W2447">
        <v>4.2484952420493576</v>
      </c>
      <c r="X2447">
        <v>1</v>
      </c>
      <c r="Y2447">
        <v>1</v>
      </c>
      <c r="Z2447">
        <v>0</v>
      </c>
      <c r="AA2447">
        <v>0</v>
      </c>
      <c r="AB2447">
        <v>4.2341065045972579</v>
      </c>
      <c r="AC2447">
        <v>1</v>
      </c>
      <c r="AD2447">
        <v>1</v>
      </c>
      <c r="AE2447">
        <v>0</v>
      </c>
      <c r="AF2447">
        <v>0</v>
      </c>
      <c r="AG2447">
        <v>4.2195077051761087</v>
      </c>
      <c r="AH2447">
        <v>0.1906058301955105</v>
      </c>
      <c r="AI2447">
        <v>-8.3826197987430753E-2</v>
      </c>
      <c r="AJ2447">
        <v>0.10525460710064161</v>
      </c>
      <c r="AK2447">
        <v>-0.1075165518498554</v>
      </c>
      <c r="AL2447">
        <v>685.20999481589615</v>
      </c>
      <c r="AM2447">
        <v>997.92798487886853</v>
      </c>
      <c r="AN2447">
        <v>8573</v>
      </c>
      <c r="AO2447">
        <v>60.233092806566312</v>
      </c>
      <c r="AP2447">
        <v>601.17891855907158</v>
      </c>
      <c r="AQ2447">
        <v>1.323943661971831</v>
      </c>
      <c r="AR2447">
        <v>3.6901408450704229</v>
      </c>
      <c r="AS2447">
        <v>69</v>
      </c>
      <c r="AT2447">
        <v>7.9436619718309878</v>
      </c>
      <c r="AU2447">
        <v>0.12377796188898089</v>
      </c>
      <c r="AV2447">
        <v>0.19335582388015021</v>
      </c>
      <c r="AW2447">
        <v>0.40845070422535212</v>
      </c>
      <c r="AX2447">
        <v>78.271428571428572</v>
      </c>
      <c r="AY2447">
        <v>67</v>
      </c>
      <c r="AZ2447">
        <v>138.5</v>
      </c>
      <c r="BA2447">
        <v>0.64467129916498123</v>
      </c>
      <c r="BB2447">
        <v>0.49295774647887319</v>
      </c>
      <c r="BC2447">
        <v>4.1098658059373712</v>
      </c>
      <c r="BD2447" t="s">
        <v>9324</v>
      </c>
      <c r="BE2447" t="s">
        <v>68</v>
      </c>
    </row>
    <row r="2448" spans="1:57" x14ac:dyDescent="0.3">
      <c r="A2448" t="s">
        <v>9325</v>
      </c>
      <c r="B2448">
        <v>142</v>
      </c>
      <c r="C2448" t="s">
        <v>9326</v>
      </c>
      <c r="D2448" t="s">
        <v>9327</v>
      </c>
      <c r="E2448" t="s">
        <v>60</v>
      </c>
      <c r="F2448">
        <v>256</v>
      </c>
      <c r="G2448">
        <v>126.70703125</v>
      </c>
      <c r="H2448">
        <v>117.5</v>
      </c>
      <c r="I2448">
        <v>5502.1837005615234</v>
      </c>
      <c r="J2448">
        <v>74.176705916086107</v>
      </c>
      <c r="K2448">
        <v>1.8914202321808338E-2</v>
      </c>
      <c r="L2448">
        <v>-1.197888563234685</v>
      </c>
      <c r="M2448">
        <v>7.1912780528242246</v>
      </c>
      <c r="N2448">
        <v>5</v>
      </c>
      <c r="O2448">
        <v>1</v>
      </c>
      <c r="P2448">
        <v>4</v>
      </c>
      <c r="Q2448">
        <v>0.83416487437989117</v>
      </c>
      <c r="R2448">
        <v>4.984614106937725</v>
      </c>
      <c r="S2448">
        <v>2</v>
      </c>
      <c r="T2448">
        <v>1</v>
      </c>
      <c r="U2448">
        <v>1</v>
      </c>
      <c r="V2448">
        <v>8.8558721353391615E-2</v>
      </c>
      <c r="W2448">
        <v>5.5303906482084644</v>
      </c>
      <c r="X2448">
        <v>1</v>
      </c>
      <c r="Y2448">
        <v>1</v>
      </c>
      <c r="Z2448">
        <v>0</v>
      </c>
      <c r="AA2448">
        <v>0</v>
      </c>
      <c r="AB2448">
        <v>5.5373342670185366</v>
      </c>
      <c r="AC2448">
        <v>1</v>
      </c>
      <c r="AD2448">
        <v>1</v>
      </c>
      <c r="AE2448">
        <v>0</v>
      </c>
      <c r="AF2448">
        <v>0</v>
      </c>
      <c r="AG2448">
        <v>5.5333894887275203</v>
      </c>
      <c r="AH2448">
        <v>9.9750695261436303E-2</v>
      </c>
      <c r="AI2448">
        <v>9.657351355750696E-3</v>
      </c>
      <c r="AJ2448">
        <v>1.176537082390461E-2</v>
      </c>
      <c r="AK2448">
        <v>8.6258456699380478E-3</v>
      </c>
      <c r="AL2448">
        <v>1168.5412977973231</v>
      </c>
      <c r="AM2448">
        <v>2037.9073176526319</v>
      </c>
      <c r="AN2448">
        <v>32437</v>
      </c>
      <c r="AO2448">
        <v>30.906399385075769</v>
      </c>
      <c r="AP2448">
        <v>970.79880622479368</v>
      </c>
      <c r="AQ2448">
        <v>1.08984375</v>
      </c>
      <c r="AR2448">
        <v>3.98828125</v>
      </c>
      <c r="AS2448">
        <v>255</v>
      </c>
      <c r="AT2448">
        <v>73.999999999999986</v>
      </c>
      <c r="AU2448">
        <v>4.9172794117647078E-2</v>
      </c>
      <c r="AV2448">
        <v>0.10039976404847301</v>
      </c>
      <c r="AW2448">
        <v>0.3828125</v>
      </c>
      <c r="AX2448">
        <v>81.635294117647064</v>
      </c>
      <c r="AY2448">
        <v>63</v>
      </c>
      <c r="AZ2448">
        <v>127.25</v>
      </c>
      <c r="BA2448">
        <v>0.5854190188524846</v>
      </c>
      <c r="BB2448">
        <v>0.484375</v>
      </c>
      <c r="BC2448">
        <v>4.8700444072601261</v>
      </c>
      <c r="BD2448" t="s">
        <v>9328</v>
      </c>
      <c r="BE2448" t="s">
        <v>62</v>
      </c>
    </row>
    <row r="2449" spans="1:57" x14ac:dyDescent="0.3">
      <c r="A2449" t="s">
        <v>9329</v>
      </c>
      <c r="B2449">
        <v>2873</v>
      </c>
      <c r="C2449" t="s">
        <v>9330</v>
      </c>
      <c r="D2449" t="s">
        <v>9331</v>
      </c>
      <c r="E2449" t="s">
        <v>10622</v>
      </c>
      <c r="F2449">
        <v>64</v>
      </c>
      <c r="G2449">
        <v>126.734375</v>
      </c>
      <c r="H2449">
        <v>129</v>
      </c>
      <c r="I2449">
        <v>5079.570068359375</v>
      </c>
      <c r="J2449">
        <v>71.271102617816823</v>
      </c>
      <c r="K2449">
        <v>-2.570511192753986E-2</v>
      </c>
      <c r="L2449">
        <v>-1.215708529542878</v>
      </c>
      <c r="M2449">
        <v>5.75</v>
      </c>
      <c r="N2449">
        <v>2</v>
      </c>
      <c r="O2449">
        <v>1</v>
      </c>
      <c r="P2449">
        <v>1</v>
      </c>
      <c r="Q2449">
        <v>0.3499271061118826</v>
      </c>
      <c r="R2449">
        <v>3.985596288219686</v>
      </c>
      <c r="S2449">
        <v>1</v>
      </c>
      <c r="T2449">
        <v>1</v>
      </c>
      <c r="U2449">
        <v>0</v>
      </c>
      <c r="V2449">
        <v>0</v>
      </c>
      <c r="W2449">
        <v>4.1431347263915326</v>
      </c>
      <c r="X2449">
        <v>1</v>
      </c>
      <c r="Y2449">
        <v>1</v>
      </c>
      <c r="Z2449">
        <v>0</v>
      </c>
      <c r="AA2449">
        <v>0</v>
      </c>
      <c r="AB2449">
        <v>4.1271343850450908</v>
      </c>
      <c r="AC2449">
        <v>1</v>
      </c>
      <c r="AD2449">
        <v>1</v>
      </c>
      <c r="AE2449">
        <v>0</v>
      </c>
      <c r="AF2449">
        <v>0</v>
      </c>
      <c r="AG2449">
        <v>4.1108738641733096</v>
      </c>
      <c r="AH2449">
        <v>2.8298172475582549E-2</v>
      </c>
      <c r="AI2449">
        <v>-0.1113741734383374</v>
      </c>
      <c r="AJ2449">
        <v>3.1317118069862718E-2</v>
      </c>
      <c r="AK2449">
        <v>0.1110054232043295</v>
      </c>
      <c r="AL2449">
        <v>650.47395989088977</v>
      </c>
      <c r="AM2449">
        <v>964.32288550249859</v>
      </c>
      <c r="AN2449">
        <v>8111</v>
      </c>
      <c r="AO2449">
        <v>171.6159712427467</v>
      </c>
      <c r="AP2449">
        <v>535.48688624041199</v>
      </c>
      <c r="AQ2449">
        <v>1.359375</v>
      </c>
      <c r="AR2449">
        <v>3.953125</v>
      </c>
      <c r="AS2449">
        <v>64</v>
      </c>
      <c r="AT2449">
        <v>6</v>
      </c>
      <c r="AU2449">
        <v>5.5722891566265059E-2</v>
      </c>
      <c r="AV2449">
        <v>2.8656638290060502E-2</v>
      </c>
      <c r="AW2449">
        <v>0.40625</v>
      </c>
      <c r="AX2449">
        <v>81.126984126984127</v>
      </c>
      <c r="AY2449">
        <v>62.5</v>
      </c>
      <c r="AZ2449">
        <v>120.75</v>
      </c>
      <c r="BA2449">
        <v>0.56236599279253807</v>
      </c>
      <c r="BB2449">
        <v>0.515625</v>
      </c>
      <c r="BC2449">
        <v>3.8624676054237912</v>
      </c>
      <c r="BD2449" t="s">
        <v>9332</v>
      </c>
      <c r="BE2449" t="s">
        <v>62</v>
      </c>
    </row>
    <row r="2450" spans="1:57" x14ac:dyDescent="0.3">
      <c r="A2450" t="s">
        <v>9333</v>
      </c>
      <c r="B2450">
        <v>155</v>
      </c>
      <c r="C2450" t="s">
        <v>9334</v>
      </c>
      <c r="D2450" t="s">
        <v>9335</v>
      </c>
      <c r="E2450" t="s">
        <v>60</v>
      </c>
      <c r="F2450">
        <v>512</v>
      </c>
      <c r="G2450">
        <v>128.767578125</v>
      </c>
      <c r="H2450">
        <v>130.5</v>
      </c>
      <c r="I2450">
        <v>5324.8659019470206</v>
      </c>
      <c r="J2450">
        <v>72.971678766128306</v>
      </c>
      <c r="K2450">
        <v>-3.208319007990542E-2</v>
      </c>
      <c r="L2450">
        <v>-1.2010875014735169</v>
      </c>
      <c r="M2450">
        <v>7.5693444593644106</v>
      </c>
      <c r="N2450">
        <v>9</v>
      </c>
      <c r="O2450">
        <v>1</v>
      </c>
      <c r="P2450">
        <v>8</v>
      </c>
      <c r="Q2450">
        <v>1.379650907481931</v>
      </c>
      <c r="R2450">
        <v>5.246669770695485</v>
      </c>
      <c r="S2450">
        <v>2</v>
      </c>
      <c r="T2450">
        <v>1</v>
      </c>
      <c r="U2450">
        <v>1</v>
      </c>
      <c r="V2450">
        <v>4.4237310481092057E-2</v>
      </c>
      <c r="W2450">
        <v>6.2336566853874222</v>
      </c>
      <c r="X2450">
        <v>1</v>
      </c>
      <c r="Y2450">
        <v>1</v>
      </c>
      <c r="Z2450">
        <v>0</v>
      </c>
      <c r="AA2450">
        <v>0</v>
      </c>
      <c r="AB2450">
        <v>6.2344107257183694</v>
      </c>
      <c r="AC2450">
        <v>1</v>
      </c>
      <c r="AD2450">
        <v>1</v>
      </c>
      <c r="AE2450">
        <v>0</v>
      </c>
      <c r="AF2450">
        <v>0</v>
      </c>
      <c r="AG2450">
        <v>6.2324480165505216</v>
      </c>
      <c r="AH2450">
        <v>3.571536558915505E-2</v>
      </c>
      <c r="AI2450">
        <v>4.0245787889203292E-2</v>
      </c>
      <c r="AJ2450">
        <v>1.522185620439236E-2</v>
      </c>
      <c r="AK2450">
        <v>-2.707502721542069E-2</v>
      </c>
      <c r="AL2450">
        <v>1588.0911046056469</v>
      </c>
      <c r="AM2450">
        <v>2948.5277077674568</v>
      </c>
      <c r="AN2450">
        <v>65929</v>
      </c>
      <c r="AO2450">
        <v>49.352384640219327</v>
      </c>
      <c r="AP2450">
        <v>1408.325258474624</v>
      </c>
      <c r="AQ2450">
        <v>1.044921875</v>
      </c>
      <c r="AR2450">
        <v>4.083984375</v>
      </c>
      <c r="AS2450">
        <v>510</v>
      </c>
      <c r="AT2450">
        <v>184.875</v>
      </c>
      <c r="AU2450">
        <v>2.3399203431372528E-2</v>
      </c>
      <c r="AV2450">
        <v>3.5720612658193859E-2</v>
      </c>
      <c r="AW2450">
        <v>0.369140625</v>
      </c>
      <c r="AX2450">
        <v>81.788649706457932</v>
      </c>
      <c r="AY2450">
        <v>61.5</v>
      </c>
      <c r="AZ2450">
        <v>122.25</v>
      </c>
      <c r="BA2450">
        <v>0.56669295042026568</v>
      </c>
      <c r="BB2450">
        <v>0.505859375</v>
      </c>
      <c r="BC2450">
        <v>5.0596237761512954</v>
      </c>
      <c r="BD2450" t="s">
        <v>9336</v>
      </c>
      <c r="BE2450" t="s">
        <v>62</v>
      </c>
    </row>
    <row r="2451" spans="1:57" x14ac:dyDescent="0.3">
      <c r="A2451" t="s">
        <v>9337</v>
      </c>
      <c r="B2451">
        <v>1966</v>
      </c>
      <c r="C2451" t="s">
        <v>9338</v>
      </c>
      <c r="D2451" t="s">
        <v>9339</v>
      </c>
      <c r="E2451" t="s">
        <v>128</v>
      </c>
      <c r="F2451">
        <v>32</v>
      </c>
      <c r="G2451">
        <v>132.125</v>
      </c>
      <c r="H2451">
        <v>120.5</v>
      </c>
      <c r="I2451">
        <v>4860.671875</v>
      </c>
      <c r="J2451">
        <v>69.718518881284339</v>
      </c>
      <c r="K2451">
        <v>0.2472168449093953</v>
      </c>
      <c r="L2451">
        <v>-0.81730904530334847</v>
      </c>
      <c r="M2451">
        <v>4.9375</v>
      </c>
      <c r="N2451">
        <v>2</v>
      </c>
      <c r="O2451">
        <v>1</v>
      </c>
      <c r="P2451">
        <v>1</v>
      </c>
      <c r="Q2451">
        <v>0.1766846959694085</v>
      </c>
      <c r="R2451">
        <v>3.422414204014729</v>
      </c>
      <c r="S2451">
        <v>1</v>
      </c>
      <c r="T2451">
        <v>1</v>
      </c>
      <c r="U2451">
        <v>0</v>
      </c>
      <c r="V2451">
        <v>0</v>
      </c>
      <c r="W2451">
        <v>3.4339872044851458</v>
      </c>
      <c r="X2451">
        <v>1</v>
      </c>
      <c r="Y2451">
        <v>1</v>
      </c>
      <c r="Z2451">
        <v>0</v>
      </c>
      <c r="AA2451">
        <v>0</v>
      </c>
      <c r="AB2451">
        <v>3.401197381662155</v>
      </c>
      <c r="AC2451">
        <v>1</v>
      </c>
      <c r="AD2451">
        <v>1</v>
      </c>
      <c r="AE2451">
        <v>0</v>
      </c>
      <c r="AF2451">
        <v>0</v>
      </c>
      <c r="AG2451">
        <v>3.3672958299864728</v>
      </c>
      <c r="AH2451">
        <v>-0.213443940202454</v>
      </c>
      <c r="AI2451">
        <v>0.40385504029471242</v>
      </c>
      <c r="AJ2451">
        <v>2.0457864139152571E-2</v>
      </c>
      <c r="AK2451">
        <v>-0.36665717027288541</v>
      </c>
      <c r="AL2451">
        <v>453.84902244799662</v>
      </c>
      <c r="AM2451">
        <v>712.87240430738927</v>
      </c>
      <c r="AN2451">
        <v>4228</v>
      </c>
      <c r="AO2451">
        <v>88.090057896227307</v>
      </c>
      <c r="AP2451">
        <v>232.3146744767127</v>
      </c>
      <c r="AQ2451">
        <v>1.65625</v>
      </c>
      <c r="AR2451">
        <v>4.375</v>
      </c>
      <c r="AS2451">
        <v>32</v>
      </c>
      <c r="AT2451">
        <v>0.93749999999999978</v>
      </c>
      <c r="AU2451">
        <v>0.1219362745098039</v>
      </c>
      <c r="AV2451">
        <v>-0.23949028519646451</v>
      </c>
      <c r="AW2451">
        <v>0.4375</v>
      </c>
      <c r="AX2451">
        <v>90.290322580645167</v>
      </c>
      <c r="AY2451">
        <v>50.5</v>
      </c>
      <c r="AZ2451">
        <v>93.5</v>
      </c>
      <c r="BA2451">
        <v>0.52767090922447935</v>
      </c>
      <c r="BB2451">
        <v>0.46875</v>
      </c>
      <c r="BC2451">
        <v>3.3276698862269418</v>
      </c>
      <c r="BD2451" t="s">
        <v>9340</v>
      </c>
      <c r="BE2451" t="s">
        <v>62</v>
      </c>
    </row>
    <row r="2452" spans="1:57" x14ac:dyDescent="0.3">
      <c r="A2452" t="s">
        <v>9341</v>
      </c>
      <c r="B2452">
        <v>2279</v>
      </c>
      <c r="C2452" t="s">
        <v>9342</v>
      </c>
      <c r="D2452" t="s">
        <v>9343</v>
      </c>
      <c r="E2452" t="s">
        <v>106</v>
      </c>
      <c r="F2452">
        <v>2309</v>
      </c>
      <c r="G2452">
        <v>126.600692940667</v>
      </c>
      <c r="H2452">
        <v>126</v>
      </c>
      <c r="I2452">
        <v>5347.3910086146798</v>
      </c>
      <c r="J2452">
        <v>73.125857318835443</v>
      </c>
      <c r="K2452">
        <v>2.829435342838443E-2</v>
      </c>
      <c r="L2452">
        <v>-1.182377266558162</v>
      </c>
      <c r="M2452">
        <v>7.9067562770454707</v>
      </c>
      <c r="N2452">
        <v>20</v>
      </c>
      <c r="O2452">
        <v>2</v>
      </c>
      <c r="P2452">
        <v>18</v>
      </c>
      <c r="Q2452">
        <v>3.2481378942824208</v>
      </c>
      <c r="R2452">
        <v>5.4805458208087066</v>
      </c>
      <c r="S2452">
        <v>2</v>
      </c>
      <c r="T2452">
        <v>1</v>
      </c>
      <c r="U2452">
        <v>1</v>
      </c>
      <c r="V2452">
        <v>0.1231302120922794</v>
      </c>
      <c r="W2452">
        <v>7.7231139661725319</v>
      </c>
      <c r="X2452">
        <v>1</v>
      </c>
      <c r="Y2452">
        <v>1</v>
      </c>
      <c r="Z2452">
        <v>0</v>
      </c>
      <c r="AA2452">
        <v>0</v>
      </c>
      <c r="AB2452">
        <v>7.7437032581737526</v>
      </c>
      <c r="AC2452">
        <v>1</v>
      </c>
      <c r="AD2452">
        <v>1</v>
      </c>
      <c r="AE2452">
        <v>0</v>
      </c>
      <c r="AF2452">
        <v>0</v>
      </c>
      <c r="AG2452">
        <v>7.7432697008290043</v>
      </c>
      <c r="AH2452">
        <v>1.028181990028167E-4</v>
      </c>
      <c r="AI2452">
        <v>-9.6671399434036208E-3</v>
      </c>
      <c r="AJ2452">
        <v>-1.0338047943697041E-3</v>
      </c>
      <c r="AK2452">
        <v>-1.6132210800822319E-2</v>
      </c>
      <c r="AL2452">
        <v>3213.802900722405</v>
      </c>
      <c r="AM2452">
        <v>6247.1303744445931</v>
      </c>
      <c r="AN2452">
        <v>292321</v>
      </c>
      <c r="AO2452">
        <v>42.418616812585697</v>
      </c>
      <c r="AP2452">
        <v>2818.1328138100021</v>
      </c>
      <c r="AQ2452">
        <v>1.009961022087484</v>
      </c>
      <c r="AR2452">
        <v>4.0043308791684709</v>
      </c>
      <c r="AS2452">
        <v>2296</v>
      </c>
      <c r="AT2452">
        <v>299.45041143352103</v>
      </c>
      <c r="AU2452">
        <v>1.997299569459654E-2</v>
      </c>
      <c r="AV2452">
        <v>1.0282934645887649E-4</v>
      </c>
      <c r="AW2452">
        <v>0.3798181030749242</v>
      </c>
      <c r="AX2452">
        <v>84.613951473136922</v>
      </c>
      <c r="AY2452">
        <v>62</v>
      </c>
      <c r="AZ2452">
        <v>124</v>
      </c>
      <c r="BA2452">
        <v>0.5776102454123756</v>
      </c>
      <c r="BB2452">
        <v>0.49935036812472933</v>
      </c>
      <c r="BC2452">
        <v>5.2927120188195156</v>
      </c>
      <c r="BD2452" t="s">
        <v>9344</v>
      </c>
      <c r="BE2452" t="s">
        <v>68</v>
      </c>
    </row>
    <row r="2453" spans="1:57" x14ac:dyDescent="0.3">
      <c r="A2453" t="s">
        <v>9345</v>
      </c>
      <c r="B2453">
        <v>2921</v>
      </c>
      <c r="C2453" t="s">
        <v>9346</v>
      </c>
      <c r="D2453" t="s">
        <v>9347</v>
      </c>
      <c r="E2453" t="s">
        <v>115</v>
      </c>
      <c r="F2453">
        <v>2970</v>
      </c>
      <c r="G2453">
        <v>129.05589225589219</v>
      </c>
      <c r="H2453">
        <v>132</v>
      </c>
      <c r="I2453">
        <v>5419.8204450793</v>
      </c>
      <c r="J2453">
        <v>73.619429806806437</v>
      </c>
      <c r="K2453">
        <v>-4.2075199697416417E-2</v>
      </c>
      <c r="L2453">
        <v>-1.193061245253799</v>
      </c>
      <c r="M2453">
        <v>7.9426227589605531</v>
      </c>
      <c r="N2453">
        <v>26</v>
      </c>
      <c r="O2453">
        <v>5</v>
      </c>
      <c r="P2453">
        <v>21</v>
      </c>
      <c r="Q2453">
        <v>3.2949768676872</v>
      </c>
      <c r="R2453">
        <v>5.5054065716247553</v>
      </c>
      <c r="S2453">
        <v>2</v>
      </c>
      <c r="T2453">
        <v>1</v>
      </c>
      <c r="U2453">
        <v>1</v>
      </c>
      <c r="V2453">
        <v>0.13608143332686279</v>
      </c>
      <c r="W2453">
        <v>7.9702997102431832</v>
      </c>
      <c r="X2453">
        <v>1</v>
      </c>
      <c r="Y2453">
        <v>1</v>
      </c>
      <c r="Z2453">
        <v>0</v>
      </c>
      <c r="AA2453">
        <v>0</v>
      </c>
      <c r="AB2453">
        <v>7.9956436042872721</v>
      </c>
      <c r="AC2453">
        <v>1</v>
      </c>
      <c r="AD2453">
        <v>1</v>
      </c>
      <c r="AE2453">
        <v>0</v>
      </c>
      <c r="AF2453">
        <v>0</v>
      </c>
      <c r="AG2453">
        <v>7.9953066202908234</v>
      </c>
      <c r="AH2453">
        <v>-2.7647673421434978E-2</v>
      </c>
      <c r="AI2453">
        <v>-3.3631856413042418E-3</v>
      </c>
      <c r="AJ2453">
        <v>-7.8414877133494102E-3</v>
      </c>
      <c r="AK2453">
        <v>-3.6115409182007757E-2</v>
      </c>
      <c r="AL2453">
        <v>3677.3878263523338</v>
      </c>
      <c r="AM2453">
        <v>7213.895811182445</v>
      </c>
      <c r="AN2453">
        <v>383296</v>
      </c>
      <c r="AO2453">
        <v>147.86103756616239</v>
      </c>
      <c r="AP2453">
        <v>3313.2396578300991</v>
      </c>
      <c r="AQ2453">
        <v>1.0077441077441081</v>
      </c>
      <c r="AR2453">
        <v>3.9915824915824918</v>
      </c>
      <c r="AS2453">
        <v>2957</v>
      </c>
      <c r="AT2453">
        <v>239.5676767676768</v>
      </c>
      <c r="AU2453">
        <v>2.3509605862547019E-2</v>
      </c>
      <c r="AV2453">
        <v>-2.7651310074413311E-2</v>
      </c>
      <c r="AW2453">
        <v>0.35016835016835018</v>
      </c>
      <c r="AX2453">
        <v>86.281239474570569</v>
      </c>
      <c r="AY2453">
        <v>64</v>
      </c>
      <c r="AZ2453">
        <v>128</v>
      </c>
      <c r="BA2453">
        <v>0.57044609525331635</v>
      </c>
      <c r="BB2453">
        <v>0.51111111111111107</v>
      </c>
      <c r="BC2453">
        <v>5.3233850226953976</v>
      </c>
      <c r="BD2453" t="s">
        <v>9348</v>
      </c>
      <c r="BE2453" t="s">
        <v>68</v>
      </c>
    </row>
    <row r="2454" spans="1:57" x14ac:dyDescent="0.3">
      <c r="A2454" t="s">
        <v>9349</v>
      </c>
      <c r="B2454">
        <v>1709</v>
      </c>
      <c r="C2454" t="s">
        <v>9350</v>
      </c>
      <c r="D2454" t="s">
        <v>9351</v>
      </c>
      <c r="E2454" t="s">
        <v>93</v>
      </c>
      <c r="F2454">
        <v>1709</v>
      </c>
      <c r="G2454">
        <v>129.28203627852551</v>
      </c>
      <c r="H2454">
        <v>131</v>
      </c>
      <c r="I2454">
        <v>5171.6676761344361</v>
      </c>
      <c r="J2454">
        <v>71.914307868006603</v>
      </c>
      <c r="K2454">
        <v>-5.7780135321176658E-2</v>
      </c>
      <c r="L2454">
        <v>-1.1172496584255951</v>
      </c>
      <c r="M2454">
        <v>7.8771169792383162</v>
      </c>
      <c r="N2454">
        <v>16</v>
      </c>
      <c r="O2454">
        <v>1</v>
      </c>
      <c r="P2454">
        <v>15</v>
      </c>
      <c r="Q2454">
        <v>2.7585731732452632</v>
      </c>
      <c r="R2454">
        <v>5.4600014250999234</v>
      </c>
      <c r="S2454">
        <v>2</v>
      </c>
      <c r="T2454">
        <v>1</v>
      </c>
      <c r="U2454">
        <v>1</v>
      </c>
      <c r="V2454">
        <v>9.9760491445366389E-2</v>
      </c>
      <c r="W2454">
        <v>7.4292803625575079</v>
      </c>
      <c r="X2454">
        <v>2</v>
      </c>
      <c r="Y2454">
        <v>1</v>
      </c>
      <c r="Z2454">
        <v>1</v>
      </c>
      <c r="AA2454">
        <v>2.4203778220471959E-2</v>
      </c>
      <c r="AB2454">
        <v>7.4416805995600424</v>
      </c>
      <c r="AC2454">
        <v>1</v>
      </c>
      <c r="AD2454">
        <v>1</v>
      </c>
      <c r="AE2454">
        <v>0</v>
      </c>
      <c r="AF2454">
        <v>0</v>
      </c>
      <c r="AG2454">
        <v>7.4419067280516238</v>
      </c>
      <c r="AH2454">
        <v>-3.1119227784051282E-2</v>
      </c>
      <c r="AI2454">
        <v>-2.1667353531468841E-2</v>
      </c>
      <c r="AJ2454">
        <v>4.4991645754067052E-4</v>
      </c>
      <c r="AK2454">
        <v>2.3701898772392829E-2</v>
      </c>
      <c r="AL2454">
        <v>2753.2010743565188</v>
      </c>
      <c r="AM2454">
        <v>5460.9728844009196</v>
      </c>
      <c r="AN2454">
        <v>220943</v>
      </c>
      <c r="AO2454">
        <v>77.239545691770019</v>
      </c>
      <c r="AP2454">
        <v>2511.591540914681</v>
      </c>
      <c r="AQ2454">
        <v>1.0134581626682271</v>
      </c>
      <c r="AR2454">
        <v>4.002340550029257</v>
      </c>
      <c r="AS2454">
        <v>1703</v>
      </c>
      <c r="AT2454">
        <v>291.81451141018141</v>
      </c>
      <c r="AU2454">
        <v>2.9213276884773789E-2</v>
      </c>
      <c r="AV2454">
        <v>-3.1150612799211649E-2</v>
      </c>
      <c r="AW2454">
        <v>0.35868929198361621</v>
      </c>
      <c r="AX2454">
        <v>84.245901639344268</v>
      </c>
      <c r="AY2454">
        <v>60</v>
      </c>
      <c r="AZ2454">
        <v>120</v>
      </c>
      <c r="BA2454">
        <v>0.55625909011112951</v>
      </c>
      <c r="BB2454">
        <v>0.51023990637799888</v>
      </c>
      <c r="BC2454">
        <v>5.2513087466904942</v>
      </c>
      <c r="BD2454" t="s">
        <v>9352</v>
      </c>
      <c r="BE2454" t="s">
        <v>68</v>
      </c>
    </row>
    <row r="2455" spans="1:57" x14ac:dyDescent="0.3">
      <c r="A2455" t="s">
        <v>9353</v>
      </c>
      <c r="B2455">
        <v>1513</v>
      </c>
      <c r="C2455" t="s">
        <v>9354</v>
      </c>
      <c r="D2455" t="s">
        <v>9355</v>
      </c>
      <c r="E2455" t="s">
        <v>93</v>
      </c>
      <c r="F2455">
        <v>1527</v>
      </c>
      <c r="G2455">
        <v>129.14734774066801</v>
      </c>
      <c r="H2455">
        <v>130</v>
      </c>
      <c r="I2455">
        <v>5634.07717534928</v>
      </c>
      <c r="J2455">
        <v>75.060490108640238</v>
      </c>
      <c r="K2455">
        <v>-1.087453895609098E-2</v>
      </c>
      <c r="L2455">
        <v>-1.243084551124751</v>
      </c>
      <c r="M2455">
        <v>7.8734046275178926</v>
      </c>
      <c r="N2455">
        <v>15</v>
      </c>
      <c r="O2455">
        <v>1</v>
      </c>
      <c r="P2455">
        <v>14</v>
      </c>
      <c r="Q2455">
        <v>2.48329071759348</v>
      </c>
      <c r="R2455">
        <v>5.4574282189716481</v>
      </c>
      <c r="S2455">
        <v>2</v>
      </c>
      <c r="T2455">
        <v>1</v>
      </c>
      <c r="U2455">
        <v>1</v>
      </c>
      <c r="V2455">
        <v>8.8674697209185804E-2</v>
      </c>
      <c r="W2455">
        <v>7.319503814509253</v>
      </c>
      <c r="X2455">
        <v>1</v>
      </c>
      <c r="Y2455">
        <v>1</v>
      </c>
      <c r="Z2455">
        <v>0</v>
      </c>
      <c r="AA2455">
        <v>0</v>
      </c>
      <c r="AB2455">
        <v>7.3297496890415141</v>
      </c>
      <c r="AC2455">
        <v>1</v>
      </c>
      <c r="AD2455">
        <v>1</v>
      </c>
      <c r="AE2455">
        <v>0</v>
      </c>
      <c r="AF2455">
        <v>0</v>
      </c>
      <c r="AG2455">
        <v>7.329093736246592</v>
      </c>
      <c r="AH2455">
        <v>-5.8846897008378411E-3</v>
      </c>
      <c r="AI2455">
        <v>7.6777046568955436E-3</v>
      </c>
      <c r="AJ2455">
        <v>-3.5939329014011189E-3</v>
      </c>
      <c r="AK2455">
        <v>2.0892551627816992E-2</v>
      </c>
      <c r="AL2455">
        <v>2735.0107531197568</v>
      </c>
      <c r="AM2455">
        <v>5156.7278559488959</v>
      </c>
      <c r="AN2455">
        <v>197208</v>
      </c>
      <c r="AO2455">
        <v>88.015692702123346</v>
      </c>
      <c r="AP2455">
        <v>2442.3485039511429</v>
      </c>
      <c r="AQ2455">
        <v>1.0150622134905041</v>
      </c>
      <c r="AR2455">
        <v>4.0615586116568432</v>
      </c>
      <c r="AS2455">
        <v>1519</v>
      </c>
      <c r="AT2455">
        <v>264.66470203012437</v>
      </c>
      <c r="AU2455">
        <v>2.3899225702068701E-2</v>
      </c>
      <c r="AV2455">
        <v>-5.886870824929928E-3</v>
      </c>
      <c r="AW2455">
        <v>0.36018336607727569</v>
      </c>
      <c r="AX2455">
        <v>86.916120576671034</v>
      </c>
      <c r="AY2455">
        <v>67</v>
      </c>
      <c r="AZ2455">
        <v>133.5</v>
      </c>
      <c r="BA2455">
        <v>0.58120039955728797</v>
      </c>
      <c r="BB2455">
        <v>0.50294695481335949</v>
      </c>
      <c r="BC2455">
        <v>5.2843374442476074</v>
      </c>
      <c r="BD2455" t="s">
        <v>9356</v>
      </c>
      <c r="BE2455" t="s">
        <v>68</v>
      </c>
    </row>
    <row r="2456" spans="1:57" x14ac:dyDescent="0.3">
      <c r="A2456" t="s">
        <v>9357</v>
      </c>
      <c r="B2456">
        <v>1850</v>
      </c>
      <c r="C2456" t="s">
        <v>9358</v>
      </c>
      <c r="D2456" t="s">
        <v>9359</v>
      </c>
      <c r="E2456" t="s">
        <v>106</v>
      </c>
      <c r="F2456">
        <v>1930</v>
      </c>
      <c r="G2456">
        <v>129.32590673575129</v>
      </c>
      <c r="H2456">
        <v>127.5</v>
      </c>
      <c r="I2456">
        <v>5534.5606241778314</v>
      </c>
      <c r="J2456">
        <v>74.394627656691924</v>
      </c>
      <c r="K2456">
        <v>-1.845824724615636E-2</v>
      </c>
      <c r="L2456">
        <v>-1.2177092749196641</v>
      </c>
      <c r="M2456">
        <v>7.9045372858338929</v>
      </c>
      <c r="N2456">
        <v>18</v>
      </c>
      <c r="O2456">
        <v>2</v>
      </c>
      <c r="P2456">
        <v>16</v>
      </c>
      <c r="Q2456">
        <v>2.772358945211415</v>
      </c>
      <c r="R2456">
        <v>5.4790077333067213</v>
      </c>
      <c r="S2456">
        <v>2</v>
      </c>
      <c r="T2456">
        <v>1</v>
      </c>
      <c r="U2456">
        <v>1</v>
      </c>
      <c r="V2456">
        <v>0.14396817298807871</v>
      </c>
      <c r="W2456">
        <v>7.5360106290566868</v>
      </c>
      <c r="X2456">
        <v>1</v>
      </c>
      <c r="Y2456">
        <v>1</v>
      </c>
      <c r="Z2456">
        <v>0</v>
      </c>
      <c r="AA2456">
        <v>0</v>
      </c>
      <c r="AB2456">
        <v>7.5642384751704927</v>
      </c>
      <c r="AC2456">
        <v>1</v>
      </c>
      <c r="AD2456">
        <v>1</v>
      </c>
      <c r="AE2456">
        <v>0</v>
      </c>
      <c r="AF2456">
        <v>0</v>
      </c>
      <c r="AG2456">
        <v>7.5637196684143646</v>
      </c>
      <c r="AH2456">
        <v>3.6508163361403327E-2</v>
      </c>
      <c r="AI2456">
        <v>-1.157066958999573E-2</v>
      </c>
      <c r="AJ2456">
        <v>-5.2225357334389107E-2</v>
      </c>
      <c r="AK2456">
        <v>3.0622823353103321E-2</v>
      </c>
      <c r="AL2456">
        <v>3016.2125439916681</v>
      </c>
      <c r="AM2456">
        <v>5819.2594794756596</v>
      </c>
      <c r="AN2456">
        <v>249599</v>
      </c>
      <c r="AO2456">
        <v>24.355288635467449</v>
      </c>
      <c r="AP2456">
        <v>2661.5564340313449</v>
      </c>
      <c r="AQ2456">
        <v>1.0119170984455961</v>
      </c>
      <c r="AR2456">
        <v>4.043523316062176</v>
      </c>
      <c r="AS2456">
        <v>1918</v>
      </c>
      <c r="AT2456">
        <v>260.98860103626942</v>
      </c>
      <c r="AU2456">
        <v>2.635375393680783E-2</v>
      </c>
      <c r="AV2456">
        <v>3.6526312696772437E-2</v>
      </c>
      <c r="AW2456">
        <v>0.37512953367875651</v>
      </c>
      <c r="AX2456">
        <v>84.181959564541216</v>
      </c>
      <c r="AY2456">
        <v>65.5</v>
      </c>
      <c r="AZ2456">
        <v>132</v>
      </c>
      <c r="BA2456">
        <v>0.57524922526698996</v>
      </c>
      <c r="BB2456">
        <v>0.4917098445595855</v>
      </c>
      <c r="BC2456">
        <v>5.2793072355000863</v>
      </c>
      <c r="BD2456" t="s">
        <v>9360</v>
      </c>
      <c r="BE2456" t="s">
        <v>68</v>
      </c>
    </row>
    <row r="2457" spans="1:57" x14ac:dyDescent="0.3">
      <c r="A2457" t="s">
        <v>9361</v>
      </c>
      <c r="B2457">
        <v>3596</v>
      </c>
      <c r="C2457" t="s">
        <v>9362</v>
      </c>
      <c r="D2457" t="s">
        <v>9363</v>
      </c>
      <c r="E2457" t="s">
        <v>93</v>
      </c>
      <c r="F2457">
        <v>3598</v>
      </c>
      <c r="G2457">
        <v>128.78849360755979</v>
      </c>
      <c r="H2457">
        <v>129</v>
      </c>
      <c r="I2457">
        <v>5294.0589337507927</v>
      </c>
      <c r="J2457">
        <v>72.760284041163501</v>
      </c>
      <c r="K2457">
        <v>-1.226403078631624E-2</v>
      </c>
      <c r="L2457">
        <v>-1.186990163895175</v>
      </c>
      <c r="M2457">
        <v>7.9472279761309101</v>
      </c>
      <c r="N2457">
        <v>26</v>
      </c>
      <c r="O2457">
        <v>5</v>
      </c>
      <c r="P2457">
        <v>21</v>
      </c>
      <c r="Q2457">
        <v>3.8115953716709949</v>
      </c>
      <c r="R2457">
        <v>5.5085986649222498</v>
      </c>
      <c r="S2457">
        <v>3</v>
      </c>
      <c r="T2457">
        <v>1</v>
      </c>
      <c r="U2457">
        <v>2</v>
      </c>
      <c r="V2457">
        <v>0.18036109957219981</v>
      </c>
      <c r="W2457">
        <v>8.14401397605757</v>
      </c>
      <c r="X2457">
        <v>1</v>
      </c>
      <c r="Y2457">
        <v>1</v>
      </c>
      <c r="Z2457">
        <v>0</v>
      </c>
      <c r="AA2457">
        <v>0</v>
      </c>
      <c r="AB2457">
        <v>8.1875773955915108</v>
      </c>
      <c r="AC2457">
        <v>1</v>
      </c>
      <c r="AD2457">
        <v>1</v>
      </c>
      <c r="AE2457">
        <v>0</v>
      </c>
      <c r="AF2457">
        <v>0</v>
      </c>
      <c r="AG2457">
        <v>8.1872992701551457</v>
      </c>
      <c r="AH2457">
        <v>2.1050139182291431E-2</v>
      </c>
      <c r="AI2457">
        <v>5.8252920583492878E-4</v>
      </c>
      <c r="AJ2457">
        <v>-2.7607162621053869E-2</v>
      </c>
      <c r="AK2457">
        <v>-8.3901666189252298E-3</v>
      </c>
      <c r="AL2457">
        <v>3994.896189547489</v>
      </c>
      <c r="AM2457">
        <v>7922.560787696043</v>
      </c>
      <c r="AN2457">
        <v>463381</v>
      </c>
      <c r="AO2457">
        <v>107.4726129094998</v>
      </c>
      <c r="AP2457">
        <v>3622.5311398272001</v>
      </c>
      <c r="AQ2457">
        <v>1.0063924402445801</v>
      </c>
      <c r="AR2457">
        <v>4.0025013896609227</v>
      </c>
      <c r="AS2457">
        <v>3580</v>
      </c>
      <c r="AT2457">
        <v>264.62590327959981</v>
      </c>
      <c r="AU2457">
        <v>1.7991476746340551E-2</v>
      </c>
      <c r="AV2457">
        <v>2.106048426007355E-2</v>
      </c>
      <c r="AW2457">
        <v>0.38215675375208452</v>
      </c>
      <c r="AX2457">
        <v>83.055601890464274</v>
      </c>
      <c r="AY2457">
        <v>63</v>
      </c>
      <c r="AZ2457">
        <v>126</v>
      </c>
      <c r="BA2457">
        <v>0.56495950843928922</v>
      </c>
      <c r="BB2457">
        <v>0.50166759310728182</v>
      </c>
      <c r="BC2457">
        <v>5.2944450443301543</v>
      </c>
      <c r="BD2457" t="s">
        <v>9364</v>
      </c>
      <c r="BE2457" t="s">
        <v>68</v>
      </c>
    </row>
    <row r="2458" spans="1:57" x14ac:dyDescent="0.3">
      <c r="A2458" t="s">
        <v>9365</v>
      </c>
      <c r="B2458">
        <v>1459</v>
      </c>
      <c r="C2458" t="s">
        <v>9366</v>
      </c>
      <c r="D2458" t="s">
        <v>9367</v>
      </c>
      <c r="E2458" t="s">
        <v>128</v>
      </c>
      <c r="F2458">
        <v>32</v>
      </c>
      <c r="G2458">
        <v>122</v>
      </c>
      <c r="H2458">
        <v>122.5</v>
      </c>
      <c r="I2458">
        <v>4523</v>
      </c>
      <c r="J2458">
        <v>67.253252709441497</v>
      </c>
      <c r="K2458">
        <v>0.120271008311416</v>
      </c>
      <c r="L2458">
        <v>-0.8380095232909115</v>
      </c>
      <c r="M2458">
        <v>4.8125</v>
      </c>
      <c r="N2458">
        <v>2</v>
      </c>
      <c r="O2458">
        <v>1</v>
      </c>
      <c r="P2458">
        <v>1</v>
      </c>
      <c r="Q2458">
        <v>0.3045434781492361</v>
      </c>
      <c r="R2458">
        <v>3.335770806444736</v>
      </c>
      <c r="S2458">
        <v>1</v>
      </c>
      <c r="T2458">
        <v>1</v>
      </c>
      <c r="U2458">
        <v>0</v>
      </c>
      <c r="V2458">
        <v>0</v>
      </c>
      <c r="W2458">
        <v>3.4339872044851458</v>
      </c>
      <c r="X2458">
        <v>1</v>
      </c>
      <c r="Y2458">
        <v>1</v>
      </c>
      <c r="Z2458">
        <v>0</v>
      </c>
      <c r="AA2458">
        <v>0</v>
      </c>
      <c r="AB2458">
        <v>3.401197381662155</v>
      </c>
      <c r="AC2458">
        <v>1</v>
      </c>
      <c r="AD2458">
        <v>1</v>
      </c>
      <c r="AE2458">
        <v>0</v>
      </c>
      <c r="AF2458">
        <v>0</v>
      </c>
      <c r="AG2458">
        <v>3.3672958299864728</v>
      </c>
      <c r="AH2458">
        <v>1.7991377404377621E-2</v>
      </c>
      <c r="AI2458">
        <v>-7.4128067654211802E-2</v>
      </c>
      <c r="AJ2458">
        <v>-0.20895285208932121</v>
      </c>
      <c r="AK2458">
        <v>6.6438204731372977E-2</v>
      </c>
      <c r="AL2458">
        <v>444.34921099961451</v>
      </c>
      <c r="AM2458">
        <v>650.82853247535184</v>
      </c>
      <c r="AN2458">
        <v>3904</v>
      </c>
      <c r="AO2458">
        <v>45.784960228980268</v>
      </c>
      <c r="AP2458">
        <v>296.81216183042892</v>
      </c>
      <c r="AQ2458">
        <v>1.65625</v>
      </c>
      <c r="AR2458">
        <v>3.8125</v>
      </c>
      <c r="AS2458">
        <v>32</v>
      </c>
      <c r="AT2458">
        <v>2.4375</v>
      </c>
      <c r="AU2458">
        <v>0.1596948818897638</v>
      </c>
      <c r="AV2458">
        <v>1.8136594575444569E-2</v>
      </c>
      <c r="AW2458">
        <v>0.40625</v>
      </c>
      <c r="AX2458">
        <v>80.290322580645167</v>
      </c>
      <c r="AY2458">
        <v>53</v>
      </c>
      <c r="AZ2458">
        <v>97</v>
      </c>
      <c r="BA2458">
        <v>0.55125616974952052</v>
      </c>
      <c r="BB2458">
        <v>0.5</v>
      </c>
      <c r="BC2458">
        <v>3.2998296856670919</v>
      </c>
      <c r="BD2458" t="s">
        <v>9368</v>
      </c>
      <c r="BE2458" t="s">
        <v>62</v>
      </c>
    </row>
    <row r="2459" spans="1:57" x14ac:dyDescent="0.3">
      <c r="A2459" t="s">
        <v>9369</v>
      </c>
      <c r="B2459">
        <v>147</v>
      </c>
      <c r="C2459" t="s">
        <v>9370</v>
      </c>
      <c r="D2459" t="s">
        <v>9371</v>
      </c>
      <c r="E2459" t="s">
        <v>60</v>
      </c>
      <c r="F2459">
        <v>512</v>
      </c>
      <c r="G2459">
        <v>123.244140625</v>
      </c>
      <c r="H2459">
        <v>121</v>
      </c>
      <c r="I2459">
        <v>5766.8290672302246</v>
      </c>
      <c r="J2459">
        <v>75.939640947467112</v>
      </c>
      <c r="K2459">
        <v>7.931333620171592E-2</v>
      </c>
      <c r="L2459">
        <v>-1.2714062031443609</v>
      </c>
      <c r="M2459">
        <v>7.5827827785871911</v>
      </c>
      <c r="N2459">
        <v>6</v>
      </c>
      <c r="O2459">
        <v>1</v>
      </c>
      <c r="P2459">
        <v>5</v>
      </c>
      <c r="Q2459">
        <v>1.210482505846769</v>
      </c>
      <c r="R2459">
        <v>5.2559845037762178</v>
      </c>
      <c r="S2459">
        <v>2</v>
      </c>
      <c r="T2459">
        <v>1</v>
      </c>
      <c r="U2459">
        <v>1</v>
      </c>
      <c r="V2459">
        <v>4.4237310481092057E-2</v>
      </c>
      <c r="W2459">
        <v>6.2336566853874222</v>
      </c>
      <c r="X2459">
        <v>1</v>
      </c>
      <c r="Y2459">
        <v>1</v>
      </c>
      <c r="Z2459">
        <v>0</v>
      </c>
      <c r="AA2459">
        <v>0</v>
      </c>
      <c r="AB2459">
        <v>6.2344107257183694</v>
      </c>
      <c r="AC2459">
        <v>1</v>
      </c>
      <c r="AD2459">
        <v>1</v>
      </c>
      <c r="AE2459">
        <v>0</v>
      </c>
      <c r="AF2459">
        <v>0</v>
      </c>
      <c r="AG2459">
        <v>6.2324480165505216</v>
      </c>
      <c r="AH2459">
        <v>-4.9422618544950468E-2</v>
      </c>
      <c r="AI2459">
        <v>-4.8905259958693353E-2</v>
      </c>
      <c r="AJ2459">
        <v>-5.6543631180058403E-2</v>
      </c>
      <c r="AK2459">
        <v>-5.7672954726175896E-3</v>
      </c>
      <c r="AL2459">
        <v>1640.732151920231</v>
      </c>
      <c r="AM2459">
        <v>2835.0384487084489</v>
      </c>
      <c r="AN2459">
        <v>63101</v>
      </c>
      <c r="AO2459">
        <v>74.749328377746011</v>
      </c>
      <c r="AP2459">
        <v>1431.651357258394</v>
      </c>
      <c r="AQ2459">
        <v>1.044921875</v>
      </c>
      <c r="AR2459">
        <v>4.017578125</v>
      </c>
      <c r="AS2459">
        <v>510</v>
      </c>
      <c r="AT2459">
        <v>134.76171875</v>
      </c>
      <c r="AU2459">
        <v>5.1600796568627427E-2</v>
      </c>
      <c r="AV2459">
        <v>-4.9487104869626319E-2</v>
      </c>
      <c r="AW2459">
        <v>0.390625</v>
      </c>
      <c r="AX2459">
        <v>90.348336594911942</v>
      </c>
      <c r="AY2459">
        <v>67</v>
      </c>
      <c r="AZ2459">
        <v>134.5</v>
      </c>
      <c r="BA2459">
        <v>0.61617242460663324</v>
      </c>
      <c r="BB2459">
        <v>0.48046875</v>
      </c>
      <c r="BC2459">
        <v>5.1373742464218566</v>
      </c>
      <c r="BD2459" t="s">
        <v>9372</v>
      </c>
      <c r="BE2459" t="s">
        <v>62</v>
      </c>
    </row>
    <row r="2460" spans="1:57" x14ac:dyDescent="0.3">
      <c r="A2460" t="s">
        <v>9373</v>
      </c>
      <c r="B2460">
        <v>1803</v>
      </c>
      <c r="C2460" t="s">
        <v>9374</v>
      </c>
      <c r="D2460" t="s">
        <v>9375</v>
      </c>
      <c r="E2460" t="s">
        <v>10622</v>
      </c>
      <c r="F2460">
        <v>64</v>
      </c>
      <c r="G2460">
        <v>128.15625</v>
      </c>
      <c r="H2460">
        <v>124</v>
      </c>
      <c r="I2460">
        <v>5764.3193359375</v>
      </c>
      <c r="J2460">
        <v>75.923114635382944</v>
      </c>
      <c r="K2460">
        <v>2.4188271010180049E-2</v>
      </c>
      <c r="L2460">
        <v>-1.21480223413743</v>
      </c>
      <c r="M2460">
        <v>5.71875</v>
      </c>
      <c r="N2460">
        <v>2</v>
      </c>
      <c r="O2460">
        <v>1</v>
      </c>
      <c r="P2460">
        <v>1</v>
      </c>
      <c r="Q2460">
        <v>0.36994527180683268</v>
      </c>
      <c r="R2460">
        <v>3.9639354388271881</v>
      </c>
      <c r="S2460">
        <v>1</v>
      </c>
      <c r="T2460">
        <v>1</v>
      </c>
      <c r="U2460">
        <v>0</v>
      </c>
      <c r="V2460">
        <v>0</v>
      </c>
      <c r="W2460">
        <v>4.1431347263915326</v>
      </c>
      <c r="X2460">
        <v>1</v>
      </c>
      <c r="Y2460">
        <v>1</v>
      </c>
      <c r="Z2460">
        <v>0</v>
      </c>
      <c r="AA2460">
        <v>0</v>
      </c>
      <c r="AB2460">
        <v>4.1271343850450908</v>
      </c>
      <c r="AC2460">
        <v>1</v>
      </c>
      <c r="AD2460">
        <v>1</v>
      </c>
      <c r="AE2460">
        <v>0</v>
      </c>
      <c r="AF2460">
        <v>0</v>
      </c>
      <c r="AG2460">
        <v>4.1108738641733096</v>
      </c>
      <c r="AH2460">
        <v>-8.6916683304637241E-2</v>
      </c>
      <c r="AI2460">
        <v>0.1020850620728305</v>
      </c>
      <c r="AJ2460">
        <v>-0.15917882371482159</v>
      </c>
      <c r="AK2460">
        <v>5.4272130011488028E-2</v>
      </c>
      <c r="AL2460">
        <v>665.63145507726381</v>
      </c>
      <c r="AM2460">
        <v>988.42742071015243</v>
      </c>
      <c r="AN2460">
        <v>8202</v>
      </c>
      <c r="AO2460">
        <v>121.5917793835432</v>
      </c>
      <c r="AP2460">
        <v>541.81663094192709</v>
      </c>
      <c r="AQ2460">
        <v>1.359375</v>
      </c>
      <c r="AR2460">
        <v>4</v>
      </c>
      <c r="AS2460">
        <v>63</v>
      </c>
      <c r="AT2460">
        <v>6.4687500000000044</v>
      </c>
      <c r="AU2460">
        <v>6.4970355731225296E-2</v>
      </c>
      <c r="AV2460">
        <v>-8.7327100868028293E-2</v>
      </c>
      <c r="AW2460">
        <v>0.359375</v>
      </c>
      <c r="AX2460">
        <v>91.349206349206355</v>
      </c>
      <c r="AY2460">
        <v>60</v>
      </c>
      <c r="AZ2460">
        <v>122</v>
      </c>
      <c r="BA2460">
        <v>0.59242615662820142</v>
      </c>
      <c r="BB2460">
        <v>0.484375</v>
      </c>
      <c r="BC2460">
        <v>3.9587918211102049</v>
      </c>
      <c r="BD2460" t="s">
        <v>9376</v>
      </c>
      <c r="BE2460" t="s">
        <v>62</v>
      </c>
    </row>
    <row r="2461" spans="1:57" x14ac:dyDescent="0.3">
      <c r="A2461" t="s">
        <v>9377</v>
      </c>
      <c r="B2461">
        <v>3652</v>
      </c>
      <c r="C2461" t="s">
        <v>9378</v>
      </c>
      <c r="D2461" t="s">
        <v>9379</v>
      </c>
      <c r="E2461" t="s">
        <v>72</v>
      </c>
      <c r="F2461">
        <v>3704</v>
      </c>
      <c r="G2461">
        <v>125.9892008639309</v>
      </c>
      <c r="H2461">
        <v>127</v>
      </c>
      <c r="I2461">
        <v>5343.5446997933477</v>
      </c>
      <c r="J2461">
        <v>73.099553348795141</v>
      </c>
      <c r="K2461">
        <v>3.2771418229918079E-3</v>
      </c>
      <c r="L2461">
        <v>-1.178268863522536</v>
      </c>
      <c r="M2461">
        <v>7.9488467697198093</v>
      </c>
      <c r="N2461">
        <v>25</v>
      </c>
      <c r="O2461">
        <v>5</v>
      </c>
      <c r="P2461">
        <v>20</v>
      </c>
      <c r="Q2461">
        <v>3.794398626594206</v>
      </c>
      <c r="R2461">
        <v>5.5097207271343063</v>
      </c>
      <c r="S2461">
        <v>3</v>
      </c>
      <c r="T2461">
        <v>1</v>
      </c>
      <c r="U2461">
        <v>2</v>
      </c>
      <c r="V2461">
        <v>0.17163677373676489</v>
      </c>
      <c r="W2461">
        <v>8.1779144967584294</v>
      </c>
      <c r="X2461">
        <v>2</v>
      </c>
      <c r="Y2461">
        <v>1</v>
      </c>
      <c r="Z2461">
        <v>1</v>
      </c>
      <c r="AA2461">
        <v>2.3243243243243238E-2</v>
      </c>
      <c r="AB2461">
        <v>8.2158795496644466</v>
      </c>
      <c r="AC2461">
        <v>1</v>
      </c>
      <c r="AD2461">
        <v>1</v>
      </c>
      <c r="AE2461">
        <v>0</v>
      </c>
      <c r="AF2461">
        <v>0</v>
      </c>
      <c r="AG2461">
        <v>8.2163583323861538</v>
      </c>
      <c r="AH2461">
        <v>-1.5607653587932E-3</v>
      </c>
      <c r="AI2461">
        <v>8.717566021539622E-3</v>
      </c>
      <c r="AJ2461">
        <v>-3.0870557608031761E-3</v>
      </c>
      <c r="AK2461">
        <v>-2.1121160938381959E-2</v>
      </c>
      <c r="AL2461">
        <v>4092.2519243047491</v>
      </c>
      <c r="AM2461">
        <v>7863.8786987099465</v>
      </c>
      <c r="AN2461">
        <v>466663.99999999988</v>
      </c>
      <c r="AO2461">
        <v>32.862964572447432</v>
      </c>
      <c r="AP2461">
        <v>3696.8224767344982</v>
      </c>
      <c r="AQ2461">
        <v>1.0062095032397409</v>
      </c>
      <c r="AR2461">
        <v>3.9665226781857452</v>
      </c>
      <c r="AS2461">
        <v>3687</v>
      </c>
      <c r="AT2461">
        <v>254.73866090712741</v>
      </c>
      <c r="AU2461">
        <v>1.799856011519085E-2</v>
      </c>
      <c r="AV2461">
        <v>-1.560784211592493E-3</v>
      </c>
      <c r="AW2461">
        <v>0.37203023758099352</v>
      </c>
      <c r="AX2461">
        <v>84.391574399135834</v>
      </c>
      <c r="AY2461">
        <v>62</v>
      </c>
      <c r="AZ2461">
        <v>125.25</v>
      </c>
      <c r="BA2461">
        <v>0.58020491317936929</v>
      </c>
      <c r="BB2461">
        <v>0.5032397408207343</v>
      </c>
      <c r="BC2461">
        <v>5.3110264735055326</v>
      </c>
      <c r="BD2461" t="s">
        <v>9380</v>
      </c>
      <c r="BE2461" t="s">
        <v>68</v>
      </c>
    </row>
    <row r="2462" spans="1:57" x14ac:dyDescent="0.3">
      <c r="A2462" t="s">
        <v>9381</v>
      </c>
      <c r="B2462">
        <v>148</v>
      </c>
      <c r="C2462" t="s">
        <v>9382</v>
      </c>
      <c r="D2462" t="s">
        <v>9383</v>
      </c>
      <c r="E2462" t="s">
        <v>60</v>
      </c>
      <c r="F2462">
        <v>512</v>
      </c>
      <c r="G2462">
        <v>120.9765625</v>
      </c>
      <c r="H2462">
        <v>118</v>
      </c>
      <c r="I2462">
        <v>5455.0775756835938</v>
      </c>
      <c r="J2462">
        <v>73.858496976878655</v>
      </c>
      <c r="K2462">
        <v>9.1922771395087713E-2</v>
      </c>
      <c r="L2462">
        <v>-1.2644945680309121</v>
      </c>
      <c r="M2462">
        <v>7.6224563428033516</v>
      </c>
      <c r="N2462">
        <v>6</v>
      </c>
      <c r="O2462">
        <v>1</v>
      </c>
      <c r="P2462">
        <v>5</v>
      </c>
      <c r="Q2462">
        <v>1.1684690986874511</v>
      </c>
      <c r="R2462">
        <v>5.2834841229554126</v>
      </c>
      <c r="S2462">
        <v>2</v>
      </c>
      <c r="T2462">
        <v>1</v>
      </c>
      <c r="U2462">
        <v>1</v>
      </c>
      <c r="V2462">
        <v>4.4237310481092071E-2</v>
      </c>
      <c r="W2462">
        <v>6.2336566853874231</v>
      </c>
      <c r="X2462">
        <v>1</v>
      </c>
      <c r="Y2462">
        <v>1</v>
      </c>
      <c r="Z2462">
        <v>0</v>
      </c>
      <c r="AA2462">
        <v>0</v>
      </c>
      <c r="AB2462">
        <v>6.2344107257183694</v>
      </c>
      <c r="AC2462">
        <v>1</v>
      </c>
      <c r="AD2462">
        <v>1</v>
      </c>
      <c r="AE2462">
        <v>0</v>
      </c>
      <c r="AF2462">
        <v>0</v>
      </c>
      <c r="AG2462">
        <v>6.2324480165505216</v>
      </c>
      <c r="AH2462">
        <v>-6.3691183863698363E-3</v>
      </c>
      <c r="AI2462">
        <v>-4.9767994014816012E-2</v>
      </c>
      <c r="AJ2462">
        <v>-3.9376341996483433E-2</v>
      </c>
      <c r="AK2462">
        <v>1.653786688851931E-3</v>
      </c>
      <c r="AL2462">
        <v>1616.5453642990301</v>
      </c>
      <c r="AM2462">
        <v>2770.0305206194598</v>
      </c>
      <c r="AN2462">
        <v>61940</v>
      </c>
      <c r="AO2462">
        <v>151.60688120581841</v>
      </c>
      <c r="AP2462">
        <v>1404.2062280795669</v>
      </c>
      <c r="AQ2462">
        <v>1.044921875</v>
      </c>
      <c r="AR2462">
        <v>3.98828125</v>
      </c>
      <c r="AS2462">
        <v>511</v>
      </c>
      <c r="AT2462">
        <v>132.609375</v>
      </c>
      <c r="AU2462">
        <v>6.0793910573122563E-2</v>
      </c>
      <c r="AV2462">
        <v>-6.3729768971442944E-3</v>
      </c>
      <c r="AW2462">
        <v>0.3984375</v>
      </c>
      <c r="AX2462">
        <v>85.555772994129157</v>
      </c>
      <c r="AY2462">
        <v>64</v>
      </c>
      <c r="AZ2462">
        <v>129.25</v>
      </c>
      <c r="BA2462">
        <v>0.61051905799421813</v>
      </c>
      <c r="BB2462">
        <v>0.48828125</v>
      </c>
      <c r="BC2462">
        <v>5.0973239209529506</v>
      </c>
      <c r="BD2462" t="s">
        <v>9384</v>
      </c>
      <c r="BE2462" t="s">
        <v>62</v>
      </c>
    </row>
    <row r="2463" spans="1:57" x14ac:dyDescent="0.3">
      <c r="A2463" t="s">
        <v>9385</v>
      </c>
      <c r="B2463">
        <v>3255</v>
      </c>
      <c r="C2463" t="s">
        <v>9386</v>
      </c>
      <c r="D2463" t="s">
        <v>9387</v>
      </c>
      <c r="E2463" t="s">
        <v>93</v>
      </c>
      <c r="F2463">
        <v>3263</v>
      </c>
      <c r="G2463">
        <v>128.2310756972112</v>
      </c>
      <c r="H2463">
        <v>130</v>
      </c>
      <c r="I2463">
        <v>5417.4305145339576</v>
      </c>
      <c r="J2463">
        <v>73.603196360850788</v>
      </c>
      <c r="K2463">
        <v>-2.8692260162069421E-2</v>
      </c>
      <c r="L2463">
        <v>-1.1972788280447271</v>
      </c>
      <c r="M2463">
        <v>7.9415468001778491</v>
      </c>
      <c r="N2463">
        <v>23</v>
      </c>
      <c r="O2463">
        <v>4</v>
      </c>
      <c r="P2463">
        <v>19</v>
      </c>
      <c r="Q2463">
        <v>3.5993142216554168</v>
      </c>
      <c r="R2463">
        <v>5.5046607738281326</v>
      </c>
      <c r="S2463">
        <v>3</v>
      </c>
      <c r="T2463">
        <v>1</v>
      </c>
      <c r="U2463">
        <v>2</v>
      </c>
      <c r="V2463">
        <v>0.15665511479664879</v>
      </c>
      <c r="W2463">
        <v>8.0574762651758576</v>
      </c>
      <c r="X2463">
        <v>2</v>
      </c>
      <c r="Y2463">
        <v>1</v>
      </c>
      <c r="Z2463">
        <v>1</v>
      </c>
      <c r="AA2463">
        <v>1.751154966403937E-2</v>
      </c>
      <c r="AB2463">
        <v>8.0893640625231047</v>
      </c>
      <c r="AC2463">
        <v>1</v>
      </c>
      <c r="AD2463">
        <v>1</v>
      </c>
      <c r="AE2463">
        <v>0</v>
      </c>
      <c r="AF2463">
        <v>0</v>
      </c>
      <c r="AG2463">
        <v>8.0894824743607536</v>
      </c>
      <c r="AH2463">
        <v>-3.8249562499839398E-3</v>
      </c>
      <c r="AI2463">
        <v>-3.8466453582128909E-3</v>
      </c>
      <c r="AJ2463">
        <v>4.5384347491170618E-3</v>
      </c>
      <c r="AK2463">
        <v>6.7308729596753823E-3</v>
      </c>
      <c r="AL2463">
        <v>3843.9955294396882</v>
      </c>
      <c r="AM2463">
        <v>7520.3034759009324</v>
      </c>
      <c r="AN2463">
        <v>418417.99999999988</v>
      </c>
      <c r="AO2463">
        <v>155.88095031616791</v>
      </c>
      <c r="AP2463">
        <v>3501.556189769477</v>
      </c>
      <c r="AQ2463">
        <v>1.0070487281642659</v>
      </c>
      <c r="AR2463">
        <v>3.979160281949127</v>
      </c>
      <c r="AS2463">
        <v>3249</v>
      </c>
      <c r="AT2463">
        <v>260.19705792215751</v>
      </c>
      <c r="AU2463">
        <v>1.5630990367339059E-2</v>
      </c>
      <c r="AV2463">
        <v>-3.826625577018006E-3</v>
      </c>
      <c r="AW2463">
        <v>0.36224333435488809</v>
      </c>
      <c r="AX2463">
        <v>84.874310239117108</v>
      </c>
      <c r="AY2463">
        <v>63</v>
      </c>
      <c r="AZ2463">
        <v>126</v>
      </c>
      <c r="BA2463">
        <v>0.57398876177759106</v>
      </c>
      <c r="BB2463">
        <v>0.50566962917560532</v>
      </c>
      <c r="BC2463">
        <v>5.3093439895930832</v>
      </c>
      <c r="BD2463" t="s">
        <v>9388</v>
      </c>
      <c r="BE2463" t="s">
        <v>68</v>
      </c>
    </row>
    <row r="2464" spans="1:57" x14ac:dyDescent="0.3">
      <c r="A2464" t="s">
        <v>9389</v>
      </c>
      <c r="B2464">
        <v>1048</v>
      </c>
      <c r="C2464" t="s">
        <v>9390</v>
      </c>
      <c r="D2464" t="s">
        <v>9391</v>
      </c>
      <c r="E2464" t="s">
        <v>10622</v>
      </c>
      <c r="F2464">
        <v>64</v>
      </c>
      <c r="G2464">
        <v>115.140625</v>
      </c>
      <c r="H2464">
        <v>102</v>
      </c>
      <c r="I2464">
        <v>5133.402099609375</v>
      </c>
      <c r="J2464">
        <v>71.647764093580577</v>
      </c>
      <c r="K2464">
        <v>7.7025847346220949E-2</v>
      </c>
      <c r="L2464">
        <v>-1.204143870728595</v>
      </c>
      <c r="M2464">
        <v>5.675704882778696</v>
      </c>
      <c r="N2464">
        <v>3</v>
      </c>
      <c r="O2464">
        <v>1</v>
      </c>
      <c r="P2464">
        <v>2</v>
      </c>
      <c r="Q2464">
        <v>0.43350740410072691</v>
      </c>
      <c r="R2464">
        <v>3.9340988371883689</v>
      </c>
      <c r="S2464">
        <v>1</v>
      </c>
      <c r="T2464">
        <v>1</v>
      </c>
      <c r="U2464">
        <v>0</v>
      </c>
      <c r="V2464">
        <v>0</v>
      </c>
      <c r="W2464">
        <v>4.1431347263915326</v>
      </c>
      <c r="X2464">
        <v>1</v>
      </c>
      <c r="Y2464">
        <v>1</v>
      </c>
      <c r="Z2464">
        <v>0</v>
      </c>
      <c r="AA2464">
        <v>0</v>
      </c>
      <c r="AB2464">
        <v>4.1271343850450908</v>
      </c>
      <c r="AC2464">
        <v>1</v>
      </c>
      <c r="AD2464">
        <v>1</v>
      </c>
      <c r="AE2464">
        <v>0</v>
      </c>
      <c r="AF2464">
        <v>0</v>
      </c>
      <c r="AG2464">
        <v>4.1108738641733096</v>
      </c>
      <c r="AH2464">
        <v>-0.32436776624189151</v>
      </c>
      <c r="AI2464">
        <v>-0.11425345363201481</v>
      </c>
      <c r="AJ2464">
        <v>2.6617646035950491E-2</v>
      </c>
      <c r="AK2464">
        <v>4.5484422510922572E-2</v>
      </c>
      <c r="AL2464">
        <v>607.67123624187252</v>
      </c>
      <c r="AM2464">
        <v>898.74616474523805</v>
      </c>
      <c r="AN2464">
        <v>7369</v>
      </c>
      <c r="AO2464">
        <v>76.795168597921631</v>
      </c>
      <c r="AP2464">
        <v>482.9233354271729</v>
      </c>
      <c r="AQ2464">
        <v>1.359375</v>
      </c>
      <c r="AR2464">
        <v>3.984375</v>
      </c>
      <c r="AS2464">
        <v>64</v>
      </c>
      <c r="AT2464">
        <v>8.5625</v>
      </c>
      <c r="AU2464">
        <v>8.946466244725737E-2</v>
      </c>
      <c r="AV2464">
        <v>-0.32481840508964338</v>
      </c>
      <c r="AW2464">
        <v>0.359375</v>
      </c>
      <c r="AX2464">
        <v>99.793650793650798</v>
      </c>
      <c r="AY2464">
        <v>65</v>
      </c>
      <c r="AZ2464">
        <v>118</v>
      </c>
      <c r="BA2464">
        <v>0.62226311602512652</v>
      </c>
      <c r="BB2464">
        <v>0.484375</v>
      </c>
      <c r="BC2464">
        <v>4.055116036796619</v>
      </c>
      <c r="BD2464" t="s">
        <v>9392</v>
      </c>
      <c r="BE2464" t="s">
        <v>62</v>
      </c>
    </row>
    <row r="2465" spans="1:57" x14ac:dyDescent="0.3">
      <c r="A2465" t="s">
        <v>9393</v>
      </c>
      <c r="B2465">
        <v>2668</v>
      </c>
      <c r="C2465" t="s">
        <v>9394</v>
      </c>
      <c r="D2465" t="s">
        <v>9395</v>
      </c>
      <c r="E2465" t="s">
        <v>128</v>
      </c>
      <c r="F2465">
        <v>32</v>
      </c>
      <c r="G2465">
        <v>136.96875</v>
      </c>
      <c r="H2465">
        <v>131.5</v>
      </c>
      <c r="I2465">
        <v>5375.4052734375</v>
      </c>
      <c r="J2465">
        <v>73.317155382880884</v>
      </c>
      <c r="K2465">
        <v>-5.6917313130254742E-2</v>
      </c>
      <c r="L2465">
        <v>-1.159082298515492</v>
      </c>
      <c r="M2465">
        <v>4.9375</v>
      </c>
      <c r="N2465">
        <v>2</v>
      </c>
      <c r="O2465">
        <v>1</v>
      </c>
      <c r="P2465">
        <v>1</v>
      </c>
      <c r="Q2465">
        <v>0.1766846959694085</v>
      </c>
      <c r="R2465">
        <v>3.422414204014729</v>
      </c>
      <c r="S2465">
        <v>1</v>
      </c>
      <c r="T2465">
        <v>1</v>
      </c>
      <c r="U2465">
        <v>0</v>
      </c>
      <c r="V2465">
        <v>0</v>
      </c>
      <c r="W2465">
        <v>3.4339872044851458</v>
      </c>
      <c r="X2465">
        <v>1</v>
      </c>
      <c r="Y2465">
        <v>1</v>
      </c>
      <c r="Z2465">
        <v>0</v>
      </c>
      <c r="AA2465">
        <v>0</v>
      </c>
      <c r="AB2465">
        <v>3.401197381662155</v>
      </c>
      <c r="AC2465">
        <v>1</v>
      </c>
      <c r="AD2465">
        <v>1</v>
      </c>
      <c r="AE2465">
        <v>0</v>
      </c>
      <c r="AF2465">
        <v>0</v>
      </c>
      <c r="AG2465">
        <v>3.3672958299864728</v>
      </c>
      <c r="AH2465">
        <v>0.1165035646385674</v>
      </c>
      <c r="AI2465">
        <v>6.0762485659238988E-2</v>
      </c>
      <c r="AJ2465">
        <v>0.1195837965978219</v>
      </c>
      <c r="AK2465">
        <v>-0.1806744790318317</v>
      </c>
      <c r="AL2465">
        <v>515.28720440956738</v>
      </c>
      <c r="AM2465">
        <v>711.91719811490202</v>
      </c>
      <c r="AN2465">
        <v>4383</v>
      </c>
      <c r="AO2465">
        <v>85.85057174132011</v>
      </c>
      <c r="AP2465">
        <v>399.92418896357498</v>
      </c>
      <c r="AQ2465">
        <v>1.71875</v>
      </c>
      <c r="AR2465">
        <v>4.0625</v>
      </c>
      <c r="AS2465">
        <v>32</v>
      </c>
      <c r="AT2465">
        <v>0.93749999999999978</v>
      </c>
      <c r="AU2465">
        <v>0.1122549019607844</v>
      </c>
      <c r="AV2465">
        <v>0.12092438875000031</v>
      </c>
      <c r="AW2465">
        <v>0.40625</v>
      </c>
      <c r="AX2465">
        <v>73.322580645161295</v>
      </c>
      <c r="AY2465">
        <v>68</v>
      </c>
      <c r="AZ2465">
        <v>123.75</v>
      </c>
      <c r="BA2465">
        <v>0.535283817534152</v>
      </c>
      <c r="BB2465">
        <v>0.46875</v>
      </c>
      <c r="BC2465">
        <v>3.2998296856670919</v>
      </c>
      <c r="BD2465" t="s">
        <v>9396</v>
      </c>
      <c r="BE2465" t="s">
        <v>62</v>
      </c>
    </row>
    <row r="2466" spans="1:57" x14ac:dyDescent="0.3">
      <c r="A2466" t="s">
        <v>9397</v>
      </c>
      <c r="B2466">
        <v>875</v>
      </c>
      <c r="C2466" t="s">
        <v>9398</v>
      </c>
      <c r="D2466" t="s">
        <v>9399</v>
      </c>
      <c r="E2466" t="s">
        <v>98</v>
      </c>
      <c r="F2466">
        <v>16</v>
      </c>
      <c r="G2466">
        <v>138.375</v>
      </c>
      <c r="H2466">
        <v>165.5</v>
      </c>
      <c r="I2466">
        <v>7113.734375</v>
      </c>
      <c r="J2466">
        <v>84.342956878449542</v>
      </c>
      <c r="K2466">
        <v>-0.36874177614393561</v>
      </c>
      <c r="L2466">
        <v>-1.538661212760607</v>
      </c>
      <c r="M2466">
        <v>3.75</v>
      </c>
      <c r="N2466">
        <v>2</v>
      </c>
      <c r="O2466">
        <v>1</v>
      </c>
      <c r="P2466">
        <v>1</v>
      </c>
      <c r="Q2466">
        <v>0.3499271061118826</v>
      </c>
      <c r="R2466">
        <v>2.5993019270997948</v>
      </c>
      <c r="S2466">
        <v>1</v>
      </c>
      <c r="T2466">
        <v>1</v>
      </c>
      <c r="U2466">
        <v>0</v>
      </c>
      <c r="V2466">
        <v>0</v>
      </c>
      <c r="W2466">
        <v>2.7080502011022101</v>
      </c>
      <c r="X2466">
        <v>1</v>
      </c>
      <c r="Y2466">
        <v>1</v>
      </c>
      <c r="Z2466">
        <v>0</v>
      </c>
      <c r="AA2466">
        <v>0</v>
      </c>
      <c r="AB2466">
        <v>2.639057329615258</v>
      </c>
      <c r="AC2466">
        <v>1</v>
      </c>
      <c r="AD2466">
        <v>1</v>
      </c>
      <c r="AE2466">
        <v>0</v>
      </c>
      <c r="AF2466">
        <v>0</v>
      </c>
      <c r="AG2466">
        <v>2.5649493574615372</v>
      </c>
      <c r="AH2466">
        <v>4.2738491123025663E-2</v>
      </c>
      <c r="AI2466">
        <v>-7.9330751033981364E-2</v>
      </c>
      <c r="AJ2466">
        <v>0.29695129250415681</v>
      </c>
      <c r="AK2466">
        <v>-5.1727896520595062E-2</v>
      </c>
      <c r="AL2466">
        <v>422.83625332422821</v>
      </c>
      <c r="AM2466">
        <v>491.31609262747457</v>
      </c>
      <c r="AN2466">
        <v>2214</v>
      </c>
      <c r="AO2466">
        <v>16</v>
      </c>
      <c r="AP2466">
        <v>332.51339070147202</v>
      </c>
      <c r="AQ2466">
        <v>2.3125</v>
      </c>
      <c r="AR2466">
        <v>3.875</v>
      </c>
      <c r="AS2466">
        <v>15</v>
      </c>
      <c r="AT2466">
        <v>1.5</v>
      </c>
      <c r="AU2466">
        <v>0.22560975609756101</v>
      </c>
      <c r="AV2466">
        <v>5.1260371725404458E-2</v>
      </c>
      <c r="AW2466">
        <v>0.125</v>
      </c>
      <c r="AX2466">
        <v>90.2</v>
      </c>
      <c r="AY2466">
        <v>60.5</v>
      </c>
      <c r="AZ2466">
        <v>159.5</v>
      </c>
      <c r="BA2466">
        <v>0.60952453028689824</v>
      </c>
      <c r="BB2466">
        <v>0.625</v>
      </c>
      <c r="BC2466">
        <v>2.523210952952891</v>
      </c>
      <c r="BD2466" t="s">
        <v>9398</v>
      </c>
      <c r="BE2466" t="s">
        <v>62</v>
      </c>
    </row>
    <row r="2467" spans="1:57" x14ac:dyDescent="0.3">
      <c r="A2467" t="s">
        <v>9400</v>
      </c>
      <c r="B2467">
        <v>786</v>
      </c>
      <c r="C2467" t="s">
        <v>9401</v>
      </c>
      <c r="D2467" t="s">
        <v>9402</v>
      </c>
      <c r="E2467" t="s">
        <v>10622</v>
      </c>
      <c r="F2467">
        <v>64</v>
      </c>
      <c r="G2467">
        <v>116.921875</v>
      </c>
      <c r="H2467">
        <v>114.5</v>
      </c>
      <c r="I2467">
        <v>5780.790771484375</v>
      </c>
      <c r="J2467">
        <v>76.031511700638802</v>
      </c>
      <c r="K2467">
        <v>0.20889196816149891</v>
      </c>
      <c r="L2467">
        <v>-1.190796998645584</v>
      </c>
      <c r="M2467">
        <v>5.831954882778696</v>
      </c>
      <c r="N2467">
        <v>3</v>
      </c>
      <c r="O2467">
        <v>1</v>
      </c>
      <c r="P2467">
        <v>2</v>
      </c>
      <c r="Q2467">
        <v>0.33385958650156289</v>
      </c>
      <c r="R2467">
        <v>4.0424030841508598</v>
      </c>
      <c r="S2467">
        <v>1</v>
      </c>
      <c r="T2467">
        <v>1</v>
      </c>
      <c r="U2467">
        <v>0</v>
      </c>
      <c r="V2467">
        <v>0</v>
      </c>
      <c r="W2467">
        <v>4.1431347263915326</v>
      </c>
      <c r="X2467">
        <v>1</v>
      </c>
      <c r="Y2467">
        <v>1</v>
      </c>
      <c r="Z2467">
        <v>0</v>
      </c>
      <c r="AA2467">
        <v>0</v>
      </c>
      <c r="AB2467">
        <v>4.1271343850450908</v>
      </c>
      <c r="AC2467">
        <v>1</v>
      </c>
      <c r="AD2467">
        <v>1</v>
      </c>
      <c r="AE2467">
        <v>0</v>
      </c>
      <c r="AF2467">
        <v>0</v>
      </c>
      <c r="AG2467">
        <v>4.1108738641733096</v>
      </c>
      <c r="AH2467">
        <v>-5.6373244455144432E-2</v>
      </c>
      <c r="AI2467">
        <v>2.3383284267639668E-3</v>
      </c>
      <c r="AJ2467">
        <v>-2.7776402049715179E-2</v>
      </c>
      <c r="AK2467">
        <v>7.2233106597276581E-2</v>
      </c>
      <c r="AL2467">
        <v>659.3194773356588</v>
      </c>
      <c r="AM2467">
        <v>900.10823060664973</v>
      </c>
      <c r="AN2467">
        <v>7483</v>
      </c>
      <c r="AO2467">
        <v>149.0929757873327</v>
      </c>
      <c r="AP2467">
        <v>531.7194158167373</v>
      </c>
      <c r="AQ2467">
        <v>1.359375</v>
      </c>
      <c r="AR2467">
        <v>3.890625</v>
      </c>
      <c r="AS2467">
        <v>64</v>
      </c>
      <c r="AT2467">
        <v>6.0624999999999982</v>
      </c>
      <c r="AU2467">
        <v>0.1103631422924901</v>
      </c>
      <c r="AV2467">
        <v>-5.6579498944481339E-2</v>
      </c>
      <c r="AW2467">
        <v>0.390625</v>
      </c>
      <c r="AX2467">
        <v>93.952380952380949</v>
      </c>
      <c r="AY2467">
        <v>65.5</v>
      </c>
      <c r="AZ2467">
        <v>130.75</v>
      </c>
      <c r="BA2467">
        <v>0.65027619254856117</v>
      </c>
      <c r="BB2467">
        <v>0.46875</v>
      </c>
      <c r="BC2467">
        <v>3.9367871487114772</v>
      </c>
      <c r="BD2467" t="s">
        <v>9403</v>
      </c>
      <c r="BE2467" t="s">
        <v>62</v>
      </c>
    </row>
    <row r="2468" spans="1:57" x14ac:dyDescent="0.3">
      <c r="A2468" t="s">
        <v>9404</v>
      </c>
      <c r="B2468">
        <v>2289</v>
      </c>
      <c r="C2468" t="s">
        <v>9405</v>
      </c>
      <c r="D2468" t="s">
        <v>9406</v>
      </c>
      <c r="E2468" t="s">
        <v>93</v>
      </c>
      <c r="F2468">
        <v>2289</v>
      </c>
      <c r="G2468">
        <v>128.25993883792049</v>
      </c>
      <c r="H2468">
        <v>131</v>
      </c>
      <c r="I2468">
        <v>5315.5431788516544</v>
      </c>
      <c r="J2468">
        <v>72.907771731494122</v>
      </c>
      <c r="K2468">
        <v>-2.0411562632493101E-2</v>
      </c>
      <c r="L2468">
        <v>-1.1802294400368709</v>
      </c>
      <c r="M2468">
        <v>7.9117974759570444</v>
      </c>
      <c r="N2468">
        <v>18</v>
      </c>
      <c r="O2468">
        <v>2</v>
      </c>
      <c r="P2468">
        <v>16</v>
      </c>
      <c r="Q2468">
        <v>3.0835507977753398</v>
      </c>
      <c r="R2468">
        <v>5.4840401136209049</v>
      </c>
      <c r="S2468">
        <v>2</v>
      </c>
      <c r="T2468">
        <v>1</v>
      </c>
      <c r="U2468">
        <v>1</v>
      </c>
      <c r="V2468">
        <v>0.1386483884679505</v>
      </c>
      <c r="W2468">
        <v>7.7087738455550756</v>
      </c>
      <c r="X2468">
        <v>1</v>
      </c>
      <c r="Y2468">
        <v>1</v>
      </c>
      <c r="Z2468">
        <v>0</v>
      </c>
      <c r="AA2468">
        <v>0</v>
      </c>
      <c r="AB2468">
        <v>7.7349961940227843</v>
      </c>
      <c r="AC2468">
        <v>1</v>
      </c>
      <c r="AD2468">
        <v>1</v>
      </c>
      <c r="AE2468">
        <v>0</v>
      </c>
      <c r="AF2468">
        <v>0</v>
      </c>
      <c r="AG2468">
        <v>7.7345588443547557</v>
      </c>
      <c r="AH2468">
        <v>4.405509618727655E-2</v>
      </c>
      <c r="AI2468">
        <v>1.3110462687362209E-3</v>
      </c>
      <c r="AJ2468">
        <v>-5.9174826901566904E-3</v>
      </c>
      <c r="AK2468">
        <v>-4.5453716344723838E-2</v>
      </c>
      <c r="AL2468">
        <v>3202.8875675536988</v>
      </c>
      <c r="AM2468">
        <v>6290.0111470179399</v>
      </c>
      <c r="AN2468">
        <v>293587</v>
      </c>
      <c r="AO2468">
        <v>27.220089729990509</v>
      </c>
      <c r="AP2468">
        <v>2887.4516756178959</v>
      </c>
      <c r="AQ2468">
        <v>1.0100480559196161</v>
      </c>
      <c r="AR2468">
        <v>4.0144167758846656</v>
      </c>
      <c r="AS2468">
        <v>2273</v>
      </c>
      <c r="AT2468">
        <v>272.23023154215821</v>
      </c>
      <c r="AU2468">
        <v>1.697119214658338E-2</v>
      </c>
      <c r="AV2468">
        <v>4.4086330889654357E-2</v>
      </c>
      <c r="AW2468">
        <v>0.36828309305373519</v>
      </c>
      <c r="AX2468">
        <v>82.027972027972027</v>
      </c>
      <c r="AY2468">
        <v>63</v>
      </c>
      <c r="AZ2468">
        <v>126</v>
      </c>
      <c r="BA2468">
        <v>0.56843759939435345</v>
      </c>
      <c r="BB2468">
        <v>0.509829619921363</v>
      </c>
      <c r="BC2468">
        <v>5.2676375259033748</v>
      </c>
      <c r="BD2468" t="s">
        <v>9407</v>
      </c>
      <c r="BE2468" t="s">
        <v>68</v>
      </c>
    </row>
    <row r="2469" spans="1:57" x14ac:dyDescent="0.3">
      <c r="A2469" t="s">
        <v>9408</v>
      </c>
      <c r="B2469">
        <v>2131</v>
      </c>
      <c r="C2469" t="s">
        <v>9409</v>
      </c>
      <c r="D2469" t="s">
        <v>9410</v>
      </c>
      <c r="E2469" t="s">
        <v>93</v>
      </c>
      <c r="F2469">
        <v>2133</v>
      </c>
      <c r="G2469">
        <v>129.8232536333802</v>
      </c>
      <c r="H2469">
        <v>131</v>
      </c>
      <c r="I2469">
        <v>5256.2317705671749</v>
      </c>
      <c r="J2469">
        <v>72.49987427966461</v>
      </c>
      <c r="K2469">
        <v>-6.0908176926918599E-2</v>
      </c>
      <c r="L2469">
        <v>-1.138789054325049</v>
      </c>
      <c r="M2469">
        <v>7.9052762459608834</v>
      </c>
      <c r="N2469">
        <v>19</v>
      </c>
      <c r="O2469">
        <v>1</v>
      </c>
      <c r="P2469">
        <v>18</v>
      </c>
      <c r="Q2469">
        <v>2.9717270229655068</v>
      </c>
      <c r="R2469">
        <v>5.4795199414353037</v>
      </c>
      <c r="S2469">
        <v>2</v>
      </c>
      <c r="T2469">
        <v>1</v>
      </c>
      <c r="U2469">
        <v>1</v>
      </c>
      <c r="V2469">
        <v>0.12626669734831991</v>
      </c>
      <c r="W2469">
        <v>7.6427079014780093</v>
      </c>
      <c r="X2469">
        <v>1</v>
      </c>
      <c r="Y2469">
        <v>1</v>
      </c>
      <c r="Z2469">
        <v>0</v>
      </c>
      <c r="AA2469">
        <v>0</v>
      </c>
      <c r="AB2469">
        <v>7.6643466320986162</v>
      </c>
      <c r="AC2469">
        <v>1</v>
      </c>
      <c r="AD2469">
        <v>1</v>
      </c>
      <c r="AE2469">
        <v>0</v>
      </c>
      <c r="AF2469">
        <v>0</v>
      </c>
      <c r="AG2469">
        <v>7.6638772587034696</v>
      </c>
      <c r="AH2469">
        <v>1.2407411448267951E-2</v>
      </c>
      <c r="AI2469">
        <v>2.8960989618177931E-4</v>
      </c>
      <c r="AJ2469">
        <v>1.8672051243896311E-2</v>
      </c>
      <c r="AK2469">
        <v>1.3569532958105099E-2</v>
      </c>
      <c r="AL2469">
        <v>3089.1301469689352</v>
      </c>
      <c r="AM2469">
        <v>6133.3974219096299</v>
      </c>
      <c r="AN2469">
        <v>276913</v>
      </c>
      <c r="AO2469">
        <v>52.551607579383202</v>
      </c>
      <c r="AP2469">
        <v>2785.882540051527</v>
      </c>
      <c r="AQ2469">
        <v>1.010782934833568</v>
      </c>
      <c r="AR2469">
        <v>4.0431317393342709</v>
      </c>
      <c r="AS2469">
        <v>2129</v>
      </c>
      <c r="AT2469">
        <v>271.33567744960152</v>
      </c>
      <c r="AU2469">
        <v>3.4571578279694481E-2</v>
      </c>
      <c r="AV2469">
        <v>1.2414145070402069E-2</v>
      </c>
      <c r="AW2469">
        <v>0.35864978902953593</v>
      </c>
      <c r="AX2469">
        <v>83.194652908067539</v>
      </c>
      <c r="AY2469">
        <v>62</v>
      </c>
      <c r="AZ2469">
        <v>124</v>
      </c>
      <c r="BA2469">
        <v>0.55845060303606053</v>
      </c>
      <c r="BB2469">
        <v>0.50679793717768407</v>
      </c>
      <c r="BC2469">
        <v>5.2815818626025361</v>
      </c>
      <c r="BD2469" t="s">
        <v>9411</v>
      </c>
      <c r="BE2469" t="s">
        <v>68</v>
      </c>
    </row>
    <row r="2470" spans="1:57" x14ac:dyDescent="0.3">
      <c r="A2470" t="s">
        <v>9412</v>
      </c>
      <c r="B2470">
        <v>2747</v>
      </c>
      <c r="C2470" t="s">
        <v>9413</v>
      </c>
      <c r="D2470" t="s">
        <v>9414</v>
      </c>
      <c r="E2470" t="s">
        <v>85</v>
      </c>
      <c r="F2470">
        <v>8</v>
      </c>
      <c r="G2470">
        <v>181.875</v>
      </c>
      <c r="H2470">
        <v>182</v>
      </c>
      <c r="I2470">
        <v>2074.609375</v>
      </c>
      <c r="J2470">
        <v>45.547880027505123</v>
      </c>
      <c r="K2470">
        <v>-0.68770084888316718</v>
      </c>
      <c r="L2470">
        <v>-0.35217064108940571</v>
      </c>
      <c r="M2470">
        <v>3</v>
      </c>
      <c r="N2470">
        <v>1</v>
      </c>
      <c r="O2470">
        <v>1</v>
      </c>
      <c r="P2470">
        <v>0</v>
      </c>
      <c r="Q2470">
        <v>0</v>
      </c>
      <c r="R2470">
        <v>2.0794415416798362</v>
      </c>
      <c r="S2470">
        <v>1</v>
      </c>
      <c r="T2470">
        <v>1</v>
      </c>
      <c r="U2470">
        <v>0</v>
      </c>
      <c r="V2470">
        <v>0</v>
      </c>
      <c r="W2470">
        <v>1.945910149055313</v>
      </c>
      <c r="X2470">
        <v>1</v>
      </c>
      <c r="Y2470">
        <v>1</v>
      </c>
      <c r="Z2470">
        <v>0</v>
      </c>
      <c r="AA2470">
        <v>0</v>
      </c>
      <c r="AB2470">
        <v>1.791759469228055</v>
      </c>
      <c r="AC2470">
        <v>1</v>
      </c>
      <c r="AD2470">
        <v>1</v>
      </c>
      <c r="AE2470">
        <v>0</v>
      </c>
      <c r="AF2470">
        <v>0</v>
      </c>
      <c r="AG2470">
        <v>1.6094379124341009</v>
      </c>
      <c r="AH2470">
        <v>-0.1507522123893805</v>
      </c>
      <c r="AI2470">
        <v>-6.7725475428356247E-2</v>
      </c>
      <c r="AJ2470">
        <v>-0.1225578987008096</v>
      </c>
      <c r="AK2470">
        <v>0</v>
      </c>
      <c r="AL2470">
        <v>297.9014707213766</v>
      </c>
      <c r="AM2470">
        <v>438.7251004239908</v>
      </c>
      <c r="AN2470">
        <v>1455</v>
      </c>
      <c r="AO2470">
        <v>98.310731865854805</v>
      </c>
      <c r="AP2470">
        <v>135.85500087219509</v>
      </c>
      <c r="AQ2470">
        <v>3.625</v>
      </c>
      <c r="AR2470">
        <v>4.75</v>
      </c>
      <c r="AS2470">
        <v>8</v>
      </c>
      <c r="AT2470">
        <v>0</v>
      </c>
      <c r="AU2470">
        <v>0.38034188034188032</v>
      </c>
      <c r="AV2470">
        <v>-0.18986927940346909</v>
      </c>
      <c r="AW2470">
        <v>0.125</v>
      </c>
      <c r="AX2470">
        <v>55.857142857142847</v>
      </c>
      <c r="AY2470">
        <v>36</v>
      </c>
      <c r="AZ2470">
        <v>61</v>
      </c>
      <c r="BA2470">
        <v>0.25043507918903157</v>
      </c>
      <c r="BB2470">
        <v>0.5</v>
      </c>
      <c r="BC2470">
        <v>1.945910149055313</v>
      </c>
      <c r="BD2470" t="s">
        <v>9413</v>
      </c>
      <c r="BE2470" t="s">
        <v>68</v>
      </c>
    </row>
    <row r="2471" spans="1:57" x14ac:dyDescent="0.3">
      <c r="A2471" t="s">
        <v>9415</v>
      </c>
      <c r="B2471">
        <v>158</v>
      </c>
      <c r="C2471" t="s">
        <v>9416</v>
      </c>
      <c r="D2471" t="s">
        <v>9417</v>
      </c>
      <c r="E2471" t="s">
        <v>60</v>
      </c>
      <c r="F2471">
        <v>512</v>
      </c>
      <c r="G2471">
        <v>130.76171875</v>
      </c>
      <c r="H2471">
        <v>131.5</v>
      </c>
      <c r="I2471">
        <v>5198.5018157958984</v>
      </c>
      <c r="J2471">
        <v>72.100636722541495</v>
      </c>
      <c r="K2471">
        <v>-8.1452137617251064E-2</v>
      </c>
      <c r="L2471">
        <v>-1.125558109420294</v>
      </c>
      <c r="M2471">
        <v>7.5837853422238659</v>
      </c>
      <c r="N2471">
        <v>7</v>
      </c>
      <c r="O2471">
        <v>1</v>
      </c>
      <c r="P2471">
        <v>6</v>
      </c>
      <c r="Q2471">
        <v>1.2688899454479949</v>
      </c>
      <c r="R2471">
        <v>5.2566794279343103</v>
      </c>
      <c r="S2471">
        <v>2</v>
      </c>
      <c r="T2471">
        <v>1</v>
      </c>
      <c r="U2471">
        <v>1</v>
      </c>
      <c r="V2471">
        <v>4.4237310481092057E-2</v>
      </c>
      <c r="W2471">
        <v>6.2336566853874231</v>
      </c>
      <c r="X2471">
        <v>1</v>
      </c>
      <c r="Y2471">
        <v>1</v>
      </c>
      <c r="Z2471">
        <v>0</v>
      </c>
      <c r="AA2471">
        <v>0</v>
      </c>
      <c r="AB2471">
        <v>6.2344107257183694</v>
      </c>
      <c r="AC2471">
        <v>1</v>
      </c>
      <c r="AD2471">
        <v>1</v>
      </c>
      <c r="AE2471">
        <v>0</v>
      </c>
      <c r="AF2471">
        <v>0</v>
      </c>
      <c r="AG2471">
        <v>6.2324480165505216</v>
      </c>
      <c r="AH2471">
        <v>5.9455172725254662E-2</v>
      </c>
      <c r="AI2471">
        <v>-1.800259258478366E-2</v>
      </c>
      <c r="AJ2471">
        <v>-6.657637857179112E-2</v>
      </c>
      <c r="AK2471">
        <v>5.688833062087062E-2</v>
      </c>
      <c r="AL2471">
        <v>1563.221305892419</v>
      </c>
      <c r="AM2471">
        <v>2995.4080104059281</v>
      </c>
      <c r="AN2471">
        <v>66950</v>
      </c>
      <c r="AO2471">
        <v>24.946732967574661</v>
      </c>
      <c r="AP2471">
        <v>1314.2243127251099</v>
      </c>
      <c r="AQ2471">
        <v>1.044921875</v>
      </c>
      <c r="AR2471">
        <v>3.962890625</v>
      </c>
      <c r="AS2471">
        <v>510</v>
      </c>
      <c r="AT2471">
        <v>153.58984375</v>
      </c>
      <c r="AU2471">
        <v>5.0620404411764693E-2</v>
      </c>
      <c r="AV2471">
        <v>5.9651602255274737E-2</v>
      </c>
      <c r="AW2471">
        <v>0.35546875</v>
      </c>
      <c r="AX2471">
        <v>80.581213307240702</v>
      </c>
      <c r="AY2471">
        <v>60.5</v>
      </c>
      <c r="AZ2471">
        <v>121</v>
      </c>
      <c r="BA2471">
        <v>0.55138948471906268</v>
      </c>
      <c r="BB2471">
        <v>0.505859375</v>
      </c>
      <c r="BC2471">
        <v>5.0447986485186904</v>
      </c>
      <c r="BD2471" t="s">
        <v>9418</v>
      </c>
      <c r="BE2471" t="s">
        <v>62</v>
      </c>
    </row>
    <row r="2472" spans="1:57" x14ac:dyDescent="0.3">
      <c r="A2472" t="s">
        <v>9419</v>
      </c>
      <c r="B2472">
        <v>1006</v>
      </c>
      <c r="C2472" t="s">
        <v>9420</v>
      </c>
      <c r="D2472" t="s">
        <v>9421</v>
      </c>
      <c r="E2472" t="s">
        <v>128</v>
      </c>
      <c r="F2472">
        <v>32</v>
      </c>
      <c r="G2472">
        <v>134.28125</v>
      </c>
      <c r="H2472">
        <v>138</v>
      </c>
      <c r="I2472">
        <v>5709.3896484375</v>
      </c>
      <c r="J2472">
        <v>75.5605032304411</v>
      </c>
      <c r="K2472">
        <v>-1.7828345783936921E-2</v>
      </c>
      <c r="L2472">
        <v>-1.5138253121499581</v>
      </c>
      <c r="M2472">
        <v>4.875</v>
      </c>
      <c r="N2472">
        <v>2</v>
      </c>
      <c r="O2472">
        <v>1</v>
      </c>
      <c r="P2472">
        <v>1</v>
      </c>
      <c r="Q2472">
        <v>0.24944382578492941</v>
      </c>
      <c r="R2472">
        <v>3.3790925052297318</v>
      </c>
      <c r="S2472">
        <v>1</v>
      </c>
      <c r="T2472">
        <v>1</v>
      </c>
      <c r="U2472">
        <v>0</v>
      </c>
      <c r="V2472">
        <v>0</v>
      </c>
      <c r="W2472">
        <v>3.4339872044851458</v>
      </c>
      <c r="X2472">
        <v>1</v>
      </c>
      <c r="Y2472">
        <v>1</v>
      </c>
      <c r="Z2472">
        <v>0</v>
      </c>
      <c r="AA2472">
        <v>0</v>
      </c>
      <c r="AB2472">
        <v>3.401197381662155</v>
      </c>
      <c r="AC2472">
        <v>1</v>
      </c>
      <c r="AD2472">
        <v>1</v>
      </c>
      <c r="AE2472">
        <v>0</v>
      </c>
      <c r="AF2472">
        <v>0</v>
      </c>
      <c r="AG2472">
        <v>3.3672958299864728</v>
      </c>
      <c r="AH2472">
        <v>1.2964301627578609E-3</v>
      </c>
      <c r="AI2472">
        <v>-0.21653253532292871</v>
      </c>
      <c r="AJ2472">
        <v>-6.9821687735133406E-3</v>
      </c>
      <c r="AK2472">
        <v>-7.1206564193612666E-3</v>
      </c>
      <c r="AL2472">
        <v>519.6762337334801</v>
      </c>
      <c r="AM2472">
        <v>699.74539090485291</v>
      </c>
      <c r="AN2472">
        <v>4297</v>
      </c>
      <c r="AO2472">
        <v>143.39141410504081</v>
      </c>
      <c r="AP2472">
        <v>347.53975995578207</v>
      </c>
      <c r="AQ2472">
        <v>1.71875</v>
      </c>
      <c r="AR2472">
        <v>3.875</v>
      </c>
      <c r="AS2472">
        <v>32</v>
      </c>
      <c r="AT2472">
        <v>1.75</v>
      </c>
      <c r="AU2472">
        <v>0.155</v>
      </c>
      <c r="AV2472">
        <v>3.10014535574969E-3</v>
      </c>
      <c r="AW2472">
        <v>0.375</v>
      </c>
      <c r="AX2472">
        <v>89.064516129032256</v>
      </c>
      <c r="AY2472">
        <v>78.5</v>
      </c>
      <c r="AZ2472">
        <v>153.75</v>
      </c>
      <c r="BA2472">
        <v>0.56270330541636382</v>
      </c>
      <c r="BB2472">
        <v>0.5625</v>
      </c>
      <c r="BC2472">
        <v>3.3892680315457948</v>
      </c>
      <c r="BD2472" t="s">
        <v>9422</v>
      </c>
      <c r="BE2472" t="s">
        <v>62</v>
      </c>
    </row>
    <row r="2473" spans="1:57" x14ac:dyDescent="0.3">
      <c r="A2473" t="s">
        <v>9423</v>
      </c>
      <c r="B2473">
        <v>3981</v>
      </c>
      <c r="C2473" t="s">
        <v>9424</v>
      </c>
      <c r="D2473" t="s">
        <v>9425</v>
      </c>
      <c r="E2473" t="s">
        <v>85</v>
      </c>
      <c r="F2473">
        <v>8</v>
      </c>
      <c r="G2473">
        <v>157.875</v>
      </c>
      <c r="H2473">
        <v>171.5</v>
      </c>
      <c r="I2473">
        <v>1767.359375</v>
      </c>
      <c r="J2473">
        <v>42.039973537099193</v>
      </c>
      <c r="K2473">
        <v>-0.315510698335705</v>
      </c>
      <c r="L2473">
        <v>-1.1099888940739371</v>
      </c>
      <c r="M2473">
        <v>3</v>
      </c>
      <c r="N2473">
        <v>1</v>
      </c>
      <c r="O2473">
        <v>1</v>
      </c>
      <c r="P2473">
        <v>0</v>
      </c>
      <c r="Q2473">
        <v>0</v>
      </c>
      <c r="R2473">
        <v>2.0794415416798362</v>
      </c>
      <c r="S2473">
        <v>1</v>
      </c>
      <c r="T2473">
        <v>1</v>
      </c>
      <c r="U2473">
        <v>0</v>
      </c>
      <c r="V2473">
        <v>0</v>
      </c>
      <c r="W2473">
        <v>1.945910149055313</v>
      </c>
      <c r="X2473">
        <v>1</v>
      </c>
      <c r="Y2473">
        <v>1</v>
      </c>
      <c r="Z2473">
        <v>0</v>
      </c>
      <c r="AA2473">
        <v>0</v>
      </c>
      <c r="AB2473">
        <v>1.791759469228055</v>
      </c>
      <c r="AC2473">
        <v>1</v>
      </c>
      <c r="AD2473">
        <v>1</v>
      </c>
      <c r="AE2473">
        <v>0</v>
      </c>
      <c r="AF2473">
        <v>0</v>
      </c>
      <c r="AG2473">
        <v>1.6094379124341009</v>
      </c>
      <c r="AH2473">
        <v>0.1182013685671597</v>
      </c>
      <c r="AI2473">
        <v>-0.1286722776741431</v>
      </c>
      <c r="AJ2473">
        <v>-5.9204011988223948E-2</v>
      </c>
      <c r="AK2473">
        <v>0</v>
      </c>
      <c r="AL2473">
        <v>254.58519063391611</v>
      </c>
      <c r="AM2473">
        <v>385.64411146793441</v>
      </c>
      <c r="AN2473">
        <v>1263</v>
      </c>
      <c r="AO2473">
        <v>17.971073194471611</v>
      </c>
      <c r="AP2473">
        <v>133.84595101633019</v>
      </c>
      <c r="AQ2473">
        <v>3.5</v>
      </c>
      <c r="AR2473">
        <v>4.875</v>
      </c>
      <c r="AS2473">
        <v>8</v>
      </c>
      <c r="AT2473">
        <v>0</v>
      </c>
      <c r="AU2473">
        <v>0.41136363636363638</v>
      </c>
      <c r="AV2473">
        <v>0.1322840815051558</v>
      </c>
      <c r="AW2473">
        <v>0.375</v>
      </c>
      <c r="AX2473">
        <v>40.428571428571431</v>
      </c>
      <c r="AY2473">
        <v>31.5</v>
      </c>
      <c r="AZ2473">
        <v>64.25</v>
      </c>
      <c r="BA2473">
        <v>0.26628645154140418</v>
      </c>
      <c r="BB2473">
        <v>0.625</v>
      </c>
      <c r="BC2473">
        <v>1.945910149055313</v>
      </c>
      <c r="BD2473" t="s">
        <v>9424</v>
      </c>
      <c r="BE2473" t="s">
        <v>68</v>
      </c>
    </row>
    <row r="2474" spans="1:57" x14ac:dyDescent="0.3">
      <c r="A2474" t="s">
        <v>9426</v>
      </c>
      <c r="B2474">
        <v>670</v>
      </c>
      <c r="C2474" t="s">
        <v>9427</v>
      </c>
      <c r="D2474" t="s">
        <v>9428</v>
      </c>
      <c r="E2474" t="s">
        <v>115</v>
      </c>
      <c r="F2474">
        <v>702</v>
      </c>
      <c r="G2474">
        <v>127.89458689458689</v>
      </c>
      <c r="H2474">
        <v>126</v>
      </c>
      <c r="I2474">
        <v>5428.7752128635311</v>
      </c>
      <c r="J2474">
        <v>73.680222671104431</v>
      </c>
      <c r="K2474">
        <v>5.1448606753683084E-3</v>
      </c>
      <c r="L2474">
        <v>-1.1868186368536069</v>
      </c>
      <c r="M2474">
        <v>7.7508747657568504</v>
      </c>
      <c r="N2474">
        <v>8</v>
      </c>
      <c r="O2474">
        <v>1</v>
      </c>
      <c r="P2474">
        <v>7</v>
      </c>
      <c r="Q2474">
        <v>1.4229164972073001</v>
      </c>
      <c r="R2474">
        <v>5.3724969907575826</v>
      </c>
      <c r="S2474">
        <v>2</v>
      </c>
      <c r="T2474">
        <v>1</v>
      </c>
      <c r="U2474">
        <v>1</v>
      </c>
      <c r="V2474">
        <v>3.7769440189720817E-2</v>
      </c>
      <c r="W2474">
        <v>6.5505302916549617</v>
      </c>
      <c r="X2474">
        <v>1</v>
      </c>
      <c r="Y2474">
        <v>1</v>
      </c>
      <c r="Z2474">
        <v>0</v>
      </c>
      <c r="AA2474">
        <v>0</v>
      </c>
      <c r="AB2474">
        <v>6.5510803350434026</v>
      </c>
      <c r="AC2474">
        <v>1</v>
      </c>
      <c r="AD2474">
        <v>1</v>
      </c>
      <c r="AE2474">
        <v>0</v>
      </c>
      <c r="AF2474">
        <v>0</v>
      </c>
      <c r="AG2474">
        <v>6.5496507422338102</v>
      </c>
      <c r="AH2474">
        <v>6.1313515014468592E-2</v>
      </c>
      <c r="AI2474">
        <v>6.844712554835003E-2</v>
      </c>
      <c r="AJ2474">
        <v>2.0017110536509439E-2</v>
      </c>
      <c r="AK2474">
        <v>-1.7048883692824379E-2</v>
      </c>
      <c r="AL2474">
        <v>1852.9946091180591</v>
      </c>
      <c r="AM2474">
        <v>3443.8413114688378</v>
      </c>
      <c r="AN2474">
        <v>89782</v>
      </c>
      <c r="AO2474">
        <v>56.998483075107558</v>
      </c>
      <c r="AP2474">
        <v>1637.1186459000801</v>
      </c>
      <c r="AQ2474">
        <v>1.0327635327635329</v>
      </c>
      <c r="AR2474">
        <v>4.0569800569800574</v>
      </c>
      <c r="AS2474">
        <v>700</v>
      </c>
      <c r="AT2474">
        <v>170.30769230769229</v>
      </c>
      <c r="AU2474">
        <v>2.0529579353108781E-2</v>
      </c>
      <c r="AV2474">
        <v>6.1317206481127061E-2</v>
      </c>
      <c r="AW2474">
        <v>0.38603988603988598</v>
      </c>
      <c r="AX2474">
        <v>82.497860199714694</v>
      </c>
      <c r="AY2474">
        <v>64</v>
      </c>
      <c r="AZ2474">
        <v>127</v>
      </c>
      <c r="BA2474">
        <v>0.57610118191970894</v>
      </c>
      <c r="BB2474">
        <v>0.49572649572649569</v>
      </c>
      <c r="BC2474">
        <v>5.1422430503794807</v>
      </c>
      <c r="BD2474" t="s">
        <v>9429</v>
      </c>
      <c r="BE2474" t="s">
        <v>68</v>
      </c>
    </row>
    <row r="2475" spans="1:57" x14ac:dyDescent="0.3">
      <c r="A2475" t="s">
        <v>9430</v>
      </c>
      <c r="B2475">
        <v>3319</v>
      </c>
      <c r="C2475" t="s">
        <v>9431</v>
      </c>
      <c r="D2475" t="s">
        <v>9432</v>
      </c>
      <c r="E2475" t="s">
        <v>128</v>
      </c>
      <c r="F2475">
        <v>32</v>
      </c>
      <c r="G2475">
        <v>110.65625</v>
      </c>
      <c r="H2475">
        <v>100.5</v>
      </c>
      <c r="I2475">
        <v>5232.2880859375</v>
      </c>
      <c r="J2475">
        <v>72.334556651281829</v>
      </c>
      <c r="K2475">
        <v>0.25435182819354851</v>
      </c>
      <c r="L2475">
        <v>-1.210147397146446</v>
      </c>
      <c r="M2475">
        <v>4.75</v>
      </c>
      <c r="N2475">
        <v>2</v>
      </c>
      <c r="O2475">
        <v>1</v>
      </c>
      <c r="P2475">
        <v>1</v>
      </c>
      <c r="Q2475">
        <v>0.3499271061118826</v>
      </c>
      <c r="R2475">
        <v>3.2924491076597389</v>
      </c>
      <c r="S2475">
        <v>1</v>
      </c>
      <c r="T2475">
        <v>1</v>
      </c>
      <c r="U2475">
        <v>0</v>
      </c>
      <c r="V2475">
        <v>0</v>
      </c>
      <c r="W2475">
        <v>3.4339872044851458</v>
      </c>
      <c r="X2475">
        <v>1</v>
      </c>
      <c r="Y2475">
        <v>1</v>
      </c>
      <c r="Z2475">
        <v>0</v>
      </c>
      <c r="AA2475">
        <v>0</v>
      </c>
      <c r="AB2475">
        <v>3.401197381662155</v>
      </c>
      <c r="AC2475">
        <v>1</v>
      </c>
      <c r="AD2475">
        <v>1</v>
      </c>
      <c r="AE2475">
        <v>0</v>
      </c>
      <c r="AF2475">
        <v>0</v>
      </c>
      <c r="AG2475">
        <v>3.3672958299864728</v>
      </c>
      <c r="AH2475">
        <v>-0.15682125154189269</v>
      </c>
      <c r="AI2475">
        <v>0.13613626132284459</v>
      </c>
      <c r="AJ2475">
        <v>0.17220113574199269</v>
      </c>
      <c r="AK2475">
        <v>1.549221909929388E-2</v>
      </c>
      <c r="AL2475">
        <v>479.60714463735337</v>
      </c>
      <c r="AM2475">
        <v>573.79786232854224</v>
      </c>
      <c r="AN2475">
        <v>3541</v>
      </c>
      <c r="AO2475">
        <v>145.78408692309321</v>
      </c>
      <c r="AP2475">
        <v>325.07007269172419</v>
      </c>
      <c r="AQ2475">
        <v>1.65625</v>
      </c>
      <c r="AR2475">
        <v>3.75</v>
      </c>
      <c r="AS2475">
        <v>32</v>
      </c>
      <c r="AT2475">
        <v>3</v>
      </c>
      <c r="AU2475">
        <v>0.17598684210526319</v>
      </c>
      <c r="AV2475">
        <v>-0.16727560919310161</v>
      </c>
      <c r="AW2475">
        <v>0.34375</v>
      </c>
      <c r="AX2475">
        <v>90.064516129032256</v>
      </c>
      <c r="AY2475">
        <v>70</v>
      </c>
      <c r="AZ2475">
        <v>137.25</v>
      </c>
      <c r="BA2475">
        <v>0.65368704118639331</v>
      </c>
      <c r="BB2475">
        <v>0.46875</v>
      </c>
      <c r="BC2475">
        <v>3.3892680315457948</v>
      </c>
      <c r="BD2475" t="s">
        <v>9433</v>
      </c>
      <c r="BE2475" t="s">
        <v>62</v>
      </c>
    </row>
    <row r="2476" spans="1:57" x14ac:dyDescent="0.3">
      <c r="A2476" t="s">
        <v>9434</v>
      </c>
      <c r="B2476">
        <v>134</v>
      </c>
      <c r="C2476" t="s">
        <v>9435</v>
      </c>
      <c r="D2476" t="s">
        <v>9436</v>
      </c>
      <c r="E2476" t="s">
        <v>60</v>
      </c>
      <c r="F2476">
        <v>256</v>
      </c>
      <c r="G2476">
        <v>125.859375</v>
      </c>
      <c r="H2476">
        <v>128</v>
      </c>
      <c r="I2476">
        <v>5184.097412109375</v>
      </c>
      <c r="J2476">
        <v>72.000676469803921</v>
      </c>
      <c r="K2476">
        <v>2.9792911150551368E-2</v>
      </c>
      <c r="L2476">
        <v>-1.061767973721929</v>
      </c>
      <c r="M2476">
        <v>7.0943256345881531</v>
      </c>
      <c r="N2476">
        <v>6</v>
      </c>
      <c r="O2476">
        <v>1</v>
      </c>
      <c r="P2476">
        <v>5</v>
      </c>
      <c r="Q2476">
        <v>0.89149058495270339</v>
      </c>
      <c r="R2476">
        <v>4.9174118115889236</v>
      </c>
      <c r="S2476">
        <v>1</v>
      </c>
      <c r="T2476">
        <v>1</v>
      </c>
      <c r="U2476">
        <v>0</v>
      </c>
      <c r="V2476">
        <v>0</v>
      </c>
      <c r="W2476">
        <v>5.541263545158424</v>
      </c>
      <c r="X2476">
        <v>1</v>
      </c>
      <c r="Y2476">
        <v>1</v>
      </c>
      <c r="Z2476">
        <v>0</v>
      </c>
      <c r="AA2476">
        <v>0</v>
      </c>
      <c r="AB2476">
        <v>5.5373342670185366</v>
      </c>
      <c r="AC2476">
        <v>1</v>
      </c>
      <c r="AD2476">
        <v>1</v>
      </c>
      <c r="AE2476">
        <v>0</v>
      </c>
      <c r="AF2476">
        <v>0</v>
      </c>
      <c r="AG2476">
        <v>5.5333894887275203</v>
      </c>
      <c r="AH2476">
        <v>-4.5174388735978128E-2</v>
      </c>
      <c r="AI2476">
        <v>8.7896902594077259E-2</v>
      </c>
      <c r="AJ2476">
        <v>-1.326290366715263E-2</v>
      </c>
      <c r="AK2476">
        <v>2.3892310950452581E-2</v>
      </c>
      <c r="AL2476">
        <v>1145.15752090556</v>
      </c>
      <c r="AM2476">
        <v>2017.65513711175</v>
      </c>
      <c r="AN2476">
        <v>32220</v>
      </c>
      <c r="AO2476">
        <v>52</v>
      </c>
      <c r="AP2476">
        <v>954.63572039004953</v>
      </c>
      <c r="AQ2476">
        <v>1.08984375</v>
      </c>
      <c r="AR2476">
        <v>4.01171875</v>
      </c>
      <c r="AS2476">
        <v>253</v>
      </c>
      <c r="AT2476">
        <v>74.5859375</v>
      </c>
      <c r="AU2476">
        <v>4.6167568897637852E-2</v>
      </c>
      <c r="AV2476">
        <v>-4.5182685801577298E-2</v>
      </c>
      <c r="AW2476">
        <v>0.35546875</v>
      </c>
      <c r="AX2476">
        <v>85.443137254901956</v>
      </c>
      <c r="AY2476">
        <v>61.5</v>
      </c>
      <c r="AZ2476">
        <v>119.25</v>
      </c>
      <c r="BA2476">
        <v>0.57207241391278096</v>
      </c>
      <c r="BB2476">
        <v>0.515625</v>
      </c>
      <c r="BC2476">
        <v>4.8808737788320311</v>
      </c>
      <c r="BD2476" t="s">
        <v>9437</v>
      </c>
      <c r="BE2476" t="s">
        <v>62</v>
      </c>
    </row>
    <row r="2477" spans="1:57" x14ac:dyDescent="0.3">
      <c r="A2477" t="s">
        <v>9438</v>
      </c>
      <c r="B2477">
        <v>2255</v>
      </c>
      <c r="C2477" t="s">
        <v>9439</v>
      </c>
      <c r="D2477" t="s">
        <v>9440</v>
      </c>
      <c r="E2477" t="s">
        <v>98</v>
      </c>
      <c r="F2477">
        <v>16</v>
      </c>
      <c r="G2477">
        <v>147.5625</v>
      </c>
      <c r="H2477">
        <v>164</v>
      </c>
      <c r="I2477">
        <v>6228.49609375</v>
      </c>
      <c r="J2477">
        <v>78.920821674321161</v>
      </c>
      <c r="K2477">
        <v>-0.23641069957010491</v>
      </c>
      <c r="L2477">
        <v>-1.2624997843970349</v>
      </c>
      <c r="M2477">
        <v>4</v>
      </c>
      <c r="N2477">
        <v>1</v>
      </c>
      <c r="O2477">
        <v>1</v>
      </c>
      <c r="P2477">
        <v>0</v>
      </c>
      <c r="Q2477">
        <v>0</v>
      </c>
      <c r="R2477">
        <v>2.7725887222397811</v>
      </c>
      <c r="S2477">
        <v>1</v>
      </c>
      <c r="T2477">
        <v>1</v>
      </c>
      <c r="U2477">
        <v>0</v>
      </c>
      <c r="V2477">
        <v>0</v>
      </c>
      <c r="W2477">
        <v>2.7080502011022101</v>
      </c>
      <c r="X2477">
        <v>1</v>
      </c>
      <c r="Y2477">
        <v>1</v>
      </c>
      <c r="Z2477">
        <v>0</v>
      </c>
      <c r="AA2477">
        <v>0</v>
      </c>
      <c r="AB2477">
        <v>2.639057329615258</v>
      </c>
      <c r="AC2477">
        <v>1</v>
      </c>
      <c r="AD2477">
        <v>1</v>
      </c>
      <c r="AE2477">
        <v>0</v>
      </c>
      <c r="AF2477">
        <v>0</v>
      </c>
      <c r="AG2477">
        <v>2.5649493574615372</v>
      </c>
      <c r="AH2477">
        <v>0.1497351434153133</v>
      </c>
      <c r="AI2477">
        <v>2.0722470123769599E-2</v>
      </c>
      <c r="AJ2477">
        <v>-0.39411181126312722</v>
      </c>
      <c r="AK2477">
        <v>-0.10633625379822451</v>
      </c>
      <c r="AL2477">
        <v>420.24609857916641</v>
      </c>
      <c r="AM2477">
        <v>521.00308696685238</v>
      </c>
      <c r="AN2477">
        <v>2361</v>
      </c>
      <c r="AO2477">
        <v>94.77823321371902</v>
      </c>
      <c r="AP2477">
        <v>306.65206335121292</v>
      </c>
      <c r="AQ2477">
        <v>2.3125</v>
      </c>
      <c r="AR2477">
        <v>4.3125</v>
      </c>
      <c r="AS2477">
        <v>16</v>
      </c>
      <c r="AT2477">
        <v>0</v>
      </c>
      <c r="AU2477">
        <v>0.17913385826771661</v>
      </c>
      <c r="AV2477">
        <v>0.1583177115400792</v>
      </c>
      <c r="AW2477">
        <v>0.3125</v>
      </c>
      <c r="AX2477">
        <v>85.6</v>
      </c>
      <c r="AY2477">
        <v>75.5</v>
      </c>
      <c r="AZ2477">
        <v>144.75</v>
      </c>
      <c r="BA2477">
        <v>0.53482979533635688</v>
      </c>
      <c r="BB2477">
        <v>0.5625</v>
      </c>
      <c r="BC2477">
        <v>2.7080502011022101</v>
      </c>
      <c r="BD2477" t="s">
        <v>9439</v>
      </c>
      <c r="BE2477" t="s">
        <v>62</v>
      </c>
    </row>
    <row r="2478" spans="1:57" x14ac:dyDescent="0.3">
      <c r="A2478" t="s">
        <v>9441</v>
      </c>
      <c r="B2478">
        <v>2800</v>
      </c>
      <c r="C2478" t="s">
        <v>9442</v>
      </c>
      <c r="D2478" t="s">
        <v>9443</v>
      </c>
      <c r="E2478" t="s">
        <v>115</v>
      </c>
      <c r="F2478">
        <v>2875</v>
      </c>
      <c r="G2478">
        <v>129.76069565217389</v>
      </c>
      <c r="H2478">
        <v>131</v>
      </c>
      <c r="I2478">
        <v>5334.5326464725904</v>
      </c>
      <c r="J2478">
        <v>73.037885008210566</v>
      </c>
      <c r="K2478">
        <v>-2.7610605209726101E-2</v>
      </c>
      <c r="L2478">
        <v>-1.1639775051154879</v>
      </c>
      <c r="M2478">
        <v>7.9336715784396894</v>
      </c>
      <c r="N2478">
        <v>24</v>
      </c>
      <c r="O2478">
        <v>2</v>
      </c>
      <c r="P2478">
        <v>22</v>
      </c>
      <c r="Q2478">
        <v>3.3746541163908099</v>
      </c>
      <c r="R2478">
        <v>5.4992020860840487</v>
      </c>
      <c r="S2478">
        <v>3</v>
      </c>
      <c r="T2478">
        <v>1</v>
      </c>
      <c r="U2478">
        <v>2</v>
      </c>
      <c r="V2478">
        <v>0.16272958809709129</v>
      </c>
      <c r="W2478">
        <v>7.9291488802403318</v>
      </c>
      <c r="X2478">
        <v>1</v>
      </c>
      <c r="Y2478">
        <v>1</v>
      </c>
      <c r="Z2478">
        <v>0</v>
      </c>
      <c r="AA2478">
        <v>0</v>
      </c>
      <c r="AB2478">
        <v>7.9631120589792888</v>
      </c>
      <c r="AC2478">
        <v>1</v>
      </c>
      <c r="AD2478">
        <v>1</v>
      </c>
      <c r="AE2478">
        <v>0</v>
      </c>
      <c r="AF2478">
        <v>0</v>
      </c>
      <c r="AG2478">
        <v>7.9627639301681148</v>
      </c>
      <c r="AH2478">
        <v>-2.3533988223198452E-2</v>
      </c>
      <c r="AI2478">
        <v>-4.1687792409354062E-3</v>
      </c>
      <c r="AJ2478">
        <v>4.2592533275968722E-2</v>
      </c>
      <c r="AK2478">
        <v>1.818722951814597E-2</v>
      </c>
      <c r="AL2478">
        <v>3588.317786796581</v>
      </c>
      <c r="AM2478">
        <v>7132.2886551905121</v>
      </c>
      <c r="AN2478">
        <v>373062</v>
      </c>
      <c r="AO2478">
        <v>64.907781731089941</v>
      </c>
      <c r="AP2478">
        <v>3287.811006665971</v>
      </c>
      <c r="AQ2478">
        <v>1.008</v>
      </c>
      <c r="AR2478">
        <v>4.0125217391304346</v>
      </c>
      <c r="AS2478">
        <v>2863</v>
      </c>
      <c r="AT2478">
        <v>259.59756521739132</v>
      </c>
      <c r="AU2478">
        <v>2.4252344416027249E-2</v>
      </c>
      <c r="AV2478">
        <v>-2.354471880314464E-2</v>
      </c>
      <c r="AW2478">
        <v>0.3631304347826087</v>
      </c>
      <c r="AX2478">
        <v>85.633959638135011</v>
      </c>
      <c r="AY2478">
        <v>62</v>
      </c>
      <c r="AZ2478">
        <v>124</v>
      </c>
      <c r="BA2478">
        <v>0.5628660099356283</v>
      </c>
      <c r="BB2478">
        <v>0.504</v>
      </c>
      <c r="BC2478">
        <v>5.3128342984495056</v>
      </c>
      <c r="BD2478" t="s">
        <v>9444</v>
      </c>
      <c r="BE2478" t="s">
        <v>68</v>
      </c>
    </row>
    <row r="2479" spans="1:57" x14ac:dyDescent="0.3">
      <c r="A2479" t="s">
        <v>9445</v>
      </c>
      <c r="B2479">
        <v>1811</v>
      </c>
      <c r="C2479" t="s">
        <v>9446</v>
      </c>
      <c r="D2479" t="s">
        <v>9447</v>
      </c>
      <c r="E2479" t="s">
        <v>10622</v>
      </c>
      <c r="F2479">
        <v>64</v>
      </c>
      <c r="G2479">
        <v>140.953125</v>
      </c>
      <c r="H2479">
        <v>143.5</v>
      </c>
      <c r="I2479">
        <v>5174.107177734375</v>
      </c>
      <c r="J2479">
        <v>71.931267038294095</v>
      </c>
      <c r="K2479">
        <v>-0.18309063456289329</v>
      </c>
      <c r="L2479">
        <v>-1.189153844297409</v>
      </c>
      <c r="M2479">
        <v>5.84375</v>
      </c>
      <c r="N2479">
        <v>2</v>
      </c>
      <c r="O2479">
        <v>1</v>
      </c>
      <c r="P2479">
        <v>1</v>
      </c>
      <c r="Q2479">
        <v>0.27850299534160988</v>
      </c>
      <c r="R2479">
        <v>4.0505788363971806</v>
      </c>
      <c r="S2479">
        <v>1</v>
      </c>
      <c r="T2479">
        <v>1</v>
      </c>
      <c r="U2479">
        <v>0</v>
      </c>
      <c r="V2479">
        <v>0</v>
      </c>
      <c r="W2479">
        <v>4.1431347263915326</v>
      </c>
      <c r="X2479">
        <v>1</v>
      </c>
      <c r="Y2479">
        <v>1</v>
      </c>
      <c r="Z2479">
        <v>0</v>
      </c>
      <c r="AA2479">
        <v>0</v>
      </c>
      <c r="AB2479">
        <v>4.1271343850450908</v>
      </c>
      <c r="AC2479">
        <v>1</v>
      </c>
      <c r="AD2479">
        <v>1</v>
      </c>
      <c r="AE2479">
        <v>0</v>
      </c>
      <c r="AF2479">
        <v>0</v>
      </c>
      <c r="AG2479">
        <v>4.1108738641733096</v>
      </c>
      <c r="AH2479">
        <v>-5.8713902917797517E-2</v>
      </c>
      <c r="AI2479">
        <v>-1.446676791875561E-2</v>
      </c>
      <c r="AJ2479">
        <v>-0.1117688255642403</v>
      </c>
      <c r="AK2479">
        <v>-0.1185208067651882</v>
      </c>
      <c r="AL2479">
        <v>660.38135607463255</v>
      </c>
      <c r="AM2479">
        <v>1080.0821563885911</v>
      </c>
      <c r="AN2479">
        <v>9021</v>
      </c>
      <c r="AO2479">
        <v>190.99989722722481</v>
      </c>
      <c r="AP2479">
        <v>469.47470973093272</v>
      </c>
      <c r="AQ2479">
        <v>1.359375</v>
      </c>
      <c r="AR2479">
        <v>4.15625</v>
      </c>
      <c r="AS2479">
        <v>64</v>
      </c>
      <c r="AT2479">
        <v>4.2187499999999991</v>
      </c>
      <c r="AU2479">
        <v>9.0662055335968383E-2</v>
      </c>
      <c r="AV2479">
        <v>-5.9542924405144283E-2</v>
      </c>
      <c r="AW2479">
        <v>0.328125</v>
      </c>
      <c r="AX2479">
        <v>84.682539682539684</v>
      </c>
      <c r="AY2479">
        <v>62</v>
      </c>
      <c r="AZ2479">
        <v>125.5</v>
      </c>
      <c r="BA2479">
        <v>0.51032048447520473</v>
      </c>
      <c r="BB2479">
        <v>0.546875</v>
      </c>
      <c r="BC2479">
        <v>3.9284816226199761</v>
      </c>
      <c r="BD2479" t="s">
        <v>9448</v>
      </c>
      <c r="BE2479" t="s">
        <v>62</v>
      </c>
    </row>
    <row r="2480" spans="1:57" x14ac:dyDescent="0.3">
      <c r="A2480" t="s">
        <v>9449</v>
      </c>
      <c r="B2480">
        <v>2064</v>
      </c>
      <c r="C2480" t="s">
        <v>9450</v>
      </c>
      <c r="D2480" t="s">
        <v>9451</v>
      </c>
      <c r="E2480" t="s">
        <v>10622</v>
      </c>
      <c r="F2480">
        <v>64</v>
      </c>
      <c r="G2480">
        <v>122.71875</v>
      </c>
      <c r="H2480">
        <v>116.5</v>
      </c>
      <c r="I2480">
        <v>4631.5458984375</v>
      </c>
      <c r="J2480">
        <v>68.055461929499089</v>
      </c>
      <c r="K2480">
        <v>2.9435038418667191E-2</v>
      </c>
      <c r="L2480">
        <v>-1.2040457569749861</v>
      </c>
      <c r="M2480">
        <v>5.8125</v>
      </c>
      <c r="N2480">
        <v>2</v>
      </c>
      <c r="O2480">
        <v>1</v>
      </c>
      <c r="P2480">
        <v>1</v>
      </c>
      <c r="Q2480">
        <v>0.30454347814923621</v>
      </c>
      <c r="R2480">
        <v>4.0289179870046823</v>
      </c>
      <c r="S2480">
        <v>1</v>
      </c>
      <c r="T2480">
        <v>1</v>
      </c>
      <c r="U2480">
        <v>0</v>
      </c>
      <c r="V2480">
        <v>0</v>
      </c>
      <c r="W2480">
        <v>4.1431347263915326</v>
      </c>
      <c r="X2480">
        <v>1</v>
      </c>
      <c r="Y2480">
        <v>1</v>
      </c>
      <c r="Z2480">
        <v>0</v>
      </c>
      <c r="AA2480">
        <v>0</v>
      </c>
      <c r="AB2480">
        <v>4.1271343850450908</v>
      </c>
      <c r="AC2480">
        <v>1</v>
      </c>
      <c r="AD2480">
        <v>1</v>
      </c>
      <c r="AE2480">
        <v>0</v>
      </c>
      <c r="AF2480">
        <v>0</v>
      </c>
      <c r="AG2480">
        <v>4.1108738641733096</v>
      </c>
      <c r="AH2480">
        <v>7.1183718308947444E-2</v>
      </c>
      <c r="AI2480">
        <v>-0.13517745708512641</v>
      </c>
      <c r="AJ2480">
        <v>-9.1982953207274412E-2</v>
      </c>
      <c r="AK2480">
        <v>8.2661162579651309E-2</v>
      </c>
      <c r="AL2480">
        <v>576.35157946838001</v>
      </c>
      <c r="AM2480">
        <v>963.36434273036275</v>
      </c>
      <c r="AN2480">
        <v>7854</v>
      </c>
      <c r="AO2480">
        <v>52.451834889196718</v>
      </c>
      <c r="AP2480">
        <v>421.17169570975068</v>
      </c>
      <c r="AQ2480">
        <v>1.359375</v>
      </c>
      <c r="AR2480">
        <v>3.953125</v>
      </c>
      <c r="AS2480">
        <v>63</v>
      </c>
      <c r="AT2480">
        <v>4.8750000000000009</v>
      </c>
      <c r="AU2480">
        <v>6.2633547008547008E-2</v>
      </c>
      <c r="AV2480">
        <v>7.1305808918323249E-2</v>
      </c>
      <c r="AW2480">
        <v>0.421875</v>
      </c>
      <c r="AX2480">
        <v>76.904761904761898</v>
      </c>
      <c r="AY2480">
        <v>60.5</v>
      </c>
      <c r="AZ2480">
        <v>117.5</v>
      </c>
      <c r="BA2480">
        <v>0.5545644975156534</v>
      </c>
      <c r="BB2480">
        <v>0.484375</v>
      </c>
      <c r="BC2480">
        <v>3.906476950221248</v>
      </c>
      <c r="BD2480" t="s">
        <v>9452</v>
      </c>
      <c r="BE2480" t="s">
        <v>62</v>
      </c>
    </row>
    <row r="2481" spans="1:57" x14ac:dyDescent="0.3">
      <c r="A2481" t="s">
        <v>9453</v>
      </c>
      <c r="B2481">
        <v>151</v>
      </c>
      <c r="C2481" t="s">
        <v>9454</v>
      </c>
      <c r="D2481" t="s">
        <v>9455</v>
      </c>
      <c r="E2481" t="s">
        <v>60</v>
      </c>
      <c r="F2481">
        <v>256</v>
      </c>
      <c r="G2481">
        <v>131.60546875</v>
      </c>
      <c r="H2481">
        <v>128.5</v>
      </c>
      <c r="I2481">
        <v>5359.1998138427734</v>
      </c>
      <c r="J2481">
        <v>73.206555811913276</v>
      </c>
      <c r="K2481">
        <v>3.4587502594715817E-2</v>
      </c>
      <c r="L2481">
        <v>-1.155537343135427</v>
      </c>
      <c r="M2481">
        <v>7.2010054942135726</v>
      </c>
      <c r="N2481">
        <v>5</v>
      </c>
      <c r="O2481">
        <v>1</v>
      </c>
      <c r="P2481">
        <v>4</v>
      </c>
      <c r="Q2481">
        <v>0.78239097230953369</v>
      </c>
      <c r="R2481">
        <v>4.9913566555108133</v>
      </c>
      <c r="S2481">
        <v>2</v>
      </c>
      <c r="T2481">
        <v>1</v>
      </c>
      <c r="U2481">
        <v>1</v>
      </c>
      <c r="V2481">
        <v>6.2621943781838038E-2</v>
      </c>
      <c r="W2481">
        <v>5.5358270966834446</v>
      </c>
      <c r="X2481">
        <v>1</v>
      </c>
      <c r="Y2481">
        <v>1</v>
      </c>
      <c r="Z2481">
        <v>0</v>
      </c>
      <c r="AA2481">
        <v>0</v>
      </c>
      <c r="AB2481">
        <v>5.5373342670185366</v>
      </c>
      <c r="AC2481">
        <v>1</v>
      </c>
      <c r="AD2481">
        <v>1</v>
      </c>
      <c r="AE2481">
        <v>0</v>
      </c>
      <c r="AF2481">
        <v>0</v>
      </c>
      <c r="AG2481">
        <v>5.5333894887275203</v>
      </c>
      <c r="AH2481">
        <v>-1.538538199032799E-2</v>
      </c>
      <c r="AI2481">
        <v>-4.0632545433122877E-2</v>
      </c>
      <c r="AJ2481">
        <v>-2.5611926842694661E-2</v>
      </c>
      <c r="AK2481">
        <v>3.8744323828749587E-2</v>
      </c>
      <c r="AL2481">
        <v>1151.863773020717</v>
      </c>
      <c r="AM2481">
        <v>2116.3848535657398</v>
      </c>
      <c r="AN2481">
        <v>33691</v>
      </c>
      <c r="AO2481">
        <v>62.554800429584951</v>
      </c>
      <c r="AP2481">
        <v>970.95423755637034</v>
      </c>
      <c r="AQ2481">
        <v>1.08984375</v>
      </c>
      <c r="AR2481">
        <v>4.03125</v>
      </c>
      <c r="AS2481">
        <v>255</v>
      </c>
      <c r="AT2481">
        <v>64.312499999999986</v>
      </c>
      <c r="AU2481">
        <v>4.7916666666666663E-2</v>
      </c>
      <c r="AV2481">
        <v>-1.545022598926942E-2</v>
      </c>
      <c r="AW2481">
        <v>0.38671875</v>
      </c>
      <c r="AX2481">
        <v>85.258823529411771</v>
      </c>
      <c r="AY2481">
        <v>62</v>
      </c>
      <c r="AZ2481">
        <v>126.25</v>
      </c>
      <c r="BA2481">
        <v>0.55625770347718373</v>
      </c>
      <c r="BB2481">
        <v>0.47265625</v>
      </c>
      <c r="BC2481">
        <v>4.8784173954065722</v>
      </c>
      <c r="BD2481" t="s">
        <v>9456</v>
      </c>
      <c r="BE2481" t="s">
        <v>62</v>
      </c>
    </row>
    <row r="2482" spans="1:57" x14ac:dyDescent="0.3">
      <c r="A2482" t="s">
        <v>9457</v>
      </c>
      <c r="B2482">
        <v>2354</v>
      </c>
      <c r="C2482" t="s">
        <v>9458</v>
      </c>
      <c r="D2482" t="s">
        <v>9459</v>
      </c>
      <c r="E2482" t="s">
        <v>106</v>
      </c>
      <c r="F2482">
        <v>2370</v>
      </c>
      <c r="G2482">
        <v>126.57215189873421</v>
      </c>
      <c r="H2482">
        <v>128</v>
      </c>
      <c r="I2482">
        <v>5368.5418405170112</v>
      </c>
      <c r="J2482">
        <v>73.270333973014019</v>
      </c>
      <c r="K2482">
        <v>-1.8937191858041581E-2</v>
      </c>
      <c r="L2482">
        <v>-1.189037091565748</v>
      </c>
      <c r="M2482">
        <v>7.9207943844635373</v>
      </c>
      <c r="N2482">
        <v>19</v>
      </c>
      <c r="O2482">
        <v>2</v>
      </c>
      <c r="P2482">
        <v>17</v>
      </c>
      <c r="Q2482">
        <v>3.049708217984755</v>
      </c>
      <c r="R2482">
        <v>5.4902762953859359</v>
      </c>
      <c r="S2482">
        <v>3</v>
      </c>
      <c r="T2482">
        <v>1</v>
      </c>
      <c r="U2482">
        <v>2</v>
      </c>
      <c r="V2482">
        <v>0.14384989686085739</v>
      </c>
      <c r="W2482">
        <v>7.7424988128053016</v>
      </c>
      <c r="X2482">
        <v>1</v>
      </c>
      <c r="Y2482">
        <v>1</v>
      </c>
      <c r="Z2482">
        <v>0</v>
      </c>
      <c r="AA2482">
        <v>0</v>
      </c>
      <c r="AB2482">
        <v>7.7698009960038963</v>
      </c>
      <c r="AC2482">
        <v>1</v>
      </c>
      <c r="AD2482">
        <v>1</v>
      </c>
      <c r="AE2482">
        <v>0</v>
      </c>
      <c r="AF2482">
        <v>0</v>
      </c>
      <c r="AG2482">
        <v>7.7693786095139838</v>
      </c>
      <c r="AH2482">
        <v>-1.996209815891677E-2</v>
      </c>
      <c r="AI2482">
        <v>-6.0457194391213996E-3</v>
      </c>
      <c r="AJ2482">
        <v>5.1408008312849897E-3</v>
      </c>
      <c r="AK2482">
        <v>9.3878583076986866E-3</v>
      </c>
      <c r="AL2482">
        <v>3264.484342719767</v>
      </c>
      <c r="AM2482">
        <v>6327.3370367112166</v>
      </c>
      <c r="AN2482">
        <v>299976</v>
      </c>
      <c r="AO2482">
        <v>39.536852631237039</v>
      </c>
      <c r="AP2482">
        <v>2901.809912225694</v>
      </c>
      <c r="AQ2482">
        <v>1.0097046413502111</v>
      </c>
      <c r="AR2482">
        <v>3.9856540084388188</v>
      </c>
      <c r="AS2482">
        <v>2360</v>
      </c>
      <c r="AT2482">
        <v>257.18649789029541</v>
      </c>
      <c r="AU2482">
        <v>1.65797964755523E-2</v>
      </c>
      <c r="AV2482">
        <v>-1.9968975421569939E-2</v>
      </c>
      <c r="AW2482">
        <v>0.36708860759493672</v>
      </c>
      <c r="AX2482">
        <v>85.713803292528496</v>
      </c>
      <c r="AY2482">
        <v>62</v>
      </c>
      <c r="AZ2482">
        <v>125.75</v>
      </c>
      <c r="BA2482">
        <v>0.57888194894272615</v>
      </c>
      <c r="BB2482">
        <v>0.50632911392405067</v>
      </c>
      <c r="BC2482">
        <v>5.299117344183859</v>
      </c>
      <c r="BD2482" t="s">
        <v>9460</v>
      </c>
      <c r="BE2482" t="s">
        <v>68</v>
      </c>
    </row>
    <row r="2483" spans="1:57" x14ac:dyDescent="0.3">
      <c r="A2483" t="s">
        <v>2622</v>
      </c>
      <c r="B2483">
        <v>2570</v>
      </c>
      <c r="C2483" t="s">
        <v>9461</v>
      </c>
      <c r="D2483" t="s">
        <v>9462</v>
      </c>
      <c r="E2483" t="s">
        <v>128</v>
      </c>
      <c r="F2483">
        <v>32</v>
      </c>
      <c r="G2483">
        <v>122.25</v>
      </c>
      <c r="H2483">
        <v>106</v>
      </c>
      <c r="I2483">
        <v>5736.5625</v>
      </c>
      <c r="J2483">
        <v>75.740098362756299</v>
      </c>
      <c r="K2483">
        <v>0.2024085851843884</v>
      </c>
      <c r="L2483">
        <v>-1.1908476749868511</v>
      </c>
      <c r="M2483">
        <v>4.875</v>
      </c>
      <c r="N2483">
        <v>2</v>
      </c>
      <c r="O2483">
        <v>1</v>
      </c>
      <c r="P2483">
        <v>1</v>
      </c>
      <c r="Q2483">
        <v>0.24944382578492941</v>
      </c>
      <c r="R2483">
        <v>3.3790925052297331</v>
      </c>
      <c r="S2483">
        <v>1</v>
      </c>
      <c r="T2483">
        <v>1</v>
      </c>
      <c r="U2483">
        <v>0</v>
      </c>
      <c r="V2483">
        <v>0</v>
      </c>
      <c r="W2483">
        <v>3.4339872044851458</v>
      </c>
      <c r="X2483">
        <v>1</v>
      </c>
      <c r="Y2483">
        <v>1</v>
      </c>
      <c r="Z2483">
        <v>0</v>
      </c>
      <c r="AA2483">
        <v>0</v>
      </c>
      <c r="AB2483">
        <v>3.401197381662155</v>
      </c>
      <c r="AC2483">
        <v>1</v>
      </c>
      <c r="AD2483">
        <v>1</v>
      </c>
      <c r="AE2483">
        <v>0</v>
      </c>
      <c r="AF2483">
        <v>0</v>
      </c>
      <c r="AG2483">
        <v>3.3672958299864728</v>
      </c>
      <c r="AH2483">
        <v>5.681415808683336E-3</v>
      </c>
      <c r="AI2483">
        <v>-0.20035204554121039</v>
      </c>
      <c r="AJ2483">
        <v>0.14656227869477581</v>
      </c>
      <c r="AK2483">
        <v>0.2875817126981533</v>
      </c>
      <c r="AL2483">
        <v>493.74549379816619</v>
      </c>
      <c r="AM2483">
        <v>646.55037495465513</v>
      </c>
      <c r="AN2483">
        <v>3912</v>
      </c>
      <c r="AO2483">
        <v>88.989088314966892</v>
      </c>
      <c r="AP2483">
        <v>419.18285879646811</v>
      </c>
      <c r="AQ2483">
        <v>1.65625</v>
      </c>
      <c r="AR2483">
        <v>4.1875</v>
      </c>
      <c r="AS2483">
        <v>31</v>
      </c>
      <c r="AT2483">
        <v>1.75</v>
      </c>
      <c r="AU2483">
        <v>0.1134350393700788</v>
      </c>
      <c r="AV2483">
        <v>4.6832284122724794E-3</v>
      </c>
      <c r="AW2483">
        <v>0.46875</v>
      </c>
      <c r="AX2483">
        <v>85.677419354838705</v>
      </c>
      <c r="AY2483">
        <v>56.5</v>
      </c>
      <c r="AZ2483">
        <v>122</v>
      </c>
      <c r="BA2483">
        <v>0.61955090685281222</v>
      </c>
      <c r="BB2483">
        <v>0.4375</v>
      </c>
      <c r="BC2483">
        <v>3.3445488586064429</v>
      </c>
      <c r="BD2483" t="s">
        <v>9463</v>
      </c>
      <c r="BE2483" t="s">
        <v>62</v>
      </c>
    </row>
    <row r="2484" spans="1:57" x14ac:dyDescent="0.3">
      <c r="A2484" t="s">
        <v>9464</v>
      </c>
      <c r="B2484">
        <v>3431</v>
      </c>
      <c r="C2484" t="s">
        <v>9465</v>
      </c>
      <c r="D2484" t="s">
        <v>9466</v>
      </c>
      <c r="E2484" t="s">
        <v>115</v>
      </c>
      <c r="F2484">
        <v>3520</v>
      </c>
      <c r="G2484">
        <v>126.3596590909091</v>
      </c>
      <c r="H2484">
        <v>125</v>
      </c>
      <c r="I2484">
        <v>5480.2450771565082</v>
      </c>
      <c r="J2484">
        <v>74.028677397050046</v>
      </c>
      <c r="K2484">
        <v>1.8652823937069071E-2</v>
      </c>
      <c r="L2484">
        <v>-1.2064958708976261</v>
      </c>
      <c r="M2484">
        <v>7.9493766041596663</v>
      </c>
      <c r="N2484">
        <v>25</v>
      </c>
      <c r="O2484">
        <v>6</v>
      </c>
      <c r="P2484">
        <v>19</v>
      </c>
      <c r="Q2484">
        <v>3.6379080527138119</v>
      </c>
      <c r="R2484">
        <v>5.5100879803824654</v>
      </c>
      <c r="S2484">
        <v>3</v>
      </c>
      <c r="T2484">
        <v>1</v>
      </c>
      <c r="U2484">
        <v>2</v>
      </c>
      <c r="V2484">
        <v>0.17298962416664551</v>
      </c>
      <c r="W2484">
        <v>8.1290422470492736</v>
      </c>
      <c r="X2484">
        <v>2</v>
      </c>
      <c r="Y2484">
        <v>1</v>
      </c>
      <c r="Z2484">
        <v>1</v>
      </c>
      <c r="AA2484">
        <v>3.371955206283124E-2</v>
      </c>
      <c r="AB2484">
        <v>8.1640716952109535</v>
      </c>
      <c r="AC2484">
        <v>1</v>
      </c>
      <c r="AD2484">
        <v>1</v>
      </c>
      <c r="AE2484">
        <v>0</v>
      </c>
      <c r="AF2484">
        <v>0</v>
      </c>
      <c r="AG2484">
        <v>8.16536363247398</v>
      </c>
      <c r="AH2484">
        <v>-1.0958245803959E-2</v>
      </c>
      <c r="AI2484">
        <v>4.8854253988146719E-3</v>
      </c>
      <c r="AJ2484">
        <v>-3.6542049697702229E-2</v>
      </c>
      <c r="AK2484">
        <v>1.31605720963336E-3</v>
      </c>
      <c r="AL2484">
        <v>4031.0453317774759</v>
      </c>
      <c r="AM2484">
        <v>7697.0217313682451</v>
      </c>
      <c r="AN2484">
        <v>444786</v>
      </c>
      <c r="AO2484">
        <v>73.017966397752915</v>
      </c>
      <c r="AP2484">
        <v>3635.2741976159309</v>
      </c>
      <c r="AQ2484">
        <v>1.006534090909091</v>
      </c>
      <c r="AR2484">
        <v>3.985795454545455</v>
      </c>
      <c r="AS2484">
        <v>3508</v>
      </c>
      <c r="AT2484">
        <v>246.4</v>
      </c>
      <c r="AU2484">
        <v>1.5825534759358221E-2</v>
      </c>
      <c r="AV2484">
        <v>-1.096203172205187E-2</v>
      </c>
      <c r="AW2484">
        <v>0.38267045454545462</v>
      </c>
      <c r="AX2484">
        <v>85.919295254333619</v>
      </c>
      <c r="AY2484">
        <v>65</v>
      </c>
      <c r="AZ2484">
        <v>130.25</v>
      </c>
      <c r="BA2484">
        <v>0.58585689396162688</v>
      </c>
      <c r="BB2484">
        <v>0.49005681818181818</v>
      </c>
      <c r="BC2484">
        <v>5.3257583609766623</v>
      </c>
      <c r="BD2484" t="s">
        <v>9467</v>
      </c>
      <c r="BE2484" t="s">
        <v>62</v>
      </c>
    </row>
    <row r="2485" spans="1:57" x14ac:dyDescent="0.3">
      <c r="A2485" t="s">
        <v>9468</v>
      </c>
      <c r="B2485">
        <v>3096</v>
      </c>
      <c r="C2485" t="s">
        <v>9469</v>
      </c>
      <c r="D2485" t="s">
        <v>9470</v>
      </c>
      <c r="E2485" t="s">
        <v>128</v>
      </c>
      <c r="F2485">
        <v>32</v>
      </c>
      <c r="G2485">
        <v>130.1875</v>
      </c>
      <c r="H2485">
        <v>135.5</v>
      </c>
      <c r="I2485">
        <v>5071.58984375</v>
      </c>
      <c r="J2485">
        <v>71.215095617081076</v>
      </c>
      <c r="K2485">
        <v>-1.0843835488485341E-3</v>
      </c>
      <c r="L2485">
        <v>-0.91890980316242565</v>
      </c>
      <c r="M2485">
        <v>4.9375</v>
      </c>
      <c r="N2485">
        <v>2</v>
      </c>
      <c r="O2485">
        <v>1</v>
      </c>
      <c r="P2485">
        <v>1</v>
      </c>
      <c r="Q2485">
        <v>0.17668469596940839</v>
      </c>
      <c r="R2485">
        <v>3.422414204014729</v>
      </c>
      <c r="S2485">
        <v>1</v>
      </c>
      <c r="T2485">
        <v>1</v>
      </c>
      <c r="U2485">
        <v>0</v>
      </c>
      <c r="V2485">
        <v>0</v>
      </c>
      <c r="W2485">
        <v>3.4339872044851458</v>
      </c>
      <c r="X2485">
        <v>1</v>
      </c>
      <c r="Y2485">
        <v>1</v>
      </c>
      <c r="Z2485">
        <v>0</v>
      </c>
      <c r="AA2485">
        <v>0</v>
      </c>
      <c r="AB2485">
        <v>3.401197381662155</v>
      </c>
      <c r="AC2485">
        <v>1</v>
      </c>
      <c r="AD2485">
        <v>1</v>
      </c>
      <c r="AE2485">
        <v>0</v>
      </c>
      <c r="AF2485">
        <v>0</v>
      </c>
      <c r="AG2485">
        <v>3.3672958299864728</v>
      </c>
      <c r="AH2485">
        <v>-0.19693596547711009</v>
      </c>
      <c r="AI2485">
        <v>-0.1017490682239528</v>
      </c>
      <c r="AJ2485">
        <v>0.14340539305583261</v>
      </c>
      <c r="AK2485">
        <v>3.4229194571167347E-2</v>
      </c>
      <c r="AL2485">
        <v>489.51342971880598</v>
      </c>
      <c r="AM2485">
        <v>681.93005662232804</v>
      </c>
      <c r="AN2485">
        <v>4166</v>
      </c>
      <c r="AO2485">
        <v>132.3185392383171</v>
      </c>
      <c r="AP2485">
        <v>349.25542761900442</v>
      </c>
      <c r="AQ2485">
        <v>1.71875</v>
      </c>
      <c r="AR2485">
        <v>4.34375</v>
      </c>
      <c r="AS2485">
        <v>32</v>
      </c>
      <c r="AT2485">
        <v>0.93749999999999978</v>
      </c>
      <c r="AU2485">
        <v>0.13302865612648221</v>
      </c>
      <c r="AV2485">
        <v>-0.1982135540366764</v>
      </c>
      <c r="AW2485">
        <v>0.3125</v>
      </c>
      <c r="AX2485">
        <v>90.064516129032256</v>
      </c>
      <c r="AY2485">
        <v>50</v>
      </c>
      <c r="AZ2485">
        <v>94</v>
      </c>
      <c r="BA2485">
        <v>0.54701945745237501</v>
      </c>
      <c r="BB2485">
        <v>0.5</v>
      </c>
      <c r="BC2485">
        <v>3.210391339788389</v>
      </c>
      <c r="BD2485" t="s">
        <v>9471</v>
      </c>
      <c r="BE2485" t="s">
        <v>62</v>
      </c>
    </row>
    <row r="2486" spans="1:57" x14ac:dyDescent="0.3">
      <c r="A2486" t="s">
        <v>9472</v>
      </c>
      <c r="B2486">
        <v>2747</v>
      </c>
      <c r="C2486" t="s">
        <v>9473</v>
      </c>
      <c r="D2486" t="s">
        <v>9474</v>
      </c>
      <c r="E2486" t="s">
        <v>128</v>
      </c>
      <c r="F2486">
        <v>32</v>
      </c>
      <c r="G2486">
        <v>126.21875</v>
      </c>
      <c r="H2486">
        <v>138.5</v>
      </c>
      <c r="I2486">
        <v>5654.6083984375</v>
      </c>
      <c r="J2486">
        <v>75.197130254003042</v>
      </c>
      <c r="K2486">
        <v>6.2165403829763467E-2</v>
      </c>
      <c r="L2486">
        <v>-1.3416756467802871</v>
      </c>
      <c r="M2486">
        <v>4.8125</v>
      </c>
      <c r="N2486">
        <v>2</v>
      </c>
      <c r="O2486">
        <v>1</v>
      </c>
      <c r="P2486">
        <v>1</v>
      </c>
      <c r="Q2486">
        <v>0.3045434781492361</v>
      </c>
      <c r="R2486">
        <v>3.335770806444736</v>
      </c>
      <c r="S2486">
        <v>1</v>
      </c>
      <c r="T2486">
        <v>1</v>
      </c>
      <c r="U2486">
        <v>0</v>
      </c>
      <c r="V2486">
        <v>0</v>
      </c>
      <c r="W2486">
        <v>3.4339872044851458</v>
      </c>
      <c r="X2486">
        <v>1</v>
      </c>
      <c r="Y2486">
        <v>1</v>
      </c>
      <c r="Z2486">
        <v>0</v>
      </c>
      <c r="AA2486">
        <v>0</v>
      </c>
      <c r="AB2486">
        <v>3.401197381662155</v>
      </c>
      <c r="AC2486">
        <v>1</v>
      </c>
      <c r="AD2486">
        <v>1</v>
      </c>
      <c r="AE2486">
        <v>0</v>
      </c>
      <c r="AF2486">
        <v>0</v>
      </c>
      <c r="AG2486">
        <v>3.3672958299864728</v>
      </c>
      <c r="AH2486">
        <v>0.11928487338089661</v>
      </c>
      <c r="AI2486">
        <v>0.1474485149263797</v>
      </c>
      <c r="AJ2486">
        <v>8.3853815955563071E-2</v>
      </c>
      <c r="AK2486">
        <v>-1.667944589926738E-2</v>
      </c>
      <c r="AL2486">
        <v>514.70119867066762</v>
      </c>
      <c r="AM2486">
        <v>652.55473033836631</v>
      </c>
      <c r="AN2486">
        <v>4039</v>
      </c>
      <c r="AO2486">
        <v>191</v>
      </c>
      <c r="AP2486">
        <v>396.26634463573299</v>
      </c>
      <c r="AQ2486">
        <v>1.71875</v>
      </c>
      <c r="AR2486">
        <v>4</v>
      </c>
      <c r="AS2486">
        <v>32</v>
      </c>
      <c r="AT2486">
        <v>2.4375</v>
      </c>
      <c r="AU2486">
        <v>0.13426383399209479</v>
      </c>
      <c r="AV2486">
        <v>0.1198757729592001</v>
      </c>
      <c r="AW2486">
        <v>0.40625</v>
      </c>
      <c r="AX2486">
        <v>80.903225806451616</v>
      </c>
      <c r="AY2486">
        <v>79.5</v>
      </c>
      <c r="AZ2486">
        <v>139.75</v>
      </c>
      <c r="BA2486">
        <v>0.59576830109633505</v>
      </c>
      <c r="BB2486">
        <v>0.53125</v>
      </c>
      <c r="BC2486">
        <v>3.3892680315457948</v>
      </c>
      <c r="BD2486" t="s">
        <v>9475</v>
      </c>
      <c r="BE2486" t="s">
        <v>62</v>
      </c>
    </row>
    <row r="2487" spans="1:57" x14ac:dyDescent="0.3">
      <c r="A2487" t="s">
        <v>9476</v>
      </c>
      <c r="B2487">
        <v>3154</v>
      </c>
      <c r="C2487" t="s">
        <v>9477</v>
      </c>
      <c r="D2487" t="s">
        <v>9478</v>
      </c>
      <c r="E2487" t="s">
        <v>115</v>
      </c>
      <c r="F2487">
        <v>3200</v>
      </c>
      <c r="G2487">
        <v>126.60062499999999</v>
      </c>
      <c r="H2487">
        <v>126.5</v>
      </c>
      <c r="I2487">
        <v>5532.0436246093759</v>
      </c>
      <c r="J2487">
        <v>74.377709191728783</v>
      </c>
      <c r="K2487">
        <v>5.9361596467422499E-3</v>
      </c>
      <c r="L2487">
        <v>-1.21367953053736</v>
      </c>
      <c r="M2487">
        <v>7.9429752946172618</v>
      </c>
      <c r="N2487">
        <v>22</v>
      </c>
      <c r="O2487">
        <v>3</v>
      </c>
      <c r="P2487">
        <v>19</v>
      </c>
      <c r="Q2487">
        <v>3.4550687402713129</v>
      </c>
      <c r="R2487">
        <v>5.505650930721254</v>
      </c>
      <c r="S2487">
        <v>2</v>
      </c>
      <c r="T2487">
        <v>1</v>
      </c>
      <c r="U2487">
        <v>1</v>
      </c>
      <c r="V2487">
        <v>0.14360463612704971</v>
      </c>
      <c r="W2487">
        <v>8.0419922808579543</v>
      </c>
      <c r="X2487">
        <v>1</v>
      </c>
      <c r="Y2487">
        <v>1</v>
      </c>
      <c r="Z2487">
        <v>0</v>
      </c>
      <c r="AA2487">
        <v>0</v>
      </c>
      <c r="AB2487">
        <v>8.0702808933939032</v>
      </c>
      <c r="AC2487">
        <v>1</v>
      </c>
      <c r="AD2487">
        <v>1</v>
      </c>
      <c r="AE2487">
        <v>0</v>
      </c>
      <c r="AF2487">
        <v>0</v>
      </c>
      <c r="AG2487">
        <v>8.0699681490598412</v>
      </c>
      <c r="AH2487">
        <v>1.1799908924414631E-3</v>
      </c>
      <c r="AI2487">
        <v>-1.8813094493758249E-2</v>
      </c>
      <c r="AJ2487">
        <v>4.1646358366293663E-2</v>
      </c>
      <c r="AK2487">
        <v>1.523030874988872E-2</v>
      </c>
      <c r="AL2487">
        <v>3849.0436252418308</v>
      </c>
      <c r="AM2487">
        <v>7360.4416423870389</v>
      </c>
      <c r="AN2487">
        <v>405122</v>
      </c>
      <c r="AO2487">
        <v>127.1987626148378</v>
      </c>
      <c r="AP2487">
        <v>3467.6479263487481</v>
      </c>
      <c r="AQ2487">
        <v>1.0071874999999999</v>
      </c>
      <c r="AR2487">
        <v>4.0143750000000002</v>
      </c>
      <c r="AS2487">
        <v>3186</v>
      </c>
      <c r="AT2487">
        <v>244.48</v>
      </c>
      <c r="AU2487">
        <v>1.564338235294116E-2</v>
      </c>
      <c r="AV2487">
        <v>1.180531168866182E-3</v>
      </c>
      <c r="AW2487">
        <v>0.37093749999999998</v>
      </c>
      <c r="AX2487">
        <v>85.814316974054393</v>
      </c>
      <c r="AY2487">
        <v>65.5</v>
      </c>
      <c r="AZ2487">
        <v>130</v>
      </c>
      <c r="BA2487">
        <v>0.58749875201428736</v>
      </c>
      <c r="BB2487">
        <v>0.5</v>
      </c>
      <c r="BC2487">
        <v>5.3171832493234481</v>
      </c>
      <c r="BD2487" t="s">
        <v>9479</v>
      </c>
      <c r="BE2487" t="s">
        <v>62</v>
      </c>
    </row>
    <row r="2488" spans="1:57" x14ac:dyDescent="0.3">
      <c r="A2488" t="s">
        <v>9480</v>
      </c>
      <c r="B2488">
        <v>2379</v>
      </c>
      <c r="C2488" t="s">
        <v>9481</v>
      </c>
      <c r="D2488" t="s">
        <v>9482</v>
      </c>
      <c r="E2488" t="s">
        <v>85</v>
      </c>
      <c r="F2488">
        <v>8</v>
      </c>
      <c r="G2488">
        <v>153.75</v>
      </c>
      <c r="H2488">
        <v>160.5</v>
      </c>
      <c r="I2488">
        <v>5010.1875</v>
      </c>
      <c r="J2488">
        <v>70.782677965728311</v>
      </c>
      <c r="K2488">
        <v>-0.52847255385812697</v>
      </c>
      <c r="L2488">
        <v>-1.0495439323300151</v>
      </c>
      <c r="M2488">
        <v>3</v>
      </c>
      <c r="N2488">
        <v>1</v>
      </c>
      <c r="O2488">
        <v>1</v>
      </c>
      <c r="P2488">
        <v>0</v>
      </c>
      <c r="Q2488">
        <v>0</v>
      </c>
      <c r="R2488">
        <v>2.0794415416798362</v>
      </c>
      <c r="S2488">
        <v>1</v>
      </c>
      <c r="T2488">
        <v>1</v>
      </c>
      <c r="U2488">
        <v>0</v>
      </c>
      <c r="V2488">
        <v>0</v>
      </c>
      <c r="W2488">
        <v>1.945910149055313</v>
      </c>
      <c r="X2488">
        <v>1</v>
      </c>
      <c r="Y2488">
        <v>1</v>
      </c>
      <c r="Z2488">
        <v>0</v>
      </c>
      <c r="AA2488">
        <v>0</v>
      </c>
      <c r="AB2488">
        <v>1.791759469228055</v>
      </c>
      <c r="AC2488">
        <v>1</v>
      </c>
      <c r="AD2488">
        <v>1</v>
      </c>
      <c r="AE2488">
        <v>0</v>
      </c>
      <c r="AF2488">
        <v>0</v>
      </c>
      <c r="AG2488">
        <v>1.6094379124341009</v>
      </c>
      <c r="AH2488">
        <v>0.22315001933560369</v>
      </c>
      <c r="AI2488">
        <v>0.28466062896847671</v>
      </c>
      <c r="AJ2488">
        <v>-0.41165032496288811</v>
      </c>
      <c r="AK2488">
        <v>0</v>
      </c>
      <c r="AL2488">
        <v>315.74768511050303</v>
      </c>
      <c r="AM2488">
        <v>359.85747087890041</v>
      </c>
      <c r="AN2488">
        <v>1230</v>
      </c>
      <c r="AO2488">
        <v>43.863424398922611</v>
      </c>
      <c r="AP2488">
        <v>220.8906549194036</v>
      </c>
      <c r="AQ2488">
        <v>3.5</v>
      </c>
      <c r="AR2488">
        <v>3.875</v>
      </c>
      <c r="AS2488">
        <v>8</v>
      </c>
      <c r="AT2488">
        <v>0</v>
      </c>
      <c r="AU2488">
        <v>0.2045454545454545</v>
      </c>
      <c r="AV2488">
        <v>0.33622212580039817</v>
      </c>
      <c r="AW2488">
        <v>0.25</v>
      </c>
      <c r="AX2488">
        <v>74.428571428571431</v>
      </c>
      <c r="AY2488">
        <v>56</v>
      </c>
      <c r="AZ2488">
        <v>92.25</v>
      </c>
      <c r="BA2488">
        <v>0.46037514124050932</v>
      </c>
      <c r="BB2488">
        <v>0.625</v>
      </c>
      <c r="BC2488">
        <v>1.945910149055313</v>
      </c>
      <c r="BD2488" t="s">
        <v>9481</v>
      </c>
      <c r="BE2488" t="s">
        <v>68</v>
      </c>
    </row>
    <row r="2489" spans="1:57" x14ac:dyDescent="0.3">
      <c r="A2489" t="s">
        <v>9483</v>
      </c>
      <c r="B2489">
        <v>2946</v>
      </c>
      <c r="C2489" t="s">
        <v>9484</v>
      </c>
      <c r="D2489" t="s">
        <v>9485</v>
      </c>
      <c r="E2489" t="s">
        <v>98</v>
      </c>
      <c r="F2489">
        <v>16</v>
      </c>
      <c r="G2489">
        <v>135.375</v>
      </c>
      <c r="H2489">
        <v>144.5</v>
      </c>
      <c r="I2489">
        <v>3394.734375</v>
      </c>
      <c r="J2489">
        <v>58.264349091017912</v>
      </c>
      <c r="K2489">
        <v>-0.6788407093293779</v>
      </c>
      <c r="L2489">
        <v>-0.32600800922006462</v>
      </c>
      <c r="M2489">
        <v>3.875</v>
      </c>
      <c r="N2489">
        <v>2</v>
      </c>
      <c r="O2489">
        <v>1</v>
      </c>
      <c r="P2489">
        <v>1</v>
      </c>
      <c r="Q2489">
        <v>0.24944382578492949</v>
      </c>
      <c r="R2489">
        <v>2.6859453246697882</v>
      </c>
      <c r="S2489">
        <v>1</v>
      </c>
      <c r="T2489">
        <v>1</v>
      </c>
      <c r="U2489">
        <v>0</v>
      </c>
      <c r="V2489">
        <v>0</v>
      </c>
      <c r="W2489">
        <v>2.7080502011022101</v>
      </c>
      <c r="X2489">
        <v>1</v>
      </c>
      <c r="Y2489">
        <v>1</v>
      </c>
      <c r="Z2489">
        <v>0</v>
      </c>
      <c r="AA2489">
        <v>0</v>
      </c>
      <c r="AB2489">
        <v>2.639057329615258</v>
      </c>
      <c r="AC2489">
        <v>1</v>
      </c>
      <c r="AD2489">
        <v>1</v>
      </c>
      <c r="AE2489">
        <v>0</v>
      </c>
      <c r="AF2489">
        <v>0</v>
      </c>
      <c r="AG2489">
        <v>2.5649493574615372</v>
      </c>
      <c r="AH2489">
        <v>-0.17012819716196501</v>
      </c>
      <c r="AI2489">
        <v>-0.36504892687664259</v>
      </c>
      <c r="AJ2489">
        <v>-0.16839642507007629</v>
      </c>
      <c r="AK2489">
        <v>-0.1078307166889898</v>
      </c>
      <c r="AL2489">
        <v>324.55738736441322</v>
      </c>
      <c r="AM2489">
        <v>492.13870230574861</v>
      </c>
      <c r="AN2489">
        <v>2166</v>
      </c>
      <c r="AO2489">
        <v>49.36963901270687</v>
      </c>
      <c r="AP2489">
        <v>184.01617199084509</v>
      </c>
      <c r="AQ2489">
        <v>2.3125</v>
      </c>
      <c r="AR2489">
        <v>4.125</v>
      </c>
      <c r="AS2489">
        <v>16</v>
      </c>
      <c r="AT2489">
        <v>0.87499999999999989</v>
      </c>
      <c r="AU2489">
        <v>0.22533632286995511</v>
      </c>
      <c r="AV2489">
        <v>-0.17850960758599671</v>
      </c>
      <c r="AW2489">
        <v>0.1875</v>
      </c>
      <c r="AX2489">
        <v>68.13333333333334</v>
      </c>
      <c r="AY2489">
        <v>29.5</v>
      </c>
      <c r="AZ2489">
        <v>61.75</v>
      </c>
      <c r="BA2489">
        <v>0.43039223705276392</v>
      </c>
      <c r="BB2489">
        <v>0.625</v>
      </c>
      <c r="BC2489">
        <v>2.615630577027551</v>
      </c>
      <c r="BD2489" t="s">
        <v>9484</v>
      </c>
      <c r="BE2489" t="s">
        <v>62</v>
      </c>
    </row>
    <row r="2490" spans="1:57" x14ac:dyDescent="0.3">
      <c r="A2490" t="s">
        <v>9486</v>
      </c>
      <c r="B2490">
        <v>143</v>
      </c>
      <c r="C2490" t="s">
        <v>9487</v>
      </c>
      <c r="D2490" t="s">
        <v>9488</v>
      </c>
      <c r="E2490" t="s">
        <v>60</v>
      </c>
      <c r="F2490">
        <v>256</v>
      </c>
      <c r="G2490">
        <v>130.4140625</v>
      </c>
      <c r="H2490">
        <v>129</v>
      </c>
      <c r="I2490">
        <v>5626.3519897460938</v>
      </c>
      <c r="J2490">
        <v>75.009012723446062</v>
      </c>
      <c r="K2490">
        <v>-2.3262280382204199E-2</v>
      </c>
      <c r="L2490">
        <v>-1.1990570423054741</v>
      </c>
      <c r="M2490">
        <v>7.142234472504132</v>
      </c>
      <c r="N2490">
        <v>6</v>
      </c>
      <c r="O2490">
        <v>1</v>
      </c>
      <c r="P2490">
        <v>5</v>
      </c>
      <c r="Q2490">
        <v>0.82375794448222506</v>
      </c>
      <c r="R2490">
        <v>4.9506196875142869</v>
      </c>
      <c r="S2490">
        <v>1</v>
      </c>
      <c r="T2490">
        <v>1</v>
      </c>
      <c r="U2490">
        <v>0</v>
      </c>
      <c r="V2490">
        <v>0</v>
      </c>
      <c r="W2490">
        <v>5.541263545158424</v>
      </c>
      <c r="X2490">
        <v>1</v>
      </c>
      <c r="Y2490">
        <v>1</v>
      </c>
      <c r="Z2490">
        <v>0</v>
      </c>
      <c r="AA2490">
        <v>0</v>
      </c>
      <c r="AB2490">
        <v>5.5373342670185366</v>
      </c>
      <c r="AC2490">
        <v>1</v>
      </c>
      <c r="AD2490">
        <v>1</v>
      </c>
      <c r="AE2490">
        <v>0</v>
      </c>
      <c r="AF2490">
        <v>0</v>
      </c>
      <c r="AG2490">
        <v>5.5333894887275203</v>
      </c>
      <c r="AH2490">
        <v>-8.3907002480949372E-2</v>
      </c>
      <c r="AI2490">
        <v>-0.1044692040795674</v>
      </c>
      <c r="AJ2490">
        <v>8.5531874133841265E-2</v>
      </c>
      <c r="AK2490">
        <v>2.0572792594495869E-2</v>
      </c>
      <c r="AL2490">
        <v>1205.7234261450619</v>
      </c>
      <c r="AM2490">
        <v>2083.4061101103198</v>
      </c>
      <c r="AN2490">
        <v>33386</v>
      </c>
      <c r="AO2490">
        <v>123.82662533617879</v>
      </c>
      <c r="AP2490">
        <v>1027.532655333519</v>
      </c>
      <c r="AQ2490">
        <v>1.08984375</v>
      </c>
      <c r="AR2490">
        <v>3.8828125</v>
      </c>
      <c r="AS2490">
        <v>256</v>
      </c>
      <c r="AT2490">
        <v>66.171875000000028</v>
      </c>
      <c r="AU2490">
        <v>3.8679534313725512E-2</v>
      </c>
      <c r="AV2490">
        <v>-8.4269198784715865E-2</v>
      </c>
      <c r="AW2490">
        <v>0.38671875</v>
      </c>
      <c r="AX2490">
        <v>90.274509803921575</v>
      </c>
      <c r="AY2490">
        <v>63</v>
      </c>
      <c r="AZ2490">
        <v>123.5</v>
      </c>
      <c r="BA2490">
        <v>0.57516046418265721</v>
      </c>
      <c r="BB2490">
        <v>0.4921875</v>
      </c>
      <c r="BC2490">
        <v>4.9030047707938298</v>
      </c>
      <c r="BD2490" t="s">
        <v>9489</v>
      </c>
      <c r="BE2490" t="s">
        <v>62</v>
      </c>
    </row>
    <row r="2491" spans="1:57" x14ac:dyDescent="0.3">
      <c r="A2491" t="s">
        <v>9490</v>
      </c>
      <c r="B2491">
        <v>1391</v>
      </c>
      <c r="C2491" t="s">
        <v>9491</v>
      </c>
      <c r="D2491" t="s">
        <v>9492</v>
      </c>
      <c r="E2491" t="s">
        <v>128</v>
      </c>
      <c r="F2491">
        <v>32</v>
      </c>
      <c r="G2491">
        <v>139.03125</v>
      </c>
      <c r="H2491">
        <v>135</v>
      </c>
      <c r="I2491">
        <v>5279.1552734375</v>
      </c>
      <c r="J2491">
        <v>72.657795682483382</v>
      </c>
      <c r="K2491">
        <v>-0.1163545620547415</v>
      </c>
      <c r="L2491">
        <v>-1.0713370641982101</v>
      </c>
      <c r="M2491">
        <v>4.9375</v>
      </c>
      <c r="N2491">
        <v>2</v>
      </c>
      <c r="O2491">
        <v>1</v>
      </c>
      <c r="P2491">
        <v>1</v>
      </c>
      <c r="Q2491">
        <v>0.1766846959694085</v>
      </c>
      <c r="R2491">
        <v>3.422414204014729</v>
      </c>
      <c r="S2491">
        <v>1</v>
      </c>
      <c r="T2491">
        <v>1</v>
      </c>
      <c r="U2491">
        <v>0</v>
      </c>
      <c r="V2491">
        <v>0</v>
      </c>
      <c r="W2491">
        <v>3.4339872044851458</v>
      </c>
      <c r="X2491">
        <v>1</v>
      </c>
      <c r="Y2491">
        <v>1</v>
      </c>
      <c r="Z2491">
        <v>0</v>
      </c>
      <c r="AA2491">
        <v>0</v>
      </c>
      <c r="AB2491">
        <v>3.401197381662155</v>
      </c>
      <c r="AC2491">
        <v>1</v>
      </c>
      <c r="AD2491">
        <v>1</v>
      </c>
      <c r="AE2491">
        <v>0</v>
      </c>
      <c r="AF2491">
        <v>0</v>
      </c>
      <c r="AG2491">
        <v>3.3672958299864728</v>
      </c>
      <c r="AH2491">
        <v>-0.1823500688142764</v>
      </c>
      <c r="AI2491">
        <v>0.12904174039074301</v>
      </c>
      <c r="AJ2491">
        <v>-8.9888012627049752E-3</v>
      </c>
      <c r="AK2491">
        <v>-0.29540605741367459</v>
      </c>
      <c r="AL2491">
        <v>503.15450209521759</v>
      </c>
      <c r="AM2491">
        <v>730.97096181812424</v>
      </c>
      <c r="AN2491">
        <v>4449</v>
      </c>
      <c r="AO2491">
        <v>125.982884314166</v>
      </c>
      <c r="AP2491">
        <v>361.19258910090639</v>
      </c>
      <c r="AQ2491">
        <v>1.71875</v>
      </c>
      <c r="AR2491">
        <v>4.28125</v>
      </c>
      <c r="AS2491">
        <v>32</v>
      </c>
      <c r="AT2491">
        <v>0.93749999999999978</v>
      </c>
      <c r="AU2491">
        <v>0.15563241106719369</v>
      </c>
      <c r="AV2491">
        <v>-0.18810134269468051</v>
      </c>
      <c r="AW2491">
        <v>0.40625</v>
      </c>
      <c r="AX2491">
        <v>97</v>
      </c>
      <c r="AY2491">
        <v>53</v>
      </c>
      <c r="AZ2491">
        <v>117</v>
      </c>
      <c r="BA2491">
        <v>0.52260046343885558</v>
      </c>
      <c r="BB2491">
        <v>0.5</v>
      </c>
      <c r="BC2491">
        <v>3.165672166849038</v>
      </c>
      <c r="BD2491" t="s">
        <v>9493</v>
      </c>
      <c r="BE2491" t="s">
        <v>62</v>
      </c>
    </row>
    <row r="2492" spans="1:57" x14ac:dyDescent="0.3">
      <c r="A2492" t="s">
        <v>9494</v>
      </c>
      <c r="B2492">
        <v>803</v>
      </c>
      <c r="C2492" t="s">
        <v>9495</v>
      </c>
      <c r="D2492" t="s">
        <v>9496</v>
      </c>
      <c r="E2492" t="s">
        <v>106</v>
      </c>
      <c r="F2492">
        <v>809</v>
      </c>
      <c r="G2492">
        <v>128.4165636588381</v>
      </c>
      <c r="H2492">
        <v>129</v>
      </c>
      <c r="I2492">
        <v>5352.9550284882216</v>
      </c>
      <c r="J2492">
        <v>73.163891561946201</v>
      </c>
      <c r="K2492">
        <v>-1.6640961542024869E-2</v>
      </c>
      <c r="L2492">
        <v>-1.18016397749881</v>
      </c>
      <c r="M2492">
        <v>7.7628043570898972</v>
      </c>
      <c r="N2492">
        <v>8</v>
      </c>
      <c r="O2492">
        <v>1</v>
      </c>
      <c r="P2492">
        <v>7</v>
      </c>
      <c r="Q2492">
        <v>1.600077892151303</v>
      </c>
      <c r="R2492">
        <v>5.3807659533553176</v>
      </c>
      <c r="S2492">
        <v>2</v>
      </c>
      <c r="T2492">
        <v>1</v>
      </c>
      <c r="U2492">
        <v>1</v>
      </c>
      <c r="V2492">
        <v>7.8663071966892942E-2</v>
      </c>
      <c r="W2492">
        <v>6.6859835043062441</v>
      </c>
      <c r="X2492">
        <v>1</v>
      </c>
      <c r="Y2492">
        <v>1</v>
      </c>
      <c r="Z2492">
        <v>0</v>
      </c>
      <c r="AA2492">
        <v>0</v>
      </c>
      <c r="AB2492">
        <v>6.6933236682699508</v>
      </c>
      <c r="AC2492">
        <v>1</v>
      </c>
      <c r="AD2492">
        <v>1</v>
      </c>
      <c r="AE2492">
        <v>0</v>
      </c>
      <c r="AF2492">
        <v>0</v>
      </c>
      <c r="AG2492">
        <v>6.6920837425066262</v>
      </c>
      <c r="AH2492">
        <v>5.6508113181005293E-2</v>
      </c>
      <c r="AI2492">
        <v>-2.5058417347135459E-2</v>
      </c>
      <c r="AJ2492">
        <v>-1.9080986659128279E-3</v>
      </c>
      <c r="AK2492">
        <v>4.0831809573086499E-2</v>
      </c>
      <c r="AL2492">
        <v>1977.64170599421</v>
      </c>
      <c r="AM2492">
        <v>3709.520492289038</v>
      </c>
      <c r="AN2492">
        <v>103889</v>
      </c>
      <c r="AO2492">
        <v>65.606442785880404</v>
      </c>
      <c r="AP2492">
        <v>1755.053269624821</v>
      </c>
      <c r="AQ2492">
        <v>1.028430160692213</v>
      </c>
      <c r="AR2492">
        <v>3.9555006180469721</v>
      </c>
      <c r="AS2492">
        <v>806</v>
      </c>
      <c r="AT2492">
        <v>188.41409147095169</v>
      </c>
      <c r="AU2492">
        <v>1.9195811822875049E-2</v>
      </c>
      <c r="AV2492">
        <v>5.6576617514227753E-2</v>
      </c>
      <c r="AW2492">
        <v>0.36711990111248449</v>
      </c>
      <c r="AX2492">
        <v>80.268564356435647</v>
      </c>
      <c r="AY2492">
        <v>64</v>
      </c>
      <c r="AZ2492">
        <v>126</v>
      </c>
      <c r="BA2492">
        <v>0.56973874302009331</v>
      </c>
      <c r="BB2492">
        <v>0.50309023485784921</v>
      </c>
      <c r="BC2492">
        <v>5.1439958866627196</v>
      </c>
      <c r="BD2492" t="s">
        <v>9497</v>
      </c>
      <c r="BE2492" t="s">
        <v>68</v>
      </c>
    </row>
    <row r="2493" spans="1:57" x14ac:dyDescent="0.3">
      <c r="A2493" t="s">
        <v>9498</v>
      </c>
      <c r="B2493">
        <v>1143</v>
      </c>
      <c r="C2493" t="s">
        <v>9499</v>
      </c>
      <c r="D2493" t="s">
        <v>9500</v>
      </c>
      <c r="E2493" t="s">
        <v>10622</v>
      </c>
      <c r="F2493">
        <v>64</v>
      </c>
      <c r="G2493">
        <v>131.03125</v>
      </c>
      <c r="H2493">
        <v>130</v>
      </c>
      <c r="I2493">
        <v>6398.4990234375</v>
      </c>
      <c r="J2493">
        <v>79.990618346387976</v>
      </c>
      <c r="K2493">
        <v>-6.7769414129925695E-2</v>
      </c>
      <c r="L2493">
        <v>-1.213353064767221</v>
      </c>
      <c r="M2493">
        <v>5.769454882778696</v>
      </c>
      <c r="N2493">
        <v>3</v>
      </c>
      <c r="O2493">
        <v>1</v>
      </c>
      <c r="P2493">
        <v>2</v>
      </c>
      <c r="Q2493">
        <v>0.37790630225505301</v>
      </c>
      <c r="R2493">
        <v>3.9990813853658631</v>
      </c>
      <c r="S2493">
        <v>1</v>
      </c>
      <c r="T2493">
        <v>1</v>
      </c>
      <c r="U2493">
        <v>0</v>
      </c>
      <c r="V2493">
        <v>0</v>
      </c>
      <c r="W2493">
        <v>4.1431347263915326</v>
      </c>
      <c r="X2493">
        <v>1</v>
      </c>
      <c r="Y2493">
        <v>1</v>
      </c>
      <c r="Z2493">
        <v>0</v>
      </c>
      <c r="AA2493">
        <v>0</v>
      </c>
      <c r="AB2493">
        <v>4.1271343850450908</v>
      </c>
      <c r="AC2493">
        <v>1</v>
      </c>
      <c r="AD2493">
        <v>1</v>
      </c>
      <c r="AE2493">
        <v>0</v>
      </c>
      <c r="AF2493">
        <v>0</v>
      </c>
      <c r="AG2493">
        <v>4.1108738641733096</v>
      </c>
      <c r="AH2493">
        <v>0.14116675684818661</v>
      </c>
      <c r="AI2493">
        <v>-5.0476396708944951E-2</v>
      </c>
      <c r="AJ2493">
        <v>1.1164639576115191E-2</v>
      </c>
      <c r="AK2493">
        <v>-0.12911164868988589</v>
      </c>
      <c r="AL2493">
        <v>715.11562569184264</v>
      </c>
      <c r="AM2493">
        <v>998.46964996005977</v>
      </c>
      <c r="AN2493">
        <v>8386</v>
      </c>
      <c r="AO2493">
        <v>228.01417381710399</v>
      </c>
      <c r="AP2493">
        <v>554.66120410529811</v>
      </c>
      <c r="AQ2493">
        <v>1.359375</v>
      </c>
      <c r="AR2493">
        <v>3.953125</v>
      </c>
      <c r="AS2493">
        <v>64</v>
      </c>
      <c r="AT2493">
        <v>7.25</v>
      </c>
      <c r="AU2493">
        <v>7.7755905511811024E-2</v>
      </c>
      <c r="AV2493">
        <v>0.14572095770546489</v>
      </c>
      <c r="AW2493">
        <v>0.265625</v>
      </c>
      <c r="AX2493">
        <v>85.698412698412696</v>
      </c>
      <c r="AY2493">
        <v>67.5</v>
      </c>
      <c r="AZ2493">
        <v>134.75</v>
      </c>
      <c r="BA2493">
        <v>0.61046977989134632</v>
      </c>
      <c r="BB2493">
        <v>0.484375</v>
      </c>
      <c r="BC2493">
        <v>3.9504862950187039</v>
      </c>
      <c r="BD2493" t="s">
        <v>9501</v>
      </c>
      <c r="BE2493" t="s">
        <v>62</v>
      </c>
    </row>
    <row r="2494" spans="1:57" x14ac:dyDescent="0.3">
      <c r="A2494" t="s">
        <v>9502</v>
      </c>
      <c r="B2494">
        <v>3700</v>
      </c>
      <c r="C2494" t="s">
        <v>9503</v>
      </c>
      <c r="D2494" t="s">
        <v>9504</v>
      </c>
      <c r="E2494" t="s">
        <v>128</v>
      </c>
      <c r="F2494">
        <v>32</v>
      </c>
      <c r="G2494">
        <v>109.3125</v>
      </c>
      <c r="H2494">
        <v>100.5</v>
      </c>
      <c r="I2494">
        <v>5301.08984375</v>
      </c>
      <c r="J2494">
        <v>72.808583585659733</v>
      </c>
      <c r="K2494">
        <v>0.29016861843713959</v>
      </c>
      <c r="L2494">
        <v>-1.166000532451797</v>
      </c>
      <c r="M2494">
        <v>4.9375</v>
      </c>
      <c r="N2494">
        <v>2</v>
      </c>
      <c r="O2494">
        <v>1</v>
      </c>
      <c r="P2494">
        <v>1</v>
      </c>
      <c r="Q2494">
        <v>0.1766846959694085</v>
      </c>
      <c r="R2494">
        <v>3.422414204014729</v>
      </c>
      <c r="S2494">
        <v>1</v>
      </c>
      <c r="T2494">
        <v>1</v>
      </c>
      <c r="U2494">
        <v>0</v>
      </c>
      <c r="V2494">
        <v>0</v>
      </c>
      <c r="W2494">
        <v>3.4339872044851458</v>
      </c>
      <c r="X2494">
        <v>1</v>
      </c>
      <c r="Y2494">
        <v>1</v>
      </c>
      <c r="Z2494">
        <v>0</v>
      </c>
      <c r="AA2494">
        <v>0</v>
      </c>
      <c r="AB2494">
        <v>3.401197381662155</v>
      </c>
      <c r="AC2494">
        <v>1</v>
      </c>
      <c r="AD2494">
        <v>1</v>
      </c>
      <c r="AE2494">
        <v>0</v>
      </c>
      <c r="AF2494">
        <v>0</v>
      </c>
      <c r="AG2494">
        <v>3.3672958299864728</v>
      </c>
      <c r="AH2494">
        <v>2.277407486962808E-2</v>
      </c>
      <c r="AI2494">
        <v>-0.12749741356251179</v>
      </c>
      <c r="AJ2494">
        <v>-9.0727147240506997E-2</v>
      </c>
      <c r="AK2494">
        <v>-1.1010274641343651E-2</v>
      </c>
      <c r="AL2494">
        <v>481.65645590833901</v>
      </c>
      <c r="AM2494">
        <v>565.70050245851678</v>
      </c>
      <c r="AN2494">
        <v>3498</v>
      </c>
      <c r="AO2494">
        <v>79.602722773664524</v>
      </c>
      <c r="AP2494">
        <v>393.51369240747209</v>
      </c>
      <c r="AQ2494">
        <v>1.65625</v>
      </c>
      <c r="AR2494">
        <v>3.96875</v>
      </c>
      <c r="AS2494">
        <v>32</v>
      </c>
      <c r="AT2494">
        <v>0.93749999999999978</v>
      </c>
      <c r="AU2494">
        <v>0.17243975903614461</v>
      </c>
      <c r="AV2494">
        <v>2.2399707036855281E-2</v>
      </c>
      <c r="AW2494">
        <v>0.375</v>
      </c>
      <c r="AX2494">
        <v>80.645161290322577</v>
      </c>
      <c r="AY2494">
        <v>64</v>
      </c>
      <c r="AZ2494">
        <v>128.25</v>
      </c>
      <c r="BA2494">
        <v>0.66605908368813938</v>
      </c>
      <c r="BB2494">
        <v>0.46875</v>
      </c>
      <c r="BC2494">
        <v>3.3445488586064429</v>
      </c>
      <c r="BD2494" t="s">
        <v>9505</v>
      </c>
      <c r="BE2494" t="s">
        <v>62</v>
      </c>
    </row>
    <row r="2495" spans="1:57" x14ac:dyDescent="0.3">
      <c r="A2495" t="s">
        <v>9506</v>
      </c>
      <c r="B2495">
        <v>2338</v>
      </c>
      <c r="C2495" t="s">
        <v>9507</v>
      </c>
      <c r="D2495" t="s">
        <v>9508</v>
      </c>
      <c r="E2495" t="s">
        <v>128</v>
      </c>
      <c r="F2495">
        <v>32</v>
      </c>
      <c r="G2495">
        <v>136.6875</v>
      </c>
      <c r="H2495">
        <v>148</v>
      </c>
      <c r="I2495">
        <v>5170.83984375</v>
      </c>
      <c r="J2495">
        <v>71.908551951419525</v>
      </c>
      <c r="K2495">
        <v>-0.39446118293764809</v>
      </c>
      <c r="L2495">
        <v>-1.0033630211138129</v>
      </c>
      <c r="M2495">
        <v>4.8125</v>
      </c>
      <c r="N2495">
        <v>2</v>
      </c>
      <c r="O2495">
        <v>1</v>
      </c>
      <c r="P2495">
        <v>1</v>
      </c>
      <c r="Q2495">
        <v>0.3045434781492361</v>
      </c>
      <c r="R2495">
        <v>3.335770806444736</v>
      </c>
      <c r="S2495">
        <v>1</v>
      </c>
      <c r="T2495">
        <v>1</v>
      </c>
      <c r="U2495">
        <v>0</v>
      </c>
      <c r="V2495">
        <v>0</v>
      </c>
      <c r="W2495">
        <v>3.4339872044851458</v>
      </c>
      <c r="X2495">
        <v>1</v>
      </c>
      <c r="Y2495">
        <v>1</v>
      </c>
      <c r="Z2495">
        <v>0</v>
      </c>
      <c r="AA2495">
        <v>0</v>
      </c>
      <c r="AB2495">
        <v>3.401197381662155</v>
      </c>
      <c r="AC2495">
        <v>1</v>
      </c>
      <c r="AD2495">
        <v>1</v>
      </c>
      <c r="AE2495">
        <v>0</v>
      </c>
      <c r="AF2495">
        <v>0</v>
      </c>
      <c r="AG2495">
        <v>3.3672958299864728</v>
      </c>
      <c r="AH2495">
        <v>-0.21800457134547321</v>
      </c>
      <c r="AI2495">
        <v>-0.28765505369277078</v>
      </c>
      <c r="AJ2495">
        <v>6.4143573864859665E-2</v>
      </c>
      <c r="AK2495">
        <v>-0.1201949880451903</v>
      </c>
      <c r="AL2495">
        <v>482.78672758625351</v>
      </c>
      <c r="AM2495">
        <v>728.18608587816107</v>
      </c>
      <c r="AN2495">
        <v>4374</v>
      </c>
      <c r="AO2495">
        <v>17.057098733752049</v>
      </c>
      <c r="AP2495">
        <v>378.46745890809802</v>
      </c>
      <c r="AQ2495">
        <v>1.71875</v>
      </c>
      <c r="AR2495">
        <v>4.1875</v>
      </c>
      <c r="AS2495">
        <v>32</v>
      </c>
      <c r="AT2495">
        <v>2.4375</v>
      </c>
      <c r="AU2495">
        <v>0.1408811475409836</v>
      </c>
      <c r="AV2495">
        <v>-0.22319862991988851</v>
      </c>
      <c r="AW2495">
        <v>0.21875</v>
      </c>
      <c r="AX2495">
        <v>91.58064516129032</v>
      </c>
      <c r="AY2495">
        <v>45</v>
      </c>
      <c r="AZ2495">
        <v>96.5</v>
      </c>
      <c r="BA2495">
        <v>0.5260799411169238</v>
      </c>
      <c r="BB2495">
        <v>0.5625</v>
      </c>
      <c r="BC2495">
        <v>3.165672166849038</v>
      </c>
      <c r="BD2495" t="s">
        <v>9509</v>
      </c>
      <c r="BE2495" t="s">
        <v>62</v>
      </c>
    </row>
    <row r="2496" spans="1:57" x14ac:dyDescent="0.3">
      <c r="A2496" t="s">
        <v>9510</v>
      </c>
      <c r="B2496">
        <v>519</v>
      </c>
      <c r="C2496" t="s">
        <v>9511</v>
      </c>
      <c r="D2496" t="s">
        <v>9512</v>
      </c>
      <c r="E2496" t="s">
        <v>72</v>
      </c>
      <c r="F2496">
        <v>528</v>
      </c>
      <c r="G2496">
        <v>122.00757575757579</v>
      </c>
      <c r="H2496">
        <v>119.5</v>
      </c>
      <c r="I2496">
        <v>5294.5453971533516</v>
      </c>
      <c r="J2496">
        <v>72.763626882896318</v>
      </c>
      <c r="K2496">
        <v>0.11364085652100379</v>
      </c>
      <c r="L2496">
        <v>-1.17470859989944</v>
      </c>
      <c r="M2496">
        <v>7.6232282239212434</v>
      </c>
      <c r="N2496">
        <v>7</v>
      </c>
      <c r="O2496">
        <v>1</v>
      </c>
      <c r="P2496">
        <v>6</v>
      </c>
      <c r="Q2496">
        <v>1.2453647390757989</v>
      </c>
      <c r="R2496">
        <v>5.284019150176019</v>
      </c>
      <c r="S2496">
        <v>2</v>
      </c>
      <c r="T2496">
        <v>1</v>
      </c>
      <c r="U2496">
        <v>1</v>
      </c>
      <c r="V2496">
        <v>4.3560605465359697E-2</v>
      </c>
      <c r="W2496">
        <v>6.264570008956694</v>
      </c>
      <c r="X2496">
        <v>1</v>
      </c>
      <c r="Y2496">
        <v>1</v>
      </c>
      <c r="Z2496">
        <v>0</v>
      </c>
      <c r="AA2496">
        <v>0</v>
      </c>
      <c r="AB2496">
        <v>6.2653012127377092</v>
      </c>
      <c r="AC2496">
        <v>1</v>
      </c>
      <c r="AD2496">
        <v>1</v>
      </c>
      <c r="AE2496">
        <v>0</v>
      </c>
      <c r="AF2496">
        <v>0</v>
      </c>
      <c r="AG2496">
        <v>6.2633982625916236</v>
      </c>
      <c r="AH2496">
        <v>2.9001730443035601E-2</v>
      </c>
      <c r="AI2496">
        <v>7.3908703449652611E-3</v>
      </c>
      <c r="AJ2496">
        <v>-5.7559834555955473E-2</v>
      </c>
      <c r="AK2496">
        <v>-1.282612820952401E-2</v>
      </c>
      <c r="AL2496">
        <v>1602.623638750458</v>
      </c>
      <c r="AM2496">
        <v>2843.7379401974149</v>
      </c>
      <c r="AN2496">
        <v>64420</v>
      </c>
      <c r="AO2496">
        <v>42.247104940698733</v>
      </c>
      <c r="AP2496">
        <v>1360.852664997893</v>
      </c>
      <c r="AQ2496">
        <v>1.043560606060606</v>
      </c>
      <c r="AR2496">
        <v>4.0151515151515156</v>
      </c>
      <c r="AS2496">
        <v>525</v>
      </c>
      <c r="AT2496">
        <v>148.70454545454541</v>
      </c>
      <c r="AU2496">
        <v>4.2322834645669327E-2</v>
      </c>
      <c r="AV2496">
        <v>2.9088820653062768E-2</v>
      </c>
      <c r="AW2496">
        <v>0.41098484848484851</v>
      </c>
      <c r="AX2496">
        <v>83.4326375711575</v>
      </c>
      <c r="AY2496">
        <v>61.5</v>
      </c>
      <c r="AZ2496">
        <v>124</v>
      </c>
      <c r="BA2496">
        <v>0.59638613775487825</v>
      </c>
      <c r="BB2496">
        <v>0.48106060606060608</v>
      </c>
      <c r="BC2496">
        <v>5.0540021966643653</v>
      </c>
      <c r="BD2496" t="s">
        <v>9513</v>
      </c>
      <c r="BE2496" t="s">
        <v>62</v>
      </c>
    </row>
    <row r="2497" spans="1:57" x14ac:dyDescent="0.3">
      <c r="A2497" t="s">
        <v>9514</v>
      </c>
      <c r="B2497">
        <v>3130</v>
      </c>
      <c r="C2497" t="s">
        <v>9515</v>
      </c>
      <c r="D2497" t="s">
        <v>9516</v>
      </c>
      <c r="E2497" t="s">
        <v>115</v>
      </c>
      <c r="F2497">
        <v>3224</v>
      </c>
      <c r="G2497">
        <v>125.7165012406948</v>
      </c>
      <c r="H2497">
        <v>126</v>
      </c>
      <c r="I2497">
        <v>5394.7899758480144</v>
      </c>
      <c r="J2497">
        <v>73.449234004501463</v>
      </c>
      <c r="K2497">
        <v>5.6529496144231426E-3</v>
      </c>
      <c r="L2497">
        <v>-1.165381769817347</v>
      </c>
      <c r="M2497">
        <v>7.9350687620645832</v>
      </c>
      <c r="N2497">
        <v>25</v>
      </c>
      <c r="O2497">
        <v>1</v>
      </c>
      <c r="P2497">
        <v>24</v>
      </c>
      <c r="Q2497">
        <v>3.741526885844868</v>
      </c>
      <c r="R2497">
        <v>5.5001705399743557</v>
      </c>
      <c r="S2497">
        <v>2</v>
      </c>
      <c r="T2497">
        <v>1</v>
      </c>
      <c r="U2497">
        <v>1</v>
      </c>
      <c r="V2497">
        <v>0.1514836494349705</v>
      </c>
      <c r="W2497">
        <v>8.0462385976941597</v>
      </c>
      <c r="X2497">
        <v>1</v>
      </c>
      <c r="Y2497">
        <v>1</v>
      </c>
      <c r="Z2497">
        <v>0</v>
      </c>
      <c r="AA2497">
        <v>0</v>
      </c>
      <c r="AB2497">
        <v>8.0777575637369221</v>
      </c>
      <c r="AC2497">
        <v>1</v>
      </c>
      <c r="AD2497">
        <v>1</v>
      </c>
      <c r="AE2497">
        <v>0</v>
      </c>
      <c r="AF2497">
        <v>0</v>
      </c>
      <c r="AG2497">
        <v>8.0774471493311992</v>
      </c>
      <c r="AH2497">
        <v>2.295688994182931E-3</v>
      </c>
      <c r="AI2497">
        <v>-1.049456898425449E-2</v>
      </c>
      <c r="AJ2497">
        <v>-1.0289884362315869E-2</v>
      </c>
      <c r="AK2497">
        <v>-1.592844808068666E-2</v>
      </c>
      <c r="AL2497">
        <v>3823.8629517128911</v>
      </c>
      <c r="AM2497">
        <v>7329.7360202477676</v>
      </c>
      <c r="AN2497">
        <v>405310</v>
      </c>
      <c r="AO2497">
        <v>236.30307404583129</v>
      </c>
      <c r="AP2497">
        <v>3500.4566237245572</v>
      </c>
      <c r="AQ2497">
        <v>1.0071339950372209</v>
      </c>
      <c r="AR2497">
        <v>3.9683622828784122</v>
      </c>
      <c r="AS2497">
        <v>3211</v>
      </c>
      <c r="AT2497">
        <v>284.56575682382129</v>
      </c>
      <c r="AU2497">
        <v>2.1607551209069209E-2</v>
      </c>
      <c r="AV2497">
        <v>2.2968031038547989E-3</v>
      </c>
      <c r="AW2497">
        <v>0.36786600496277921</v>
      </c>
      <c r="AX2497">
        <v>84.416692522494571</v>
      </c>
      <c r="AY2497">
        <v>63</v>
      </c>
      <c r="AZ2497">
        <v>125</v>
      </c>
      <c r="BA2497">
        <v>0.58424497404582354</v>
      </c>
      <c r="BB2497">
        <v>0.50279156327543428</v>
      </c>
      <c r="BC2497">
        <v>5.3098394729407383</v>
      </c>
      <c r="BD2497" t="s">
        <v>9517</v>
      </c>
      <c r="BE2497" t="s">
        <v>68</v>
      </c>
    </row>
    <row r="2498" spans="1:57" x14ac:dyDescent="0.3">
      <c r="A2498" t="s">
        <v>9518</v>
      </c>
      <c r="B2498">
        <v>1395</v>
      </c>
      <c r="C2498" t="s">
        <v>9519</v>
      </c>
      <c r="D2498" t="s">
        <v>9520</v>
      </c>
      <c r="E2498" t="s">
        <v>66</v>
      </c>
      <c r="F2498">
        <v>71</v>
      </c>
      <c r="G2498">
        <v>107.05633802816899</v>
      </c>
      <c r="H2498">
        <v>95</v>
      </c>
      <c r="I2498">
        <v>6177.0672485617924</v>
      </c>
      <c r="J2498">
        <v>78.594320714424356</v>
      </c>
      <c r="K2498">
        <v>0.37355007474752888</v>
      </c>
      <c r="L2498">
        <v>-1.2178823948103981</v>
      </c>
      <c r="M2498">
        <v>5.9419318025727978</v>
      </c>
      <c r="N2498">
        <v>3</v>
      </c>
      <c r="O2498">
        <v>1</v>
      </c>
      <c r="P2498">
        <v>2</v>
      </c>
      <c r="Q2498">
        <v>0.35869500885153122</v>
      </c>
      <c r="R2498">
        <v>4.1186332760328117</v>
      </c>
      <c r="S2498">
        <v>1</v>
      </c>
      <c r="T2498">
        <v>1</v>
      </c>
      <c r="U2498">
        <v>0</v>
      </c>
      <c r="V2498">
        <v>0</v>
      </c>
      <c r="W2498">
        <v>4.2484952420493576</v>
      </c>
      <c r="X2498">
        <v>1</v>
      </c>
      <c r="Y2498">
        <v>1</v>
      </c>
      <c r="Z2498">
        <v>0</v>
      </c>
      <c r="AA2498">
        <v>0</v>
      </c>
      <c r="AB2498">
        <v>4.2341065045972579</v>
      </c>
      <c r="AC2498">
        <v>1</v>
      </c>
      <c r="AD2498">
        <v>1</v>
      </c>
      <c r="AE2498">
        <v>0</v>
      </c>
      <c r="AF2498">
        <v>0</v>
      </c>
      <c r="AG2498">
        <v>4.2195077051761087</v>
      </c>
      <c r="AH2498">
        <v>5.1722363289850568E-2</v>
      </c>
      <c r="AI2498">
        <v>7.744840355987069E-2</v>
      </c>
      <c r="AJ2498">
        <v>0.17630852313442261</v>
      </c>
      <c r="AK2498">
        <v>-6.9201265642199347E-2</v>
      </c>
      <c r="AL2498">
        <v>689.69172241010824</v>
      </c>
      <c r="AM2498">
        <v>881.26745545207677</v>
      </c>
      <c r="AN2498">
        <v>7601</v>
      </c>
      <c r="AO2498">
        <v>87.159702228191748</v>
      </c>
      <c r="AP2498">
        <v>543.80605966039491</v>
      </c>
      <c r="AQ2498">
        <v>1.323943661971831</v>
      </c>
      <c r="AR2498">
        <v>3.676056338028169</v>
      </c>
      <c r="AS2498">
        <v>70</v>
      </c>
      <c r="AT2498">
        <v>7.422535211267606</v>
      </c>
      <c r="AU2498">
        <v>0.17459265396299359</v>
      </c>
      <c r="AV2498">
        <v>5.1963894737695977E-2</v>
      </c>
      <c r="AW2498">
        <v>0.45070422535211269</v>
      </c>
      <c r="AX2498">
        <v>87.871428571428567</v>
      </c>
      <c r="AY2498">
        <v>63</v>
      </c>
      <c r="AZ2498">
        <v>151</v>
      </c>
      <c r="BA2498">
        <v>0.73413981985582544</v>
      </c>
      <c r="BB2498">
        <v>0.43661971830985907</v>
      </c>
      <c r="BC2498">
        <v>3.9835656015018861</v>
      </c>
      <c r="BD2498" t="s">
        <v>9521</v>
      </c>
      <c r="BE2498" t="s">
        <v>68</v>
      </c>
    </row>
    <row r="2499" spans="1:57" x14ac:dyDescent="0.3">
      <c r="A2499" t="s">
        <v>9522</v>
      </c>
      <c r="B2499">
        <v>3337</v>
      </c>
      <c r="C2499" t="s">
        <v>9523</v>
      </c>
      <c r="D2499" t="s">
        <v>9524</v>
      </c>
      <c r="E2499" t="s">
        <v>10622</v>
      </c>
      <c r="F2499">
        <v>64</v>
      </c>
      <c r="G2499">
        <v>131.359375</v>
      </c>
      <c r="H2499">
        <v>139</v>
      </c>
      <c r="I2499">
        <v>5692.292724609375</v>
      </c>
      <c r="J2499">
        <v>75.447284408448894</v>
      </c>
      <c r="K2499">
        <v>-1.252354883047599E-3</v>
      </c>
      <c r="L2499">
        <v>-1.26190144730374</v>
      </c>
      <c r="M2499">
        <v>5.78125</v>
      </c>
      <c r="N2499">
        <v>2</v>
      </c>
      <c r="O2499">
        <v>1</v>
      </c>
      <c r="P2499">
        <v>1</v>
      </c>
      <c r="Q2499">
        <v>0.32821556024332821</v>
      </c>
      <c r="R2499">
        <v>4.0072571376121839</v>
      </c>
      <c r="S2499">
        <v>1</v>
      </c>
      <c r="T2499">
        <v>1</v>
      </c>
      <c r="U2499">
        <v>0</v>
      </c>
      <c r="V2499">
        <v>0</v>
      </c>
      <c r="W2499">
        <v>4.1431347263915326</v>
      </c>
      <c r="X2499">
        <v>1</v>
      </c>
      <c r="Y2499">
        <v>1</v>
      </c>
      <c r="Z2499">
        <v>0</v>
      </c>
      <c r="AA2499">
        <v>0</v>
      </c>
      <c r="AB2499">
        <v>4.1271343850450908</v>
      </c>
      <c r="AC2499">
        <v>1</v>
      </c>
      <c r="AD2499">
        <v>1</v>
      </c>
      <c r="AE2499">
        <v>0</v>
      </c>
      <c r="AF2499">
        <v>0</v>
      </c>
      <c r="AG2499">
        <v>4.1108738641733096</v>
      </c>
      <c r="AH2499">
        <v>-0.1817086685590881</v>
      </c>
      <c r="AI2499">
        <v>-2.1067005703169689E-2</v>
      </c>
      <c r="AJ2499">
        <v>6.6538695516111065E-2</v>
      </c>
      <c r="AK2499">
        <v>1.1004820918207189E-2</v>
      </c>
      <c r="AL2499">
        <v>681.67190246544351</v>
      </c>
      <c r="AM2499">
        <v>1001.9822440488369</v>
      </c>
      <c r="AN2499">
        <v>8407</v>
      </c>
      <c r="AO2499">
        <v>196.94989584271201</v>
      </c>
      <c r="AP2499">
        <v>588.0834007544122</v>
      </c>
      <c r="AQ2499">
        <v>1.359375</v>
      </c>
      <c r="AR2499">
        <v>3.984375</v>
      </c>
      <c r="AS2499">
        <v>64</v>
      </c>
      <c r="AT2499">
        <v>5.4687499999999982</v>
      </c>
      <c r="AU2499">
        <v>5.3544960474308352E-2</v>
      </c>
      <c r="AV2499">
        <v>-0.1862341890955039</v>
      </c>
      <c r="AW2499">
        <v>0.359375</v>
      </c>
      <c r="AX2499">
        <v>95</v>
      </c>
      <c r="AY2499">
        <v>66.5</v>
      </c>
      <c r="AZ2499">
        <v>135.5</v>
      </c>
      <c r="BA2499">
        <v>0.57435782111820255</v>
      </c>
      <c r="BB2499">
        <v>0.515625</v>
      </c>
      <c r="BC2499">
        <v>3.9367871487114772</v>
      </c>
      <c r="BD2499" t="s">
        <v>9525</v>
      </c>
      <c r="BE2499" t="s">
        <v>62</v>
      </c>
    </row>
    <row r="2500" spans="1:57" x14ac:dyDescent="0.3">
      <c r="A2500" t="s">
        <v>9526</v>
      </c>
      <c r="B2500">
        <v>155</v>
      </c>
      <c r="C2500" t="s">
        <v>9527</v>
      </c>
      <c r="D2500" t="s">
        <v>9528</v>
      </c>
      <c r="E2500" t="s">
        <v>60</v>
      </c>
      <c r="F2500">
        <v>512</v>
      </c>
      <c r="G2500">
        <v>126.10546875</v>
      </c>
      <c r="H2500">
        <v>125</v>
      </c>
      <c r="I2500">
        <v>5475.8521575927734</v>
      </c>
      <c r="J2500">
        <v>73.999001058073574</v>
      </c>
      <c r="K2500">
        <v>1.3788126286157609E-2</v>
      </c>
      <c r="L2500">
        <v>-1.223994843415148</v>
      </c>
      <c r="M2500">
        <v>7.6187014495355561</v>
      </c>
      <c r="N2500">
        <v>8</v>
      </c>
      <c r="O2500">
        <v>1</v>
      </c>
      <c r="P2500">
        <v>7</v>
      </c>
      <c r="Q2500">
        <v>1.220046548393509</v>
      </c>
      <c r="R2500">
        <v>5.2808814292735384</v>
      </c>
      <c r="S2500">
        <v>2</v>
      </c>
      <c r="T2500">
        <v>1</v>
      </c>
      <c r="U2500">
        <v>1</v>
      </c>
      <c r="V2500">
        <v>7.6620080535545504E-2</v>
      </c>
      <c r="W2500">
        <v>6.2282308757548588</v>
      </c>
      <c r="X2500">
        <v>1</v>
      </c>
      <c r="Y2500">
        <v>1</v>
      </c>
      <c r="Z2500">
        <v>0</v>
      </c>
      <c r="AA2500">
        <v>0</v>
      </c>
      <c r="AB2500">
        <v>6.2344107257183694</v>
      </c>
      <c r="AC2500">
        <v>1</v>
      </c>
      <c r="AD2500">
        <v>1</v>
      </c>
      <c r="AE2500">
        <v>0</v>
      </c>
      <c r="AF2500">
        <v>0</v>
      </c>
      <c r="AG2500">
        <v>6.2324480165505216</v>
      </c>
      <c r="AH2500">
        <v>1.5456279289468281E-2</v>
      </c>
      <c r="AI2500">
        <v>-6.6339109955203493E-2</v>
      </c>
      <c r="AJ2500">
        <v>-7.5650491977124298E-2</v>
      </c>
      <c r="AK2500">
        <v>-4.3021312059649186E-3</v>
      </c>
      <c r="AL2500">
        <v>1604.604336138593</v>
      </c>
      <c r="AM2500">
        <v>2893.269245066077</v>
      </c>
      <c r="AN2500">
        <v>64566</v>
      </c>
      <c r="AO2500">
        <v>186.8529699312827</v>
      </c>
      <c r="AP2500">
        <v>1297.051290058914</v>
      </c>
      <c r="AQ2500">
        <v>1.044921875</v>
      </c>
      <c r="AR2500">
        <v>3.96875</v>
      </c>
      <c r="AS2500">
        <v>511</v>
      </c>
      <c r="AT2500">
        <v>147.1796875</v>
      </c>
      <c r="AU2500">
        <v>2.3360605314960651E-2</v>
      </c>
      <c r="AV2500">
        <v>1.548979114691822E-2</v>
      </c>
      <c r="AW2500">
        <v>0.388671875</v>
      </c>
      <c r="AX2500">
        <v>85.61643835616438</v>
      </c>
      <c r="AY2500">
        <v>68</v>
      </c>
      <c r="AZ2500">
        <v>133.5</v>
      </c>
      <c r="BA2500">
        <v>0.58680247408440467</v>
      </c>
      <c r="BB2500">
        <v>0.490234375</v>
      </c>
      <c r="BC2500">
        <v>5.0995386388627821</v>
      </c>
      <c r="BD2500" t="s">
        <v>9529</v>
      </c>
      <c r="BE2500" t="s">
        <v>62</v>
      </c>
    </row>
    <row r="2501" spans="1:57" x14ac:dyDescent="0.3">
      <c r="A2501" t="s">
        <v>9530</v>
      </c>
      <c r="B2501">
        <v>876</v>
      </c>
      <c r="C2501" t="s">
        <v>9531</v>
      </c>
      <c r="D2501" t="s">
        <v>9532</v>
      </c>
      <c r="E2501" t="s">
        <v>85</v>
      </c>
      <c r="F2501">
        <v>8</v>
      </c>
      <c r="G2501">
        <v>159.625</v>
      </c>
      <c r="H2501">
        <v>161.5</v>
      </c>
      <c r="I2501">
        <v>5536.734375</v>
      </c>
      <c r="J2501">
        <v>74.409235817874119</v>
      </c>
      <c r="K2501">
        <v>-0.6311462008701364</v>
      </c>
      <c r="L2501">
        <v>-0.41017014802166551</v>
      </c>
      <c r="M2501">
        <v>3</v>
      </c>
      <c r="N2501">
        <v>1</v>
      </c>
      <c r="O2501">
        <v>1</v>
      </c>
      <c r="P2501">
        <v>0</v>
      </c>
      <c r="Q2501">
        <v>0</v>
      </c>
      <c r="R2501">
        <v>2.0794415416798362</v>
      </c>
      <c r="S2501">
        <v>1</v>
      </c>
      <c r="T2501">
        <v>1</v>
      </c>
      <c r="U2501">
        <v>0</v>
      </c>
      <c r="V2501">
        <v>0</v>
      </c>
      <c r="W2501">
        <v>1.945910149055313</v>
      </c>
      <c r="X2501">
        <v>1</v>
      </c>
      <c r="Y2501">
        <v>1</v>
      </c>
      <c r="Z2501">
        <v>0</v>
      </c>
      <c r="AA2501">
        <v>0</v>
      </c>
      <c r="AB2501">
        <v>1.791759469228055</v>
      </c>
      <c r="AC2501">
        <v>1</v>
      </c>
      <c r="AD2501">
        <v>1</v>
      </c>
      <c r="AE2501">
        <v>0</v>
      </c>
      <c r="AF2501">
        <v>0</v>
      </c>
      <c r="AG2501">
        <v>1.6094379124341009</v>
      </c>
      <c r="AH2501">
        <v>2.862380803214892E-2</v>
      </c>
      <c r="AI2501">
        <v>-0.1577002745864976</v>
      </c>
      <c r="AJ2501">
        <v>-3.8341220992744482E-3</v>
      </c>
      <c r="AK2501">
        <v>0</v>
      </c>
      <c r="AL2501">
        <v>349.68364622451992</v>
      </c>
      <c r="AM2501">
        <v>354.76238183201559</v>
      </c>
      <c r="AN2501">
        <v>1277</v>
      </c>
      <c r="AO2501">
        <v>135.1459214873797</v>
      </c>
      <c r="AP2501">
        <v>257.62957904712732</v>
      </c>
      <c r="AQ2501">
        <v>3.5</v>
      </c>
      <c r="AR2501">
        <v>4.625</v>
      </c>
      <c r="AS2501">
        <v>8</v>
      </c>
      <c r="AT2501">
        <v>0</v>
      </c>
      <c r="AU2501">
        <v>0.24114173228346461</v>
      </c>
      <c r="AV2501">
        <v>1.6358992927861051E-2</v>
      </c>
      <c r="AW2501">
        <v>0.125</v>
      </c>
      <c r="AX2501">
        <v>96.142857142857139</v>
      </c>
      <c r="AY2501">
        <v>57.5</v>
      </c>
      <c r="AZ2501">
        <v>96</v>
      </c>
      <c r="BA2501">
        <v>0.46615026354188949</v>
      </c>
      <c r="BB2501">
        <v>0.5</v>
      </c>
      <c r="BC2501">
        <v>1.945910149055313</v>
      </c>
      <c r="BD2501" t="s">
        <v>9531</v>
      </c>
      <c r="BE2501" t="s">
        <v>68</v>
      </c>
    </row>
    <row r="2502" spans="1:57" x14ac:dyDescent="0.3">
      <c r="A2502" t="s">
        <v>9533</v>
      </c>
      <c r="B2502">
        <v>2859</v>
      </c>
      <c r="C2502" t="s">
        <v>9534</v>
      </c>
      <c r="D2502" t="s">
        <v>9535</v>
      </c>
      <c r="E2502" t="s">
        <v>93</v>
      </c>
      <c r="F2502">
        <v>2881</v>
      </c>
      <c r="G2502">
        <v>128.23984727525169</v>
      </c>
      <c r="H2502">
        <v>129</v>
      </c>
      <c r="I2502">
        <v>5449.8858957073244</v>
      </c>
      <c r="J2502">
        <v>73.823342485336738</v>
      </c>
      <c r="K2502">
        <v>-7.9861274440561868E-3</v>
      </c>
      <c r="L2502">
        <v>-1.210568388097518</v>
      </c>
      <c r="M2502">
        <v>7.9335929292074736</v>
      </c>
      <c r="N2502">
        <v>21</v>
      </c>
      <c r="O2502">
        <v>3</v>
      </c>
      <c r="P2502">
        <v>18</v>
      </c>
      <c r="Q2502">
        <v>3.3729716669742329</v>
      </c>
      <c r="R2502">
        <v>5.4991475705904769</v>
      </c>
      <c r="S2502">
        <v>2</v>
      </c>
      <c r="T2502">
        <v>1</v>
      </c>
      <c r="U2502">
        <v>1</v>
      </c>
      <c r="V2502">
        <v>0.1466879578859791</v>
      </c>
      <c r="W2502">
        <v>7.9357017361892197</v>
      </c>
      <c r="X2502">
        <v>1</v>
      </c>
      <c r="Y2502">
        <v>1</v>
      </c>
      <c r="Z2502">
        <v>0</v>
      </c>
      <c r="AA2502">
        <v>0</v>
      </c>
      <c r="AB2502">
        <v>7.9651982906121761</v>
      </c>
      <c r="AC2502">
        <v>1</v>
      </c>
      <c r="AD2502">
        <v>1</v>
      </c>
      <c r="AE2502">
        <v>0</v>
      </c>
      <c r="AF2502">
        <v>0</v>
      </c>
      <c r="AG2502">
        <v>7.9648508874473123</v>
      </c>
      <c r="AH2502">
        <v>-2.380093622391645E-2</v>
      </c>
      <c r="AI2502">
        <v>4.8579293203960617E-3</v>
      </c>
      <c r="AJ2502">
        <v>6.6630567105770968E-3</v>
      </c>
      <c r="AK2502">
        <v>-2.5841823873467128E-3</v>
      </c>
      <c r="AL2502">
        <v>3615.7512610588442</v>
      </c>
      <c r="AM2502">
        <v>7071.5507364475143</v>
      </c>
      <c r="AN2502">
        <v>369459</v>
      </c>
      <c r="AO2502">
        <v>75.792536552655264</v>
      </c>
      <c r="AP2502">
        <v>3286.6472417392738</v>
      </c>
      <c r="AQ2502">
        <v>1.0079833391183619</v>
      </c>
      <c r="AR2502">
        <v>3.995140576188823</v>
      </c>
      <c r="AS2502">
        <v>2871</v>
      </c>
      <c r="AT2502">
        <v>258.79868101353702</v>
      </c>
      <c r="AU2502">
        <v>1.211316876629165E-2</v>
      </c>
      <c r="AV2502">
        <v>-2.380420299306768E-2</v>
      </c>
      <c r="AW2502">
        <v>0.36966331135022562</v>
      </c>
      <c r="AX2502">
        <v>86.634722222222223</v>
      </c>
      <c r="AY2502">
        <v>64</v>
      </c>
      <c r="AZ2502">
        <v>128</v>
      </c>
      <c r="BA2502">
        <v>0.57566617594984859</v>
      </c>
      <c r="BB2502">
        <v>0.50156195765359246</v>
      </c>
      <c r="BC2502">
        <v>5.3115043467513283</v>
      </c>
      <c r="BD2502" t="s">
        <v>9536</v>
      </c>
      <c r="BE2502" t="s">
        <v>68</v>
      </c>
    </row>
    <row r="2503" spans="1:57" x14ac:dyDescent="0.3">
      <c r="A2503" t="s">
        <v>9537</v>
      </c>
      <c r="B2503">
        <v>2936</v>
      </c>
      <c r="C2503" t="s">
        <v>9538</v>
      </c>
      <c r="D2503" t="s">
        <v>9539</v>
      </c>
      <c r="E2503" t="s">
        <v>66</v>
      </c>
      <c r="F2503">
        <v>72</v>
      </c>
      <c r="G2503">
        <v>120.1805555555556</v>
      </c>
      <c r="H2503">
        <v>122.5</v>
      </c>
      <c r="I2503">
        <v>6383.9535108024684</v>
      </c>
      <c r="J2503">
        <v>79.89964649985923</v>
      </c>
      <c r="K2503">
        <v>5.649544542972762E-2</v>
      </c>
      <c r="L2503">
        <v>-1.4722354465827741</v>
      </c>
      <c r="M2503">
        <v>5.9477027792200943</v>
      </c>
      <c r="N2503">
        <v>2</v>
      </c>
      <c r="O2503">
        <v>1</v>
      </c>
      <c r="P2503">
        <v>1</v>
      </c>
      <c r="Q2503">
        <v>0.33071891388307378</v>
      </c>
      <c r="R2503">
        <v>4.1226334122249559</v>
      </c>
      <c r="S2503">
        <v>2</v>
      </c>
      <c r="T2503">
        <v>1</v>
      </c>
      <c r="U2503">
        <v>1</v>
      </c>
      <c r="V2503">
        <v>0.16776575221435111</v>
      </c>
      <c r="W2503">
        <v>4.2236293316576567</v>
      </c>
      <c r="X2503">
        <v>2</v>
      </c>
      <c r="Y2503">
        <v>1</v>
      </c>
      <c r="Z2503">
        <v>1</v>
      </c>
      <c r="AA2503">
        <v>0.11951030798891769</v>
      </c>
      <c r="AB2503">
        <v>4.2286910368905044</v>
      </c>
      <c r="AC2503">
        <v>1</v>
      </c>
      <c r="AD2503">
        <v>1</v>
      </c>
      <c r="AE2503">
        <v>0</v>
      </c>
      <c r="AF2503">
        <v>0</v>
      </c>
      <c r="AG2503">
        <v>4.2341065045972579</v>
      </c>
      <c r="AH2503">
        <v>1.712825722339488E-2</v>
      </c>
      <c r="AI2503">
        <v>0.13253306654780131</v>
      </c>
      <c r="AJ2503">
        <v>8.1991183826300856E-2</v>
      </c>
      <c r="AK2503">
        <v>-6.3077787361469351E-2</v>
      </c>
      <c r="AL2503">
        <v>719.16730626049855</v>
      </c>
      <c r="AM2503">
        <v>991.14347377461854</v>
      </c>
      <c r="AN2503">
        <v>8653</v>
      </c>
      <c r="AO2503">
        <v>76.664147807825159</v>
      </c>
      <c r="AP2503">
        <v>620.27758319912027</v>
      </c>
      <c r="AQ2503">
        <v>1.319444444444444</v>
      </c>
      <c r="AR2503">
        <v>3.791666666666667</v>
      </c>
      <c r="AS2503">
        <v>72</v>
      </c>
      <c r="AT2503">
        <v>6.2222222222222214</v>
      </c>
      <c r="AU2503">
        <v>0.14157706093189959</v>
      </c>
      <c r="AV2503">
        <v>1.7416090807843079E-2</v>
      </c>
      <c r="AW2503">
        <v>0.3611111111111111</v>
      </c>
      <c r="AX2503">
        <v>90.83098591549296</v>
      </c>
      <c r="AY2503">
        <v>78</v>
      </c>
      <c r="AZ2503">
        <v>150.5</v>
      </c>
      <c r="BA2503">
        <v>0.66483006448513404</v>
      </c>
      <c r="BB2503">
        <v>0.5</v>
      </c>
      <c r="BC2503">
        <v>3.9819563671900058</v>
      </c>
      <c r="BD2503" t="s">
        <v>9540</v>
      </c>
      <c r="BE2503" t="s">
        <v>68</v>
      </c>
    </row>
    <row r="2504" spans="1:57" x14ac:dyDescent="0.3">
      <c r="A2504" t="s">
        <v>9541</v>
      </c>
      <c r="B2504">
        <v>651</v>
      </c>
      <c r="C2504" t="s">
        <v>9542</v>
      </c>
      <c r="D2504" t="s">
        <v>9543</v>
      </c>
      <c r="E2504" t="s">
        <v>128</v>
      </c>
      <c r="F2504">
        <v>32</v>
      </c>
      <c r="G2504">
        <v>125.53125</v>
      </c>
      <c r="H2504">
        <v>122</v>
      </c>
      <c r="I2504">
        <v>4831.0615234375</v>
      </c>
      <c r="J2504">
        <v>69.505838052911059</v>
      </c>
      <c r="K2504">
        <v>0.2363306404687941</v>
      </c>
      <c r="L2504">
        <v>-1.246018764804699</v>
      </c>
      <c r="M2504">
        <v>4.9375</v>
      </c>
      <c r="N2504">
        <v>2</v>
      </c>
      <c r="O2504">
        <v>1</v>
      </c>
      <c r="P2504">
        <v>1</v>
      </c>
      <c r="Q2504">
        <v>0.17668469596940839</v>
      </c>
      <c r="R2504">
        <v>3.422414204014729</v>
      </c>
      <c r="S2504">
        <v>1</v>
      </c>
      <c r="T2504">
        <v>1</v>
      </c>
      <c r="U2504">
        <v>0</v>
      </c>
      <c r="V2504">
        <v>0</v>
      </c>
      <c r="W2504">
        <v>3.4339872044851458</v>
      </c>
      <c r="X2504">
        <v>1</v>
      </c>
      <c r="Y2504">
        <v>1</v>
      </c>
      <c r="Z2504">
        <v>0</v>
      </c>
      <c r="AA2504">
        <v>0</v>
      </c>
      <c r="AB2504">
        <v>3.401197381662155</v>
      </c>
      <c r="AC2504">
        <v>1</v>
      </c>
      <c r="AD2504">
        <v>1</v>
      </c>
      <c r="AE2504">
        <v>0</v>
      </c>
      <c r="AF2504">
        <v>0</v>
      </c>
      <c r="AG2504">
        <v>3.3672958299864728</v>
      </c>
      <c r="AH2504">
        <v>0.1057829448694938</v>
      </c>
      <c r="AI2504">
        <v>-9.5635413998807761E-2</v>
      </c>
      <c r="AJ2504">
        <v>5.5385174055747242E-2</v>
      </c>
      <c r="AK2504">
        <v>-0.1785409465763845</v>
      </c>
      <c r="AL2504">
        <v>454.13019808321468</v>
      </c>
      <c r="AM2504">
        <v>672.76947254531399</v>
      </c>
      <c r="AN2504">
        <v>4017</v>
      </c>
      <c r="AO2504">
        <v>30.30092315155785</v>
      </c>
      <c r="AP2504">
        <v>348.70028685098589</v>
      </c>
      <c r="AQ2504">
        <v>1.65625</v>
      </c>
      <c r="AR2504">
        <v>3.9375</v>
      </c>
      <c r="AS2504">
        <v>31</v>
      </c>
      <c r="AT2504">
        <v>0.93749999999999978</v>
      </c>
      <c r="AU2504">
        <v>0.21013779527559059</v>
      </c>
      <c r="AV2504">
        <v>0.1089514541285499</v>
      </c>
      <c r="AW2504">
        <v>0.5</v>
      </c>
      <c r="AX2504">
        <v>74.354838709677423</v>
      </c>
      <c r="AY2504">
        <v>66.5</v>
      </c>
      <c r="AZ2504">
        <v>122.25</v>
      </c>
      <c r="BA2504">
        <v>0.55369350701845998</v>
      </c>
      <c r="BB2504">
        <v>0.5</v>
      </c>
      <c r="BC2504">
        <v>3.2998296856670919</v>
      </c>
      <c r="BD2504" t="s">
        <v>9544</v>
      </c>
      <c r="BE2504" t="s">
        <v>62</v>
      </c>
    </row>
    <row r="2505" spans="1:57" x14ac:dyDescent="0.3">
      <c r="A2505" t="s">
        <v>9545</v>
      </c>
      <c r="B2505">
        <v>3668</v>
      </c>
      <c r="C2505" t="s">
        <v>9546</v>
      </c>
      <c r="D2505" t="s">
        <v>9547</v>
      </c>
      <c r="E2505" t="s">
        <v>66</v>
      </c>
      <c r="F2505">
        <v>71</v>
      </c>
      <c r="G2505">
        <v>124.169014084507</v>
      </c>
      <c r="H2505">
        <v>120</v>
      </c>
      <c r="I2505">
        <v>6020.3376314223369</v>
      </c>
      <c r="J2505">
        <v>77.590834712756745</v>
      </c>
      <c r="K2505">
        <v>0.1062523579970359</v>
      </c>
      <c r="L2505">
        <v>-1.4041485973755761</v>
      </c>
      <c r="M2505">
        <v>5.8292557462347689</v>
      </c>
      <c r="N2505">
        <v>3</v>
      </c>
      <c r="O2505">
        <v>1</v>
      </c>
      <c r="P2505">
        <v>2</v>
      </c>
      <c r="Q2505">
        <v>0.42784992176644793</v>
      </c>
      <c r="R2505">
        <v>4.0405321852654943</v>
      </c>
      <c r="S2505">
        <v>1</v>
      </c>
      <c r="T2505">
        <v>1</v>
      </c>
      <c r="U2505">
        <v>0</v>
      </c>
      <c r="V2505">
        <v>0</v>
      </c>
      <c r="W2505">
        <v>4.2484952420493576</v>
      </c>
      <c r="X2505">
        <v>1</v>
      </c>
      <c r="Y2505">
        <v>1</v>
      </c>
      <c r="Z2505">
        <v>0</v>
      </c>
      <c r="AA2505">
        <v>0</v>
      </c>
      <c r="AB2505">
        <v>4.2341065045972579</v>
      </c>
      <c r="AC2505">
        <v>1</v>
      </c>
      <c r="AD2505">
        <v>1</v>
      </c>
      <c r="AE2505">
        <v>0</v>
      </c>
      <c r="AF2505">
        <v>0</v>
      </c>
      <c r="AG2505">
        <v>4.2195077051761087</v>
      </c>
      <c r="AH2505">
        <v>-2.9983677020256269E-3</v>
      </c>
      <c r="AI2505">
        <v>-5.2948082820574477E-2</v>
      </c>
      <c r="AJ2505">
        <v>7.4560529147183169E-2</v>
      </c>
      <c r="AK2505">
        <v>-8.740357377832568E-2</v>
      </c>
      <c r="AL2505">
        <v>726.45002237059725</v>
      </c>
      <c r="AM2505">
        <v>997.19023510950956</v>
      </c>
      <c r="AN2505">
        <v>8816</v>
      </c>
      <c r="AO2505">
        <v>182.60047797899529</v>
      </c>
      <c r="AP2505">
        <v>566.92255458531588</v>
      </c>
      <c r="AQ2505">
        <v>1.323943661971831</v>
      </c>
      <c r="AR2505">
        <v>3.732394366197183</v>
      </c>
      <c r="AS2505">
        <v>71</v>
      </c>
      <c r="AT2505">
        <v>9.2816901408450736</v>
      </c>
      <c r="AU2505">
        <v>9.9793885262796256E-2</v>
      </c>
      <c r="AV2505">
        <v>-2.915784052551538E-3</v>
      </c>
      <c r="AW2505">
        <v>0.42253521126760563</v>
      </c>
      <c r="AX2505">
        <v>90.328571428571422</v>
      </c>
      <c r="AY2505">
        <v>68</v>
      </c>
      <c r="AZ2505">
        <v>145.5</v>
      </c>
      <c r="BA2505">
        <v>0.62488081495074055</v>
      </c>
      <c r="BB2505">
        <v>0.49295774647887319</v>
      </c>
      <c r="BC2505">
        <v>4.1296700110962261</v>
      </c>
      <c r="BD2505" t="s">
        <v>9548</v>
      </c>
      <c r="BE2505" t="s">
        <v>68</v>
      </c>
    </row>
    <row r="2506" spans="1:57" x14ac:dyDescent="0.3">
      <c r="A2506" t="s">
        <v>9549</v>
      </c>
      <c r="B2506">
        <v>1802</v>
      </c>
      <c r="C2506" t="s">
        <v>9550</v>
      </c>
      <c r="D2506" t="s">
        <v>9551</v>
      </c>
      <c r="E2506" t="s">
        <v>85</v>
      </c>
      <c r="F2506">
        <v>8</v>
      </c>
      <c r="G2506">
        <v>178.875</v>
      </c>
      <c r="H2506">
        <v>210</v>
      </c>
      <c r="I2506">
        <v>5787.359375</v>
      </c>
      <c r="J2506">
        <v>76.074696023053548</v>
      </c>
      <c r="K2506">
        <v>-1.1349434243460099</v>
      </c>
      <c r="L2506">
        <v>3.4748340138082152E-2</v>
      </c>
      <c r="M2506">
        <v>3</v>
      </c>
      <c r="N2506">
        <v>1</v>
      </c>
      <c r="O2506">
        <v>1</v>
      </c>
      <c r="P2506">
        <v>0</v>
      </c>
      <c r="Q2506">
        <v>0</v>
      </c>
      <c r="R2506">
        <v>2.0794415416798362</v>
      </c>
      <c r="S2506">
        <v>1</v>
      </c>
      <c r="T2506">
        <v>1</v>
      </c>
      <c r="U2506">
        <v>0</v>
      </c>
      <c r="V2506">
        <v>0</v>
      </c>
      <c r="W2506">
        <v>1.945910149055313</v>
      </c>
      <c r="X2506">
        <v>1</v>
      </c>
      <c r="Y2506">
        <v>1</v>
      </c>
      <c r="Z2506">
        <v>0</v>
      </c>
      <c r="AA2506">
        <v>0</v>
      </c>
      <c r="AB2506">
        <v>1.791759469228055</v>
      </c>
      <c r="AC2506">
        <v>1</v>
      </c>
      <c r="AD2506">
        <v>1</v>
      </c>
      <c r="AE2506">
        <v>0</v>
      </c>
      <c r="AF2506">
        <v>0</v>
      </c>
      <c r="AG2506">
        <v>1.6094379124341009</v>
      </c>
      <c r="AH2506">
        <v>0.1253644796984808</v>
      </c>
      <c r="AI2506">
        <v>-0.1843410072058986</v>
      </c>
      <c r="AJ2506">
        <v>-0.26513771932903341</v>
      </c>
      <c r="AK2506">
        <v>0</v>
      </c>
      <c r="AL2506">
        <v>352.58120905156602</v>
      </c>
      <c r="AM2506">
        <v>421.84771070107257</v>
      </c>
      <c r="AN2506">
        <v>1431</v>
      </c>
      <c r="AO2506">
        <v>51</v>
      </c>
      <c r="AP2506">
        <v>270.02407300090857</v>
      </c>
      <c r="AQ2506">
        <v>3.5</v>
      </c>
      <c r="AR2506">
        <v>4.875</v>
      </c>
      <c r="AS2506">
        <v>8</v>
      </c>
      <c r="AT2506">
        <v>0</v>
      </c>
      <c r="AU2506">
        <v>0.37193877551020399</v>
      </c>
      <c r="AV2506">
        <v>0.1669771575038097</v>
      </c>
      <c r="AW2506">
        <v>0.125</v>
      </c>
      <c r="AX2506">
        <v>65.285714285714292</v>
      </c>
      <c r="AY2506">
        <v>33.5</v>
      </c>
      <c r="AZ2506">
        <v>88</v>
      </c>
      <c r="BA2506">
        <v>0.42529529572636499</v>
      </c>
      <c r="BB2506">
        <v>0.625</v>
      </c>
      <c r="BC2506">
        <v>1.945910149055313</v>
      </c>
      <c r="BD2506" t="s">
        <v>9550</v>
      </c>
      <c r="BE2506" t="s">
        <v>68</v>
      </c>
    </row>
    <row r="2507" spans="1:57" x14ac:dyDescent="0.3">
      <c r="A2507" t="s">
        <v>9552</v>
      </c>
      <c r="B2507">
        <v>1271</v>
      </c>
      <c r="C2507" t="s">
        <v>9553</v>
      </c>
      <c r="D2507" t="s">
        <v>9554</v>
      </c>
      <c r="E2507" t="s">
        <v>93</v>
      </c>
      <c r="F2507">
        <v>1276</v>
      </c>
      <c r="G2507">
        <v>125.87852664576801</v>
      </c>
      <c r="H2507">
        <v>124</v>
      </c>
      <c r="I2507">
        <v>5382.5424542555593</v>
      </c>
      <c r="J2507">
        <v>73.365812571357509</v>
      </c>
      <c r="K2507">
        <v>2.9620437999613031E-2</v>
      </c>
      <c r="L2507">
        <v>-1.1716352719287519</v>
      </c>
      <c r="M2507">
        <v>7.865718427329826</v>
      </c>
      <c r="N2507">
        <v>12</v>
      </c>
      <c r="O2507">
        <v>1</v>
      </c>
      <c r="P2507">
        <v>11</v>
      </c>
      <c r="Q2507">
        <v>2.0873062464328371</v>
      </c>
      <c r="R2507">
        <v>5.4521005509820686</v>
      </c>
      <c r="S2507">
        <v>2</v>
      </c>
      <c r="T2507">
        <v>1</v>
      </c>
      <c r="U2507">
        <v>1</v>
      </c>
      <c r="V2507">
        <v>8.4014681996378376E-2</v>
      </c>
      <c r="W2507">
        <v>7.1409158503375609</v>
      </c>
      <c r="X2507">
        <v>1</v>
      </c>
      <c r="Y2507">
        <v>1</v>
      </c>
      <c r="Z2507">
        <v>0</v>
      </c>
      <c r="AA2507">
        <v>0</v>
      </c>
      <c r="AB2507">
        <v>7.1499168361321086</v>
      </c>
      <c r="AC2507">
        <v>1</v>
      </c>
      <c r="AD2507">
        <v>1</v>
      </c>
      <c r="AE2507">
        <v>0</v>
      </c>
      <c r="AF2507">
        <v>0</v>
      </c>
      <c r="AG2507">
        <v>7.1491315985574069</v>
      </c>
      <c r="AH2507">
        <v>9.2471306240235439E-3</v>
      </c>
      <c r="AI2507">
        <v>8.9406047590456783E-3</v>
      </c>
      <c r="AJ2507">
        <v>-2.4515337489807391E-3</v>
      </c>
      <c r="AK2507">
        <v>3.5226283445084577E-2</v>
      </c>
      <c r="AL2507">
        <v>2474.597425837183</v>
      </c>
      <c r="AM2507">
        <v>4578.5616278521338</v>
      </c>
      <c r="AN2507">
        <v>160621</v>
      </c>
      <c r="AO2507">
        <v>139.33554805647699</v>
      </c>
      <c r="AP2507">
        <v>2220.5196478737362</v>
      </c>
      <c r="AQ2507">
        <v>1.0180250783699061</v>
      </c>
      <c r="AR2507">
        <v>3.9866771159874612</v>
      </c>
      <c r="AS2507">
        <v>1273</v>
      </c>
      <c r="AT2507">
        <v>222.02507836990591</v>
      </c>
      <c r="AU2507">
        <v>2.0575941975536249E-2</v>
      </c>
      <c r="AV2507">
        <v>9.2579629806080286E-3</v>
      </c>
      <c r="AW2507">
        <v>0.38087774294670851</v>
      </c>
      <c r="AX2507">
        <v>84.138823529411766</v>
      </c>
      <c r="AY2507">
        <v>63</v>
      </c>
      <c r="AZ2507">
        <v>124.25</v>
      </c>
      <c r="BA2507">
        <v>0.58283024536674644</v>
      </c>
      <c r="BB2507">
        <v>0.49686520376175553</v>
      </c>
      <c r="BC2507">
        <v>5.2432421995372138</v>
      </c>
      <c r="BD2507" t="s">
        <v>9555</v>
      </c>
      <c r="BE2507" t="s">
        <v>68</v>
      </c>
    </row>
    <row r="2508" spans="1:57" x14ac:dyDescent="0.3">
      <c r="A2508" t="s">
        <v>9556</v>
      </c>
      <c r="B2508">
        <v>887</v>
      </c>
      <c r="C2508" t="s">
        <v>9557</v>
      </c>
      <c r="D2508" t="s">
        <v>9558</v>
      </c>
      <c r="E2508" t="s">
        <v>115</v>
      </c>
      <c r="F2508">
        <v>933</v>
      </c>
      <c r="G2508">
        <v>122.82207931404071</v>
      </c>
      <c r="H2508">
        <v>118</v>
      </c>
      <c r="I2508">
        <v>5391.7432638436558</v>
      </c>
      <c r="J2508">
        <v>73.428490818235232</v>
      </c>
      <c r="K2508">
        <v>0.11216023500263129</v>
      </c>
      <c r="L2508">
        <v>-1.1744023218507971</v>
      </c>
      <c r="M2508">
        <v>7.8139686155215902</v>
      </c>
      <c r="N2508">
        <v>9</v>
      </c>
      <c r="O2508">
        <v>1</v>
      </c>
      <c r="P2508">
        <v>8</v>
      </c>
      <c r="Q2508">
        <v>1.805370327307956</v>
      </c>
      <c r="R2508">
        <v>5.4162303148326938</v>
      </c>
      <c r="S2508">
        <v>2</v>
      </c>
      <c r="T2508">
        <v>1</v>
      </c>
      <c r="U2508">
        <v>1</v>
      </c>
      <c r="V2508">
        <v>9.2644738350790887E-2</v>
      </c>
      <c r="W2508">
        <v>6.8254332922725416</v>
      </c>
      <c r="X2508">
        <v>1</v>
      </c>
      <c r="Y2508">
        <v>1</v>
      </c>
      <c r="Z2508">
        <v>0</v>
      </c>
      <c r="AA2508">
        <v>0</v>
      </c>
      <c r="AB2508">
        <v>6.8362592772770689</v>
      </c>
      <c r="AC2508">
        <v>1</v>
      </c>
      <c r="AD2508">
        <v>1</v>
      </c>
      <c r="AE2508">
        <v>0</v>
      </c>
      <c r="AF2508">
        <v>0</v>
      </c>
      <c r="AG2508">
        <v>6.8351845861473031</v>
      </c>
      <c r="AH2508">
        <v>6.4649882166901401E-2</v>
      </c>
      <c r="AI2508">
        <v>6.2545016785984396E-3</v>
      </c>
      <c r="AJ2508">
        <v>-3.3216710376005452E-2</v>
      </c>
      <c r="AK2508">
        <v>4.3021625860809279E-2</v>
      </c>
      <c r="AL2508">
        <v>2121.439588927085</v>
      </c>
      <c r="AM2508">
        <v>3821.5888149476368</v>
      </c>
      <c r="AN2508">
        <v>114593</v>
      </c>
      <c r="AO2508">
        <v>39.916457759663487</v>
      </c>
      <c r="AP2508">
        <v>1886.4501914986599</v>
      </c>
      <c r="AQ2508">
        <v>1.02465166130761</v>
      </c>
      <c r="AR2508">
        <v>3.939978563772776</v>
      </c>
      <c r="AS2508">
        <v>929</v>
      </c>
      <c r="AT2508">
        <v>225.3815648445873</v>
      </c>
      <c r="AU2508">
        <v>4.2052833995334438E-2</v>
      </c>
      <c r="AV2508">
        <v>6.4708419767030345E-2</v>
      </c>
      <c r="AW2508">
        <v>0.39442658092175781</v>
      </c>
      <c r="AX2508">
        <v>80.711373390557938</v>
      </c>
      <c r="AY2508">
        <v>63</v>
      </c>
      <c r="AZ2508">
        <v>124</v>
      </c>
      <c r="BA2508">
        <v>0.59784438781961791</v>
      </c>
      <c r="BB2508">
        <v>0.48660235798499463</v>
      </c>
      <c r="BC2508">
        <v>5.1661385119262659</v>
      </c>
      <c r="BD2508" t="s">
        <v>9559</v>
      </c>
      <c r="BE2508" t="s">
        <v>68</v>
      </c>
    </row>
    <row r="2509" spans="1:57" x14ac:dyDescent="0.3">
      <c r="A2509" t="s">
        <v>9560</v>
      </c>
      <c r="B2509">
        <v>3858</v>
      </c>
      <c r="C2509" t="s">
        <v>9561</v>
      </c>
      <c r="D2509" t="s">
        <v>9562</v>
      </c>
      <c r="E2509" t="s">
        <v>106</v>
      </c>
      <c r="F2509">
        <v>4000</v>
      </c>
      <c r="G2509">
        <v>127.84050000000001</v>
      </c>
      <c r="H2509">
        <v>127</v>
      </c>
      <c r="I2509">
        <v>5416.7145597500003</v>
      </c>
      <c r="J2509">
        <v>73.598332588109628</v>
      </c>
      <c r="K2509">
        <v>8.1135192025406765E-3</v>
      </c>
      <c r="L2509">
        <v>-1.193958318390524</v>
      </c>
      <c r="M2509">
        <v>7.9534051273404476</v>
      </c>
      <c r="N2509">
        <v>31</v>
      </c>
      <c r="O2509">
        <v>6</v>
      </c>
      <c r="P2509">
        <v>25</v>
      </c>
      <c r="Q2509">
        <v>3.9548230048890942</v>
      </c>
      <c r="R2509">
        <v>5.5128803398670456</v>
      </c>
      <c r="S2509">
        <v>3</v>
      </c>
      <c r="T2509">
        <v>1</v>
      </c>
      <c r="U2509">
        <v>2</v>
      </c>
      <c r="V2509">
        <v>0.18584709712497499</v>
      </c>
      <c r="W2509">
        <v>8.2482103966636089</v>
      </c>
      <c r="X2509">
        <v>1</v>
      </c>
      <c r="Y2509">
        <v>1</v>
      </c>
      <c r="Z2509">
        <v>0</v>
      </c>
      <c r="AA2509">
        <v>0</v>
      </c>
      <c r="AB2509">
        <v>8.2935495150603415</v>
      </c>
      <c r="AC2509">
        <v>1</v>
      </c>
      <c r="AD2509">
        <v>1</v>
      </c>
      <c r="AE2509">
        <v>0</v>
      </c>
      <c r="AF2509">
        <v>0</v>
      </c>
      <c r="AG2509">
        <v>8.2932993587113213</v>
      </c>
      <c r="AH2509">
        <v>-5.0180892744544001E-3</v>
      </c>
      <c r="AI2509">
        <v>1.0272952992989E-3</v>
      </c>
      <c r="AJ2509">
        <v>1.4130702472943339E-2</v>
      </c>
      <c r="AK2509">
        <v>1.8514033099429839E-2</v>
      </c>
      <c r="AL2509">
        <v>4244.9989430728128</v>
      </c>
      <c r="AM2509">
        <v>8307.8045218523712</v>
      </c>
      <c r="AN2509">
        <v>511362</v>
      </c>
      <c r="AO2509">
        <v>25.50721803703113</v>
      </c>
      <c r="AP2509">
        <v>3906.5147717119589</v>
      </c>
      <c r="AQ2509">
        <v>1.0057499999999999</v>
      </c>
      <c r="AR2509">
        <v>4.0460000000000003</v>
      </c>
      <c r="AS2509">
        <v>3983</v>
      </c>
      <c r="AT2509">
        <v>256.25599999999997</v>
      </c>
      <c r="AU2509">
        <v>1.0406862745098061E-2</v>
      </c>
      <c r="AV2509">
        <v>-5.01852799914856E-3</v>
      </c>
      <c r="AW2509">
        <v>0.376</v>
      </c>
      <c r="AX2509">
        <v>85.013003250812702</v>
      </c>
      <c r="AY2509">
        <v>64</v>
      </c>
      <c r="AZ2509">
        <v>127.25</v>
      </c>
      <c r="BA2509">
        <v>0.57570435494314887</v>
      </c>
      <c r="BB2509">
        <v>0.49675000000000002</v>
      </c>
      <c r="BC2509">
        <v>5.3222803255481441</v>
      </c>
      <c r="BD2509" t="s">
        <v>9563</v>
      </c>
      <c r="BE2509" t="s">
        <v>62</v>
      </c>
    </row>
    <row r="2510" spans="1:57" x14ac:dyDescent="0.3">
      <c r="A2510" t="s">
        <v>9564</v>
      </c>
      <c r="B2510">
        <v>1134</v>
      </c>
      <c r="C2510" t="s">
        <v>9565</v>
      </c>
      <c r="D2510" t="s">
        <v>9566</v>
      </c>
      <c r="E2510" t="s">
        <v>115</v>
      </c>
      <c r="F2510">
        <v>1178</v>
      </c>
      <c r="G2510">
        <v>128.58998302207129</v>
      </c>
      <c r="H2510">
        <v>129</v>
      </c>
      <c r="I2510">
        <v>5414.647675551495</v>
      </c>
      <c r="J2510">
        <v>73.584289597382778</v>
      </c>
      <c r="K2510">
        <v>-1.6993646605784181E-2</v>
      </c>
      <c r="L2510">
        <v>-1.1982893009778399</v>
      </c>
      <c r="M2510">
        <v>7.8446704804957914</v>
      </c>
      <c r="N2510">
        <v>12</v>
      </c>
      <c r="O2510">
        <v>1</v>
      </c>
      <c r="P2510">
        <v>11</v>
      </c>
      <c r="Q2510">
        <v>2.1200277104962142</v>
      </c>
      <c r="R2510">
        <v>5.4375112259774987</v>
      </c>
      <c r="S2510">
        <v>2</v>
      </c>
      <c r="T2510">
        <v>1</v>
      </c>
      <c r="U2510">
        <v>1</v>
      </c>
      <c r="V2510">
        <v>9.6669346848675466E-2</v>
      </c>
      <c r="W2510">
        <v>7.0577680851937368</v>
      </c>
      <c r="X2510">
        <v>1</v>
      </c>
      <c r="Y2510">
        <v>1</v>
      </c>
      <c r="Z2510">
        <v>0</v>
      </c>
      <c r="AA2510">
        <v>0</v>
      </c>
      <c r="AB2510">
        <v>7.0698741284585731</v>
      </c>
      <c r="AC2510">
        <v>1</v>
      </c>
      <c r="AD2510">
        <v>1</v>
      </c>
      <c r="AE2510">
        <v>0</v>
      </c>
      <c r="AF2510">
        <v>0</v>
      </c>
      <c r="AG2510">
        <v>7.0690234265782594</v>
      </c>
      <c r="AH2510">
        <v>-3.3136870175320687E-2</v>
      </c>
      <c r="AI2510">
        <v>1.4497602780072911E-2</v>
      </c>
      <c r="AJ2510">
        <v>3.2896987367055992E-2</v>
      </c>
      <c r="AK2510">
        <v>8.1944063164527386E-3</v>
      </c>
      <c r="AL2510">
        <v>2346.4571434704271</v>
      </c>
      <c r="AM2510">
        <v>4511.238840258472</v>
      </c>
      <c r="AN2510">
        <v>151479</v>
      </c>
      <c r="AO2510">
        <v>76.426044176567757</v>
      </c>
      <c r="AP2510">
        <v>2048.821768333094</v>
      </c>
      <c r="AQ2510">
        <v>1.019524617996604</v>
      </c>
      <c r="AR2510">
        <v>3.9974533106960952</v>
      </c>
      <c r="AS2510">
        <v>1176</v>
      </c>
      <c r="AT2510">
        <v>248.09507640067909</v>
      </c>
      <c r="AU2510">
        <v>1.7933353307367009E-2</v>
      </c>
      <c r="AV2510">
        <v>-3.3175095088699993E-2</v>
      </c>
      <c r="AW2510">
        <v>0.367572156196944</v>
      </c>
      <c r="AX2510">
        <v>87.103653355989806</v>
      </c>
      <c r="AY2510">
        <v>64</v>
      </c>
      <c r="AZ2510">
        <v>127</v>
      </c>
      <c r="BA2510">
        <v>0.57223967114726737</v>
      </c>
      <c r="BB2510">
        <v>0.50084889643463493</v>
      </c>
      <c r="BC2510">
        <v>5.2434562806941232</v>
      </c>
      <c r="BD2510" t="s">
        <v>9567</v>
      </c>
      <c r="BE2510" t="s">
        <v>68</v>
      </c>
    </row>
    <row r="2511" spans="1:57" x14ac:dyDescent="0.3">
      <c r="A2511" t="s">
        <v>9568</v>
      </c>
      <c r="B2511">
        <v>1030</v>
      </c>
      <c r="C2511" t="s">
        <v>9569</v>
      </c>
      <c r="D2511" t="s">
        <v>9570</v>
      </c>
      <c r="E2511" t="s">
        <v>128</v>
      </c>
      <c r="F2511">
        <v>32</v>
      </c>
      <c r="G2511">
        <v>131.90625</v>
      </c>
      <c r="H2511">
        <v>142</v>
      </c>
      <c r="I2511">
        <v>4887.0224609375</v>
      </c>
      <c r="J2511">
        <v>69.907241834716231</v>
      </c>
      <c r="K2511">
        <v>-0.1235868392837035</v>
      </c>
      <c r="L2511">
        <v>-1.153429730641452</v>
      </c>
      <c r="M2511">
        <v>4.9375</v>
      </c>
      <c r="N2511">
        <v>2</v>
      </c>
      <c r="O2511">
        <v>1</v>
      </c>
      <c r="P2511">
        <v>1</v>
      </c>
      <c r="Q2511">
        <v>0.1766846959694085</v>
      </c>
      <c r="R2511">
        <v>3.422414204014729</v>
      </c>
      <c r="S2511">
        <v>1</v>
      </c>
      <c r="T2511">
        <v>1</v>
      </c>
      <c r="U2511">
        <v>0</v>
      </c>
      <c r="V2511">
        <v>0</v>
      </c>
      <c r="W2511">
        <v>3.4339872044851458</v>
      </c>
      <c r="X2511">
        <v>1</v>
      </c>
      <c r="Y2511">
        <v>1</v>
      </c>
      <c r="Z2511">
        <v>0</v>
      </c>
      <c r="AA2511">
        <v>0</v>
      </c>
      <c r="AB2511">
        <v>3.401197381662155</v>
      </c>
      <c r="AC2511">
        <v>1</v>
      </c>
      <c r="AD2511">
        <v>1</v>
      </c>
      <c r="AE2511">
        <v>0</v>
      </c>
      <c r="AF2511">
        <v>0</v>
      </c>
      <c r="AG2511">
        <v>3.3672958299864728</v>
      </c>
      <c r="AH2511">
        <v>-7.7100979785229173E-2</v>
      </c>
      <c r="AI2511">
        <v>-8.4937079749839689E-2</v>
      </c>
      <c r="AJ2511">
        <v>-0.15023135177849661</v>
      </c>
      <c r="AK2511">
        <v>-0.13659678874874079</v>
      </c>
      <c r="AL2511">
        <v>496.66728781943061</v>
      </c>
      <c r="AM2511">
        <v>682.99531858577984</v>
      </c>
      <c r="AN2511">
        <v>4221</v>
      </c>
      <c r="AO2511">
        <v>114.1624376959788</v>
      </c>
      <c r="AP2511">
        <v>383.24054829703539</v>
      </c>
      <c r="AQ2511">
        <v>1.71875</v>
      </c>
      <c r="AR2511">
        <v>4.03125</v>
      </c>
      <c r="AS2511">
        <v>32</v>
      </c>
      <c r="AT2511">
        <v>0.93749999999999978</v>
      </c>
      <c r="AU2511">
        <v>9.324799196787148E-2</v>
      </c>
      <c r="AV2511">
        <v>-7.9433948651718086E-2</v>
      </c>
      <c r="AW2511">
        <v>0.3125</v>
      </c>
      <c r="AX2511">
        <v>83.290322580645167</v>
      </c>
      <c r="AY2511">
        <v>60.5</v>
      </c>
      <c r="AZ2511">
        <v>115</v>
      </c>
      <c r="BA2511">
        <v>0.52997672085072722</v>
      </c>
      <c r="BB2511">
        <v>0.53125</v>
      </c>
      <c r="BC2511">
        <v>3.4339872044851458</v>
      </c>
      <c r="BD2511" t="s">
        <v>9571</v>
      </c>
      <c r="BE2511" t="s">
        <v>62</v>
      </c>
    </row>
    <row r="2512" spans="1:57" x14ac:dyDescent="0.3">
      <c r="A2512" t="s">
        <v>9572</v>
      </c>
      <c r="B2512">
        <v>1363</v>
      </c>
      <c r="C2512" t="s">
        <v>9573</v>
      </c>
      <c r="D2512" t="s">
        <v>9574</v>
      </c>
      <c r="E2512" t="s">
        <v>10622</v>
      </c>
      <c r="F2512">
        <v>64</v>
      </c>
      <c r="G2512">
        <v>128.578125</v>
      </c>
      <c r="H2512">
        <v>125.5</v>
      </c>
      <c r="I2512">
        <v>4585.493896484375</v>
      </c>
      <c r="J2512">
        <v>67.716274974959859</v>
      </c>
      <c r="K2512">
        <v>-1.457716717186712E-2</v>
      </c>
      <c r="L2512">
        <v>-1.0826806061946159</v>
      </c>
      <c r="M2512">
        <v>5.84375</v>
      </c>
      <c r="N2512">
        <v>2</v>
      </c>
      <c r="O2512">
        <v>1</v>
      </c>
      <c r="P2512">
        <v>1</v>
      </c>
      <c r="Q2512">
        <v>0.27850299534160988</v>
      </c>
      <c r="R2512">
        <v>4.0505788363971806</v>
      </c>
      <c r="S2512">
        <v>1</v>
      </c>
      <c r="T2512">
        <v>1</v>
      </c>
      <c r="U2512">
        <v>0</v>
      </c>
      <c r="V2512">
        <v>0</v>
      </c>
      <c r="W2512">
        <v>4.1431347263915326</v>
      </c>
      <c r="X2512">
        <v>1</v>
      </c>
      <c r="Y2512">
        <v>1</v>
      </c>
      <c r="Z2512">
        <v>0</v>
      </c>
      <c r="AA2512">
        <v>0</v>
      </c>
      <c r="AB2512">
        <v>4.1271343850450908</v>
      </c>
      <c r="AC2512">
        <v>1</v>
      </c>
      <c r="AD2512">
        <v>1</v>
      </c>
      <c r="AE2512">
        <v>0</v>
      </c>
      <c r="AF2512">
        <v>0</v>
      </c>
      <c r="AG2512">
        <v>4.1108738641733096</v>
      </c>
      <c r="AH2512">
        <v>1.946401061979856E-2</v>
      </c>
      <c r="AI2512">
        <v>-0.1969308775902141</v>
      </c>
      <c r="AJ2512">
        <v>7.8837536982522216E-2</v>
      </c>
      <c r="AK2512">
        <v>1.8386898570309961E-2</v>
      </c>
      <c r="AL2512">
        <v>613.79290762596747</v>
      </c>
      <c r="AM2512">
        <v>987.3192323398041</v>
      </c>
      <c r="AN2512">
        <v>8229</v>
      </c>
      <c r="AO2512">
        <v>17</v>
      </c>
      <c r="AP2512">
        <v>502.77330875852988</v>
      </c>
      <c r="AQ2512">
        <v>1.359375</v>
      </c>
      <c r="AR2512">
        <v>4.046875</v>
      </c>
      <c r="AS2512">
        <v>64</v>
      </c>
      <c r="AT2512">
        <v>4.2187499999999991</v>
      </c>
      <c r="AU2512">
        <v>7.9637096774193505E-2</v>
      </c>
      <c r="AV2512">
        <v>1.949877301031952E-2</v>
      </c>
      <c r="AW2512">
        <v>0.390625</v>
      </c>
      <c r="AX2512">
        <v>78.396825396825392</v>
      </c>
      <c r="AY2512">
        <v>57.5</v>
      </c>
      <c r="AZ2512">
        <v>114</v>
      </c>
      <c r="BA2512">
        <v>0.5266547087613842</v>
      </c>
      <c r="BB2512">
        <v>0.46875</v>
      </c>
      <c r="BC2512">
        <v>3.9670973472017059</v>
      </c>
      <c r="BD2512" t="s">
        <v>9575</v>
      </c>
      <c r="BE2512" t="s">
        <v>62</v>
      </c>
    </row>
    <row r="2513" spans="1:57" x14ac:dyDescent="0.3">
      <c r="A2513" t="s">
        <v>9576</v>
      </c>
      <c r="B2513">
        <v>560</v>
      </c>
      <c r="C2513" t="s">
        <v>9577</v>
      </c>
      <c r="D2513" t="s">
        <v>9578</v>
      </c>
      <c r="E2513" t="s">
        <v>128</v>
      </c>
      <c r="F2513">
        <v>32</v>
      </c>
      <c r="G2513">
        <v>134.84375</v>
      </c>
      <c r="H2513">
        <v>127.5</v>
      </c>
      <c r="I2513">
        <v>5399.7568359375</v>
      </c>
      <c r="J2513">
        <v>73.483037742988685</v>
      </c>
      <c r="K2513">
        <v>-0.2577172520534029</v>
      </c>
      <c r="L2513">
        <v>-1.264784531272392</v>
      </c>
      <c r="M2513">
        <v>5</v>
      </c>
      <c r="N2513">
        <v>1</v>
      </c>
      <c r="O2513">
        <v>1</v>
      </c>
      <c r="P2513">
        <v>0</v>
      </c>
      <c r="Q2513">
        <v>0</v>
      </c>
      <c r="R2513">
        <v>3.465735902799727</v>
      </c>
      <c r="S2513">
        <v>1</v>
      </c>
      <c r="T2513">
        <v>1</v>
      </c>
      <c r="U2513">
        <v>0</v>
      </c>
      <c r="V2513">
        <v>0</v>
      </c>
      <c r="W2513">
        <v>3.4339872044851458</v>
      </c>
      <c r="X2513">
        <v>1</v>
      </c>
      <c r="Y2513">
        <v>1</v>
      </c>
      <c r="Z2513">
        <v>0</v>
      </c>
      <c r="AA2513">
        <v>0</v>
      </c>
      <c r="AB2513">
        <v>3.401197381662155</v>
      </c>
      <c r="AC2513">
        <v>1</v>
      </c>
      <c r="AD2513">
        <v>1</v>
      </c>
      <c r="AE2513">
        <v>0</v>
      </c>
      <c r="AF2513">
        <v>0</v>
      </c>
      <c r="AG2513">
        <v>3.3672958299864728</v>
      </c>
      <c r="AH2513">
        <v>-0.27822809245605862</v>
      </c>
      <c r="AI2513">
        <v>-0.1990437146240128</v>
      </c>
      <c r="AJ2513">
        <v>-0.1110124689588344</v>
      </c>
      <c r="AK2513">
        <v>6.3995790373951658E-2</v>
      </c>
      <c r="AL2513">
        <v>494.18914468589043</v>
      </c>
      <c r="AM2513">
        <v>714.43690363434337</v>
      </c>
      <c r="AN2513">
        <v>4315</v>
      </c>
      <c r="AO2513">
        <v>51.184150632393113</v>
      </c>
      <c r="AP2513">
        <v>370.29320183051311</v>
      </c>
      <c r="AQ2513">
        <v>1.71875</v>
      </c>
      <c r="AR2513">
        <v>4.09375</v>
      </c>
      <c r="AS2513">
        <v>32</v>
      </c>
      <c r="AT2513">
        <v>0</v>
      </c>
      <c r="AU2513">
        <v>0.1183401639344263</v>
      </c>
      <c r="AV2513">
        <v>-0.27874094046509912</v>
      </c>
      <c r="AW2513">
        <v>0.40625</v>
      </c>
      <c r="AX2513">
        <v>98.225806451612897</v>
      </c>
      <c r="AY2513">
        <v>70.5</v>
      </c>
      <c r="AZ2513">
        <v>133.75</v>
      </c>
      <c r="BA2513">
        <v>0.54494952671509567</v>
      </c>
      <c r="BB2513">
        <v>0.46875</v>
      </c>
      <c r="BC2513">
        <v>3.2998296856670919</v>
      </c>
      <c r="BD2513" t="s">
        <v>9579</v>
      </c>
      <c r="BE2513" t="s">
        <v>62</v>
      </c>
    </row>
    <row r="2514" spans="1:57" x14ac:dyDescent="0.3">
      <c r="A2514" t="s">
        <v>9580</v>
      </c>
      <c r="B2514">
        <v>1132</v>
      </c>
      <c r="C2514" t="s">
        <v>9581</v>
      </c>
      <c r="D2514" t="s">
        <v>9582</v>
      </c>
      <c r="E2514" t="s">
        <v>98</v>
      </c>
      <c r="F2514">
        <v>16</v>
      </c>
      <c r="G2514">
        <v>159.0625</v>
      </c>
      <c r="H2514">
        <v>179.5</v>
      </c>
      <c r="I2514">
        <v>4787.93359375</v>
      </c>
      <c r="J2514">
        <v>69.194895720349194</v>
      </c>
      <c r="K2514">
        <v>-0.4137939667824842</v>
      </c>
      <c r="L2514">
        <v>-1.170846134829238</v>
      </c>
      <c r="M2514">
        <v>3.875</v>
      </c>
      <c r="N2514">
        <v>2</v>
      </c>
      <c r="O2514">
        <v>1</v>
      </c>
      <c r="P2514">
        <v>1</v>
      </c>
      <c r="Q2514">
        <v>0.24944382578492949</v>
      </c>
      <c r="R2514">
        <v>2.6859453246697882</v>
      </c>
      <c r="S2514">
        <v>1</v>
      </c>
      <c r="T2514">
        <v>1</v>
      </c>
      <c r="U2514">
        <v>0</v>
      </c>
      <c r="V2514">
        <v>0</v>
      </c>
      <c r="W2514">
        <v>2.7080502011022101</v>
      </c>
      <c r="X2514">
        <v>1</v>
      </c>
      <c r="Y2514">
        <v>1</v>
      </c>
      <c r="Z2514">
        <v>0</v>
      </c>
      <c r="AA2514">
        <v>0</v>
      </c>
      <c r="AB2514">
        <v>2.639057329615258</v>
      </c>
      <c r="AC2514">
        <v>1</v>
      </c>
      <c r="AD2514">
        <v>1</v>
      </c>
      <c r="AE2514">
        <v>0</v>
      </c>
      <c r="AF2514">
        <v>0</v>
      </c>
      <c r="AG2514">
        <v>2.5649493574615372</v>
      </c>
      <c r="AH2514">
        <v>-0.2483399940932243</v>
      </c>
      <c r="AI2514">
        <v>-0.12416966560632969</v>
      </c>
      <c r="AJ2514">
        <v>-0.12460793164130859</v>
      </c>
      <c r="AK2514">
        <v>-0.28100394383341593</v>
      </c>
      <c r="AL2514">
        <v>414.44973881707102</v>
      </c>
      <c r="AM2514">
        <v>556.46420728961675</v>
      </c>
      <c r="AN2514">
        <v>2545</v>
      </c>
      <c r="AO2514">
        <v>53</v>
      </c>
      <c r="AP2514">
        <v>312.18744369368858</v>
      </c>
      <c r="AQ2514">
        <v>2.3125</v>
      </c>
      <c r="AR2514">
        <v>4.25</v>
      </c>
      <c r="AS2514">
        <v>16</v>
      </c>
      <c r="AT2514">
        <v>0.87499999999999989</v>
      </c>
      <c r="AU2514">
        <v>0.1368801652892562</v>
      </c>
      <c r="AV2514">
        <v>-0.2754808460179396</v>
      </c>
      <c r="AW2514">
        <v>0.375</v>
      </c>
      <c r="AX2514">
        <v>95.6</v>
      </c>
      <c r="AY2514">
        <v>56.5</v>
      </c>
      <c r="AZ2514">
        <v>119</v>
      </c>
      <c r="BA2514">
        <v>0.43501702613971988</v>
      </c>
      <c r="BB2514">
        <v>0.5625</v>
      </c>
      <c r="BC2514">
        <v>2.7080502011022101</v>
      </c>
      <c r="BD2514" t="s">
        <v>9581</v>
      </c>
      <c r="BE2514" t="s">
        <v>62</v>
      </c>
    </row>
    <row r="2515" spans="1:57" x14ac:dyDescent="0.3">
      <c r="A2515" t="s">
        <v>9583</v>
      </c>
      <c r="B2515">
        <v>1590</v>
      </c>
      <c r="C2515" t="s">
        <v>9584</v>
      </c>
      <c r="D2515" t="s">
        <v>9585</v>
      </c>
      <c r="E2515" t="s">
        <v>98</v>
      </c>
      <c r="F2515">
        <v>16</v>
      </c>
      <c r="G2515">
        <v>126.3125</v>
      </c>
      <c r="H2515">
        <v>114</v>
      </c>
      <c r="I2515">
        <v>7180.71484375</v>
      </c>
      <c r="J2515">
        <v>84.739098672041592</v>
      </c>
      <c r="K2515">
        <v>6.5664865272846637E-2</v>
      </c>
      <c r="L2515">
        <v>-1.5951300447826491</v>
      </c>
      <c r="M2515">
        <v>3.875</v>
      </c>
      <c r="N2515">
        <v>2</v>
      </c>
      <c r="O2515">
        <v>1</v>
      </c>
      <c r="P2515">
        <v>1</v>
      </c>
      <c r="Q2515">
        <v>0.24944382578492949</v>
      </c>
      <c r="R2515">
        <v>2.6859453246697882</v>
      </c>
      <c r="S2515">
        <v>1</v>
      </c>
      <c r="T2515">
        <v>1</v>
      </c>
      <c r="U2515">
        <v>0</v>
      </c>
      <c r="V2515">
        <v>0</v>
      </c>
      <c r="W2515">
        <v>2.7080502011022101</v>
      </c>
      <c r="X2515">
        <v>1</v>
      </c>
      <c r="Y2515">
        <v>1</v>
      </c>
      <c r="Z2515">
        <v>0</v>
      </c>
      <c r="AA2515">
        <v>0</v>
      </c>
      <c r="AB2515">
        <v>2.639057329615258</v>
      </c>
      <c r="AC2515">
        <v>1</v>
      </c>
      <c r="AD2515">
        <v>1</v>
      </c>
      <c r="AE2515">
        <v>0</v>
      </c>
      <c r="AF2515">
        <v>0</v>
      </c>
      <c r="AG2515">
        <v>2.5649493574615372</v>
      </c>
      <c r="AH2515">
        <v>3.979595819531808E-2</v>
      </c>
      <c r="AI2515">
        <v>-0.32786175046769689</v>
      </c>
      <c r="AJ2515">
        <v>0.12898110199683069</v>
      </c>
      <c r="AK2515">
        <v>9.9901034291611152E-2</v>
      </c>
      <c r="AL2515">
        <v>430.71855878591327</v>
      </c>
      <c r="AM2515">
        <v>429.70981268454381</v>
      </c>
      <c r="AN2515">
        <v>2021</v>
      </c>
      <c r="AO2515">
        <v>57</v>
      </c>
      <c r="AP2515">
        <v>360.38698158975808</v>
      </c>
      <c r="AQ2515">
        <v>2.3125</v>
      </c>
      <c r="AR2515">
        <v>3.9375</v>
      </c>
      <c r="AS2515">
        <v>16</v>
      </c>
      <c r="AT2515">
        <v>0.875</v>
      </c>
      <c r="AU2515">
        <v>0.1926652892561983</v>
      </c>
      <c r="AV2515">
        <v>3.940563818961202E-2</v>
      </c>
      <c r="AW2515">
        <v>0.375</v>
      </c>
      <c r="AX2515">
        <v>96.8</v>
      </c>
      <c r="AY2515">
        <v>76.5</v>
      </c>
      <c r="AZ2515">
        <v>164</v>
      </c>
      <c r="BA2515">
        <v>0.67086866835856773</v>
      </c>
      <c r="BB2515">
        <v>0.5</v>
      </c>
      <c r="BC2515">
        <v>2.615630577027551</v>
      </c>
      <c r="BD2515" t="s">
        <v>9584</v>
      </c>
      <c r="BE2515" t="s">
        <v>62</v>
      </c>
    </row>
    <row r="2516" spans="1:57" x14ac:dyDescent="0.3">
      <c r="A2516" t="s">
        <v>9586</v>
      </c>
      <c r="B2516">
        <v>2148</v>
      </c>
      <c r="C2516" t="s">
        <v>9587</v>
      </c>
      <c r="D2516" t="s">
        <v>9588</v>
      </c>
      <c r="E2516" t="s">
        <v>72</v>
      </c>
      <c r="F2516">
        <v>2224</v>
      </c>
      <c r="G2516">
        <v>127.4177158273381</v>
      </c>
      <c r="H2516">
        <v>125</v>
      </c>
      <c r="I2516">
        <v>5483.9050998185257</v>
      </c>
      <c r="J2516">
        <v>74.053393573951254</v>
      </c>
      <c r="K2516">
        <v>2.9520270406939841E-2</v>
      </c>
      <c r="L2516">
        <v>-1.175150323649834</v>
      </c>
      <c r="M2516">
        <v>7.9153935477103756</v>
      </c>
      <c r="N2516">
        <v>19</v>
      </c>
      <c r="O2516">
        <v>2</v>
      </c>
      <c r="P2516">
        <v>17</v>
      </c>
      <c r="Q2516">
        <v>2.961339435120534</v>
      </c>
      <c r="R2516">
        <v>5.486532720617836</v>
      </c>
      <c r="S2516">
        <v>2</v>
      </c>
      <c r="T2516">
        <v>1</v>
      </c>
      <c r="U2516">
        <v>1</v>
      </c>
      <c r="V2516">
        <v>0.1218254229003646</v>
      </c>
      <c r="W2516">
        <v>7.6860336454455496</v>
      </c>
      <c r="X2516">
        <v>1</v>
      </c>
      <c r="Y2516">
        <v>1</v>
      </c>
      <c r="Z2516">
        <v>0</v>
      </c>
      <c r="AA2516">
        <v>0</v>
      </c>
      <c r="AB2516">
        <v>7.7061629701995749</v>
      </c>
      <c r="AC2516">
        <v>1</v>
      </c>
      <c r="AD2516">
        <v>1</v>
      </c>
      <c r="AE2516">
        <v>0</v>
      </c>
      <c r="AF2516">
        <v>0</v>
      </c>
      <c r="AG2516">
        <v>7.7057128238944257</v>
      </c>
      <c r="AH2516">
        <v>-3.62495656360629E-3</v>
      </c>
      <c r="AI2516">
        <v>4.072648819554687E-3</v>
      </c>
      <c r="AJ2516">
        <v>-6.2749240019479603E-3</v>
      </c>
      <c r="AK2516">
        <v>9.2657351309488149E-3</v>
      </c>
      <c r="AL2516">
        <v>3226.7810767244159</v>
      </c>
      <c r="AM2516">
        <v>6155.5941129100784</v>
      </c>
      <c r="AN2516">
        <v>283377</v>
      </c>
      <c r="AO2516">
        <v>121.7054000400808</v>
      </c>
      <c r="AP2516">
        <v>2935.4376771151278</v>
      </c>
      <c r="AQ2516">
        <v>1.0103417266187049</v>
      </c>
      <c r="AR2516">
        <v>4.0323741007194247</v>
      </c>
      <c r="AS2516">
        <v>2213</v>
      </c>
      <c r="AT2516">
        <v>258.41726618705042</v>
      </c>
      <c r="AU2516">
        <v>2.05494427987023E-2</v>
      </c>
      <c r="AV2516">
        <v>-3.6260220603440739E-3</v>
      </c>
      <c r="AW2516">
        <v>0.37859712230215831</v>
      </c>
      <c r="AX2516">
        <v>85.313990103463794</v>
      </c>
      <c r="AY2516">
        <v>64</v>
      </c>
      <c r="AZ2516">
        <v>128</v>
      </c>
      <c r="BA2516">
        <v>0.58118600771575535</v>
      </c>
      <c r="BB2516">
        <v>0.48741007194244612</v>
      </c>
      <c r="BC2516">
        <v>5.2943111850063449</v>
      </c>
      <c r="BD2516" t="s">
        <v>9589</v>
      </c>
      <c r="BE2516" t="s">
        <v>62</v>
      </c>
    </row>
    <row r="2517" spans="1:57" x14ac:dyDescent="0.3">
      <c r="A2517" t="s">
        <v>9590</v>
      </c>
      <c r="B2517">
        <v>1385</v>
      </c>
      <c r="C2517" t="s">
        <v>9591</v>
      </c>
      <c r="D2517" t="s">
        <v>9592</v>
      </c>
      <c r="E2517" t="s">
        <v>128</v>
      </c>
      <c r="F2517">
        <v>32</v>
      </c>
      <c r="G2517">
        <v>138.8125</v>
      </c>
      <c r="H2517">
        <v>145</v>
      </c>
      <c r="I2517">
        <v>5738.96484375</v>
      </c>
      <c r="J2517">
        <v>75.755955830218397</v>
      </c>
      <c r="K2517">
        <v>-0.19957789369900519</v>
      </c>
      <c r="L2517">
        <v>-1.326816047217527</v>
      </c>
      <c r="M2517">
        <v>4.875</v>
      </c>
      <c r="N2517">
        <v>2</v>
      </c>
      <c r="O2517">
        <v>1</v>
      </c>
      <c r="P2517">
        <v>1</v>
      </c>
      <c r="Q2517">
        <v>0.24944382578492941</v>
      </c>
      <c r="R2517">
        <v>3.3790925052297318</v>
      </c>
      <c r="S2517">
        <v>1</v>
      </c>
      <c r="T2517">
        <v>1</v>
      </c>
      <c r="U2517">
        <v>0</v>
      </c>
      <c r="V2517">
        <v>0</v>
      </c>
      <c r="W2517">
        <v>3.4339872044851458</v>
      </c>
      <c r="X2517">
        <v>1</v>
      </c>
      <c r="Y2517">
        <v>1</v>
      </c>
      <c r="Z2517">
        <v>0</v>
      </c>
      <c r="AA2517">
        <v>0</v>
      </c>
      <c r="AB2517">
        <v>3.401197381662155</v>
      </c>
      <c r="AC2517">
        <v>1</v>
      </c>
      <c r="AD2517">
        <v>1</v>
      </c>
      <c r="AE2517">
        <v>0</v>
      </c>
      <c r="AF2517">
        <v>0</v>
      </c>
      <c r="AG2517">
        <v>3.3672958299864728</v>
      </c>
      <c r="AH2517">
        <v>-0.21064494103833781</v>
      </c>
      <c r="AI2517">
        <v>9.0758376299623938E-2</v>
      </c>
      <c r="AJ2517">
        <v>-0.10541351864141441</v>
      </c>
      <c r="AK2517">
        <v>0.32873155852774522</v>
      </c>
      <c r="AL2517">
        <v>509.16582114013693</v>
      </c>
      <c r="AM2517">
        <v>735.52849474557411</v>
      </c>
      <c r="AN2517">
        <v>4442</v>
      </c>
      <c r="AO2517">
        <v>49.989629701540302</v>
      </c>
      <c r="AP2517">
        <v>407.35050902197167</v>
      </c>
      <c r="AQ2517">
        <v>1.71875</v>
      </c>
      <c r="AR2517">
        <v>3.75</v>
      </c>
      <c r="AS2517">
        <v>32</v>
      </c>
      <c r="AT2517">
        <v>1.75</v>
      </c>
      <c r="AU2517">
        <v>0.16239754098360659</v>
      </c>
      <c r="AV2517">
        <v>-0.2171891990696381</v>
      </c>
      <c r="AW2517">
        <v>0.34375</v>
      </c>
      <c r="AX2517">
        <v>103.2258064516129</v>
      </c>
      <c r="AY2517">
        <v>72</v>
      </c>
      <c r="AZ2517">
        <v>143.5</v>
      </c>
      <c r="BA2517">
        <v>0.54574304064992996</v>
      </c>
      <c r="BB2517">
        <v>0.5625</v>
      </c>
      <c r="BC2517">
        <v>3.3445488586064429</v>
      </c>
      <c r="BD2517" t="s">
        <v>9593</v>
      </c>
      <c r="BE2517" t="s">
        <v>62</v>
      </c>
    </row>
    <row r="2518" spans="1:57" x14ac:dyDescent="0.3">
      <c r="A2518" t="s">
        <v>9594</v>
      </c>
      <c r="B2518">
        <v>2423</v>
      </c>
      <c r="C2518" t="s">
        <v>9595</v>
      </c>
      <c r="D2518" t="s">
        <v>9596</v>
      </c>
      <c r="E2518" t="s">
        <v>72</v>
      </c>
      <c r="F2518">
        <v>2456</v>
      </c>
      <c r="G2518">
        <v>125.853013029316</v>
      </c>
      <c r="H2518">
        <v>126</v>
      </c>
      <c r="I2518">
        <v>5467.6359681203512</v>
      </c>
      <c r="J2518">
        <v>73.943464674847036</v>
      </c>
      <c r="K2518">
        <v>1.8323985146345739E-2</v>
      </c>
      <c r="L2518">
        <v>-1.198786720270655</v>
      </c>
      <c r="M2518">
        <v>7.9189357716936613</v>
      </c>
      <c r="N2518">
        <v>19</v>
      </c>
      <c r="O2518">
        <v>2</v>
      </c>
      <c r="P2518">
        <v>17</v>
      </c>
      <c r="Q2518">
        <v>3.171990453563819</v>
      </c>
      <c r="R2518">
        <v>5.48898800318476</v>
      </c>
      <c r="S2518">
        <v>3</v>
      </c>
      <c r="T2518">
        <v>1</v>
      </c>
      <c r="U2518">
        <v>2</v>
      </c>
      <c r="V2518">
        <v>0.16893114722222341</v>
      </c>
      <c r="W2518">
        <v>7.7681867554541046</v>
      </c>
      <c r="X2518">
        <v>2</v>
      </c>
      <c r="Y2518">
        <v>1</v>
      </c>
      <c r="Z2518">
        <v>1</v>
      </c>
      <c r="AA2518">
        <v>9.0274077022003407E-2</v>
      </c>
      <c r="AB2518">
        <v>7.7941763827189421</v>
      </c>
      <c r="AC2518">
        <v>2</v>
      </c>
      <c r="AD2518">
        <v>1</v>
      </c>
      <c r="AE2518">
        <v>1</v>
      </c>
      <c r="AF2518">
        <v>8.565951521528721E-2</v>
      </c>
      <c r="AG2518">
        <v>7.7948944806628271</v>
      </c>
      <c r="AH2518">
        <v>3.2994738192192133E-2</v>
      </c>
      <c r="AI2518">
        <v>-1.530908576959712E-2</v>
      </c>
      <c r="AJ2518">
        <v>-3.2890009672823857E-2</v>
      </c>
      <c r="AK2518">
        <v>-1.896088150588094E-2</v>
      </c>
      <c r="AL2518">
        <v>3375.862897036186</v>
      </c>
      <c r="AM2518">
        <v>6397.8590716281369</v>
      </c>
      <c r="AN2518">
        <v>309095</v>
      </c>
      <c r="AO2518">
        <v>69.954491570923153</v>
      </c>
      <c r="AP2518">
        <v>3067.336285815803</v>
      </c>
      <c r="AQ2518">
        <v>1.009364820846905</v>
      </c>
      <c r="AR2518">
        <v>3.985749185667752</v>
      </c>
      <c r="AS2518">
        <v>2447</v>
      </c>
      <c r="AT2518">
        <v>268.48208469055368</v>
      </c>
      <c r="AU2518">
        <v>1.649262310787503E-2</v>
      </c>
      <c r="AV2518">
        <v>3.3013344774060337E-2</v>
      </c>
      <c r="AW2518">
        <v>0.37133550488599348</v>
      </c>
      <c r="AX2518">
        <v>83.273727087576376</v>
      </c>
      <c r="AY2518">
        <v>64.5</v>
      </c>
      <c r="AZ2518">
        <v>129</v>
      </c>
      <c r="BA2518">
        <v>0.58753829483305886</v>
      </c>
      <c r="BB2518">
        <v>0.50162866449511401</v>
      </c>
      <c r="BC2518">
        <v>5.2926764754211781</v>
      </c>
      <c r="BD2518" t="s">
        <v>9597</v>
      </c>
      <c r="BE2518" t="s">
        <v>68</v>
      </c>
    </row>
    <row r="2519" spans="1:57" x14ac:dyDescent="0.3">
      <c r="A2519" t="s">
        <v>9598</v>
      </c>
      <c r="B2519">
        <v>1469</v>
      </c>
      <c r="C2519" t="s">
        <v>9599</v>
      </c>
      <c r="D2519" t="s">
        <v>9600</v>
      </c>
      <c r="E2519" t="s">
        <v>128</v>
      </c>
      <c r="F2519">
        <v>32</v>
      </c>
      <c r="G2519">
        <v>148.90625</v>
      </c>
      <c r="H2519">
        <v>155.5</v>
      </c>
      <c r="I2519">
        <v>5884.7724609375</v>
      </c>
      <c r="J2519">
        <v>76.712270602150085</v>
      </c>
      <c r="K2519">
        <v>-0.48390947200747592</v>
      </c>
      <c r="L2519">
        <v>-0.93660873288603019</v>
      </c>
      <c r="M2519">
        <v>4.9375</v>
      </c>
      <c r="N2519">
        <v>2</v>
      </c>
      <c r="O2519">
        <v>1</v>
      </c>
      <c r="P2519">
        <v>1</v>
      </c>
      <c r="Q2519">
        <v>0.17668469596940839</v>
      </c>
      <c r="R2519">
        <v>3.422414204014729</v>
      </c>
      <c r="S2519">
        <v>1</v>
      </c>
      <c r="T2519">
        <v>1</v>
      </c>
      <c r="U2519">
        <v>0</v>
      </c>
      <c r="V2519">
        <v>0</v>
      </c>
      <c r="W2519">
        <v>3.4339872044851458</v>
      </c>
      <c r="X2519">
        <v>1</v>
      </c>
      <c r="Y2519">
        <v>1</v>
      </c>
      <c r="Z2519">
        <v>0</v>
      </c>
      <c r="AA2519">
        <v>0</v>
      </c>
      <c r="AB2519">
        <v>3.401197381662155</v>
      </c>
      <c r="AC2519">
        <v>1</v>
      </c>
      <c r="AD2519">
        <v>1</v>
      </c>
      <c r="AE2519">
        <v>0</v>
      </c>
      <c r="AF2519">
        <v>0</v>
      </c>
      <c r="AG2519">
        <v>3.3672958299864728</v>
      </c>
      <c r="AH2519">
        <v>-2.9980927876452849E-2</v>
      </c>
      <c r="AI2519">
        <v>-0.15734923017845809</v>
      </c>
      <c r="AJ2519">
        <v>-0.21000978031555559</v>
      </c>
      <c r="AK2519">
        <v>-0.30437515464220338</v>
      </c>
      <c r="AL2519">
        <v>524.98166908707856</v>
      </c>
      <c r="AM2519">
        <v>788.82523230595575</v>
      </c>
      <c r="AN2519">
        <v>4765</v>
      </c>
      <c r="AO2519">
        <v>86.344396846077345</v>
      </c>
      <c r="AP2519">
        <v>429.14228203178772</v>
      </c>
      <c r="AQ2519">
        <v>1.71875</v>
      </c>
      <c r="AR2519">
        <v>4.125</v>
      </c>
      <c r="AS2519">
        <v>32</v>
      </c>
      <c r="AT2519">
        <v>0.93749999999999989</v>
      </c>
      <c r="AU2519">
        <v>0.2208333333333333</v>
      </c>
      <c r="AV2519">
        <v>-3.0518716226534581E-2</v>
      </c>
      <c r="AW2519">
        <v>0.21875</v>
      </c>
      <c r="AX2519">
        <v>88</v>
      </c>
      <c r="AY2519">
        <v>61</v>
      </c>
      <c r="AZ2519">
        <v>139.5</v>
      </c>
      <c r="BA2519">
        <v>0.51517159690845804</v>
      </c>
      <c r="BB2519">
        <v>0.53125</v>
      </c>
      <c r="BC2519">
        <v>3.4339872044851458</v>
      </c>
      <c r="BD2519" t="s">
        <v>9601</v>
      </c>
      <c r="BE2519" t="s">
        <v>62</v>
      </c>
    </row>
    <row r="2520" spans="1:57" x14ac:dyDescent="0.3">
      <c r="A2520" t="s">
        <v>9602</v>
      </c>
      <c r="B2520">
        <v>2740</v>
      </c>
      <c r="C2520" t="s">
        <v>9603</v>
      </c>
      <c r="D2520" t="s">
        <v>9604</v>
      </c>
      <c r="E2520" t="s">
        <v>98</v>
      </c>
      <c r="F2520">
        <v>16</v>
      </c>
      <c r="G2520">
        <v>124.8125</v>
      </c>
      <c r="H2520">
        <v>114.5</v>
      </c>
      <c r="I2520">
        <v>6662.90234375</v>
      </c>
      <c r="J2520">
        <v>81.626603161898146</v>
      </c>
      <c r="K2520">
        <v>-0.12098854136637879</v>
      </c>
      <c r="L2520">
        <v>-1.374498144098063</v>
      </c>
      <c r="M2520">
        <v>4</v>
      </c>
      <c r="N2520">
        <v>1</v>
      </c>
      <c r="O2520">
        <v>1</v>
      </c>
      <c r="P2520">
        <v>0</v>
      </c>
      <c r="Q2520">
        <v>0</v>
      </c>
      <c r="R2520">
        <v>2.7725887222397811</v>
      </c>
      <c r="S2520">
        <v>1</v>
      </c>
      <c r="T2520">
        <v>1</v>
      </c>
      <c r="U2520">
        <v>0</v>
      </c>
      <c r="V2520">
        <v>0</v>
      </c>
      <c r="W2520">
        <v>2.7080502011022101</v>
      </c>
      <c r="X2520">
        <v>1</v>
      </c>
      <c r="Y2520">
        <v>1</v>
      </c>
      <c r="Z2520">
        <v>0</v>
      </c>
      <c r="AA2520">
        <v>0</v>
      </c>
      <c r="AB2520">
        <v>2.639057329615258</v>
      </c>
      <c r="AC2520">
        <v>1</v>
      </c>
      <c r="AD2520">
        <v>1</v>
      </c>
      <c r="AE2520">
        <v>0</v>
      </c>
      <c r="AF2520">
        <v>0</v>
      </c>
      <c r="AG2520">
        <v>2.5649493574615372</v>
      </c>
      <c r="AH2520">
        <v>0.2368099472768706</v>
      </c>
      <c r="AI2520">
        <v>-1.9353457196241079E-3</v>
      </c>
      <c r="AJ2520">
        <v>-0.33557765478515311</v>
      </c>
      <c r="AK2520">
        <v>-0.15123478413299379</v>
      </c>
      <c r="AL2520">
        <v>370.35768059894298</v>
      </c>
      <c r="AM2520">
        <v>467.64536608563901</v>
      </c>
      <c r="AN2520">
        <v>1997</v>
      </c>
      <c r="AO2520">
        <v>28.826382032501112</v>
      </c>
      <c r="AP2520">
        <v>265.48493102667487</v>
      </c>
      <c r="AQ2520">
        <v>2.3125</v>
      </c>
      <c r="AR2520">
        <v>3.75</v>
      </c>
      <c r="AS2520">
        <v>16</v>
      </c>
      <c r="AT2520">
        <v>0</v>
      </c>
      <c r="AU2520">
        <v>0.2166666666666667</v>
      </c>
      <c r="AV2520">
        <v>0.25399728080391409</v>
      </c>
      <c r="AW2520">
        <v>0.375</v>
      </c>
      <c r="AX2520">
        <v>81.8</v>
      </c>
      <c r="AY2520">
        <v>90</v>
      </c>
      <c r="AZ2520">
        <v>136.25</v>
      </c>
      <c r="BA2520">
        <v>0.65399381601921402</v>
      </c>
      <c r="BB2520">
        <v>0.4375</v>
      </c>
      <c r="BC2520">
        <v>2.7080502011022101</v>
      </c>
      <c r="BD2520" t="s">
        <v>9603</v>
      </c>
      <c r="BE2520" t="s">
        <v>62</v>
      </c>
    </row>
    <row r="2521" spans="1:57" x14ac:dyDescent="0.3">
      <c r="A2521" t="s">
        <v>9605</v>
      </c>
      <c r="B2521">
        <v>909</v>
      </c>
      <c r="C2521" t="s">
        <v>9606</v>
      </c>
      <c r="D2521" t="s">
        <v>9607</v>
      </c>
      <c r="E2521" t="s">
        <v>128</v>
      </c>
      <c r="F2521">
        <v>32</v>
      </c>
      <c r="G2521">
        <v>123.40625</v>
      </c>
      <c r="H2521">
        <v>126.5</v>
      </c>
      <c r="I2521">
        <v>5702.3037109375</v>
      </c>
      <c r="J2521">
        <v>75.51359950987306</v>
      </c>
      <c r="K2521">
        <v>2.125014545365422E-2</v>
      </c>
      <c r="L2521">
        <v>-1.321869062840505</v>
      </c>
      <c r="M2521">
        <v>4.8125</v>
      </c>
      <c r="N2521">
        <v>2</v>
      </c>
      <c r="O2521">
        <v>1</v>
      </c>
      <c r="P2521">
        <v>1</v>
      </c>
      <c r="Q2521">
        <v>0.3045434781492361</v>
      </c>
      <c r="R2521">
        <v>3.335770806444736</v>
      </c>
      <c r="S2521">
        <v>1</v>
      </c>
      <c r="T2521">
        <v>1</v>
      </c>
      <c r="U2521">
        <v>0</v>
      </c>
      <c r="V2521">
        <v>0</v>
      </c>
      <c r="W2521">
        <v>3.4339872044851458</v>
      </c>
      <c r="X2521">
        <v>1</v>
      </c>
      <c r="Y2521">
        <v>1</v>
      </c>
      <c r="Z2521">
        <v>0</v>
      </c>
      <c r="AA2521">
        <v>0</v>
      </c>
      <c r="AB2521">
        <v>3.401197381662155</v>
      </c>
      <c r="AC2521">
        <v>1</v>
      </c>
      <c r="AD2521">
        <v>1</v>
      </c>
      <c r="AE2521">
        <v>0</v>
      </c>
      <c r="AF2521">
        <v>0</v>
      </c>
      <c r="AG2521">
        <v>3.3672958299864728</v>
      </c>
      <c r="AH2521">
        <v>-0.32629857848536059</v>
      </c>
      <c r="AI2521">
        <v>-0.25892710962314952</v>
      </c>
      <c r="AJ2521">
        <v>-0.36556915238136178</v>
      </c>
      <c r="AK2521">
        <v>0.19740568590442559</v>
      </c>
      <c r="AL2521">
        <v>481.88361793679331</v>
      </c>
      <c r="AM2521">
        <v>661.50826054112633</v>
      </c>
      <c r="AN2521">
        <v>3949</v>
      </c>
      <c r="AO2521">
        <v>111</v>
      </c>
      <c r="AP2521">
        <v>365.8758619967378</v>
      </c>
      <c r="AQ2521">
        <v>1.65625</v>
      </c>
      <c r="AR2521">
        <v>3.625</v>
      </c>
      <c r="AS2521">
        <v>32</v>
      </c>
      <c r="AT2521">
        <v>2.4375</v>
      </c>
      <c r="AU2521">
        <v>9.6732365145228205E-2</v>
      </c>
      <c r="AV2521">
        <v>-0.32955857429118518</v>
      </c>
      <c r="AW2521">
        <v>0.375</v>
      </c>
      <c r="AX2521">
        <v>106.6774193548387</v>
      </c>
      <c r="AY2521">
        <v>73</v>
      </c>
      <c r="AZ2521">
        <v>145.5</v>
      </c>
      <c r="BA2521">
        <v>0.61191065695516278</v>
      </c>
      <c r="BB2521">
        <v>0.53125</v>
      </c>
      <c r="BC2521">
        <v>3.3445488586064429</v>
      </c>
      <c r="BD2521" t="s">
        <v>9608</v>
      </c>
      <c r="BE2521" t="s">
        <v>62</v>
      </c>
    </row>
    <row r="2522" spans="1:57" x14ac:dyDescent="0.3">
      <c r="A2522" t="s">
        <v>9609</v>
      </c>
      <c r="B2522">
        <v>3748</v>
      </c>
      <c r="C2522" t="s">
        <v>9610</v>
      </c>
      <c r="D2522" t="s">
        <v>9611</v>
      </c>
      <c r="E2522" t="s">
        <v>72</v>
      </c>
      <c r="F2522">
        <v>3752</v>
      </c>
      <c r="G2522">
        <v>126.71535181236671</v>
      </c>
      <c r="H2522">
        <v>127</v>
      </c>
      <c r="I2522">
        <v>5469.9040500361434</v>
      </c>
      <c r="J2522">
        <v>73.958799679525242</v>
      </c>
      <c r="K2522">
        <v>-8.5518576733853626E-3</v>
      </c>
      <c r="L2522">
        <v>-1.1995570076976581</v>
      </c>
      <c r="M2522">
        <v>7.9419536180876653</v>
      </c>
      <c r="N2522">
        <v>27</v>
      </c>
      <c r="O2522">
        <v>6</v>
      </c>
      <c r="P2522">
        <v>21</v>
      </c>
      <c r="Q2522">
        <v>4.1616506265543247</v>
      </c>
      <c r="R2522">
        <v>5.5049427585153161</v>
      </c>
      <c r="S2522">
        <v>3</v>
      </c>
      <c r="T2522">
        <v>1</v>
      </c>
      <c r="U2522">
        <v>2</v>
      </c>
      <c r="V2522">
        <v>0.16412263100699259</v>
      </c>
      <c r="W2522">
        <v>8.1936495044630782</v>
      </c>
      <c r="X2522">
        <v>1</v>
      </c>
      <c r="Y2522">
        <v>1</v>
      </c>
      <c r="Z2522">
        <v>0</v>
      </c>
      <c r="AA2522">
        <v>0</v>
      </c>
      <c r="AB2522">
        <v>8.2295111189644565</v>
      </c>
      <c r="AC2522">
        <v>1</v>
      </c>
      <c r="AD2522">
        <v>1</v>
      </c>
      <c r="AE2522">
        <v>0</v>
      </c>
      <c r="AF2522">
        <v>0</v>
      </c>
      <c r="AG2522">
        <v>8.2292444167359093</v>
      </c>
      <c r="AH2522">
        <v>1.302096384024139E-2</v>
      </c>
      <c r="AI2522">
        <v>-1.4634968747041909E-2</v>
      </c>
      <c r="AJ2522">
        <v>2.78050414297039E-2</v>
      </c>
      <c r="AK2522">
        <v>-3.0700215712491201E-2</v>
      </c>
      <c r="AL2522">
        <v>4144.2713374628775</v>
      </c>
      <c r="AM2522">
        <v>7974.5303988061669</v>
      </c>
      <c r="AN2522">
        <v>475436</v>
      </c>
      <c r="AO2522">
        <v>47.999999999999801</v>
      </c>
      <c r="AP2522">
        <v>3785.7863316307598</v>
      </c>
      <c r="AQ2522">
        <v>1.006130063965885</v>
      </c>
      <c r="AR2522">
        <v>3.956289978678039</v>
      </c>
      <c r="AS2522">
        <v>3740</v>
      </c>
      <c r="AT2522">
        <v>302.51599147121527</v>
      </c>
      <c r="AU2522">
        <v>1.302311969563945E-2</v>
      </c>
      <c r="AV2522">
        <v>1.302690192572299E-2</v>
      </c>
      <c r="AW2522">
        <v>0.36886993603411522</v>
      </c>
      <c r="AX2522">
        <v>84.810717142095442</v>
      </c>
      <c r="AY2522">
        <v>63</v>
      </c>
      <c r="AZ2522">
        <v>127</v>
      </c>
      <c r="BA2522">
        <v>0.58366092680734882</v>
      </c>
      <c r="BB2522">
        <v>0.50159914712153519</v>
      </c>
      <c r="BC2522">
        <v>5.3205845175415281</v>
      </c>
      <c r="BD2522" t="s">
        <v>9612</v>
      </c>
      <c r="BE2522" t="s">
        <v>68</v>
      </c>
    </row>
    <row r="2523" spans="1:57" x14ac:dyDescent="0.3">
      <c r="A2523" t="s">
        <v>9613</v>
      </c>
      <c r="B2523">
        <v>142</v>
      </c>
      <c r="C2523" t="s">
        <v>9614</v>
      </c>
      <c r="D2523" t="s">
        <v>9615</v>
      </c>
      <c r="E2523" t="s">
        <v>60</v>
      </c>
      <c r="F2523">
        <v>512</v>
      </c>
      <c r="G2523">
        <v>136.048828125</v>
      </c>
      <c r="H2523">
        <v>144</v>
      </c>
      <c r="I2523">
        <v>5605.796443939209</v>
      </c>
      <c r="J2523">
        <v>74.871866838881544</v>
      </c>
      <c r="K2523">
        <v>-0.1429389215840996</v>
      </c>
      <c r="L2523">
        <v>-1.238292301180814</v>
      </c>
      <c r="M2523">
        <v>7.6387499409138062</v>
      </c>
      <c r="N2523">
        <v>7</v>
      </c>
      <c r="O2523">
        <v>1</v>
      </c>
      <c r="P2523">
        <v>6</v>
      </c>
      <c r="Q2523">
        <v>1.25843843583482</v>
      </c>
      <c r="R2523">
        <v>5.2947779845468528</v>
      </c>
      <c r="S2523">
        <v>2</v>
      </c>
      <c r="T2523">
        <v>1</v>
      </c>
      <c r="U2523">
        <v>1</v>
      </c>
      <c r="V2523">
        <v>6.2560641760670568E-2</v>
      </c>
      <c r="W2523">
        <v>6.2309437805711401</v>
      </c>
      <c r="X2523">
        <v>1</v>
      </c>
      <c r="Y2523">
        <v>1</v>
      </c>
      <c r="Z2523">
        <v>0</v>
      </c>
      <c r="AA2523">
        <v>0</v>
      </c>
      <c r="AB2523">
        <v>6.2344107257183694</v>
      </c>
      <c r="AC2523">
        <v>1</v>
      </c>
      <c r="AD2523">
        <v>1</v>
      </c>
      <c r="AE2523">
        <v>0</v>
      </c>
      <c r="AF2523">
        <v>0</v>
      </c>
      <c r="AG2523">
        <v>6.2324480165505216</v>
      </c>
      <c r="AH2523">
        <v>-8.1913807685383318E-3</v>
      </c>
      <c r="AI2523">
        <v>-2.4465682667223119E-3</v>
      </c>
      <c r="AJ2523">
        <v>-2.5091832017550782E-2</v>
      </c>
      <c r="AK2523">
        <v>5.3421769995822078E-2</v>
      </c>
      <c r="AL2523">
        <v>1673.461795535464</v>
      </c>
      <c r="AM2523">
        <v>3089.7324510195408</v>
      </c>
      <c r="AN2523">
        <v>69657</v>
      </c>
      <c r="AO2523">
        <v>18.58057667080633</v>
      </c>
      <c r="AP2523">
        <v>1510.5284933669459</v>
      </c>
      <c r="AQ2523">
        <v>1.044921875</v>
      </c>
      <c r="AR2523">
        <v>4.03125</v>
      </c>
      <c r="AS2523">
        <v>511</v>
      </c>
      <c r="AT2523">
        <v>163.625</v>
      </c>
      <c r="AU2523">
        <v>7.4563419117647078E-2</v>
      </c>
      <c r="AV2523">
        <v>-8.2088049866982562E-3</v>
      </c>
      <c r="AW2523">
        <v>0.322265625</v>
      </c>
      <c r="AX2523">
        <v>86.360078277886501</v>
      </c>
      <c r="AY2523">
        <v>67</v>
      </c>
      <c r="AZ2523">
        <v>132.25</v>
      </c>
      <c r="BA2523">
        <v>0.55033084717267966</v>
      </c>
      <c r="BB2523">
        <v>0.521484375</v>
      </c>
      <c r="BC2523">
        <v>5.1091114326088292</v>
      </c>
      <c r="BD2523" t="s">
        <v>9616</v>
      </c>
      <c r="BE2523" t="s">
        <v>62</v>
      </c>
    </row>
    <row r="2524" spans="1:57" x14ac:dyDescent="0.3">
      <c r="A2524" t="s">
        <v>9617</v>
      </c>
      <c r="B2524">
        <v>1006</v>
      </c>
      <c r="C2524" t="s">
        <v>9618</v>
      </c>
      <c r="D2524" t="s">
        <v>9619</v>
      </c>
      <c r="E2524" t="s">
        <v>93</v>
      </c>
      <c r="F2524">
        <v>1006</v>
      </c>
      <c r="G2524">
        <v>126.072564612326</v>
      </c>
      <c r="H2524">
        <v>126</v>
      </c>
      <c r="I2524">
        <v>5327.1686906394634</v>
      </c>
      <c r="J2524">
        <v>72.987455707398539</v>
      </c>
      <c r="K2524">
        <v>2.905542237112714E-2</v>
      </c>
      <c r="L2524">
        <v>-1.2067317815217671</v>
      </c>
      <c r="M2524">
        <v>7.7693813194721848</v>
      </c>
      <c r="N2524">
        <v>11</v>
      </c>
      <c r="O2524">
        <v>1</v>
      </c>
      <c r="P2524">
        <v>10</v>
      </c>
      <c r="Q2524">
        <v>2.1441889074186751</v>
      </c>
      <c r="R2524">
        <v>5.3853247562872646</v>
      </c>
      <c r="S2524">
        <v>2</v>
      </c>
      <c r="T2524">
        <v>1</v>
      </c>
      <c r="U2524">
        <v>1</v>
      </c>
      <c r="V2524">
        <v>0.1046132554555506</v>
      </c>
      <c r="W2524">
        <v>6.8975694493764399</v>
      </c>
      <c r="X2524">
        <v>1</v>
      </c>
      <c r="Y2524">
        <v>1</v>
      </c>
      <c r="Z2524">
        <v>0</v>
      </c>
      <c r="AA2524">
        <v>0</v>
      </c>
      <c r="AB2524">
        <v>6.9117473002516716</v>
      </c>
      <c r="AC2524">
        <v>1</v>
      </c>
      <c r="AD2524">
        <v>1</v>
      </c>
      <c r="AE2524">
        <v>0</v>
      </c>
      <c r="AF2524">
        <v>0</v>
      </c>
      <c r="AG2524">
        <v>6.9107507879619359</v>
      </c>
      <c r="AH2524">
        <v>9.9440313128214518E-3</v>
      </c>
      <c r="AI2524">
        <v>-7.1006213098019688E-2</v>
      </c>
      <c r="AJ2524">
        <v>-3.8406067411725558E-2</v>
      </c>
      <c r="AK2524">
        <v>-9.1078780613722092E-3</v>
      </c>
      <c r="AL2524">
        <v>2169.2153271098018</v>
      </c>
      <c r="AM2524">
        <v>4079.619328397187</v>
      </c>
      <c r="AN2524">
        <v>126829</v>
      </c>
      <c r="AO2524">
        <v>47.309623492028187</v>
      </c>
      <c r="AP2524">
        <v>1915.225447608532</v>
      </c>
      <c r="AQ2524">
        <v>1.0228628230616299</v>
      </c>
      <c r="AR2524">
        <v>4.0506958250497016</v>
      </c>
      <c r="AS2524">
        <v>1003</v>
      </c>
      <c r="AT2524">
        <v>287.9224652087475</v>
      </c>
      <c r="AU2524">
        <v>3.1368650840057688E-2</v>
      </c>
      <c r="AV2524">
        <v>9.9490506039126951E-3</v>
      </c>
      <c r="AW2524">
        <v>0.37574552683896623</v>
      </c>
      <c r="AX2524">
        <v>83.267661691542287</v>
      </c>
      <c r="AY2524">
        <v>64</v>
      </c>
      <c r="AZ2524">
        <v>126.75</v>
      </c>
      <c r="BA2524">
        <v>0.57893210891549196</v>
      </c>
      <c r="BB2524">
        <v>0.49502982107355858</v>
      </c>
      <c r="BC2524">
        <v>5.2010747818495471</v>
      </c>
      <c r="BD2524" t="s">
        <v>9620</v>
      </c>
      <c r="BE2524" t="s">
        <v>68</v>
      </c>
    </row>
    <row r="2525" spans="1:57" x14ac:dyDescent="0.3">
      <c r="A2525" t="s">
        <v>9621</v>
      </c>
      <c r="B2525">
        <v>2053</v>
      </c>
      <c r="C2525" t="s">
        <v>9622</v>
      </c>
      <c r="D2525" t="s">
        <v>9623</v>
      </c>
      <c r="E2525" t="s">
        <v>115</v>
      </c>
      <c r="F2525">
        <v>2128</v>
      </c>
      <c r="G2525">
        <v>129.29793233082711</v>
      </c>
      <c r="H2525">
        <v>130.5</v>
      </c>
      <c r="I2525">
        <v>5401.8680032435414</v>
      </c>
      <c r="J2525">
        <v>73.497401336669995</v>
      </c>
      <c r="K2525">
        <v>-1.334728100217346E-2</v>
      </c>
      <c r="L2525">
        <v>-1.172958595242245</v>
      </c>
      <c r="M2525">
        <v>7.9129299567969413</v>
      </c>
      <c r="N2525">
        <v>18</v>
      </c>
      <c r="O2525">
        <v>2</v>
      </c>
      <c r="P2525">
        <v>16</v>
      </c>
      <c r="Q2525">
        <v>2.8688793543821252</v>
      </c>
      <c r="R2525">
        <v>5.4848250895221327</v>
      </c>
      <c r="S2525">
        <v>2</v>
      </c>
      <c r="T2525">
        <v>1</v>
      </c>
      <c r="U2525">
        <v>1</v>
      </c>
      <c r="V2525">
        <v>0.13363991431492381</v>
      </c>
      <c r="W2525">
        <v>7.6377009201731756</v>
      </c>
      <c r="X2525">
        <v>1</v>
      </c>
      <c r="Y2525">
        <v>1</v>
      </c>
      <c r="Z2525">
        <v>0</v>
      </c>
      <c r="AA2525">
        <v>0</v>
      </c>
      <c r="AB2525">
        <v>7.6619975589018932</v>
      </c>
      <c r="AC2525">
        <v>1</v>
      </c>
      <c r="AD2525">
        <v>1</v>
      </c>
      <c r="AE2525">
        <v>0</v>
      </c>
      <c r="AF2525">
        <v>0</v>
      </c>
      <c r="AG2525">
        <v>7.6615270813585186</v>
      </c>
      <c r="AH2525">
        <v>1.0379227705941411E-2</v>
      </c>
      <c r="AI2525">
        <v>-7.7275741907179094E-3</v>
      </c>
      <c r="AJ2525">
        <v>9.3205644480626789E-4</v>
      </c>
      <c r="AK2525">
        <v>-8.4727593083884015E-3</v>
      </c>
      <c r="AL2525">
        <v>3113.0518471843388</v>
      </c>
      <c r="AM2525">
        <v>6113.9097308303608</v>
      </c>
      <c r="AN2525">
        <v>275146</v>
      </c>
      <c r="AO2525">
        <v>138.9324504695403</v>
      </c>
      <c r="AP2525">
        <v>2787.226256955887</v>
      </c>
      <c r="AQ2525">
        <v>1.0108082706766921</v>
      </c>
      <c r="AR2525">
        <v>4.022556390977444</v>
      </c>
      <c r="AS2525">
        <v>2122</v>
      </c>
      <c r="AT2525">
        <v>253.4736842105263</v>
      </c>
      <c r="AU2525">
        <v>1.9224531918030391E-2</v>
      </c>
      <c r="AV2525">
        <v>1.0379954571830489E-2</v>
      </c>
      <c r="AW2525">
        <v>0.37593984962406007</v>
      </c>
      <c r="AX2525">
        <v>83.697696285848608</v>
      </c>
      <c r="AY2525">
        <v>62.5</v>
      </c>
      <c r="AZ2525">
        <v>125.25</v>
      </c>
      <c r="BA2525">
        <v>0.56843446768055406</v>
      </c>
      <c r="BB2525">
        <v>0.50563909774436089</v>
      </c>
      <c r="BC2525">
        <v>5.2900804581602436</v>
      </c>
      <c r="BD2525" t="s">
        <v>9624</v>
      </c>
      <c r="BE2525" t="s">
        <v>62</v>
      </c>
    </row>
    <row r="2526" spans="1:57" x14ac:dyDescent="0.3">
      <c r="A2526" t="s">
        <v>9625</v>
      </c>
      <c r="B2526">
        <v>1616</v>
      </c>
      <c r="C2526" t="s">
        <v>9626</v>
      </c>
      <c r="D2526" t="s">
        <v>9627</v>
      </c>
      <c r="E2526" t="s">
        <v>128</v>
      </c>
      <c r="F2526">
        <v>32</v>
      </c>
      <c r="G2526">
        <v>114.46875</v>
      </c>
      <c r="H2526">
        <v>113.5</v>
      </c>
      <c r="I2526">
        <v>4573.8115234375</v>
      </c>
      <c r="J2526">
        <v>67.629960250154667</v>
      </c>
      <c r="K2526">
        <v>5.0347476390486021E-2</v>
      </c>
      <c r="L2526">
        <v>-1.145746903647838</v>
      </c>
      <c r="M2526">
        <v>4.875</v>
      </c>
      <c r="N2526">
        <v>2</v>
      </c>
      <c r="O2526">
        <v>1</v>
      </c>
      <c r="P2526">
        <v>1</v>
      </c>
      <c r="Q2526">
        <v>0.24944382578492941</v>
      </c>
      <c r="R2526">
        <v>3.3790925052297318</v>
      </c>
      <c r="S2526">
        <v>1</v>
      </c>
      <c r="T2526">
        <v>1</v>
      </c>
      <c r="U2526">
        <v>0</v>
      </c>
      <c r="V2526">
        <v>0</v>
      </c>
      <c r="W2526">
        <v>3.4339872044851458</v>
      </c>
      <c r="X2526">
        <v>1</v>
      </c>
      <c r="Y2526">
        <v>1</v>
      </c>
      <c r="Z2526">
        <v>0</v>
      </c>
      <c r="AA2526">
        <v>0</v>
      </c>
      <c r="AB2526">
        <v>3.401197381662155</v>
      </c>
      <c r="AC2526">
        <v>1</v>
      </c>
      <c r="AD2526">
        <v>1</v>
      </c>
      <c r="AE2526">
        <v>0</v>
      </c>
      <c r="AF2526">
        <v>0</v>
      </c>
      <c r="AG2526">
        <v>3.3672958299864728</v>
      </c>
      <c r="AH2526">
        <v>-0.1108845580936646</v>
      </c>
      <c r="AI2526">
        <v>-1.4001473337827039E-2</v>
      </c>
      <c r="AJ2526">
        <v>-0.19826085205493321</v>
      </c>
      <c r="AK2526">
        <v>1.229671546335359E-2</v>
      </c>
      <c r="AL2526">
        <v>446.97142929430282</v>
      </c>
      <c r="AM2526">
        <v>604.87812110755669</v>
      </c>
      <c r="AN2526">
        <v>3663</v>
      </c>
      <c r="AO2526">
        <v>11.48427117071739</v>
      </c>
      <c r="AP2526">
        <v>319.27938116416459</v>
      </c>
      <c r="AQ2526">
        <v>1.65625</v>
      </c>
      <c r="AR2526">
        <v>3.8125</v>
      </c>
      <c r="AS2526">
        <v>32</v>
      </c>
      <c r="AT2526">
        <v>1.75</v>
      </c>
      <c r="AU2526">
        <v>0.1027173913043478</v>
      </c>
      <c r="AV2526">
        <v>-0.1160708710135927</v>
      </c>
      <c r="AW2526">
        <v>0.40625</v>
      </c>
      <c r="AX2526">
        <v>87.516129032258064</v>
      </c>
      <c r="AY2526">
        <v>51.5</v>
      </c>
      <c r="AZ2526">
        <v>102.25</v>
      </c>
      <c r="BA2526">
        <v>0.59081592356127477</v>
      </c>
      <c r="BB2526">
        <v>0.46875</v>
      </c>
      <c r="BC2526">
        <v>3.1487931944695369</v>
      </c>
      <c r="BD2526" t="s">
        <v>9628</v>
      </c>
      <c r="BE2526" t="s">
        <v>62</v>
      </c>
    </row>
    <row r="2527" spans="1:57" x14ac:dyDescent="0.3">
      <c r="A2527" t="s">
        <v>9629</v>
      </c>
      <c r="B2527">
        <v>2458</v>
      </c>
      <c r="C2527" t="s">
        <v>9630</v>
      </c>
      <c r="D2527" t="s">
        <v>9631</v>
      </c>
      <c r="E2527" t="s">
        <v>115</v>
      </c>
      <c r="F2527">
        <v>2512</v>
      </c>
      <c r="G2527">
        <v>127.0433917197452</v>
      </c>
      <c r="H2527">
        <v>125</v>
      </c>
      <c r="I2527">
        <v>5401.910139451652</v>
      </c>
      <c r="J2527">
        <v>73.497687987117331</v>
      </c>
      <c r="K2527">
        <v>2.5762997760536019E-2</v>
      </c>
      <c r="L2527">
        <v>-1.179501553427482</v>
      </c>
      <c r="M2527">
        <v>7.9289742814670916</v>
      </c>
      <c r="N2527">
        <v>18</v>
      </c>
      <c r="O2527">
        <v>3</v>
      </c>
      <c r="P2527">
        <v>15</v>
      </c>
      <c r="Q2527">
        <v>3.025284077570237</v>
      </c>
      <c r="R2527">
        <v>5.4959461679312227</v>
      </c>
      <c r="S2527">
        <v>2</v>
      </c>
      <c r="T2527">
        <v>1</v>
      </c>
      <c r="U2527">
        <v>1</v>
      </c>
      <c r="V2527">
        <v>0.12931188526744611</v>
      </c>
      <c r="W2527">
        <v>7.8052486398556997</v>
      </c>
      <c r="X2527">
        <v>1</v>
      </c>
      <c r="Y2527">
        <v>1</v>
      </c>
      <c r="Z2527">
        <v>0</v>
      </c>
      <c r="AA2527">
        <v>0</v>
      </c>
      <c r="AB2527">
        <v>7.828038032125832</v>
      </c>
      <c r="AC2527">
        <v>1</v>
      </c>
      <c r="AD2527">
        <v>1</v>
      </c>
      <c r="AE2527">
        <v>0</v>
      </c>
      <c r="AF2527">
        <v>0</v>
      </c>
      <c r="AG2527">
        <v>7.8276395463664219</v>
      </c>
      <c r="AH2527">
        <v>-2.7348104013986289E-2</v>
      </c>
      <c r="AI2527">
        <v>2.2426845364196469E-2</v>
      </c>
      <c r="AJ2527">
        <v>-1.772264746625035E-3</v>
      </c>
      <c r="AK2527">
        <v>1.072480945084402E-2</v>
      </c>
      <c r="AL2527">
        <v>3414.578278847096</v>
      </c>
      <c r="AM2527">
        <v>6515.6728108174366</v>
      </c>
      <c r="AN2527">
        <v>319133</v>
      </c>
      <c r="AO2527">
        <v>135.9346210175498</v>
      </c>
      <c r="AP2527">
        <v>3164.614270216849</v>
      </c>
      <c r="AQ2527">
        <v>1.0091560509554141</v>
      </c>
      <c r="AR2527">
        <v>4.0027866242038206</v>
      </c>
      <c r="AS2527">
        <v>2500</v>
      </c>
      <c r="AT2527">
        <v>238.77707006369431</v>
      </c>
      <c r="AU2527">
        <v>1.321968277756963E-2</v>
      </c>
      <c r="AV2527">
        <v>-2.735486874941739E-2</v>
      </c>
      <c r="AW2527">
        <v>0.38296178343949039</v>
      </c>
      <c r="AX2527">
        <v>85.881322182397454</v>
      </c>
      <c r="AY2527">
        <v>62</v>
      </c>
      <c r="AZ2527">
        <v>126</v>
      </c>
      <c r="BA2527">
        <v>0.57852428994694605</v>
      </c>
      <c r="BB2527">
        <v>0.49164012738853502</v>
      </c>
      <c r="BC2527">
        <v>5.3126855058710154</v>
      </c>
      <c r="BD2527" t="s">
        <v>9632</v>
      </c>
      <c r="BE2527" t="s">
        <v>62</v>
      </c>
    </row>
    <row r="2528" spans="1:57" x14ac:dyDescent="0.3">
      <c r="A2528" t="s">
        <v>9633</v>
      </c>
      <c r="B2528">
        <v>2654</v>
      </c>
      <c r="C2528" t="s">
        <v>9634</v>
      </c>
      <c r="D2528" t="s">
        <v>9635</v>
      </c>
      <c r="E2528" t="s">
        <v>93</v>
      </c>
      <c r="F2528">
        <v>2828</v>
      </c>
      <c r="G2528">
        <v>127.58840169731261</v>
      </c>
      <c r="H2528">
        <v>128</v>
      </c>
      <c r="I2528">
        <v>5364.9600069220915</v>
      </c>
      <c r="J2528">
        <v>73.245887303807649</v>
      </c>
      <c r="K2528">
        <v>-1.0129006439234841E-2</v>
      </c>
      <c r="L2528">
        <v>-1.174567711420103</v>
      </c>
      <c r="M2528">
        <v>7.9338066315914748</v>
      </c>
      <c r="N2528">
        <v>21</v>
      </c>
      <c r="O2528">
        <v>3</v>
      </c>
      <c r="P2528">
        <v>18</v>
      </c>
      <c r="Q2528">
        <v>3.3092185987593812</v>
      </c>
      <c r="R2528">
        <v>5.4992956977954286</v>
      </c>
      <c r="S2528">
        <v>2</v>
      </c>
      <c r="T2528">
        <v>1</v>
      </c>
      <c r="U2528">
        <v>1</v>
      </c>
      <c r="V2528">
        <v>0.14565003520476991</v>
      </c>
      <c r="W2528">
        <v>7.9175487677865553</v>
      </c>
      <c r="X2528">
        <v>1</v>
      </c>
      <c r="Y2528">
        <v>1</v>
      </c>
      <c r="Z2528">
        <v>0</v>
      </c>
      <c r="AA2528">
        <v>0</v>
      </c>
      <c r="AB2528">
        <v>7.9466175632444713</v>
      </c>
      <c r="AC2528">
        <v>1</v>
      </c>
      <c r="AD2528">
        <v>1</v>
      </c>
      <c r="AE2528">
        <v>0</v>
      </c>
      <c r="AF2528">
        <v>0</v>
      </c>
      <c r="AG2528">
        <v>7.9462636435805418</v>
      </c>
      <c r="AH2528">
        <v>1.0607913790793941E-2</v>
      </c>
      <c r="AI2528">
        <v>-2.3403244473255602E-2</v>
      </c>
      <c r="AJ2528">
        <v>1.123097974992663E-2</v>
      </c>
      <c r="AK2528">
        <v>4.3220962915663137E-2</v>
      </c>
      <c r="AL2528">
        <v>3564.61674411888</v>
      </c>
      <c r="AM2528">
        <v>6964.3421417638092</v>
      </c>
      <c r="AN2528">
        <v>360820</v>
      </c>
      <c r="AO2528">
        <v>41.321697217540503</v>
      </c>
      <c r="AP2528">
        <v>3174.7580592096692</v>
      </c>
      <c r="AQ2528">
        <v>1.0081329561527581</v>
      </c>
      <c r="AR2528">
        <v>3.9847949080622351</v>
      </c>
      <c r="AS2528">
        <v>2819</v>
      </c>
      <c r="AT2528">
        <v>253.7765205091938</v>
      </c>
      <c r="AU2528">
        <v>1.425798041989074E-2</v>
      </c>
      <c r="AV2528">
        <v>1.0613016790231239E-2</v>
      </c>
      <c r="AW2528">
        <v>0.37234794908062241</v>
      </c>
      <c r="AX2528">
        <v>83.964273081004592</v>
      </c>
      <c r="AY2528">
        <v>63</v>
      </c>
      <c r="AZ2528">
        <v>126</v>
      </c>
      <c r="BA2528">
        <v>0.57407951137732949</v>
      </c>
      <c r="BB2528">
        <v>0.50212164073550214</v>
      </c>
      <c r="BC2528">
        <v>5.2940734279033332</v>
      </c>
      <c r="BD2528" t="s">
        <v>9636</v>
      </c>
      <c r="BE2528" t="s">
        <v>68</v>
      </c>
    </row>
    <row r="2529" spans="1:57" x14ac:dyDescent="0.3">
      <c r="A2529" t="s">
        <v>9637</v>
      </c>
      <c r="B2529">
        <v>3037</v>
      </c>
      <c r="C2529" t="s">
        <v>9638</v>
      </c>
      <c r="D2529" t="s">
        <v>9639</v>
      </c>
      <c r="E2529" t="s">
        <v>93</v>
      </c>
      <c r="F2529">
        <v>3285</v>
      </c>
      <c r="G2529">
        <v>126.82800608828011</v>
      </c>
      <c r="H2529">
        <v>129</v>
      </c>
      <c r="I2529">
        <v>5500.2434774550629</v>
      </c>
      <c r="J2529">
        <v>74.163626377457177</v>
      </c>
      <c r="K2529">
        <v>-1.310303448504538E-2</v>
      </c>
      <c r="L2529">
        <v>-1.184547530412879</v>
      </c>
      <c r="M2529">
        <v>7.9419807733986127</v>
      </c>
      <c r="N2529">
        <v>23</v>
      </c>
      <c r="O2529">
        <v>5</v>
      </c>
      <c r="P2529">
        <v>18</v>
      </c>
      <c r="Q2529">
        <v>3.6065139330139071</v>
      </c>
      <c r="R2529">
        <v>5.5049615811425454</v>
      </c>
      <c r="S2529">
        <v>2</v>
      </c>
      <c r="T2529">
        <v>1</v>
      </c>
      <c r="U2529">
        <v>1</v>
      </c>
      <c r="V2529">
        <v>0.1500717180543262</v>
      </c>
      <c r="W2529">
        <v>8.065579412495925</v>
      </c>
      <c r="X2529">
        <v>2</v>
      </c>
      <c r="Y2529">
        <v>1</v>
      </c>
      <c r="Z2529">
        <v>1</v>
      </c>
      <c r="AA2529">
        <v>2.4681950431000119E-2</v>
      </c>
      <c r="AB2529">
        <v>8.09566838849695</v>
      </c>
      <c r="AC2529">
        <v>1</v>
      </c>
      <c r="AD2529">
        <v>1</v>
      </c>
      <c r="AE2529">
        <v>0</v>
      </c>
      <c r="AF2529">
        <v>0</v>
      </c>
      <c r="AG2529">
        <v>8.0962082716500383</v>
      </c>
      <c r="AH2529">
        <v>4.7748781948123084E-3</v>
      </c>
      <c r="AI2529">
        <v>-1.0536873997322159E-2</v>
      </c>
      <c r="AJ2529">
        <v>-8.2111543361586322E-3</v>
      </c>
      <c r="AK2529">
        <v>-4.008113682914629E-2</v>
      </c>
      <c r="AL2529">
        <v>3907.213347850829</v>
      </c>
      <c r="AM2529">
        <v>7459.3790528686995</v>
      </c>
      <c r="AN2529">
        <v>416630</v>
      </c>
      <c r="AO2529">
        <v>70.145118547021156</v>
      </c>
      <c r="AP2529">
        <v>3577.2825982934501</v>
      </c>
      <c r="AQ2529">
        <v>1.007001522070015</v>
      </c>
      <c r="AR2529">
        <v>3.9713850837138511</v>
      </c>
      <c r="AS2529">
        <v>3268</v>
      </c>
      <c r="AT2529">
        <v>259.48949771689502</v>
      </c>
      <c r="AU2529">
        <v>1.4773032500671499E-2</v>
      </c>
      <c r="AV2529">
        <v>4.7766458042639891E-3</v>
      </c>
      <c r="AW2529">
        <v>0.35555555555555562</v>
      </c>
      <c r="AX2529">
        <v>85.086479902557855</v>
      </c>
      <c r="AY2529">
        <v>63</v>
      </c>
      <c r="AZ2529">
        <v>127</v>
      </c>
      <c r="BA2529">
        <v>0.58475748901890601</v>
      </c>
      <c r="BB2529">
        <v>0.51050228310502288</v>
      </c>
      <c r="BC2529">
        <v>5.318059511266485</v>
      </c>
      <c r="BD2529" t="s">
        <v>9640</v>
      </c>
      <c r="BE2529" t="s">
        <v>68</v>
      </c>
    </row>
    <row r="2530" spans="1:57" x14ac:dyDescent="0.3">
      <c r="A2530" t="s">
        <v>9641</v>
      </c>
      <c r="B2530">
        <v>1299</v>
      </c>
      <c r="C2530" t="s">
        <v>9642</v>
      </c>
      <c r="D2530" t="s">
        <v>9643</v>
      </c>
      <c r="E2530" t="s">
        <v>85</v>
      </c>
      <c r="F2530">
        <v>8</v>
      </c>
      <c r="G2530">
        <v>95.125</v>
      </c>
      <c r="H2530">
        <v>70</v>
      </c>
      <c r="I2530">
        <v>5532.109375</v>
      </c>
      <c r="J2530">
        <v>74.378151193747755</v>
      </c>
      <c r="K2530">
        <v>0.47473144929905547</v>
      </c>
      <c r="L2530">
        <v>-1.3499866930995319</v>
      </c>
      <c r="M2530">
        <v>3</v>
      </c>
      <c r="N2530">
        <v>1</v>
      </c>
      <c r="O2530">
        <v>1</v>
      </c>
      <c r="P2530">
        <v>0</v>
      </c>
      <c r="Q2530">
        <v>0</v>
      </c>
      <c r="R2530">
        <v>2.0794415416798362</v>
      </c>
      <c r="S2530">
        <v>1</v>
      </c>
      <c r="T2530">
        <v>1</v>
      </c>
      <c r="U2530">
        <v>0</v>
      </c>
      <c r="V2530">
        <v>0</v>
      </c>
      <c r="W2530">
        <v>1.945910149055313</v>
      </c>
      <c r="X2530">
        <v>1</v>
      </c>
      <c r="Y2530">
        <v>1</v>
      </c>
      <c r="Z2530">
        <v>0</v>
      </c>
      <c r="AA2530">
        <v>0</v>
      </c>
      <c r="AB2530">
        <v>1.791759469228055</v>
      </c>
      <c r="AC2530">
        <v>1</v>
      </c>
      <c r="AD2530">
        <v>1</v>
      </c>
      <c r="AE2530">
        <v>0</v>
      </c>
      <c r="AF2530">
        <v>0</v>
      </c>
      <c r="AG2530">
        <v>1.6094379124341009</v>
      </c>
      <c r="AH2530">
        <v>0.1220626032678539</v>
      </c>
      <c r="AI2530">
        <v>-0.57661733346513955</v>
      </c>
      <c r="AJ2530">
        <v>0.21453552414172941</v>
      </c>
      <c r="AK2530">
        <v>0</v>
      </c>
      <c r="AL2530">
        <v>274.47590261392253</v>
      </c>
      <c r="AM2530">
        <v>203.24856428588251</v>
      </c>
      <c r="AN2530">
        <v>761</v>
      </c>
      <c r="AO2530">
        <v>119.3413036657234</v>
      </c>
      <c r="AP2530">
        <v>170.49320789817969</v>
      </c>
      <c r="AQ2530">
        <v>3.5</v>
      </c>
      <c r="AR2530">
        <v>3.5</v>
      </c>
      <c r="AS2530">
        <v>8</v>
      </c>
      <c r="AT2530">
        <v>0</v>
      </c>
      <c r="AU2530">
        <v>0.39449541284403672</v>
      </c>
      <c r="AV2530">
        <v>0.18245421634279821</v>
      </c>
      <c r="AW2530">
        <v>0.375</v>
      </c>
      <c r="AX2530">
        <v>80.857142857142861</v>
      </c>
      <c r="AY2530">
        <v>50.5</v>
      </c>
      <c r="AZ2530">
        <v>119.5</v>
      </c>
      <c r="BA2530">
        <v>0.78189909270694091</v>
      </c>
      <c r="BB2530">
        <v>0.5</v>
      </c>
      <c r="BC2530">
        <v>1.945910149055313</v>
      </c>
      <c r="BD2530" t="s">
        <v>9642</v>
      </c>
      <c r="BE2530" t="s">
        <v>68</v>
      </c>
    </row>
    <row r="2531" spans="1:57" x14ac:dyDescent="0.3">
      <c r="A2531" t="s">
        <v>9644</v>
      </c>
      <c r="B2531">
        <v>146</v>
      </c>
      <c r="C2531" t="s">
        <v>9645</v>
      </c>
      <c r="D2531" t="s">
        <v>9646</v>
      </c>
      <c r="E2531" t="s">
        <v>60</v>
      </c>
      <c r="F2531">
        <v>256</v>
      </c>
      <c r="G2531">
        <v>129.1328125</v>
      </c>
      <c r="H2531">
        <v>129</v>
      </c>
      <c r="I2531">
        <v>5327.6854858398438</v>
      </c>
      <c r="J2531">
        <v>72.990995923057824</v>
      </c>
      <c r="K2531">
        <v>-2.7544802029198939E-2</v>
      </c>
      <c r="L2531">
        <v>-1.1375474258135749</v>
      </c>
      <c r="M2531">
        <v>7.285960986252066</v>
      </c>
      <c r="N2531">
        <v>4</v>
      </c>
      <c r="O2531">
        <v>1</v>
      </c>
      <c r="P2531">
        <v>3</v>
      </c>
      <c r="Q2531">
        <v>0.7028875004515075</v>
      </c>
      <c r="R2531">
        <v>5.0502433152903778</v>
      </c>
      <c r="S2531">
        <v>2</v>
      </c>
      <c r="T2531">
        <v>1</v>
      </c>
      <c r="U2531">
        <v>1</v>
      </c>
      <c r="V2531">
        <v>8.8558721353391615E-2</v>
      </c>
      <c r="W2531">
        <v>5.5303906482084653</v>
      </c>
      <c r="X2531">
        <v>1</v>
      </c>
      <c r="Y2531">
        <v>1</v>
      </c>
      <c r="Z2531">
        <v>0</v>
      </c>
      <c r="AA2531">
        <v>0</v>
      </c>
      <c r="AB2531">
        <v>5.5373342670185366</v>
      </c>
      <c r="AC2531">
        <v>1</v>
      </c>
      <c r="AD2531">
        <v>1</v>
      </c>
      <c r="AE2531">
        <v>0</v>
      </c>
      <c r="AF2531">
        <v>0</v>
      </c>
      <c r="AG2531">
        <v>5.5333894887275203</v>
      </c>
      <c r="AH2531">
        <v>-0.10807013313250249</v>
      </c>
      <c r="AI2531">
        <v>6.9867174391842646E-2</v>
      </c>
      <c r="AJ2531">
        <v>5.0369103539705017E-3</v>
      </c>
      <c r="AK2531">
        <v>3.2779918428451522E-2</v>
      </c>
      <c r="AL2531">
        <v>1149.644320518365</v>
      </c>
      <c r="AM2531">
        <v>2076.3135447951659</v>
      </c>
      <c r="AN2531">
        <v>33058</v>
      </c>
      <c r="AO2531">
        <v>73.17103251970687</v>
      </c>
      <c r="AP2531">
        <v>959.44402711019461</v>
      </c>
      <c r="AQ2531">
        <v>1.08984375</v>
      </c>
      <c r="AR2531">
        <v>4.05078125</v>
      </c>
      <c r="AS2531">
        <v>256</v>
      </c>
      <c r="AT2531">
        <v>57.093749999999993</v>
      </c>
      <c r="AU2531">
        <v>3.8170521653543288E-2</v>
      </c>
      <c r="AV2531">
        <v>-0.1082503844847004</v>
      </c>
      <c r="AW2531">
        <v>0.37109375</v>
      </c>
      <c r="AX2531">
        <v>91.262745098039218</v>
      </c>
      <c r="AY2531">
        <v>61.5</v>
      </c>
      <c r="AZ2531">
        <v>124.5</v>
      </c>
      <c r="BA2531">
        <v>0.56523972884938001</v>
      </c>
      <c r="BB2531">
        <v>0.5</v>
      </c>
      <c r="BC2531">
        <v>4.809417779380718</v>
      </c>
      <c r="BD2531" t="s">
        <v>9647</v>
      </c>
      <c r="BE2531" t="s">
        <v>62</v>
      </c>
    </row>
    <row r="2532" spans="1:57" x14ac:dyDescent="0.3">
      <c r="A2532" t="s">
        <v>9648</v>
      </c>
      <c r="B2532">
        <v>662</v>
      </c>
      <c r="C2532" t="s">
        <v>9649</v>
      </c>
      <c r="D2532" t="s">
        <v>9650</v>
      </c>
      <c r="E2532" t="s">
        <v>128</v>
      </c>
      <c r="F2532">
        <v>32</v>
      </c>
      <c r="G2532">
        <v>121</v>
      </c>
      <c r="H2532">
        <v>119</v>
      </c>
      <c r="I2532">
        <v>5779.625</v>
      </c>
      <c r="J2532">
        <v>76.023844943543864</v>
      </c>
      <c r="K2532">
        <v>0.20260221856799521</v>
      </c>
      <c r="L2532">
        <v>-1.1748070221892979</v>
      </c>
      <c r="M2532">
        <v>5</v>
      </c>
      <c r="N2532">
        <v>1</v>
      </c>
      <c r="O2532">
        <v>1</v>
      </c>
      <c r="P2532">
        <v>0</v>
      </c>
      <c r="Q2532">
        <v>0</v>
      </c>
      <c r="R2532">
        <v>3.465735902799727</v>
      </c>
      <c r="S2532">
        <v>1</v>
      </c>
      <c r="T2532">
        <v>1</v>
      </c>
      <c r="U2532">
        <v>0</v>
      </c>
      <c r="V2532">
        <v>0</v>
      </c>
      <c r="W2532">
        <v>3.4339872044851458</v>
      </c>
      <c r="X2532">
        <v>1</v>
      </c>
      <c r="Y2532">
        <v>1</v>
      </c>
      <c r="Z2532">
        <v>0</v>
      </c>
      <c r="AA2532">
        <v>0</v>
      </c>
      <c r="AB2532">
        <v>3.401197381662155</v>
      </c>
      <c r="AC2532">
        <v>1</v>
      </c>
      <c r="AD2532">
        <v>1</v>
      </c>
      <c r="AE2532">
        <v>0</v>
      </c>
      <c r="AF2532">
        <v>0</v>
      </c>
      <c r="AG2532">
        <v>3.3672958299864728</v>
      </c>
      <c r="AH2532">
        <v>0.40479486125829961</v>
      </c>
      <c r="AI2532">
        <v>0.21557951424184091</v>
      </c>
      <c r="AJ2532">
        <v>-0.47793433830049531</v>
      </c>
      <c r="AK2532">
        <v>0.2356662413218851</v>
      </c>
      <c r="AL2532">
        <v>474.35479206370269</v>
      </c>
      <c r="AM2532">
        <v>654.55903572267744</v>
      </c>
      <c r="AN2532">
        <v>3872</v>
      </c>
      <c r="AO2532">
        <v>68</v>
      </c>
      <c r="AP2532">
        <v>278.68979170396608</v>
      </c>
      <c r="AQ2532">
        <v>1.65625</v>
      </c>
      <c r="AR2532">
        <v>3.9375</v>
      </c>
      <c r="AS2532">
        <v>32</v>
      </c>
      <c r="AT2532">
        <v>0</v>
      </c>
      <c r="AU2532">
        <v>0.12797619047619049</v>
      </c>
      <c r="AV2532">
        <v>0.42036159563534742</v>
      </c>
      <c r="AW2532">
        <v>0.375</v>
      </c>
      <c r="AX2532">
        <v>65.064516129032256</v>
      </c>
      <c r="AY2532">
        <v>58.5</v>
      </c>
      <c r="AZ2532">
        <v>111</v>
      </c>
      <c r="BA2532">
        <v>0.62829623920284183</v>
      </c>
      <c r="BB2532">
        <v>0.5</v>
      </c>
      <c r="BC2532">
        <v>3.3445488586064429</v>
      </c>
      <c r="BD2532" t="s">
        <v>9651</v>
      </c>
      <c r="BE2532" t="s">
        <v>62</v>
      </c>
    </row>
    <row r="2533" spans="1:57" x14ac:dyDescent="0.3">
      <c r="A2533" t="s">
        <v>9652</v>
      </c>
      <c r="B2533">
        <v>136</v>
      </c>
      <c r="C2533" t="s">
        <v>9653</v>
      </c>
      <c r="D2533" t="s">
        <v>9654</v>
      </c>
      <c r="E2533" t="s">
        <v>60</v>
      </c>
      <c r="F2533">
        <v>256</v>
      </c>
      <c r="G2533">
        <v>125.35546875</v>
      </c>
      <c r="H2533">
        <v>120.5</v>
      </c>
      <c r="I2533">
        <v>5062.6900482177734</v>
      </c>
      <c r="J2533">
        <v>71.15258286399569</v>
      </c>
      <c r="K2533">
        <v>3.2119505091796972E-2</v>
      </c>
      <c r="L2533">
        <v>-1.155700084300004</v>
      </c>
      <c r="M2533">
        <v>7.1844993907402026</v>
      </c>
      <c r="N2533">
        <v>5</v>
      </c>
      <c r="O2533">
        <v>1</v>
      </c>
      <c r="P2533">
        <v>4</v>
      </c>
      <c r="Q2533">
        <v>0.85568374649332657</v>
      </c>
      <c r="R2533">
        <v>4.9799154964262158</v>
      </c>
      <c r="S2533">
        <v>1</v>
      </c>
      <c r="T2533">
        <v>1</v>
      </c>
      <c r="U2533">
        <v>0</v>
      </c>
      <c r="V2533">
        <v>0</v>
      </c>
      <c r="W2533">
        <v>5.541263545158424</v>
      </c>
      <c r="X2533">
        <v>1</v>
      </c>
      <c r="Y2533">
        <v>1</v>
      </c>
      <c r="Z2533">
        <v>0</v>
      </c>
      <c r="AA2533">
        <v>0</v>
      </c>
      <c r="AB2533">
        <v>5.5373342670185366</v>
      </c>
      <c r="AC2533">
        <v>1</v>
      </c>
      <c r="AD2533">
        <v>1</v>
      </c>
      <c r="AE2533">
        <v>0</v>
      </c>
      <c r="AF2533">
        <v>0</v>
      </c>
      <c r="AG2533">
        <v>5.5333894887275203</v>
      </c>
      <c r="AH2533">
        <v>-2.4537651099572622E-2</v>
      </c>
      <c r="AI2533">
        <v>1.0367293535537579E-2</v>
      </c>
      <c r="AJ2533">
        <v>-1.9604620475059179E-2</v>
      </c>
      <c r="AK2533">
        <v>6.0861073431375118E-2</v>
      </c>
      <c r="AL2533">
        <v>1124.895371080403</v>
      </c>
      <c r="AM2533">
        <v>2013.316021920524</v>
      </c>
      <c r="AN2533">
        <v>32091</v>
      </c>
      <c r="AO2533">
        <v>117.157008938567</v>
      </c>
      <c r="AP2533">
        <v>885.64207977024921</v>
      </c>
      <c r="AQ2533">
        <v>1.08984375</v>
      </c>
      <c r="AR2533">
        <v>3.9609375</v>
      </c>
      <c r="AS2533">
        <v>255</v>
      </c>
      <c r="AT2533">
        <v>77.867187499999986</v>
      </c>
      <c r="AU2533">
        <v>3.2855731225296392E-2</v>
      </c>
      <c r="AV2533">
        <v>-2.4575306814340982E-2</v>
      </c>
      <c r="AW2533">
        <v>0.41015625</v>
      </c>
      <c r="AX2533">
        <v>84.580392156862743</v>
      </c>
      <c r="AY2533">
        <v>62</v>
      </c>
      <c r="AZ2533">
        <v>116.75</v>
      </c>
      <c r="BA2533">
        <v>0.5676065318370539</v>
      </c>
      <c r="BB2533">
        <v>0.484375</v>
      </c>
      <c r="BC2533">
        <v>4.8773315684412069</v>
      </c>
      <c r="BD2533" t="s">
        <v>9655</v>
      </c>
      <c r="BE2533" t="s">
        <v>62</v>
      </c>
    </row>
    <row r="2534" spans="1:57" x14ac:dyDescent="0.3">
      <c r="A2534" t="s">
        <v>9656</v>
      </c>
      <c r="B2534">
        <v>146</v>
      </c>
      <c r="C2534" t="s">
        <v>9657</v>
      </c>
      <c r="D2534" t="s">
        <v>9658</v>
      </c>
      <c r="E2534" t="s">
        <v>60</v>
      </c>
      <c r="F2534">
        <v>512</v>
      </c>
      <c r="G2534">
        <v>124.873046875</v>
      </c>
      <c r="H2534">
        <v>128.5</v>
      </c>
      <c r="I2534">
        <v>5625.0053672790527</v>
      </c>
      <c r="J2534">
        <v>75.000035781851821</v>
      </c>
      <c r="K2534">
        <v>-1.900777791394985E-2</v>
      </c>
      <c r="L2534">
        <v>-1.201367565749226</v>
      </c>
      <c r="M2534">
        <v>7.6097229328521392</v>
      </c>
      <c r="N2534">
        <v>7</v>
      </c>
      <c r="O2534">
        <v>1</v>
      </c>
      <c r="P2534">
        <v>6</v>
      </c>
      <c r="Q2534">
        <v>1.168647852116411</v>
      </c>
      <c r="R2534">
        <v>5.2746579957488162</v>
      </c>
      <c r="S2534">
        <v>2</v>
      </c>
      <c r="T2534">
        <v>1</v>
      </c>
      <c r="U2534">
        <v>1</v>
      </c>
      <c r="V2534">
        <v>4.4237310481092057E-2</v>
      </c>
      <c r="W2534">
        <v>6.2336566853874222</v>
      </c>
      <c r="X2534">
        <v>1</v>
      </c>
      <c r="Y2534">
        <v>1</v>
      </c>
      <c r="Z2534">
        <v>0</v>
      </c>
      <c r="AA2534">
        <v>0</v>
      </c>
      <c r="AB2534">
        <v>6.2344107257183694</v>
      </c>
      <c r="AC2534">
        <v>1</v>
      </c>
      <c r="AD2534">
        <v>1</v>
      </c>
      <c r="AE2534">
        <v>0</v>
      </c>
      <c r="AF2534">
        <v>0</v>
      </c>
      <c r="AG2534">
        <v>6.2324480165505216</v>
      </c>
      <c r="AH2534">
        <v>-5.5198042030087701E-3</v>
      </c>
      <c r="AI2534">
        <v>4.1335060179079917E-2</v>
      </c>
      <c r="AJ2534">
        <v>5.452175023609198E-2</v>
      </c>
      <c r="AK2534">
        <v>3.9883438018440388E-2</v>
      </c>
      <c r="AL2534">
        <v>1635.3987606771491</v>
      </c>
      <c r="AM2534">
        <v>2861.6834020512551</v>
      </c>
      <c r="AN2534">
        <v>63935</v>
      </c>
      <c r="AO2534">
        <v>134.48352116399741</v>
      </c>
      <c r="AP2534">
        <v>1463.2953866038699</v>
      </c>
      <c r="AQ2534">
        <v>1.044921875</v>
      </c>
      <c r="AR2534">
        <v>3.93359375</v>
      </c>
      <c r="AS2534">
        <v>511</v>
      </c>
      <c r="AT2534">
        <v>130.28125</v>
      </c>
      <c r="AU2534">
        <v>3.6368268280632422E-2</v>
      </c>
      <c r="AV2534">
        <v>-5.5411205385801554E-3</v>
      </c>
      <c r="AW2534">
        <v>0.34375</v>
      </c>
      <c r="AX2534">
        <v>87.888454011741686</v>
      </c>
      <c r="AY2534">
        <v>64.5</v>
      </c>
      <c r="AZ2534">
        <v>129.5</v>
      </c>
      <c r="BA2534">
        <v>0.60061028107152781</v>
      </c>
      <c r="BB2534">
        <v>0.509765625</v>
      </c>
      <c r="BC2534">
        <v>5.1079653200474251</v>
      </c>
      <c r="BD2534" t="s">
        <v>9659</v>
      </c>
      <c r="BE2534" t="s">
        <v>62</v>
      </c>
    </row>
    <row r="2535" spans="1:57" x14ac:dyDescent="0.3">
      <c r="A2535" t="s">
        <v>9660</v>
      </c>
      <c r="B2535">
        <v>999</v>
      </c>
      <c r="C2535" t="s">
        <v>9661</v>
      </c>
      <c r="D2535" t="s">
        <v>9662</v>
      </c>
      <c r="E2535" t="s">
        <v>72</v>
      </c>
      <c r="F2535">
        <v>1000</v>
      </c>
      <c r="G2535">
        <v>127.096</v>
      </c>
      <c r="H2535">
        <v>128.5</v>
      </c>
      <c r="I2535">
        <v>5436.5927840000004</v>
      </c>
      <c r="J2535">
        <v>73.733254261560987</v>
      </c>
      <c r="K2535">
        <v>9.3671908984041853E-3</v>
      </c>
      <c r="L2535">
        <v>-1.2072931440476029</v>
      </c>
      <c r="M2535">
        <v>7.8008274702286924</v>
      </c>
      <c r="N2535">
        <v>11</v>
      </c>
      <c r="O2535">
        <v>1</v>
      </c>
      <c r="P2535">
        <v>10</v>
      </c>
      <c r="Q2535">
        <v>1.84450134825792</v>
      </c>
      <c r="R2535">
        <v>5.4071215670235899</v>
      </c>
      <c r="S2535">
        <v>2</v>
      </c>
      <c r="T2535">
        <v>1</v>
      </c>
      <c r="U2535">
        <v>1</v>
      </c>
      <c r="V2535">
        <v>0.1000449230007202</v>
      </c>
      <c r="W2535">
        <v>6.8928779582169231</v>
      </c>
      <c r="X2535">
        <v>1</v>
      </c>
      <c r="Y2535">
        <v>1</v>
      </c>
      <c r="Z2535">
        <v>0</v>
      </c>
      <c r="AA2535">
        <v>0</v>
      </c>
      <c r="AB2535">
        <v>6.9057532763114624</v>
      </c>
      <c r="AC2535">
        <v>1</v>
      </c>
      <c r="AD2535">
        <v>1</v>
      </c>
      <c r="AE2535">
        <v>0</v>
      </c>
      <c r="AF2535">
        <v>0</v>
      </c>
      <c r="AG2535">
        <v>6.9047507699618382</v>
      </c>
      <c r="AH2535">
        <v>-1.19526835644639E-2</v>
      </c>
      <c r="AI2535">
        <v>-8.6975235633539372E-2</v>
      </c>
      <c r="AJ2535">
        <v>1.9558866765401649E-2</v>
      </c>
      <c r="AK2535">
        <v>-2.9604993155580801E-2</v>
      </c>
      <c r="AL2535">
        <v>2197.0706003974628</v>
      </c>
      <c r="AM2535">
        <v>4094.248011157742</v>
      </c>
      <c r="AN2535">
        <v>127096</v>
      </c>
      <c r="AO2535">
        <v>111.80255092275711</v>
      </c>
      <c r="AP2535">
        <v>1945.403676837032</v>
      </c>
      <c r="AQ2535">
        <v>1.0229999999999999</v>
      </c>
      <c r="AR2535">
        <v>3.98</v>
      </c>
      <c r="AS2535">
        <v>997</v>
      </c>
      <c r="AT2535">
        <v>209.24799999999999</v>
      </c>
      <c r="AU2535">
        <v>1.4941176470588241E-2</v>
      </c>
      <c r="AV2535">
        <v>-1.1954007184108439E-2</v>
      </c>
      <c r="AW2535">
        <v>0.371</v>
      </c>
      <c r="AX2535">
        <v>85.163163163163162</v>
      </c>
      <c r="AY2535">
        <v>65.5</v>
      </c>
      <c r="AZ2535">
        <v>130.25</v>
      </c>
      <c r="BA2535">
        <v>0.58013827548908692</v>
      </c>
      <c r="BB2535">
        <v>0.503</v>
      </c>
      <c r="BC2535">
        <v>5.2331421148911366</v>
      </c>
      <c r="BD2535" t="s">
        <v>9663</v>
      </c>
      <c r="BE2535" t="s">
        <v>68</v>
      </c>
    </row>
    <row r="2536" spans="1:57" x14ac:dyDescent="0.3">
      <c r="A2536" t="s">
        <v>9664</v>
      </c>
      <c r="B2536">
        <v>1192</v>
      </c>
      <c r="C2536" t="s">
        <v>9665</v>
      </c>
      <c r="D2536" t="s">
        <v>9666</v>
      </c>
      <c r="E2536" t="s">
        <v>72</v>
      </c>
      <c r="F2536">
        <v>1208</v>
      </c>
      <c r="G2536">
        <v>126.7408940397351</v>
      </c>
      <c r="H2536">
        <v>124</v>
      </c>
      <c r="I2536">
        <v>5252.4767382735408</v>
      </c>
      <c r="J2536">
        <v>72.473972833518246</v>
      </c>
      <c r="K2536">
        <v>6.5429549586123862E-4</v>
      </c>
      <c r="L2536">
        <v>-1.213382346154692</v>
      </c>
      <c r="M2536">
        <v>7.8257035318996966</v>
      </c>
      <c r="N2536">
        <v>13</v>
      </c>
      <c r="O2536">
        <v>1</v>
      </c>
      <c r="P2536">
        <v>12</v>
      </c>
      <c r="Q2536">
        <v>2.196018982185358</v>
      </c>
      <c r="R2536">
        <v>5.4243643390342697</v>
      </c>
      <c r="S2536">
        <v>2</v>
      </c>
      <c r="T2536">
        <v>1</v>
      </c>
      <c r="U2536">
        <v>1</v>
      </c>
      <c r="V2536">
        <v>9.5460639209708806E-2</v>
      </c>
      <c r="W2536">
        <v>7.0832592211204659</v>
      </c>
      <c r="X2536">
        <v>1</v>
      </c>
      <c r="Y2536">
        <v>1</v>
      </c>
      <c r="Z2536">
        <v>0</v>
      </c>
      <c r="AA2536">
        <v>0</v>
      </c>
      <c r="AB2536">
        <v>7.0950643772871311</v>
      </c>
      <c r="AC2536">
        <v>1</v>
      </c>
      <c r="AD2536">
        <v>1</v>
      </c>
      <c r="AE2536">
        <v>0</v>
      </c>
      <c r="AF2536">
        <v>0</v>
      </c>
      <c r="AG2536">
        <v>7.0942348459247562</v>
      </c>
      <c r="AH2536">
        <v>4.8774013296379058E-2</v>
      </c>
      <c r="AI2536">
        <v>-5.095947957167858E-3</v>
      </c>
      <c r="AJ2536">
        <v>-2.6566868559176879E-2</v>
      </c>
      <c r="AK2536">
        <v>-1.255633221134992E-3</v>
      </c>
      <c r="AL2536">
        <v>2369.1474330411788</v>
      </c>
      <c r="AM2536">
        <v>4487.3760083721972</v>
      </c>
      <c r="AN2536">
        <v>153103</v>
      </c>
      <c r="AO2536">
        <v>143.2739448388844</v>
      </c>
      <c r="AP2536">
        <v>2134.1123910573701</v>
      </c>
      <c r="AQ2536">
        <v>1.0190397350993381</v>
      </c>
      <c r="AR2536">
        <v>4.0306291390728477</v>
      </c>
      <c r="AS2536">
        <v>1204</v>
      </c>
      <c r="AT2536">
        <v>253.51655629139071</v>
      </c>
      <c r="AU2536">
        <v>2.2448383326840741E-2</v>
      </c>
      <c r="AV2536">
        <v>4.8834386350031268E-2</v>
      </c>
      <c r="AW2536">
        <v>0.39155629139072851</v>
      </c>
      <c r="AX2536">
        <v>81.989229494614747</v>
      </c>
      <c r="AY2536">
        <v>62</v>
      </c>
      <c r="AZ2536">
        <v>123.5</v>
      </c>
      <c r="BA2536">
        <v>0.57182784911393014</v>
      </c>
      <c r="BB2536">
        <v>0.49006622516556292</v>
      </c>
      <c r="BC2536">
        <v>5.2008056091676584</v>
      </c>
      <c r="BD2536" t="s">
        <v>9667</v>
      </c>
      <c r="BE2536" t="s">
        <v>68</v>
      </c>
    </row>
    <row r="2537" spans="1:57" x14ac:dyDescent="0.3">
      <c r="A2537" t="s">
        <v>9668</v>
      </c>
      <c r="B2537">
        <v>3079</v>
      </c>
      <c r="C2537" t="s">
        <v>9669</v>
      </c>
      <c r="D2537" t="s">
        <v>9670</v>
      </c>
      <c r="E2537" t="s">
        <v>72</v>
      </c>
      <c r="F2537">
        <v>3080</v>
      </c>
      <c r="G2537">
        <v>127.2762987012987</v>
      </c>
      <c r="H2537">
        <v>127</v>
      </c>
      <c r="I2537">
        <v>5548.5337239627252</v>
      </c>
      <c r="J2537">
        <v>74.488480478277481</v>
      </c>
      <c r="K2537">
        <v>-7.1986541918178824E-3</v>
      </c>
      <c r="L2537">
        <v>-1.210209592983013</v>
      </c>
      <c r="M2537">
        <v>7.9374163626485492</v>
      </c>
      <c r="N2537">
        <v>22</v>
      </c>
      <c r="O2537">
        <v>4</v>
      </c>
      <c r="P2537">
        <v>18</v>
      </c>
      <c r="Q2537">
        <v>3.509891157500471</v>
      </c>
      <c r="R2537">
        <v>5.5017977727002174</v>
      </c>
      <c r="S2537">
        <v>3</v>
      </c>
      <c r="T2537">
        <v>1</v>
      </c>
      <c r="U2537">
        <v>2</v>
      </c>
      <c r="V2537">
        <v>0.19163856737148291</v>
      </c>
      <c r="W2537">
        <v>7.9836744574174761</v>
      </c>
      <c r="X2537">
        <v>2</v>
      </c>
      <c r="Y2537">
        <v>1</v>
      </c>
      <c r="Z2537">
        <v>1</v>
      </c>
      <c r="AA2537">
        <v>9.8720030851337265E-2</v>
      </c>
      <c r="AB2537">
        <v>8.0185236734522363</v>
      </c>
      <c r="AC2537">
        <v>2</v>
      </c>
      <c r="AD2537">
        <v>1</v>
      </c>
      <c r="AE2537">
        <v>1</v>
      </c>
      <c r="AF2537">
        <v>9.0134631084396594E-2</v>
      </c>
      <c r="AG2537">
        <v>8.0204470152219471</v>
      </c>
      <c r="AH2537">
        <v>-7.9189726043650387E-3</v>
      </c>
      <c r="AI2537">
        <v>-6.7141366930502171E-4</v>
      </c>
      <c r="AJ2537">
        <v>1.377033061754753E-2</v>
      </c>
      <c r="AK2537">
        <v>-8.177242606163539E-3</v>
      </c>
      <c r="AL2537">
        <v>3791.4086264819421</v>
      </c>
      <c r="AM2537">
        <v>7253.1657658596432</v>
      </c>
      <c r="AN2537">
        <v>392011</v>
      </c>
      <c r="AO2537">
        <v>114.9477922600435</v>
      </c>
      <c r="AP2537">
        <v>3446.949974015773</v>
      </c>
      <c r="AQ2537">
        <v>1.007467532467532</v>
      </c>
      <c r="AR2537">
        <v>4.0126623376623378</v>
      </c>
      <c r="AS2537">
        <v>3068</v>
      </c>
      <c r="AT2537">
        <v>262.12987012987008</v>
      </c>
      <c r="AU2537">
        <v>1.3515406162464969E-2</v>
      </c>
      <c r="AV2537">
        <v>-7.9205053925232149E-3</v>
      </c>
      <c r="AW2537">
        <v>0.36720779220779221</v>
      </c>
      <c r="AX2537">
        <v>86.415719389412146</v>
      </c>
      <c r="AY2537">
        <v>64</v>
      </c>
      <c r="AZ2537">
        <v>129</v>
      </c>
      <c r="BA2537">
        <v>0.58525020949181183</v>
      </c>
      <c r="BB2537">
        <v>0.49805194805194808</v>
      </c>
      <c r="BC2537">
        <v>5.3167618332283428</v>
      </c>
      <c r="BD2537" t="s">
        <v>9671</v>
      </c>
      <c r="BE2537" t="s">
        <v>68</v>
      </c>
    </row>
    <row r="2538" spans="1:57" x14ac:dyDescent="0.3">
      <c r="A2538" t="s">
        <v>9672</v>
      </c>
      <c r="B2538">
        <v>1075</v>
      </c>
      <c r="C2538" t="s">
        <v>9673</v>
      </c>
      <c r="D2538" t="s">
        <v>9674</v>
      </c>
      <c r="E2538" t="s">
        <v>10622</v>
      </c>
      <c r="F2538">
        <v>64</v>
      </c>
      <c r="G2538">
        <v>136.859375</v>
      </c>
      <c r="H2538">
        <v>156.5</v>
      </c>
      <c r="I2538">
        <v>5037.058349609375</v>
      </c>
      <c r="J2538">
        <v>70.972236470392943</v>
      </c>
      <c r="K2538">
        <v>-0.26076107954713879</v>
      </c>
      <c r="L2538">
        <v>-1.2511881635049671</v>
      </c>
      <c r="M2538">
        <v>5.8125</v>
      </c>
      <c r="N2538">
        <v>2</v>
      </c>
      <c r="O2538">
        <v>1</v>
      </c>
      <c r="P2538">
        <v>1</v>
      </c>
      <c r="Q2538">
        <v>0.30454347814923621</v>
      </c>
      <c r="R2538">
        <v>4.0289179870046823</v>
      </c>
      <c r="S2538">
        <v>1</v>
      </c>
      <c r="T2538">
        <v>1</v>
      </c>
      <c r="U2538">
        <v>0</v>
      </c>
      <c r="V2538">
        <v>0</v>
      </c>
      <c r="W2538">
        <v>4.1431347263915326</v>
      </c>
      <c r="X2538">
        <v>1</v>
      </c>
      <c r="Y2538">
        <v>1</v>
      </c>
      <c r="Z2538">
        <v>0</v>
      </c>
      <c r="AA2538">
        <v>0</v>
      </c>
      <c r="AB2538">
        <v>4.1271343850450908</v>
      </c>
      <c r="AC2538">
        <v>1</v>
      </c>
      <c r="AD2538">
        <v>1</v>
      </c>
      <c r="AE2538">
        <v>0</v>
      </c>
      <c r="AF2538">
        <v>0</v>
      </c>
      <c r="AG2538">
        <v>4.1108738641733096</v>
      </c>
      <c r="AH2538">
        <v>-0.21910450070112669</v>
      </c>
      <c r="AI2538">
        <v>-4.1244045718086229E-2</v>
      </c>
      <c r="AJ2538">
        <v>-6.6537089684797601E-2</v>
      </c>
      <c r="AK2538">
        <v>6.5080551841088352E-2</v>
      </c>
      <c r="AL2538">
        <v>634.0961380419792</v>
      </c>
      <c r="AM2538">
        <v>1057.8492745756589</v>
      </c>
      <c r="AN2538">
        <v>8759</v>
      </c>
      <c r="AO2538">
        <v>58.234372545394507</v>
      </c>
      <c r="AP2538">
        <v>477.12835154568739</v>
      </c>
      <c r="AQ2538">
        <v>1.359375</v>
      </c>
      <c r="AR2538">
        <v>4.125</v>
      </c>
      <c r="AS2538">
        <v>63</v>
      </c>
      <c r="AT2538">
        <v>4.8750000000000009</v>
      </c>
      <c r="AU2538">
        <v>8.9213709677419373E-2</v>
      </c>
      <c r="AV2538">
        <v>-0.22191304302505441</v>
      </c>
      <c r="AW2538">
        <v>0.28125</v>
      </c>
      <c r="AX2538">
        <v>89.968253968253961</v>
      </c>
      <c r="AY2538">
        <v>51</v>
      </c>
      <c r="AZ2538">
        <v>124.25</v>
      </c>
      <c r="BA2538">
        <v>0.51857782099613525</v>
      </c>
      <c r="BB2538">
        <v>0.5625</v>
      </c>
      <c r="BC2538">
        <v>4.0111066919991618</v>
      </c>
      <c r="BD2538" t="s">
        <v>9675</v>
      </c>
      <c r="BE2538" t="s">
        <v>62</v>
      </c>
    </row>
    <row r="2539" spans="1:57" x14ac:dyDescent="0.3">
      <c r="A2539" t="s">
        <v>9676</v>
      </c>
      <c r="B2539">
        <v>2646</v>
      </c>
      <c r="C2539" t="s">
        <v>9677</v>
      </c>
      <c r="D2539" t="s">
        <v>9678</v>
      </c>
      <c r="E2539" t="s">
        <v>10622</v>
      </c>
      <c r="F2539">
        <v>64</v>
      </c>
      <c r="G2539">
        <v>113.59375</v>
      </c>
      <c r="H2539">
        <v>114</v>
      </c>
      <c r="I2539">
        <v>6087.7724609375</v>
      </c>
      <c r="J2539">
        <v>78.024178694411773</v>
      </c>
      <c r="K2539">
        <v>0.20229228260652449</v>
      </c>
      <c r="L2539">
        <v>-1.1555903483399641</v>
      </c>
      <c r="M2539">
        <v>5.538909765557392</v>
      </c>
      <c r="N2539">
        <v>3</v>
      </c>
      <c r="O2539">
        <v>1</v>
      </c>
      <c r="P2539">
        <v>2</v>
      </c>
      <c r="Q2539">
        <v>0.53065996645686397</v>
      </c>
      <c r="R2539">
        <v>3.8392796873720538</v>
      </c>
      <c r="S2539">
        <v>1</v>
      </c>
      <c r="T2539">
        <v>1</v>
      </c>
      <c r="U2539">
        <v>0</v>
      </c>
      <c r="V2539">
        <v>0</v>
      </c>
      <c r="W2539">
        <v>4.1431347263915326</v>
      </c>
      <c r="X2539">
        <v>1</v>
      </c>
      <c r="Y2539">
        <v>1</v>
      </c>
      <c r="Z2539">
        <v>0</v>
      </c>
      <c r="AA2539">
        <v>0</v>
      </c>
      <c r="AB2539">
        <v>4.1271343850450908</v>
      </c>
      <c r="AC2539">
        <v>1</v>
      </c>
      <c r="AD2539">
        <v>1</v>
      </c>
      <c r="AE2539">
        <v>0</v>
      </c>
      <c r="AF2539">
        <v>0</v>
      </c>
      <c r="AG2539">
        <v>4.1108738641733096</v>
      </c>
      <c r="AH2539">
        <v>-7.7557030000903124E-2</v>
      </c>
      <c r="AI2539">
        <v>-6.8892543671444373E-2</v>
      </c>
      <c r="AJ2539">
        <v>-5.2506683639512409E-4</v>
      </c>
      <c r="AK2539">
        <v>-0.19080822811126111</v>
      </c>
      <c r="AL2539">
        <v>692.45717106102575</v>
      </c>
      <c r="AM2539">
        <v>857.8735724138852</v>
      </c>
      <c r="AN2539">
        <v>7270</v>
      </c>
      <c r="AO2539">
        <v>150</v>
      </c>
      <c r="AP2539">
        <v>613.69934502354488</v>
      </c>
      <c r="AQ2539">
        <v>1.359375</v>
      </c>
      <c r="AR2539">
        <v>3.625</v>
      </c>
      <c r="AS2539">
        <v>64</v>
      </c>
      <c r="AT2539">
        <v>11</v>
      </c>
      <c r="AU2539">
        <v>0.12921626984126991</v>
      </c>
      <c r="AV2539">
        <v>-7.7900242681959692E-2</v>
      </c>
      <c r="AW2539">
        <v>0.375</v>
      </c>
      <c r="AX2539">
        <v>102.4603174603175</v>
      </c>
      <c r="AY2539">
        <v>64.5</v>
      </c>
      <c r="AZ2539">
        <v>122</v>
      </c>
      <c r="BA2539">
        <v>0.68687034889165799</v>
      </c>
      <c r="BB2539">
        <v>0.515625</v>
      </c>
      <c r="BC2539">
        <v>3.9450926748029782</v>
      </c>
      <c r="BD2539" t="s">
        <v>9679</v>
      </c>
      <c r="BE2539" t="s">
        <v>62</v>
      </c>
    </row>
    <row r="2540" spans="1:57" x14ac:dyDescent="0.3">
      <c r="A2540" t="s">
        <v>9680</v>
      </c>
      <c r="B2540">
        <v>773</v>
      </c>
      <c r="C2540" t="s">
        <v>9681</v>
      </c>
      <c r="D2540" t="s">
        <v>9682</v>
      </c>
      <c r="E2540" t="s">
        <v>93</v>
      </c>
      <c r="F2540">
        <v>775</v>
      </c>
      <c r="G2540">
        <v>131.22193548387099</v>
      </c>
      <c r="H2540">
        <v>137</v>
      </c>
      <c r="I2540">
        <v>5461.8578414151934</v>
      </c>
      <c r="J2540">
        <v>73.904383100159848</v>
      </c>
      <c r="K2540">
        <v>-7.3557877022533788E-2</v>
      </c>
      <c r="L2540">
        <v>-1.141636720397335</v>
      </c>
      <c r="M2540">
        <v>7.7589348874051591</v>
      </c>
      <c r="N2540">
        <v>8</v>
      </c>
      <c r="O2540">
        <v>1</v>
      </c>
      <c r="P2540">
        <v>7</v>
      </c>
      <c r="Q2540">
        <v>1.584265826412407</v>
      </c>
      <c r="R2540">
        <v>5.3780838413530958</v>
      </c>
      <c r="S2540">
        <v>2</v>
      </c>
      <c r="T2540">
        <v>1</v>
      </c>
      <c r="U2540">
        <v>1</v>
      </c>
      <c r="V2540">
        <v>7.1887545470639219E-2</v>
      </c>
      <c r="W2540">
        <v>6.6444075616459566</v>
      </c>
      <c r="X2540">
        <v>1</v>
      </c>
      <c r="Y2540">
        <v>1</v>
      </c>
      <c r="Z2540">
        <v>0</v>
      </c>
      <c r="AA2540">
        <v>0</v>
      </c>
      <c r="AB2540">
        <v>6.6502790485874206</v>
      </c>
      <c r="AC2540">
        <v>1</v>
      </c>
      <c r="AD2540">
        <v>1</v>
      </c>
      <c r="AE2540">
        <v>0</v>
      </c>
      <c r="AF2540">
        <v>0</v>
      </c>
      <c r="AG2540">
        <v>6.6489845500247782</v>
      </c>
      <c r="AH2540">
        <v>-6.8594657648786569E-2</v>
      </c>
      <c r="AI2540">
        <v>-1.276513682737184E-3</v>
      </c>
      <c r="AJ2540">
        <v>-2.083839773282305E-2</v>
      </c>
      <c r="AK2540">
        <v>-1.4700439486775119E-2</v>
      </c>
      <c r="AL2540">
        <v>1948.666080678752</v>
      </c>
      <c r="AM2540">
        <v>3712.2119424962939</v>
      </c>
      <c r="AN2540">
        <v>101697</v>
      </c>
      <c r="AO2540">
        <v>76.476656874095525</v>
      </c>
      <c r="AP2540">
        <v>1716.6547925835059</v>
      </c>
      <c r="AQ2540">
        <v>1.029677419354839</v>
      </c>
      <c r="AR2540">
        <v>4.0219354838709673</v>
      </c>
      <c r="AS2540">
        <v>775</v>
      </c>
      <c r="AT2540">
        <v>195.98580645161289</v>
      </c>
      <c r="AU2540">
        <v>4.7539531941808988E-2</v>
      </c>
      <c r="AV2540">
        <v>-6.8737847967153001E-2</v>
      </c>
      <c r="AW2540">
        <v>0.3470967741935484</v>
      </c>
      <c r="AX2540">
        <v>88.594315245478043</v>
      </c>
      <c r="AY2540">
        <v>64</v>
      </c>
      <c r="AZ2540">
        <v>125.5</v>
      </c>
      <c r="BA2540">
        <v>0.56320144057960297</v>
      </c>
      <c r="BB2540">
        <v>0.52</v>
      </c>
      <c r="BC2540">
        <v>5.218164622940221</v>
      </c>
      <c r="BD2540" t="s">
        <v>9683</v>
      </c>
      <c r="BE2540" t="s">
        <v>68</v>
      </c>
    </row>
    <row r="2541" spans="1:57" x14ac:dyDescent="0.3">
      <c r="A2541" t="s">
        <v>9684</v>
      </c>
      <c r="B2541">
        <v>3918</v>
      </c>
      <c r="C2541" t="s">
        <v>9685</v>
      </c>
      <c r="D2541" t="s">
        <v>9686</v>
      </c>
      <c r="E2541" t="s">
        <v>85</v>
      </c>
      <c r="F2541">
        <v>8</v>
      </c>
      <c r="G2541">
        <v>122.125</v>
      </c>
      <c r="H2541">
        <v>98.5</v>
      </c>
      <c r="I2541">
        <v>5697.859375</v>
      </c>
      <c r="J2541">
        <v>75.484166386070669</v>
      </c>
      <c r="K2541">
        <v>0.59072252893262756</v>
      </c>
      <c r="L2541">
        <v>-0.70833853300210148</v>
      </c>
      <c r="M2541">
        <v>3</v>
      </c>
      <c r="N2541">
        <v>1</v>
      </c>
      <c r="O2541">
        <v>1</v>
      </c>
      <c r="P2541">
        <v>0</v>
      </c>
      <c r="Q2541">
        <v>0</v>
      </c>
      <c r="R2541">
        <v>2.0794415416798362</v>
      </c>
      <c r="S2541">
        <v>1</v>
      </c>
      <c r="T2541">
        <v>1</v>
      </c>
      <c r="U2541">
        <v>0</v>
      </c>
      <c r="V2541">
        <v>0</v>
      </c>
      <c r="W2541">
        <v>1.945910149055313</v>
      </c>
      <c r="X2541">
        <v>1</v>
      </c>
      <c r="Y2541">
        <v>1</v>
      </c>
      <c r="Z2541">
        <v>0</v>
      </c>
      <c r="AA2541">
        <v>0</v>
      </c>
      <c r="AB2541">
        <v>1.791759469228055</v>
      </c>
      <c r="AC2541">
        <v>1</v>
      </c>
      <c r="AD2541">
        <v>1</v>
      </c>
      <c r="AE2541">
        <v>0</v>
      </c>
      <c r="AF2541">
        <v>0</v>
      </c>
      <c r="AG2541">
        <v>1.6094379124341009</v>
      </c>
      <c r="AH2541">
        <v>-0.51686111560536718</v>
      </c>
      <c r="AI2541">
        <v>0.39733603354329888</v>
      </c>
      <c r="AJ2541">
        <v>3.692107507479509E-3</v>
      </c>
      <c r="AK2541">
        <v>0</v>
      </c>
      <c r="AL2541">
        <v>300.62999004998647</v>
      </c>
      <c r="AM2541">
        <v>272.98463158673428</v>
      </c>
      <c r="AN2541">
        <v>977</v>
      </c>
      <c r="AO2541">
        <v>80.08120878208571</v>
      </c>
      <c r="AP2541">
        <v>215.2193757089301</v>
      </c>
      <c r="AQ2541">
        <v>3.5</v>
      </c>
      <c r="AR2541">
        <v>4.125</v>
      </c>
      <c r="AS2541">
        <v>8</v>
      </c>
      <c r="AT2541">
        <v>0</v>
      </c>
      <c r="AU2541">
        <v>0.35642570281124503</v>
      </c>
      <c r="AV2541">
        <v>-0.52597327465607491</v>
      </c>
      <c r="AW2541">
        <v>0.625</v>
      </c>
      <c r="AX2541">
        <v>116.4285714285714</v>
      </c>
      <c r="AY2541">
        <v>13</v>
      </c>
      <c r="AZ2541">
        <v>49.25</v>
      </c>
      <c r="BA2541">
        <v>0.6180893869893197</v>
      </c>
      <c r="BB2541">
        <v>0.25</v>
      </c>
      <c r="BC2541">
        <v>1.7478680974667571</v>
      </c>
      <c r="BD2541" t="s">
        <v>9685</v>
      </c>
      <c r="BE2541" t="s">
        <v>68</v>
      </c>
    </row>
    <row r="2542" spans="1:57" x14ac:dyDescent="0.3">
      <c r="A2542" t="s">
        <v>9687</v>
      </c>
      <c r="B2542">
        <v>2003</v>
      </c>
      <c r="C2542" t="s">
        <v>9688</v>
      </c>
      <c r="D2542" t="s">
        <v>9689</v>
      </c>
      <c r="E2542" t="s">
        <v>85</v>
      </c>
      <c r="F2542">
        <v>8</v>
      </c>
      <c r="G2542">
        <v>104.75</v>
      </c>
      <c r="H2542">
        <v>96</v>
      </c>
      <c r="I2542">
        <v>2815.4375</v>
      </c>
      <c r="J2542">
        <v>53.060696376885218</v>
      </c>
      <c r="K2542">
        <v>8.8415727903632724E-2</v>
      </c>
      <c r="L2542">
        <v>-1.3325852457923411</v>
      </c>
      <c r="M2542">
        <v>3</v>
      </c>
      <c r="N2542">
        <v>1</v>
      </c>
      <c r="O2542">
        <v>1</v>
      </c>
      <c r="P2542">
        <v>0</v>
      </c>
      <c r="Q2542">
        <v>0</v>
      </c>
      <c r="R2542">
        <v>2.0794415416798362</v>
      </c>
      <c r="S2542">
        <v>1</v>
      </c>
      <c r="T2542">
        <v>1</v>
      </c>
      <c r="U2542">
        <v>0</v>
      </c>
      <c r="V2542">
        <v>0</v>
      </c>
      <c r="W2542">
        <v>1.945910149055313</v>
      </c>
      <c r="X2542">
        <v>1</v>
      </c>
      <c r="Y2542">
        <v>1</v>
      </c>
      <c r="Z2542">
        <v>0</v>
      </c>
      <c r="AA2542">
        <v>0</v>
      </c>
      <c r="AB2542">
        <v>1.791759469228055</v>
      </c>
      <c r="AC2542">
        <v>1</v>
      </c>
      <c r="AD2542">
        <v>1</v>
      </c>
      <c r="AE2542">
        <v>0</v>
      </c>
      <c r="AF2542">
        <v>0</v>
      </c>
      <c r="AG2542">
        <v>1.6094379124341009</v>
      </c>
      <c r="AH2542">
        <v>0.1819738273358936</v>
      </c>
      <c r="AI2542">
        <v>-0.27307589850600478</v>
      </c>
      <c r="AJ2542">
        <v>-0.2197954358780829</v>
      </c>
      <c r="AK2542">
        <v>0</v>
      </c>
      <c r="AL2542">
        <v>229.6267999640248</v>
      </c>
      <c r="AM2542">
        <v>239.94902112382491</v>
      </c>
      <c r="AN2542">
        <v>838</v>
      </c>
      <c r="AO2542">
        <v>44</v>
      </c>
      <c r="AP2542">
        <v>168.67127793432999</v>
      </c>
      <c r="AQ2542">
        <v>3.5</v>
      </c>
      <c r="AR2542">
        <v>4</v>
      </c>
      <c r="AS2542">
        <v>8</v>
      </c>
      <c r="AT2542">
        <v>0</v>
      </c>
      <c r="AU2542">
        <v>0.20652173913043481</v>
      </c>
      <c r="AV2542">
        <v>0.20323539882725661</v>
      </c>
      <c r="AW2542">
        <v>0.5</v>
      </c>
      <c r="AX2542">
        <v>54.142857142857153</v>
      </c>
      <c r="AY2542">
        <v>47.5</v>
      </c>
      <c r="AZ2542">
        <v>95</v>
      </c>
      <c r="BA2542">
        <v>0.506546027464298</v>
      </c>
      <c r="BB2542">
        <v>0.375</v>
      </c>
      <c r="BC2542">
        <v>1.945910149055313</v>
      </c>
      <c r="BD2542" t="s">
        <v>9688</v>
      </c>
      <c r="BE2542" t="s">
        <v>68</v>
      </c>
    </row>
    <row r="2543" spans="1:57" x14ac:dyDescent="0.3">
      <c r="A2543" t="s">
        <v>9690</v>
      </c>
      <c r="B2543">
        <v>2660</v>
      </c>
      <c r="C2543" t="s">
        <v>9691</v>
      </c>
      <c r="D2543" t="s">
        <v>9692</v>
      </c>
      <c r="E2543" t="s">
        <v>106</v>
      </c>
      <c r="F2543">
        <v>2702</v>
      </c>
      <c r="G2543">
        <v>128.53849000740189</v>
      </c>
      <c r="H2543">
        <v>130</v>
      </c>
      <c r="I2543">
        <v>5561.9983334712178</v>
      </c>
      <c r="J2543">
        <v>74.578806194998975</v>
      </c>
      <c r="K2543">
        <v>-2.842935095326676E-2</v>
      </c>
      <c r="L2543">
        <v>-1.1997124064024669</v>
      </c>
      <c r="M2543">
        <v>7.9215594918495302</v>
      </c>
      <c r="N2543">
        <v>25</v>
      </c>
      <c r="O2543">
        <v>2</v>
      </c>
      <c r="P2543">
        <v>23</v>
      </c>
      <c r="Q2543">
        <v>3.4342225142444911</v>
      </c>
      <c r="R2543">
        <v>5.4908066274133711</v>
      </c>
      <c r="S2543">
        <v>3</v>
      </c>
      <c r="T2543">
        <v>1</v>
      </c>
      <c r="U2543">
        <v>2</v>
      </c>
      <c r="V2543">
        <v>0.1609927286890098</v>
      </c>
      <c r="W2543">
        <v>7.8662824760806904</v>
      </c>
      <c r="X2543">
        <v>1</v>
      </c>
      <c r="Y2543">
        <v>1</v>
      </c>
      <c r="Z2543">
        <v>0</v>
      </c>
      <c r="AA2543">
        <v>0</v>
      </c>
      <c r="AB2543">
        <v>7.9010070519924209</v>
      </c>
      <c r="AC2543">
        <v>1</v>
      </c>
      <c r="AD2543">
        <v>1</v>
      </c>
      <c r="AE2543">
        <v>0</v>
      </c>
      <c r="AF2543">
        <v>0</v>
      </c>
      <c r="AG2543">
        <v>7.9006366130180048</v>
      </c>
      <c r="AH2543">
        <v>1.5457808357169421E-2</v>
      </c>
      <c r="AI2543">
        <v>-3.099031476033556E-2</v>
      </c>
      <c r="AJ2543">
        <v>-2.4336403036272911E-2</v>
      </c>
      <c r="AK2543">
        <v>-1.6057532166868539E-2</v>
      </c>
      <c r="AL2543">
        <v>3563.3548310491651</v>
      </c>
      <c r="AM2543">
        <v>6853.7473945308611</v>
      </c>
      <c r="AN2543">
        <v>347311</v>
      </c>
      <c r="AO2543">
        <v>95.126189328972359</v>
      </c>
      <c r="AP2543">
        <v>3282.4627756724708</v>
      </c>
      <c r="AQ2543">
        <v>1.0085122131754261</v>
      </c>
      <c r="AR2543">
        <v>3.9896373056994818</v>
      </c>
      <c r="AS2543">
        <v>2696</v>
      </c>
      <c r="AT2543">
        <v>286.05625462620287</v>
      </c>
      <c r="AU2543">
        <v>2.2188357208168249E-2</v>
      </c>
      <c r="AV2543">
        <v>1.5459968947562479E-2</v>
      </c>
      <c r="AW2543">
        <v>0.3527017024426351</v>
      </c>
      <c r="AX2543">
        <v>85.46649389115143</v>
      </c>
      <c r="AY2543">
        <v>64</v>
      </c>
      <c r="AZ2543">
        <v>128</v>
      </c>
      <c r="BA2543">
        <v>0.580206023819825</v>
      </c>
      <c r="BB2543">
        <v>0.50592153960029607</v>
      </c>
      <c r="BC2543">
        <v>5.3123608200233221</v>
      </c>
      <c r="BD2543" t="s">
        <v>9693</v>
      </c>
      <c r="BE2543" t="s">
        <v>68</v>
      </c>
    </row>
    <row r="2544" spans="1:57" x14ac:dyDescent="0.3">
      <c r="A2544" t="s">
        <v>9694</v>
      </c>
      <c r="B2544">
        <v>3375</v>
      </c>
      <c r="C2544" t="s">
        <v>9695</v>
      </c>
      <c r="D2544" t="s">
        <v>9696</v>
      </c>
      <c r="E2544" t="s">
        <v>98</v>
      </c>
      <c r="F2544">
        <v>16</v>
      </c>
      <c r="G2544">
        <v>112.625</v>
      </c>
      <c r="H2544">
        <v>101.5</v>
      </c>
      <c r="I2544">
        <v>4648.609375</v>
      </c>
      <c r="J2544">
        <v>68.180711165255531</v>
      </c>
      <c r="K2544">
        <v>0.57936574984986222</v>
      </c>
      <c r="L2544">
        <v>-0.64385639875108858</v>
      </c>
      <c r="M2544">
        <v>4</v>
      </c>
      <c r="N2544">
        <v>1</v>
      </c>
      <c r="O2544">
        <v>1</v>
      </c>
      <c r="P2544">
        <v>0</v>
      </c>
      <c r="Q2544">
        <v>0</v>
      </c>
      <c r="R2544">
        <v>2.7725887222397811</v>
      </c>
      <c r="S2544">
        <v>1</v>
      </c>
      <c r="T2544">
        <v>1</v>
      </c>
      <c r="U2544">
        <v>0</v>
      </c>
      <c r="V2544">
        <v>0</v>
      </c>
      <c r="W2544">
        <v>2.7080502011022101</v>
      </c>
      <c r="X2544">
        <v>1</v>
      </c>
      <c r="Y2544">
        <v>1</v>
      </c>
      <c r="Z2544">
        <v>0</v>
      </c>
      <c r="AA2544">
        <v>0</v>
      </c>
      <c r="AB2544">
        <v>2.639057329615258</v>
      </c>
      <c r="AC2544">
        <v>1</v>
      </c>
      <c r="AD2544">
        <v>1</v>
      </c>
      <c r="AE2544">
        <v>0</v>
      </c>
      <c r="AF2544">
        <v>0</v>
      </c>
      <c r="AG2544">
        <v>2.5649493574615372</v>
      </c>
      <c r="AH2544">
        <v>-0.2083605732225027</v>
      </c>
      <c r="AI2544">
        <v>-0.33086213618992238</v>
      </c>
      <c r="AJ2544">
        <v>-0.25999984034203782</v>
      </c>
      <c r="AK2544">
        <v>1.7185499023565511E-2</v>
      </c>
      <c r="AL2544">
        <v>344.77066166543892</v>
      </c>
      <c r="AM2544">
        <v>398.07184132361772</v>
      </c>
      <c r="AN2544">
        <v>1802</v>
      </c>
      <c r="AO2544">
        <v>124</v>
      </c>
      <c r="AP2544">
        <v>205.56138599130989</v>
      </c>
      <c r="AQ2544">
        <v>2.25</v>
      </c>
      <c r="AR2544">
        <v>4</v>
      </c>
      <c r="AS2544">
        <v>16</v>
      </c>
      <c r="AT2544">
        <v>0</v>
      </c>
      <c r="AU2544">
        <v>0.25648340248962648</v>
      </c>
      <c r="AV2544">
        <v>-0.21200607750637321</v>
      </c>
      <c r="AW2544">
        <v>0.5625</v>
      </c>
      <c r="AX2544">
        <v>87.86666666666666</v>
      </c>
      <c r="AY2544">
        <v>39</v>
      </c>
      <c r="AZ2544">
        <v>79.5</v>
      </c>
      <c r="BA2544">
        <v>0.60537812355387821</v>
      </c>
      <c r="BB2544">
        <v>0.4375</v>
      </c>
      <c r="BC2544">
        <v>2.7080502011022101</v>
      </c>
      <c r="BD2544" t="s">
        <v>9695</v>
      </c>
      <c r="BE2544" t="s">
        <v>62</v>
      </c>
    </row>
    <row r="2545" spans="1:57" x14ac:dyDescent="0.3">
      <c r="A2545" t="s">
        <v>9697</v>
      </c>
      <c r="B2545">
        <v>864</v>
      </c>
      <c r="C2545" t="s">
        <v>9698</v>
      </c>
      <c r="D2545" t="s">
        <v>9699</v>
      </c>
      <c r="E2545" t="s">
        <v>66</v>
      </c>
      <c r="F2545">
        <v>71</v>
      </c>
      <c r="G2545">
        <v>106.9577464788732</v>
      </c>
      <c r="H2545">
        <v>85</v>
      </c>
      <c r="I2545">
        <v>6119.0827216822054</v>
      </c>
      <c r="J2545">
        <v>78.224565973114906</v>
      </c>
      <c r="K2545">
        <v>0.37443131718524902</v>
      </c>
      <c r="L2545">
        <v>-1.3008587193887999</v>
      </c>
      <c r="M2545">
        <v>5.8467925419789468</v>
      </c>
      <c r="N2545">
        <v>3</v>
      </c>
      <c r="O2545">
        <v>1</v>
      </c>
      <c r="P2545">
        <v>2</v>
      </c>
      <c r="Q2545">
        <v>0.45014853172937652</v>
      </c>
      <c r="R2545">
        <v>4.0526877657916263</v>
      </c>
      <c r="S2545">
        <v>1</v>
      </c>
      <c r="T2545">
        <v>1</v>
      </c>
      <c r="U2545">
        <v>0</v>
      </c>
      <c r="V2545">
        <v>0</v>
      </c>
      <c r="W2545">
        <v>4.2484952420493576</v>
      </c>
      <c r="X2545">
        <v>1</v>
      </c>
      <c r="Y2545">
        <v>1</v>
      </c>
      <c r="Z2545">
        <v>0</v>
      </c>
      <c r="AA2545">
        <v>0</v>
      </c>
      <c r="AB2545">
        <v>4.2341065045972579</v>
      </c>
      <c r="AC2545">
        <v>1</v>
      </c>
      <c r="AD2545">
        <v>1</v>
      </c>
      <c r="AE2545">
        <v>0</v>
      </c>
      <c r="AF2545">
        <v>0</v>
      </c>
      <c r="AG2545">
        <v>4.2195077051761087</v>
      </c>
      <c r="AH2545">
        <v>9.1475419714556208E-2</v>
      </c>
      <c r="AI2545">
        <v>9.4744592559147911E-2</v>
      </c>
      <c r="AJ2545">
        <v>-0.15538305259739499</v>
      </c>
      <c r="AK2545">
        <v>-2.8144794955489482E-3</v>
      </c>
      <c r="AL2545">
        <v>694.27775926244919</v>
      </c>
      <c r="AM2545">
        <v>874.45434014219018</v>
      </c>
      <c r="AN2545">
        <v>7594</v>
      </c>
      <c r="AO2545">
        <v>77.926355317920653</v>
      </c>
      <c r="AP2545">
        <v>564.51550189263992</v>
      </c>
      <c r="AQ2545">
        <v>1.323943661971831</v>
      </c>
      <c r="AR2545">
        <v>3.732394366197183</v>
      </c>
      <c r="AS2545">
        <v>71</v>
      </c>
      <c r="AT2545">
        <v>10.619718309859159</v>
      </c>
      <c r="AU2545">
        <v>0.1926915825662637</v>
      </c>
      <c r="AV2545">
        <v>9.2130696427232261E-2</v>
      </c>
      <c r="AW2545">
        <v>0.43661971830985907</v>
      </c>
      <c r="AX2545">
        <v>82.8</v>
      </c>
      <c r="AY2545">
        <v>59</v>
      </c>
      <c r="AZ2545">
        <v>142</v>
      </c>
      <c r="BA2545">
        <v>0.73135951857929404</v>
      </c>
      <c r="BB2545">
        <v>0.42253521126760563</v>
      </c>
      <c r="BC2545">
        <v>3.947822571249159</v>
      </c>
      <c r="BD2545" t="s">
        <v>9700</v>
      </c>
      <c r="BE2545" t="s">
        <v>68</v>
      </c>
    </row>
    <row r="2546" spans="1:57" x14ac:dyDescent="0.3">
      <c r="A2546" t="s">
        <v>9701</v>
      </c>
      <c r="B2546">
        <v>2908</v>
      </c>
      <c r="C2546" t="s">
        <v>9702</v>
      </c>
      <c r="D2546" t="s">
        <v>9703</v>
      </c>
      <c r="E2546" t="s">
        <v>93</v>
      </c>
      <c r="F2546">
        <v>2910</v>
      </c>
      <c r="G2546">
        <v>126.5845360824742</v>
      </c>
      <c r="H2546">
        <v>124</v>
      </c>
      <c r="I2546">
        <v>5490.0552247847809</v>
      </c>
      <c r="J2546">
        <v>74.094906874796607</v>
      </c>
      <c r="K2546">
        <v>3.0830733230027479E-2</v>
      </c>
      <c r="L2546">
        <v>-1.212457883565442</v>
      </c>
      <c r="M2546">
        <v>7.9338293135263402</v>
      </c>
      <c r="N2546">
        <v>22</v>
      </c>
      <c r="O2546">
        <v>2</v>
      </c>
      <c r="P2546">
        <v>20</v>
      </c>
      <c r="Q2546">
        <v>3.3885632412342179</v>
      </c>
      <c r="R2546">
        <v>5.4993114197146236</v>
      </c>
      <c r="S2546">
        <v>3</v>
      </c>
      <c r="T2546">
        <v>1</v>
      </c>
      <c r="U2546">
        <v>2</v>
      </c>
      <c r="V2546">
        <v>0.14000210741794289</v>
      </c>
      <c r="W2546">
        <v>7.94917433948339</v>
      </c>
      <c r="X2546">
        <v>1</v>
      </c>
      <c r="Y2546">
        <v>1</v>
      </c>
      <c r="Z2546">
        <v>0</v>
      </c>
      <c r="AA2546">
        <v>0</v>
      </c>
      <c r="AB2546">
        <v>7.9752208386534091</v>
      </c>
      <c r="AC2546">
        <v>1</v>
      </c>
      <c r="AD2546">
        <v>1</v>
      </c>
      <c r="AE2546">
        <v>0</v>
      </c>
      <c r="AF2546">
        <v>0</v>
      </c>
      <c r="AG2546">
        <v>7.9748769005588729</v>
      </c>
      <c r="AH2546">
        <v>-4.5046646763823956E-3</v>
      </c>
      <c r="AI2546">
        <v>5.5490598907890626E-3</v>
      </c>
      <c r="AJ2546">
        <v>6.8470552907356841E-3</v>
      </c>
      <c r="AK2546">
        <v>2.6476470612258159E-2</v>
      </c>
      <c r="AL2546">
        <v>3682.6508641391638</v>
      </c>
      <c r="AM2546">
        <v>7003.0671575285542</v>
      </c>
      <c r="AN2546">
        <v>368361</v>
      </c>
      <c r="AO2546">
        <v>46.729071482835842</v>
      </c>
      <c r="AP2546">
        <v>3372.072470190813</v>
      </c>
      <c r="AQ2546">
        <v>1.0079037800687281</v>
      </c>
      <c r="AR2546">
        <v>3.9903780068728518</v>
      </c>
      <c r="AS2546">
        <v>2902</v>
      </c>
      <c r="AT2546">
        <v>258.59381443298969</v>
      </c>
      <c r="AU2546">
        <v>2.0840913685061632E-2</v>
      </c>
      <c r="AV2546">
        <v>-4.5062154830393143E-3</v>
      </c>
      <c r="AW2546">
        <v>0.38247422680412368</v>
      </c>
      <c r="AX2546">
        <v>85.968374011687871</v>
      </c>
      <c r="AY2546">
        <v>64</v>
      </c>
      <c r="AZ2546">
        <v>129</v>
      </c>
      <c r="BA2546">
        <v>0.58533932475386408</v>
      </c>
      <c r="BB2546">
        <v>0.49037800687285221</v>
      </c>
      <c r="BC2546">
        <v>5.3078461124914034</v>
      </c>
      <c r="BD2546" t="s">
        <v>9704</v>
      </c>
      <c r="BE2546" t="s">
        <v>68</v>
      </c>
    </row>
    <row r="2547" spans="1:57" x14ac:dyDescent="0.3">
      <c r="A2547" t="s">
        <v>9705</v>
      </c>
      <c r="B2547">
        <v>3266</v>
      </c>
      <c r="C2547" t="s">
        <v>9706</v>
      </c>
      <c r="D2547" t="s">
        <v>9707</v>
      </c>
      <c r="E2547" t="s">
        <v>85</v>
      </c>
      <c r="F2547">
        <v>8</v>
      </c>
      <c r="G2547">
        <v>96.25</v>
      </c>
      <c r="H2547">
        <v>98.5</v>
      </c>
      <c r="I2547">
        <v>3107.4375</v>
      </c>
      <c r="J2547">
        <v>55.744394337009354</v>
      </c>
      <c r="K2547">
        <v>0.37021899234395239</v>
      </c>
      <c r="L2547">
        <v>-0.87074857834924746</v>
      </c>
      <c r="M2547">
        <v>2.75</v>
      </c>
      <c r="N2547">
        <v>2</v>
      </c>
      <c r="O2547">
        <v>1</v>
      </c>
      <c r="P2547">
        <v>1</v>
      </c>
      <c r="Q2547">
        <v>0.34992710611188271</v>
      </c>
      <c r="R2547">
        <v>1.9061547465398501</v>
      </c>
      <c r="S2547">
        <v>1</v>
      </c>
      <c r="T2547">
        <v>1</v>
      </c>
      <c r="U2547">
        <v>0</v>
      </c>
      <c r="V2547">
        <v>0</v>
      </c>
      <c r="W2547">
        <v>1.945910149055313</v>
      </c>
      <c r="X2547">
        <v>1</v>
      </c>
      <c r="Y2547">
        <v>1</v>
      </c>
      <c r="Z2547">
        <v>0</v>
      </c>
      <c r="AA2547">
        <v>0</v>
      </c>
      <c r="AB2547">
        <v>1.791759469228055</v>
      </c>
      <c r="AC2547">
        <v>1</v>
      </c>
      <c r="AD2547">
        <v>1</v>
      </c>
      <c r="AE2547">
        <v>0</v>
      </c>
      <c r="AF2547">
        <v>0</v>
      </c>
      <c r="AG2547">
        <v>1.6094379124341009</v>
      </c>
      <c r="AH2547">
        <v>2.9332347794605688E-2</v>
      </c>
      <c r="AI2547">
        <v>0.17853838572779021</v>
      </c>
      <c r="AJ2547">
        <v>-0.2012736579577224</v>
      </c>
      <c r="AK2547">
        <v>0</v>
      </c>
      <c r="AL2547">
        <v>217.0129819445543</v>
      </c>
      <c r="AM2547">
        <v>227.76603273432261</v>
      </c>
      <c r="AN2547">
        <v>770</v>
      </c>
      <c r="AO2547">
        <v>34</v>
      </c>
      <c r="AP2547">
        <v>151.90401537709701</v>
      </c>
      <c r="AQ2547">
        <v>3.5</v>
      </c>
      <c r="AR2547">
        <v>3.375</v>
      </c>
      <c r="AS2547">
        <v>8</v>
      </c>
      <c r="AT2547">
        <v>0.74999999999999978</v>
      </c>
      <c r="AU2547">
        <v>0.33</v>
      </c>
      <c r="AV2547">
        <v>1.2471093417603239E-2</v>
      </c>
      <c r="AW2547">
        <v>0.5</v>
      </c>
      <c r="AX2547">
        <v>58.428571428571431</v>
      </c>
      <c r="AY2547">
        <v>41</v>
      </c>
      <c r="AZ2547">
        <v>84.25</v>
      </c>
      <c r="BA2547">
        <v>0.57916253856633082</v>
      </c>
      <c r="BB2547">
        <v>0.5</v>
      </c>
      <c r="BC2547">
        <v>1.945910149055313</v>
      </c>
      <c r="BD2547" t="s">
        <v>9706</v>
      </c>
      <c r="BE2547" t="s">
        <v>68</v>
      </c>
    </row>
    <row r="2548" spans="1:57" x14ac:dyDescent="0.3">
      <c r="A2548" t="s">
        <v>9708</v>
      </c>
      <c r="B2548">
        <v>1972</v>
      </c>
      <c r="C2548" t="s">
        <v>9709</v>
      </c>
      <c r="D2548" t="s">
        <v>9710</v>
      </c>
      <c r="E2548" t="s">
        <v>128</v>
      </c>
      <c r="F2548">
        <v>32</v>
      </c>
      <c r="G2548">
        <v>111.78125</v>
      </c>
      <c r="H2548">
        <v>106.5</v>
      </c>
      <c r="I2548">
        <v>4016.1708984375</v>
      </c>
      <c r="J2548">
        <v>63.373266433390498</v>
      </c>
      <c r="K2548">
        <v>1.3654852178477081E-2</v>
      </c>
      <c r="L2548">
        <v>-1.006112199375788</v>
      </c>
      <c r="M2548">
        <v>5</v>
      </c>
      <c r="N2548">
        <v>1</v>
      </c>
      <c r="O2548">
        <v>1</v>
      </c>
      <c r="P2548">
        <v>0</v>
      </c>
      <c r="Q2548">
        <v>0</v>
      </c>
      <c r="R2548">
        <v>3.465735902799727</v>
      </c>
      <c r="S2548">
        <v>1</v>
      </c>
      <c r="T2548">
        <v>1</v>
      </c>
      <c r="U2548">
        <v>0</v>
      </c>
      <c r="V2548">
        <v>0</v>
      </c>
      <c r="W2548">
        <v>3.4339872044851458</v>
      </c>
      <c r="X2548">
        <v>1</v>
      </c>
      <c r="Y2548">
        <v>1</v>
      </c>
      <c r="Z2548">
        <v>0</v>
      </c>
      <c r="AA2548">
        <v>0</v>
      </c>
      <c r="AB2548">
        <v>3.401197381662155</v>
      </c>
      <c r="AC2548">
        <v>1</v>
      </c>
      <c r="AD2548">
        <v>1</v>
      </c>
      <c r="AE2548">
        <v>0</v>
      </c>
      <c r="AF2548">
        <v>0</v>
      </c>
      <c r="AG2548">
        <v>3.3672958299864728</v>
      </c>
      <c r="AH2548">
        <v>1.7656813555744729E-3</v>
      </c>
      <c r="AI2548">
        <v>9.6168681105851615E-3</v>
      </c>
      <c r="AJ2548">
        <v>-0.1978504518111473</v>
      </c>
      <c r="AK2548">
        <v>1.236205669025052E-2</v>
      </c>
      <c r="AL2548">
        <v>415.29497935896421</v>
      </c>
      <c r="AM2548">
        <v>596.56439729440558</v>
      </c>
      <c r="AN2548">
        <v>3577</v>
      </c>
      <c r="AO2548">
        <v>42.081728971422542</v>
      </c>
      <c r="AP2548">
        <v>313.77025282221479</v>
      </c>
      <c r="AQ2548">
        <v>1.65625</v>
      </c>
      <c r="AR2548">
        <v>3.5625</v>
      </c>
      <c r="AS2548">
        <v>32</v>
      </c>
      <c r="AT2548">
        <v>0</v>
      </c>
      <c r="AU2548">
        <v>0.12242965367965369</v>
      </c>
      <c r="AV2548">
        <v>2.272906558875337E-3</v>
      </c>
      <c r="AW2548">
        <v>0.40625</v>
      </c>
      <c r="AX2548">
        <v>72.645161290322577</v>
      </c>
      <c r="AY2548">
        <v>45</v>
      </c>
      <c r="AZ2548">
        <v>92</v>
      </c>
      <c r="BA2548">
        <v>0.56694004077956284</v>
      </c>
      <c r="BB2548">
        <v>0.46875</v>
      </c>
      <c r="BC2548">
        <v>3.2998296856670919</v>
      </c>
      <c r="BD2548" t="s">
        <v>9711</v>
      </c>
      <c r="BE2548" t="s">
        <v>62</v>
      </c>
    </row>
    <row r="2549" spans="1:57" x14ac:dyDescent="0.3">
      <c r="A2549" t="s">
        <v>9712</v>
      </c>
      <c r="B2549">
        <v>2530</v>
      </c>
      <c r="C2549" t="s">
        <v>9713</v>
      </c>
      <c r="D2549" t="s">
        <v>9714</v>
      </c>
      <c r="E2549" t="s">
        <v>106</v>
      </c>
      <c r="F2549">
        <v>2554</v>
      </c>
      <c r="G2549">
        <v>127.18402505873139</v>
      </c>
      <c r="H2549">
        <v>127</v>
      </c>
      <c r="I2549">
        <v>5393.6544668059496</v>
      </c>
      <c r="J2549">
        <v>73.441503707412949</v>
      </c>
      <c r="K2549">
        <v>1.7116646768222339E-2</v>
      </c>
      <c r="L2549">
        <v>-1.186017451868502</v>
      </c>
      <c r="M2549">
        <v>7.9265153442653018</v>
      </c>
      <c r="N2549">
        <v>20</v>
      </c>
      <c r="O2549">
        <v>2</v>
      </c>
      <c r="P2549">
        <v>18</v>
      </c>
      <c r="Q2549">
        <v>3.1535318586616099</v>
      </c>
      <c r="R2549">
        <v>5.4942417625426501</v>
      </c>
      <c r="S2549">
        <v>2</v>
      </c>
      <c r="T2549">
        <v>1</v>
      </c>
      <c r="U2549">
        <v>1</v>
      </c>
      <c r="V2549">
        <v>0.12198791604988519</v>
      </c>
      <c r="W2549">
        <v>7.8243901885996667</v>
      </c>
      <c r="X2549">
        <v>1</v>
      </c>
      <c r="Y2549">
        <v>1</v>
      </c>
      <c r="Z2549">
        <v>0</v>
      </c>
      <c r="AA2549">
        <v>0</v>
      </c>
      <c r="AB2549">
        <v>7.8446326444646788</v>
      </c>
      <c r="AC2549">
        <v>1</v>
      </c>
      <c r="AD2549">
        <v>1</v>
      </c>
      <c r="AE2549">
        <v>0</v>
      </c>
      <c r="AF2549">
        <v>0</v>
      </c>
      <c r="AG2549">
        <v>7.844240718141811</v>
      </c>
      <c r="AH2549">
        <v>4.0385087759887634E-3</v>
      </c>
      <c r="AI2549">
        <v>3.999715994612929E-2</v>
      </c>
      <c r="AJ2549">
        <v>1.1656724267263449E-2</v>
      </c>
      <c r="AK2549">
        <v>4.2534022806931544E-3</v>
      </c>
      <c r="AL2549">
        <v>3406.459477297698</v>
      </c>
      <c r="AM2549">
        <v>6594.2671942778215</v>
      </c>
      <c r="AN2549">
        <v>324828</v>
      </c>
      <c r="AO2549">
        <v>52.000000000000448</v>
      </c>
      <c r="AP2549">
        <v>3140.4281780780489</v>
      </c>
      <c r="AQ2549">
        <v>1.009005481597494</v>
      </c>
      <c r="AR2549">
        <v>4.0426781519185591</v>
      </c>
      <c r="AS2549">
        <v>2541</v>
      </c>
      <c r="AT2549">
        <v>255.18402505873141</v>
      </c>
      <c r="AU2549">
        <v>1.0867996376310861E-2</v>
      </c>
      <c r="AV2549">
        <v>4.039629723956246E-3</v>
      </c>
      <c r="AW2549">
        <v>0.3778386844166014</v>
      </c>
      <c r="AX2549">
        <v>84.761065413239322</v>
      </c>
      <c r="AY2549">
        <v>64</v>
      </c>
      <c r="AZ2549">
        <v>127</v>
      </c>
      <c r="BA2549">
        <v>0.57744283272603547</v>
      </c>
      <c r="BB2549">
        <v>0.49804228660924038</v>
      </c>
      <c r="BC2549">
        <v>5.2913969569510328</v>
      </c>
      <c r="BD2549" t="s">
        <v>9715</v>
      </c>
      <c r="BE2549" t="s">
        <v>68</v>
      </c>
    </row>
    <row r="2550" spans="1:57" x14ac:dyDescent="0.3">
      <c r="A2550" t="s">
        <v>9716</v>
      </c>
      <c r="B2550">
        <v>3561</v>
      </c>
      <c r="C2550" t="s">
        <v>9717</v>
      </c>
      <c r="D2550" t="s">
        <v>9718</v>
      </c>
      <c r="E2550" t="s">
        <v>66</v>
      </c>
      <c r="F2550">
        <v>71</v>
      </c>
      <c r="G2550">
        <v>113.94366197183101</v>
      </c>
      <c r="H2550">
        <v>117</v>
      </c>
      <c r="I2550">
        <v>5921.7151358857382</v>
      </c>
      <c r="J2550">
        <v>76.952681148129841</v>
      </c>
      <c r="K2550">
        <v>0.1050807873144618</v>
      </c>
      <c r="L2550">
        <v>-1.2990917113455069</v>
      </c>
      <c r="M2550">
        <v>5.8010867321502619</v>
      </c>
      <c r="N2550">
        <v>3</v>
      </c>
      <c r="O2550">
        <v>1</v>
      </c>
      <c r="P2550">
        <v>2</v>
      </c>
      <c r="Q2550">
        <v>0.44262931719324061</v>
      </c>
      <c r="R2550">
        <v>4.0210069125736636</v>
      </c>
      <c r="S2550">
        <v>1</v>
      </c>
      <c r="T2550">
        <v>1</v>
      </c>
      <c r="U2550">
        <v>0</v>
      </c>
      <c r="V2550">
        <v>0</v>
      </c>
      <c r="W2550">
        <v>4.2484952420493576</v>
      </c>
      <c r="X2550">
        <v>1</v>
      </c>
      <c r="Y2550">
        <v>1</v>
      </c>
      <c r="Z2550">
        <v>0</v>
      </c>
      <c r="AA2550">
        <v>0</v>
      </c>
      <c r="AB2550">
        <v>4.2341065045972579</v>
      </c>
      <c r="AC2550">
        <v>1</v>
      </c>
      <c r="AD2550">
        <v>1</v>
      </c>
      <c r="AE2550">
        <v>0</v>
      </c>
      <c r="AF2550">
        <v>0</v>
      </c>
      <c r="AG2550">
        <v>4.2195077051761087</v>
      </c>
      <c r="AH2550">
        <v>-2.82368728235791E-2</v>
      </c>
      <c r="AI2550">
        <v>5.9351171711732542E-2</v>
      </c>
      <c r="AJ2550">
        <v>0.20833863593510041</v>
      </c>
      <c r="AK2550">
        <v>1.211883390793151E-2</v>
      </c>
      <c r="AL2550">
        <v>684.30012273234695</v>
      </c>
      <c r="AM2550">
        <v>934.86862287087968</v>
      </c>
      <c r="AN2550">
        <v>8090</v>
      </c>
      <c r="AO2550">
        <v>76.012756953319879</v>
      </c>
      <c r="AP2550">
        <v>522.31010941861007</v>
      </c>
      <c r="AQ2550">
        <v>1.323943661971831</v>
      </c>
      <c r="AR2550">
        <v>3.577464788732394</v>
      </c>
      <c r="AS2550">
        <v>70</v>
      </c>
      <c r="AT2550">
        <v>9.6056338028169037</v>
      </c>
      <c r="AU2550">
        <v>0.1182417083144025</v>
      </c>
      <c r="AV2550">
        <v>-2.8370233879103229E-2</v>
      </c>
      <c r="AW2550">
        <v>0.36619718309859162</v>
      </c>
      <c r="AX2550">
        <v>91.4</v>
      </c>
      <c r="AY2550">
        <v>70</v>
      </c>
      <c r="AZ2550">
        <v>144</v>
      </c>
      <c r="BA2550">
        <v>0.67535727583649174</v>
      </c>
      <c r="BB2550">
        <v>0.52112676056338025</v>
      </c>
      <c r="BC2550">
        <v>4.0231740118195978</v>
      </c>
      <c r="BD2550" t="s">
        <v>9719</v>
      </c>
      <c r="BE2550" t="s">
        <v>68</v>
      </c>
    </row>
    <row r="2551" spans="1:57" x14ac:dyDescent="0.3">
      <c r="A2551" t="s">
        <v>9720</v>
      </c>
      <c r="B2551">
        <v>1225</v>
      </c>
      <c r="C2551" t="s">
        <v>9721</v>
      </c>
      <c r="D2551" t="s">
        <v>9722</v>
      </c>
      <c r="E2551" t="s">
        <v>98</v>
      </c>
      <c r="F2551">
        <v>16</v>
      </c>
      <c r="G2551">
        <v>146.0625</v>
      </c>
      <c r="H2551">
        <v>172</v>
      </c>
      <c r="I2551">
        <v>4674.05859375</v>
      </c>
      <c r="J2551">
        <v>68.367087064975934</v>
      </c>
      <c r="K2551">
        <v>-0.4711124690107919</v>
      </c>
      <c r="L2551">
        <v>-0.91373941735561059</v>
      </c>
      <c r="M2551">
        <v>3.875</v>
      </c>
      <c r="N2551">
        <v>2</v>
      </c>
      <c r="O2551">
        <v>1</v>
      </c>
      <c r="P2551">
        <v>1</v>
      </c>
      <c r="Q2551">
        <v>0.24944382578492949</v>
      </c>
      <c r="R2551">
        <v>2.6859453246697882</v>
      </c>
      <c r="S2551">
        <v>1</v>
      </c>
      <c r="T2551">
        <v>1</v>
      </c>
      <c r="U2551">
        <v>0</v>
      </c>
      <c r="V2551">
        <v>0</v>
      </c>
      <c r="W2551">
        <v>2.7080502011022101</v>
      </c>
      <c r="X2551">
        <v>1</v>
      </c>
      <c r="Y2551">
        <v>1</v>
      </c>
      <c r="Z2551">
        <v>0</v>
      </c>
      <c r="AA2551">
        <v>0</v>
      </c>
      <c r="AB2551">
        <v>2.639057329615258</v>
      </c>
      <c r="AC2551">
        <v>1</v>
      </c>
      <c r="AD2551">
        <v>1</v>
      </c>
      <c r="AE2551">
        <v>0</v>
      </c>
      <c r="AF2551">
        <v>0</v>
      </c>
      <c r="AG2551">
        <v>2.5649493574615372</v>
      </c>
      <c r="AH2551">
        <v>-4.5093524431306771E-2</v>
      </c>
      <c r="AI2551">
        <v>0.1857909848156255</v>
      </c>
      <c r="AJ2551">
        <v>-0.2593639866483809</v>
      </c>
      <c r="AK2551">
        <v>0.29131900307464992</v>
      </c>
      <c r="AL2551">
        <v>377.72428112699521</v>
      </c>
      <c r="AM2551">
        <v>522.93151315166949</v>
      </c>
      <c r="AN2551">
        <v>2337</v>
      </c>
      <c r="AO2551">
        <v>63.760718658996659</v>
      </c>
      <c r="AP2551">
        <v>265.78248304734251</v>
      </c>
      <c r="AQ2551">
        <v>2.3125</v>
      </c>
      <c r="AR2551">
        <v>3.875</v>
      </c>
      <c r="AS2551">
        <v>15</v>
      </c>
      <c r="AT2551">
        <v>0.87499999999999989</v>
      </c>
      <c r="AU2551">
        <v>0.27136075949367089</v>
      </c>
      <c r="AV2551">
        <v>-4.5520981726760813E-2</v>
      </c>
      <c r="AW2551">
        <v>0.25</v>
      </c>
      <c r="AX2551">
        <v>79.733333333333334</v>
      </c>
      <c r="AY2551">
        <v>49.5</v>
      </c>
      <c r="AZ2551">
        <v>112.25</v>
      </c>
      <c r="BA2551">
        <v>0.46806734832675012</v>
      </c>
      <c r="BB2551">
        <v>0.5625</v>
      </c>
      <c r="BC2551">
        <v>2.7080502011022101</v>
      </c>
      <c r="BD2551" t="s">
        <v>9721</v>
      </c>
      <c r="BE2551" t="s">
        <v>62</v>
      </c>
    </row>
    <row r="2552" spans="1:57" x14ac:dyDescent="0.3">
      <c r="A2552" t="s">
        <v>9723</v>
      </c>
      <c r="B2552">
        <v>1051</v>
      </c>
      <c r="C2552" t="s">
        <v>9724</v>
      </c>
      <c r="D2552" t="s">
        <v>9725</v>
      </c>
      <c r="E2552" t="s">
        <v>85</v>
      </c>
      <c r="F2552">
        <v>8</v>
      </c>
      <c r="G2552">
        <v>95.625</v>
      </c>
      <c r="H2552">
        <v>61</v>
      </c>
      <c r="I2552">
        <v>7383.734375</v>
      </c>
      <c r="J2552">
        <v>85.928658636103478</v>
      </c>
      <c r="K2552">
        <v>0.79273432684202449</v>
      </c>
      <c r="L2552">
        <v>-0.92823801134562167</v>
      </c>
      <c r="M2552">
        <v>2.75</v>
      </c>
      <c r="N2552">
        <v>2</v>
      </c>
      <c r="O2552">
        <v>1</v>
      </c>
      <c r="P2552">
        <v>1</v>
      </c>
      <c r="Q2552">
        <v>0.3499271061118826</v>
      </c>
      <c r="R2552">
        <v>1.9061547465398501</v>
      </c>
      <c r="S2552">
        <v>1</v>
      </c>
      <c r="T2552">
        <v>1</v>
      </c>
      <c r="U2552">
        <v>0</v>
      </c>
      <c r="V2552">
        <v>0</v>
      </c>
      <c r="W2552">
        <v>1.945910149055313</v>
      </c>
      <c r="X2552">
        <v>1</v>
      </c>
      <c r="Y2552">
        <v>1</v>
      </c>
      <c r="Z2552">
        <v>0</v>
      </c>
      <c r="AA2552">
        <v>0</v>
      </c>
      <c r="AB2552">
        <v>1.791759469228055</v>
      </c>
      <c r="AC2552">
        <v>1</v>
      </c>
      <c r="AD2552">
        <v>1</v>
      </c>
      <c r="AE2552">
        <v>0</v>
      </c>
      <c r="AF2552">
        <v>0</v>
      </c>
      <c r="AG2552">
        <v>1.6094379124341009</v>
      </c>
      <c r="AH2552">
        <v>-0.44398926906481517</v>
      </c>
      <c r="AI2552">
        <v>0.26636409421892288</v>
      </c>
      <c r="AJ2552">
        <v>-0.18414129241004831</v>
      </c>
      <c r="AK2552">
        <v>0</v>
      </c>
      <c r="AL2552">
        <v>298.86704414596608</v>
      </c>
      <c r="AM2552">
        <v>207.1267484499603</v>
      </c>
      <c r="AN2552">
        <v>765</v>
      </c>
      <c r="AO2552">
        <v>81.492330927517344</v>
      </c>
      <c r="AP2552">
        <v>259.48792282817362</v>
      </c>
      <c r="AQ2552">
        <v>3.5</v>
      </c>
      <c r="AR2552">
        <v>3.625</v>
      </c>
      <c r="AS2552">
        <v>8</v>
      </c>
      <c r="AT2552">
        <v>0.75</v>
      </c>
      <c r="AU2552">
        <v>0.39329268292682928</v>
      </c>
      <c r="AV2552">
        <v>-0.58198499388707203</v>
      </c>
      <c r="AW2552">
        <v>0.5</v>
      </c>
      <c r="AX2552">
        <v>115.8571428571429</v>
      </c>
      <c r="AY2552">
        <v>46.5</v>
      </c>
      <c r="AZ2552">
        <v>100.75</v>
      </c>
      <c r="BA2552">
        <v>0.89860035175010178</v>
      </c>
      <c r="BB2552">
        <v>0.375</v>
      </c>
      <c r="BC2552">
        <v>1.7478680974667571</v>
      </c>
      <c r="BD2552" t="s">
        <v>9724</v>
      </c>
      <c r="BE2552" t="s">
        <v>68</v>
      </c>
    </row>
    <row r="2553" spans="1:57" x14ac:dyDescent="0.3">
      <c r="A2553" t="s">
        <v>9726</v>
      </c>
      <c r="B2553">
        <v>1754</v>
      </c>
      <c r="C2553" t="s">
        <v>9727</v>
      </c>
      <c r="D2553" t="s">
        <v>9728</v>
      </c>
      <c r="E2553" t="s">
        <v>115</v>
      </c>
      <c r="F2553">
        <v>1800</v>
      </c>
      <c r="G2553">
        <v>125.6033333333333</v>
      </c>
      <c r="H2553">
        <v>125</v>
      </c>
      <c r="I2553">
        <v>5340.9637666666667</v>
      </c>
      <c r="J2553">
        <v>73.081897667388645</v>
      </c>
      <c r="K2553">
        <v>3.0873717682558598E-2</v>
      </c>
      <c r="L2553">
        <v>-1.19256186019011</v>
      </c>
      <c r="M2553">
        <v>7.8859391045709453</v>
      </c>
      <c r="N2553">
        <v>15</v>
      </c>
      <c r="O2553">
        <v>1</v>
      </c>
      <c r="P2553">
        <v>14</v>
      </c>
      <c r="Q2553">
        <v>2.7668164806325701</v>
      </c>
      <c r="R2553">
        <v>5.4661164564007674</v>
      </c>
      <c r="S2553">
        <v>2</v>
      </c>
      <c r="T2553">
        <v>1</v>
      </c>
      <c r="U2553">
        <v>1</v>
      </c>
      <c r="V2553">
        <v>0.12694778222076031</v>
      </c>
      <c r="W2553">
        <v>7.4726390763782806</v>
      </c>
      <c r="X2553">
        <v>1</v>
      </c>
      <c r="Y2553">
        <v>1</v>
      </c>
      <c r="Z2553">
        <v>0</v>
      </c>
      <c r="AA2553">
        <v>0</v>
      </c>
      <c r="AB2553">
        <v>7.4944302150315671</v>
      </c>
      <c r="AC2553">
        <v>1</v>
      </c>
      <c r="AD2553">
        <v>1</v>
      </c>
      <c r="AE2553">
        <v>0</v>
      </c>
      <c r="AF2553">
        <v>0</v>
      </c>
      <c r="AG2553">
        <v>7.4938738867835593</v>
      </c>
      <c r="AH2553">
        <v>-2.320155303311212E-2</v>
      </c>
      <c r="AI2553">
        <v>7.1168264512678596E-3</v>
      </c>
      <c r="AJ2553">
        <v>4.4357381309456621E-3</v>
      </c>
      <c r="AK2553">
        <v>-1.8400154066982759E-3</v>
      </c>
      <c r="AL2553">
        <v>2868.572745017399</v>
      </c>
      <c r="AM2553">
        <v>5457.3052330379469</v>
      </c>
      <c r="AN2553">
        <v>226086</v>
      </c>
      <c r="AO2553">
        <v>71.389577093447471</v>
      </c>
      <c r="AP2553">
        <v>2562.181731523367</v>
      </c>
      <c r="AQ2553">
        <v>1.012777777777778</v>
      </c>
      <c r="AR2553">
        <v>3.958333333333333</v>
      </c>
      <c r="AS2553">
        <v>1787</v>
      </c>
      <c r="AT2553">
        <v>278.72000000000003</v>
      </c>
      <c r="AU2553">
        <v>2.323529411764708E-2</v>
      </c>
      <c r="AV2553">
        <v>-2.3205568705875489E-2</v>
      </c>
      <c r="AW2553">
        <v>0.38722222222222219</v>
      </c>
      <c r="AX2553">
        <v>85.48304613674263</v>
      </c>
      <c r="AY2553">
        <v>62.5</v>
      </c>
      <c r="AZ2553">
        <v>125</v>
      </c>
      <c r="BA2553">
        <v>0.58184680078067441</v>
      </c>
      <c r="BB2553">
        <v>0.49722222222222218</v>
      </c>
      <c r="BC2553">
        <v>5.2737251488873991</v>
      </c>
      <c r="BD2553" t="s">
        <v>9729</v>
      </c>
      <c r="BE2553" t="s">
        <v>68</v>
      </c>
    </row>
    <row r="2554" spans="1:57" x14ac:dyDescent="0.3">
      <c r="A2554" t="s">
        <v>9730</v>
      </c>
      <c r="B2554">
        <v>2183</v>
      </c>
      <c r="C2554" t="s">
        <v>9731</v>
      </c>
      <c r="D2554" t="s">
        <v>9732</v>
      </c>
      <c r="E2554" t="s">
        <v>128</v>
      </c>
      <c r="F2554">
        <v>32</v>
      </c>
      <c r="G2554">
        <v>115.9375</v>
      </c>
      <c r="H2554">
        <v>101</v>
      </c>
      <c r="I2554">
        <v>5078.12109375</v>
      </c>
      <c r="J2554">
        <v>71.260936660627749</v>
      </c>
      <c r="K2554">
        <v>0.10750036309950239</v>
      </c>
      <c r="L2554">
        <v>-1.131715667087339</v>
      </c>
      <c r="M2554">
        <v>4.788909765557392</v>
      </c>
      <c r="N2554">
        <v>3</v>
      </c>
      <c r="O2554">
        <v>1</v>
      </c>
      <c r="P2554">
        <v>2</v>
      </c>
      <c r="Q2554">
        <v>0.40213461343760692</v>
      </c>
      <c r="R2554">
        <v>3.3194193019520939</v>
      </c>
      <c r="S2554">
        <v>1</v>
      </c>
      <c r="T2554">
        <v>1</v>
      </c>
      <c r="U2554">
        <v>0</v>
      </c>
      <c r="V2554">
        <v>0</v>
      </c>
      <c r="W2554">
        <v>3.4339872044851458</v>
      </c>
      <c r="X2554">
        <v>1</v>
      </c>
      <c r="Y2554">
        <v>1</v>
      </c>
      <c r="Z2554">
        <v>0</v>
      </c>
      <c r="AA2554">
        <v>0</v>
      </c>
      <c r="AB2554">
        <v>3.401197381662155</v>
      </c>
      <c r="AC2554">
        <v>1</v>
      </c>
      <c r="AD2554">
        <v>1</v>
      </c>
      <c r="AE2554">
        <v>0</v>
      </c>
      <c r="AF2554">
        <v>0</v>
      </c>
      <c r="AG2554">
        <v>3.3672958299864728</v>
      </c>
      <c r="AH2554">
        <v>9.996389901069154E-2</v>
      </c>
      <c r="AI2554">
        <v>1.22938075336981E-2</v>
      </c>
      <c r="AJ2554">
        <v>-1.9793596956613039E-2</v>
      </c>
      <c r="AK2554">
        <v>-3.2069880438369558E-2</v>
      </c>
      <c r="AL2554">
        <v>483.31318260823889</v>
      </c>
      <c r="AM2554">
        <v>599.19643483343168</v>
      </c>
      <c r="AN2554">
        <v>3710</v>
      </c>
      <c r="AO2554">
        <v>144.72428083816311</v>
      </c>
      <c r="AP2554">
        <v>368.22802910538752</v>
      </c>
      <c r="AQ2554">
        <v>1.65625</v>
      </c>
      <c r="AR2554">
        <v>3.96875</v>
      </c>
      <c r="AS2554">
        <v>32</v>
      </c>
      <c r="AT2554">
        <v>4.2500000000000018</v>
      </c>
      <c r="AU2554">
        <v>0.17155612244897961</v>
      </c>
      <c r="AV2554">
        <v>0.1033344358716088</v>
      </c>
      <c r="AW2554">
        <v>0.40625</v>
      </c>
      <c r="AX2554">
        <v>75.677419354838705</v>
      </c>
      <c r="AY2554">
        <v>67</v>
      </c>
      <c r="AZ2554">
        <v>118.75</v>
      </c>
      <c r="BA2554">
        <v>0.61464958844746309</v>
      </c>
      <c r="BB2554">
        <v>0.4375</v>
      </c>
      <c r="BC2554">
        <v>3.2998296856670919</v>
      </c>
      <c r="BD2554" t="s">
        <v>9733</v>
      </c>
      <c r="BE2554" t="s">
        <v>62</v>
      </c>
    </row>
    <row r="2555" spans="1:57" x14ac:dyDescent="0.3">
      <c r="A2555" t="s">
        <v>9734</v>
      </c>
      <c r="B2555">
        <v>3680</v>
      </c>
      <c r="C2555" t="s">
        <v>9735</v>
      </c>
      <c r="D2555" t="s">
        <v>9736</v>
      </c>
      <c r="E2555" t="s">
        <v>10622</v>
      </c>
      <c r="F2555">
        <v>64</v>
      </c>
      <c r="G2555">
        <v>124.640625</v>
      </c>
      <c r="H2555">
        <v>129.5</v>
      </c>
      <c r="I2555">
        <v>5143.542724609375</v>
      </c>
      <c r="J2555">
        <v>71.718496391163796</v>
      </c>
      <c r="K2555">
        <v>2.1985738812199299E-2</v>
      </c>
      <c r="L2555">
        <v>-0.97010740714743937</v>
      </c>
      <c r="M2555">
        <v>5.8125</v>
      </c>
      <c r="N2555">
        <v>2</v>
      </c>
      <c r="O2555">
        <v>1</v>
      </c>
      <c r="P2555">
        <v>1</v>
      </c>
      <c r="Q2555">
        <v>0.30454347814923621</v>
      </c>
      <c r="R2555">
        <v>4.0289179870046823</v>
      </c>
      <c r="S2555">
        <v>1</v>
      </c>
      <c r="T2555">
        <v>1</v>
      </c>
      <c r="U2555">
        <v>0</v>
      </c>
      <c r="V2555">
        <v>0</v>
      </c>
      <c r="W2555">
        <v>4.1431347263915326</v>
      </c>
      <c r="X2555">
        <v>1</v>
      </c>
      <c r="Y2555">
        <v>1</v>
      </c>
      <c r="Z2555">
        <v>0</v>
      </c>
      <c r="AA2555">
        <v>0</v>
      </c>
      <c r="AB2555">
        <v>4.1271343850450908</v>
      </c>
      <c r="AC2555">
        <v>1</v>
      </c>
      <c r="AD2555">
        <v>1</v>
      </c>
      <c r="AE2555">
        <v>0</v>
      </c>
      <c r="AF2555">
        <v>0</v>
      </c>
      <c r="AG2555">
        <v>4.1108738641733096</v>
      </c>
      <c r="AH2555">
        <v>0.16940573548775581</v>
      </c>
      <c r="AI2555">
        <v>-7.2867766364655015E-2</v>
      </c>
      <c r="AJ2555">
        <v>-0.14416605241416219</v>
      </c>
      <c r="AK2555">
        <v>8.2741902321208177E-2</v>
      </c>
      <c r="AL2555">
        <v>638.42135036765114</v>
      </c>
      <c r="AM2555">
        <v>957.00740822354385</v>
      </c>
      <c r="AN2555">
        <v>7977</v>
      </c>
      <c r="AO2555">
        <v>61.624337974730551</v>
      </c>
      <c r="AP2555">
        <v>536.09669729960967</v>
      </c>
      <c r="AQ2555">
        <v>1.359375</v>
      </c>
      <c r="AR2555">
        <v>4.015625</v>
      </c>
      <c r="AS2555">
        <v>64</v>
      </c>
      <c r="AT2555">
        <v>4.8750000000000018</v>
      </c>
      <c r="AU2555">
        <v>0.11590110441767069</v>
      </c>
      <c r="AV2555">
        <v>0.17512212190612261</v>
      </c>
      <c r="AW2555">
        <v>0.265625</v>
      </c>
      <c r="AX2555">
        <v>76.396825396825392</v>
      </c>
      <c r="AY2555">
        <v>53.5</v>
      </c>
      <c r="AZ2555">
        <v>104.25</v>
      </c>
      <c r="BA2555">
        <v>0.57540225260555133</v>
      </c>
      <c r="BB2555">
        <v>0.578125</v>
      </c>
      <c r="BC2555">
        <v>3.884472277822518</v>
      </c>
      <c r="BD2555" t="s">
        <v>9737</v>
      </c>
      <c r="BE2555" t="s">
        <v>62</v>
      </c>
    </row>
    <row r="2556" spans="1:57" x14ac:dyDescent="0.3">
      <c r="A2556" t="s">
        <v>9738</v>
      </c>
      <c r="B2556">
        <v>796</v>
      </c>
      <c r="C2556" t="s">
        <v>9739</v>
      </c>
      <c r="D2556" t="s">
        <v>9740</v>
      </c>
      <c r="E2556" t="s">
        <v>66</v>
      </c>
      <c r="F2556">
        <v>71</v>
      </c>
      <c r="G2556">
        <v>112.4084507042254</v>
      </c>
      <c r="H2556">
        <v>104</v>
      </c>
      <c r="I2556">
        <v>5907.7345764729234</v>
      </c>
      <c r="J2556">
        <v>76.861788793085751</v>
      </c>
      <c r="K2556">
        <v>0.24876028797280519</v>
      </c>
      <c r="L2556">
        <v>-1.083900202805236</v>
      </c>
      <c r="M2556">
        <v>5.9419318025727961</v>
      </c>
      <c r="N2556">
        <v>3</v>
      </c>
      <c r="O2556">
        <v>1</v>
      </c>
      <c r="P2556">
        <v>2</v>
      </c>
      <c r="Q2556">
        <v>0.35869500885153122</v>
      </c>
      <c r="R2556">
        <v>4.1186332760328117</v>
      </c>
      <c r="S2556">
        <v>1</v>
      </c>
      <c r="T2556">
        <v>1</v>
      </c>
      <c r="U2556">
        <v>0</v>
      </c>
      <c r="V2556">
        <v>0</v>
      </c>
      <c r="W2556">
        <v>4.2484952420493576</v>
      </c>
      <c r="X2556">
        <v>1</v>
      </c>
      <c r="Y2556">
        <v>1</v>
      </c>
      <c r="Z2556">
        <v>0</v>
      </c>
      <c r="AA2556">
        <v>0</v>
      </c>
      <c r="AB2556">
        <v>4.2341065045972579</v>
      </c>
      <c r="AC2556">
        <v>1</v>
      </c>
      <c r="AD2556">
        <v>1</v>
      </c>
      <c r="AE2556">
        <v>0</v>
      </c>
      <c r="AF2556">
        <v>0</v>
      </c>
      <c r="AG2556">
        <v>4.2195077051761087</v>
      </c>
      <c r="AH2556">
        <v>5.3242671892263067E-2</v>
      </c>
      <c r="AI2556">
        <v>-2.5364308794695031E-2</v>
      </c>
      <c r="AJ2556">
        <v>-7.2241368660276037E-3</v>
      </c>
      <c r="AK2556">
        <v>-0.14109727582702281</v>
      </c>
      <c r="AL2556">
        <v>699.38306370243356</v>
      </c>
      <c r="AM2556">
        <v>909.6396705323474</v>
      </c>
      <c r="AN2556">
        <v>7981</v>
      </c>
      <c r="AO2556">
        <v>173.30385650921801</v>
      </c>
      <c r="AP2556">
        <v>558.69613922859719</v>
      </c>
      <c r="AQ2556">
        <v>1.323943661971831</v>
      </c>
      <c r="AR2556">
        <v>3.6901408450704229</v>
      </c>
      <c r="AS2556">
        <v>71</v>
      </c>
      <c r="AT2556">
        <v>7.4225352112676068</v>
      </c>
      <c r="AU2556">
        <v>0.13200773267053301</v>
      </c>
      <c r="AV2556">
        <v>5.3963358998262913E-2</v>
      </c>
      <c r="AW2556">
        <v>0.38028169014084512</v>
      </c>
      <c r="AX2556">
        <v>83.528571428571425</v>
      </c>
      <c r="AY2556">
        <v>60</v>
      </c>
      <c r="AZ2556">
        <v>114</v>
      </c>
      <c r="BA2556">
        <v>0.68377233483386646</v>
      </c>
      <c r="BB2556">
        <v>0.43661971830985907</v>
      </c>
      <c r="BC2556">
        <v>4.0033698066607419</v>
      </c>
      <c r="BD2556" t="s">
        <v>9741</v>
      </c>
      <c r="BE2556" t="s">
        <v>68</v>
      </c>
    </row>
    <row r="2557" spans="1:57" x14ac:dyDescent="0.3">
      <c r="A2557" t="s">
        <v>9742</v>
      </c>
      <c r="B2557">
        <v>2242</v>
      </c>
      <c r="C2557" t="s">
        <v>9743</v>
      </c>
      <c r="D2557" t="s">
        <v>9744</v>
      </c>
      <c r="E2557" t="s">
        <v>128</v>
      </c>
      <c r="F2557">
        <v>32</v>
      </c>
      <c r="G2557">
        <v>122.125</v>
      </c>
      <c r="H2557">
        <v>102</v>
      </c>
      <c r="I2557">
        <v>6508.734375</v>
      </c>
      <c r="J2557">
        <v>80.676727592286483</v>
      </c>
      <c r="K2557">
        <v>0.34865747601932662</v>
      </c>
      <c r="L2557">
        <v>-1.2345697414853269</v>
      </c>
      <c r="M2557">
        <v>5</v>
      </c>
      <c r="N2557">
        <v>1</v>
      </c>
      <c r="O2557">
        <v>1</v>
      </c>
      <c r="P2557">
        <v>0</v>
      </c>
      <c r="Q2557">
        <v>0</v>
      </c>
      <c r="R2557">
        <v>3.465735902799727</v>
      </c>
      <c r="S2557">
        <v>1</v>
      </c>
      <c r="T2557">
        <v>1</v>
      </c>
      <c r="U2557">
        <v>0</v>
      </c>
      <c r="V2557">
        <v>0</v>
      </c>
      <c r="W2557">
        <v>3.4339872044851458</v>
      </c>
      <c r="X2557">
        <v>1</v>
      </c>
      <c r="Y2557">
        <v>1</v>
      </c>
      <c r="Z2557">
        <v>0</v>
      </c>
      <c r="AA2557">
        <v>0</v>
      </c>
      <c r="AB2557">
        <v>3.401197381662155</v>
      </c>
      <c r="AC2557">
        <v>1</v>
      </c>
      <c r="AD2557">
        <v>1</v>
      </c>
      <c r="AE2557">
        <v>0</v>
      </c>
      <c r="AF2557">
        <v>0</v>
      </c>
      <c r="AG2557">
        <v>3.3672958299864728</v>
      </c>
      <c r="AH2557">
        <v>-0.12802455654541131</v>
      </c>
      <c r="AI2557">
        <v>8.3245560652872697E-2</v>
      </c>
      <c r="AJ2557">
        <v>1.806009172770244E-2</v>
      </c>
      <c r="AK2557">
        <v>-0.23559522780686529</v>
      </c>
      <c r="AL2557">
        <v>526.33206498640436</v>
      </c>
      <c r="AM2557">
        <v>639.15456453595584</v>
      </c>
      <c r="AN2557">
        <v>3908</v>
      </c>
      <c r="AO2557">
        <v>47.362861243438601</v>
      </c>
      <c r="AP2557">
        <v>404.72459772047461</v>
      </c>
      <c r="AQ2557">
        <v>1.65625</v>
      </c>
      <c r="AR2557">
        <v>4.03125</v>
      </c>
      <c r="AS2557">
        <v>32</v>
      </c>
      <c r="AT2557">
        <v>0</v>
      </c>
      <c r="AU2557">
        <v>0.16166338582677159</v>
      </c>
      <c r="AV2557">
        <v>-0.1373023372255896</v>
      </c>
      <c r="AW2557">
        <v>0.5</v>
      </c>
      <c r="AX2557">
        <v>97.903225806451616</v>
      </c>
      <c r="AY2557">
        <v>60</v>
      </c>
      <c r="AZ2557">
        <v>146.25</v>
      </c>
      <c r="BA2557">
        <v>0.66060780014154741</v>
      </c>
      <c r="BB2557">
        <v>0.4375</v>
      </c>
      <c r="BC2557">
        <v>3.2998296856670919</v>
      </c>
      <c r="BD2557" t="s">
        <v>9745</v>
      </c>
      <c r="BE2557" t="s">
        <v>62</v>
      </c>
    </row>
    <row r="2558" spans="1:57" x14ac:dyDescent="0.3">
      <c r="A2558" t="s">
        <v>9533</v>
      </c>
      <c r="B2558">
        <v>2859</v>
      </c>
      <c r="C2558" t="s">
        <v>9534</v>
      </c>
      <c r="D2558" t="s">
        <v>9535</v>
      </c>
      <c r="E2558" t="s">
        <v>93</v>
      </c>
      <c r="F2558">
        <v>2881</v>
      </c>
      <c r="G2558">
        <v>128.23984727525169</v>
      </c>
      <c r="H2558">
        <v>129</v>
      </c>
      <c r="I2558">
        <v>5449.8858957073244</v>
      </c>
      <c r="J2558">
        <v>73.823342485336738</v>
      </c>
      <c r="K2558">
        <v>-7.9861274440561868E-3</v>
      </c>
      <c r="L2558">
        <v>-1.210568388097518</v>
      </c>
      <c r="M2558">
        <v>7.9335929292074736</v>
      </c>
      <c r="N2558">
        <v>21</v>
      </c>
      <c r="O2558">
        <v>3</v>
      </c>
      <c r="P2558">
        <v>18</v>
      </c>
      <c r="Q2558">
        <v>3.3729716669742329</v>
      </c>
      <c r="R2558">
        <v>5.4991475705904769</v>
      </c>
      <c r="S2558">
        <v>2</v>
      </c>
      <c r="T2558">
        <v>1</v>
      </c>
      <c r="U2558">
        <v>1</v>
      </c>
      <c r="V2558">
        <v>0.1466879578859791</v>
      </c>
      <c r="W2558">
        <v>7.9357017361892197</v>
      </c>
      <c r="X2558">
        <v>1</v>
      </c>
      <c r="Y2558">
        <v>1</v>
      </c>
      <c r="Z2558">
        <v>0</v>
      </c>
      <c r="AA2558">
        <v>0</v>
      </c>
      <c r="AB2558">
        <v>7.9651982906121761</v>
      </c>
      <c r="AC2558">
        <v>1</v>
      </c>
      <c r="AD2558">
        <v>1</v>
      </c>
      <c r="AE2558">
        <v>0</v>
      </c>
      <c r="AF2558">
        <v>0</v>
      </c>
      <c r="AG2558">
        <v>7.9648508874473123</v>
      </c>
      <c r="AH2558">
        <v>-2.380093622391645E-2</v>
      </c>
      <c r="AI2558">
        <v>4.8579293203960617E-3</v>
      </c>
      <c r="AJ2558">
        <v>6.6630567105770968E-3</v>
      </c>
      <c r="AK2558">
        <v>-2.5841823873467128E-3</v>
      </c>
      <c r="AL2558">
        <v>3615.7512610588442</v>
      </c>
      <c r="AM2558">
        <v>7071.5507364475143</v>
      </c>
      <c r="AN2558">
        <v>369459</v>
      </c>
      <c r="AO2558">
        <v>75.792536552655264</v>
      </c>
      <c r="AP2558">
        <v>3286.6472417392738</v>
      </c>
      <c r="AQ2558">
        <v>1.0079833391183619</v>
      </c>
      <c r="AR2558">
        <v>3.995140576188823</v>
      </c>
      <c r="AS2558">
        <v>2871</v>
      </c>
      <c r="AT2558">
        <v>258.79868101353702</v>
      </c>
      <c r="AU2558">
        <v>1.211316876629165E-2</v>
      </c>
      <c r="AV2558">
        <v>-2.380420299306768E-2</v>
      </c>
      <c r="AW2558">
        <v>0.36966331135022562</v>
      </c>
      <c r="AX2558">
        <v>86.634722222222223</v>
      </c>
      <c r="AY2558">
        <v>64</v>
      </c>
      <c r="AZ2558">
        <v>128</v>
      </c>
      <c r="BA2558">
        <v>0.57566617594984859</v>
      </c>
      <c r="BB2558">
        <v>0.50156195765359246</v>
      </c>
      <c r="BC2558">
        <v>5.3115043467513283</v>
      </c>
      <c r="BD2558" t="s">
        <v>9536</v>
      </c>
      <c r="BE2558" t="s">
        <v>68</v>
      </c>
    </row>
    <row r="2559" spans="1:57" x14ac:dyDescent="0.3">
      <c r="A2559" t="s">
        <v>9746</v>
      </c>
      <c r="B2559">
        <v>143</v>
      </c>
      <c r="C2559" t="s">
        <v>9747</v>
      </c>
      <c r="D2559" t="s">
        <v>9748</v>
      </c>
      <c r="E2559" t="s">
        <v>60</v>
      </c>
      <c r="F2559">
        <v>256</v>
      </c>
      <c r="G2559">
        <v>125.12890625</v>
      </c>
      <c r="H2559">
        <v>118</v>
      </c>
      <c r="I2559">
        <v>5236.9169769287109</v>
      </c>
      <c r="J2559">
        <v>72.36654597898611</v>
      </c>
      <c r="K2559">
        <v>6.5426481761794941E-2</v>
      </c>
      <c r="L2559">
        <v>-1.2114705080191961</v>
      </c>
      <c r="M2559">
        <v>7.15889331042011</v>
      </c>
      <c r="N2559">
        <v>4</v>
      </c>
      <c r="O2559">
        <v>1</v>
      </c>
      <c r="P2559">
        <v>3</v>
      </c>
      <c r="Q2559">
        <v>0.8301167297205857</v>
      </c>
      <c r="R2559">
        <v>4.9621667140471519</v>
      </c>
      <c r="S2559">
        <v>1</v>
      </c>
      <c r="T2559">
        <v>1</v>
      </c>
      <c r="U2559">
        <v>0</v>
      </c>
      <c r="V2559">
        <v>0</v>
      </c>
      <c r="W2559">
        <v>5.541263545158424</v>
      </c>
      <c r="X2559">
        <v>1</v>
      </c>
      <c r="Y2559">
        <v>1</v>
      </c>
      <c r="Z2559">
        <v>0</v>
      </c>
      <c r="AA2559">
        <v>0</v>
      </c>
      <c r="AB2559">
        <v>5.5373342670185366</v>
      </c>
      <c r="AC2559">
        <v>1</v>
      </c>
      <c r="AD2559">
        <v>1</v>
      </c>
      <c r="AE2559">
        <v>0</v>
      </c>
      <c r="AF2559">
        <v>0</v>
      </c>
      <c r="AG2559">
        <v>5.5333894887275203</v>
      </c>
      <c r="AH2559">
        <v>-1.4288598711399021E-2</v>
      </c>
      <c r="AI2559">
        <v>2.803904920400407E-2</v>
      </c>
      <c r="AJ2559">
        <v>-4.144764011694417E-2</v>
      </c>
      <c r="AK2559">
        <v>1.167435216701593E-3</v>
      </c>
      <c r="AL2559">
        <v>1137.903775541487</v>
      </c>
      <c r="AM2559">
        <v>2013.4746081360031</v>
      </c>
      <c r="AN2559">
        <v>32033</v>
      </c>
      <c r="AO2559">
        <v>39.200699083651308</v>
      </c>
      <c r="AP2559">
        <v>995.42364143530108</v>
      </c>
      <c r="AQ2559">
        <v>1.08984375</v>
      </c>
      <c r="AR2559">
        <v>3.93359375</v>
      </c>
      <c r="AS2559">
        <v>256</v>
      </c>
      <c r="AT2559">
        <v>69.7734375</v>
      </c>
      <c r="AU2559">
        <v>4.7059547244094502E-2</v>
      </c>
      <c r="AV2559">
        <v>-1.435916448566214E-2</v>
      </c>
      <c r="AW2559">
        <v>0.421875</v>
      </c>
      <c r="AX2559">
        <v>85.568627450980387</v>
      </c>
      <c r="AY2559">
        <v>63</v>
      </c>
      <c r="AZ2559">
        <v>125.5</v>
      </c>
      <c r="BA2559">
        <v>0.57833595887429978</v>
      </c>
      <c r="BB2559">
        <v>0.46875</v>
      </c>
      <c r="BC2559">
        <v>4.8833109303988689</v>
      </c>
      <c r="BD2559" t="s">
        <v>9749</v>
      </c>
      <c r="BE2559" t="s">
        <v>62</v>
      </c>
    </row>
    <row r="2560" spans="1:57" x14ac:dyDescent="0.3">
      <c r="A2560" t="s">
        <v>9750</v>
      </c>
      <c r="B2560">
        <v>746</v>
      </c>
      <c r="C2560" t="s">
        <v>9751</v>
      </c>
      <c r="D2560" t="s">
        <v>9752</v>
      </c>
      <c r="E2560" t="s">
        <v>72</v>
      </c>
      <c r="F2560">
        <v>752</v>
      </c>
      <c r="G2560">
        <v>126.02393617021281</v>
      </c>
      <c r="H2560">
        <v>125.5</v>
      </c>
      <c r="I2560">
        <v>5536.818575995926</v>
      </c>
      <c r="J2560">
        <v>74.409801612394631</v>
      </c>
      <c r="K2560">
        <v>8.9668622586631819E-3</v>
      </c>
      <c r="L2560">
        <v>-1.2066723925639611</v>
      </c>
      <c r="M2560">
        <v>7.763673866997328</v>
      </c>
      <c r="N2560">
        <v>9</v>
      </c>
      <c r="O2560">
        <v>1</v>
      </c>
      <c r="P2560">
        <v>8</v>
      </c>
      <c r="Q2560">
        <v>1.4391322735257881</v>
      </c>
      <c r="R2560">
        <v>5.3813686516961337</v>
      </c>
      <c r="S2560">
        <v>3</v>
      </c>
      <c r="T2560">
        <v>1</v>
      </c>
      <c r="U2560">
        <v>2</v>
      </c>
      <c r="V2560">
        <v>0.1095821719036508</v>
      </c>
      <c r="W2560">
        <v>6.6077873978738486</v>
      </c>
      <c r="X2560">
        <v>1</v>
      </c>
      <c r="Y2560">
        <v>1</v>
      </c>
      <c r="Z2560">
        <v>0</v>
      </c>
      <c r="AA2560">
        <v>0</v>
      </c>
      <c r="AB2560">
        <v>6.6200732065303551</v>
      </c>
      <c r="AC2560">
        <v>1</v>
      </c>
      <c r="AD2560">
        <v>1</v>
      </c>
      <c r="AE2560">
        <v>0</v>
      </c>
      <c r="AF2560">
        <v>0</v>
      </c>
      <c r="AG2560">
        <v>6.6187389835172183</v>
      </c>
      <c r="AH2560">
        <v>3.7988230817085571E-2</v>
      </c>
      <c r="AI2560">
        <v>-3.9306849339111279E-2</v>
      </c>
      <c r="AJ2560">
        <v>4.0808035316653592E-2</v>
      </c>
      <c r="AK2560">
        <v>-1.0955211403442709E-2</v>
      </c>
      <c r="AL2560">
        <v>1930.6644046792071</v>
      </c>
      <c r="AM2560">
        <v>3518.452920887913</v>
      </c>
      <c r="AN2560">
        <v>94770</v>
      </c>
      <c r="AO2560">
        <v>91.448212191604995</v>
      </c>
      <c r="AP2560">
        <v>1647.1733611210491</v>
      </c>
      <c r="AQ2560">
        <v>1.030585106382979</v>
      </c>
      <c r="AR2560">
        <v>3.941489361702128</v>
      </c>
      <c r="AS2560">
        <v>745</v>
      </c>
      <c r="AT2560">
        <v>161.2925531914893</v>
      </c>
      <c r="AU2560">
        <v>2.4989570296203582E-2</v>
      </c>
      <c r="AV2560">
        <v>3.8051558002377257E-2</v>
      </c>
      <c r="AW2560">
        <v>0.36835106382978722</v>
      </c>
      <c r="AX2560">
        <v>84.054593874833557</v>
      </c>
      <c r="AY2560">
        <v>65.5</v>
      </c>
      <c r="AZ2560">
        <v>130.5</v>
      </c>
      <c r="BA2560">
        <v>0.59044181505245086</v>
      </c>
      <c r="BB2560">
        <v>0.49601063829787229</v>
      </c>
      <c r="BC2560">
        <v>5.1471107339456381</v>
      </c>
      <c r="BD2560" t="s">
        <v>9753</v>
      </c>
      <c r="BE2560" t="s">
        <v>62</v>
      </c>
    </row>
    <row r="2561" spans="1:57" x14ac:dyDescent="0.3">
      <c r="A2561" t="s">
        <v>9754</v>
      </c>
      <c r="B2561">
        <v>585</v>
      </c>
      <c r="C2561" t="s">
        <v>9755</v>
      </c>
      <c r="D2561" t="s">
        <v>9756</v>
      </c>
      <c r="E2561" t="s">
        <v>72</v>
      </c>
      <c r="F2561">
        <v>592</v>
      </c>
      <c r="G2561">
        <v>130.96959459459461</v>
      </c>
      <c r="H2561">
        <v>136</v>
      </c>
      <c r="I2561">
        <v>5417.4652917275389</v>
      </c>
      <c r="J2561">
        <v>73.603432608320233</v>
      </c>
      <c r="K2561">
        <v>-0.10128453838631279</v>
      </c>
      <c r="L2561">
        <v>-1.2322380108459099</v>
      </c>
      <c r="M2561">
        <v>7.5964371102377957</v>
      </c>
      <c r="N2561">
        <v>8</v>
      </c>
      <c r="O2561">
        <v>1</v>
      </c>
      <c r="P2561">
        <v>7</v>
      </c>
      <c r="Q2561">
        <v>1.472104560394639</v>
      </c>
      <c r="R2561">
        <v>5.2654489652622853</v>
      </c>
      <c r="S2561">
        <v>2</v>
      </c>
      <c r="T2561">
        <v>1</v>
      </c>
      <c r="U2561">
        <v>1</v>
      </c>
      <c r="V2561">
        <v>5.8172637348087648E-2</v>
      </c>
      <c r="W2561">
        <v>6.3771246659302294</v>
      </c>
      <c r="X2561">
        <v>1</v>
      </c>
      <c r="Y2561">
        <v>1</v>
      </c>
      <c r="Z2561">
        <v>0</v>
      </c>
      <c r="AA2561">
        <v>0</v>
      </c>
      <c r="AB2561">
        <v>6.3801225368997674</v>
      </c>
      <c r="AC2561">
        <v>1</v>
      </c>
      <c r="AD2561">
        <v>1</v>
      </c>
      <c r="AE2561">
        <v>0</v>
      </c>
      <c r="AF2561">
        <v>0</v>
      </c>
      <c r="AG2561">
        <v>6.3784261836515856</v>
      </c>
      <c r="AH2561">
        <v>7.5473244066803558E-2</v>
      </c>
      <c r="AI2561">
        <v>-0.1009825120631013</v>
      </c>
      <c r="AJ2561">
        <v>-4.3854295871592383E-2</v>
      </c>
      <c r="AK2561">
        <v>5.1844984975692376E-3</v>
      </c>
      <c r="AL2561">
        <v>1705.5352204681981</v>
      </c>
      <c r="AM2561">
        <v>3233.0922677434519</v>
      </c>
      <c r="AN2561">
        <v>77534</v>
      </c>
      <c r="AO2561">
        <v>14.34328945616233</v>
      </c>
      <c r="AP2561">
        <v>1481.814206793716</v>
      </c>
      <c r="AQ2561">
        <v>1.0388513513513511</v>
      </c>
      <c r="AR2561">
        <v>4.0523648648648649</v>
      </c>
      <c r="AS2561">
        <v>586</v>
      </c>
      <c r="AT2561">
        <v>183.67567567567571</v>
      </c>
      <c r="AU2561">
        <v>4.5164281928987797E-2</v>
      </c>
      <c r="AV2561">
        <v>7.5533153844741879E-2</v>
      </c>
      <c r="AW2561">
        <v>0.33614864864864857</v>
      </c>
      <c r="AX2561">
        <v>81.524534686971236</v>
      </c>
      <c r="AY2561">
        <v>64</v>
      </c>
      <c r="AZ2561">
        <v>128</v>
      </c>
      <c r="BA2561">
        <v>0.56198870307382032</v>
      </c>
      <c r="BB2561">
        <v>0.51689189189189189</v>
      </c>
      <c r="BC2561">
        <v>5.0748040326613229</v>
      </c>
      <c r="BD2561" t="s">
        <v>9757</v>
      </c>
      <c r="BE2561" t="s">
        <v>62</v>
      </c>
    </row>
    <row r="2562" spans="1:57" x14ac:dyDescent="0.3">
      <c r="A2562" t="s">
        <v>9758</v>
      </c>
      <c r="B2562">
        <v>814</v>
      </c>
      <c r="C2562" t="s">
        <v>9759</v>
      </c>
      <c r="D2562" t="s">
        <v>9760</v>
      </c>
      <c r="E2562" t="s">
        <v>85</v>
      </c>
      <c r="F2562">
        <v>8</v>
      </c>
      <c r="G2562">
        <v>122.125</v>
      </c>
      <c r="H2562">
        <v>130.5</v>
      </c>
      <c r="I2562">
        <v>5816.359375</v>
      </c>
      <c r="J2562">
        <v>76.265059988175452</v>
      </c>
      <c r="K2562">
        <v>-0.14891455350842889</v>
      </c>
      <c r="L2562">
        <v>-1.213138081069898</v>
      </c>
      <c r="M2562">
        <v>3</v>
      </c>
      <c r="N2562">
        <v>1</v>
      </c>
      <c r="O2562">
        <v>1</v>
      </c>
      <c r="P2562">
        <v>0</v>
      </c>
      <c r="Q2562">
        <v>0</v>
      </c>
      <c r="R2562">
        <v>2.0794415416798362</v>
      </c>
      <c r="S2562">
        <v>1</v>
      </c>
      <c r="T2562">
        <v>1</v>
      </c>
      <c r="U2562">
        <v>0</v>
      </c>
      <c r="V2562">
        <v>0</v>
      </c>
      <c r="W2562">
        <v>1.945910149055313</v>
      </c>
      <c r="X2562">
        <v>1</v>
      </c>
      <c r="Y2562">
        <v>1</v>
      </c>
      <c r="Z2562">
        <v>0</v>
      </c>
      <c r="AA2562">
        <v>0</v>
      </c>
      <c r="AB2562">
        <v>1.791759469228055</v>
      </c>
      <c r="AC2562">
        <v>1</v>
      </c>
      <c r="AD2562">
        <v>1</v>
      </c>
      <c r="AE2562">
        <v>0</v>
      </c>
      <c r="AF2562">
        <v>0</v>
      </c>
      <c r="AG2562">
        <v>1.6094379124341009</v>
      </c>
      <c r="AH2562">
        <v>0.26844776452194369</v>
      </c>
      <c r="AI2562">
        <v>0.18648034772610661</v>
      </c>
      <c r="AJ2562">
        <v>-0.2169167918075901</v>
      </c>
      <c r="AK2562">
        <v>0</v>
      </c>
      <c r="AL2562">
        <v>302.63848662146978</v>
      </c>
      <c r="AM2562">
        <v>272.50127782354792</v>
      </c>
      <c r="AN2562">
        <v>977</v>
      </c>
      <c r="AO2562">
        <v>121.37956994486341</v>
      </c>
      <c r="AP2562">
        <v>157.28551213401099</v>
      </c>
      <c r="AQ2562">
        <v>3.5</v>
      </c>
      <c r="AR2562">
        <v>4.25</v>
      </c>
      <c r="AS2562">
        <v>8</v>
      </c>
      <c r="AT2562">
        <v>0</v>
      </c>
      <c r="AU2562">
        <v>0.2067099567099567</v>
      </c>
      <c r="AV2562">
        <v>0.30941647290896801</v>
      </c>
      <c r="AW2562">
        <v>0.25</v>
      </c>
      <c r="AX2562">
        <v>80</v>
      </c>
      <c r="AY2562">
        <v>62</v>
      </c>
      <c r="AZ2562">
        <v>102</v>
      </c>
      <c r="BA2562">
        <v>0.62448360276909276</v>
      </c>
      <c r="BB2562">
        <v>0.5</v>
      </c>
      <c r="BC2562">
        <v>1.945910149055313</v>
      </c>
      <c r="BD2562" t="s">
        <v>9759</v>
      </c>
      <c r="BE2562" t="s">
        <v>68</v>
      </c>
    </row>
    <row r="2563" spans="1:57" x14ac:dyDescent="0.3">
      <c r="A2563" t="s">
        <v>9761</v>
      </c>
      <c r="B2563">
        <v>3213</v>
      </c>
      <c r="C2563" t="s">
        <v>9762</v>
      </c>
      <c r="D2563" t="s">
        <v>9763</v>
      </c>
      <c r="E2563" t="s">
        <v>85</v>
      </c>
      <c r="F2563">
        <v>8</v>
      </c>
      <c r="G2563">
        <v>131.25</v>
      </c>
      <c r="H2563">
        <v>128.5</v>
      </c>
      <c r="I2563">
        <v>4726.6875</v>
      </c>
      <c r="J2563">
        <v>68.750909084898652</v>
      </c>
      <c r="K2563">
        <v>0.36799674954407241</v>
      </c>
      <c r="L2563">
        <v>-1.1994110523133059</v>
      </c>
      <c r="M2563">
        <v>3</v>
      </c>
      <c r="N2563">
        <v>1</v>
      </c>
      <c r="O2563">
        <v>1</v>
      </c>
      <c r="P2563">
        <v>0</v>
      </c>
      <c r="Q2563">
        <v>0</v>
      </c>
      <c r="R2563">
        <v>2.0794415416798362</v>
      </c>
      <c r="S2563">
        <v>1</v>
      </c>
      <c r="T2563">
        <v>1</v>
      </c>
      <c r="U2563">
        <v>0</v>
      </c>
      <c r="V2563">
        <v>0</v>
      </c>
      <c r="W2563">
        <v>1.945910149055313</v>
      </c>
      <c r="X2563">
        <v>1</v>
      </c>
      <c r="Y2563">
        <v>1</v>
      </c>
      <c r="Z2563">
        <v>0</v>
      </c>
      <c r="AA2563">
        <v>0</v>
      </c>
      <c r="AB2563">
        <v>1.791759469228055</v>
      </c>
      <c r="AC2563">
        <v>1</v>
      </c>
      <c r="AD2563">
        <v>1</v>
      </c>
      <c r="AE2563">
        <v>0</v>
      </c>
      <c r="AF2563">
        <v>0</v>
      </c>
      <c r="AG2563">
        <v>1.6094379124341009</v>
      </c>
      <c r="AH2563">
        <v>-7.6601279966149655E-2</v>
      </c>
      <c r="AI2563">
        <v>-0.25667750935512451</v>
      </c>
      <c r="AJ2563">
        <v>7.1051013526914994E-2</v>
      </c>
      <c r="AK2563">
        <v>0</v>
      </c>
      <c r="AL2563">
        <v>299.29088065474332</v>
      </c>
      <c r="AM2563">
        <v>293.34445410968362</v>
      </c>
      <c r="AN2563">
        <v>1050</v>
      </c>
      <c r="AO2563">
        <v>102.0938085806756</v>
      </c>
      <c r="AP2563">
        <v>213.53485701914869</v>
      </c>
      <c r="AQ2563">
        <v>3.5</v>
      </c>
      <c r="AR2563">
        <v>4.25</v>
      </c>
      <c r="AS2563">
        <v>8</v>
      </c>
      <c r="AT2563">
        <v>0</v>
      </c>
      <c r="AU2563">
        <v>0.34325396825396831</v>
      </c>
      <c r="AV2563">
        <v>-6.1086712314711029E-2</v>
      </c>
      <c r="AW2563">
        <v>0.5</v>
      </c>
      <c r="AX2563">
        <v>84</v>
      </c>
      <c r="AY2563">
        <v>67.5</v>
      </c>
      <c r="AZ2563">
        <v>112.25</v>
      </c>
      <c r="BA2563">
        <v>0.52381645017065637</v>
      </c>
      <c r="BB2563">
        <v>0.5</v>
      </c>
      <c r="BC2563">
        <v>1.945910149055313</v>
      </c>
      <c r="BD2563" t="s">
        <v>9762</v>
      </c>
      <c r="BE2563" t="s">
        <v>68</v>
      </c>
    </row>
    <row r="2564" spans="1:57" x14ac:dyDescent="0.3">
      <c r="A2564" t="s">
        <v>9764</v>
      </c>
      <c r="B2564">
        <v>3562</v>
      </c>
      <c r="C2564" t="s">
        <v>9765</v>
      </c>
      <c r="D2564" t="s">
        <v>9766</v>
      </c>
      <c r="E2564" t="s">
        <v>128</v>
      </c>
      <c r="F2564">
        <v>32</v>
      </c>
      <c r="G2564">
        <v>135.375</v>
      </c>
      <c r="H2564">
        <v>137.5</v>
      </c>
      <c r="I2564">
        <v>5543.796875</v>
      </c>
      <c r="J2564">
        <v>74.456677840204506</v>
      </c>
      <c r="K2564">
        <v>-0.1405893594932294</v>
      </c>
      <c r="L2564">
        <v>-1.2793937387363259</v>
      </c>
      <c r="M2564">
        <v>4.9375</v>
      </c>
      <c r="N2564">
        <v>2</v>
      </c>
      <c r="O2564">
        <v>1</v>
      </c>
      <c r="P2564">
        <v>1</v>
      </c>
      <c r="Q2564">
        <v>0.1766846959694085</v>
      </c>
      <c r="R2564">
        <v>3.422414204014729</v>
      </c>
      <c r="S2564">
        <v>1</v>
      </c>
      <c r="T2564">
        <v>1</v>
      </c>
      <c r="U2564">
        <v>0</v>
      </c>
      <c r="V2564">
        <v>0</v>
      </c>
      <c r="W2564">
        <v>3.4339872044851458</v>
      </c>
      <c r="X2564">
        <v>1</v>
      </c>
      <c r="Y2564">
        <v>1</v>
      </c>
      <c r="Z2564">
        <v>0</v>
      </c>
      <c r="AA2564">
        <v>0</v>
      </c>
      <c r="AB2564">
        <v>3.401197381662155</v>
      </c>
      <c r="AC2564">
        <v>1</v>
      </c>
      <c r="AD2564">
        <v>1</v>
      </c>
      <c r="AE2564">
        <v>0</v>
      </c>
      <c r="AF2564">
        <v>0</v>
      </c>
      <c r="AG2564">
        <v>3.3672958299864728</v>
      </c>
      <c r="AH2564">
        <v>0.2149198815962661</v>
      </c>
      <c r="AI2564">
        <v>-9.3305475150999281E-2</v>
      </c>
      <c r="AJ2564">
        <v>-0.22580814212393921</v>
      </c>
      <c r="AK2564">
        <v>9.4226056431315403E-2</v>
      </c>
      <c r="AL2564">
        <v>484.16702170630248</v>
      </c>
      <c r="AM2564">
        <v>727.61823444169454</v>
      </c>
      <c r="AN2564">
        <v>4332</v>
      </c>
      <c r="AO2564">
        <v>30.372241071270899</v>
      </c>
      <c r="AP2564">
        <v>372.78166314537469</v>
      </c>
      <c r="AQ2564">
        <v>1.65625</v>
      </c>
      <c r="AR2564">
        <v>3.84375</v>
      </c>
      <c r="AS2564">
        <v>32</v>
      </c>
      <c r="AT2564">
        <v>0.93749999999999978</v>
      </c>
      <c r="AU2564">
        <v>0.1001984126984127</v>
      </c>
      <c r="AV2564">
        <v>0.21885466755407881</v>
      </c>
      <c r="AW2564">
        <v>0.3125</v>
      </c>
      <c r="AX2564">
        <v>77.870967741935488</v>
      </c>
      <c r="AY2564">
        <v>66</v>
      </c>
      <c r="AZ2564">
        <v>131.75</v>
      </c>
      <c r="BA2564">
        <v>0.55000316040778952</v>
      </c>
      <c r="BB2564">
        <v>0.53125</v>
      </c>
      <c r="BC2564">
        <v>3.3445488586064429</v>
      </c>
      <c r="BD2564" t="s">
        <v>9767</v>
      </c>
      <c r="BE2564" t="s">
        <v>62</v>
      </c>
    </row>
    <row r="2565" spans="1:57" x14ac:dyDescent="0.3">
      <c r="A2565" t="s">
        <v>5748</v>
      </c>
      <c r="B2565">
        <v>2888</v>
      </c>
      <c r="C2565" t="s">
        <v>5749</v>
      </c>
      <c r="D2565" t="s">
        <v>5750</v>
      </c>
      <c r="E2565" t="s">
        <v>93</v>
      </c>
      <c r="F2565">
        <v>2888</v>
      </c>
      <c r="G2565">
        <v>127.064404432133</v>
      </c>
      <c r="H2565">
        <v>126</v>
      </c>
      <c r="I2565">
        <v>5474.2707828170442</v>
      </c>
      <c r="J2565">
        <v>73.988315177580873</v>
      </c>
      <c r="K2565">
        <v>2.7471845676882552E-2</v>
      </c>
      <c r="L2565">
        <v>-1.213790279742931</v>
      </c>
      <c r="M2565">
        <v>7.937397268233477</v>
      </c>
      <c r="N2565">
        <v>22</v>
      </c>
      <c r="O2565">
        <v>4</v>
      </c>
      <c r="P2565">
        <v>18</v>
      </c>
      <c r="Q2565">
        <v>3.2785703343835708</v>
      </c>
      <c r="R2565">
        <v>5.5017845374602441</v>
      </c>
      <c r="S2565">
        <v>3</v>
      </c>
      <c r="T2565">
        <v>1</v>
      </c>
      <c r="U2565">
        <v>2</v>
      </c>
      <c r="V2565">
        <v>0.14773987050707871</v>
      </c>
      <c r="W2565">
        <v>7.9385006461776282</v>
      </c>
      <c r="X2565">
        <v>1</v>
      </c>
      <c r="Y2565">
        <v>1</v>
      </c>
      <c r="Z2565">
        <v>0</v>
      </c>
      <c r="AA2565">
        <v>0</v>
      </c>
      <c r="AB2565">
        <v>7.9676267393338156</v>
      </c>
      <c r="AC2565">
        <v>1</v>
      </c>
      <c r="AD2565">
        <v>1</v>
      </c>
      <c r="AE2565">
        <v>0</v>
      </c>
      <c r="AF2565">
        <v>0</v>
      </c>
      <c r="AG2565">
        <v>7.9672801789422021</v>
      </c>
      <c r="AH2565">
        <v>-2.3999015953419661E-2</v>
      </c>
      <c r="AI2565">
        <v>-2.4638780735494411E-2</v>
      </c>
      <c r="AJ2565">
        <v>3.071022989743398E-2</v>
      </c>
      <c r="AK2565">
        <v>-1.204248861314235E-3</v>
      </c>
      <c r="AL2565">
        <v>3614.3028586897831</v>
      </c>
      <c r="AM2565">
        <v>7026.6860500286248</v>
      </c>
      <c r="AN2565">
        <v>366962</v>
      </c>
      <c r="AO2565">
        <v>125.9195628998213</v>
      </c>
      <c r="AP2565">
        <v>3222.2505303935682</v>
      </c>
      <c r="AQ2565">
        <v>1.0079639889196681</v>
      </c>
      <c r="AR2565">
        <v>3.9712603878116339</v>
      </c>
      <c r="AS2565">
        <v>2871</v>
      </c>
      <c r="AT2565">
        <v>243.92243767313019</v>
      </c>
      <c r="AU2565">
        <v>1.6051545271848381E-2</v>
      </c>
      <c r="AV2565">
        <v>-2.4012462766461861E-2</v>
      </c>
      <c r="AW2565">
        <v>0.38019390581717449</v>
      </c>
      <c r="AX2565">
        <v>86.313474194665744</v>
      </c>
      <c r="AY2565">
        <v>64</v>
      </c>
      <c r="AZ2565">
        <v>128</v>
      </c>
      <c r="BA2565">
        <v>0.58228986716023334</v>
      </c>
      <c r="BB2565">
        <v>0.49480609418282551</v>
      </c>
      <c r="BC2565">
        <v>5.3228431505951779</v>
      </c>
      <c r="BD2565" t="s">
        <v>5751</v>
      </c>
      <c r="BE2565" t="s">
        <v>68</v>
      </c>
    </row>
    <row r="2566" spans="1:57" x14ac:dyDescent="0.3">
      <c r="A2566" t="s">
        <v>9768</v>
      </c>
      <c r="B2566">
        <v>2486</v>
      </c>
      <c r="C2566" t="s">
        <v>9769</v>
      </c>
      <c r="D2566" t="s">
        <v>9770</v>
      </c>
      <c r="E2566" t="s">
        <v>10622</v>
      </c>
      <c r="F2566">
        <v>64</v>
      </c>
      <c r="G2566">
        <v>122.15625</v>
      </c>
      <c r="H2566">
        <v>127</v>
      </c>
      <c r="I2566">
        <v>4989.2568359375</v>
      </c>
      <c r="J2566">
        <v>70.634671627590222</v>
      </c>
      <c r="K2566">
        <v>-5.0091025341348619E-3</v>
      </c>
      <c r="L2566">
        <v>-1.09930116021141</v>
      </c>
      <c r="M2566">
        <v>5.769454882778696</v>
      </c>
      <c r="N2566">
        <v>3</v>
      </c>
      <c r="O2566">
        <v>1</v>
      </c>
      <c r="P2566">
        <v>2</v>
      </c>
      <c r="Q2566">
        <v>0.37790630225505289</v>
      </c>
      <c r="R2566">
        <v>3.9990813853658631</v>
      </c>
      <c r="S2566">
        <v>1</v>
      </c>
      <c r="T2566">
        <v>1</v>
      </c>
      <c r="U2566">
        <v>0</v>
      </c>
      <c r="V2566">
        <v>0</v>
      </c>
      <c r="W2566">
        <v>4.1431347263915326</v>
      </c>
      <c r="X2566">
        <v>1</v>
      </c>
      <c r="Y2566">
        <v>1</v>
      </c>
      <c r="Z2566">
        <v>0</v>
      </c>
      <c r="AA2566">
        <v>0</v>
      </c>
      <c r="AB2566">
        <v>4.1271343850450908</v>
      </c>
      <c r="AC2566">
        <v>1</v>
      </c>
      <c r="AD2566">
        <v>1</v>
      </c>
      <c r="AE2566">
        <v>0</v>
      </c>
      <c r="AF2566">
        <v>0</v>
      </c>
      <c r="AG2566">
        <v>4.1108738641733096</v>
      </c>
      <c r="AH2566">
        <v>-0.16565777183064631</v>
      </c>
      <c r="AI2566">
        <v>7.4726814146959114E-2</v>
      </c>
      <c r="AJ2566">
        <v>8.5895210955218432E-2</v>
      </c>
      <c r="AK2566">
        <v>-8.7281756416472192E-2</v>
      </c>
      <c r="AL2566">
        <v>626.75998509727742</v>
      </c>
      <c r="AM2566">
        <v>938.88333731133002</v>
      </c>
      <c r="AN2566">
        <v>7818</v>
      </c>
      <c r="AO2566">
        <v>27.632871158622859</v>
      </c>
      <c r="AP2566">
        <v>515.46708381245594</v>
      </c>
      <c r="AQ2566">
        <v>1.359375</v>
      </c>
      <c r="AR2566">
        <v>4.03125</v>
      </c>
      <c r="AS2566">
        <v>63</v>
      </c>
      <c r="AT2566">
        <v>7.25</v>
      </c>
      <c r="AU2566">
        <v>8.0348320158102782E-2</v>
      </c>
      <c r="AV2566">
        <v>-0.16711392666231209</v>
      </c>
      <c r="AW2566">
        <v>0.390625</v>
      </c>
      <c r="AX2566">
        <v>88.539682539682545</v>
      </c>
      <c r="AY2566">
        <v>61</v>
      </c>
      <c r="AZ2566">
        <v>127.25</v>
      </c>
      <c r="BA2566">
        <v>0.57823215453642551</v>
      </c>
      <c r="BB2566">
        <v>0.515625</v>
      </c>
      <c r="BC2566">
        <v>3.901083330005521</v>
      </c>
      <c r="BD2566" t="s">
        <v>9771</v>
      </c>
      <c r="BE2566" t="s">
        <v>62</v>
      </c>
    </row>
    <row r="2567" spans="1:57" x14ac:dyDescent="0.3">
      <c r="A2567" t="s">
        <v>9772</v>
      </c>
      <c r="B2567">
        <v>3639</v>
      </c>
      <c r="C2567" t="s">
        <v>9773</v>
      </c>
      <c r="D2567" t="s">
        <v>9774</v>
      </c>
      <c r="E2567" t="s">
        <v>66</v>
      </c>
      <c r="F2567">
        <v>72</v>
      </c>
      <c r="G2567">
        <v>118.7638888888889</v>
      </c>
      <c r="H2567">
        <v>124.5</v>
      </c>
      <c r="I2567">
        <v>5186.4303626543206</v>
      </c>
      <c r="J2567">
        <v>72.016875540766975</v>
      </c>
      <c r="K2567">
        <v>3.0040650156693379E-2</v>
      </c>
      <c r="L2567">
        <v>-1.0953177799258289</v>
      </c>
      <c r="M2567">
        <v>5.9477027792200943</v>
      </c>
      <c r="N2567">
        <v>2</v>
      </c>
      <c r="O2567">
        <v>1</v>
      </c>
      <c r="P2567">
        <v>1</v>
      </c>
      <c r="Q2567">
        <v>0.33071891388307378</v>
      </c>
      <c r="R2567">
        <v>4.1226334122249559</v>
      </c>
      <c r="S2567">
        <v>2</v>
      </c>
      <c r="T2567">
        <v>1</v>
      </c>
      <c r="U2567">
        <v>1</v>
      </c>
      <c r="V2567">
        <v>0.16776575221435111</v>
      </c>
      <c r="W2567">
        <v>4.2236293316576567</v>
      </c>
      <c r="X2567">
        <v>2</v>
      </c>
      <c r="Y2567">
        <v>1</v>
      </c>
      <c r="Z2567">
        <v>1</v>
      </c>
      <c r="AA2567">
        <v>0.11951030798891769</v>
      </c>
      <c r="AB2567">
        <v>4.2286910368905044</v>
      </c>
      <c r="AC2567">
        <v>1</v>
      </c>
      <c r="AD2567">
        <v>1</v>
      </c>
      <c r="AE2567">
        <v>0</v>
      </c>
      <c r="AF2567">
        <v>0</v>
      </c>
      <c r="AG2567">
        <v>4.2341065045972579</v>
      </c>
      <c r="AH2567">
        <v>0.13593632876149389</v>
      </c>
      <c r="AI2567">
        <v>0.14681407319121181</v>
      </c>
      <c r="AJ2567">
        <v>-0.1928055249174517</v>
      </c>
      <c r="AK2567">
        <v>5.7222070039025458E-3</v>
      </c>
      <c r="AL2567">
        <v>641.94375186859634</v>
      </c>
      <c r="AM2567">
        <v>988.37301634396613</v>
      </c>
      <c r="AN2567">
        <v>8551</v>
      </c>
      <c r="AO2567">
        <v>36.670754174226367</v>
      </c>
      <c r="AP2567">
        <v>501.51738612933917</v>
      </c>
      <c r="AQ2567">
        <v>1.319444444444444</v>
      </c>
      <c r="AR2567">
        <v>3.7222222222222219</v>
      </c>
      <c r="AS2567">
        <v>71</v>
      </c>
      <c r="AT2567">
        <v>6.2222222222222214</v>
      </c>
      <c r="AU2567">
        <v>7.2299077733860351E-2</v>
      </c>
      <c r="AV2567">
        <v>0.13754834539602509</v>
      </c>
      <c r="AW2567">
        <v>0.3611111111111111</v>
      </c>
      <c r="AX2567">
        <v>72.661971830985919</v>
      </c>
      <c r="AY2567">
        <v>56.5</v>
      </c>
      <c r="AZ2567">
        <v>113.75</v>
      </c>
      <c r="BA2567">
        <v>0.60638697683723797</v>
      </c>
      <c r="BB2567">
        <v>0.51388888888888884</v>
      </c>
      <c r="BC2567">
        <v>3.974586675024308</v>
      </c>
      <c r="BD2567" t="s">
        <v>9775</v>
      </c>
      <c r="BE2567" t="s">
        <v>68</v>
      </c>
    </row>
    <row r="2568" spans="1:57" x14ac:dyDescent="0.3">
      <c r="A2568" t="s">
        <v>9776</v>
      </c>
      <c r="B2568">
        <v>1181</v>
      </c>
      <c r="C2568" t="s">
        <v>9777</v>
      </c>
      <c r="D2568" t="s">
        <v>9778</v>
      </c>
      <c r="E2568" t="s">
        <v>128</v>
      </c>
      <c r="F2568">
        <v>32</v>
      </c>
      <c r="G2568">
        <v>126.5</v>
      </c>
      <c r="H2568">
        <v>136</v>
      </c>
      <c r="I2568">
        <v>4181.0625</v>
      </c>
      <c r="J2568">
        <v>64.661135931871783</v>
      </c>
      <c r="K2568">
        <v>-0.40188922410635491</v>
      </c>
      <c r="L2568">
        <v>-0.74555390608831384</v>
      </c>
      <c r="M2568">
        <v>5</v>
      </c>
      <c r="N2568">
        <v>1</v>
      </c>
      <c r="O2568">
        <v>1</v>
      </c>
      <c r="P2568">
        <v>0</v>
      </c>
      <c r="Q2568">
        <v>0</v>
      </c>
      <c r="R2568">
        <v>3.465735902799727</v>
      </c>
      <c r="S2568">
        <v>1</v>
      </c>
      <c r="T2568">
        <v>1</v>
      </c>
      <c r="U2568">
        <v>0</v>
      </c>
      <c r="V2568">
        <v>0</v>
      </c>
      <c r="W2568">
        <v>3.4339872044851458</v>
      </c>
      <c r="X2568">
        <v>1</v>
      </c>
      <c r="Y2568">
        <v>1</v>
      </c>
      <c r="Z2568">
        <v>0</v>
      </c>
      <c r="AA2568">
        <v>0</v>
      </c>
      <c r="AB2568">
        <v>3.401197381662155</v>
      </c>
      <c r="AC2568">
        <v>1</v>
      </c>
      <c r="AD2568">
        <v>1</v>
      </c>
      <c r="AE2568">
        <v>0</v>
      </c>
      <c r="AF2568">
        <v>0</v>
      </c>
      <c r="AG2568">
        <v>3.3672958299864728</v>
      </c>
      <c r="AH2568">
        <v>-0.14546429585781129</v>
      </c>
      <c r="AI2568">
        <v>0.12907529485627159</v>
      </c>
      <c r="AJ2568">
        <v>5.1170082365427451E-2</v>
      </c>
      <c r="AK2568">
        <v>-0.34678311433995551</v>
      </c>
      <c r="AL2568">
        <v>454.01122979468119</v>
      </c>
      <c r="AM2568">
        <v>663.12879836448155</v>
      </c>
      <c r="AN2568">
        <v>4048</v>
      </c>
      <c r="AO2568">
        <v>34</v>
      </c>
      <c r="AP2568">
        <v>347.42984311456559</v>
      </c>
      <c r="AQ2568">
        <v>1.65625</v>
      </c>
      <c r="AR2568">
        <v>3.65625</v>
      </c>
      <c r="AS2568">
        <v>32</v>
      </c>
      <c r="AT2568">
        <v>0</v>
      </c>
      <c r="AU2568">
        <v>0.14949999999999999</v>
      </c>
      <c r="AV2568">
        <v>-0.14883682272955359</v>
      </c>
      <c r="AW2568">
        <v>0.21875</v>
      </c>
      <c r="AX2568">
        <v>81.161290322580641</v>
      </c>
      <c r="AY2568">
        <v>44</v>
      </c>
      <c r="AZ2568">
        <v>88.5</v>
      </c>
      <c r="BA2568">
        <v>0.51115522475787967</v>
      </c>
      <c r="BB2568">
        <v>0.625</v>
      </c>
      <c r="BC2568">
        <v>3.3892680315457948</v>
      </c>
      <c r="BD2568" t="s">
        <v>9779</v>
      </c>
      <c r="BE2568" t="s">
        <v>62</v>
      </c>
    </row>
    <row r="2569" spans="1:57" x14ac:dyDescent="0.3">
      <c r="A2569" t="s">
        <v>9780</v>
      </c>
      <c r="B2569">
        <v>2588</v>
      </c>
      <c r="C2569" t="s">
        <v>9781</v>
      </c>
      <c r="D2569" t="s">
        <v>9782</v>
      </c>
      <c r="E2569" t="s">
        <v>85</v>
      </c>
      <c r="F2569">
        <v>8</v>
      </c>
      <c r="G2569">
        <v>123.25</v>
      </c>
      <c r="H2569">
        <v>139</v>
      </c>
      <c r="I2569">
        <v>4402.6875</v>
      </c>
      <c r="J2569">
        <v>66.352750508174111</v>
      </c>
      <c r="K2569">
        <v>-0.60227475826131605</v>
      </c>
      <c r="L2569">
        <v>-1.0257247597836401</v>
      </c>
      <c r="M2569">
        <v>3</v>
      </c>
      <c r="N2569">
        <v>1</v>
      </c>
      <c r="O2569">
        <v>1</v>
      </c>
      <c r="P2569">
        <v>0</v>
      </c>
      <c r="Q2569">
        <v>0</v>
      </c>
      <c r="R2569">
        <v>2.0794415416798362</v>
      </c>
      <c r="S2569">
        <v>1</v>
      </c>
      <c r="T2569">
        <v>1</v>
      </c>
      <c r="U2569">
        <v>0</v>
      </c>
      <c r="V2569">
        <v>0</v>
      </c>
      <c r="W2569">
        <v>1.945910149055313</v>
      </c>
      <c r="X2569">
        <v>1</v>
      </c>
      <c r="Y2569">
        <v>1</v>
      </c>
      <c r="Z2569">
        <v>0</v>
      </c>
      <c r="AA2569">
        <v>0</v>
      </c>
      <c r="AB2569">
        <v>1.791759469228055</v>
      </c>
      <c r="AC2569">
        <v>1</v>
      </c>
      <c r="AD2569">
        <v>1</v>
      </c>
      <c r="AE2569">
        <v>0</v>
      </c>
      <c r="AF2569">
        <v>0</v>
      </c>
      <c r="AG2569">
        <v>1.6094379124341009</v>
      </c>
      <c r="AH2569">
        <v>-0.44485789929446501</v>
      </c>
      <c r="AI2569">
        <v>-2.650014905668413E-2</v>
      </c>
      <c r="AJ2569">
        <v>-0.14151335122013539</v>
      </c>
      <c r="AK2569">
        <v>0</v>
      </c>
      <c r="AL2569">
        <v>278.8587931698263</v>
      </c>
      <c r="AM2569">
        <v>281.04051927056361</v>
      </c>
      <c r="AN2569">
        <v>986</v>
      </c>
      <c r="AO2569">
        <v>65.295961312513995</v>
      </c>
      <c r="AP2569">
        <v>202.56960568339551</v>
      </c>
      <c r="AQ2569">
        <v>3.5</v>
      </c>
      <c r="AR2569">
        <v>3.75</v>
      </c>
      <c r="AS2569">
        <v>8</v>
      </c>
      <c r="AT2569">
        <v>0</v>
      </c>
      <c r="AU2569">
        <v>0.24752475247524749</v>
      </c>
      <c r="AV2569">
        <v>-0.52221888363308067</v>
      </c>
      <c r="AW2569">
        <v>0.375</v>
      </c>
      <c r="AX2569">
        <v>97.428571428571431</v>
      </c>
      <c r="AY2569">
        <v>40</v>
      </c>
      <c r="AZ2569">
        <v>90</v>
      </c>
      <c r="BA2569">
        <v>0.53835903049228484</v>
      </c>
      <c r="BB2569">
        <v>0.5</v>
      </c>
      <c r="BC2569">
        <v>1.945910149055313</v>
      </c>
      <c r="BD2569" t="s">
        <v>9781</v>
      </c>
      <c r="BE2569" t="s">
        <v>68</v>
      </c>
    </row>
    <row r="2570" spans="1:57" x14ac:dyDescent="0.3">
      <c r="A2570" t="s">
        <v>9783</v>
      </c>
      <c r="B2570">
        <v>1432</v>
      </c>
      <c r="C2570" t="s">
        <v>9784</v>
      </c>
      <c r="D2570" t="s">
        <v>9785</v>
      </c>
      <c r="E2570" t="s">
        <v>106</v>
      </c>
      <c r="F2570">
        <v>1448</v>
      </c>
      <c r="G2570">
        <v>128.56284530386739</v>
      </c>
      <c r="H2570">
        <v>129</v>
      </c>
      <c r="I2570">
        <v>5453.7985366556277</v>
      </c>
      <c r="J2570">
        <v>73.849837756461099</v>
      </c>
      <c r="K2570">
        <v>-2.0971991655369171E-2</v>
      </c>
      <c r="L2570">
        <v>-1.1921505649459481</v>
      </c>
      <c r="M2570">
        <v>7.8696454740217501</v>
      </c>
      <c r="N2570">
        <v>13</v>
      </c>
      <c r="O2570">
        <v>1</v>
      </c>
      <c r="P2570">
        <v>12</v>
      </c>
      <c r="Q2570">
        <v>2.3698546237058511</v>
      </c>
      <c r="R2570">
        <v>5.454822572324515</v>
      </c>
      <c r="S2570">
        <v>2</v>
      </c>
      <c r="T2570">
        <v>1</v>
      </c>
      <c r="U2570">
        <v>1</v>
      </c>
      <c r="V2570">
        <v>8.312950958395518E-2</v>
      </c>
      <c r="W2570">
        <v>7.2676672541980363</v>
      </c>
      <c r="X2570">
        <v>1</v>
      </c>
      <c r="Y2570">
        <v>1</v>
      </c>
      <c r="Z2570">
        <v>0</v>
      </c>
      <c r="AA2570">
        <v>0</v>
      </c>
      <c r="AB2570">
        <v>7.2765564027187111</v>
      </c>
      <c r="AC2570">
        <v>1</v>
      </c>
      <c r="AD2570">
        <v>1</v>
      </c>
      <c r="AE2570">
        <v>0</v>
      </c>
      <c r="AF2570">
        <v>0</v>
      </c>
      <c r="AG2570">
        <v>7.2758646005465346</v>
      </c>
      <c r="AH2570">
        <v>-9.4370902779496967E-3</v>
      </c>
      <c r="AI2570">
        <v>-1.8250228369901152E-2</v>
      </c>
      <c r="AJ2570">
        <v>-9.5515689607231866E-3</v>
      </c>
      <c r="AK2570">
        <v>-3.2696430671153007E-2</v>
      </c>
      <c r="AL2570">
        <v>2638.6169286245072</v>
      </c>
      <c r="AM2570">
        <v>4986.7756821393277</v>
      </c>
      <c r="AN2570">
        <v>186159</v>
      </c>
      <c r="AO2570">
        <v>135.1702314425811</v>
      </c>
      <c r="AP2570">
        <v>2385.1880124146678</v>
      </c>
      <c r="AQ2570">
        <v>1.015883977900552</v>
      </c>
      <c r="AR2570">
        <v>4.0676795580110499</v>
      </c>
      <c r="AS2570">
        <v>1447</v>
      </c>
      <c r="AT2570">
        <v>254.18784530386739</v>
      </c>
      <c r="AU2570">
        <v>1.8760155996100088E-2</v>
      </c>
      <c r="AV2570">
        <v>-9.4453467070881522E-3</v>
      </c>
      <c r="AW2570">
        <v>0.36809392265193369</v>
      </c>
      <c r="AX2570">
        <v>85.675881133379406</v>
      </c>
      <c r="AY2570">
        <v>64</v>
      </c>
      <c r="AZ2570">
        <v>128</v>
      </c>
      <c r="BA2570">
        <v>0.57442597495343062</v>
      </c>
      <c r="BB2570">
        <v>0.50138121546961323</v>
      </c>
      <c r="BC2570">
        <v>5.2601289673677698</v>
      </c>
      <c r="BD2570" t="s">
        <v>9786</v>
      </c>
      <c r="BE2570" t="s">
        <v>68</v>
      </c>
    </row>
    <row r="2571" spans="1:57" x14ac:dyDescent="0.3">
      <c r="A2571" t="s">
        <v>9787</v>
      </c>
      <c r="B2571">
        <v>2483</v>
      </c>
      <c r="C2571" t="s">
        <v>9788</v>
      </c>
      <c r="D2571" t="s">
        <v>9789</v>
      </c>
      <c r="E2571" t="s">
        <v>93</v>
      </c>
      <c r="F2571">
        <v>2495</v>
      </c>
      <c r="G2571">
        <v>125.6689378757515</v>
      </c>
      <c r="H2571">
        <v>125</v>
      </c>
      <c r="I2571">
        <v>5591.0206583909303</v>
      </c>
      <c r="J2571">
        <v>74.773127916323858</v>
      </c>
      <c r="K2571">
        <v>2.867850561934248E-2</v>
      </c>
      <c r="L2571">
        <v>-1.207284595643239</v>
      </c>
      <c r="M2571">
        <v>7.9294106648420462</v>
      </c>
      <c r="N2571">
        <v>19</v>
      </c>
      <c r="O2571">
        <v>3</v>
      </c>
      <c r="P2571">
        <v>16</v>
      </c>
      <c r="Q2571">
        <v>3.0223749546029088</v>
      </c>
      <c r="R2571">
        <v>5.4962486458372393</v>
      </c>
      <c r="S2571">
        <v>2</v>
      </c>
      <c r="T2571">
        <v>1</v>
      </c>
      <c r="U2571">
        <v>1</v>
      </c>
      <c r="V2571">
        <v>0.1281985260306106</v>
      </c>
      <c r="W2571">
        <v>7.798853202901606</v>
      </c>
      <c r="X2571">
        <v>1</v>
      </c>
      <c r="Y2571">
        <v>1</v>
      </c>
      <c r="Z2571">
        <v>0</v>
      </c>
      <c r="AA2571">
        <v>0</v>
      </c>
      <c r="AB2571">
        <v>7.8212420835235577</v>
      </c>
      <c r="AC2571">
        <v>1</v>
      </c>
      <c r="AD2571">
        <v>1</v>
      </c>
      <c r="AE2571">
        <v>0</v>
      </c>
      <c r="AF2571">
        <v>0</v>
      </c>
      <c r="AG2571">
        <v>7.820840879907343</v>
      </c>
      <c r="AH2571">
        <v>-5.3997601510196299E-3</v>
      </c>
      <c r="AI2571">
        <v>-3.7690361346175388E-3</v>
      </c>
      <c r="AJ2571">
        <v>-7.0081280102742623E-4</v>
      </c>
      <c r="AK2571">
        <v>8.7379249179150367E-3</v>
      </c>
      <c r="AL2571">
        <v>3412.1905696275721</v>
      </c>
      <c r="AM2571">
        <v>6458.273261216551</v>
      </c>
      <c r="AN2571">
        <v>313544</v>
      </c>
      <c r="AO2571">
        <v>65.277398834497021</v>
      </c>
      <c r="AP2571">
        <v>3071.359568937949</v>
      </c>
      <c r="AQ2571">
        <v>1.009218436873748</v>
      </c>
      <c r="AR2571">
        <v>3.9915831663326649</v>
      </c>
      <c r="AS2571">
        <v>2480</v>
      </c>
      <c r="AT2571">
        <v>239.9418837675351</v>
      </c>
      <c r="AU2571">
        <v>2.1179614130221212E-2</v>
      </c>
      <c r="AV2571">
        <v>-5.4038780273048719E-3</v>
      </c>
      <c r="AW2571">
        <v>0.36953907815631271</v>
      </c>
      <c r="AX2571">
        <v>86.206495589414601</v>
      </c>
      <c r="AY2571">
        <v>65</v>
      </c>
      <c r="AZ2571">
        <v>131</v>
      </c>
      <c r="BA2571">
        <v>0.5950008743628582</v>
      </c>
      <c r="BB2571">
        <v>0.49979959919839678</v>
      </c>
      <c r="BC2571">
        <v>5.3036265368395128</v>
      </c>
      <c r="BD2571" t="s">
        <v>9790</v>
      </c>
      <c r="BE2571" t="s">
        <v>68</v>
      </c>
    </row>
    <row r="2572" spans="1:57" x14ac:dyDescent="0.3">
      <c r="A2572" t="s">
        <v>9791</v>
      </c>
      <c r="B2572">
        <v>2731</v>
      </c>
      <c r="C2572" t="s">
        <v>9792</v>
      </c>
      <c r="D2572" t="s">
        <v>9793</v>
      </c>
      <c r="E2572" t="s">
        <v>93</v>
      </c>
      <c r="F2572">
        <v>2731</v>
      </c>
      <c r="G2572">
        <v>127.86525082387401</v>
      </c>
      <c r="H2572">
        <v>126</v>
      </c>
      <c r="I2572">
        <v>5498.5537943255886</v>
      </c>
      <c r="J2572">
        <v>74.152233913251663</v>
      </c>
      <c r="K2572">
        <v>3.3731565154127199E-3</v>
      </c>
      <c r="L2572">
        <v>-1.211944050764818</v>
      </c>
      <c r="M2572">
        <v>7.9241816518161627</v>
      </c>
      <c r="N2572">
        <v>21</v>
      </c>
      <c r="O2572">
        <v>1</v>
      </c>
      <c r="P2572">
        <v>20</v>
      </c>
      <c r="Q2572">
        <v>3.3916126693688708</v>
      </c>
      <c r="R2572">
        <v>5.4926241702012248</v>
      </c>
      <c r="S2572">
        <v>2</v>
      </c>
      <c r="T2572">
        <v>1</v>
      </c>
      <c r="U2572">
        <v>1</v>
      </c>
      <c r="V2572">
        <v>0.13530943555573691</v>
      </c>
      <c r="W2572">
        <v>7.8866668815650893</v>
      </c>
      <c r="X2572">
        <v>2</v>
      </c>
      <c r="Y2572">
        <v>1</v>
      </c>
      <c r="Z2572">
        <v>1</v>
      </c>
      <c r="AA2572">
        <v>1.91424800427374E-2</v>
      </c>
      <c r="AB2572">
        <v>7.9111825345005284</v>
      </c>
      <c r="AC2572">
        <v>1</v>
      </c>
      <c r="AD2572">
        <v>1</v>
      </c>
      <c r="AE2572">
        <v>0</v>
      </c>
      <c r="AF2572">
        <v>0</v>
      </c>
      <c r="AG2572">
        <v>7.9113240189633522</v>
      </c>
      <c r="AH2572">
        <v>1.7162675006567811E-2</v>
      </c>
      <c r="AI2572">
        <v>7.0760982408466357E-4</v>
      </c>
      <c r="AJ2572">
        <v>-2.1633623702507921E-2</v>
      </c>
      <c r="AK2572">
        <v>6.4462192682482886E-3</v>
      </c>
      <c r="AL2572">
        <v>3544.2358418662511</v>
      </c>
      <c r="AM2572">
        <v>6863.3438131300572</v>
      </c>
      <c r="AN2572">
        <v>349200</v>
      </c>
      <c r="AO2572">
        <v>62.270368645538689</v>
      </c>
      <c r="AP2572">
        <v>3191.5161080374141</v>
      </c>
      <c r="AQ2572">
        <v>1.008421823507873</v>
      </c>
      <c r="AR2572">
        <v>4.0325887953130719</v>
      </c>
      <c r="AS2572">
        <v>2725</v>
      </c>
      <c r="AT2572">
        <v>276.03917978762348</v>
      </c>
      <c r="AU2572">
        <v>1.6190291568842888E-2</v>
      </c>
      <c r="AV2572">
        <v>1.7163809575969219E-2</v>
      </c>
      <c r="AW2572">
        <v>0.37715122665690232</v>
      </c>
      <c r="AX2572">
        <v>84.661904761904765</v>
      </c>
      <c r="AY2572">
        <v>64</v>
      </c>
      <c r="AZ2572">
        <v>128</v>
      </c>
      <c r="BA2572">
        <v>0.57992483051858623</v>
      </c>
      <c r="BB2572">
        <v>0.49176125961186379</v>
      </c>
      <c r="BC2572">
        <v>5.3054694444889927</v>
      </c>
      <c r="BD2572" t="s">
        <v>9794</v>
      </c>
      <c r="BE2572" t="s">
        <v>68</v>
      </c>
    </row>
    <row r="2573" spans="1:57" x14ac:dyDescent="0.3">
      <c r="A2573" t="s">
        <v>9795</v>
      </c>
      <c r="B2573">
        <v>145</v>
      </c>
      <c r="C2573" t="s">
        <v>9796</v>
      </c>
      <c r="D2573" t="s">
        <v>9797</v>
      </c>
      <c r="E2573" t="s">
        <v>60</v>
      </c>
      <c r="F2573">
        <v>256</v>
      </c>
      <c r="G2573">
        <v>127.50390625</v>
      </c>
      <c r="H2573">
        <v>123</v>
      </c>
      <c r="I2573">
        <v>6113.3671722412109</v>
      </c>
      <c r="J2573">
        <v>78.188024480998436</v>
      </c>
      <c r="K2573">
        <v>4.7705360893729877E-2</v>
      </c>
      <c r="L2573">
        <v>-1.3435335581469801</v>
      </c>
      <c r="M2573">
        <v>7.1956507695381449</v>
      </c>
      <c r="N2573">
        <v>5</v>
      </c>
      <c r="O2573">
        <v>1</v>
      </c>
      <c r="P2573">
        <v>4</v>
      </c>
      <c r="Q2573">
        <v>0.79782571872176233</v>
      </c>
      <c r="R2573">
        <v>4.9876450431993664</v>
      </c>
      <c r="S2573">
        <v>1</v>
      </c>
      <c r="T2573">
        <v>1</v>
      </c>
      <c r="U2573">
        <v>0</v>
      </c>
      <c r="V2573">
        <v>0</v>
      </c>
      <c r="W2573">
        <v>5.541263545158424</v>
      </c>
      <c r="X2573">
        <v>1</v>
      </c>
      <c r="Y2573">
        <v>1</v>
      </c>
      <c r="Z2573">
        <v>0</v>
      </c>
      <c r="AA2573">
        <v>0</v>
      </c>
      <c r="AB2573">
        <v>5.5373342670185366</v>
      </c>
      <c r="AC2573">
        <v>1</v>
      </c>
      <c r="AD2573">
        <v>1</v>
      </c>
      <c r="AE2573">
        <v>0</v>
      </c>
      <c r="AF2573">
        <v>0</v>
      </c>
      <c r="AG2573">
        <v>5.5333894887275203</v>
      </c>
      <c r="AH2573">
        <v>-5.6342875741745582E-2</v>
      </c>
      <c r="AI2573">
        <v>4.3989265396950007E-2</v>
      </c>
      <c r="AJ2573">
        <v>7.1851139144129966E-2</v>
      </c>
      <c r="AK2573">
        <v>1.302136241425156E-2</v>
      </c>
      <c r="AL2573">
        <v>1232.4583361452169</v>
      </c>
      <c r="AM2573">
        <v>2051.3223661009902</v>
      </c>
      <c r="AN2573">
        <v>32641</v>
      </c>
      <c r="AO2573">
        <v>106.80153666930801</v>
      </c>
      <c r="AP2573">
        <v>1066.3640463727011</v>
      </c>
      <c r="AQ2573">
        <v>1.08984375</v>
      </c>
      <c r="AR2573">
        <v>4.11328125</v>
      </c>
      <c r="AS2573">
        <v>255</v>
      </c>
      <c r="AT2573">
        <v>66.875</v>
      </c>
      <c r="AU2573">
        <v>5.6194635826771637E-2</v>
      </c>
      <c r="AV2573">
        <v>-5.6515329892152293E-2</v>
      </c>
      <c r="AW2573">
        <v>0.3828125</v>
      </c>
      <c r="AX2573">
        <v>92.51372549019608</v>
      </c>
      <c r="AY2573">
        <v>70.5</v>
      </c>
      <c r="AZ2573">
        <v>142.25</v>
      </c>
      <c r="BA2573">
        <v>0.61322062029765023</v>
      </c>
      <c r="BB2573">
        <v>0.48828125</v>
      </c>
      <c r="BC2573">
        <v>4.8572847309318172</v>
      </c>
      <c r="BD2573" t="s">
        <v>9798</v>
      </c>
      <c r="BE2573" t="s">
        <v>62</v>
      </c>
    </row>
    <row r="2574" spans="1:57" x14ac:dyDescent="0.3">
      <c r="A2574" t="s">
        <v>9799</v>
      </c>
      <c r="B2574">
        <v>924</v>
      </c>
      <c r="C2574" t="s">
        <v>9800</v>
      </c>
      <c r="D2574" t="s">
        <v>9801</v>
      </c>
      <c r="E2574" t="s">
        <v>72</v>
      </c>
      <c r="F2574">
        <v>928</v>
      </c>
      <c r="G2574">
        <v>128.5625</v>
      </c>
      <c r="H2574">
        <v>129.5</v>
      </c>
      <c r="I2574">
        <v>5149.8042834051721</v>
      </c>
      <c r="J2574">
        <v>71.762136836950248</v>
      </c>
      <c r="K2574">
        <v>-3.0408171761038591E-2</v>
      </c>
      <c r="L2574">
        <v>-1.172299063879509</v>
      </c>
      <c r="M2574">
        <v>7.7780279855653376</v>
      </c>
      <c r="N2574">
        <v>10</v>
      </c>
      <c r="O2574">
        <v>1</v>
      </c>
      <c r="P2574">
        <v>9</v>
      </c>
      <c r="Q2574">
        <v>1.8390997414953649</v>
      </c>
      <c r="R2574">
        <v>5.3913181685109599</v>
      </c>
      <c r="S2574">
        <v>2</v>
      </c>
      <c r="T2574">
        <v>1</v>
      </c>
      <c r="U2574">
        <v>1</v>
      </c>
      <c r="V2574">
        <v>5.688771255823126E-2</v>
      </c>
      <c r="W2574">
        <v>6.8274671760476657</v>
      </c>
      <c r="X2574">
        <v>1</v>
      </c>
      <c r="Y2574">
        <v>1</v>
      </c>
      <c r="Z2574">
        <v>0</v>
      </c>
      <c r="AA2574">
        <v>0</v>
      </c>
      <c r="AB2574">
        <v>6.8308742346461777</v>
      </c>
      <c r="AC2574">
        <v>1</v>
      </c>
      <c r="AD2574">
        <v>1</v>
      </c>
      <c r="AE2574">
        <v>0</v>
      </c>
      <c r="AF2574">
        <v>0</v>
      </c>
      <c r="AG2574">
        <v>6.8297937375124249</v>
      </c>
      <c r="AH2574">
        <v>-1.7414468804223839E-2</v>
      </c>
      <c r="AI2574">
        <v>-1.7290586636424049E-4</v>
      </c>
      <c r="AJ2574">
        <v>-9.9917264978605577E-3</v>
      </c>
      <c r="AK2574">
        <v>1.7642003926695508E-2</v>
      </c>
      <c r="AL2574">
        <v>2061.6820054842578</v>
      </c>
      <c r="AM2574">
        <v>3983.3105965091909</v>
      </c>
      <c r="AN2574">
        <v>119306</v>
      </c>
      <c r="AO2574">
        <v>104.2419905667893</v>
      </c>
      <c r="AP2574">
        <v>1836.7522503562859</v>
      </c>
      <c r="AQ2574">
        <v>1.024784482758621</v>
      </c>
      <c r="AR2574">
        <v>3.9978448275862069</v>
      </c>
      <c r="AS2574">
        <v>926</v>
      </c>
      <c r="AT2574">
        <v>222.3599137931034</v>
      </c>
      <c r="AU2574">
        <v>2.7087559161595661E-2</v>
      </c>
      <c r="AV2574">
        <v>-1.7425362326379781E-2</v>
      </c>
      <c r="AW2574">
        <v>0.36961206896551718</v>
      </c>
      <c r="AX2574">
        <v>84.317152103559877</v>
      </c>
      <c r="AY2574">
        <v>61</v>
      </c>
      <c r="AZ2574">
        <v>122.25</v>
      </c>
      <c r="BA2574">
        <v>0.55818871628157707</v>
      </c>
      <c r="BB2574">
        <v>0.50323275862068961</v>
      </c>
      <c r="BC2574">
        <v>5.2021147688149423</v>
      </c>
      <c r="BD2574" t="s">
        <v>9802</v>
      </c>
      <c r="BE2574" t="s">
        <v>62</v>
      </c>
    </row>
    <row r="2575" spans="1:57" x14ac:dyDescent="0.3">
      <c r="A2575" t="s">
        <v>9803</v>
      </c>
      <c r="B2575">
        <v>2824</v>
      </c>
      <c r="C2575" t="s">
        <v>9804</v>
      </c>
      <c r="D2575" t="s">
        <v>9805</v>
      </c>
      <c r="E2575" t="s">
        <v>85</v>
      </c>
      <c r="F2575">
        <v>8</v>
      </c>
      <c r="G2575">
        <v>124.625</v>
      </c>
      <c r="H2575">
        <v>115.5</v>
      </c>
      <c r="I2575">
        <v>2788.734375</v>
      </c>
      <c r="J2575">
        <v>52.808468781058217</v>
      </c>
      <c r="K2575">
        <v>0.53255515133129261</v>
      </c>
      <c r="L2575">
        <v>-1.023735553765952</v>
      </c>
      <c r="M2575">
        <v>3</v>
      </c>
      <c r="N2575">
        <v>1</v>
      </c>
      <c r="O2575">
        <v>1</v>
      </c>
      <c r="P2575">
        <v>0</v>
      </c>
      <c r="Q2575">
        <v>0</v>
      </c>
      <c r="R2575">
        <v>2.0794415416798362</v>
      </c>
      <c r="S2575">
        <v>1</v>
      </c>
      <c r="T2575">
        <v>1</v>
      </c>
      <c r="U2575">
        <v>0</v>
      </c>
      <c r="V2575">
        <v>0</v>
      </c>
      <c r="W2575">
        <v>1.945910149055313</v>
      </c>
      <c r="X2575">
        <v>1</v>
      </c>
      <c r="Y2575">
        <v>1</v>
      </c>
      <c r="Z2575">
        <v>0</v>
      </c>
      <c r="AA2575">
        <v>0</v>
      </c>
      <c r="AB2575">
        <v>1.791759469228055</v>
      </c>
      <c r="AC2575">
        <v>1</v>
      </c>
      <c r="AD2575">
        <v>1</v>
      </c>
      <c r="AE2575">
        <v>0</v>
      </c>
      <c r="AF2575">
        <v>0</v>
      </c>
      <c r="AG2575">
        <v>1.6094379124341009</v>
      </c>
      <c r="AH2575">
        <v>-0.65132662666196028</v>
      </c>
      <c r="AI2575">
        <v>0.37041752811255108</v>
      </c>
      <c r="AJ2575">
        <v>9.6334862925050013E-3</v>
      </c>
      <c r="AK2575">
        <v>0</v>
      </c>
      <c r="AL2575">
        <v>241.4329931770221</v>
      </c>
      <c r="AM2575">
        <v>297.10454356267252</v>
      </c>
      <c r="AN2575">
        <v>997</v>
      </c>
      <c r="AO2575">
        <v>26.92582403567252</v>
      </c>
      <c r="AP2575">
        <v>150.90307433620799</v>
      </c>
      <c r="AQ2575">
        <v>3.5</v>
      </c>
      <c r="AR2575">
        <v>3.875</v>
      </c>
      <c r="AS2575">
        <v>8</v>
      </c>
      <c r="AT2575">
        <v>0</v>
      </c>
      <c r="AU2575">
        <v>0.40581395348837213</v>
      </c>
      <c r="AV2575">
        <v>-0.65928275254598623</v>
      </c>
      <c r="AW2575">
        <v>0.5</v>
      </c>
      <c r="AX2575">
        <v>88.285714285714292</v>
      </c>
      <c r="AY2575">
        <v>34.5</v>
      </c>
      <c r="AZ2575">
        <v>62.5</v>
      </c>
      <c r="BA2575">
        <v>0.42373896714991549</v>
      </c>
      <c r="BB2575">
        <v>0.5</v>
      </c>
      <c r="BC2575">
        <v>1.945910149055313</v>
      </c>
      <c r="BD2575" t="s">
        <v>9804</v>
      </c>
      <c r="BE2575" t="s">
        <v>68</v>
      </c>
    </row>
    <row r="2576" spans="1:57" x14ac:dyDescent="0.3">
      <c r="A2576" t="s">
        <v>9806</v>
      </c>
      <c r="B2576">
        <v>2614</v>
      </c>
      <c r="C2576" t="s">
        <v>9807</v>
      </c>
      <c r="D2576" t="s">
        <v>9808</v>
      </c>
      <c r="E2576" t="s">
        <v>98</v>
      </c>
      <c r="F2576">
        <v>16</v>
      </c>
      <c r="G2576">
        <v>131.0625</v>
      </c>
      <c r="H2576">
        <v>123</v>
      </c>
      <c r="I2576">
        <v>5113.05859375</v>
      </c>
      <c r="J2576">
        <v>71.505654278175797</v>
      </c>
      <c r="K2576">
        <v>5.6418976707575369E-2</v>
      </c>
      <c r="L2576">
        <v>-1.176812977229321</v>
      </c>
      <c r="M2576">
        <v>4</v>
      </c>
      <c r="N2576">
        <v>1</v>
      </c>
      <c r="O2576">
        <v>1</v>
      </c>
      <c r="P2576">
        <v>0</v>
      </c>
      <c r="Q2576">
        <v>0</v>
      </c>
      <c r="R2576">
        <v>2.7725887222397811</v>
      </c>
      <c r="S2576">
        <v>1</v>
      </c>
      <c r="T2576">
        <v>1</v>
      </c>
      <c r="U2576">
        <v>0</v>
      </c>
      <c r="V2576">
        <v>0</v>
      </c>
      <c r="W2576">
        <v>2.7080502011022101</v>
      </c>
      <c r="X2576">
        <v>1</v>
      </c>
      <c r="Y2576">
        <v>1</v>
      </c>
      <c r="Z2576">
        <v>0</v>
      </c>
      <c r="AA2576">
        <v>0</v>
      </c>
      <c r="AB2576">
        <v>2.639057329615258</v>
      </c>
      <c r="AC2576">
        <v>1</v>
      </c>
      <c r="AD2576">
        <v>1</v>
      </c>
      <c r="AE2576">
        <v>0</v>
      </c>
      <c r="AF2576">
        <v>0</v>
      </c>
      <c r="AG2576">
        <v>2.5649493574615372</v>
      </c>
      <c r="AH2576">
        <v>-1.8697576976231971E-2</v>
      </c>
      <c r="AI2576">
        <v>-0.32765989428111081</v>
      </c>
      <c r="AJ2576">
        <v>-3.5531197691572522E-2</v>
      </c>
      <c r="AK2576">
        <v>-5.2529120824970993E-2</v>
      </c>
      <c r="AL2576">
        <v>393.5995121448575</v>
      </c>
      <c r="AM2576">
        <v>449.13964870553372</v>
      </c>
      <c r="AN2576">
        <v>2097</v>
      </c>
      <c r="AO2576">
        <v>130.8565353783718</v>
      </c>
      <c r="AP2576">
        <v>272.74269682114613</v>
      </c>
      <c r="AQ2576">
        <v>2.3125</v>
      </c>
      <c r="AR2576">
        <v>4.375</v>
      </c>
      <c r="AS2576">
        <v>16</v>
      </c>
      <c r="AT2576">
        <v>0</v>
      </c>
      <c r="AU2576">
        <v>0.11420682730923699</v>
      </c>
      <c r="AV2576">
        <v>-2.2707782222851681E-2</v>
      </c>
      <c r="AW2576">
        <v>0.4375</v>
      </c>
      <c r="AX2576">
        <v>86.2</v>
      </c>
      <c r="AY2576">
        <v>64</v>
      </c>
      <c r="AZ2576">
        <v>117</v>
      </c>
      <c r="BA2576">
        <v>0.54558439124979152</v>
      </c>
      <c r="BB2576">
        <v>0.5</v>
      </c>
      <c r="BC2576">
        <v>2.7080502011022101</v>
      </c>
      <c r="BD2576" t="s">
        <v>9807</v>
      </c>
      <c r="BE2576" t="s">
        <v>62</v>
      </c>
    </row>
    <row r="2577" spans="1:57" x14ac:dyDescent="0.3">
      <c r="A2577" t="s">
        <v>9809</v>
      </c>
      <c r="B2577">
        <v>3526</v>
      </c>
      <c r="C2577" t="s">
        <v>9810</v>
      </c>
      <c r="D2577" t="s">
        <v>9811</v>
      </c>
      <c r="E2577" t="s">
        <v>66</v>
      </c>
      <c r="F2577">
        <v>71</v>
      </c>
      <c r="G2577">
        <v>123.8732394366197</v>
      </c>
      <c r="H2577">
        <v>121</v>
      </c>
      <c r="I2577">
        <v>5334.6177345764727</v>
      </c>
      <c r="J2577">
        <v>73.038467498821973</v>
      </c>
      <c r="K2577">
        <v>-8.0382328310170809E-2</v>
      </c>
      <c r="L2577">
        <v>-1.1004733942767111</v>
      </c>
      <c r="M2577">
        <v>5.885593774403783</v>
      </c>
      <c r="N2577">
        <v>3</v>
      </c>
      <c r="O2577">
        <v>1</v>
      </c>
      <c r="P2577">
        <v>2</v>
      </c>
      <c r="Q2577">
        <v>0.39540808619778262</v>
      </c>
      <c r="R2577">
        <v>4.079582730649153</v>
      </c>
      <c r="S2577">
        <v>1</v>
      </c>
      <c r="T2577">
        <v>1</v>
      </c>
      <c r="U2577">
        <v>0</v>
      </c>
      <c r="V2577">
        <v>0</v>
      </c>
      <c r="W2577">
        <v>4.2484952420493576</v>
      </c>
      <c r="X2577">
        <v>1</v>
      </c>
      <c r="Y2577">
        <v>1</v>
      </c>
      <c r="Z2577">
        <v>0</v>
      </c>
      <c r="AA2577">
        <v>0</v>
      </c>
      <c r="AB2577">
        <v>4.2341065045972579</v>
      </c>
      <c r="AC2577">
        <v>1</v>
      </c>
      <c r="AD2577">
        <v>1</v>
      </c>
      <c r="AE2577">
        <v>0</v>
      </c>
      <c r="AF2577">
        <v>0</v>
      </c>
      <c r="AG2577">
        <v>4.2195077051761087</v>
      </c>
      <c r="AH2577">
        <v>0.27034206324673038</v>
      </c>
      <c r="AI2577">
        <v>3.1122143900099951E-2</v>
      </c>
      <c r="AJ2577">
        <v>9.4701415976740852E-2</v>
      </c>
      <c r="AK2577">
        <v>1.3249335691720531E-2</v>
      </c>
      <c r="AL2577">
        <v>686.43257347320412</v>
      </c>
      <c r="AM2577">
        <v>998.515559255315</v>
      </c>
      <c r="AN2577">
        <v>8795</v>
      </c>
      <c r="AO2577">
        <v>221.60698270767381</v>
      </c>
      <c r="AP2577">
        <v>556.67021279734217</v>
      </c>
      <c r="AQ2577">
        <v>1.323943661971831</v>
      </c>
      <c r="AR2577">
        <v>3.774647887323944</v>
      </c>
      <c r="AS2577">
        <v>70</v>
      </c>
      <c r="AT2577">
        <v>8.4647887323943607</v>
      </c>
      <c r="AU2577">
        <v>5.9887323943661967E-2</v>
      </c>
      <c r="AV2577">
        <v>0.27305807026794449</v>
      </c>
      <c r="AW2577">
        <v>0.36619718309859162</v>
      </c>
      <c r="AX2577">
        <v>67.814285714285717</v>
      </c>
      <c r="AY2577">
        <v>57</v>
      </c>
      <c r="AZ2577">
        <v>117</v>
      </c>
      <c r="BA2577">
        <v>0.58962264837025136</v>
      </c>
      <c r="BB2577">
        <v>0.49295774647887319</v>
      </c>
      <c r="BC2577">
        <v>4.1098658059373712</v>
      </c>
      <c r="BD2577" t="s">
        <v>9812</v>
      </c>
      <c r="BE2577" t="s">
        <v>68</v>
      </c>
    </row>
    <row r="2578" spans="1:57" x14ac:dyDescent="0.3">
      <c r="A2578" t="s">
        <v>9813</v>
      </c>
      <c r="B2578">
        <v>1490</v>
      </c>
      <c r="C2578" t="s">
        <v>9814</v>
      </c>
      <c r="D2578" t="s">
        <v>9815</v>
      </c>
      <c r="E2578" t="s">
        <v>128</v>
      </c>
      <c r="F2578">
        <v>32</v>
      </c>
      <c r="G2578">
        <v>114.25</v>
      </c>
      <c r="H2578">
        <v>111</v>
      </c>
      <c r="I2578">
        <v>3332.8125</v>
      </c>
      <c r="J2578">
        <v>57.730516193777447</v>
      </c>
      <c r="K2578">
        <v>0.20682058883635729</v>
      </c>
      <c r="L2578">
        <v>-0.40348012182810722</v>
      </c>
      <c r="M2578">
        <v>4.8125</v>
      </c>
      <c r="N2578">
        <v>2</v>
      </c>
      <c r="O2578">
        <v>1</v>
      </c>
      <c r="P2578">
        <v>1</v>
      </c>
      <c r="Q2578">
        <v>0.3045434781492361</v>
      </c>
      <c r="R2578">
        <v>3.335770806444736</v>
      </c>
      <c r="S2578">
        <v>1</v>
      </c>
      <c r="T2578">
        <v>1</v>
      </c>
      <c r="U2578">
        <v>0</v>
      </c>
      <c r="V2578">
        <v>0</v>
      </c>
      <c r="W2578">
        <v>3.4339872044851458</v>
      </c>
      <c r="X2578">
        <v>1</v>
      </c>
      <c r="Y2578">
        <v>1</v>
      </c>
      <c r="Z2578">
        <v>0</v>
      </c>
      <c r="AA2578">
        <v>0</v>
      </c>
      <c r="AB2578">
        <v>3.401197381662155</v>
      </c>
      <c r="AC2578">
        <v>1</v>
      </c>
      <c r="AD2578">
        <v>1</v>
      </c>
      <c r="AE2578">
        <v>0</v>
      </c>
      <c r="AF2578">
        <v>0</v>
      </c>
      <c r="AG2578">
        <v>3.3672958299864728</v>
      </c>
      <c r="AH2578">
        <v>-0.30440752461322079</v>
      </c>
      <c r="AI2578">
        <v>-0.19766643225503991</v>
      </c>
      <c r="AJ2578">
        <v>2.5719057665260201E-2</v>
      </c>
      <c r="AK2578">
        <v>0.32290318799812467</v>
      </c>
      <c r="AL2578">
        <v>391.19820395233472</v>
      </c>
      <c r="AM2578">
        <v>609.35372750518854</v>
      </c>
      <c r="AN2578">
        <v>3656</v>
      </c>
      <c r="AO2578">
        <v>84.318121600027553</v>
      </c>
      <c r="AP2578">
        <v>223.65291883870529</v>
      </c>
      <c r="AQ2578">
        <v>1.65625</v>
      </c>
      <c r="AR2578">
        <v>3.8125</v>
      </c>
      <c r="AS2578">
        <v>32</v>
      </c>
      <c r="AT2578">
        <v>2.4375</v>
      </c>
      <c r="AU2578">
        <v>0.2054347826086956</v>
      </c>
      <c r="AV2578">
        <v>-0.30496449621295629</v>
      </c>
      <c r="AW2578">
        <v>0.53125</v>
      </c>
      <c r="AX2578">
        <v>76.193548387096769</v>
      </c>
      <c r="AY2578">
        <v>30.5</v>
      </c>
      <c r="AZ2578">
        <v>54.5</v>
      </c>
      <c r="BA2578">
        <v>0.50529992292146564</v>
      </c>
      <c r="BB2578">
        <v>0.4375</v>
      </c>
      <c r="BC2578">
        <v>3.2551105127277409</v>
      </c>
      <c r="BD2578" t="s">
        <v>9816</v>
      </c>
      <c r="BE2578" t="s">
        <v>62</v>
      </c>
    </row>
    <row r="2579" spans="1:57" x14ac:dyDescent="0.3">
      <c r="A2579" t="s">
        <v>9817</v>
      </c>
      <c r="B2579">
        <v>1780</v>
      </c>
      <c r="C2579" t="s">
        <v>9818</v>
      </c>
      <c r="D2579" t="s">
        <v>9819</v>
      </c>
      <c r="E2579" t="s">
        <v>10622</v>
      </c>
      <c r="F2579">
        <v>64</v>
      </c>
      <c r="G2579">
        <v>123.375</v>
      </c>
      <c r="H2579">
        <v>130.5</v>
      </c>
      <c r="I2579">
        <v>5230.453125</v>
      </c>
      <c r="J2579">
        <v>72.321871691764173</v>
      </c>
      <c r="K2579">
        <v>9.7396353949097028E-2</v>
      </c>
      <c r="L2579">
        <v>-1.236914206507252</v>
      </c>
      <c r="M2579">
        <v>5.738204882778696</v>
      </c>
      <c r="N2579">
        <v>3</v>
      </c>
      <c r="O2579">
        <v>1</v>
      </c>
      <c r="P2579">
        <v>2</v>
      </c>
      <c r="Q2579">
        <v>0.3976974544878587</v>
      </c>
      <c r="R2579">
        <v>3.9774205359733639</v>
      </c>
      <c r="S2579">
        <v>1</v>
      </c>
      <c r="T2579">
        <v>1</v>
      </c>
      <c r="U2579">
        <v>0</v>
      </c>
      <c r="V2579">
        <v>0</v>
      </c>
      <c r="W2579">
        <v>4.1431347263915326</v>
      </c>
      <c r="X2579">
        <v>1</v>
      </c>
      <c r="Y2579">
        <v>1</v>
      </c>
      <c r="Z2579">
        <v>0</v>
      </c>
      <c r="AA2579">
        <v>0</v>
      </c>
      <c r="AB2579">
        <v>4.1271343850450908</v>
      </c>
      <c r="AC2579">
        <v>1</v>
      </c>
      <c r="AD2579">
        <v>1</v>
      </c>
      <c r="AE2579">
        <v>0</v>
      </c>
      <c r="AF2579">
        <v>0</v>
      </c>
      <c r="AG2579">
        <v>4.1108738641733096</v>
      </c>
      <c r="AH2579">
        <v>-0.15402888619532851</v>
      </c>
      <c r="AI2579">
        <v>7.4409389572485649E-2</v>
      </c>
      <c r="AJ2579">
        <v>-8.2582630941391913E-2</v>
      </c>
      <c r="AK2579">
        <v>-6.7380055653638998E-2</v>
      </c>
      <c r="AL2579">
        <v>593.66121371029681</v>
      </c>
      <c r="AM2579">
        <v>978.00018575459262</v>
      </c>
      <c r="AN2579">
        <v>7896</v>
      </c>
      <c r="AO2579">
        <v>66.20799828852283</v>
      </c>
      <c r="AP2579">
        <v>406.59002955553802</v>
      </c>
      <c r="AQ2579">
        <v>1.359375</v>
      </c>
      <c r="AR2579">
        <v>3.90625</v>
      </c>
      <c r="AS2579">
        <v>64</v>
      </c>
      <c r="AT2579">
        <v>7.7499999999999991</v>
      </c>
      <c r="AU2579">
        <v>8.5260826771653586E-2</v>
      </c>
      <c r="AV2579">
        <v>-0.15444834130149479</v>
      </c>
      <c r="AW2579">
        <v>0.375</v>
      </c>
      <c r="AX2579">
        <v>91.38095238095238</v>
      </c>
      <c r="AY2579">
        <v>67</v>
      </c>
      <c r="AZ2579">
        <v>133.25</v>
      </c>
      <c r="BA2579">
        <v>0.58619551523213109</v>
      </c>
      <c r="BB2579">
        <v>0.515625</v>
      </c>
      <c r="BC2579">
        <v>3.972490967417432</v>
      </c>
      <c r="BD2579" t="s">
        <v>9820</v>
      </c>
      <c r="BE2579" t="s">
        <v>62</v>
      </c>
    </row>
    <row r="2580" spans="1:57" x14ac:dyDescent="0.3">
      <c r="A2580" t="s">
        <v>9821</v>
      </c>
      <c r="B2580">
        <v>1717</v>
      </c>
      <c r="C2580" t="s">
        <v>9822</v>
      </c>
      <c r="D2580" t="s">
        <v>9823</v>
      </c>
      <c r="E2580" t="s">
        <v>93</v>
      </c>
      <c r="F2580">
        <v>1720</v>
      </c>
      <c r="G2580">
        <v>124.2523255813954</v>
      </c>
      <c r="H2580">
        <v>123</v>
      </c>
      <c r="I2580">
        <v>5492.1793550567872</v>
      </c>
      <c r="J2580">
        <v>74.109239336649424</v>
      </c>
      <c r="K2580">
        <v>4.7663159313805728E-2</v>
      </c>
      <c r="L2580">
        <v>-1.210139760464443</v>
      </c>
      <c r="M2580">
        <v>7.8884171580357307</v>
      </c>
      <c r="N2580">
        <v>15</v>
      </c>
      <c r="O2580">
        <v>1</v>
      </c>
      <c r="P2580">
        <v>14</v>
      </c>
      <c r="Q2580">
        <v>2.5737178239853722</v>
      </c>
      <c r="R2580">
        <v>5.4678341121731542</v>
      </c>
      <c r="S2580">
        <v>2</v>
      </c>
      <c r="T2580">
        <v>1</v>
      </c>
      <c r="U2580">
        <v>1</v>
      </c>
      <c r="V2580">
        <v>9.944085678546323E-2</v>
      </c>
      <c r="W2580">
        <v>7.4357882880244777</v>
      </c>
      <c r="X2580">
        <v>1</v>
      </c>
      <c r="Y2580">
        <v>1</v>
      </c>
      <c r="Z2580">
        <v>0</v>
      </c>
      <c r="AA2580">
        <v>0</v>
      </c>
      <c r="AB2580">
        <v>7.4489161025442003</v>
      </c>
      <c r="AC2580">
        <v>1</v>
      </c>
      <c r="AD2580">
        <v>1</v>
      </c>
      <c r="AE2580">
        <v>0</v>
      </c>
      <c r="AF2580">
        <v>0</v>
      </c>
      <c r="AG2580">
        <v>7.4483338608974741</v>
      </c>
      <c r="AH2580">
        <v>-3.611948346809285E-2</v>
      </c>
      <c r="AI2580">
        <v>2.4825307912209028E-2</v>
      </c>
      <c r="AJ2580">
        <v>5.66707995679166E-3</v>
      </c>
      <c r="AK2580">
        <v>-1.188085917029964E-2</v>
      </c>
      <c r="AL2580">
        <v>2847.3727187930222</v>
      </c>
      <c r="AM2580">
        <v>5281.4277047284513</v>
      </c>
      <c r="AN2580">
        <v>213714</v>
      </c>
      <c r="AO2580">
        <v>210.24452149146569</v>
      </c>
      <c r="AP2580">
        <v>2554.0303417243131</v>
      </c>
      <c r="AQ2580">
        <v>1.0133720930232559</v>
      </c>
      <c r="AR2580">
        <v>3.9947674418604651</v>
      </c>
      <c r="AS2580">
        <v>1710</v>
      </c>
      <c r="AT2580">
        <v>252.39069767441859</v>
      </c>
      <c r="AU2580">
        <v>2.8123575011399948E-2</v>
      </c>
      <c r="AV2580">
        <v>-3.6148018724989642E-2</v>
      </c>
      <c r="AW2580">
        <v>0.38139534883720932</v>
      </c>
      <c r="AX2580">
        <v>87.85573007562536</v>
      </c>
      <c r="AY2580">
        <v>65</v>
      </c>
      <c r="AZ2580">
        <v>129.25</v>
      </c>
      <c r="BA2580">
        <v>0.59644146690921984</v>
      </c>
      <c r="BB2580">
        <v>0.49360465116279068</v>
      </c>
      <c r="BC2580">
        <v>5.2904862974389921</v>
      </c>
      <c r="BD2580" t="s">
        <v>9824</v>
      </c>
      <c r="BE2580" t="s">
        <v>68</v>
      </c>
    </row>
    <row r="2581" spans="1:57" x14ac:dyDescent="0.3">
      <c r="A2581" t="s">
        <v>9825</v>
      </c>
      <c r="B2581">
        <v>1735</v>
      </c>
      <c r="C2581" t="s">
        <v>9826</v>
      </c>
      <c r="D2581" t="s">
        <v>9827</v>
      </c>
      <c r="E2581" t="s">
        <v>128</v>
      </c>
      <c r="F2581">
        <v>32</v>
      </c>
      <c r="G2581">
        <v>143.21875</v>
      </c>
      <c r="H2581">
        <v>152</v>
      </c>
      <c r="I2581">
        <v>4708.6708984375</v>
      </c>
      <c r="J2581">
        <v>68.619755890250005</v>
      </c>
      <c r="K2581">
        <v>-0.52309328213621964</v>
      </c>
      <c r="L2581">
        <v>-0.70792928137122901</v>
      </c>
      <c r="M2581">
        <v>5</v>
      </c>
      <c r="N2581">
        <v>1</v>
      </c>
      <c r="O2581">
        <v>1</v>
      </c>
      <c r="P2581">
        <v>0</v>
      </c>
      <c r="Q2581">
        <v>0</v>
      </c>
      <c r="R2581">
        <v>3.465735902799727</v>
      </c>
      <c r="S2581">
        <v>1</v>
      </c>
      <c r="T2581">
        <v>1</v>
      </c>
      <c r="U2581">
        <v>0</v>
      </c>
      <c r="V2581">
        <v>0</v>
      </c>
      <c r="W2581">
        <v>3.4339872044851458</v>
      </c>
      <c r="X2581">
        <v>1</v>
      </c>
      <c r="Y2581">
        <v>1</v>
      </c>
      <c r="Z2581">
        <v>0</v>
      </c>
      <c r="AA2581">
        <v>0</v>
      </c>
      <c r="AB2581">
        <v>3.401197381662155</v>
      </c>
      <c r="AC2581">
        <v>1</v>
      </c>
      <c r="AD2581">
        <v>1</v>
      </c>
      <c r="AE2581">
        <v>0</v>
      </c>
      <c r="AF2581">
        <v>0</v>
      </c>
      <c r="AG2581">
        <v>3.3672958299864728</v>
      </c>
      <c r="AH2581">
        <v>0.15941863171521789</v>
      </c>
      <c r="AI2581">
        <v>-8.1596485892154999E-2</v>
      </c>
      <c r="AJ2581">
        <v>0.11620813906317699</v>
      </c>
      <c r="AK2581">
        <v>-0.14080765486462291</v>
      </c>
      <c r="AL2581">
        <v>486.8694842800092</v>
      </c>
      <c r="AM2581">
        <v>754.98814909700241</v>
      </c>
      <c r="AN2581">
        <v>4583</v>
      </c>
      <c r="AO2581">
        <v>49</v>
      </c>
      <c r="AP2581">
        <v>399.14677126934379</v>
      </c>
      <c r="AQ2581">
        <v>1.71875</v>
      </c>
      <c r="AR2581">
        <v>4.3125</v>
      </c>
      <c r="AS2581">
        <v>32</v>
      </c>
      <c r="AT2581">
        <v>0</v>
      </c>
      <c r="AU2581">
        <v>0.21530612244897959</v>
      </c>
      <c r="AV2581">
        <v>0.1687506259963624</v>
      </c>
      <c r="AW2581">
        <v>0.21875</v>
      </c>
      <c r="AX2581">
        <v>69.870967741935488</v>
      </c>
      <c r="AY2581">
        <v>38</v>
      </c>
      <c r="AZ2581">
        <v>70.75</v>
      </c>
      <c r="BA2581">
        <v>0.47912550479773081</v>
      </c>
      <c r="BB2581">
        <v>0.5625</v>
      </c>
      <c r="BC2581">
        <v>3.3445488586064429</v>
      </c>
      <c r="BD2581" t="s">
        <v>9828</v>
      </c>
      <c r="BE2581" t="s">
        <v>62</v>
      </c>
    </row>
    <row r="2582" spans="1:57" x14ac:dyDescent="0.3">
      <c r="A2582" t="s">
        <v>9829</v>
      </c>
      <c r="B2582">
        <v>144</v>
      </c>
      <c r="C2582" t="s">
        <v>9830</v>
      </c>
      <c r="D2582" t="s">
        <v>9831</v>
      </c>
      <c r="E2582" t="s">
        <v>60</v>
      </c>
      <c r="F2582">
        <v>256</v>
      </c>
      <c r="G2582">
        <v>128.2421875</v>
      </c>
      <c r="H2582">
        <v>124.5</v>
      </c>
      <c r="I2582">
        <v>5169.3007202148438</v>
      </c>
      <c r="J2582">
        <v>71.897849204373586</v>
      </c>
      <c r="K2582">
        <v>4.1003744136770208E-2</v>
      </c>
      <c r="L2582">
        <v>-1.0952594747507849</v>
      </c>
      <c r="M2582">
        <v>7.1707893321295506</v>
      </c>
      <c r="N2582">
        <v>5</v>
      </c>
      <c r="O2582">
        <v>1</v>
      </c>
      <c r="P2582">
        <v>4</v>
      </c>
      <c r="Q2582">
        <v>0.89039358410700398</v>
      </c>
      <c r="R2582">
        <v>4.9704124079549317</v>
      </c>
      <c r="S2582">
        <v>2</v>
      </c>
      <c r="T2582">
        <v>1</v>
      </c>
      <c r="U2582">
        <v>1</v>
      </c>
      <c r="V2582">
        <v>6.2621943781838038E-2</v>
      </c>
      <c r="W2582">
        <v>5.5358270966834446</v>
      </c>
      <c r="X2582">
        <v>1</v>
      </c>
      <c r="Y2582">
        <v>1</v>
      </c>
      <c r="Z2582">
        <v>0</v>
      </c>
      <c r="AA2582">
        <v>0</v>
      </c>
      <c r="AB2582">
        <v>5.5373342670185366</v>
      </c>
      <c r="AC2582">
        <v>1</v>
      </c>
      <c r="AD2582">
        <v>1</v>
      </c>
      <c r="AE2582">
        <v>0</v>
      </c>
      <c r="AF2582">
        <v>0</v>
      </c>
      <c r="AG2582">
        <v>5.5333894887275203</v>
      </c>
      <c r="AH2582">
        <v>-0.13049280765028459</v>
      </c>
      <c r="AI2582">
        <v>5.9293107977750642E-2</v>
      </c>
      <c r="AJ2582">
        <v>-4.4275563868822518E-2</v>
      </c>
      <c r="AK2582">
        <v>-6.4644384267108834E-2</v>
      </c>
      <c r="AL2582">
        <v>1131.453578947107</v>
      </c>
      <c r="AM2582">
        <v>2062.3638860995861</v>
      </c>
      <c r="AN2582">
        <v>32830</v>
      </c>
      <c r="AO2582">
        <v>88.411308874216871</v>
      </c>
      <c r="AP2582">
        <v>928.73221770170312</v>
      </c>
      <c r="AQ2582">
        <v>1.08984375</v>
      </c>
      <c r="AR2582">
        <v>3.94921875</v>
      </c>
      <c r="AS2582">
        <v>255</v>
      </c>
      <c r="AT2582">
        <v>84.312500000000014</v>
      </c>
      <c r="AU2582">
        <v>5.1746323529411782E-2</v>
      </c>
      <c r="AV2582">
        <v>-0.13096745230214021</v>
      </c>
      <c r="AW2582">
        <v>0.38671875</v>
      </c>
      <c r="AX2582">
        <v>89.074509803921572</v>
      </c>
      <c r="AY2582">
        <v>56.5</v>
      </c>
      <c r="AZ2582">
        <v>115</v>
      </c>
      <c r="BA2582">
        <v>0.56064116345780191</v>
      </c>
      <c r="BB2582">
        <v>0.4765625</v>
      </c>
      <c r="BC2582">
        <v>4.8183450054404506</v>
      </c>
      <c r="BD2582" t="s">
        <v>9832</v>
      </c>
      <c r="BE2582" t="s">
        <v>62</v>
      </c>
    </row>
    <row r="2583" spans="1:57" x14ac:dyDescent="0.3">
      <c r="A2583" t="s">
        <v>9833</v>
      </c>
      <c r="B2583">
        <v>2294</v>
      </c>
      <c r="C2583" t="s">
        <v>9834</v>
      </c>
      <c r="D2583" t="s">
        <v>9835</v>
      </c>
      <c r="E2583" t="s">
        <v>98</v>
      </c>
      <c r="F2583">
        <v>16</v>
      </c>
      <c r="G2583">
        <v>124.5625</v>
      </c>
      <c r="H2583">
        <v>144.5</v>
      </c>
      <c r="I2583">
        <v>4602.74609375</v>
      </c>
      <c r="J2583">
        <v>67.843541282497924</v>
      </c>
      <c r="K2583">
        <v>-0.5948082590622833</v>
      </c>
      <c r="L2583">
        <v>-1.0819919431087761</v>
      </c>
      <c r="M2583">
        <v>3.875</v>
      </c>
      <c r="N2583">
        <v>2</v>
      </c>
      <c r="O2583">
        <v>1</v>
      </c>
      <c r="P2583">
        <v>1</v>
      </c>
      <c r="Q2583">
        <v>0.24944382578492949</v>
      </c>
      <c r="R2583">
        <v>2.6859453246697882</v>
      </c>
      <c r="S2583">
        <v>1</v>
      </c>
      <c r="T2583">
        <v>1</v>
      </c>
      <c r="U2583">
        <v>0</v>
      </c>
      <c r="V2583">
        <v>0</v>
      </c>
      <c r="W2583">
        <v>2.7080502011022101</v>
      </c>
      <c r="X2583">
        <v>1</v>
      </c>
      <c r="Y2583">
        <v>1</v>
      </c>
      <c r="Z2583">
        <v>0</v>
      </c>
      <c r="AA2583">
        <v>0</v>
      </c>
      <c r="AB2583">
        <v>2.639057329615258</v>
      </c>
      <c r="AC2583">
        <v>1</v>
      </c>
      <c r="AD2583">
        <v>1</v>
      </c>
      <c r="AE2583">
        <v>0</v>
      </c>
      <c r="AF2583">
        <v>0</v>
      </c>
      <c r="AG2583">
        <v>2.5649493574615372</v>
      </c>
      <c r="AH2583">
        <v>-0.3273021137177789</v>
      </c>
      <c r="AI2583">
        <v>-0.33343216897521272</v>
      </c>
      <c r="AJ2583">
        <v>-5.1170465067134692E-2</v>
      </c>
      <c r="AK2583">
        <v>-2.90041059048479E-2</v>
      </c>
      <c r="AL2583">
        <v>341.89900397165678</v>
      </c>
      <c r="AM2583">
        <v>452.77154402986611</v>
      </c>
      <c r="AN2583">
        <v>1993</v>
      </c>
      <c r="AO2583">
        <v>12.351160950333441</v>
      </c>
      <c r="AP2583">
        <v>194.15479077775871</v>
      </c>
      <c r="AQ2583">
        <v>2.3125</v>
      </c>
      <c r="AR2583">
        <v>4.0625</v>
      </c>
      <c r="AS2583">
        <v>16</v>
      </c>
      <c r="AT2583">
        <v>0.87499999999999989</v>
      </c>
      <c r="AU2583">
        <v>0.2385265700483091</v>
      </c>
      <c r="AV2583">
        <v>-0.36110264725446578</v>
      </c>
      <c r="AW2583">
        <v>0.1875</v>
      </c>
      <c r="AX2583">
        <v>96.2</v>
      </c>
      <c r="AY2583">
        <v>45</v>
      </c>
      <c r="AZ2583">
        <v>98.5</v>
      </c>
      <c r="BA2583">
        <v>0.54465462143500587</v>
      </c>
      <c r="BB2583">
        <v>0.625</v>
      </c>
      <c r="BC2583">
        <v>2.7080502011022101</v>
      </c>
      <c r="BD2583" t="s">
        <v>9834</v>
      </c>
      <c r="BE2583" t="s">
        <v>62</v>
      </c>
    </row>
    <row r="2584" spans="1:57" x14ac:dyDescent="0.3">
      <c r="A2584" t="s">
        <v>9836</v>
      </c>
      <c r="B2584">
        <v>3696</v>
      </c>
      <c r="C2584" t="s">
        <v>9837</v>
      </c>
      <c r="D2584" t="s">
        <v>9838</v>
      </c>
      <c r="E2584" t="s">
        <v>10622</v>
      </c>
      <c r="F2584">
        <v>64</v>
      </c>
      <c r="G2584">
        <v>114.953125</v>
      </c>
      <c r="H2584">
        <v>108</v>
      </c>
      <c r="I2584">
        <v>5483.044677734375</v>
      </c>
      <c r="J2584">
        <v>74.04758387506223</v>
      </c>
      <c r="K2584">
        <v>0.25374320928982991</v>
      </c>
      <c r="L2584">
        <v>-1.0842168701863331</v>
      </c>
      <c r="M2584">
        <v>5.644454882778696</v>
      </c>
      <c r="N2584">
        <v>3</v>
      </c>
      <c r="O2584">
        <v>1</v>
      </c>
      <c r="P2584">
        <v>2</v>
      </c>
      <c r="Q2584">
        <v>0.44967453916275418</v>
      </c>
      <c r="R2584">
        <v>3.912437987795871</v>
      </c>
      <c r="S2584">
        <v>1</v>
      </c>
      <c r="T2584">
        <v>1</v>
      </c>
      <c r="U2584">
        <v>0</v>
      </c>
      <c r="V2584">
        <v>0</v>
      </c>
      <c r="W2584">
        <v>4.1431347263915326</v>
      </c>
      <c r="X2584">
        <v>1</v>
      </c>
      <c r="Y2584">
        <v>1</v>
      </c>
      <c r="Z2584">
        <v>0</v>
      </c>
      <c r="AA2584">
        <v>0</v>
      </c>
      <c r="AB2584">
        <v>4.1271343850450908</v>
      </c>
      <c r="AC2584">
        <v>1</v>
      </c>
      <c r="AD2584">
        <v>1</v>
      </c>
      <c r="AE2584">
        <v>0</v>
      </c>
      <c r="AF2584">
        <v>0</v>
      </c>
      <c r="AG2584">
        <v>4.1108738641733096</v>
      </c>
      <c r="AH2584">
        <v>4.9671441125030734E-3</v>
      </c>
      <c r="AI2584">
        <v>-0.16255969858652061</v>
      </c>
      <c r="AJ2584">
        <v>0.1055132317697166</v>
      </c>
      <c r="AK2584">
        <v>0.10941928505316301</v>
      </c>
      <c r="AL2584">
        <v>630.51911361454131</v>
      </c>
      <c r="AM2584">
        <v>893.90751611491282</v>
      </c>
      <c r="AN2584">
        <v>7357</v>
      </c>
      <c r="AO2584">
        <v>25.123240824143409</v>
      </c>
      <c r="AP2584">
        <v>522.48942990856358</v>
      </c>
      <c r="AQ2584">
        <v>1.359375</v>
      </c>
      <c r="AR2584">
        <v>3.65625</v>
      </c>
      <c r="AS2584">
        <v>64</v>
      </c>
      <c r="AT2584">
        <v>8.875</v>
      </c>
      <c r="AU2584">
        <v>0.13408864541832671</v>
      </c>
      <c r="AV2584">
        <v>4.9751472591198541E-3</v>
      </c>
      <c r="AW2584">
        <v>0.4375</v>
      </c>
      <c r="AX2584">
        <v>86.19047619047619</v>
      </c>
      <c r="AY2584">
        <v>55.5</v>
      </c>
      <c r="AZ2584">
        <v>120.25</v>
      </c>
      <c r="BA2584">
        <v>0.64415459671115705</v>
      </c>
      <c r="BB2584">
        <v>0.453125</v>
      </c>
      <c r="BC2584">
        <v>3.972490967417432</v>
      </c>
      <c r="BD2584" t="s">
        <v>9839</v>
      </c>
      <c r="BE2584" t="s">
        <v>62</v>
      </c>
    </row>
    <row r="2585" spans="1:57" x14ac:dyDescent="0.3">
      <c r="A2585" t="s">
        <v>9840</v>
      </c>
      <c r="B2585">
        <v>869</v>
      </c>
      <c r="C2585" t="s">
        <v>9841</v>
      </c>
      <c r="D2585" t="s">
        <v>9842</v>
      </c>
      <c r="E2585" t="s">
        <v>85</v>
      </c>
      <c r="F2585">
        <v>8</v>
      </c>
      <c r="G2585">
        <v>141.125</v>
      </c>
      <c r="H2585">
        <v>142</v>
      </c>
      <c r="I2585">
        <v>4606.359375</v>
      </c>
      <c r="J2585">
        <v>67.870165573689292</v>
      </c>
      <c r="K2585">
        <v>-0.27427170200819212</v>
      </c>
      <c r="L2585">
        <v>-1.2631543788092801</v>
      </c>
      <c r="M2585">
        <v>3</v>
      </c>
      <c r="N2585">
        <v>1</v>
      </c>
      <c r="O2585">
        <v>1</v>
      </c>
      <c r="P2585">
        <v>0</v>
      </c>
      <c r="Q2585">
        <v>0</v>
      </c>
      <c r="R2585">
        <v>2.0794415416798362</v>
      </c>
      <c r="S2585">
        <v>1</v>
      </c>
      <c r="T2585">
        <v>1</v>
      </c>
      <c r="U2585">
        <v>0</v>
      </c>
      <c r="V2585">
        <v>0</v>
      </c>
      <c r="W2585">
        <v>1.945910149055313</v>
      </c>
      <c r="X2585">
        <v>1</v>
      </c>
      <c r="Y2585">
        <v>1</v>
      </c>
      <c r="Z2585">
        <v>0</v>
      </c>
      <c r="AA2585">
        <v>0</v>
      </c>
      <c r="AB2585">
        <v>1.791759469228055</v>
      </c>
      <c r="AC2585">
        <v>1</v>
      </c>
      <c r="AD2585">
        <v>1</v>
      </c>
      <c r="AE2585">
        <v>0</v>
      </c>
      <c r="AF2585">
        <v>0</v>
      </c>
      <c r="AG2585">
        <v>1.6094379124341009</v>
      </c>
      <c r="AH2585">
        <v>-0.50336364129752686</v>
      </c>
      <c r="AI2585">
        <v>5.4607760331335423E-2</v>
      </c>
      <c r="AJ2585">
        <v>0.2122112941687273</v>
      </c>
      <c r="AK2585">
        <v>0</v>
      </c>
      <c r="AL2585">
        <v>293.59260036591411</v>
      </c>
      <c r="AM2585">
        <v>331.6389377174832</v>
      </c>
      <c r="AN2585">
        <v>1129</v>
      </c>
      <c r="AO2585">
        <v>53</v>
      </c>
      <c r="AP2585">
        <v>140.8496222205612</v>
      </c>
      <c r="AQ2585">
        <v>3.5</v>
      </c>
      <c r="AR2585">
        <v>4.625</v>
      </c>
      <c r="AS2585">
        <v>8</v>
      </c>
      <c r="AT2585">
        <v>0</v>
      </c>
      <c r="AU2585">
        <v>0.1948198198198198</v>
      </c>
      <c r="AV2585">
        <v>-0.53320953812858396</v>
      </c>
      <c r="AW2585">
        <v>0.375</v>
      </c>
      <c r="AX2585">
        <v>112.28571428571431</v>
      </c>
      <c r="AY2585">
        <v>60.5</v>
      </c>
      <c r="AZ2585">
        <v>117.25</v>
      </c>
      <c r="BA2585">
        <v>0.48092234241763893</v>
      </c>
      <c r="BB2585">
        <v>0.5</v>
      </c>
      <c r="BC2585">
        <v>1.945910149055313</v>
      </c>
      <c r="BD2585" t="s">
        <v>9841</v>
      </c>
      <c r="BE2585" t="s">
        <v>68</v>
      </c>
    </row>
    <row r="2586" spans="1:57" x14ac:dyDescent="0.3">
      <c r="A2586" t="s">
        <v>9843</v>
      </c>
      <c r="B2586">
        <v>2992</v>
      </c>
      <c r="C2586" t="s">
        <v>9844</v>
      </c>
      <c r="D2586" t="s">
        <v>9845</v>
      </c>
      <c r="E2586" t="s">
        <v>93</v>
      </c>
      <c r="F2586">
        <v>3134</v>
      </c>
      <c r="G2586">
        <v>125.7721761327377</v>
      </c>
      <c r="H2586">
        <v>126</v>
      </c>
      <c r="I2586">
        <v>5447.835779757108</v>
      </c>
      <c r="J2586">
        <v>73.809455896633651</v>
      </c>
      <c r="K2586">
        <v>6.3037764586733056E-3</v>
      </c>
      <c r="L2586">
        <v>-1.2103723197976719</v>
      </c>
      <c r="M2586">
        <v>7.9468691920180534</v>
      </c>
      <c r="N2586">
        <v>22</v>
      </c>
      <c r="O2586">
        <v>4</v>
      </c>
      <c r="P2586">
        <v>18</v>
      </c>
      <c r="Q2586">
        <v>3.2721507017317748</v>
      </c>
      <c r="R2586">
        <v>5.5083499747260074</v>
      </c>
      <c r="S2586">
        <v>2</v>
      </c>
      <c r="T2586">
        <v>1</v>
      </c>
      <c r="U2586">
        <v>1</v>
      </c>
      <c r="V2586">
        <v>0.1406459148017391</v>
      </c>
      <c r="W2586">
        <v>8.0223124414822156</v>
      </c>
      <c r="X2586">
        <v>1</v>
      </c>
      <c r="Y2586">
        <v>1</v>
      </c>
      <c r="Z2586">
        <v>0</v>
      </c>
      <c r="AA2586">
        <v>0</v>
      </c>
      <c r="AB2586">
        <v>8.0494270571106963</v>
      </c>
      <c r="AC2586">
        <v>1</v>
      </c>
      <c r="AD2586">
        <v>1</v>
      </c>
      <c r="AE2586">
        <v>0</v>
      </c>
      <c r="AF2586">
        <v>0</v>
      </c>
      <c r="AG2586">
        <v>8.049107721326406</v>
      </c>
      <c r="AH2586">
        <v>1.129621711329685E-2</v>
      </c>
      <c r="AI2586">
        <v>1.033297322141411E-2</v>
      </c>
      <c r="AJ2586">
        <v>8.297894519472401E-4</v>
      </c>
      <c r="AK2586">
        <v>9.8817205614585551E-3</v>
      </c>
      <c r="AL2586">
        <v>3791.3381847045512</v>
      </c>
      <c r="AM2586">
        <v>7230.1376729078411</v>
      </c>
      <c r="AN2586">
        <v>394170</v>
      </c>
      <c r="AO2586">
        <v>160.14712758651339</v>
      </c>
      <c r="AP2586">
        <v>3501.313859593884</v>
      </c>
      <c r="AQ2586">
        <v>1.007338864071474</v>
      </c>
      <c r="AR2586">
        <v>3.975111678366305</v>
      </c>
      <c r="AS2586">
        <v>3117</v>
      </c>
      <c r="AT2586">
        <v>223.89661774090621</v>
      </c>
      <c r="AU2586">
        <v>1.5648735563146721E-2</v>
      </c>
      <c r="AV2586">
        <v>1.1300111373270239E-2</v>
      </c>
      <c r="AW2586">
        <v>0.36917677089980849</v>
      </c>
      <c r="AX2586">
        <v>84.141398021066067</v>
      </c>
      <c r="AY2586">
        <v>64</v>
      </c>
      <c r="AZ2586">
        <v>128</v>
      </c>
      <c r="BA2586">
        <v>0.58685043199647324</v>
      </c>
      <c r="BB2586">
        <v>0.50031908104658585</v>
      </c>
      <c r="BC2586">
        <v>5.3131564809002452</v>
      </c>
      <c r="BD2586" t="s">
        <v>9846</v>
      </c>
      <c r="BE2586" t="s">
        <v>68</v>
      </c>
    </row>
    <row r="2587" spans="1:57" x14ac:dyDescent="0.3">
      <c r="A2587" t="s">
        <v>9847</v>
      </c>
      <c r="B2587">
        <v>131</v>
      </c>
      <c r="C2587" t="s">
        <v>9848</v>
      </c>
      <c r="D2587" t="s">
        <v>9849</v>
      </c>
      <c r="E2587" t="s">
        <v>60</v>
      </c>
      <c r="F2587">
        <v>256</v>
      </c>
      <c r="G2587">
        <v>120.66796875</v>
      </c>
      <c r="H2587">
        <v>114.5</v>
      </c>
      <c r="I2587">
        <v>5259.5186614990234</v>
      </c>
      <c r="J2587">
        <v>72.522538989606701</v>
      </c>
      <c r="K2587">
        <v>9.3817919095044097E-2</v>
      </c>
      <c r="L2587">
        <v>-1.210283006693625</v>
      </c>
      <c r="M2587">
        <v>7.205615575977502</v>
      </c>
      <c r="N2587">
        <v>6</v>
      </c>
      <c r="O2587">
        <v>1</v>
      </c>
      <c r="P2587">
        <v>5</v>
      </c>
      <c r="Q2587">
        <v>0.78936921964436058</v>
      </c>
      <c r="R2587">
        <v>4.9945521206876311</v>
      </c>
      <c r="S2587">
        <v>1</v>
      </c>
      <c r="T2587">
        <v>1</v>
      </c>
      <c r="U2587">
        <v>0</v>
      </c>
      <c r="V2587">
        <v>0</v>
      </c>
      <c r="W2587">
        <v>5.541263545158424</v>
      </c>
      <c r="X2587">
        <v>1</v>
      </c>
      <c r="Y2587">
        <v>1</v>
      </c>
      <c r="Z2587">
        <v>0</v>
      </c>
      <c r="AA2587">
        <v>0</v>
      </c>
      <c r="AB2587">
        <v>5.5373342670185366</v>
      </c>
      <c r="AC2587">
        <v>1</v>
      </c>
      <c r="AD2587">
        <v>1</v>
      </c>
      <c r="AE2587">
        <v>0</v>
      </c>
      <c r="AF2587">
        <v>0</v>
      </c>
      <c r="AG2587">
        <v>5.5333894887275203</v>
      </c>
      <c r="AH2587">
        <v>-7.5721699714439428E-2</v>
      </c>
      <c r="AI2587">
        <v>-2.908427570992755E-2</v>
      </c>
      <c r="AJ2587">
        <v>-5.2305980451560929E-2</v>
      </c>
      <c r="AK2587">
        <v>2.3617013480553409E-2</v>
      </c>
      <c r="AL2587">
        <v>1135.7712525006159</v>
      </c>
      <c r="AM2587">
        <v>1945.254395186701</v>
      </c>
      <c r="AN2587">
        <v>30891</v>
      </c>
      <c r="AO2587">
        <v>41.975430733101597</v>
      </c>
      <c r="AP2587">
        <v>943.181373444884</v>
      </c>
      <c r="AQ2587">
        <v>1.08984375</v>
      </c>
      <c r="AR2587">
        <v>3.99609375</v>
      </c>
      <c r="AS2587">
        <v>256</v>
      </c>
      <c r="AT2587">
        <v>66.265625</v>
      </c>
      <c r="AU2587">
        <v>5.06567480079681E-2</v>
      </c>
      <c r="AV2587">
        <v>-7.5986941335821914E-2</v>
      </c>
      <c r="AW2587">
        <v>0.40625</v>
      </c>
      <c r="AX2587">
        <v>88.156862745098039</v>
      </c>
      <c r="AY2587">
        <v>62.5</v>
      </c>
      <c r="AZ2587">
        <v>122.5</v>
      </c>
      <c r="BA2587">
        <v>0.60100903115274074</v>
      </c>
      <c r="BB2587">
        <v>0.48046875</v>
      </c>
      <c r="BC2587">
        <v>4.8157501384528114</v>
      </c>
      <c r="BD2587" t="s">
        <v>9850</v>
      </c>
      <c r="BE2587" t="s">
        <v>62</v>
      </c>
    </row>
    <row r="2588" spans="1:57" x14ac:dyDescent="0.3">
      <c r="A2588" t="s">
        <v>9851</v>
      </c>
      <c r="B2588">
        <v>2125</v>
      </c>
      <c r="C2588" t="s">
        <v>9852</v>
      </c>
      <c r="D2588" t="s">
        <v>9853</v>
      </c>
      <c r="E2588" t="s">
        <v>66</v>
      </c>
      <c r="F2588">
        <v>71</v>
      </c>
      <c r="G2588">
        <v>125.5211267605634</v>
      </c>
      <c r="H2588">
        <v>121</v>
      </c>
      <c r="I2588">
        <v>5738.1087085895651</v>
      </c>
      <c r="J2588">
        <v>75.75030500657779</v>
      </c>
      <c r="K2588">
        <v>6.2510034350853283E-2</v>
      </c>
      <c r="L2588">
        <v>-1.232489805157253</v>
      </c>
      <c r="M2588">
        <v>5.7835499364060867</v>
      </c>
      <c r="N2588">
        <v>2</v>
      </c>
      <c r="O2588">
        <v>1</v>
      </c>
      <c r="P2588">
        <v>1</v>
      </c>
      <c r="Q2588">
        <v>0.41701333180854572</v>
      </c>
      <c r="R2588">
        <v>4.0088513320475334</v>
      </c>
      <c r="S2588">
        <v>1</v>
      </c>
      <c r="T2588">
        <v>1</v>
      </c>
      <c r="U2588">
        <v>0</v>
      </c>
      <c r="V2588">
        <v>0</v>
      </c>
      <c r="W2588">
        <v>4.2484952420493576</v>
      </c>
      <c r="X2588">
        <v>1</v>
      </c>
      <c r="Y2588">
        <v>1</v>
      </c>
      <c r="Z2588">
        <v>0</v>
      </c>
      <c r="AA2588">
        <v>0</v>
      </c>
      <c r="AB2588">
        <v>4.2341065045972579</v>
      </c>
      <c r="AC2588">
        <v>1</v>
      </c>
      <c r="AD2588">
        <v>1</v>
      </c>
      <c r="AE2588">
        <v>0</v>
      </c>
      <c r="AF2588">
        <v>0</v>
      </c>
      <c r="AG2588">
        <v>4.2195077051761087</v>
      </c>
      <c r="AH2588">
        <v>9.0177702163592582E-2</v>
      </c>
      <c r="AI2588">
        <v>5.932064387833199E-2</v>
      </c>
      <c r="AJ2588">
        <v>-0.1025057143939465</v>
      </c>
      <c r="AK2588">
        <v>5.867819839138072E-2</v>
      </c>
      <c r="AL2588">
        <v>685.24017265132784</v>
      </c>
      <c r="AM2588">
        <v>1027.8598668032421</v>
      </c>
      <c r="AN2588">
        <v>8912</v>
      </c>
      <c r="AO2588">
        <v>181.35079928376709</v>
      </c>
      <c r="AP2588">
        <v>493.58962422299879</v>
      </c>
      <c r="AQ2588">
        <v>1.323943661971831</v>
      </c>
      <c r="AR2588">
        <v>3.957746478873239</v>
      </c>
      <c r="AS2588">
        <v>71</v>
      </c>
      <c r="AT2588">
        <v>8.2394366197183082</v>
      </c>
      <c r="AU2588">
        <v>6.3098591549295757E-2</v>
      </c>
      <c r="AV2588">
        <v>9.2250154871955287E-2</v>
      </c>
      <c r="AW2588">
        <v>0.43661971830985907</v>
      </c>
      <c r="AX2588">
        <v>82.48571428571428</v>
      </c>
      <c r="AY2588">
        <v>65</v>
      </c>
      <c r="AZ2588">
        <v>128</v>
      </c>
      <c r="BA2588">
        <v>0.60348649634953133</v>
      </c>
      <c r="BB2588">
        <v>0.46478873239436619</v>
      </c>
      <c r="BC2588">
        <v>4.0355032434961027</v>
      </c>
      <c r="BD2588" t="s">
        <v>9854</v>
      </c>
      <c r="BE2588" t="s">
        <v>68</v>
      </c>
    </row>
    <row r="2589" spans="1:57" x14ac:dyDescent="0.3">
      <c r="A2589" t="s">
        <v>9855</v>
      </c>
      <c r="B2589">
        <v>2799</v>
      </c>
      <c r="C2589" t="s">
        <v>9856</v>
      </c>
      <c r="D2589" t="s">
        <v>9857</v>
      </c>
      <c r="E2589" t="s">
        <v>106</v>
      </c>
      <c r="F2589">
        <v>2837</v>
      </c>
      <c r="G2589">
        <v>125.91681353542479</v>
      </c>
      <c r="H2589">
        <v>125</v>
      </c>
      <c r="I2589">
        <v>5381.9585364802106</v>
      </c>
      <c r="J2589">
        <v>73.361832968378124</v>
      </c>
      <c r="K2589">
        <v>3.2052995817468913E-2</v>
      </c>
      <c r="L2589">
        <v>-1.178915724651493</v>
      </c>
      <c r="M2589">
        <v>7.9312018466204828</v>
      </c>
      <c r="N2589">
        <v>20</v>
      </c>
      <c r="O2589">
        <v>3</v>
      </c>
      <c r="P2589">
        <v>17</v>
      </c>
      <c r="Q2589">
        <v>3.3884439089386502</v>
      </c>
      <c r="R2589">
        <v>5.4974901984368154</v>
      </c>
      <c r="S2589">
        <v>2</v>
      </c>
      <c r="T2589">
        <v>1</v>
      </c>
      <c r="U2589">
        <v>1</v>
      </c>
      <c r="V2589">
        <v>0.1327583776662378</v>
      </c>
      <c r="W2589">
        <v>7.9257088728226819</v>
      </c>
      <c r="X2589">
        <v>1</v>
      </c>
      <c r="Y2589">
        <v>1</v>
      </c>
      <c r="Z2589">
        <v>0</v>
      </c>
      <c r="AA2589">
        <v>0</v>
      </c>
      <c r="AB2589">
        <v>7.9497972161618513</v>
      </c>
      <c r="AC2589">
        <v>1</v>
      </c>
      <c r="AD2589">
        <v>1</v>
      </c>
      <c r="AE2589">
        <v>0</v>
      </c>
      <c r="AF2589">
        <v>0</v>
      </c>
      <c r="AG2589">
        <v>7.9494444202506251</v>
      </c>
      <c r="AH2589">
        <v>-9.4319644016795951E-3</v>
      </c>
      <c r="AI2589">
        <v>-2.8862101293562151E-2</v>
      </c>
      <c r="AJ2589">
        <v>4.3873452053357137E-3</v>
      </c>
      <c r="AK2589">
        <v>-1.52662428508711E-2</v>
      </c>
      <c r="AL2589">
        <v>3573.6744048106762</v>
      </c>
      <c r="AM2589">
        <v>6890.4446335777966</v>
      </c>
      <c r="AN2589">
        <v>357226</v>
      </c>
      <c r="AO2589">
        <v>163.68038415377421</v>
      </c>
      <c r="AP2589">
        <v>3254.8586781601161</v>
      </c>
      <c r="AQ2589">
        <v>1.008107155445894</v>
      </c>
      <c r="AR2589">
        <v>3.9957701797673599</v>
      </c>
      <c r="AS2589">
        <v>2824</v>
      </c>
      <c r="AT2589">
        <v>265.22911526260128</v>
      </c>
      <c r="AU2589">
        <v>2.2046210094894492E-2</v>
      </c>
      <c r="AV2589">
        <v>-9.4335735182041712E-3</v>
      </c>
      <c r="AW2589">
        <v>0.38033133591822349</v>
      </c>
      <c r="AX2589">
        <v>85.372708039492238</v>
      </c>
      <c r="AY2589">
        <v>63</v>
      </c>
      <c r="AZ2589">
        <v>127</v>
      </c>
      <c r="BA2589">
        <v>0.58262142210054346</v>
      </c>
      <c r="BB2589">
        <v>0.49841381741275997</v>
      </c>
      <c r="BC2589">
        <v>5.3028948238712914</v>
      </c>
      <c r="BD2589" t="s">
        <v>9858</v>
      </c>
      <c r="BE2589" t="s">
        <v>68</v>
      </c>
    </row>
    <row r="2590" spans="1:57" x14ac:dyDescent="0.3">
      <c r="A2590" t="s">
        <v>9859</v>
      </c>
      <c r="B2590">
        <v>1771</v>
      </c>
      <c r="C2590" t="s">
        <v>9860</v>
      </c>
      <c r="D2590" t="s">
        <v>9861</v>
      </c>
      <c r="E2590" t="s">
        <v>10622</v>
      </c>
      <c r="F2590">
        <v>64</v>
      </c>
      <c r="G2590">
        <v>123.828125</v>
      </c>
      <c r="H2590">
        <v>133</v>
      </c>
      <c r="I2590">
        <v>5712.329833984375</v>
      </c>
      <c r="J2590">
        <v>75.579956562466847</v>
      </c>
      <c r="K2590">
        <v>-8.3648815538569874E-3</v>
      </c>
      <c r="L2590">
        <v>-1.1579903116807011</v>
      </c>
      <c r="M2590">
        <v>5.738204882778696</v>
      </c>
      <c r="N2590">
        <v>3</v>
      </c>
      <c r="O2590">
        <v>1</v>
      </c>
      <c r="P2590">
        <v>2</v>
      </c>
      <c r="Q2590">
        <v>0.3976974544878587</v>
      </c>
      <c r="R2590">
        <v>3.9774205359733652</v>
      </c>
      <c r="S2590">
        <v>1</v>
      </c>
      <c r="T2590">
        <v>1</v>
      </c>
      <c r="U2590">
        <v>0</v>
      </c>
      <c r="V2590">
        <v>0</v>
      </c>
      <c r="W2590">
        <v>4.1431347263915326</v>
      </c>
      <c r="X2590">
        <v>1</v>
      </c>
      <c r="Y2590">
        <v>1</v>
      </c>
      <c r="Z2590">
        <v>0</v>
      </c>
      <c r="AA2590">
        <v>0</v>
      </c>
      <c r="AB2590">
        <v>4.1271343850450908</v>
      </c>
      <c r="AC2590">
        <v>1</v>
      </c>
      <c r="AD2590">
        <v>1</v>
      </c>
      <c r="AE2590">
        <v>0</v>
      </c>
      <c r="AF2590">
        <v>0</v>
      </c>
      <c r="AG2590">
        <v>4.1108738641733096</v>
      </c>
      <c r="AH2590">
        <v>-8.0934863162636095E-2</v>
      </c>
      <c r="AI2590">
        <v>-5.1035897893481251E-2</v>
      </c>
      <c r="AJ2590">
        <v>0.19603794213795259</v>
      </c>
      <c r="AK2590">
        <v>2.5961099418605318E-2</v>
      </c>
      <c r="AL2590">
        <v>664.99217282536404</v>
      </c>
      <c r="AM2590">
        <v>951.16371360612845</v>
      </c>
      <c r="AN2590">
        <v>7925</v>
      </c>
      <c r="AO2590">
        <v>82.430625766277927</v>
      </c>
      <c r="AP2590">
        <v>529.12578481283595</v>
      </c>
      <c r="AQ2590">
        <v>1.359375</v>
      </c>
      <c r="AR2590">
        <v>4.03125</v>
      </c>
      <c r="AS2590">
        <v>64</v>
      </c>
      <c r="AT2590">
        <v>7.7499999999999991</v>
      </c>
      <c r="AU2590">
        <v>6.5452755905511806E-2</v>
      </c>
      <c r="AV2590">
        <v>-8.1626404677905731E-2</v>
      </c>
      <c r="AW2590">
        <v>0.296875</v>
      </c>
      <c r="AX2590">
        <v>91.507936507936506</v>
      </c>
      <c r="AY2590">
        <v>59.5</v>
      </c>
      <c r="AZ2590">
        <v>129.5</v>
      </c>
      <c r="BA2590">
        <v>0.61036179432149884</v>
      </c>
      <c r="BB2590">
        <v>0.53125</v>
      </c>
      <c r="BC2590">
        <v>3.8267637867178341</v>
      </c>
      <c r="BD2590" t="s">
        <v>9862</v>
      </c>
      <c r="BE2590" t="s">
        <v>62</v>
      </c>
    </row>
    <row r="2591" spans="1:57" x14ac:dyDescent="0.3">
      <c r="A2591" t="s">
        <v>9863</v>
      </c>
      <c r="B2591">
        <v>2687</v>
      </c>
      <c r="C2591" t="s">
        <v>9864</v>
      </c>
      <c r="D2591" t="s">
        <v>9865</v>
      </c>
      <c r="E2591" t="s">
        <v>106</v>
      </c>
      <c r="F2591">
        <v>2735</v>
      </c>
      <c r="G2591">
        <v>125.4950639853748</v>
      </c>
      <c r="H2591">
        <v>124</v>
      </c>
      <c r="I2591">
        <v>5488.1622242646436</v>
      </c>
      <c r="J2591">
        <v>74.082131612586878</v>
      </c>
      <c r="K2591">
        <v>4.1879198534342417E-2</v>
      </c>
      <c r="L2591">
        <v>-1.195286727666403</v>
      </c>
      <c r="M2591">
        <v>7.9254463563581847</v>
      </c>
      <c r="N2591">
        <v>21</v>
      </c>
      <c r="O2591">
        <v>3</v>
      </c>
      <c r="P2591">
        <v>18</v>
      </c>
      <c r="Q2591">
        <v>3.404598850813549</v>
      </c>
      <c r="R2591">
        <v>5.4935007965887728</v>
      </c>
      <c r="S2591">
        <v>2</v>
      </c>
      <c r="T2591">
        <v>1</v>
      </c>
      <c r="U2591">
        <v>1</v>
      </c>
      <c r="V2591">
        <v>0.14308687027556211</v>
      </c>
      <c r="W2591">
        <v>7.88512581456893</v>
      </c>
      <c r="X2591">
        <v>1</v>
      </c>
      <c r="Y2591">
        <v>1</v>
      </c>
      <c r="Z2591">
        <v>0</v>
      </c>
      <c r="AA2591">
        <v>0</v>
      </c>
      <c r="AB2591">
        <v>7.9131551859280673</v>
      </c>
      <c r="AC2591">
        <v>1</v>
      </c>
      <c r="AD2591">
        <v>1</v>
      </c>
      <c r="AE2591">
        <v>0</v>
      </c>
      <c r="AF2591">
        <v>0</v>
      </c>
      <c r="AG2591">
        <v>7.9127892206906827</v>
      </c>
      <c r="AH2591">
        <v>-3.0555916455313249E-3</v>
      </c>
      <c r="AI2591">
        <v>2.3893099175869261E-2</v>
      </c>
      <c r="AJ2591">
        <v>-5.8684766506694568E-3</v>
      </c>
      <c r="AK2591">
        <v>-3.035300981630331E-2</v>
      </c>
      <c r="AL2591">
        <v>3548.4002879347358</v>
      </c>
      <c r="AM2591">
        <v>6744.8146302611376</v>
      </c>
      <c r="AN2591">
        <v>343229</v>
      </c>
      <c r="AO2591">
        <v>101.3855774997278</v>
      </c>
      <c r="AP2591">
        <v>3267.832827307655</v>
      </c>
      <c r="AQ2591">
        <v>1.008409506398537</v>
      </c>
      <c r="AR2591">
        <v>3.9765996343692871</v>
      </c>
      <c r="AS2591">
        <v>2725</v>
      </c>
      <c r="AT2591">
        <v>277.75027422303469</v>
      </c>
      <c r="AU2591">
        <v>2.091264293651646E-2</v>
      </c>
      <c r="AV2591">
        <v>-3.0561080388867949E-3</v>
      </c>
      <c r="AW2591">
        <v>0.37696526508226691</v>
      </c>
      <c r="AX2591">
        <v>85.471104608632047</v>
      </c>
      <c r="AY2591">
        <v>63</v>
      </c>
      <c r="AZ2591">
        <v>127</v>
      </c>
      <c r="BA2591">
        <v>0.59031908714131121</v>
      </c>
      <c r="BB2591">
        <v>0.49652650822669098</v>
      </c>
      <c r="BC2591">
        <v>5.3088616923190033</v>
      </c>
      <c r="BD2591" t="s">
        <v>9866</v>
      </c>
      <c r="BE2591" t="s">
        <v>68</v>
      </c>
    </row>
    <row r="2592" spans="1:57" x14ac:dyDescent="0.3">
      <c r="A2592" t="s">
        <v>9867</v>
      </c>
      <c r="B2592">
        <v>146</v>
      </c>
      <c r="C2592" t="s">
        <v>9868</v>
      </c>
      <c r="D2592" t="s">
        <v>9869</v>
      </c>
      <c r="E2592" t="s">
        <v>60</v>
      </c>
      <c r="F2592">
        <v>512</v>
      </c>
      <c r="G2592">
        <v>126.435546875</v>
      </c>
      <c r="H2592">
        <v>126</v>
      </c>
      <c r="I2592">
        <v>5361.2458457946777</v>
      </c>
      <c r="J2592">
        <v>73.220528854923458</v>
      </c>
      <c r="K2592">
        <v>5.6951195905051898E-2</v>
      </c>
      <c r="L2592">
        <v>-1.176740339890076</v>
      </c>
      <c r="M2592">
        <v>7.5915296119429296</v>
      </c>
      <c r="N2592">
        <v>7</v>
      </c>
      <c r="O2592">
        <v>1</v>
      </c>
      <c r="P2592">
        <v>6</v>
      </c>
      <c r="Q2592">
        <v>1.2713933737520611</v>
      </c>
      <c r="R2592">
        <v>5.2620473466555762</v>
      </c>
      <c r="S2592">
        <v>2</v>
      </c>
      <c r="T2592">
        <v>1</v>
      </c>
      <c r="U2592">
        <v>1</v>
      </c>
      <c r="V2592">
        <v>8.8472037443809853E-2</v>
      </c>
      <c r="W2592">
        <v>6.2255179709385784</v>
      </c>
      <c r="X2592">
        <v>1</v>
      </c>
      <c r="Y2592">
        <v>1</v>
      </c>
      <c r="Z2592">
        <v>0</v>
      </c>
      <c r="AA2592">
        <v>0</v>
      </c>
      <c r="AB2592">
        <v>6.2344107257183694</v>
      </c>
      <c r="AC2592">
        <v>1</v>
      </c>
      <c r="AD2592">
        <v>1</v>
      </c>
      <c r="AE2592">
        <v>0</v>
      </c>
      <c r="AF2592">
        <v>0</v>
      </c>
      <c r="AG2592">
        <v>6.2324480165505216</v>
      </c>
      <c r="AH2592">
        <v>-5.7364227157309218E-2</v>
      </c>
      <c r="AI2592">
        <v>1.027745718107332E-2</v>
      </c>
      <c r="AJ2592">
        <v>-3.6366641782546547E-2</v>
      </c>
      <c r="AK2592">
        <v>-1.046814951691156E-2</v>
      </c>
      <c r="AL2592">
        <v>1588.828569243437</v>
      </c>
      <c r="AM2592">
        <v>2899.204507715152</v>
      </c>
      <c r="AN2592">
        <v>64735</v>
      </c>
      <c r="AO2592">
        <v>27.079408743827571</v>
      </c>
      <c r="AP2592">
        <v>1354.34696190912</v>
      </c>
      <c r="AQ2592">
        <v>1.044921875</v>
      </c>
      <c r="AR2592">
        <v>4.01171875</v>
      </c>
      <c r="AS2592">
        <v>508</v>
      </c>
      <c r="AT2592">
        <v>157</v>
      </c>
      <c r="AU2592">
        <v>2.2878370098039169E-2</v>
      </c>
      <c r="AV2592">
        <v>-5.7491607419392347E-2</v>
      </c>
      <c r="AW2592">
        <v>0.376953125</v>
      </c>
      <c r="AX2592">
        <v>87.303326810176131</v>
      </c>
      <c r="AY2592">
        <v>62</v>
      </c>
      <c r="AZ2592">
        <v>124</v>
      </c>
      <c r="BA2592">
        <v>0.57911347453032846</v>
      </c>
      <c r="BB2592">
        <v>0.498046875</v>
      </c>
      <c r="BC2592">
        <v>5.1202690166555938</v>
      </c>
      <c r="BD2592" t="s">
        <v>9870</v>
      </c>
      <c r="BE2592" t="s">
        <v>62</v>
      </c>
    </row>
    <row r="2593" spans="1:57" x14ac:dyDescent="0.3">
      <c r="A2593" t="s">
        <v>9871</v>
      </c>
      <c r="B2593">
        <v>158</v>
      </c>
      <c r="C2593" t="s">
        <v>9872</v>
      </c>
      <c r="D2593" t="s">
        <v>9873</v>
      </c>
      <c r="E2593" t="s">
        <v>60</v>
      </c>
      <c r="F2593">
        <v>256</v>
      </c>
      <c r="G2593">
        <v>132.0546875</v>
      </c>
      <c r="H2593">
        <v>134.5</v>
      </c>
      <c r="I2593">
        <v>5334.9423217773438</v>
      </c>
      <c r="J2593">
        <v>73.040689494126113</v>
      </c>
      <c r="K2593">
        <v>-0.1175590268545505</v>
      </c>
      <c r="L2593">
        <v>-1.175339730245436</v>
      </c>
      <c r="M2593">
        <v>7.19795581042011</v>
      </c>
      <c r="N2593">
        <v>4</v>
      </c>
      <c r="O2593">
        <v>1</v>
      </c>
      <c r="P2593">
        <v>3</v>
      </c>
      <c r="Q2593">
        <v>0.75915132752186598</v>
      </c>
      <c r="R2593">
        <v>4.9892427757877744</v>
      </c>
      <c r="S2593">
        <v>1</v>
      </c>
      <c r="T2593">
        <v>1</v>
      </c>
      <c r="U2593">
        <v>0</v>
      </c>
      <c r="V2593">
        <v>0</v>
      </c>
      <c r="W2593">
        <v>5.541263545158424</v>
      </c>
      <c r="X2593">
        <v>1</v>
      </c>
      <c r="Y2593">
        <v>1</v>
      </c>
      <c r="Z2593">
        <v>0</v>
      </c>
      <c r="AA2593">
        <v>0</v>
      </c>
      <c r="AB2593">
        <v>5.5373342670185366</v>
      </c>
      <c r="AC2593">
        <v>1</v>
      </c>
      <c r="AD2593">
        <v>1</v>
      </c>
      <c r="AE2593">
        <v>0</v>
      </c>
      <c r="AF2593">
        <v>0</v>
      </c>
      <c r="AG2593">
        <v>5.5333894887275203</v>
      </c>
      <c r="AH2593">
        <v>-3.1982346536037237E-2</v>
      </c>
      <c r="AI2593">
        <v>2.7754577182106221E-2</v>
      </c>
      <c r="AJ2593">
        <v>-6.5010861690295114E-3</v>
      </c>
      <c r="AK2593">
        <v>-1.3556368395969029E-2</v>
      </c>
      <c r="AL2593">
        <v>1171.355405607545</v>
      </c>
      <c r="AM2593">
        <v>2111.3769236576359</v>
      </c>
      <c r="AN2593">
        <v>33806</v>
      </c>
      <c r="AO2593">
        <v>241.27178953760361</v>
      </c>
      <c r="AP2593">
        <v>995.54986808753608</v>
      </c>
      <c r="AQ2593">
        <v>1.08984375</v>
      </c>
      <c r="AR2593">
        <v>4.03515625</v>
      </c>
      <c r="AS2593">
        <v>254</v>
      </c>
      <c r="AT2593">
        <v>59.8125</v>
      </c>
      <c r="AU2593">
        <v>3.3700980392156847E-2</v>
      </c>
      <c r="AV2593">
        <v>-3.2010816765756588E-2</v>
      </c>
      <c r="AW2593">
        <v>0.33984375</v>
      </c>
      <c r="AX2593">
        <v>85.333333333333329</v>
      </c>
      <c r="AY2593">
        <v>61</v>
      </c>
      <c r="AZ2593">
        <v>121.75</v>
      </c>
      <c r="BA2593">
        <v>0.55310940396664154</v>
      </c>
      <c r="BB2593">
        <v>0.51171875</v>
      </c>
      <c r="BC2593">
        <v>4.8033682014805734</v>
      </c>
      <c r="BD2593" t="s">
        <v>9874</v>
      </c>
      <c r="BE2593" t="s">
        <v>62</v>
      </c>
    </row>
    <row r="2594" spans="1:57" x14ac:dyDescent="0.3">
      <c r="A2594" t="s">
        <v>9875</v>
      </c>
      <c r="B2594">
        <v>1864</v>
      </c>
      <c r="C2594" t="s">
        <v>9876</v>
      </c>
      <c r="D2594" t="s">
        <v>9877</v>
      </c>
      <c r="E2594" t="s">
        <v>10622</v>
      </c>
      <c r="F2594">
        <v>64</v>
      </c>
      <c r="G2594">
        <v>123.6875</v>
      </c>
      <c r="H2594">
        <v>123</v>
      </c>
      <c r="I2594">
        <v>5624.49609375</v>
      </c>
      <c r="J2594">
        <v>74.996640549760627</v>
      </c>
      <c r="K2594">
        <v>0.1139686371092913</v>
      </c>
      <c r="L2594">
        <v>-1.118092475839336</v>
      </c>
      <c r="M2594">
        <v>5.875</v>
      </c>
      <c r="N2594">
        <v>2</v>
      </c>
      <c r="O2594">
        <v>1</v>
      </c>
      <c r="P2594">
        <v>1</v>
      </c>
      <c r="Q2594">
        <v>0.24944382578492941</v>
      </c>
      <c r="R2594">
        <v>4.072239685789679</v>
      </c>
      <c r="S2594">
        <v>1</v>
      </c>
      <c r="T2594">
        <v>1</v>
      </c>
      <c r="U2594">
        <v>0</v>
      </c>
      <c r="V2594">
        <v>0</v>
      </c>
      <c r="W2594">
        <v>4.1431347263915326</v>
      </c>
      <c r="X2594">
        <v>1</v>
      </c>
      <c r="Y2594">
        <v>1</v>
      </c>
      <c r="Z2594">
        <v>0</v>
      </c>
      <c r="AA2594">
        <v>0</v>
      </c>
      <c r="AB2594">
        <v>4.1271343850450908</v>
      </c>
      <c r="AC2594">
        <v>1</v>
      </c>
      <c r="AD2594">
        <v>1</v>
      </c>
      <c r="AE2594">
        <v>0</v>
      </c>
      <c r="AF2594">
        <v>0</v>
      </c>
      <c r="AG2594">
        <v>4.1108738641733096</v>
      </c>
      <c r="AH2594">
        <v>7.0782284923441061E-2</v>
      </c>
      <c r="AI2594">
        <v>0.1409601754254374</v>
      </c>
      <c r="AJ2594">
        <v>0.17530792472033949</v>
      </c>
      <c r="AK2594">
        <v>-4.6654808833569122E-2</v>
      </c>
      <c r="AL2594">
        <v>644.72790006357741</v>
      </c>
      <c r="AM2594">
        <v>960.93909009864399</v>
      </c>
      <c r="AN2594">
        <v>7916</v>
      </c>
      <c r="AO2594">
        <v>51.692415720670198</v>
      </c>
      <c r="AP2594">
        <v>481.26324089108113</v>
      </c>
      <c r="AQ2594">
        <v>1.359375</v>
      </c>
      <c r="AR2594">
        <v>4.015625</v>
      </c>
      <c r="AS2594">
        <v>64</v>
      </c>
      <c r="AT2594">
        <v>3.5000000000000009</v>
      </c>
      <c r="AU2594">
        <v>5.7046568627451E-2</v>
      </c>
      <c r="AV2594">
        <v>7.3066344410063488E-2</v>
      </c>
      <c r="AW2594">
        <v>0.390625</v>
      </c>
      <c r="AX2594">
        <v>83.031746031746039</v>
      </c>
      <c r="AY2594">
        <v>58</v>
      </c>
      <c r="AZ2594">
        <v>114</v>
      </c>
      <c r="BA2594">
        <v>0.6063396911552148</v>
      </c>
      <c r="BB2594">
        <v>0.5</v>
      </c>
      <c r="BC2594">
        <v>3.9230880024042492</v>
      </c>
      <c r="BD2594" t="s">
        <v>9878</v>
      </c>
      <c r="BE2594" t="s">
        <v>62</v>
      </c>
    </row>
    <row r="2595" spans="1:57" x14ac:dyDescent="0.3">
      <c r="A2595" t="s">
        <v>9879</v>
      </c>
      <c r="B2595">
        <v>3234</v>
      </c>
      <c r="C2595" t="s">
        <v>9880</v>
      </c>
      <c r="D2595" t="s">
        <v>9881</v>
      </c>
      <c r="E2595" t="s">
        <v>66</v>
      </c>
      <c r="F2595">
        <v>71</v>
      </c>
      <c r="G2595">
        <v>112.05633802816899</v>
      </c>
      <c r="H2595">
        <v>105</v>
      </c>
      <c r="I2595">
        <v>5057.1517556040471</v>
      </c>
      <c r="J2595">
        <v>71.113653791687895</v>
      </c>
      <c r="K2595">
        <v>0.14699754661317241</v>
      </c>
      <c r="L2595">
        <v>-0.9429293244541741</v>
      </c>
      <c r="M2595">
        <v>5.8467925419789468</v>
      </c>
      <c r="N2595">
        <v>3</v>
      </c>
      <c r="O2595">
        <v>1</v>
      </c>
      <c r="P2595">
        <v>2</v>
      </c>
      <c r="Q2595">
        <v>0.45014853172937652</v>
      </c>
      <c r="R2595">
        <v>4.0526877657916263</v>
      </c>
      <c r="S2595">
        <v>1</v>
      </c>
      <c r="T2595">
        <v>1</v>
      </c>
      <c r="U2595">
        <v>0</v>
      </c>
      <c r="V2595">
        <v>0</v>
      </c>
      <c r="W2595">
        <v>4.2484952420493576</v>
      </c>
      <c r="X2595">
        <v>1</v>
      </c>
      <c r="Y2595">
        <v>1</v>
      </c>
      <c r="Z2595">
        <v>0</v>
      </c>
      <c r="AA2595">
        <v>0</v>
      </c>
      <c r="AB2595">
        <v>4.2341065045972579</v>
      </c>
      <c r="AC2595">
        <v>1</v>
      </c>
      <c r="AD2595">
        <v>1</v>
      </c>
      <c r="AE2595">
        <v>0</v>
      </c>
      <c r="AF2595">
        <v>0</v>
      </c>
      <c r="AG2595">
        <v>4.2195077051761087</v>
      </c>
      <c r="AH2595">
        <v>-2.5764233216974249E-2</v>
      </c>
      <c r="AI2595">
        <v>-0.1045510056290609</v>
      </c>
      <c r="AJ2595">
        <v>-6.3768280047113842E-3</v>
      </c>
      <c r="AK2595">
        <v>9.3447386139155306E-2</v>
      </c>
      <c r="AL2595">
        <v>652.66558685465816</v>
      </c>
      <c r="AM2595">
        <v>908.07798769470469</v>
      </c>
      <c r="AN2595">
        <v>7956</v>
      </c>
      <c r="AO2595">
        <v>50.287680548994693</v>
      </c>
      <c r="AP2595">
        <v>557.47698635535255</v>
      </c>
      <c r="AQ2595">
        <v>1.323943661971831</v>
      </c>
      <c r="AR2595">
        <v>3.746478873239437</v>
      </c>
      <c r="AS2595">
        <v>71</v>
      </c>
      <c r="AT2595">
        <v>10.619718309859159</v>
      </c>
      <c r="AU2595">
        <v>0.13184203258768301</v>
      </c>
      <c r="AV2595">
        <v>-2.5881811548863581E-2</v>
      </c>
      <c r="AW2595">
        <v>0.46478873239436619</v>
      </c>
      <c r="AX2595">
        <v>84.3</v>
      </c>
      <c r="AY2595">
        <v>60</v>
      </c>
      <c r="AZ2595">
        <v>108</v>
      </c>
      <c r="BA2595">
        <v>0.63462411000626451</v>
      </c>
      <c r="BB2595">
        <v>0.46478873239436619</v>
      </c>
      <c r="BC2595">
        <v>3.983565601501887</v>
      </c>
      <c r="BD2595" t="s">
        <v>9882</v>
      </c>
      <c r="BE2595" t="s">
        <v>68</v>
      </c>
    </row>
    <row r="2596" spans="1:57" x14ac:dyDescent="0.3">
      <c r="A2596" t="s">
        <v>9883</v>
      </c>
      <c r="B2596">
        <v>3386</v>
      </c>
      <c r="C2596" t="s">
        <v>9884</v>
      </c>
      <c r="D2596" t="s">
        <v>9885</v>
      </c>
      <c r="E2596" t="s">
        <v>72</v>
      </c>
      <c r="F2596">
        <v>3392</v>
      </c>
      <c r="G2596">
        <v>125.7441037735849</v>
      </c>
      <c r="H2596">
        <v>125</v>
      </c>
      <c r="I2596">
        <v>5336.8519699514954</v>
      </c>
      <c r="J2596">
        <v>73.053760820039201</v>
      </c>
      <c r="K2596">
        <v>3.3829267327947783E-2</v>
      </c>
      <c r="L2596">
        <v>-1.165349627623542</v>
      </c>
      <c r="M2596">
        <v>7.9390127857791057</v>
      </c>
      <c r="N2596">
        <v>26</v>
      </c>
      <c r="O2596">
        <v>1</v>
      </c>
      <c r="P2596">
        <v>25</v>
      </c>
      <c r="Q2596">
        <v>3.7945273091651348</v>
      </c>
      <c r="R2596">
        <v>5.5029043288921402</v>
      </c>
      <c r="S2596">
        <v>3</v>
      </c>
      <c r="T2596">
        <v>1</v>
      </c>
      <c r="U2596">
        <v>2</v>
      </c>
      <c r="V2596">
        <v>0.15360011934856571</v>
      </c>
      <c r="W2596">
        <v>8.0968382051421202</v>
      </c>
      <c r="X2596">
        <v>2</v>
      </c>
      <c r="Y2596">
        <v>1</v>
      </c>
      <c r="Z2596">
        <v>1</v>
      </c>
      <c r="AA2596">
        <v>1.7175133916618769E-2</v>
      </c>
      <c r="AB2596">
        <v>8.1281762639847877</v>
      </c>
      <c r="AC2596">
        <v>1</v>
      </c>
      <c r="AD2596">
        <v>1</v>
      </c>
      <c r="AE2596">
        <v>0</v>
      </c>
      <c r="AF2596">
        <v>0</v>
      </c>
      <c r="AG2596">
        <v>8.1282901716070501</v>
      </c>
      <c r="AH2596">
        <v>1.306793778177244E-2</v>
      </c>
      <c r="AI2596">
        <v>2.165737433525319E-2</v>
      </c>
      <c r="AJ2596">
        <v>5.216853428805927E-3</v>
      </c>
      <c r="AK2596">
        <v>2.1383769978150991E-2</v>
      </c>
      <c r="AL2596">
        <v>3897.4888383673651</v>
      </c>
      <c r="AM2596">
        <v>7519.644988614943</v>
      </c>
      <c r="AN2596">
        <v>426524</v>
      </c>
      <c r="AO2596">
        <v>64.641302201155995</v>
      </c>
      <c r="AP2596">
        <v>3575.44617882277</v>
      </c>
      <c r="AQ2596">
        <v>1.006780660377359</v>
      </c>
      <c r="AR2596">
        <v>3.9389740566037741</v>
      </c>
      <c r="AS2596">
        <v>3377</v>
      </c>
      <c r="AT2596">
        <v>278.18867924528303</v>
      </c>
      <c r="AU2596">
        <v>1.870375508694044E-2</v>
      </c>
      <c r="AV2596">
        <v>1.30714590751636E-2</v>
      </c>
      <c r="AW2596">
        <v>0.38207547169811318</v>
      </c>
      <c r="AX2596">
        <v>83.468593335299317</v>
      </c>
      <c r="AY2596">
        <v>62</v>
      </c>
      <c r="AZ2596">
        <v>124</v>
      </c>
      <c r="BA2596">
        <v>0.58097166091843122</v>
      </c>
      <c r="BB2596">
        <v>0.49646226415094341</v>
      </c>
      <c r="BC2596">
        <v>5.3040196417797976</v>
      </c>
      <c r="BD2596" t="s">
        <v>9886</v>
      </c>
      <c r="BE2596" t="s">
        <v>62</v>
      </c>
    </row>
    <row r="2597" spans="1:57" x14ac:dyDescent="0.3">
      <c r="A2597" t="s">
        <v>9887</v>
      </c>
      <c r="B2597">
        <v>1915</v>
      </c>
      <c r="C2597" t="s">
        <v>9888</v>
      </c>
      <c r="D2597" t="s">
        <v>9889</v>
      </c>
      <c r="E2597" t="s">
        <v>93</v>
      </c>
      <c r="F2597">
        <v>1921</v>
      </c>
      <c r="G2597">
        <v>126.5075481520042</v>
      </c>
      <c r="H2597">
        <v>126</v>
      </c>
      <c r="I2597">
        <v>5531.5523896677742</v>
      </c>
      <c r="J2597">
        <v>74.374406818930495</v>
      </c>
      <c r="K2597">
        <v>1.388468090316221E-2</v>
      </c>
      <c r="L2597">
        <v>-1.215230301661578</v>
      </c>
      <c r="M2597">
        <v>7.8853114113565503</v>
      </c>
      <c r="N2597">
        <v>18</v>
      </c>
      <c r="O2597">
        <v>1</v>
      </c>
      <c r="P2597">
        <v>17</v>
      </c>
      <c r="Q2597">
        <v>2.9764676617109309</v>
      </c>
      <c r="R2597">
        <v>5.4656813726189526</v>
      </c>
      <c r="S2597">
        <v>2</v>
      </c>
      <c r="T2597">
        <v>1</v>
      </c>
      <c r="U2597">
        <v>1</v>
      </c>
      <c r="V2597">
        <v>0.1290809000993883</v>
      </c>
      <c r="W2597">
        <v>7.536975559003162</v>
      </c>
      <c r="X2597">
        <v>2</v>
      </c>
      <c r="Y2597">
        <v>1</v>
      </c>
      <c r="Z2597">
        <v>1</v>
      </c>
      <c r="AA2597">
        <v>2.2827715619384389E-2</v>
      </c>
      <c r="AB2597">
        <v>7.5588370914422356</v>
      </c>
      <c r="AC2597">
        <v>1</v>
      </c>
      <c r="AD2597">
        <v>1</v>
      </c>
      <c r="AE2597">
        <v>0</v>
      </c>
      <c r="AF2597">
        <v>0</v>
      </c>
      <c r="AG2597">
        <v>7.5590382554433857</v>
      </c>
      <c r="AH2597">
        <v>4.6605163884402504E-3</v>
      </c>
      <c r="AI2597">
        <v>1.032600009001877E-2</v>
      </c>
      <c r="AJ2597">
        <v>-2.6098004182729261E-3</v>
      </c>
      <c r="AK2597">
        <v>3.0334167465366359E-2</v>
      </c>
      <c r="AL2597">
        <v>2999.175312127049</v>
      </c>
      <c r="AM2597">
        <v>5689.9077714078649</v>
      </c>
      <c r="AN2597">
        <v>243021</v>
      </c>
      <c r="AO2597">
        <v>149.00645786690009</v>
      </c>
      <c r="AP2597">
        <v>2696.8939967138381</v>
      </c>
      <c r="AQ2597">
        <v>1.011972930765227</v>
      </c>
      <c r="AR2597">
        <v>4.0088495575221241</v>
      </c>
      <c r="AS2597">
        <v>1917</v>
      </c>
      <c r="AT2597">
        <v>302.2420614263404</v>
      </c>
      <c r="AU2597">
        <v>1.6449765747006791E-2</v>
      </c>
      <c r="AV2597">
        <v>4.6621259834991541E-3</v>
      </c>
      <c r="AW2597">
        <v>0.37480478917230609</v>
      </c>
      <c r="AX2597">
        <v>85.623958333333334</v>
      </c>
      <c r="AY2597">
        <v>65</v>
      </c>
      <c r="AZ2597">
        <v>131</v>
      </c>
      <c r="BA2597">
        <v>0.58790489504678811</v>
      </c>
      <c r="BB2597">
        <v>0.49557522123893799</v>
      </c>
      <c r="BC2597">
        <v>5.29037113594595</v>
      </c>
      <c r="BD2597" t="s">
        <v>9890</v>
      </c>
      <c r="BE2597" t="s">
        <v>68</v>
      </c>
    </row>
    <row r="2598" spans="1:57" x14ac:dyDescent="0.3">
      <c r="A2598" t="s">
        <v>9891</v>
      </c>
      <c r="B2598">
        <v>3428</v>
      </c>
      <c r="C2598" t="s">
        <v>9892</v>
      </c>
      <c r="D2598" t="s">
        <v>9893</v>
      </c>
      <c r="E2598" t="s">
        <v>93</v>
      </c>
      <c r="F2598">
        <v>3430</v>
      </c>
      <c r="G2598">
        <v>128.04314868804661</v>
      </c>
      <c r="H2598">
        <v>127</v>
      </c>
      <c r="I2598">
        <v>5355.7328320682709</v>
      </c>
      <c r="J2598">
        <v>73.182872532227591</v>
      </c>
      <c r="K2598">
        <v>7.3189652656230801E-3</v>
      </c>
      <c r="L2598">
        <v>-1.1842026346118451</v>
      </c>
      <c r="M2598">
        <v>7.940153774623365</v>
      </c>
      <c r="N2598">
        <v>26</v>
      </c>
      <c r="O2598">
        <v>4</v>
      </c>
      <c r="P2598">
        <v>22</v>
      </c>
      <c r="Q2598">
        <v>3.814732632648552</v>
      </c>
      <c r="R2598">
        <v>5.5036952020925964</v>
      </c>
      <c r="S2598">
        <v>3</v>
      </c>
      <c r="T2598">
        <v>1</v>
      </c>
      <c r="U2598">
        <v>2</v>
      </c>
      <c r="V2598">
        <v>0.16555641695617929</v>
      </c>
      <c r="W2598">
        <v>8.1026771080864854</v>
      </c>
      <c r="X2598">
        <v>1</v>
      </c>
      <c r="Y2598">
        <v>1</v>
      </c>
      <c r="Z2598">
        <v>0</v>
      </c>
      <c r="AA2598">
        <v>0</v>
      </c>
      <c r="AB2598">
        <v>8.1397322797176681</v>
      </c>
      <c r="AC2598">
        <v>1</v>
      </c>
      <c r="AD2598">
        <v>1</v>
      </c>
      <c r="AE2598">
        <v>0</v>
      </c>
      <c r="AF2598">
        <v>0</v>
      </c>
      <c r="AG2598">
        <v>8.1394405218746115</v>
      </c>
      <c r="AH2598">
        <v>-3.2289578895802168E-2</v>
      </c>
      <c r="AI2598">
        <v>-3.7036486190790023E-2</v>
      </c>
      <c r="AJ2598">
        <v>8.2444546472652432E-3</v>
      </c>
      <c r="AK2598">
        <v>1.5833178106396069E-2</v>
      </c>
      <c r="AL2598">
        <v>3915.8122272907931</v>
      </c>
      <c r="AM2598">
        <v>7698.8046215370296</v>
      </c>
      <c r="AN2598">
        <v>439188</v>
      </c>
      <c r="AO2598">
        <v>65.993352632372677</v>
      </c>
      <c r="AP2598">
        <v>3506.4690531119918</v>
      </c>
      <c r="AQ2598">
        <v>1.0067055393586011</v>
      </c>
      <c r="AR2598">
        <v>4.0326530612244902</v>
      </c>
      <c r="AS2598">
        <v>3418</v>
      </c>
      <c r="AT2598">
        <v>278.04431486880469</v>
      </c>
      <c r="AU2598">
        <v>1.480020579660438E-2</v>
      </c>
      <c r="AV2598">
        <v>-3.2304372212818309E-2</v>
      </c>
      <c r="AW2598">
        <v>0.3825072886297376</v>
      </c>
      <c r="AX2598">
        <v>86.024788568095659</v>
      </c>
      <c r="AY2598">
        <v>63</v>
      </c>
      <c r="AZ2598">
        <v>125</v>
      </c>
      <c r="BA2598">
        <v>0.57154852315077065</v>
      </c>
      <c r="BB2598">
        <v>0.49446064139941692</v>
      </c>
      <c r="BC2598">
        <v>5.3244385646901922</v>
      </c>
      <c r="BD2598" t="s">
        <v>9894</v>
      </c>
      <c r="BE2598" t="s">
        <v>68</v>
      </c>
    </row>
    <row r="2599" spans="1:57" x14ac:dyDescent="0.3">
      <c r="A2599" t="s">
        <v>9895</v>
      </c>
      <c r="B2599">
        <v>2459</v>
      </c>
      <c r="C2599" t="s">
        <v>9896</v>
      </c>
      <c r="D2599" t="s">
        <v>9897</v>
      </c>
      <c r="E2599" t="s">
        <v>93</v>
      </c>
      <c r="F2599">
        <v>2498</v>
      </c>
      <c r="G2599">
        <v>128.57125700560451</v>
      </c>
      <c r="H2599">
        <v>130</v>
      </c>
      <c r="I2599">
        <v>5361.4482851293042</v>
      </c>
      <c r="J2599">
        <v>73.221911236523354</v>
      </c>
      <c r="K2599">
        <v>-2.491892897605083E-2</v>
      </c>
      <c r="L2599">
        <v>-1.1821374277594561</v>
      </c>
      <c r="M2599">
        <v>7.9336055249050066</v>
      </c>
      <c r="N2599">
        <v>18</v>
      </c>
      <c r="O2599">
        <v>3</v>
      </c>
      <c r="P2599">
        <v>15</v>
      </c>
      <c r="Q2599">
        <v>2.922825296668234</v>
      </c>
      <c r="R2599">
        <v>5.4991563012627047</v>
      </c>
      <c r="S2599">
        <v>2</v>
      </c>
      <c r="T2599">
        <v>1</v>
      </c>
      <c r="U2599">
        <v>1</v>
      </c>
      <c r="V2599">
        <v>0.11319548901644</v>
      </c>
      <c r="W2599">
        <v>7.8050794033931741</v>
      </c>
      <c r="X2599">
        <v>1</v>
      </c>
      <c r="Y2599">
        <v>1</v>
      </c>
      <c r="Z2599">
        <v>0</v>
      </c>
      <c r="AA2599">
        <v>0</v>
      </c>
      <c r="AB2599">
        <v>7.8224447294893196</v>
      </c>
      <c r="AC2599">
        <v>1</v>
      </c>
      <c r="AD2599">
        <v>1</v>
      </c>
      <c r="AE2599">
        <v>0</v>
      </c>
      <c r="AF2599">
        <v>0</v>
      </c>
      <c r="AG2599">
        <v>7.8220440081856184</v>
      </c>
      <c r="AH2599">
        <v>-6.8389623925853953E-3</v>
      </c>
      <c r="AI2599">
        <v>3.8460906369050031E-3</v>
      </c>
      <c r="AJ2599">
        <v>1.651403151552466E-2</v>
      </c>
      <c r="AK2599">
        <v>6.6034443839616194E-3</v>
      </c>
      <c r="AL2599">
        <v>3345.7832233803761</v>
      </c>
      <c r="AM2599">
        <v>6594.8458376330836</v>
      </c>
      <c r="AN2599">
        <v>321171</v>
      </c>
      <c r="AO2599">
        <v>98.415474817549438</v>
      </c>
      <c r="AP2599">
        <v>3030.149175170945</v>
      </c>
      <c r="AQ2599">
        <v>1.0092073658927141</v>
      </c>
      <c r="AR2599">
        <v>4.0204163330664544</v>
      </c>
      <c r="AS2599">
        <v>2485</v>
      </c>
      <c r="AT2599">
        <v>224.12650120096069</v>
      </c>
      <c r="AU2599">
        <v>1.8281291700026681E-2</v>
      </c>
      <c r="AV2599">
        <v>-6.8410462000485809E-3</v>
      </c>
      <c r="AW2599">
        <v>0.37269815852682148</v>
      </c>
      <c r="AX2599">
        <v>84.486984381257514</v>
      </c>
      <c r="AY2599">
        <v>63</v>
      </c>
      <c r="AZ2599">
        <v>126</v>
      </c>
      <c r="BA2599">
        <v>0.56950451400915814</v>
      </c>
      <c r="BB2599">
        <v>0.50680544435548436</v>
      </c>
      <c r="BC2599">
        <v>5.2993377600072549</v>
      </c>
      <c r="BD2599" t="s">
        <v>9898</v>
      </c>
      <c r="BE2599" t="s">
        <v>68</v>
      </c>
    </row>
    <row r="2600" spans="1:57" x14ac:dyDescent="0.3">
      <c r="A2600" t="s">
        <v>9899</v>
      </c>
      <c r="B2600">
        <v>3843</v>
      </c>
      <c r="C2600" t="s">
        <v>9900</v>
      </c>
      <c r="D2600" t="s">
        <v>9901</v>
      </c>
      <c r="E2600" t="s">
        <v>128</v>
      </c>
      <c r="F2600">
        <v>32</v>
      </c>
      <c r="G2600">
        <v>127.75</v>
      </c>
      <c r="H2600">
        <v>129</v>
      </c>
      <c r="I2600">
        <v>4933.75</v>
      </c>
      <c r="J2600">
        <v>70.240657741795104</v>
      </c>
      <c r="K2600">
        <v>4.6964429081555112E-2</v>
      </c>
      <c r="L2600">
        <v>-0.86940445912778053</v>
      </c>
      <c r="M2600">
        <v>4.726409765557392</v>
      </c>
      <c r="N2600">
        <v>3</v>
      </c>
      <c r="O2600">
        <v>1</v>
      </c>
      <c r="P2600">
        <v>2</v>
      </c>
      <c r="Q2600">
        <v>0.44031528592635538</v>
      </c>
      <c r="R2600">
        <v>3.2760976031670972</v>
      </c>
      <c r="S2600">
        <v>1</v>
      </c>
      <c r="T2600">
        <v>1</v>
      </c>
      <c r="U2600">
        <v>0</v>
      </c>
      <c r="V2600">
        <v>0</v>
      </c>
      <c r="W2600">
        <v>3.4339872044851458</v>
      </c>
      <c r="X2600">
        <v>1</v>
      </c>
      <c r="Y2600">
        <v>1</v>
      </c>
      <c r="Z2600">
        <v>0</v>
      </c>
      <c r="AA2600">
        <v>0</v>
      </c>
      <c r="AB2600">
        <v>3.401197381662155</v>
      </c>
      <c r="AC2600">
        <v>1</v>
      </c>
      <c r="AD2600">
        <v>1</v>
      </c>
      <c r="AE2600">
        <v>0</v>
      </c>
      <c r="AF2600">
        <v>0</v>
      </c>
      <c r="AG2600">
        <v>3.3672958299864728</v>
      </c>
      <c r="AH2600">
        <v>0.15991219597162401</v>
      </c>
      <c r="AI2600">
        <v>-0.2104834367874335</v>
      </c>
      <c r="AJ2600">
        <v>-0.12576996769698509</v>
      </c>
      <c r="AK2600">
        <v>7.3578825690397767E-2</v>
      </c>
      <c r="AL2600">
        <v>477.38493351649038</v>
      </c>
      <c r="AM2600">
        <v>672.47723028475548</v>
      </c>
      <c r="AN2600">
        <v>4088</v>
      </c>
      <c r="AO2600">
        <v>102.6732103411052</v>
      </c>
      <c r="AP2600">
        <v>377.87236583760313</v>
      </c>
      <c r="AQ2600">
        <v>1.65625</v>
      </c>
      <c r="AR2600">
        <v>3.8125</v>
      </c>
      <c r="AS2600">
        <v>32</v>
      </c>
      <c r="AT2600">
        <v>4.7500000000000018</v>
      </c>
      <c r="AU2600">
        <v>0.1003937007874016</v>
      </c>
      <c r="AV2600">
        <v>0.1610477833433672</v>
      </c>
      <c r="AW2600">
        <v>0.375</v>
      </c>
      <c r="AX2600">
        <v>76.451612903225808</v>
      </c>
      <c r="AY2600">
        <v>51</v>
      </c>
      <c r="AZ2600">
        <v>93.75</v>
      </c>
      <c r="BA2600">
        <v>0.54982902341913975</v>
      </c>
      <c r="BB2600">
        <v>0.5</v>
      </c>
      <c r="BC2600">
        <v>3.3445488586064429</v>
      </c>
      <c r="BD2600" t="s">
        <v>9902</v>
      </c>
      <c r="BE2600" t="s">
        <v>62</v>
      </c>
    </row>
    <row r="2601" spans="1:57" x14ac:dyDescent="0.3">
      <c r="A2601" t="s">
        <v>9903</v>
      </c>
      <c r="B2601">
        <v>2300</v>
      </c>
      <c r="C2601" t="s">
        <v>9904</v>
      </c>
      <c r="D2601" t="s">
        <v>9905</v>
      </c>
      <c r="E2601" t="s">
        <v>98</v>
      </c>
      <c r="F2601">
        <v>16</v>
      </c>
      <c r="G2601">
        <v>154</v>
      </c>
      <c r="H2601">
        <v>149</v>
      </c>
      <c r="I2601">
        <v>4861.875</v>
      </c>
      <c r="J2601">
        <v>69.727146793770359</v>
      </c>
      <c r="K2601">
        <v>4.0685280017044301E-3</v>
      </c>
      <c r="L2601">
        <v>-1.54563022350909</v>
      </c>
      <c r="M2601">
        <v>4</v>
      </c>
      <c r="N2601">
        <v>1</v>
      </c>
      <c r="O2601">
        <v>1</v>
      </c>
      <c r="P2601">
        <v>0</v>
      </c>
      <c r="Q2601">
        <v>0</v>
      </c>
      <c r="R2601">
        <v>2.7725887222397811</v>
      </c>
      <c r="S2601">
        <v>1</v>
      </c>
      <c r="T2601">
        <v>1</v>
      </c>
      <c r="U2601">
        <v>0</v>
      </c>
      <c r="V2601">
        <v>0</v>
      </c>
      <c r="W2601">
        <v>2.7080502011022101</v>
      </c>
      <c r="X2601">
        <v>1</v>
      </c>
      <c r="Y2601">
        <v>1</v>
      </c>
      <c r="Z2601">
        <v>0</v>
      </c>
      <c r="AA2601">
        <v>0</v>
      </c>
      <c r="AB2601">
        <v>2.639057329615258</v>
      </c>
      <c r="AC2601">
        <v>1</v>
      </c>
      <c r="AD2601">
        <v>1</v>
      </c>
      <c r="AE2601">
        <v>0</v>
      </c>
      <c r="AF2601">
        <v>0</v>
      </c>
      <c r="AG2601">
        <v>2.5649493574615372</v>
      </c>
      <c r="AH2601">
        <v>-0.22544028795474999</v>
      </c>
      <c r="AI2601">
        <v>-0.30352230363799981</v>
      </c>
      <c r="AJ2601">
        <v>3.9850880575909497E-3</v>
      </c>
      <c r="AK2601">
        <v>-0.1287697647512534</v>
      </c>
      <c r="AL2601">
        <v>395.6764457704607</v>
      </c>
      <c r="AM2601">
        <v>548.34856639044438</v>
      </c>
      <c r="AN2601">
        <v>2464</v>
      </c>
      <c r="AO2601">
        <v>43.941631466348412</v>
      </c>
      <c r="AP2601">
        <v>274.85163223332779</v>
      </c>
      <c r="AQ2601">
        <v>2.3125</v>
      </c>
      <c r="AR2601">
        <v>4.375</v>
      </c>
      <c r="AS2601">
        <v>16</v>
      </c>
      <c r="AT2601">
        <v>0</v>
      </c>
      <c r="AU2601">
        <v>0.21004901960784311</v>
      </c>
      <c r="AV2601">
        <v>-0.23377825510258171</v>
      </c>
      <c r="AW2601">
        <v>0.4375</v>
      </c>
      <c r="AX2601">
        <v>92.266666666666666</v>
      </c>
      <c r="AY2601">
        <v>64</v>
      </c>
      <c r="AZ2601">
        <v>123.75</v>
      </c>
      <c r="BA2601">
        <v>0.45277368047902827</v>
      </c>
      <c r="BB2601">
        <v>0.5</v>
      </c>
      <c r="BC2601">
        <v>2.523210952952891</v>
      </c>
      <c r="BD2601" t="s">
        <v>9904</v>
      </c>
      <c r="BE2601" t="s">
        <v>62</v>
      </c>
    </row>
    <row r="2602" spans="1:57" x14ac:dyDescent="0.3">
      <c r="A2602" t="s">
        <v>9906</v>
      </c>
      <c r="B2602">
        <v>1819</v>
      </c>
      <c r="C2602" t="s">
        <v>9907</v>
      </c>
      <c r="D2602" t="s">
        <v>9908</v>
      </c>
      <c r="E2602" t="s">
        <v>72</v>
      </c>
      <c r="F2602">
        <v>1824</v>
      </c>
      <c r="G2602">
        <v>128.968201754386</v>
      </c>
      <c r="H2602">
        <v>128</v>
      </c>
      <c r="I2602">
        <v>5290.4375853628044</v>
      </c>
      <c r="J2602">
        <v>72.735394309529966</v>
      </c>
      <c r="K2602">
        <v>2.351371507193771E-3</v>
      </c>
      <c r="L2602">
        <v>-1.192818193951908</v>
      </c>
      <c r="M2602">
        <v>7.9004957128851938</v>
      </c>
      <c r="N2602">
        <v>16</v>
      </c>
      <c r="O2602">
        <v>1</v>
      </c>
      <c r="P2602">
        <v>15</v>
      </c>
      <c r="Q2602">
        <v>2.632429961081586</v>
      </c>
      <c r="R2602">
        <v>5.4762063284122986</v>
      </c>
      <c r="S2602">
        <v>2</v>
      </c>
      <c r="T2602">
        <v>1</v>
      </c>
      <c r="U2602">
        <v>1</v>
      </c>
      <c r="V2602">
        <v>0.1216856779951761</v>
      </c>
      <c r="W2602">
        <v>7.4877067133784809</v>
      </c>
      <c r="X2602">
        <v>1</v>
      </c>
      <c r="Y2602">
        <v>1</v>
      </c>
      <c r="Z2602">
        <v>0</v>
      </c>
      <c r="AA2602">
        <v>0</v>
      </c>
      <c r="AB2602">
        <v>7.5076900778199054</v>
      </c>
      <c r="AC2602">
        <v>1</v>
      </c>
      <c r="AD2602">
        <v>1</v>
      </c>
      <c r="AE2602">
        <v>0</v>
      </c>
      <c r="AF2602">
        <v>0</v>
      </c>
      <c r="AG2602">
        <v>7.5071410797276092</v>
      </c>
      <c r="AH2602">
        <v>5.422891346424462E-3</v>
      </c>
      <c r="AI2602">
        <v>-4.9997933378098419E-4</v>
      </c>
      <c r="AJ2602">
        <v>-7.4013743151380438E-3</v>
      </c>
      <c r="AK2602">
        <v>1.30483856872731E-2</v>
      </c>
      <c r="AL2602">
        <v>2885.072689673882</v>
      </c>
      <c r="AM2602">
        <v>5627.1072119960454</v>
      </c>
      <c r="AN2602">
        <v>235238</v>
      </c>
      <c r="AO2602">
        <v>106.86271531739</v>
      </c>
      <c r="AP2602">
        <v>2607.5412688441279</v>
      </c>
      <c r="AQ2602">
        <v>1.0126096491228069</v>
      </c>
      <c r="AR2602">
        <v>3.9769736842105261</v>
      </c>
      <c r="AS2602">
        <v>1821</v>
      </c>
      <c r="AT2602">
        <v>248.98245614035091</v>
      </c>
      <c r="AU2602">
        <v>2.068498452012385E-2</v>
      </c>
      <c r="AV2602">
        <v>5.4275061067211401E-3</v>
      </c>
      <c r="AW2602">
        <v>0.38322368421052633</v>
      </c>
      <c r="AX2602">
        <v>83.537575425123421</v>
      </c>
      <c r="AY2602">
        <v>64</v>
      </c>
      <c r="AZ2602">
        <v>128</v>
      </c>
      <c r="BA2602">
        <v>0.56397928574712697</v>
      </c>
      <c r="BB2602">
        <v>0.49725877192982448</v>
      </c>
      <c r="BC2602">
        <v>5.258399043201365</v>
      </c>
      <c r="BD2602" t="s">
        <v>9909</v>
      </c>
      <c r="BE2602" t="s">
        <v>62</v>
      </c>
    </row>
    <row r="2603" spans="1:57" x14ac:dyDescent="0.3">
      <c r="A2603" t="s">
        <v>9910</v>
      </c>
      <c r="B2603">
        <v>1151</v>
      </c>
      <c r="C2603" t="s">
        <v>9911</v>
      </c>
      <c r="D2603" t="s">
        <v>9912</v>
      </c>
      <c r="E2603" t="s">
        <v>66</v>
      </c>
      <c r="F2603">
        <v>70</v>
      </c>
      <c r="G2603">
        <v>127.1142857142857</v>
      </c>
      <c r="H2603">
        <v>129</v>
      </c>
      <c r="I2603">
        <v>5507.3583673469393</v>
      </c>
      <c r="J2603">
        <v>74.211578391427167</v>
      </c>
      <c r="K2603">
        <v>0.13595233802742471</v>
      </c>
      <c r="L2603">
        <v>-1.175286891864525</v>
      </c>
      <c r="M2603">
        <v>5.8721401598021137</v>
      </c>
      <c r="N2603">
        <v>2</v>
      </c>
      <c r="O2603">
        <v>1</v>
      </c>
      <c r="P2603">
        <v>1</v>
      </c>
      <c r="Q2603">
        <v>0.35464438775055629</v>
      </c>
      <c r="R2603">
        <v>4.0702573956196586</v>
      </c>
      <c r="S2603">
        <v>2</v>
      </c>
      <c r="T2603">
        <v>1</v>
      </c>
      <c r="U2603">
        <v>1</v>
      </c>
      <c r="V2603">
        <v>0.1203728348804772</v>
      </c>
      <c r="W2603">
        <v>4.2140152819723324</v>
      </c>
      <c r="X2603">
        <v>1</v>
      </c>
      <c r="Y2603">
        <v>1</v>
      </c>
      <c r="Z2603">
        <v>0</v>
      </c>
      <c r="AA2603">
        <v>0</v>
      </c>
      <c r="AB2603">
        <v>4.2195077051761087</v>
      </c>
      <c r="AC2603">
        <v>1</v>
      </c>
      <c r="AD2603">
        <v>1</v>
      </c>
      <c r="AE2603">
        <v>0</v>
      </c>
      <c r="AF2603">
        <v>0</v>
      </c>
      <c r="AG2603">
        <v>4.2046926193909648</v>
      </c>
      <c r="AH2603">
        <v>-6.456752755147746E-2</v>
      </c>
      <c r="AI2603">
        <v>0.1357478903708112</v>
      </c>
      <c r="AJ2603">
        <v>-0.10246701375808941</v>
      </c>
      <c r="AK2603">
        <v>1.369940302291143E-2</v>
      </c>
      <c r="AL2603">
        <v>687.64359796253279</v>
      </c>
      <c r="AM2603">
        <v>1021.628250481134</v>
      </c>
      <c r="AN2603">
        <v>8898</v>
      </c>
      <c r="AO2603">
        <v>67.778536027264337</v>
      </c>
      <c r="AP2603">
        <v>524.94922277130445</v>
      </c>
      <c r="AQ2603">
        <v>1.328571428571429</v>
      </c>
      <c r="AR2603">
        <v>3.8142857142857149</v>
      </c>
      <c r="AS2603">
        <v>70</v>
      </c>
      <c r="AT2603">
        <v>6.6857142857142868</v>
      </c>
      <c r="AU2603">
        <v>7.1428571428571397E-2</v>
      </c>
      <c r="AV2603">
        <v>-6.5257784643893854E-2</v>
      </c>
      <c r="AW2603">
        <v>0.42857142857142849</v>
      </c>
      <c r="AX2603">
        <v>92.086956521739125</v>
      </c>
      <c r="AY2603">
        <v>64</v>
      </c>
      <c r="AZ2603">
        <v>127.25</v>
      </c>
      <c r="BA2603">
        <v>0.58381776662170171</v>
      </c>
      <c r="BB2603">
        <v>0.5</v>
      </c>
      <c r="BC2603">
        <v>3.982769829997594</v>
      </c>
      <c r="BD2603" t="s">
        <v>9913</v>
      </c>
      <c r="BE2603" t="s">
        <v>68</v>
      </c>
    </row>
    <row r="2604" spans="1:57" x14ac:dyDescent="0.3">
      <c r="A2604" t="s">
        <v>9914</v>
      </c>
      <c r="B2604">
        <v>2544</v>
      </c>
      <c r="C2604" t="s">
        <v>9915</v>
      </c>
      <c r="D2604" t="s">
        <v>9916</v>
      </c>
      <c r="E2604" t="s">
        <v>93</v>
      </c>
      <c r="F2604">
        <v>2549</v>
      </c>
      <c r="G2604">
        <v>128.35268732836411</v>
      </c>
      <c r="H2604">
        <v>128</v>
      </c>
      <c r="I2604">
        <v>5387.0756901105533</v>
      </c>
      <c r="J2604">
        <v>73.396700812165619</v>
      </c>
      <c r="K2604">
        <v>-7.3350334912686407E-3</v>
      </c>
      <c r="L2604">
        <v>-1.1889507024755219</v>
      </c>
      <c r="M2604">
        <v>7.906409080417184</v>
      </c>
      <c r="N2604">
        <v>21</v>
      </c>
      <c r="O2604">
        <v>3</v>
      </c>
      <c r="P2604">
        <v>18</v>
      </c>
      <c r="Q2604">
        <v>3.5424475912176092</v>
      </c>
      <c r="R2604">
        <v>5.4803051624447248</v>
      </c>
      <c r="S2604">
        <v>2</v>
      </c>
      <c r="T2604">
        <v>1</v>
      </c>
      <c r="U2604">
        <v>1</v>
      </c>
      <c r="V2604">
        <v>0.16209860222954789</v>
      </c>
      <c r="W2604">
        <v>7.8066112214820738</v>
      </c>
      <c r="X2604">
        <v>2</v>
      </c>
      <c r="Y2604">
        <v>1</v>
      </c>
      <c r="Z2604">
        <v>1</v>
      </c>
      <c r="AA2604">
        <v>1.9814608414186079E-2</v>
      </c>
      <c r="AB2604">
        <v>7.8421271897964502</v>
      </c>
      <c r="AC2604">
        <v>1</v>
      </c>
      <c r="AD2604">
        <v>1</v>
      </c>
      <c r="AE2604">
        <v>0</v>
      </c>
      <c r="AF2604">
        <v>0</v>
      </c>
      <c r="AG2604">
        <v>7.8422787791173496</v>
      </c>
      <c r="AH2604">
        <v>-9.1375146712428142E-3</v>
      </c>
      <c r="AI2604">
        <v>1.6475046355608289E-2</v>
      </c>
      <c r="AJ2604">
        <v>-1.131698498525837E-2</v>
      </c>
      <c r="AK2604">
        <v>3.0122692567177778E-3</v>
      </c>
      <c r="AL2604">
        <v>3426.7761911108269</v>
      </c>
      <c r="AM2604">
        <v>6631.9030403072038</v>
      </c>
      <c r="AN2604">
        <v>327170.99999999988</v>
      </c>
      <c r="AO2604">
        <v>101.5572069814032</v>
      </c>
      <c r="AP2604">
        <v>3123.0078834662249</v>
      </c>
      <c r="AQ2604">
        <v>1.009023146331895</v>
      </c>
      <c r="AR2604">
        <v>4.0105923891722242</v>
      </c>
      <c r="AS2604">
        <v>2535</v>
      </c>
      <c r="AT2604">
        <v>322.63907414672423</v>
      </c>
      <c r="AU2604">
        <v>1.6600127693290001E-2</v>
      </c>
      <c r="AV2604">
        <v>-9.1384256746459835E-3</v>
      </c>
      <c r="AW2604">
        <v>0.38250294233032561</v>
      </c>
      <c r="AX2604">
        <v>84.912087912087912</v>
      </c>
      <c r="AY2604">
        <v>63</v>
      </c>
      <c r="AZ2604">
        <v>127</v>
      </c>
      <c r="BA2604">
        <v>0.57183610518722683</v>
      </c>
      <c r="BB2604">
        <v>0.49941153393487642</v>
      </c>
      <c r="BC2604">
        <v>5.309713904668115</v>
      </c>
      <c r="BD2604" t="s">
        <v>9917</v>
      </c>
      <c r="BE2604" t="s">
        <v>68</v>
      </c>
    </row>
    <row r="2605" spans="1:57" x14ac:dyDescent="0.3">
      <c r="A2605" t="s">
        <v>9918</v>
      </c>
      <c r="B2605">
        <v>2940</v>
      </c>
      <c r="C2605" t="s">
        <v>9919</v>
      </c>
      <c r="D2605" t="s">
        <v>9920</v>
      </c>
      <c r="E2605" t="s">
        <v>115</v>
      </c>
      <c r="F2605">
        <v>3004</v>
      </c>
      <c r="G2605">
        <v>127.7117177097204</v>
      </c>
      <c r="H2605">
        <v>128</v>
      </c>
      <c r="I2605">
        <v>5464.6705551053992</v>
      </c>
      <c r="J2605">
        <v>73.923410061396652</v>
      </c>
      <c r="K2605">
        <v>-1.85379826888767E-3</v>
      </c>
      <c r="L2605">
        <v>-1.208588645352634</v>
      </c>
      <c r="M2605">
        <v>7.9466338634529148</v>
      </c>
      <c r="N2605">
        <v>20</v>
      </c>
      <c r="O2605">
        <v>2</v>
      </c>
      <c r="P2605">
        <v>18</v>
      </c>
      <c r="Q2605">
        <v>3.1424124266835189</v>
      </c>
      <c r="R2605">
        <v>5.5081868573945689</v>
      </c>
      <c r="S2605">
        <v>3</v>
      </c>
      <c r="T2605">
        <v>1</v>
      </c>
      <c r="U2605">
        <v>2</v>
      </c>
      <c r="V2605">
        <v>0.15377248907354951</v>
      </c>
      <c r="W2605">
        <v>7.9753399087888432</v>
      </c>
      <c r="X2605">
        <v>1</v>
      </c>
      <c r="Y2605">
        <v>1</v>
      </c>
      <c r="Z2605">
        <v>0</v>
      </c>
      <c r="AA2605">
        <v>0</v>
      </c>
      <c r="AB2605">
        <v>8.007034012193408</v>
      </c>
      <c r="AC2605">
        <v>1</v>
      </c>
      <c r="AD2605">
        <v>1</v>
      </c>
      <c r="AE2605">
        <v>0</v>
      </c>
      <c r="AF2605">
        <v>0</v>
      </c>
      <c r="AG2605">
        <v>8.0067008454403705</v>
      </c>
      <c r="AH2605">
        <v>8.1627360631188854E-3</v>
      </c>
      <c r="AI2605">
        <v>-6.3427128359261941E-3</v>
      </c>
      <c r="AJ2605">
        <v>-2.1930702697441629E-3</v>
      </c>
      <c r="AK2605">
        <v>-1.2888573282946529E-2</v>
      </c>
      <c r="AL2605">
        <v>3710.9729077666111</v>
      </c>
      <c r="AM2605">
        <v>7186.1422249926427</v>
      </c>
      <c r="AN2605">
        <v>383646</v>
      </c>
      <c r="AO2605">
        <v>101.9083539918232</v>
      </c>
      <c r="AP2605">
        <v>3324.2793699138201</v>
      </c>
      <c r="AQ2605">
        <v>1.007656458055926</v>
      </c>
      <c r="AR2605">
        <v>4.0093209054593872</v>
      </c>
      <c r="AS2605">
        <v>2992</v>
      </c>
      <c r="AT2605">
        <v>215.4300932090546</v>
      </c>
      <c r="AU2605">
        <v>8.6564319469465412E-3</v>
      </c>
      <c r="AV2605">
        <v>8.1646350016411542E-3</v>
      </c>
      <c r="AW2605">
        <v>0.37183754993342211</v>
      </c>
      <c r="AX2605">
        <v>84.824841824841826</v>
      </c>
      <c r="AY2605">
        <v>64</v>
      </c>
      <c r="AZ2605">
        <v>128.25</v>
      </c>
      <c r="BA2605">
        <v>0.57883028579585227</v>
      </c>
      <c r="BB2605">
        <v>0.50299600532623168</v>
      </c>
      <c r="BC2605">
        <v>5.308374593433383</v>
      </c>
      <c r="BD2605" t="s">
        <v>9921</v>
      </c>
      <c r="BE2605" t="s">
        <v>68</v>
      </c>
    </row>
    <row r="2606" spans="1:57" x14ac:dyDescent="0.3">
      <c r="A2606" t="s">
        <v>9922</v>
      </c>
      <c r="B2606">
        <v>2253</v>
      </c>
      <c r="C2606" t="s">
        <v>9923</v>
      </c>
      <c r="D2606" t="s">
        <v>9924</v>
      </c>
      <c r="E2606" t="s">
        <v>72</v>
      </c>
      <c r="F2606">
        <v>2256</v>
      </c>
      <c r="G2606">
        <v>130.09663120567379</v>
      </c>
      <c r="H2606">
        <v>129</v>
      </c>
      <c r="I2606">
        <v>5334.243321984558</v>
      </c>
      <c r="J2606">
        <v>73.035904334680197</v>
      </c>
      <c r="K2606">
        <v>-3.962246715858761E-2</v>
      </c>
      <c r="L2606">
        <v>-1.182743771187599</v>
      </c>
      <c r="M2606">
        <v>7.9231454039317253</v>
      </c>
      <c r="N2606">
        <v>17</v>
      </c>
      <c r="O2606">
        <v>1</v>
      </c>
      <c r="P2606">
        <v>16</v>
      </c>
      <c r="Q2606">
        <v>2.8470104934825931</v>
      </c>
      <c r="R2606">
        <v>5.4919058979017752</v>
      </c>
      <c r="S2606">
        <v>4</v>
      </c>
      <c r="T2606">
        <v>1</v>
      </c>
      <c r="U2606">
        <v>3</v>
      </c>
      <c r="V2606">
        <v>0.18415385102835319</v>
      </c>
      <c r="W2606">
        <v>7.6842393913646374</v>
      </c>
      <c r="X2606">
        <v>3</v>
      </c>
      <c r="Y2606">
        <v>1</v>
      </c>
      <c r="Z2606">
        <v>2</v>
      </c>
      <c r="AA2606">
        <v>0.1155509056750209</v>
      </c>
      <c r="AB2606">
        <v>7.7079981687067569</v>
      </c>
      <c r="AC2606">
        <v>3</v>
      </c>
      <c r="AD2606">
        <v>1</v>
      </c>
      <c r="AE2606">
        <v>2</v>
      </c>
      <c r="AF2606">
        <v>0.10547874561316239</v>
      </c>
      <c r="AG2606">
        <v>7.7096270588807014</v>
      </c>
      <c r="AH2606">
        <v>-1.6875920476468409E-2</v>
      </c>
      <c r="AI2606">
        <v>-7.7378615228109139E-3</v>
      </c>
      <c r="AJ2606">
        <v>9.3619270618095028E-3</v>
      </c>
      <c r="AK2606">
        <v>-2.4608153223617119E-3</v>
      </c>
      <c r="AL2606">
        <v>3191.9751454812399</v>
      </c>
      <c r="AM2606">
        <v>6326.8039854756053</v>
      </c>
      <c r="AN2606">
        <v>293498</v>
      </c>
      <c r="AO2606">
        <v>61.999999999999552</v>
      </c>
      <c r="AP2606">
        <v>2906.5655788256872</v>
      </c>
      <c r="AQ2606">
        <v>1.010195035460993</v>
      </c>
      <c r="AR2606">
        <v>4.0487588652482271</v>
      </c>
      <c r="AS2606">
        <v>2250</v>
      </c>
      <c r="AT2606">
        <v>235.4609929078014</v>
      </c>
      <c r="AU2606">
        <v>2.2329995828118451E-2</v>
      </c>
      <c r="AV2606">
        <v>-1.6894476208365001E-2</v>
      </c>
      <c r="AW2606">
        <v>0.37588652482269502</v>
      </c>
      <c r="AX2606">
        <v>85.154767184035478</v>
      </c>
      <c r="AY2606">
        <v>63</v>
      </c>
      <c r="AZ2606">
        <v>126.25</v>
      </c>
      <c r="BA2606">
        <v>0.56139735255108558</v>
      </c>
      <c r="BB2606">
        <v>0.49468085106382981</v>
      </c>
      <c r="BC2606">
        <v>5.2852111627794054</v>
      </c>
      <c r="BD2606" t="s">
        <v>9925</v>
      </c>
      <c r="BE2606" t="s">
        <v>62</v>
      </c>
    </row>
    <row r="2607" spans="1:57" x14ac:dyDescent="0.3">
      <c r="A2607" t="s">
        <v>9926</v>
      </c>
      <c r="B2607">
        <v>1519</v>
      </c>
      <c r="C2607" t="s">
        <v>9927</v>
      </c>
      <c r="D2607" t="s">
        <v>9928</v>
      </c>
      <c r="E2607" t="s">
        <v>66</v>
      </c>
      <c r="F2607">
        <v>72</v>
      </c>
      <c r="G2607">
        <v>117.1944444444444</v>
      </c>
      <c r="H2607">
        <v>117</v>
      </c>
      <c r="I2607">
        <v>5833.2399691358032</v>
      </c>
      <c r="J2607">
        <v>76.375650368005395</v>
      </c>
      <c r="K2607">
        <v>-2.7044660767273829E-2</v>
      </c>
      <c r="L2607">
        <v>-1.3414267810453699</v>
      </c>
      <c r="M2607">
        <v>5.8538848972456012</v>
      </c>
      <c r="N2607">
        <v>3</v>
      </c>
      <c r="O2607">
        <v>1</v>
      </c>
      <c r="P2607">
        <v>2</v>
      </c>
      <c r="Q2607">
        <v>0.42496660317428592</v>
      </c>
      <c r="R2607">
        <v>4.0576038118482298</v>
      </c>
      <c r="S2607">
        <v>2</v>
      </c>
      <c r="T2607">
        <v>1</v>
      </c>
      <c r="U2607">
        <v>1</v>
      </c>
      <c r="V2607">
        <v>0.16776575221435111</v>
      </c>
      <c r="W2607">
        <v>4.2236293316576567</v>
      </c>
      <c r="X2607">
        <v>2</v>
      </c>
      <c r="Y2607">
        <v>1</v>
      </c>
      <c r="Z2607">
        <v>1</v>
      </c>
      <c r="AA2607">
        <v>0.11951030798891769</v>
      </c>
      <c r="AB2607">
        <v>4.2286910368905044</v>
      </c>
      <c r="AC2607">
        <v>1</v>
      </c>
      <c r="AD2607">
        <v>1</v>
      </c>
      <c r="AE2607">
        <v>0</v>
      </c>
      <c r="AF2607">
        <v>0</v>
      </c>
      <c r="AG2607">
        <v>4.2341065045972579</v>
      </c>
      <c r="AH2607">
        <v>0.16659073768832069</v>
      </c>
      <c r="AI2607">
        <v>-6.377289386656998E-2</v>
      </c>
      <c r="AJ2607">
        <v>0.12627121376178399</v>
      </c>
      <c r="AK2607">
        <v>-0.116424589012014</v>
      </c>
      <c r="AL2607">
        <v>698.12013732123398</v>
      </c>
      <c r="AM2607">
        <v>959.95222478339053</v>
      </c>
      <c r="AN2607">
        <v>8438</v>
      </c>
      <c r="AO2607">
        <v>68.000000000000014</v>
      </c>
      <c r="AP2607">
        <v>567.68537174570497</v>
      </c>
      <c r="AQ2607">
        <v>1.319444444444444</v>
      </c>
      <c r="AR2607">
        <v>3.583333333333333</v>
      </c>
      <c r="AS2607">
        <v>72</v>
      </c>
      <c r="AT2607">
        <v>9.3333333333333375</v>
      </c>
      <c r="AU2607">
        <v>9.7222222222222238E-2</v>
      </c>
      <c r="AV2607">
        <v>0.17051508731544679</v>
      </c>
      <c r="AW2607">
        <v>0.3888888888888889</v>
      </c>
      <c r="AX2607">
        <v>80.352112676056336</v>
      </c>
      <c r="AY2607">
        <v>77.5</v>
      </c>
      <c r="AZ2607">
        <v>153.75</v>
      </c>
      <c r="BA2607">
        <v>0.65170026386541702</v>
      </c>
      <c r="BB2607">
        <v>0.5</v>
      </c>
      <c r="BC2607">
        <v>4.0014816398818356</v>
      </c>
      <c r="BD2607" t="s">
        <v>9929</v>
      </c>
      <c r="BE2607" t="s">
        <v>68</v>
      </c>
    </row>
    <row r="2608" spans="1:57" x14ac:dyDescent="0.3">
      <c r="A2608" t="s">
        <v>9930</v>
      </c>
      <c r="B2608">
        <v>1629</v>
      </c>
      <c r="C2608" t="s">
        <v>9931</v>
      </c>
      <c r="D2608" t="s">
        <v>9932</v>
      </c>
      <c r="E2608" t="s">
        <v>10622</v>
      </c>
      <c r="F2608">
        <v>64</v>
      </c>
      <c r="G2608">
        <v>123.875</v>
      </c>
      <c r="H2608">
        <v>123.5</v>
      </c>
      <c r="I2608">
        <v>5289.484375</v>
      </c>
      <c r="J2608">
        <v>72.728841424843282</v>
      </c>
      <c r="K2608">
        <v>-3.8708044840287427E-2</v>
      </c>
      <c r="L2608">
        <v>-1.104717091145899</v>
      </c>
      <c r="M2608">
        <v>5.71875</v>
      </c>
      <c r="N2608">
        <v>2</v>
      </c>
      <c r="O2608">
        <v>1</v>
      </c>
      <c r="P2608">
        <v>1</v>
      </c>
      <c r="Q2608">
        <v>0.36994527180683268</v>
      </c>
      <c r="R2608">
        <v>3.9639354388271881</v>
      </c>
      <c r="S2608">
        <v>1</v>
      </c>
      <c r="T2608">
        <v>1</v>
      </c>
      <c r="U2608">
        <v>0</v>
      </c>
      <c r="V2608">
        <v>0</v>
      </c>
      <c r="W2608">
        <v>4.1431347263915326</v>
      </c>
      <c r="X2608">
        <v>1</v>
      </c>
      <c r="Y2608">
        <v>1</v>
      </c>
      <c r="Z2608">
        <v>0</v>
      </c>
      <c r="AA2608">
        <v>0</v>
      </c>
      <c r="AB2608">
        <v>4.1271343850450908</v>
      </c>
      <c r="AC2608">
        <v>1</v>
      </c>
      <c r="AD2608">
        <v>1</v>
      </c>
      <c r="AE2608">
        <v>0</v>
      </c>
      <c r="AF2608">
        <v>0</v>
      </c>
      <c r="AG2608">
        <v>4.1108738641733096</v>
      </c>
      <c r="AH2608">
        <v>-0.1942426767288872</v>
      </c>
      <c r="AI2608">
        <v>-0.22022292535011981</v>
      </c>
      <c r="AJ2608">
        <v>7.3031010081913714E-3</v>
      </c>
      <c r="AK2608">
        <v>-8.6115084616588927E-2</v>
      </c>
      <c r="AL2608">
        <v>645.18749769597775</v>
      </c>
      <c r="AM2608">
        <v>950.96850253665207</v>
      </c>
      <c r="AN2608">
        <v>7928</v>
      </c>
      <c r="AO2608">
        <v>155.5498328714427</v>
      </c>
      <c r="AP2608">
        <v>476.7268921696645</v>
      </c>
      <c r="AQ2608">
        <v>1.359375</v>
      </c>
      <c r="AR2608">
        <v>4</v>
      </c>
      <c r="AS2608">
        <v>64</v>
      </c>
      <c r="AT2608">
        <v>6.4687500000000044</v>
      </c>
      <c r="AU2608">
        <v>7.9117063492063489E-2</v>
      </c>
      <c r="AV2608">
        <v>-0.19918166059232181</v>
      </c>
      <c r="AW2608">
        <v>0.40625</v>
      </c>
      <c r="AX2608">
        <v>94.61904761904762</v>
      </c>
      <c r="AY2608">
        <v>58</v>
      </c>
      <c r="AZ2608">
        <v>112.5</v>
      </c>
      <c r="BA2608">
        <v>0.58711476427724141</v>
      </c>
      <c r="BB2608">
        <v>0.5</v>
      </c>
      <c r="BC2608">
        <v>4.0111066919991618</v>
      </c>
      <c r="BD2608" t="s">
        <v>9933</v>
      </c>
      <c r="BE2608" t="s">
        <v>62</v>
      </c>
    </row>
    <row r="2609" spans="1:57" x14ac:dyDescent="0.3">
      <c r="A2609" t="s">
        <v>9934</v>
      </c>
      <c r="B2609">
        <v>158</v>
      </c>
      <c r="C2609" t="s">
        <v>9935</v>
      </c>
      <c r="D2609" t="s">
        <v>9936</v>
      </c>
      <c r="E2609" t="s">
        <v>60</v>
      </c>
      <c r="F2609">
        <v>512</v>
      </c>
      <c r="G2609">
        <v>126.857421875</v>
      </c>
      <c r="H2609">
        <v>125.5</v>
      </c>
      <c r="I2609">
        <v>5313.9113121032706</v>
      </c>
      <c r="J2609">
        <v>72.896579563812679</v>
      </c>
      <c r="K2609">
        <v>2.7581501791426689E-2</v>
      </c>
      <c r="L2609">
        <v>-1.1896043579744879</v>
      </c>
      <c r="M2609">
        <v>7.5818377266273158</v>
      </c>
      <c r="N2609">
        <v>8</v>
      </c>
      <c r="O2609">
        <v>1</v>
      </c>
      <c r="P2609">
        <v>7</v>
      </c>
      <c r="Q2609">
        <v>1.229426261273155</v>
      </c>
      <c r="R2609">
        <v>5.2553294436747482</v>
      </c>
      <c r="S2609">
        <v>2</v>
      </c>
      <c r="T2609">
        <v>1</v>
      </c>
      <c r="U2609">
        <v>1</v>
      </c>
      <c r="V2609">
        <v>6.2560641760670568E-2</v>
      </c>
      <c r="W2609">
        <v>6.230943780571141</v>
      </c>
      <c r="X2609">
        <v>1</v>
      </c>
      <c r="Y2609">
        <v>1</v>
      </c>
      <c r="Z2609">
        <v>0</v>
      </c>
      <c r="AA2609">
        <v>0</v>
      </c>
      <c r="AB2609">
        <v>6.2344107257183694</v>
      </c>
      <c r="AC2609">
        <v>1</v>
      </c>
      <c r="AD2609">
        <v>1</v>
      </c>
      <c r="AE2609">
        <v>0</v>
      </c>
      <c r="AF2609">
        <v>0</v>
      </c>
      <c r="AG2609">
        <v>6.2324480165505216</v>
      </c>
      <c r="AH2609">
        <v>2.1538349781217861E-3</v>
      </c>
      <c r="AI2609">
        <v>-3.9566372188352232E-2</v>
      </c>
      <c r="AJ2609">
        <v>-1.6250831348872629E-2</v>
      </c>
      <c r="AK2609">
        <v>3.2305120554796972E-2</v>
      </c>
      <c r="AL2609">
        <v>1613.2955764235601</v>
      </c>
      <c r="AM2609">
        <v>2890.9369386225239</v>
      </c>
      <c r="AN2609">
        <v>64951</v>
      </c>
      <c r="AO2609">
        <v>67.030844961781654</v>
      </c>
      <c r="AP2609">
        <v>1453.1526307779011</v>
      </c>
      <c r="AQ2609">
        <v>1.044921875</v>
      </c>
      <c r="AR2609">
        <v>3.908203125</v>
      </c>
      <c r="AS2609">
        <v>511</v>
      </c>
      <c r="AT2609">
        <v>140.296875</v>
      </c>
      <c r="AU2609">
        <v>2.611060049019609E-2</v>
      </c>
      <c r="AV2609">
        <v>2.1592355014756421E-3</v>
      </c>
      <c r="AW2609">
        <v>0.38671875</v>
      </c>
      <c r="AX2609">
        <v>84.25244618395304</v>
      </c>
      <c r="AY2609">
        <v>65.5</v>
      </c>
      <c r="AZ2609">
        <v>128.25</v>
      </c>
      <c r="BA2609">
        <v>0.57463393537700869</v>
      </c>
      <c r="BB2609">
        <v>0.498046875</v>
      </c>
      <c r="BC2609">
        <v>5.0726578238592017</v>
      </c>
      <c r="BD2609" t="s">
        <v>9937</v>
      </c>
      <c r="BE2609" t="s">
        <v>62</v>
      </c>
    </row>
    <row r="2610" spans="1:57" x14ac:dyDescent="0.3">
      <c r="A2610" t="s">
        <v>9938</v>
      </c>
      <c r="B2610">
        <v>2218</v>
      </c>
      <c r="C2610" t="s">
        <v>9939</v>
      </c>
      <c r="D2610" t="s">
        <v>9940</v>
      </c>
      <c r="E2610" t="s">
        <v>85</v>
      </c>
      <c r="F2610">
        <v>8</v>
      </c>
      <c r="G2610">
        <v>108.125</v>
      </c>
      <c r="H2610">
        <v>90.5</v>
      </c>
      <c r="I2610">
        <v>2886.109375</v>
      </c>
      <c r="J2610">
        <v>53.72252204615863</v>
      </c>
      <c r="K2610">
        <v>0.55887842153281708</v>
      </c>
      <c r="L2610">
        <v>-1.248233841370902</v>
      </c>
      <c r="M2610">
        <v>2.75</v>
      </c>
      <c r="N2610">
        <v>2</v>
      </c>
      <c r="O2610">
        <v>1</v>
      </c>
      <c r="P2610">
        <v>1</v>
      </c>
      <c r="Q2610">
        <v>0.34992710611188271</v>
      </c>
      <c r="R2610">
        <v>1.9061547465398501</v>
      </c>
      <c r="S2610">
        <v>1</v>
      </c>
      <c r="T2610">
        <v>1</v>
      </c>
      <c r="U2610">
        <v>0</v>
      </c>
      <c r="V2610">
        <v>0</v>
      </c>
      <c r="W2610">
        <v>1.945910149055313</v>
      </c>
      <c r="X2610">
        <v>1</v>
      </c>
      <c r="Y2610">
        <v>1</v>
      </c>
      <c r="Z2610">
        <v>0</v>
      </c>
      <c r="AA2610">
        <v>0</v>
      </c>
      <c r="AB2610">
        <v>1.791759469228055</v>
      </c>
      <c r="AC2610">
        <v>1</v>
      </c>
      <c r="AD2610">
        <v>1</v>
      </c>
      <c r="AE2610">
        <v>0</v>
      </c>
      <c r="AF2610">
        <v>0</v>
      </c>
      <c r="AG2610">
        <v>1.6094379124341009</v>
      </c>
      <c r="AH2610">
        <v>-0.49622992133657451</v>
      </c>
      <c r="AI2610">
        <v>0.29690029288997399</v>
      </c>
      <c r="AJ2610">
        <v>-5.1678703488151762E-2</v>
      </c>
      <c r="AK2610">
        <v>0</v>
      </c>
      <c r="AL2610">
        <v>236.73698420040179</v>
      </c>
      <c r="AM2610">
        <v>246.11501439712839</v>
      </c>
      <c r="AN2610">
        <v>865</v>
      </c>
      <c r="AO2610">
        <v>63.253458403473871</v>
      </c>
      <c r="AP2610">
        <v>156.34723919906671</v>
      </c>
      <c r="AQ2610">
        <v>3.5</v>
      </c>
      <c r="AR2610">
        <v>3.875</v>
      </c>
      <c r="AS2610">
        <v>7</v>
      </c>
      <c r="AT2610">
        <v>0.74999999999999978</v>
      </c>
      <c r="AU2610">
        <v>0.4285714285714286</v>
      </c>
      <c r="AV2610">
        <v>-0.51972910480054968</v>
      </c>
      <c r="AW2610">
        <v>0.75</v>
      </c>
      <c r="AX2610">
        <v>85.142857142857139</v>
      </c>
      <c r="AY2610">
        <v>31.5</v>
      </c>
      <c r="AZ2610">
        <v>75.75</v>
      </c>
      <c r="BA2610">
        <v>0.4968556952245885</v>
      </c>
      <c r="BB2610">
        <v>0.5</v>
      </c>
      <c r="BC2610">
        <v>1.945910149055313</v>
      </c>
      <c r="BD2610" t="s">
        <v>9939</v>
      </c>
      <c r="BE2610" t="s">
        <v>68</v>
      </c>
    </row>
    <row r="2611" spans="1:57" x14ac:dyDescent="0.3">
      <c r="A2611" t="s">
        <v>9941</v>
      </c>
      <c r="B2611">
        <v>3187</v>
      </c>
      <c r="C2611" t="s">
        <v>9942</v>
      </c>
      <c r="D2611" t="s">
        <v>9943</v>
      </c>
      <c r="E2611" t="s">
        <v>10622</v>
      </c>
      <c r="F2611">
        <v>64</v>
      </c>
      <c r="G2611">
        <v>138.8125</v>
      </c>
      <c r="H2611">
        <v>135</v>
      </c>
      <c r="I2611">
        <v>5194.43359375</v>
      </c>
      <c r="J2611">
        <v>72.072419091841226</v>
      </c>
      <c r="K2611">
        <v>-0.28128734805355787</v>
      </c>
      <c r="L2611">
        <v>-0.98542235270568579</v>
      </c>
      <c r="M2611">
        <v>5.75</v>
      </c>
      <c r="N2611">
        <v>2</v>
      </c>
      <c r="O2611">
        <v>1</v>
      </c>
      <c r="P2611">
        <v>1</v>
      </c>
      <c r="Q2611">
        <v>0.3499271061118826</v>
      </c>
      <c r="R2611">
        <v>3.985596288219686</v>
      </c>
      <c r="S2611">
        <v>1</v>
      </c>
      <c r="T2611">
        <v>1</v>
      </c>
      <c r="U2611">
        <v>0</v>
      </c>
      <c r="V2611">
        <v>0</v>
      </c>
      <c r="W2611">
        <v>4.1431347263915326</v>
      </c>
      <c r="X2611">
        <v>1</v>
      </c>
      <c r="Y2611">
        <v>1</v>
      </c>
      <c r="Z2611">
        <v>0</v>
      </c>
      <c r="AA2611">
        <v>0</v>
      </c>
      <c r="AB2611">
        <v>4.1271343850450908</v>
      </c>
      <c r="AC2611">
        <v>1</v>
      </c>
      <c r="AD2611">
        <v>1</v>
      </c>
      <c r="AE2611">
        <v>0</v>
      </c>
      <c r="AF2611">
        <v>0</v>
      </c>
      <c r="AG2611">
        <v>4.1108738641733096</v>
      </c>
      <c r="AH2611">
        <v>0.1051674977909797</v>
      </c>
      <c r="AI2611">
        <v>-6.4496836870899216E-2</v>
      </c>
      <c r="AJ2611">
        <v>4.4546669079355533E-2</v>
      </c>
      <c r="AK2611">
        <v>9.7475019270177279E-2</v>
      </c>
      <c r="AL2611">
        <v>648.34065013086138</v>
      </c>
      <c r="AM2611">
        <v>1070.1908247541139</v>
      </c>
      <c r="AN2611">
        <v>8884</v>
      </c>
      <c r="AO2611">
        <v>64.821360878631623</v>
      </c>
      <c r="AP2611">
        <v>542.84068877270784</v>
      </c>
      <c r="AQ2611">
        <v>1.359375</v>
      </c>
      <c r="AR2611">
        <v>3.96875</v>
      </c>
      <c r="AS2611">
        <v>64</v>
      </c>
      <c r="AT2611">
        <v>6</v>
      </c>
      <c r="AU2611">
        <v>0.16179435483870969</v>
      </c>
      <c r="AV2611">
        <v>0.10523746574434829</v>
      </c>
      <c r="AW2611">
        <v>0.3125</v>
      </c>
      <c r="AX2611">
        <v>75.698412698412696</v>
      </c>
      <c r="AY2611">
        <v>59.5</v>
      </c>
      <c r="AZ2611">
        <v>104.5</v>
      </c>
      <c r="BA2611">
        <v>0.51920698130097231</v>
      </c>
      <c r="BB2611">
        <v>0.484375</v>
      </c>
      <c r="BC2611">
        <v>3.8844722778225189</v>
      </c>
      <c r="BD2611" t="s">
        <v>9944</v>
      </c>
      <c r="BE2611" t="s">
        <v>62</v>
      </c>
    </row>
    <row r="2612" spans="1:57" x14ac:dyDescent="0.3">
      <c r="A2612" t="s">
        <v>9945</v>
      </c>
      <c r="B2612">
        <v>533</v>
      </c>
      <c r="C2612" t="s">
        <v>9946</v>
      </c>
      <c r="D2612" t="s">
        <v>9947</v>
      </c>
      <c r="E2612" t="s">
        <v>72</v>
      </c>
      <c r="F2612">
        <v>536</v>
      </c>
      <c r="G2612">
        <v>128.5055970149254</v>
      </c>
      <c r="H2612">
        <v>131</v>
      </c>
      <c r="I2612">
        <v>5990.9962373301414</v>
      </c>
      <c r="J2612">
        <v>77.401526065899631</v>
      </c>
      <c r="K2612">
        <v>-2.5965078544495351E-2</v>
      </c>
      <c r="L2612">
        <v>-1.306811744178842</v>
      </c>
      <c r="M2612">
        <v>7.591970136013269</v>
      </c>
      <c r="N2612">
        <v>6</v>
      </c>
      <c r="O2612">
        <v>1</v>
      </c>
      <c r="P2612">
        <v>5</v>
      </c>
      <c r="Q2612">
        <v>1.261509000632848</v>
      </c>
      <c r="R2612">
        <v>5.2623526946729013</v>
      </c>
      <c r="S2612">
        <v>2</v>
      </c>
      <c r="T2612">
        <v>1</v>
      </c>
      <c r="U2612">
        <v>1</v>
      </c>
      <c r="V2612">
        <v>6.1141353609006847E-2</v>
      </c>
      <c r="W2612">
        <v>6.2770843380693897</v>
      </c>
      <c r="X2612">
        <v>1</v>
      </c>
      <c r="Y2612">
        <v>1</v>
      </c>
      <c r="Z2612">
        <v>0</v>
      </c>
      <c r="AA2612">
        <v>0</v>
      </c>
      <c r="AB2612">
        <v>6.2803958389601942</v>
      </c>
      <c r="AC2612">
        <v>1</v>
      </c>
      <c r="AD2612">
        <v>1</v>
      </c>
      <c r="AE2612">
        <v>0</v>
      </c>
      <c r="AF2612">
        <v>0</v>
      </c>
      <c r="AG2612">
        <v>6.2785214241658442</v>
      </c>
      <c r="AH2612">
        <v>5.0997778267683258E-2</v>
      </c>
      <c r="AI2612">
        <v>-9.7069377785293023E-2</v>
      </c>
      <c r="AJ2612">
        <v>-5.7158938538430567E-3</v>
      </c>
      <c r="AK2612">
        <v>3.6839767415402298E-2</v>
      </c>
      <c r="AL2612">
        <v>1725.8378320639049</v>
      </c>
      <c r="AM2612">
        <v>3013.9666184974508</v>
      </c>
      <c r="AN2612">
        <v>68879</v>
      </c>
      <c r="AO2612">
        <v>141.78890385981799</v>
      </c>
      <c r="AP2612">
        <v>1531.0547941871589</v>
      </c>
      <c r="AQ2612">
        <v>1.0429104477611939</v>
      </c>
      <c r="AR2612">
        <v>4.0466417910447774</v>
      </c>
      <c r="AS2612">
        <v>534</v>
      </c>
      <c r="AT2612">
        <v>143.70149253731341</v>
      </c>
      <c r="AU2612">
        <v>4.6956394498097742E-2</v>
      </c>
      <c r="AV2612">
        <v>5.1236354774683142E-2</v>
      </c>
      <c r="AW2612">
        <v>0.33582089552238809</v>
      </c>
      <c r="AX2612">
        <v>86.53457943925234</v>
      </c>
      <c r="AY2612">
        <v>70</v>
      </c>
      <c r="AZ2612">
        <v>141</v>
      </c>
      <c r="BA2612">
        <v>0.60232027136459887</v>
      </c>
      <c r="BB2612">
        <v>0.50932835820895528</v>
      </c>
      <c r="BC2612">
        <v>5.1108406631836498</v>
      </c>
      <c r="BD2612" t="s">
        <v>9948</v>
      </c>
      <c r="BE2612" t="s">
        <v>68</v>
      </c>
    </row>
    <row r="2613" spans="1:57" x14ac:dyDescent="0.3">
      <c r="A2613" t="s">
        <v>9949</v>
      </c>
      <c r="B2613">
        <v>3239</v>
      </c>
      <c r="C2613" t="s">
        <v>9950</v>
      </c>
      <c r="D2613" t="s">
        <v>9951</v>
      </c>
      <c r="E2613" t="s">
        <v>98</v>
      </c>
      <c r="F2613">
        <v>16</v>
      </c>
      <c r="G2613">
        <v>143.375</v>
      </c>
      <c r="H2613">
        <v>163.5</v>
      </c>
      <c r="I2613">
        <v>6958.234375</v>
      </c>
      <c r="J2613">
        <v>83.416031882366596</v>
      </c>
      <c r="K2613">
        <v>-0.68230704134443465</v>
      </c>
      <c r="L2613">
        <v>-0.95395074756690379</v>
      </c>
      <c r="M2613">
        <v>4</v>
      </c>
      <c r="N2613">
        <v>1</v>
      </c>
      <c r="O2613">
        <v>1</v>
      </c>
      <c r="P2613">
        <v>0</v>
      </c>
      <c r="Q2613">
        <v>0</v>
      </c>
      <c r="R2613">
        <v>2.7725887222397811</v>
      </c>
      <c r="S2613">
        <v>1</v>
      </c>
      <c r="T2613">
        <v>1</v>
      </c>
      <c r="U2613">
        <v>0</v>
      </c>
      <c r="V2613">
        <v>0</v>
      </c>
      <c r="W2613">
        <v>2.7080502011022101</v>
      </c>
      <c r="X2613">
        <v>1</v>
      </c>
      <c r="Y2613">
        <v>1</v>
      </c>
      <c r="Z2613">
        <v>0</v>
      </c>
      <c r="AA2613">
        <v>0</v>
      </c>
      <c r="AB2613">
        <v>2.639057329615258</v>
      </c>
      <c r="AC2613">
        <v>1</v>
      </c>
      <c r="AD2613">
        <v>1</v>
      </c>
      <c r="AE2613">
        <v>0</v>
      </c>
      <c r="AF2613">
        <v>0</v>
      </c>
      <c r="AG2613">
        <v>2.5649493574615372</v>
      </c>
      <c r="AH2613">
        <v>0.31493921882122577</v>
      </c>
      <c r="AI2613">
        <v>-7.1557810328140889E-2</v>
      </c>
      <c r="AJ2613">
        <v>0.1444526999261217</v>
      </c>
      <c r="AK2613">
        <v>-0.21020873425595121</v>
      </c>
      <c r="AL2613">
        <v>430.9152140950705</v>
      </c>
      <c r="AM2613">
        <v>504.52559723110141</v>
      </c>
      <c r="AN2613">
        <v>2294</v>
      </c>
      <c r="AO2613">
        <v>59.059292240933601</v>
      </c>
      <c r="AP2613">
        <v>320.58287384431958</v>
      </c>
      <c r="AQ2613">
        <v>2.3125</v>
      </c>
      <c r="AR2613">
        <v>3.625</v>
      </c>
      <c r="AS2613">
        <v>16</v>
      </c>
      <c r="AT2613">
        <v>0</v>
      </c>
      <c r="AU2613">
        <v>0.27173913043478259</v>
      </c>
      <c r="AV2613">
        <v>0.33580524541553031</v>
      </c>
      <c r="AW2613">
        <v>0</v>
      </c>
      <c r="AX2613">
        <v>76.333333333333329</v>
      </c>
      <c r="AY2613">
        <v>47.5</v>
      </c>
      <c r="AZ2613">
        <v>103</v>
      </c>
      <c r="BA2613">
        <v>0.58180318662505037</v>
      </c>
      <c r="BB2613">
        <v>0.625</v>
      </c>
      <c r="BC2613">
        <v>2.4307913288782319</v>
      </c>
      <c r="BD2613" t="s">
        <v>9950</v>
      </c>
      <c r="BE2613" t="s">
        <v>62</v>
      </c>
    </row>
    <row r="2614" spans="1:57" x14ac:dyDescent="0.3">
      <c r="A2614" t="s">
        <v>9952</v>
      </c>
      <c r="B2614">
        <v>3900</v>
      </c>
      <c r="C2614" t="s">
        <v>9953</v>
      </c>
      <c r="D2614" t="s">
        <v>9954</v>
      </c>
      <c r="E2614" t="s">
        <v>128</v>
      </c>
      <c r="F2614">
        <v>32</v>
      </c>
      <c r="G2614">
        <v>132.46875</v>
      </c>
      <c r="H2614">
        <v>139</v>
      </c>
      <c r="I2614">
        <v>6075.6240234375</v>
      </c>
      <c r="J2614">
        <v>77.946289350022937</v>
      </c>
      <c r="K2614">
        <v>-0.16339830300090119</v>
      </c>
      <c r="L2614">
        <v>-1.2610311315104319</v>
      </c>
      <c r="M2614">
        <v>4.9375</v>
      </c>
      <c r="N2614">
        <v>2</v>
      </c>
      <c r="O2614">
        <v>1</v>
      </c>
      <c r="P2614">
        <v>1</v>
      </c>
      <c r="Q2614">
        <v>0.1766846959694085</v>
      </c>
      <c r="R2614">
        <v>3.422414204014729</v>
      </c>
      <c r="S2614">
        <v>1</v>
      </c>
      <c r="T2614">
        <v>1</v>
      </c>
      <c r="U2614">
        <v>0</v>
      </c>
      <c r="V2614">
        <v>0</v>
      </c>
      <c r="W2614">
        <v>3.4339872044851458</v>
      </c>
      <c r="X2614">
        <v>1</v>
      </c>
      <c r="Y2614">
        <v>1</v>
      </c>
      <c r="Z2614">
        <v>0</v>
      </c>
      <c r="AA2614">
        <v>0</v>
      </c>
      <c r="AB2614">
        <v>3.401197381662155</v>
      </c>
      <c r="AC2614">
        <v>1</v>
      </c>
      <c r="AD2614">
        <v>1</v>
      </c>
      <c r="AE2614">
        <v>0</v>
      </c>
      <c r="AF2614">
        <v>0</v>
      </c>
      <c r="AG2614">
        <v>3.3672958299864728</v>
      </c>
      <c r="AH2614">
        <v>6.9852805556720882E-2</v>
      </c>
      <c r="AI2614">
        <v>-3.7627157077325682E-2</v>
      </c>
      <c r="AJ2614">
        <v>-4.7725800453882132E-2</v>
      </c>
      <c r="AK2614">
        <v>-9.5320923744490624E-2</v>
      </c>
      <c r="AL2614">
        <v>521.05176371343043</v>
      </c>
      <c r="AM2614">
        <v>696.0316512423293</v>
      </c>
      <c r="AN2614">
        <v>4239</v>
      </c>
      <c r="AO2614">
        <v>100.05594654222379</v>
      </c>
      <c r="AP2614">
        <v>341.72391550700451</v>
      </c>
      <c r="AQ2614">
        <v>1.71875</v>
      </c>
      <c r="AR2614">
        <v>3.8125</v>
      </c>
      <c r="AS2614">
        <v>32</v>
      </c>
      <c r="AT2614">
        <v>0.93749999999999978</v>
      </c>
      <c r="AU2614">
        <v>0.1306352459016393</v>
      </c>
      <c r="AV2614">
        <v>7.2495682568490746E-2</v>
      </c>
      <c r="AW2614">
        <v>0.3125</v>
      </c>
      <c r="AX2614">
        <v>90.41935483870968</v>
      </c>
      <c r="AY2614">
        <v>66</v>
      </c>
      <c r="AZ2614">
        <v>127.5</v>
      </c>
      <c r="BA2614">
        <v>0.58841265845735646</v>
      </c>
      <c r="BB2614">
        <v>0.53125</v>
      </c>
      <c r="BC2614">
        <v>3.3892680315457948</v>
      </c>
      <c r="BD2614" t="s">
        <v>9955</v>
      </c>
      <c r="BE2614" t="s">
        <v>62</v>
      </c>
    </row>
    <row r="2615" spans="1:57" x14ac:dyDescent="0.3">
      <c r="A2615" t="s">
        <v>9956</v>
      </c>
      <c r="B2615">
        <v>2882</v>
      </c>
      <c r="C2615" t="s">
        <v>9957</v>
      </c>
      <c r="D2615" t="s">
        <v>9958</v>
      </c>
      <c r="E2615" t="s">
        <v>66</v>
      </c>
      <c r="F2615">
        <v>72</v>
      </c>
      <c r="G2615">
        <v>114.8888888888889</v>
      </c>
      <c r="H2615">
        <v>119.5</v>
      </c>
      <c r="I2615">
        <v>5877.8209876543206</v>
      </c>
      <c r="J2615">
        <v>76.666948469691434</v>
      </c>
      <c r="K2615">
        <v>9.3192460966639384E-2</v>
      </c>
      <c r="L2615">
        <v>-1.2145868200658401</v>
      </c>
      <c r="M2615">
        <v>5.7983293416900441</v>
      </c>
      <c r="N2615">
        <v>3</v>
      </c>
      <c r="O2615">
        <v>1</v>
      </c>
      <c r="P2615">
        <v>2</v>
      </c>
      <c r="Q2615">
        <v>0.45352841221219159</v>
      </c>
      <c r="R2615">
        <v>4.0190956351504559</v>
      </c>
      <c r="S2615">
        <v>2</v>
      </c>
      <c r="T2615">
        <v>1</v>
      </c>
      <c r="U2615">
        <v>1</v>
      </c>
      <c r="V2615">
        <v>0.16776575221435111</v>
      </c>
      <c r="W2615">
        <v>4.2236293316576567</v>
      </c>
      <c r="X2615">
        <v>2</v>
      </c>
      <c r="Y2615">
        <v>1</v>
      </c>
      <c r="Z2615">
        <v>1</v>
      </c>
      <c r="AA2615">
        <v>0.11951030798891769</v>
      </c>
      <c r="AB2615">
        <v>4.2286910368905044</v>
      </c>
      <c r="AC2615">
        <v>1</v>
      </c>
      <c r="AD2615">
        <v>1</v>
      </c>
      <c r="AE2615">
        <v>0</v>
      </c>
      <c r="AF2615">
        <v>0</v>
      </c>
      <c r="AG2615">
        <v>4.2341065045972579</v>
      </c>
      <c r="AH2615">
        <v>0.15688943918940129</v>
      </c>
      <c r="AI2615">
        <v>0.20974687693373861</v>
      </c>
      <c r="AJ2615">
        <v>-1.6659601209494251E-2</v>
      </c>
      <c r="AK2615">
        <v>-3.8978161027778388E-2</v>
      </c>
      <c r="AL2615">
        <v>680.27556952190128</v>
      </c>
      <c r="AM2615">
        <v>954.35273851530019</v>
      </c>
      <c r="AN2615">
        <v>8272</v>
      </c>
      <c r="AO2615">
        <v>59.594045181470783</v>
      </c>
      <c r="AP2615">
        <v>606.28365218563772</v>
      </c>
      <c r="AQ2615">
        <v>1.319444444444444</v>
      </c>
      <c r="AR2615">
        <v>3.583333333333333</v>
      </c>
      <c r="AS2615">
        <v>72</v>
      </c>
      <c r="AT2615">
        <v>9.9444444444444446</v>
      </c>
      <c r="AU2615">
        <v>0.10833333333333341</v>
      </c>
      <c r="AV2615">
        <v>0.16042243530072389</v>
      </c>
      <c r="AW2615">
        <v>0.375</v>
      </c>
      <c r="AX2615">
        <v>80.971830985915489</v>
      </c>
      <c r="AY2615">
        <v>68</v>
      </c>
      <c r="AZ2615">
        <v>122.75</v>
      </c>
      <c r="BA2615">
        <v>0.66731386482323296</v>
      </c>
      <c r="BB2615">
        <v>0.51388888888888884</v>
      </c>
      <c r="BC2615">
        <v>3.9893260593557041</v>
      </c>
      <c r="BD2615" t="s">
        <v>9959</v>
      </c>
      <c r="BE2615" t="s">
        <v>68</v>
      </c>
    </row>
    <row r="2616" spans="1:57" x14ac:dyDescent="0.3">
      <c r="A2616" t="s">
        <v>9960</v>
      </c>
      <c r="B2616">
        <v>1603</v>
      </c>
      <c r="C2616" t="s">
        <v>9961</v>
      </c>
      <c r="D2616" t="s">
        <v>9962</v>
      </c>
      <c r="E2616" t="s">
        <v>72</v>
      </c>
      <c r="F2616">
        <v>1608</v>
      </c>
      <c r="G2616">
        <v>125.88681592039801</v>
      </c>
      <c r="H2616">
        <v>127</v>
      </c>
      <c r="I2616">
        <v>5317.902612249698</v>
      </c>
      <c r="J2616">
        <v>72.923950882064105</v>
      </c>
      <c r="K2616">
        <v>4.2875201327446287E-2</v>
      </c>
      <c r="L2616">
        <v>-1.196408360911509</v>
      </c>
      <c r="M2616">
        <v>7.8864631805324459</v>
      </c>
      <c r="N2616">
        <v>13</v>
      </c>
      <c r="O2616">
        <v>1</v>
      </c>
      <c r="P2616">
        <v>12</v>
      </c>
      <c r="Q2616">
        <v>2.452478019779178</v>
      </c>
      <c r="R2616">
        <v>5.4664797181758944</v>
      </c>
      <c r="S2616">
        <v>2</v>
      </c>
      <c r="T2616">
        <v>1</v>
      </c>
      <c r="U2616">
        <v>1</v>
      </c>
      <c r="V2616">
        <v>0.10284701649088281</v>
      </c>
      <c r="W2616">
        <v>7.3674591484761294</v>
      </c>
      <c r="X2616">
        <v>2</v>
      </c>
      <c r="Y2616">
        <v>1</v>
      </c>
      <c r="Z2616">
        <v>1</v>
      </c>
      <c r="AA2616">
        <v>2.4953251581932449E-2</v>
      </c>
      <c r="AB2616">
        <v>7.3806386975197054</v>
      </c>
      <c r="AC2616">
        <v>1</v>
      </c>
      <c r="AD2616">
        <v>1</v>
      </c>
      <c r="AE2616">
        <v>0</v>
      </c>
      <c r="AF2616">
        <v>0</v>
      </c>
      <c r="AG2616">
        <v>7.3808790355641172</v>
      </c>
      <c r="AH2616">
        <v>3.1557893228093339E-3</v>
      </c>
      <c r="AI2616">
        <v>9.4940449391369905E-3</v>
      </c>
      <c r="AJ2616">
        <v>-3.0893692605109529E-3</v>
      </c>
      <c r="AK2616">
        <v>-3.5747171488363393E-2</v>
      </c>
      <c r="AL2616">
        <v>2711.7925311017989</v>
      </c>
      <c r="AM2616">
        <v>5165.2815284610097</v>
      </c>
      <c r="AN2616">
        <v>202426</v>
      </c>
      <c r="AO2616">
        <v>4.1035770687319824</v>
      </c>
      <c r="AP2616">
        <v>2466.8244395608358</v>
      </c>
      <c r="AQ2616">
        <v>1.0143034825870649</v>
      </c>
      <c r="AR2616">
        <v>3.9844527363184081</v>
      </c>
      <c r="AS2616">
        <v>1601</v>
      </c>
      <c r="AT2616">
        <v>245.13432835820899</v>
      </c>
      <c r="AU2616">
        <v>2.461954931226229E-2</v>
      </c>
      <c r="AV2616">
        <v>3.1566949685326601E-3</v>
      </c>
      <c r="AW2616">
        <v>0.3712686567164179</v>
      </c>
      <c r="AX2616">
        <v>84.689483509645299</v>
      </c>
      <c r="AY2616">
        <v>63</v>
      </c>
      <c r="AZ2616">
        <v>126</v>
      </c>
      <c r="BA2616">
        <v>0.57928187593668345</v>
      </c>
      <c r="BB2616">
        <v>0.50435323383084574</v>
      </c>
      <c r="BC2616">
        <v>5.2682016648311096</v>
      </c>
      <c r="BD2616" t="s">
        <v>9963</v>
      </c>
      <c r="BE2616" t="s">
        <v>68</v>
      </c>
    </row>
    <row r="2617" spans="1:57" x14ac:dyDescent="0.3">
      <c r="A2617" t="s">
        <v>9964</v>
      </c>
      <c r="B2617">
        <v>2762</v>
      </c>
      <c r="C2617" t="s">
        <v>9965</v>
      </c>
      <c r="D2617" t="s">
        <v>9966</v>
      </c>
      <c r="E2617" t="s">
        <v>93</v>
      </c>
      <c r="F2617">
        <v>2762</v>
      </c>
      <c r="G2617">
        <v>125.5850832729906</v>
      </c>
      <c r="H2617">
        <v>124</v>
      </c>
      <c r="I2617">
        <v>5636.8336370133411</v>
      </c>
      <c r="J2617">
        <v>75.078849465167892</v>
      </c>
      <c r="K2617">
        <v>4.7960937737435663E-2</v>
      </c>
      <c r="L2617">
        <v>-1.230036085838206</v>
      </c>
      <c r="M2617">
        <v>7.9372538109699811</v>
      </c>
      <c r="N2617">
        <v>22</v>
      </c>
      <c r="O2617">
        <v>3</v>
      </c>
      <c r="P2617">
        <v>19</v>
      </c>
      <c r="Q2617">
        <v>3.2128947805824191</v>
      </c>
      <c r="R2617">
        <v>5.5016851004625336</v>
      </c>
      <c r="S2617">
        <v>2</v>
      </c>
      <c r="T2617">
        <v>1</v>
      </c>
      <c r="U2617">
        <v>1</v>
      </c>
      <c r="V2617">
        <v>0.15803330950342909</v>
      </c>
      <c r="W2617">
        <v>7.8887034053683029</v>
      </c>
      <c r="X2617">
        <v>1</v>
      </c>
      <c r="Y2617">
        <v>1</v>
      </c>
      <c r="Z2617">
        <v>0</v>
      </c>
      <c r="AA2617">
        <v>0</v>
      </c>
      <c r="AB2617">
        <v>7.9229859587111937</v>
      </c>
      <c r="AC2617">
        <v>1</v>
      </c>
      <c r="AD2617">
        <v>1</v>
      </c>
      <c r="AE2617">
        <v>0</v>
      </c>
      <c r="AF2617">
        <v>0</v>
      </c>
      <c r="AG2617">
        <v>7.922623574217285</v>
      </c>
      <c r="AH2617">
        <v>-3.3019888122716119E-2</v>
      </c>
      <c r="AI2617">
        <v>3.4027455839911583E-2</v>
      </c>
      <c r="AJ2617">
        <v>-5.3015423875993018E-3</v>
      </c>
      <c r="AK2617">
        <v>2.4661151461882708E-2</v>
      </c>
      <c r="AL2617">
        <v>3639.674029640672</v>
      </c>
      <c r="AM2617">
        <v>6773.6919739503383</v>
      </c>
      <c r="AN2617">
        <v>346866</v>
      </c>
      <c r="AO2617">
        <v>117.109159760766</v>
      </c>
      <c r="AP2617">
        <v>3314.4829839570812</v>
      </c>
      <c r="AQ2617">
        <v>1.0083272990586529</v>
      </c>
      <c r="AR2617">
        <v>3.9876900796524262</v>
      </c>
      <c r="AS2617">
        <v>2755</v>
      </c>
      <c r="AT2617">
        <v>244.9341057204924</v>
      </c>
      <c r="AU2617">
        <v>2.288622907526516E-2</v>
      </c>
      <c r="AV2617">
        <v>-3.3024446908164647E-2</v>
      </c>
      <c r="AW2617">
        <v>0.37545257060101378</v>
      </c>
      <c r="AX2617">
        <v>88.531691416153564</v>
      </c>
      <c r="AY2617">
        <v>67</v>
      </c>
      <c r="AZ2617">
        <v>132</v>
      </c>
      <c r="BA2617">
        <v>0.59783254116227513</v>
      </c>
      <c r="BB2617">
        <v>0.49275887038377991</v>
      </c>
      <c r="BC2617">
        <v>5.3389676180500416</v>
      </c>
      <c r="BD2617" t="s">
        <v>9967</v>
      </c>
      <c r="BE2617" t="s">
        <v>68</v>
      </c>
    </row>
    <row r="2618" spans="1:57" x14ac:dyDescent="0.3">
      <c r="A2618" t="s">
        <v>9968</v>
      </c>
      <c r="B2618">
        <v>1317</v>
      </c>
      <c r="C2618" t="s">
        <v>9969</v>
      </c>
      <c r="D2618" t="s">
        <v>9970</v>
      </c>
      <c r="E2618" t="s">
        <v>98</v>
      </c>
      <c r="F2618">
        <v>16</v>
      </c>
      <c r="G2618">
        <v>118.75</v>
      </c>
      <c r="H2618">
        <v>146</v>
      </c>
      <c r="I2618">
        <v>5854.9375</v>
      </c>
      <c r="J2618">
        <v>76.517563343326614</v>
      </c>
      <c r="K2618">
        <v>-0.2157719497633481</v>
      </c>
      <c r="L2618">
        <v>-1.5199251163783709</v>
      </c>
      <c r="M2618">
        <v>4</v>
      </c>
      <c r="N2618">
        <v>1</v>
      </c>
      <c r="O2618">
        <v>1</v>
      </c>
      <c r="P2618">
        <v>0</v>
      </c>
      <c r="Q2618">
        <v>0</v>
      </c>
      <c r="R2618">
        <v>2.7725887222397811</v>
      </c>
      <c r="S2618">
        <v>1</v>
      </c>
      <c r="T2618">
        <v>1</v>
      </c>
      <c r="U2618">
        <v>0</v>
      </c>
      <c r="V2618">
        <v>0</v>
      </c>
      <c r="W2618">
        <v>2.7080502011022101</v>
      </c>
      <c r="X2618">
        <v>1</v>
      </c>
      <c r="Y2618">
        <v>1</v>
      </c>
      <c r="Z2618">
        <v>0</v>
      </c>
      <c r="AA2618">
        <v>0</v>
      </c>
      <c r="AB2618">
        <v>2.639057329615258</v>
      </c>
      <c r="AC2618">
        <v>1</v>
      </c>
      <c r="AD2618">
        <v>1</v>
      </c>
      <c r="AE2618">
        <v>0</v>
      </c>
      <c r="AF2618">
        <v>0</v>
      </c>
      <c r="AG2618">
        <v>2.5649493574615372</v>
      </c>
      <c r="AH2618">
        <v>-0.36901880357390671</v>
      </c>
      <c r="AI2618">
        <v>-6.1018211125225513E-2</v>
      </c>
      <c r="AJ2618">
        <v>-0.1107592149788106</v>
      </c>
      <c r="AK2618">
        <v>-0.14278413518504679</v>
      </c>
      <c r="AL2618">
        <v>394.59812253444602</v>
      </c>
      <c r="AM2618">
        <v>404.47042128231129</v>
      </c>
      <c r="AN2618">
        <v>1900</v>
      </c>
      <c r="AO2618">
        <v>116.0837428720163</v>
      </c>
      <c r="AP2618">
        <v>316.08216928929511</v>
      </c>
      <c r="AQ2618">
        <v>2.3125</v>
      </c>
      <c r="AR2618">
        <v>3.75</v>
      </c>
      <c r="AS2618">
        <v>16</v>
      </c>
      <c r="AT2618">
        <v>0</v>
      </c>
      <c r="AU2618">
        <v>0.17588495575221241</v>
      </c>
      <c r="AV2618">
        <v>-0.38954714472227281</v>
      </c>
      <c r="AW2618">
        <v>0.1875</v>
      </c>
      <c r="AX2618">
        <v>114.4666666666667</v>
      </c>
      <c r="AY2618">
        <v>59</v>
      </c>
      <c r="AZ2618">
        <v>145.75</v>
      </c>
      <c r="BA2618">
        <v>0.64435842815432942</v>
      </c>
      <c r="BB2618">
        <v>0.5625</v>
      </c>
      <c r="BC2618">
        <v>2.7080502011022101</v>
      </c>
      <c r="BD2618" t="s">
        <v>9969</v>
      </c>
      <c r="BE2618" t="s">
        <v>62</v>
      </c>
    </row>
    <row r="2619" spans="1:57" x14ac:dyDescent="0.3">
      <c r="A2619" t="s">
        <v>9971</v>
      </c>
      <c r="B2619">
        <v>1241</v>
      </c>
      <c r="C2619" t="s">
        <v>9972</v>
      </c>
      <c r="D2619" t="s">
        <v>9973</v>
      </c>
      <c r="E2619" t="s">
        <v>128</v>
      </c>
      <c r="F2619">
        <v>32</v>
      </c>
      <c r="G2619">
        <v>114.71875</v>
      </c>
      <c r="H2619">
        <v>133</v>
      </c>
      <c r="I2619">
        <v>6462.9521484375</v>
      </c>
      <c r="J2619">
        <v>80.392488134386667</v>
      </c>
      <c r="K2619">
        <v>9.1354750226956532E-3</v>
      </c>
      <c r="L2619">
        <v>-1.4430389660388021</v>
      </c>
      <c r="M2619">
        <v>4.75</v>
      </c>
      <c r="N2619">
        <v>2</v>
      </c>
      <c r="O2619">
        <v>1</v>
      </c>
      <c r="P2619">
        <v>1</v>
      </c>
      <c r="Q2619">
        <v>0.3499271061118826</v>
      </c>
      <c r="R2619">
        <v>3.2924491076597402</v>
      </c>
      <c r="S2619">
        <v>1</v>
      </c>
      <c r="T2619">
        <v>1</v>
      </c>
      <c r="U2619">
        <v>0</v>
      </c>
      <c r="V2619">
        <v>0</v>
      </c>
      <c r="W2619">
        <v>3.4339872044851458</v>
      </c>
      <c r="X2619">
        <v>1</v>
      </c>
      <c r="Y2619">
        <v>1</v>
      </c>
      <c r="Z2619">
        <v>0</v>
      </c>
      <c r="AA2619">
        <v>0</v>
      </c>
      <c r="AB2619">
        <v>3.401197381662155</v>
      </c>
      <c r="AC2619">
        <v>1</v>
      </c>
      <c r="AD2619">
        <v>1</v>
      </c>
      <c r="AE2619">
        <v>0</v>
      </c>
      <c r="AF2619">
        <v>0</v>
      </c>
      <c r="AG2619">
        <v>3.3672958299864728</v>
      </c>
      <c r="AH2619">
        <v>0.1955609169556107</v>
      </c>
      <c r="AI2619">
        <v>-4.7279251119247433E-2</v>
      </c>
      <c r="AJ2619">
        <v>0.14130212174619669</v>
      </c>
      <c r="AK2619">
        <v>-0.21968759023599499</v>
      </c>
      <c r="AL2619">
        <v>507.93962615488749</v>
      </c>
      <c r="AM2619">
        <v>608.23049593195583</v>
      </c>
      <c r="AN2619">
        <v>3671</v>
      </c>
      <c r="AO2619">
        <v>114.00508701264</v>
      </c>
      <c r="AP2619">
        <v>453.82358827333871</v>
      </c>
      <c r="AQ2619">
        <v>1.71875</v>
      </c>
      <c r="AR2619">
        <v>3.59375</v>
      </c>
      <c r="AS2619">
        <v>31</v>
      </c>
      <c r="AT2619">
        <v>3</v>
      </c>
      <c r="AU2619">
        <v>0.19400510204081631</v>
      </c>
      <c r="AV2619">
        <v>0.21189257854552179</v>
      </c>
      <c r="AW2619">
        <v>0.25</v>
      </c>
      <c r="AX2619">
        <v>72.322580645161295</v>
      </c>
      <c r="AY2619">
        <v>80.5</v>
      </c>
      <c r="AZ2619">
        <v>148.25</v>
      </c>
      <c r="BA2619">
        <v>0.70077897583774817</v>
      </c>
      <c r="BB2619">
        <v>0.53125</v>
      </c>
      <c r="BC2619">
        <v>3.2998296856670919</v>
      </c>
      <c r="BD2619" t="s">
        <v>9974</v>
      </c>
      <c r="BE2619" t="s">
        <v>62</v>
      </c>
    </row>
    <row r="2620" spans="1:57" x14ac:dyDescent="0.3">
      <c r="A2620" t="s">
        <v>9975</v>
      </c>
      <c r="B2620">
        <v>2540</v>
      </c>
      <c r="C2620" t="s">
        <v>9976</v>
      </c>
      <c r="D2620" t="s">
        <v>9977</v>
      </c>
      <c r="E2620" t="s">
        <v>72</v>
      </c>
      <c r="F2620">
        <v>2552</v>
      </c>
      <c r="G2620">
        <v>128.88401253918499</v>
      </c>
      <c r="H2620">
        <v>130</v>
      </c>
      <c r="I2620">
        <v>5494.0124089778992</v>
      </c>
      <c r="J2620">
        <v>74.121605547761163</v>
      </c>
      <c r="K2620">
        <v>-3.9046252284362752E-2</v>
      </c>
      <c r="L2620">
        <v>-1.20343812189925</v>
      </c>
      <c r="M2620">
        <v>7.9237560552303563</v>
      </c>
      <c r="N2620">
        <v>20</v>
      </c>
      <c r="O2620">
        <v>2</v>
      </c>
      <c r="P2620">
        <v>18</v>
      </c>
      <c r="Q2620">
        <v>3.208722243744385</v>
      </c>
      <c r="R2620">
        <v>5.4923291691277143</v>
      </c>
      <c r="S2620">
        <v>3</v>
      </c>
      <c r="T2620">
        <v>1</v>
      </c>
      <c r="U2620">
        <v>2</v>
      </c>
      <c r="V2620">
        <v>0.13725289616342451</v>
      </c>
      <c r="W2620">
        <v>7.8199194918866937</v>
      </c>
      <c r="X2620">
        <v>1</v>
      </c>
      <c r="Y2620">
        <v>1</v>
      </c>
      <c r="Z2620">
        <v>0</v>
      </c>
      <c r="AA2620">
        <v>0</v>
      </c>
      <c r="AB2620">
        <v>7.8438486381524708</v>
      </c>
      <c r="AC2620">
        <v>1</v>
      </c>
      <c r="AD2620">
        <v>1</v>
      </c>
      <c r="AE2620">
        <v>0</v>
      </c>
      <c r="AF2620">
        <v>0</v>
      </c>
      <c r="AG2620">
        <v>7.8434564043761146</v>
      </c>
      <c r="AH2620">
        <v>-1.7515438357717929E-2</v>
      </c>
      <c r="AI2620">
        <v>-1.217338931159568E-2</v>
      </c>
      <c r="AJ2620">
        <v>7.6769147796667764E-3</v>
      </c>
      <c r="AK2620">
        <v>1.7021780199015291E-2</v>
      </c>
      <c r="AL2620">
        <v>3448.805211034547</v>
      </c>
      <c r="AM2620">
        <v>6672.1781013654727</v>
      </c>
      <c r="AN2620">
        <v>328912</v>
      </c>
      <c r="AO2620">
        <v>76.06330674834264</v>
      </c>
      <c r="AP2620">
        <v>3169.2865972974791</v>
      </c>
      <c r="AQ2620">
        <v>1.0090125391849529</v>
      </c>
      <c r="AR2620">
        <v>4.0086206896551726</v>
      </c>
      <c r="AS2620">
        <v>2541</v>
      </c>
      <c r="AT2620">
        <v>264.40125391849529</v>
      </c>
      <c r="AU2620">
        <v>2.0880201610424809E-2</v>
      </c>
      <c r="AV2620">
        <v>-1.7521830200401621E-2</v>
      </c>
      <c r="AW2620">
        <v>0.36050156739811912</v>
      </c>
      <c r="AX2620">
        <v>86.910231281850258</v>
      </c>
      <c r="AY2620">
        <v>64</v>
      </c>
      <c r="AZ2620">
        <v>128.5</v>
      </c>
      <c r="BA2620">
        <v>0.57510318066195965</v>
      </c>
      <c r="BB2620">
        <v>0.50431034482758619</v>
      </c>
      <c r="BC2620">
        <v>5.3195481848888564</v>
      </c>
      <c r="BD2620" t="s">
        <v>9978</v>
      </c>
      <c r="BE2620" t="s">
        <v>68</v>
      </c>
    </row>
    <row r="2621" spans="1:57" x14ac:dyDescent="0.3">
      <c r="A2621" t="s">
        <v>9979</v>
      </c>
      <c r="B2621">
        <v>2722</v>
      </c>
      <c r="C2621" t="s">
        <v>9980</v>
      </c>
      <c r="D2621" t="s">
        <v>9981</v>
      </c>
      <c r="E2621" t="s">
        <v>85</v>
      </c>
      <c r="F2621">
        <v>8</v>
      </c>
      <c r="G2621">
        <v>108.25</v>
      </c>
      <c r="H2621">
        <v>101</v>
      </c>
      <c r="I2621">
        <v>3493.9375</v>
      </c>
      <c r="J2621">
        <v>59.109538147408998</v>
      </c>
      <c r="K2621">
        <v>0.29482639793233623</v>
      </c>
      <c r="L2621">
        <v>-1.133754167020905</v>
      </c>
      <c r="M2621">
        <v>3</v>
      </c>
      <c r="N2621">
        <v>1</v>
      </c>
      <c r="O2621">
        <v>1</v>
      </c>
      <c r="P2621">
        <v>0</v>
      </c>
      <c r="Q2621">
        <v>0</v>
      </c>
      <c r="R2621">
        <v>2.0794415416798362</v>
      </c>
      <c r="S2621">
        <v>1</v>
      </c>
      <c r="T2621">
        <v>1</v>
      </c>
      <c r="U2621">
        <v>0</v>
      </c>
      <c r="V2621">
        <v>0</v>
      </c>
      <c r="W2621">
        <v>1.945910149055313</v>
      </c>
      <c r="X2621">
        <v>1</v>
      </c>
      <c r="Y2621">
        <v>1</v>
      </c>
      <c r="Z2621">
        <v>0</v>
      </c>
      <c r="AA2621">
        <v>0</v>
      </c>
      <c r="AB2621">
        <v>1.791759469228055</v>
      </c>
      <c r="AC2621">
        <v>1</v>
      </c>
      <c r="AD2621">
        <v>1</v>
      </c>
      <c r="AE2621">
        <v>0</v>
      </c>
      <c r="AF2621">
        <v>0</v>
      </c>
      <c r="AG2621">
        <v>1.6094379124341009</v>
      </c>
      <c r="AH2621">
        <v>0.13586703754717991</v>
      </c>
      <c r="AI2621">
        <v>-0.25108223172280558</v>
      </c>
      <c r="AJ2621">
        <v>0.1023536303955065</v>
      </c>
      <c r="AK2621">
        <v>0</v>
      </c>
      <c r="AL2621">
        <v>249.47487854171209</v>
      </c>
      <c r="AM2621">
        <v>243.84069589918329</v>
      </c>
      <c r="AN2621">
        <v>866</v>
      </c>
      <c r="AO2621">
        <v>22</v>
      </c>
      <c r="AP2621">
        <v>191.47201827620879</v>
      </c>
      <c r="AQ2621">
        <v>3.5</v>
      </c>
      <c r="AR2621">
        <v>3.625</v>
      </c>
      <c r="AS2621">
        <v>8</v>
      </c>
      <c r="AT2621">
        <v>0</v>
      </c>
      <c r="AU2621">
        <v>0.25738916256157629</v>
      </c>
      <c r="AV2621">
        <v>0.1365120063751904</v>
      </c>
      <c r="AW2621">
        <v>0.5</v>
      </c>
      <c r="AX2621">
        <v>65.857142857142861</v>
      </c>
      <c r="AY2621">
        <v>43.5</v>
      </c>
      <c r="AZ2621">
        <v>74.75</v>
      </c>
      <c r="BA2621">
        <v>0.54604654177745038</v>
      </c>
      <c r="BB2621">
        <v>0.5</v>
      </c>
      <c r="BC2621">
        <v>1.945910149055313</v>
      </c>
      <c r="BD2621" t="s">
        <v>9980</v>
      </c>
      <c r="BE2621" t="s">
        <v>68</v>
      </c>
    </row>
    <row r="2622" spans="1:57" x14ac:dyDescent="0.3">
      <c r="A2622" t="s">
        <v>9982</v>
      </c>
      <c r="B2622">
        <v>1780</v>
      </c>
      <c r="C2622" t="s">
        <v>9983</v>
      </c>
      <c r="D2622" t="s">
        <v>9984</v>
      </c>
      <c r="E2622" t="s">
        <v>10622</v>
      </c>
      <c r="F2622">
        <v>64</v>
      </c>
      <c r="G2622">
        <v>118.78125</v>
      </c>
      <c r="H2622">
        <v>109</v>
      </c>
      <c r="I2622">
        <v>5942.9833984375</v>
      </c>
      <c r="J2622">
        <v>77.090747813453589</v>
      </c>
      <c r="K2622">
        <v>0.1761033795987354</v>
      </c>
      <c r="L2622">
        <v>-1.3192351787323331</v>
      </c>
      <c r="M2622">
        <v>5.800704882778696</v>
      </c>
      <c r="N2622">
        <v>3</v>
      </c>
      <c r="O2622">
        <v>1</v>
      </c>
      <c r="P2622">
        <v>2</v>
      </c>
      <c r="Q2622">
        <v>0.35669242871684831</v>
      </c>
      <c r="R2622">
        <v>4.0207422347583606</v>
      </c>
      <c r="S2622">
        <v>1</v>
      </c>
      <c r="T2622">
        <v>1</v>
      </c>
      <c r="U2622">
        <v>0</v>
      </c>
      <c r="V2622">
        <v>0</v>
      </c>
      <c r="W2622">
        <v>4.1431347263915326</v>
      </c>
      <c r="X2622">
        <v>1</v>
      </c>
      <c r="Y2622">
        <v>1</v>
      </c>
      <c r="Z2622">
        <v>0</v>
      </c>
      <c r="AA2622">
        <v>0</v>
      </c>
      <c r="AB2622">
        <v>4.1271343850450908</v>
      </c>
      <c r="AC2622">
        <v>1</v>
      </c>
      <c r="AD2622">
        <v>1</v>
      </c>
      <c r="AE2622">
        <v>0</v>
      </c>
      <c r="AF2622">
        <v>0</v>
      </c>
      <c r="AG2622">
        <v>4.1108738641733096</v>
      </c>
      <c r="AH2622">
        <v>0.1150603076887052</v>
      </c>
      <c r="AI2622">
        <v>-1.9607965875264869E-2</v>
      </c>
      <c r="AJ2622">
        <v>0.16158599777918911</v>
      </c>
      <c r="AK2622">
        <v>0.1374611840791769</v>
      </c>
      <c r="AL2622">
        <v>644.22199717844831</v>
      </c>
      <c r="AM2622">
        <v>931.82832021323088</v>
      </c>
      <c r="AN2622">
        <v>7602</v>
      </c>
      <c r="AO2622">
        <v>85.43555869367772</v>
      </c>
      <c r="AP2622">
        <v>463.86430386660612</v>
      </c>
      <c r="AQ2622">
        <v>1.359375</v>
      </c>
      <c r="AR2622">
        <v>3.953125</v>
      </c>
      <c r="AS2622">
        <v>64</v>
      </c>
      <c r="AT2622">
        <v>6.6875</v>
      </c>
      <c r="AU2622">
        <v>0.1278237951807229</v>
      </c>
      <c r="AV2622">
        <v>0.1157606230584402</v>
      </c>
      <c r="AW2622">
        <v>0.421875</v>
      </c>
      <c r="AX2622">
        <v>83.793650793650798</v>
      </c>
      <c r="AY2622">
        <v>67</v>
      </c>
      <c r="AZ2622">
        <v>141.75</v>
      </c>
      <c r="BA2622">
        <v>0.64901445146817016</v>
      </c>
      <c r="BB2622">
        <v>0.46875</v>
      </c>
      <c r="BC2622">
        <v>3.8790786576067919</v>
      </c>
      <c r="BD2622" t="s">
        <v>9985</v>
      </c>
      <c r="BE2622" t="s">
        <v>62</v>
      </c>
    </row>
    <row r="2623" spans="1:57" x14ac:dyDescent="0.3">
      <c r="A2623" t="s">
        <v>9986</v>
      </c>
      <c r="B2623">
        <v>3398</v>
      </c>
      <c r="C2623" t="s">
        <v>9987</v>
      </c>
      <c r="D2623" t="s">
        <v>9988</v>
      </c>
      <c r="E2623" t="s">
        <v>10622</v>
      </c>
      <c r="F2623">
        <v>64</v>
      </c>
      <c r="G2623">
        <v>112.984375</v>
      </c>
      <c r="H2623">
        <v>104</v>
      </c>
      <c r="I2623">
        <v>5395.296630859375</v>
      </c>
      <c r="J2623">
        <v>73.45268293846982</v>
      </c>
      <c r="K2623">
        <v>0.18260820510182349</v>
      </c>
      <c r="L2623">
        <v>-1.2216504801381289</v>
      </c>
      <c r="M2623">
        <v>5.800704882778696</v>
      </c>
      <c r="N2623">
        <v>3</v>
      </c>
      <c r="O2623">
        <v>1</v>
      </c>
      <c r="P2623">
        <v>2</v>
      </c>
      <c r="Q2623">
        <v>0.35669242871684831</v>
      </c>
      <c r="R2623">
        <v>4.0207422347583606</v>
      </c>
      <c r="S2623">
        <v>1</v>
      </c>
      <c r="T2623">
        <v>1</v>
      </c>
      <c r="U2623">
        <v>0</v>
      </c>
      <c r="V2623">
        <v>0</v>
      </c>
      <c r="W2623">
        <v>4.1431347263915326</v>
      </c>
      <c r="X2623">
        <v>1</v>
      </c>
      <c r="Y2623">
        <v>1</v>
      </c>
      <c r="Z2623">
        <v>0</v>
      </c>
      <c r="AA2623">
        <v>0</v>
      </c>
      <c r="AB2623">
        <v>4.1271343850450908</v>
      </c>
      <c r="AC2623">
        <v>1</v>
      </c>
      <c r="AD2623">
        <v>1</v>
      </c>
      <c r="AE2623">
        <v>0</v>
      </c>
      <c r="AF2623">
        <v>0</v>
      </c>
      <c r="AG2623">
        <v>4.1108738641733096</v>
      </c>
      <c r="AH2623">
        <v>-9.708787315091745E-2</v>
      </c>
      <c r="AI2623">
        <v>-8.1553432408101034E-3</v>
      </c>
      <c r="AJ2623">
        <v>0.1730513398771038</v>
      </c>
      <c r="AK2623">
        <v>-7.3729227693753618E-2</v>
      </c>
      <c r="AL2623">
        <v>643.21622789642379</v>
      </c>
      <c r="AM2623">
        <v>865.19470882032999</v>
      </c>
      <c r="AN2623">
        <v>7231</v>
      </c>
      <c r="AO2623">
        <v>98.109537256238667</v>
      </c>
      <c r="AP2623">
        <v>533.60729794398412</v>
      </c>
      <c r="AQ2623">
        <v>1.359375</v>
      </c>
      <c r="AR2623">
        <v>3.640625</v>
      </c>
      <c r="AS2623">
        <v>63</v>
      </c>
      <c r="AT2623">
        <v>6.6875000000000018</v>
      </c>
      <c r="AU2623">
        <v>0.1215</v>
      </c>
      <c r="AV2623">
        <v>-9.7950952878112979E-2</v>
      </c>
      <c r="AW2623">
        <v>0.40625</v>
      </c>
      <c r="AX2623">
        <v>88.111111111111114</v>
      </c>
      <c r="AY2623">
        <v>63</v>
      </c>
      <c r="AZ2623">
        <v>122.5</v>
      </c>
      <c r="BA2623">
        <v>0.65011363684996104</v>
      </c>
      <c r="BB2623">
        <v>0.46875</v>
      </c>
      <c r="BC2623">
        <v>4.0248058383063894</v>
      </c>
      <c r="BD2623" t="s">
        <v>9989</v>
      </c>
      <c r="BE2623" t="s">
        <v>62</v>
      </c>
    </row>
    <row r="2624" spans="1:57" x14ac:dyDescent="0.3">
      <c r="A2624" t="s">
        <v>9990</v>
      </c>
      <c r="B2624">
        <v>1904</v>
      </c>
      <c r="C2624" t="s">
        <v>9991</v>
      </c>
      <c r="D2624" t="s">
        <v>9992</v>
      </c>
      <c r="E2624" t="s">
        <v>98</v>
      </c>
      <c r="F2624">
        <v>16</v>
      </c>
      <c r="G2624">
        <v>156.875</v>
      </c>
      <c r="H2624">
        <v>174</v>
      </c>
      <c r="I2624">
        <v>5998.984375</v>
      </c>
      <c r="J2624">
        <v>77.453110815512119</v>
      </c>
      <c r="K2624">
        <v>-0.30750528026254942</v>
      </c>
      <c r="L2624">
        <v>-1.523463298999387</v>
      </c>
      <c r="M2624">
        <v>3.875</v>
      </c>
      <c r="N2624">
        <v>2</v>
      </c>
      <c r="O2624">
        <v>1</v>
      </c>
      <c r="P2624">
        <v>1</v>
      </c>
      <c r="Q2624">
        <v>0.24944382578492949</v>
      </c>
      <c r="R2624">
        <v>2.6859453246697882</v>
      </c>
      <c r="S2624">
        <v>1</v>
      </c>
      <c r="T2624">
        <v>1</v>
      </c>
      <c r="U2624">
        <v>0</v>
      </c>
      <c r="V2624">
        <v>0</v>
      </c>
      <c r="W2624">
        <v>2.7080502011022101</v>
      </c>
      <c r="X2624">
        <v>1</v>
      </c>
      <c r="Y2624">
        <v>1</v>
      </c>
      <c r="Z2624">
        <v>0</v>
      </c>
      <c r="AA2624">
        <v>0</v>
      </c>
      <c r="AB2624">
        <v>2.639057329615258</v>
      </c>
      <c r="AC2624">
        <v>1</v>
      </c>
      <c r="AD2624">
        <v>1</v>
      </c>
      <c r="AE2624">
        <v>0</v>
      </c>
      <c r="AF2624">
        <v>0</v>
      </c>
      <c r="AG2624">
        <v>2.5649493574615372</v>
      </c>
      <c r="AH2624">
        <v>-0.147088862698113</v>
      </c>
      <c r="AI2624">
        <v>-0.64303365152955583</v>
      </c>
      <c r="AJ2624">
        <v>-0.2685905491815021</v>
      </c>
      <c r="AK2624">
        <v>0.1616559443655827</v>
      </c>
      <c r="AL2624">
        <v>421.4152178349824</v>
      </c>
      <c r="AM2624">
        <v>558.70315389936218</v>
      </c>
      <c r="AN2624">
        <v>2510</v>
      </c>
      <c r="AO2624">
        <v>66</v>
      </c>
      <c r="AP2624">
        <v>290.28122092979561</v>
      </c>
      <c r="AQ2624">
        <v>2.3125</v>
      </c>
      <c r="AR2624">
        <v>4.4375</v>
      </c>
      <c r="AS2624">
        <v>16</v>
      </c>
      <c r="AT2624">
        <v>0.87499999999999989</v>
      </c>
      <c r="AU2624">
        <v>0.1870098039215686</v>
      </c>
      <c r="AV2624">
        <v>-0.14979965517664451</v>
      </c>
      <c r="AW2624">
        <v>0.375</v>
      </c>
      <c r="AX2624">
        <v>101</v>
      </c>
      <c r="AY2624">
        <v>57</v>
      </c>
      <c r="AZ2624">
        <v>159.5</v>
      </c>
      <c r="BA2624">
        <v>0.49372500918254741</v>
      </c>
      <c r="BB2624">
        <v>0.5</v>
      </c>
      <c r="BC2624">
        <v>2.615630577027551</v>
      </c>
      <c r="BD2624" t="s">
        <v>9991</v>
      </c>
      <c r="BE2624" t="s">
        <v>62</v>
      </c>
    </row>
    <row r="2625" spans="1:57" x14ac:dyDescent="0.3">
      <c r="A2625" t="s">
        <v>9993</v>
      </c>
      <c r="B2625">
        <v>957</v>
      </c>
      <c r="C2625" t="s">
        <v>9994</v>
      </c>
      <c r="D2625" t="s">
        <v>9995</v>
      </c>
      <c r="E2625" t="s">
        <v>106</v>
      </c>
      <c r="F2625">
        <v>969</v>
      </c>
      <c r="G2625">
        <v>128.95768833849331</v>
      </c>
      <c r="H2625">
        <v>129</v>
      </c>
      <c r="I2625">
        <v>5437.578189083466</v>
      </c>
      <c r="J2625">
        <v>73.739936188496031</v>
      </c>
      <c r="K2625">
        <v>-7.2131360546367411E-4</v>
      </c>
      <c r="L2625">
        <v>-1.164380678738745</v>
      </c>
      <c r="M2625">
        <v>7.814451804841557</v>
      </c>
      <c r="N2625">
        <v>11</v>
      </c>
      <c r="O2625">
        <v>1</v>
      </c>
      <c r="P2625">
        <v>10</v>
      </c>
      <c r="Q2625">
        <v>1.871031187860748</v>
      </c>
      <c r="R2625">
        <v>5.4165652361474939</v>
      </c>
      <c r="S2625">
        <v>2</v>
      </c>
      <c r="T2625">
        <v>1</v>
      </c>
      <c r="U2625">
        <v>1</v>
      </c>
      <c r="V2625">
        <v>5.5669952408552492E-2</v>
      </c>
      <c r="W2625">
        <v>6.8709357204549244</v>
      </c>
      <c r="X2625">
        <v>1</v>
      </c>
      <c r="Y2625">
        <v>1</v>
      </c>
      <c r="Z2625">
        <v>0</v>
      </c>
      <c r="AA2625">
        <v>0</v>
      </c>
      <c r="AB2625">
        <v>6.874198495453296</v>
      </c>
      <c r="AC2625">
        <v>1</v>
      </c>
      <c r="AD2625">
        <v>1</v>
      </c>
      <c r="AE2625">
        <v>0</v>
      </c>
      <c r="AF2625">
        <v>0</v>
      </c>
      <c r="AG2625">
        <v>6.8731638342125194</v>
      </c>
      <c r="AH2625">
        <v>-5.5605283230607663E-2</v>
      </c>
      <c r="AI2625">
        <v>-1.1393421932735201E-2</v>
      </c>
      <c r="AJ2625">
        <v>1.4402543411287281E-2</v>
      </c>
      <c r="AK2625">
        <v>6.8409276916219577E-3</v>
      </c>
      <c r="AL2625">
        <v>2147.5298464794801</v>
      </c>
      <c r="AM2625">
        <v>4095.324353269204</v>
      </c>
      <c r="AN2625">
        <v>124960</v>
      </c>
      <c r="AO2625">
        <v>49.632790432235858</v>
      </c>
      <c r="AP2625">
        <v>1913.0874353372451</v>
      </c>
      <c r="AQ2625">
        <v>1.023735810113519</v>
      </c>
      <c r="AR2625">
        <v>3.9783281733746132</v>
      </c>
      <c r="AS2625">
        <v>965</v>
      </c>
      <c r="AT2625">
        <v>231.24871001031991</v>
      </c>
      <c r="AU2625">
        <v>2.1671826625387029E-2</v>
      </c>
      <c r="AV2625">
        <v>-5.5607183540769572E-2</v>
      </c>
      <c r="AW2625">
        <v>0.37048503611971112</v>
      </c>
      <c r="AX2625">
        <v>87.845041322314046</v>
      </c>
      <c r="AY2625">
        <v>63</v>
      </c>
      <c r="AZ2625">
        <v>127</v>
      </c>
      <c r="BA2625">
        <v>0.57181496612238047</v>
      </c>
      <c r="BB2625">
        <v>0.50464396284829727</v>
      </c>
      <c r="BC2625">
        <v>5.2485809491841469</v>
      </c>
      <c r="BD2625" t="s">
        <v>9996</v>
      </c>
      <c r="BE2625" t="s">
        <v>68</v>
      </c>
    </row>
    <row r="2626" spans="1:57" x14ac:dyDescent="0.3">
      <c r="A2626" t="s">
        <v>9997</v>
      </c>
      <c r="B2626">
        <v>2511</v>
      </c>
      <c r="C2626" t="s">
        <v>9998</v>
      </c>
      <c r="D2626" t="s">
        <v>9999</v>
      </c>
      <c r="E2626" t="s">
        <v>10622</v>
      </c>
      <c r="F2626">
        <v>64</v>
      </c>
      <c r="G2626">
        <v>129.53125</v>
      </c>
      <c r="H2626">
        <v>126.5</v>
      </c>
      <c r="I2626">
        <v>6176.4052734375</v>
      </c>
      <c r="J2626">
        <v>78.590109259610401</v>
      </c>
      <c r="K2626">
        <v>1.0922757482077111E-2</v>
      </c>
      <c r="L2626">
        <v>-1.2630227408294461</v>
      </c>
      <c r="M2626">
        <v>5.84375</v>
      </c>
      <c r="N2626">
        <v>2</v>
      </c>
      <c r="O2626">
        <v>1</v>
      </c>
      <c r="P2626">
        <v>1</v>
      </c>
      <c r="Q2626">
        <v>0.27850299534160988</v>
      </c>
      <c r="R2626">
        <v>4.0505788363971806</v>
      </c>
      <c r="S2626">
        <v>1</v>
      </c>
      <c r="T2626">
        <v>1</v>
      </c>
      <c r="U2626">
        <v>0</v>
      </c>
      <c r="V2626">
        <v>0</v>
      </c>
      <c r="W2626">
        <v>4.1431347263915326</v>
      </c>
      <c r="X2626">
        <v>1</v>
      </c>
      <c r="Y2626">
        <v>1</v>
      </c>
      <c r="Z2626">
        <v>0</v>
      </c>
      <c r="AA2626">
        <v>0</v>
      </c>
      <c r="AB2626">
        <v>4.1271343850450908</v>
      </c>
      <c r="AC2626">
        <v>1</v>
      </c>
      <c r="AD2626">
        <v>1</v>
      </c>
      <c r="AE2626">
        <v>0</v>
      </c>
      <c r="AF2626">
        <v>0</v>
      </c>
      <c r="AG2626">
        <v>4.1108738641733096</v>
      </c>
      <c r="AH2626">
        <v>5.1498430878821701E-2</v>
      </c>
      <c r="AI2626">
        <v>2.1156617595091201E-2</v>
      </c>
      <c r="AJ2626">
        <v>0.1727587806790237</v>
      </c>
      <c r="AK2626">
        <v>4.6048927654210779E-2</v>
      </c>
      <c r="AL2626">
        <v>697.14396835131879</v>
      </c>
      <c r="AM2626">
        <v>991.51111309524674</v>
      </c>
      <c r="AN2626">
        <v>8290</v>
      </c>
      <c r="AO2626">
        <v>154.7794818348726</v>
      </c>
      <c r="AP2626">
        <v>542.35479968520576</v>
      </c>
      <c r="AQ2626">
        <v>1.359375</v>
      </c>
      <c r="AR2626">
        <v>4.109375</v>
      </c>
      <c r="AS2626">
        <v>64</v>
      </c>
      <c r="AT2626">
        <v>4.2187499999999991</v>
      </c>
      <c r="AU2626">
        <v>6.9546568627450983E-2</v>
      </c>
      <c r="AV2626">
        <v>5.2399970943022539E-2</v>
      </c>
      <c r="AW2626">
        <v>0.328125</v>
      </c>
      <c r="AX2626">
        <v>88.80952380952381</v>
      </c>
      <c r="AY2626">
        <v>76</v>
      </c>
      <c r="AZ2626">
        <v>144</v>
      </c>
      <c r="BA2626">
        <v>0.6067270196158101</v>
      </c>
      <c r="BB2626">
        <v>0.484375</v>
      </c>
      <c r="BC2626">
        <v>3.906476950221248</v>
      </c>
      <c r="BD2626" t="s">
        <v>10000</v>
      </c>
      <c r="BE2626" t="s">
        <v>62</v>
      </c>
    </row>
    <row r="2627" spans="1:57" x14ac:dyDescent="0.3">
      <c r="A2627" t="s">
        <v>10001</v>
      </c>
      <c r="B2627">
        <v>3417</v>
      </c>
      <c r="C2627" t="s">
        <v>10002</v>
      </c>
      <c r="D2627" t="s">
        <v>10003</v>
      </c>
      <c r="E2627" t="s">
        <v>72</v>
      </c>
      <c r="F2627">
        <v>3472</v>
      </c>
      <c r="G2627">
        <v>126.94959677419359</v>
      </c>
      <c r="H2627">
        <v>126</v>
      </c>
      <c r="I2627">
        <v>5429.6970562890219</v>
      </c>
      <c r="J2627">
        <v>73.686478110227398</v>
      </c>
      <c r="K2627">
        <v>1.229421404381089E-2</v>
      </c>
      <c r="L2627">
        <v>-1.1832995154097159</v>
      </c>
      <c r="M2627">
        <v>7.9475555146800936</v>
      </c>
      <c r="N2627">
        <v>23</v>
      </c>
      <c r="O2627">
        <v>5</v>
      </c>
      <c r="P2627">
        <v>18</v>
      </c>
      <c r="Q2627">
        <v>3.6017573835559769</v>
      </c>
      <c r="R2627">
        <v>5.5088256973441547</v>
      </c>
      <c r="S2627">
        <v>3</v>
      </c>
      <c r="T2627">
        <v>1</v>
      </c>
      <c r="U2627">
        <v>2</v>
      </c>
      <c r="V2627">
        <v>0.18139449662515639</v>
      </c>
      <c r="W2627">
        <v>8.1099073635208789</v>
      </c>
      <c r="X2627">
        <v>2</v>
      </c>
      <c r="Y2627">
        <v>1</v>
      </c>
      <c r="Z2627">
        <v>1</v>
      </c>
      <c r="AA2627">
        <v>1.6975995231289079E-2</v>
      </c>
      <c r="AB2627">
        <v>8.1515103644794884</v>
      </c>
      <c r="AC2627">
        <v>1</v>
      </c>
      <c r="AD2627">
        <v>1</v>
      </c>
      <c r="AE2627">
        <v>0</v>
      </c>
      <c r="AF2627">
        <v>0</v>
      </c>
      <c r="AG2627">
        <v>8.1516216469697511</v>
      </c>
      <c r="AH2627">
        <v>4.7225972239153067E-3</v>
      </c>
      <c r="AI2627">
        <v>6.7641634731452859E-4</v>
      </c>
      <c r="AJ2627">
        <v>-1.7054111225876491E-2</v>
      </c>
      <c r="AK2627">
        <v>8.8178440456245875E-3</v>
      </c>
      <c r="AL2627">
        <v>3964.7826398234979</v>
      </c>
      <c r="AM2627">
        <v>7686.8624040602026</v>
      </c>
      <c r="AN2627">
        <v>440769</v>
      </c>
      <c r="AO2627">
        <v>223.21192163629649</v>
      </c>
      <c r="AP2627">
        <v>3631.7229343311101</v>
      </c>
      <c r="AQ2627">
        <v>1.0066244239631339</v>
      </c>
      <c r="AR2627">
        <v>3.9599654377880178</v>
      </c>
      <c r="AS2627">
        <v>3462</v>
      </c>
      <c r="AT2627">
        <v>244.86635944700461</v>
      </c>
      <c r="AU2627">
        <v>1.2437878377157371E-2</v>
      </c>
      <c r="AV2627">
        <v>4.7238437451549249E-3</v>
      </c>
      <c r="AW2627">
        <v>0.38191244239631339</v>
      </c>
      <c r="AX2627">
        <v>84.966580236243161</v>
      </c>
      <c r="AY2627">
        <v>63</v>
      </c>
      <c r="AZ2627">
        <v>127</v>
      </c>
      <c r="BA2627">
        <v>0.58043885118669758</v>
      </c>
      <c r="BB2627">
        <v>0.49971198156682028</v>
      </c>
      <c r="BC2627">
        <v>5.3157375158436029</v>
      </c>
      <c r="BD2627" t="s">
        <v>10004</v>
      </c>
      <c r="BE2627" t="s">
        <v>62</v>
      </c>
    </row>
    <row r="2628" spans="1:57" x14ac:dyDescent="0.3">
      <c r="A2628" t="s">
        <v>10005</v>
      </c>
      <c r="B2628">
        <v>3116</v>
      </c>
      <c r="C2628" t="s">
        <v>10006</v>
      </c>
      <c r="D2628" t="s">
        <v>10007</v>
      </c>
      <c r="E2628" t="s">
        <v>72</v>
      </c>
      <c r="F2628">
        <v>3128</v>
      </c>
      <c r="G2628">
        <v>126.5476342710997</v>
      </c>
      <c r="H2628">
        <v>129</v>
      </c>
      <c r="I2628">
        <v>5470.7368614109982</v>
      </c>
      <c r="J2628">
        <v>73.964429703817757</v>
      </c>
      <c r="K2628">
        <v>-2.5130262302359919E-2</v>
      </c>
      <c r="L2628">
        <v>-1.19974361957241</v>
      </c>
      <c r="M2628">
        <v>7.9375223439586682</v>
      </c>
      <c r="N2628">
        <v>26</v>
      </c>
      <c r="O2628">
        <v>4</v>
      </c>
      <c r="P2628">
        <v>22</v>
      </c>
      <c r="Q2628">
        <v>3.5967378883510541</v>
      </c>
      <c r="R2628">
        <v>5.501871233346515</v>
      </c>
      <c r="S2628">
        <v>3</v>
      </c>
      <c r="T2628">
        <v>1</v>
      </c>
      <c r="U2628">
        <v>2</v>
      </c>
      <c r="V2628">
        <v>0.15793950421648301</v>
      </c>
      <c r="W2628">
        <v>8.0139689098758531</v>
      </c>
      <c r="X2628">
        <v>1</v>
      </c>
      <c r="Y2628">
        <v>1</v>
      </c>
      <c r="Z2628">
        <v>0</v>
      </c>
      <c r="AA2628">
        <v>0</v>
      </c>
      <c r="AB2628">
        <v>8.0475095109814223</v>
      </c>
      <c r="AC2628">
        <v>1</v>
      </c>
      <c r="AD2628">
        <v>1</v>
      </c>
      <c r="AE2628">
        <v>0</v>
      </c>
      <c r="AF2628">
        <v>0</v>
      </c>
      <c r="AG2628">
        <v>8.0471895621705016</v>
      </c>
      <c r="AH2628">
        <v>1.213947066402227E-3</v>
      </c>
      <c r="AI2628">
        <v>1.9532123642795281E-2</v>
      </c>
      <c r="AJ2628">
        <v>1.996329818997495E-2</v>
      </c>
      <c r="AK2628">
        <v>1.7121341892572951E-2</v>
      </c>
      <c r="AL2628">
        <v>3807.795608463201</v>
      </c>
      <c r="AM2628">
        <v>7259.8828919045491</v>
      </c>
      <c r="AN2628">
        <v>395841</v>
      </c>
      <c r="AO2628">
        <v>76.224440362695645</v>
      </c>
      <c r="AP2628">
        <v>3509.2976866082208</v>
      </c>
      <c r="AQ2628">
        <v>1.007352941176471</v>
      </c>
      <c r="AR2628">
        <v>3.945971867007672</v>
      </c>
      <c r="AS2628">
        <v>3120</v>
      </c>
      <c r="AT2628">
        <v>271.03836317135551</v>
      </c>
      <c r="AU2628">
        <v>1.498294970161978E-2</v>
      </c>
      <c r="AV2628">
        <v>1.2150838251231231E-3</v>
      </c>
      <c r="AW2628">
        <v>0.35421994884910479</v>
      </c>
      <c r="AX2628">
        <v>85.185481291973133</v>
      </c>
      <c r="AY2628">
        <v>64</v>
      </c>
      <c r="AZ2628">
        <v>127</v>
      </c>
      <c r="BA2628">
        <v>0.58447896027329649</v>
      </c>
      <c r="BB2628">
        <v>0.50959079283887465</v>
      </c>
      <c r="BC2628">
        <v>5.3109301356591256</v>
      </c>
      <c r="BD2628" t="s">
        <v>10008</v>
      </c>
      <c r="BE2628" t="s">
        <v>68</v>
      </c>
    </row>
    <row r="2629" spans="1:57" x14ac:dyDescent="0.3">
      <c r="A2629" t="s">
        <v>10009</v>
      </c>
      <c r="B2629">
        <v>562</v>
      </c>
      <c r="C2629" t="s">
        <v>10010</v>
      </c>
      <c r="D2629" t="s">
        <v>10011</v>
      </c>
      <c r="E2629" t="s">
        <v>10622</v>
      </c>
      <c r="F2629">
        <v>64</v>
      </c>
      <c r="G2629">
        <v>129.421875</v>
      </c>
      <c r="H2629">
        <v>122</v>
      </c>
      <c r="I2629">
        <v>6170.712646484375</v>
      </c>
      <c r="J2629">
        <v>78.553883713565526</v>
      </c>
      <c r="K2629">
        <v>9.2069237599888554E-2</v>
      </c>
      <c r="L2629">
        <v>-1.3654196593069181</v>
      </c>
      <c r="M2629">
        <v>5.75</v>
      </c>
      <c r="N2629">
        <v>2</v>
      </c>
      <c r="O2629">
        <v>1</v>
      </c>
      <c r="P2629">
        <v>1</v>
      </c>
      <c r="Q2629">
        <v>0.34992710611188271</v>
      </c>
      <c r="R2629">
        <v>3.985596288219686</v>
      </c>
      <c r="S2629">
        <v>1</v>
      </c>
      <c r="T2629">
        <v>1</v>
      </c>
      <c r="U2629">
        <v>0</v>
      </c>
      <c r="V2629">
        <v>0</v>
      </c>
      <c r="W2629">
        <v>4.1431347263915326</v>
      </c>
      <c r="X2629">
        <v>1</v>
      </c>
      <c r="Y2629">
        <v>1</v>
      </c>
      <c r="Z2629">
        <v>0</v>
      </c>
      <c r="AA2629">
        <v>0</v>
      </c>
      <c r="AB2629">
        <v>4.1271343850450908</v>
      </c>
      <c r="AC2629">
        <v>1</v>
      </c>
      <c r="AD2629">
        <v>1</v>
      </c>
      <c r="AE2629">
        <v>0</v>
      </c>
      <c r="AF2629">
        <v>0</v>
      </c>
      <c r="AG2629">
        <v>4.1108738641733096</v>
      </c>
      <c r="AH2629">
        <v>1.5695701606421999E-2</v>
      </c>
      <c r="AI2629">
        <v>-0.12739827232692039</v>
      </c>
      <c r="AJ2629">
        <v>6.9013473893362584E-2</v>
      </c>
      <c r="AK2629">
        <v>8.7360760218726324E-2</v>
      </c>
      <c r="AL2629">
        <v>674.32334962938262</v>
      </c>
      <c r="AM2629">
        <v>1006.088972280588</v>
      </c>
      <c r="AN2629">
        <v>8283</v>
      </c>
      <c r="AO2629">
        <v>65</v>
      </c>
      <c r="AP2629">
        <v>465.87403352826919</v>
      </c>
      <c r="AQ2629">
        <v>1.359375</v>
      </c>
      <c r="AR2629">
        <v>4.375</v>
      </c>
      <c r="AS2629">
        <v>64</v>
      </c>
      <c r="AT2629">
        <v>6</v>
      </c>
      <c r="AU2629">
        <v>8.3784448818897683E-2</v>
      </c>
      <c r="AV2629">
        <v>1.572302898284331E-2</v>
      </c>
      <c r="AW2629">
        <v>0.421875</v>
      </c>
      <c r="AX2629">
        <v>92.80952380952381</v>
      </c>
      <c r="AY2629">
        <v>74.5</v>
      </c>
      <c r="AZ2629">
        <v>147.25</v>
      </c>
      <c r="BA2629">
        <v>0.60695986450177397</v>
      </c>
      <c r="BB2629">
        <v>0.46875</v>
      </c>
      <c r="BC2629">
        <v>3.8487684591165632</v>
      </c>
      <c r="BD2629" t="s">
        <v>10012</v>
      </c>
      <c r="BE2629" t="s">
        <v>62</v>
      </c>
    </row>
    <row r="2630" spans="1:57" x14ac:dyDescent="0.3">
      <c r="A2630" t="s">
        <v>10013</v>
      </c>
      <c r="B2630">
        <v>2549</v>
      </c>
      <c r="C2630" t="s">
        <v>10014</v>
      </c>
      <c r="D2630" t="s">
        <v>10015</v>
      </c>
      <c r="E2630" t="s">
        <v>98</v>
      </c>
      <c r="F2630">
        <v>16</v>
      </c>
      <c r="G2630">
        <v>124.3125</v>
      </c>
      <c r="H2630">
        <v>111</v>
      </c>
      <c r="I2630">
        <v>6201.33984375</v>
      </c>
      <c r="J2630">
        <v>78.74858629683456</v>
      </c>
      <c r="K2630">
        <v>0.24003569569590419</v>
      </c>
      <c r="L2630">
        <v>-1.449338379448464</v>
      </c>
      <c r="M2630">
        <v>4</v>
      </c>
      <c r="N2630">
        <v>1</v>
      </c>
      <c r="O2630">
        <v>1</v>
      </c>
      <c r="P2630">
        <v>0</v>
      </c>
      <c r="Q2630">
        <v>0</v>
      </c>
      <c r="R2630">
        <v>2.7725887222397811</v>
      </c>
      <c r="S2630">
        <v>1</v>
      </c>
      <c r="T2630">
        <v>1</v>
      </c>
      <c r="U2630">
        <v>0</v>
      </c>
      <c r="V2630">
        <v>0</v>
      </c>
      <c r="W2630">
        <v>2.7080502011022101</v>
      </c>
      <c r="X2630">
        <v>1</v>
      </c>
      <c r="Y2630">
        <v>1</v>
      </c>
      <c r="Z2630">
        <v>0</v>
      </c>
      <c r="AA2630">
        <v>0</v>
      </c>
      <c r="AB2630">
        <v>2.639057329615258</v>
      </c>
      <c r="AC2630">
        <v>1</v>
      </c>
      <c r="AD2630">
        <v>1</v>
      </c>
      <c r="AE2630">
        <v>0</v>
      </c>
      <c r="AF2630">
        <v>0</v>
      </c>
      <c r="AG2630">
        <v>2.5649493574615372</v>
      </c>
      <c r="AH2630">
        <v>-0.10946006659347179</v>
      </c>
      <c r="AI2630">
        <v>0.30519102474704618</v>
      </c>
      <c r="AJ2630">
        <v>-0.25360372128502978</v>
      </c>
      <c r="AK2630">
        <v>-0.12862683089528909</v>
      </c>
      <c r="AL2630">
        <v>404.13964806851862</v>
      </c>
      <c r="AM2630">
        <v>427.96044777415352</v>
      </c>
      <c r="AN2630">
        <v>1989</v>
      </c>
      <c r="AO2630">
        <v>75.163662235378538</v>
      </c>
      <c r="AP2630">
        <v>319.48765574217782</v>
      </c>
      <c r="AQ2630">
        <v>2.3125</v>
      </c>
      <c r="AR2630">
        <v>4.375</v>
      </c>
      <c r="AS2630">
        <v>16</v>
      </c>
      <c r="AT2630">
        <v>0</v>
      </c>
      <c r="AU2630">
        <v>0.21527777777777779</v>
      </c>
      <c r="AV2630">
        <v>-0.10982997047819749</v>
      </c>
      <c r="AW2630">
        <v>0.4375</v>
      </c>
      <c r="AX2630">
        <v>98.8</v>
      </c>
      <c r="AY2630">
        <v>63.5</v>
      </c>
      <c r="AZ2630">
        <v>132.25</v>
      </c>
      <c r="BA2630">
        <v>0.63347279072365659</v>
      </c>
      <c r="BB2630">
        <v>0.4375</v>
      </c>
      <c r="BC2630">
        <v>2.7080502011022101</v>
      </c>
      <c r="BD2630" t="s">
        <v>10014</v>
      </c>
      <c r="BE2630" t="s">
        <v>62</v>
      </c>
    </row>
    <row r="2631" spans="1:57" x14ac:dyDescent="0.3">
      <c r="A2631" t="s">
        <v>10016</v>
      </c>
      <c r="B2631">
        <v>2378</v>
      </c>
      <c r="C2631" t="s">
        <v>10017</v>
      </c>
      <c r="D2631" t="s">
        <v>10018</v>
      </c>
      <c r="E2631" t="s">
        <v>93</v>
      </c>
      <c r="F2631">
        <v>2390</v>
      </c>
      <c r="G2631">
        <v>128.38326359832641</v>
      </c>
      <c r="H2631">
        <v>128</v>
      </c>
      <c r="I2631">
        <v>5401.8112680100139</v>
      </c>
      <c r="J2631">
        <v>73.497015368040721</v>
      </c>
      <c r="K2631">
        <v>-5.5734719491092426E-3</v>
      </c>
      <c r="L2631">
        <v>-1.1981443132512219</v>
      </c>
      <c r="M2631">
        <v>7.925525140435191</v>
      </c>
      <c r="N2631">
        <v>19</v>
      </c>
      <c r="O2631">
        <v>2</v>
      </c>
      <c r="P2631">
        <v>17</v>
      </c>
      <c r="Q2631">
        <v>2.9850600489929429</v>
      </c>
      <c r="R2631">
        <v>5.4935554055496061</v>
      </c>
      <c r="S2631">
        <v>4</v>
      </c>
      <c r="T2631">
        <v>1</v>
      </c>
      <c r="U2631">
        <v>3</v>
      </c>
      <c r="V2631">
        <v>0.14480987262409051</v>
      </c>
      <c r="W2631">
        <v>7.7525174448350631</v>
      </c>
      <c r="X2631">
        <v>2</v>
      </c>
      <c r="Y2631">
        <v>1</v>
      </c>
      <c r="Z2631">
        <v>1</v>
      </c>
      <c r="AA2631">
        <v>2.0463635930992569E-2</v>
      </c>
      <c r="AB2631">
        <v>7.7776309492356432</v>
      </c>
      <c r="AC2631">
        <v>1</v>
      </c>
      <c r="AD2631">
        <v>1</v>
      </c>
      <c r="AE2631">
        <v>0</v>
      </c>
      <c r="AF2631">
        <v>0</v>
      </c>
      <c r="AG2631">
        <v>7.7777926263388286</v>
      </c>
      <c r="AH2631">
        <v>-2.3500782568416829E-2</v>
      </c>
      <c r="AI2631">
        <v>3.321188500163557E-2</v>
      </c>
      <c r="AJ2631">
        <v>-1.5325606669072039E-2</v>
      </c>
      <c r="AK2631">
        <v>-1.014889531975144E-2</v>
      </c>
      <c r="AL2631">
        <v>3305.798312564722</v>
      </c>
      <c r="AM2631">
        <v>6432.3116775109893</v>
      </c>
      <c r="AN2631">
        <v>306836</v>
      </c>
      <c r="AO2631">
        <v>125.40808172064889</v>
      </c>
      <c r="AP2631">
        <v>2976.1787208733349</v>
      </c>
      <c r="AQ2631">
        <v>1.0096234309623431</v>
      </c>
      <c r="AR2631">
        <v>4.0008368200836824</v>
      </c>
      <c r="AS2631">
        <v>2381</v>
      </c>
      <c r="AT2631">
        <v>244.3364016736401</v>
      </c>
      <c r="AU2631">
        <v>1.0886865206333579E-2</v>
      </c>
      <c r="AV2631">
        <v>-2.3518149561066539E-2</v>
      </c>
      <c r="AW2631">
        <v>0.37531380753138083</v>
      </c>
      <c r="AX2631">
        <v>86.10422771033906</v>
      </c>
      <c r="AY2631">
        <v>63.5</v>
      </c>
      <c r="AZ2631">
        <v>126.75</v>
      </c>
      <c r="BA2631">
        <v>0.57248128227984119</v>
      </c>
      <c r="BB2631">
        <v>0.49539748953974888</v>
      </c>
      <c r="BC2631">
        <v>5.3093157302281666</v>
      </c>
      <c r="BD2631" t="s">
        <v>10019</v>
      </c>
      <c r="BE2631" t="s">
        <v>68</v>
      </c>
    </row>
    <row r="2632" spans="1:57" x14ac:dyDescent="0.3">
      <c r="A2632" t="s">
        <v>10020</v>
      </c>
      <c r="B2632">
        <v>2160</v>
      </c>
      <c r="C2632" t="s">
        <v>10021</v>
      </c>
      <c r="D2632" t="s">
        <v>10022</v>
      </c>
      <c r="E2632" t="s">
        <v>115</v>
      </c>
      <c r="F2632">
        <v>2318</v>
      </c>
      <c r="G2632">
        <v>126.64236410698879</v>
      </c>
      <c r="H2632">
        <v>124</v>
      </c>
      <c r="I2632">
        <v>5572.2202415205747</v>
      </c>
      <c r="J2632">
        <v>74.647305654796241</v>
      </c>
      <c r="K2632">
        <v>3.1480766966506681E-2</v>
      </c>
      <c r="L2632">
        <v>-1.223857393100789</v>
      </c>
      <c r="M2632">
        <v>7.9199673349828066</v>
      </c>
      <c r="N2632">
        <v>18</v>
      </c>
      <c r="O2632">
        <v>2</v>
      </c>
      <c r="P2632">
        <v>16</v>
      </c>
      <c r="Q2632">
        <v>2.9693975445102918</v>
      </c>
      <c r="R2632">
        <v>5.4897030283701982</v>
      </c>
      <c r="S2632">
        <v>3</v>
      </c>
      <c r="T2632">
        <v>1</v>
      </c>
      <c r="U2632">
        <v>2</v>
      </c>
      <c r="V2632">
        <v>0.1176021763801921</v>
      </c>
      <c r="W2632">
        <v>7.7308240624561622</v>
      </c>
      <c r="X2632">
        <v>1</v>
      </c>
      <c r="Y2632">
        <v>1</v>
      </c>
      <c r="Z2632">
        <v>0</v>
      </c>
      <c r="AA2632">
        <v>0</v>
      </c>
      <c r="AB2632">
        <v>7.7475968386928846</v>
      </c>
      <c r="AC2632">
        <v>1</v>
      </c>
      <c r="AD2632">
        <v>1</v>
      </c>
      <c r="AE2632">
        <v>0</v>
      </c>
      <c r="AF2632">
        <v>0</v>
      </c>
      <c r="AG2632">
        <v>7.7471649665203364</v>
      </c>
      <c r="AH2632">
        <v>1.512274323832603E-2</v>
      </c>
      <c r="AI2632">
        <v>2.53238462921137E-3</v>
      </c>
      <c r="AJ2632">
        <v>-5.8748835784473968E-3</v>
      </c>
      <c r="AK2632">
        <v>-1.6223689120742839E-2</v>
      </c>
      <c r="AL2632">
        <v>3310.834485754749</v>
      </c>
      <c r="AM2632">
        <v>6255.5202827532339</v>
      </c>
      <c r="AN2632">
        <v>293557</v>
      </c>
      <c r="AO2632">
        <v>41.763763335907818</v>
      </c>
      <c r="AP2632">
        <v>2979.3304214146392</v>
      </c>
      <c r="AQ2632">
        <v>1.009922346850733</v>
      </c>
      <c r="AR2632">
        <v>4</v>
      </c>
      <c r="AS2632">
        <v>2309</v>
      </c>
      <c r="AT2632">
        <v>249.2890422778257</v>
      </c>
      <c r="AU2632">
        <v>1.6880678069329549E-2</v>
      </c>
      <c r="AV2632">
        <v>1.5126949535283639E-2</v>
      </c>
      <c r="AW2632">
        <v>0.37489214840379642</v>
      </c>
      <c r="AX2632">
        <v>85.148467846353043</v>
      </c>
      <c r="AY2632">
        <v>66</v>
      </c>
      <c r="AZ2632">
        <v>131</v>
      </c>
      <c r="BA2632">
        <v>0.58943392427302943</v>
      </c>
      <c r="BB2632">
        <v>0.4913718723037101</v>
      </c>
      <c r="BC2632">
        <v>5.3009155492659419</v>
      </c>
      <c r="BD2632" t="s">
        <v>10023</v>
      </c>
      <c r="BE2632" t="s">
        <v>68</v>
      </c>
    </row>
    <row r="2633" spans="1:57" x14ac:dyDescent="0.3">
      <c r="A2633" t="s">
        <v>10024</v>
      </c>
      <c r="B2633">
        <v>3253</v>
      </c>
      <c r="C2633" t="s">
        <v>10025</v>
      </c>
      <c r="D2633" t="s">
        <v>10026</v>
      </c>
      <c r="E2633" t="s">
        <v>98</v>
      </c>
      <c r="F2633">
        <v>16</v>
      </c>
      <c r="G2633">
        <v>131.0625</v>
      </c>
      <c r="H2633">
        <v>126.5</v>
      </c>
      <c r="I2633">
        <v>6339.93359375</v>
      </c>
      <c r="J2633">
        <v>79.623699950140477</v>
      </c>
      <c r="K2633">
        <v>2.095742685930475E-3</v>
      </c>
      <c r="L2633">
        <v>-1.37804675546503</v>
      </c>
      <c r="M2633">
        <v>3.5778195311147831</v>
      </c>
      <c r="N2633">
        <v>3</v>
      </c>
      <c r="O2633">
        <v>1</v>
      </c>
      <c r="P2633">
        <v>2</v>
      </c>
      <c r="Q2633">
        <v>0.57563959796522168</v>
      </c>
      <c r="R2633">
        <v>2.4799555205445181</v>
      </c>
      <c r="S2633">
        <v>2</v>
      </c>
      <c r="T2633">
        <v>1</v>
      </c>
      <c r="U2633">
        <v>1</v>
      </c>
      <c r="V2633">
        <v>0.25753937681885641</v>
      </c>
      <c r="W2633">
        <v>2.615630577027551</v>
      </c>
      <c r="X2633">
        <v>1</v>
      </c>
      <c r="Y2633">
        <v>1</v>
      </c>
      <c r="Z2633">
        <v>0</v>
      </c>
      <c r="AA2633">
        <v>0</v>
      </c>
      <c r="AB2633">
        <v>2.639057329615258</v>
      </c>
      <c r="AC2633">
        <v>1</v>
      </c>
      <c r="AD2633">
        <v>1</v>
      </c>
      <c r="AE2633">
        <v>0</v>
      </c>
      <c r="AF2633">
        <v>0</v>
      </c>
      <c r="AG2633">
        <v>2.5649493574615372</v>
      </c>
      <c r="AH2633">
        <v>-0.12495020865385149</v>
      </c>
      <c r="AI2633">
        <v>-0.2330411368169151</v>
      </c>
      <c r="AJ2633">
        <v>-0.114109481196508</v>
      </c>
      <c r="AK2633">
        <v>8.5572031326727957E-2</v>
      </c>
      <c r="AL2633">
        <v>412.843259732673</v>
      </c>
      <c r="AM2633">
        <v>453.69311532499671</v>
      </c>
      <c r="AN2633">
        <v>2097</v>
      </c>
      <c r="AO2633">
        <v>2.0938518307802698</v>
      </c>
      <c r="AP2633">
        <v>308.68649600287972</v>
      </c>
      <c r="AQ2633">
        <v>2.25</v>
      </c>
      <c r="AR2633">
        <v>4.3125</v>
      </c>
      <c r="AS2633">
        <v>14</v>
      </c>
      <c r="AT2633">
        <v>3.5</v>
      </c>
      <c r="AU2633">
        <v>0.20564516129032259</v>
      </c>
      <c r="AV2633">
        <v>-0.12821024300888259</v>
      </c>
      <c r="AW2633">
        <v>0.375</v>
      </c>
      <c r="AX2633">
        <v>97.066666666666663</v>
      </c>
      <c r="AY2633">
        <v>80.5</v>
      </c>
      <c r="AZ2633">
        <v>144.75</v>
      </c>
      <c r="BA2633">
        <v>0.60752465388757637</v>
      </c>
      <c r="BB2633">
        <v>0.4375</v>
      </c>
      <c r="BC2633">
        <v>2.615630577027551</v>
      </c>
      <c r="BD2633" t="s">
        <v>10025</v>
      </c>
      <c r="BE2633" t="s">
        <v>62</v>
      </c>
    </row>
    <row r="2634" spans="1:57" x14ac:dyDescent="0.3">
      <c r="A2634" t="s">
        <v>10027</v>
      </c>
      <c r="B2634">
        <v>3595</v>
      </c>
      <c r="C2634" t="s">
        <v>10028</v>
      </c>
      <c r="D2634" t="s">
        <v>10029</v>
      </c>
      <c r="E2634" t="s">
        <v>72</v>
      </c>
      <c r="F2634">
        <v>3664</v>
      </c>
      <c r="G2634">
        <v>128.80021834061139</v>
      </c>
      <c r="H2634">
        <v>130</v>
      </c>
      <c r="I2634">
        <v>5538.6238427470871</v>
      </c>
      <c r="J2634">
        <v>74.421931194689421</v>
      </c>
      <c r="K2634">
        <v>-4.3816512771992638E-2</v>
      </c>
      <c r="L2634">
        <v>-1.209440873463816</v>
      </c>
      <c r="M2634">
        <v>7.9482572392659199</v>
      </c>
      <c r="N2634">
        <v>29</v>
      </c>
      <c r="O2634">
        <v>3</v>
      </c>
      <c r="P2634">
        <v>26</v>
      </c>
      <c r="Q2634">
        <v>3.7940125526940469</v>
      </c>
      <c r="R2634">
        <v>5.509312095762354</v>
      </c>
      <c r="S2634">
        <v>3</v>
      </c>
      <c r="T2634">
        <v>1</v>
      </c>
      <c r="U2634">
        <v>2</v>
      </c>
      <c r="V2634">
        <v>0.17487708147832731</v>
      </c>
      <c r="W2634">
        <v>8.1648785251898204</v>
      </c>
      <c r="X2634">
        <v>2</v>
      </c>
      <c r="Y2634">
        <v>1</v>
      </c>
      <c r="Z2634">
        <v>1</v>
      </c>
      <c r="AA2634">
        <v>4.0477704012441863E-2</v>
      </c>
      <c r="AB2634">
        <v>8.2034933527148688</v>
      </c>
      <c r="AC2634">
        <v>2</v>
      </c>
      <c r="AD2634">
        <v>1</v>
      </c>
      <c r="AE2634">
        <v>1</v>
      </c>
      <c r="AF2634">
        <v>3.6955980695833952E-2</v>
      </c>
      <c r="AG2634">
        <v>8.2035982856671872</v>
      </c>
      <c r="AH2634">
        <v>4.216733563887431E-3</v>
      </c>
      <c r="AI2634">
        <v>-2.0665096205558019E-2</v>
      </c>
      <c r="AJ2634">
        <v>-1.0400677309606221E-3</v>
      </c>
      <c r="AK2634">
        <v>-9.7443285118237292E-3</v>
      </c>
      <c r="AL2634">
        <v>4075.5976696879879</v>
      </c>
      <c r="AM2634">
        <v>8029.1304407659127</v>
      </c>
      <c r="AN2634">
        <v>471923.99999999988</v>
      </c>
      <c r="AO2634">
        <v>35.815951414414059</v>
      </c>
      <c r="AP2634">
        <v>3664.561227414456</v>
      </c>
      <c r="AQ2634">
        <v>1.006277292576419</v>
      </c>
      <c r="AR2634">
        <v>4.0073689956331879</v>
      </c>
      <c r="AS2634">
        <v>3646</v>
      </c>
      <c r="AT2634">
        <v>257.46724890829688</v>
      </c>
      <c r="AU2634">
        <v>2.1440191797242991E-2</v>
      </c>
      <c r="AV2634">
        <v>4.2183914680073023E-3</v>
      </c>
      <c r="AW2634">
        <v>0.35835152838427953</v>
      </c>
      <c r="AX2634">
        <v>85.595959595959599</v>
      </c>
      <c r="AY2634">
        <v>64.5</v>
      </c>
      <c r="AZ2634">
        <v>129</v>
      </c>
      <c r="BA2634">
        <v>0.57780904530674859</v>
      </c>
      <c r="BB2634">
        <v>0.50900655021834063</v>
      </c>
      <c r="BC2634">
        <v>5.3261554737426522</v>
      </c>
      <c r="BD2634" t="s">
        <v>10030</v>
      </c>
      <c r="BE2634" t="s">
        <v>62</v>
      </c>
    </row>
    <row r="2635" spans="1:57" x14ac:dyDescent="0.3">
      <c r="A2635" t="s">
        <v>10031</v>
      </c>
      <c r="B2635">
        <v>512</v>
      </c>
      <c r="C2635" t="s">
        <v>10032</v>
      </c>
      <c r="D2635" t="s">
        <v>10033</v>
      </c>
      <c r="E2635" t="s">
        <v>72</v>
      </c>
      <c r="F2635">
        <v>528</v>
      </c>
      <c r="G2635">
        <v>126.24242424242421</v>
      </c>
      <c r="H2635">
        <v>127.5</v>
      </c>
      <c r="I2635">
        <v>5126.6457759412306</v>
      </c>
      <c r="J2635">
        <v>71.600598991497478</v>
      </c>
      <c r="K2635">
        <v>-2.8306775377212209E-2</v>
      </c>
      <c r="L2635">
        <v>-1.0755219938545419</v>
      </c>
      <c r="M2635">
        <v>7.6652835626817311</v>
      </c>
      <c r="N2635">
        <v>6</v>
      </c>
      <c r="O2635">
        <v>1</v>
      </c>
      <c r="P2635">
        <v>5</v>
      </c>
      <c r="Q2635">
        <v>1.160763714438104</v>
      </c>
      <c r="R2635">
        <v>5.3131696896653438</v>
      </c>
      <c r="S2635">
        <v>2</v>
      </c>
      <c r="T2635">
        <v>1</v>
      </c>
      <c r="U2635">
        <v>1</v>
      </c>
      <c r="V2635">
        <v>6.1603663347795143E-2</v>
      </c>
      <c r="W2635">
        <v>6.2619394693720256</v>
      </c>
      <c r="X2635">
        <v>1</v>
      </c>
      <c r="Y2635">
        <v>1</v>
      </c>
      <c r="Z2635">
        <v>0</v>
      </c>
      <c r="AA2635">
        <v>0</v>
      </c>
      <c r="AB2635">
        <v>6.2653012127377092</v>
      </c>
      <c r="AC2635">
        <v>1</v>
      </c>
      <c r="AD2635">
        <v>1</v>
      </c>
      <c r="AE2635">
        <v>0</v>
      </c>
      <c r="AF2635">
        <v>0</v>
      </c>
      <c r="AG2635">
        <v>6.2633982625916236</v>
      </c>
      <c r="AH2635">
        <v>-4.8129731586496471E-2</v>
      </c>
      <c r="AI2635">
        <v>-5.1424726458956967E-2</v>
      </c>
      <c r="AJ2635">
        <v>7.3648022347803802E-3</v>
      </c>
      <c r="AK2635">
        <v>1.398259357664452E-2</v>
      </c>
      <c r="AL2635">
        <v>1601.5458271623299</v>
      </c>
      <c r="AM2635">
        <v>2925.1897311967532</v>
      </c>
      <c r="AN2635">
        <v>66656</v>
      </c>
      <c r="AO2635">
        <v>94.574983531447657</v>
      </c>
      <c r="AP2635">
        <v>1465.3791979188211</v>
      </c>
      <c r="AQ2635">
        <v>1.043560606060606</v>
      </c>
      <c r="AR2635">
        <v>3.9715909090909092</v>
      </c>
      <c r="AS2635">
        <v>526</v>
      </c>
      <c r="AT2635">
        <v>134.99242424242419</v>
      </c>
      <c r="AU2635">
        <v>4.3605169340463427E-2</v>
      </c>
      <c r="AV2635">
        <v>-4.8172188198262439E-2</v>
      </c>
      <c r="AW2635">
        <v>0.35795454545454553</v>
      </c>
      <c r="AX2635">
        <v>84.098671726755214</v>
      </c>
      <c r="AY2635">
        <v>56.5</v>
      </c>
      <c r="AZ2635">
        <v>112.25</v>
      </c>
      <c r="BA2635">
        <v>0.56716749081118978</v>
      </c>
      <c r="BB2635">
        <v>0.50378787878787878</v>
      </c>
      <c r="BC2635">
        <v>5.0932011994133122</v>
      </c>
      <c r="BD2635" t="s">
        <v>10034</v>
      </c>
      <c r="BE2635" t="s">
        <v>62</v>
      </c>
    </row>
    <row r="2636" spans="1:57" x14ac:dyDescent="0.3">
      <c r="A2636" t="s">
        <v>10035</v>
      </c>
      <c r="B2636">
        <v>1042</v>
      </c>
      <c r="C2636" t="s">
        <v>10036</v>
      </c>
      <c r="D2636" t="s">
        <v>10037</v>
      </c>
      <c r="E2636" t="s">
        <v>66</v>
      </c>
      <c r="F2636">
        <v>71</v>
      </c>
      <c r="G2636">
        <v>113.8450704225352</v>
      </c>
      <c r="H2636">
        <v>116</v>
      </c>
      <c r="I2636">
        <v>5905.5393771077152</v>
      </c>
      <c r="J2636">
        <v>76.84750729273992</v>
      </c>
      <c r="K2636">
        <v>0.1333609167433403</v>
      </c>
      <c r="L2636">
        <v>-1.257325142077542</v>
      </c>
      <c r="M2636">
        <v>5.9137627884882908</v>
      </c>
      <c r="N2636">
        <v>3</v>
      </c>
      <c r="O2636">
        <v>1</v>
      </c>
      <c r="P2636">
        <v>2</v>
      </c>
      <c r="Q2636">
        <v>0.37763102391651798</v>
      </c>
      <c r="R2636">
        <v>4.0991080033409828</v>
      </c>
      <c r="S2636">
        <v>1</v>
      </c>
      <c r="T2636">
        <v>1</v>
      </c>
      <c r="U2636">
        <v>0</v>
      </c>
      <c r="V2636">
        <v>0</v>
      </c>
      <c r="W2636">
        <v>4.2484952420493576</v>
      </c>
      <c r="X2636">
        <v>1</v>
      </c>
      <c r="Y2636">
        <v>1</v>
      </c>
      <c r="Z2636">
        <v>0</v>
      </c>
      <c r="AA2636">
        <v>0</v>
      </c>
      <c r="AB2636">
        <v>4.2341065045972579</v>
      </c>
      <c r="AC2636">
        <v>1</v>
      </c>
      <c r="AD2636">
        <v>1</v>
      </c>
      <c r="AE2636">
        <v>0</v>
      </c>
      <c r="AF2636">
        <v>0</v>
      </c>
      <c r="AG2636">
        <v>4.2195077051761087</v>
      </c>
      <c r="AH2636">
        <v>-9.3197181959334158E-2</v>
      </c>
      <c r="AI2636">
        <v>0.133630033941393</v>
      </c>
      <c r="AJ2636">
        <v>-0.108100958914865</v>
      </c>
      <c r="AK2636">
        <v>7.860157177101483E-2</v>
      </c>
      <c r="AL2636">
        <v>669.7403111394691</v>
      </c>
      <c r="AM2636">
        <v>943.90196293619772</v>
      </c>
      <c r="AN2636">
        <v>8083</v>
      </c>
      <c r="AO2636">
        <v>84.82751548384762</v>
      </c>
      <c r="AP2636">
        <v>515.26020435745238</v>
      </c>
      <c r="AQ2636">
        <v>1.323943661971831</v>
      </c>
      <c r="AR2636">
        <v>3.71830985915493</v>
      </c>
      <c r="AS2636">
        <v>70</v>
      </c>
      <c r="AT2636">
        <v>7.971830985915493</v>
      </c>
      <c r="AU2636">
        <v>0.132083841632472</v>
      </c>
      <c r="AV2636">
        <v>-9.4623114980037379E-2</v>
      </c>
      <c r="AW2636">
        <v>0.39436619718309862</v>
      </c>
      <c r="AX2636">
        <v>95.671428571428578</v>
      </c>
      <c r="AY2636">
        <v>78</v>
      </c>
      <c r="AZ2636">
        <v>145.5</v>
      </c>
      <c r="BA2636">
        <v>0.67501831223364273</v>
      </c>
      <c r="BB2636">
        <v>0.52112676056338025</v>
      </c>
      <c r="BC2636">
        <v>4.0751116538138126</v>
      </c>
      <c r="BD2636" t="s">
        <v>10038</v>
      </c>
      <c r="BE2636" t="s">
        <v>68</v>
      </c>
    </row>
    <row r="2637" spans="1:57" x14ac:dyDescent="0.3">
      <c r="A2637" t="s">
        <v>10039</v>
      </c>
      <c r="B2637">
        <v>2344</v>
      </c>
      <c r="C2637" t="s">
        <v>10040</v>
      </c>
      <c r="D2637" t="s">
        <v>10041</v>
      </c>
      <c r="E2637" t="s">
        <v>72</v>
      </c>
      <c r="F2637">
        <v>2360</v>
      </c>
      <c r="G2637">
        <v>129.3987288135593</v>
      </c>
      <c r="H2637">
        <v>130</v>
      </c>
      <c r="I2637">
        <v>5467.8007610959494</v>
      </c>
      <c r="J2637">
        <v>73.94457898383051</v>
      </c>
      <c r="K2637">
        <v>-2.2228670920540549E-2</v>
      </c>
      <c r="L2637">
        <v>-1.201469489849883</v>
      </c>
      <c r="M2637">
        <v>7.9400032754359033</v>
      </c>
      <c r="N2637">
        <v>18</v>
      </c>
      <c r="O2637">
        <v>2</v>
      </c>
      <c r="P2637">
        <v>16</v>
      </c>
      <c r="Q2637">
        <v>2.6544111281977401</v>
      </c>
      <c r="R2637">
        <v>5.5035908840051242</v>
      </c>
      <c r="S2637">
        <v>3</v>
      </c>
      <c r="T2637">
        <v>1</v>
      </c>
      <c r="U2637">
        <v>2</v>
      </c>
      <c r="V2637">
        <v>0.15823333735481809</v>
      </c>
      <c r="W2637">
        <v>7.73322805772513</v>
      </c>
      <c r="X2637">
        <v>2</v>
      </c>
      <c r="Y2637">
        <v>1</v>
      </c>
      <c r="Z2637">
        <v>1</v>
      </c>
      <c r="AA2637">
        <v>7.1336704250544003E-2</v>
      </c>
      <c r="AB2637">
        <v>7.7585141479618462</v>
      </c>
      <c r="AC2637">
        <v>2</v>
      </c>
      <c r="AD2637">
        <v>1</v>
      </c>
      <c r="AE2637">
        <v>1</v>
      </c>
      <c r="AF2637">
        <v>6.5135277329008867E-2</v>
      </c>
      <c r="AG2637">
        <v>7.7592632976704561</v>
      </c>
      <c r="AH2637">
        <v>-1.8439282258623221E-2</v>
      </c>
      <c r="AI2637">
        <v>-2.5406112961699622E-3</v>
      </c>
      <c r="AJ2637">
        <v>-1.1558390112928019E-2</v>
      </c>
      <c r="AK2637">
        <v>-6.9570323811859631E-3</v>
      </c>
      <c r="AL2637">
        <v>3290.9070708348299</v>
      </c>
      <c r="AM2637">
        <v>6449.0195883660735</v>
      </c>
      <c r="AN2637">
        <v>305381</v>
      </c>
      <c r="AO2637">
        <v>140.83655910860179</v>
      </c>
      <c r="AP2637">
        <v>2998.7534585090898</v>
      </c>
      <c r="AQ2637">
        <v>1.009745762711864</v>
      </c>
      <c r="AR2637">
        <v>4.0050847457627121</v>
      </c>
      <c r="AS2637">
        <v>2349</v>
      </c>
      <c r="AT2637">
        <v>195.66101694915261</v>
      </c>
      <c r="AU2637">
        <v>2.0347291458956421E-2</v>
      </c>
      <c r="AV2637">
        <v>-1.8453532312569711E-2</v>
      </c>
      <c r="AW2637">
        <v>0.3677966101694915</v>
      </c>
      <c r="AX2637">
        <v>86.677405680373042</v>
      </c>
      <c r="AY2637">
        <v>64</v>
      </c>
      <c r="AZ2637">
        <v>128</v>
      </c>
      <c r="BA2637">
        <v>0.57144749150025709</v>
      </c>
      <c r="BB2637">
        <v>0.5021186440677966</v>
      </c>
      <c r="BC2637">
        <v>5.3083966390329538</v>
      </c>
      <c r="BD2637" t="s">
        <v>10042</v>
      </c>
      <c r="BE2637" t="s">
        <v>68</v>
      </c>
    </row>
    <row r="2638" spans="1:57" x14ac:dyDescent="0.3">
      <c r="A2638" t="s">
        <v>10043</v>
      </c>
      <c r="B2638">
        <v>661</v>
      </c>
      <c r="C2638" t="s">
        <v>10044</v>
      </c>
      <c r="D2638" t="s">
        <v>10045</v>
      </c>
      <c r="E2638" t="s">
        <v>85</v>
      </c>
      <c r="F2638">
        <v>8</v>
      </c>
      <c r="G2638">
        <v>139</v>
      </c>
      <c r="H2638">
        <v>110</v>
      </c>
      <c r="I2638">
        <v>5486</v>
      </c>
      <c r="J2638">
        <v>74.06753674856482</v>
      </c>
      <c r="K2638">
        <v>0.1821350360292576</v>
      </c>
      <c r="L2638">
        <v>-1.497376595367734</v>
      </c>
      <c r="M2638">
        <v>2.75</v>
      </c>
      <c r="N2638">
        <v>2</v>
      </c>
      <c r="O2638">
        <v>1</v>
      </c>
      <c r="P2638">
        <v>1</v>
      </c>
      <c r="Q2638">
        <v>0.3499271061118826</v>
      </c>
      <c r="R2638">
        <v>1.9061547465398501</v>
      </c>
      <c r="S2638">
        <v>1</v>
      </c>
      <c r="T2638">
        <v>1</v>
      </c>
      <c r="U2638">
        <v>0</v>
      </c>
      <c r="V2638">
        <v>0</v>
      </c>
      <c r="W2638">
        <v>1.945910149055313</v>
      </c>
      <c r="X2638">
        <v>1</v>
      </c>
      <c r="Y2638">
        <v>1</v>
      </c>
      <c r="Z2638">
        <v>0</v>
      </c>
      <c r="AA2638">
        <v>0</v>
      </c>
      <c r="AB2638">
        <v>1.791759469228055</v>
      </c>
      <c r="AC2638">
        <v>1</v>
      </c>
      <c r="AD2638">
        <v>1</v>
      </c>
      <c r="AE2638">
        <v>0</v>
      </c>
      <c r="AF2638">
        <v>0</v>
      </c>
      <c r="AG2638">
        <v>1.6094379124341009</v>
      </c>
      <c r="AH2638">
        <v>0.22726029894276339</v>
      </c>
      <c r="AI2638">
        <v>-0.34319176084578928</v>
      </c>
      <c r="AJ2638">
        <v>0.2251412686839227</v>
      </c>
      <c r="AK2638">
        <v>0</v>
      </c>
      <c r="AL2638">
        <v>329.7329768856697</v>
      </c>
      <c r="AM2638">
        <v>299.55327398330058</v>
      </c>
      <c r="AN2638">
        <v>1112</v>
      </c>
      <c r="AO2638">
        <v>140</v>
      </c>
      <c r="AP2638">
        <v>250.00799987200409</v>
      </c>
      <c r="AQ2638">
        <v>3.5</v>
      </c>
      <c r="AR2638">
        <v>4.25</v>
      </c>
      <c r="AS2638">
        <v>8</v>
      </c>
      <c r="AT2638">
        <v>0.75</v>
      </c>
      <c r="AU2638">
        <v>0.24583333333333329</v>
      </c>
      <c r="AV2638">
        <v>0.27912295704413642</v>
      </c>
      <c r="AW2638">
        <v>0.375</v>
      </c>
      <c r="AX2638">
        <v>78.571428571428569</v>
      </c>
      <c r="AY2638">
        <v>51</v>
      </c>
      <c r="AZ2638">
        <v>135.75</v>
      </c>
      <c r="BA2638">
        <v>0.53285997660838003</v>
      </c>
      <c r="BB2638">
        <v>0.375</v>
      </c>
      <c r="BC2638">
        <v>1.945910149055313</v>
      </c>
      <c r="BD2638" t="s">
        <v>10044</v>
      </c>
      <c r="BE2638" t="s">
        <v>68</v>
      </c>
    </row>
    <row r="2639" spans="1:57" x14ac:dyDescent="0.3">
      <c r="A2639" t="s">
        <v>10046</v>
      </c>
      <c r="B2639">
        <v>1673</v>
      </c>
      <c r="C2639" t="s">
        <v>10047</v>
      </c>
      <c r="D2639" t="s">
        <v>10048</v>
      </c>
      <c r="E2639" t="s">
        <v>72</v>
      </c>
      <c r="F2639">
        <v>1680</v>
      </c>
      <c r="G2639">
        <v>130.9916666666667</v>
      </c>
      <c r="H2639">
        <v>133</v>
      </c>
      <c r="I2639">
        <v>5346.7785019841267</v>
      </c>
      <c r="J2639">
        <v>73.121669168476501</v>
      </c>
      <c r="K2639">
        <v>-7.0884264074345504E-2</v>
      </c>
      <c r="L2639">
        <v>-1.1741295490494279</v>
      </c>
      <c r="M2639">
        <v>7.8929781399554253</v>
      </c>
      <c r="N2639">
        <v>14</v>
      </c>
      <c r="O2639">
        <v>1</v>
      </c>
      <c r="P2639">
        <v>13</v>
      </c>
      <c r="Q2639">
        <v>2.4316255402849531</v>
      </c>
      <c r="R2639">
        <v>5.4709955439313758</v>
      </c>
      <c r="S2639">
        <v>2</v>
      </c>
      <c r="T2639">
        <v>1</v>
      </c>
      <c r="U2639">
        <v>1</v>
      </c>
      <c r="V2639">
        <v>0.16724125112384869</v>
      </c>
      <c r="W2639">
        <v>7.3871473229663831</v>
      </c>
      <c r="X2639">
        <v>2</v>
      </c>
      <c r="Y2639">
        <v>1</v>
      </c>
      <c r="Z2639">
        <v>1</v>
      </c>
      <c r="AA2639">
        <v>0.1091660057587336</v>
      </c>
      <c r="AB2639">
        <v>7.4088347122819798</v>
      </c>
      <c r="AC2639">
        <v>2</v>
      </c>
      <c r="AD2639">
        <v>1</v>
      </c>
      <c r="AE2639">
        <v>1</v>
      </c>
      <c r="AF2639">
        <v>0.10359627911321879</v>
      </c>
      <c r="AG2639">
        <v>7.4098820370169136</v>
      </c>
      <c r="AH2639">
        <v>-4.1880657143448442E-2</v>
      </c>
      <c r="AI2639">
        <v>2.661805851126104E-2</v>
      </c>
      <c r="AJ2639">
        <v>1.137183043975277E-2</v>
      </c>
      <c r="AK2639">
        <v>2.6308683055288221E-2</v>
      </c>
      <c r="AL2639">
        <v>2797.6785545075618</v>
      </c>
      <c r="AM2639">
        <v>5475.6182030569371</v>
      </c>
      <c r="AN2639">
        <v>220066</v>
      </c>
      <c r="AO2639">
        <v>101.3795464183985</v>
      </c>
      <c r="AP2639">
        <v>2543.5918975754689</v>
      </c>
      <c r="AQ2639">
        <v>1.0136904761904759</v>
      </c>
      <c r="AR2639">
        <v>4.0321428571428566</v>
      </c>
      <c r="AS2639">
        <v>1672</v>
      </c>
      <c r="AT2639">
        <v>228.85714285714289</v>
      </c>
      <c r="AU2639">
        <v>3.172268907563025E-2</v>
      </c>
      <c r="AV2639">
        <v>-4.1891141581686407E-2</v>
      </c>
      <c r="AW2639">
        <v>0.3613095238095238</v>
      </c>
      <c r="AX2639">
        <v>87.044669446098865</v>
      </c>
      <c r="AY2639">
        <v>62</v>
      </c>
      <c r="AZ2639">
        <v>123.25</v>
      </c>
      <c r="BA2639">
        <v>0.55821619061118266</v>
      </c>
      <c r="BB2639">
        <v>0.5083333333333333</v>
      </c>
      <c r="BC2639">
        <v>5.2937804767383678</v>
      </c>
      <c r="BD2639" t="s">
        <v>10049</v>
      </c>
      <c r="BE2639" t="s">
        <v>3687</v>
      </c>
    </row>
    <row r="2640" spans="1:57" x14ac:dyDescent="0.3">
      <c r="A2640" t="s">
        <v>10050</v>
      </c>
      <c r="B2640">
        <v>2471</v>
      </c>
      <c r="C2640" t="s">
        <v>10051</v>
      </c>
      <c r="D2640" t="s">
        <v>10052</v>
      </c>
      <c r="E2640" t="s">
        <v>72</v>
      </c>
      <c r="F2640">
        <v>2472</v>
      </c>
      <c r="G2640">
        <v>124.2419093851133</v>
      </c>
      <c r="H2640">
        <v>122</v>
      </c>
      <c r="I2640">
        <v>5388.3905089756072</v>
      </c>
      <c r="J2640">
        <v>73.405657200079659</v>
      </c>
      <c r="K2640">
        <v>3.9111166663298808E-2</v>
      </c>
      <c r="L2640">
        <v>-1.1796119223823389</v>
      </c>
      <c r="M2640">
        <v>7.9290541029621382</v>
      </c>
      <c r="N2640">
        <v>19</v>
      </c>
      <c r="O2640">
        <v>4</v>
      </c>
      <c r="P2640">
        <v>15</v>
      </c>
      <c r="Q2640">
        <v>3.0154225968344801</v>
      </c>
      <c r="R2640">
        <v>5.4960014959754746</v>
      </c>
      <c r="S2640">
        <v>3</v>
      </c>
      <c r="T2640">
        <v>1</v>
      </c>
      <c r="U2640">
        <v>2</v>
      </c>
      <c r="V2640">
        <v>0.1546036516359246</v>
      </c>
      <c r="W2640">
        <v>7.7810982844389853</v>
      </c>
      <c r="X2640">
        <v>1</v>
      </c>
      <c r="Y2640">
        <v>1</v>
      </c>
      <c r="Z2640">
        <v>0</v>
      </c>
      <c r="AA2640">
        <v>0</v>
      </c>
      <c r="AB2640">
        <v>7.8119734296220216</v>
      </c>
      <c r="AC2640">
        <v>1</v>
      </c>
      <c r="AD2640">
        <v>1</v>
      </c>
      <c r="AE2640">
        <v>0</v>
      </c>
      <c r="AF2640">
        <v>0</v>
      </c>
      <c r="AG2640">
        <v>7.8115684893451824</v>
      </c>
      <c r="AH2640">
        <v>8.8016782087725811E-3</v>
      </c>
      <c r="AI2640">
        <v>1.9265071157988381E-2</v>
      </c>
      <c r="AJ2640">
        <v>1.382157838284221E-2</v>
      </c>
      <c r="AK2640">
        <v>2.0709227005881198E-3</v>
      </c>
      <c r="AL2640">
        <v>3370.5668468556719</v>
      </c>
      <c r="AM2640">
        <v>6333.8220002520911</v>
      </c>
      <c r="AN2640">
        <v>307126</v>
      </c>
      <c r="AO2640">
        <v>99.092259586797994</v>
      </c>
      <c r="AP2640">
        <v>3110.4723967072382</v>
      </c>
      <c r="AQ2640">
        <v>1.0093042071197409</v>
      </c>
      <c r="AR2640">
        <v>3.9579288025889969</v>
      </c>
      <c r="AS2640">
        <v>2464</v>
      </c>
      <c r="AT2640">
        <v>241.06148867313911</v>
      </c>
      <c r="AU2640">
        <v>2.4052922139729649E-2</v>
      </c>
      <c r="AV2640">
        <v>8.8023660934625752E-3</v>
      </c>
      <c r="AW2640">
        <v>0.38147249190938509</v>
      </c>
      <c r="AX2640">
        <v>84.92836908134359</v>
      </c>
      <c r="AY2640">
        <v>63</v>
      </c>
      <c r="AZ2640">
        <v>125</v>
      </c>
      <c r="BA2640">
        <v>0.59082846974400383</v>
      </c>
      <c r="BB2640">
        <v>0.49190938511326859</v>
      </c>
      <c r="BC2640">
        <v>5.2998550602587251</v>
      </c>
      <c r="BD2640" t="s">
        <v>10053</v>
      </c>
      <c r="BE2640" t="s">
        <v>68</v>
      </c>
    </row>
    <row r="2641" spans="1:57" x14ac:dyDescent="0.3">
      <c r="A2641" t="s">
        <v>10054</v>
      </c>
      <c r="B2641">
        <v>819</v>
      </c>
      <c r="C2641" t="s">
        <v>10055</v>
      </c>
      <c r="D2641" t="s">
        <v>10056</v>
      </c>
      <c r="E2641" t="s">
        <v>98</v>
      </c>
      <c r="F2641">
        <v>16</v>
      </c>
      <c r="G2641">
        <v>109.8125</v>
      </c>
      <c r="H2641">
        <v>97.5</v>
      </c>
      <c r="I2641">
        <v>4867.15234375</v>
      </c>
      <c r="J2641">
        <v>69.764979350315869</v>
      </c>
      <c r="K2641">
        <v>4.3700621041031347E-2</v>
      </c>
      <c r="L2641">
        <v>-1.3523248825924681</v>
      </c>
      <c r="M2641">
        <v>4</v>
      </c>
      <c r="N2641">
        <v>1</v>
      </c>
      <c r="O2641">
        <v>1</v>
      </c>
      <c r="P2641">
        <v>0</v>
      </c>
      <c r="Q2641">
        <v>0</v>
      </c>
      <c r="R2641">
        <v>2.7725887222397811</v>
      </c>
      <c r="S2641">
        <v>1</v>
      </c>
      <c r="T2641">
        <v>1</v>
      </c>
      <c r="U2641">
        <v>0</v>
      </c>
      <c r="V2641">
        <v>0</v>
      </c>
      <c r="W2641">
        <v>2.7080502011022101</v>
      </c>
      <c r="X2641">
        <v>1</v>
      </c>
      <c r="Y2641">
        <v>1</v>
      </c>
      <c r="Z2641">
        <v>0</v>
      </c>
      <c r="AA2641">
        <v>0</v>
      </c>
      <c r="AB2641">
        <v>2.639057329615258</v>
      </c>
      <c r="AC2641">
        <v>1</v>
      </c>
      <c r="AD2641">
        <v>1</v>
      </c>
      <c r="AE2641">
        <v>0</v>
      </c>
      <c r="AF2641">
        <v>0</v>
      </c>
      <c r="AG2641">
        <v>2.5649493574615372</v>
      </c>
      <c r="AH2641">
        <v>-0.23049970866563241</v>
      </c>
      <c r="AI2641">
        <v>-8.7971040721802965E-2</v>
      </c>
      <c r="AJ2641">
        <v>3.4696779511248482E-3</v>
      </c>
      <c r="AK2641">
        <v>-2.4568897367637489E-2</v>
      </c>
      <c r="AL2641">
        <v>374.07931571277828</v>
      </c>
      <c r="AM2641">
        <v>361.77294751799712</v>
      </c>
      <c r="AN2641">
        <v>1757</v>
      </c>
      <c r="AO2641">
        <v>197.04060495238031</v>
      </c>
      <c r="AP2641">
        <v>288.12122511711618</v>
      </c>
      <c r="AQ2641">
        <v>2.25</v>
      </c>
      <c r="AR2641">
        <v>3.9375</v>
      </c>
      <c r="AS2641">
        <v>16</v>
      </c>
      <c r="AT2641">
        <v>0</v>
      </c>
      <c r="AU2641">
        <v>0.17822966507177029</v>
      </c>
      <c r="AV2641">
        <v>-0.2469639076165544</v>
      </c>
      <c r="AW2641">
        <v>0.375</v>
      </c>
      <c r="AX2641">
        <v>87.266666666666666</v>
      </c>
      <c r="AY2641">
        <v>61.5</v>
      </c>
      <c r="AZ2641">
        <v>124.25</v>
      </c>
      <c r="BA2641">
        <v>0.63530999977521563</v>
      </c>
      <c r="BB2641">
        <v>0.4375</v>
      </c>
      <c r="BC2641">
        <v>2.615630577027551</v>
      </c>
      <c r="BD2641" t="s">
        <v>10055</v>
      </c>
      <c r="BE2641" t="s">
        <v>62</v>
      </c>
    </row>
    <row r="2642" spans="1:57" x14ac:dyDescent="0.3">
      <c r="A2642" t="s">
        <v>10057</v>
      </c>
      <c r="B2642">
        <v>2012</v>
      </c>
      <c r="C2642" t="s">
        <v>10058</v>
      </c>
      <c r="D2642" t="s">
        <v>10059</v>
      </c>
      <c r="E2642" t="s">
        <v>128</v>
      </c>
      <c r="F2642">
        <v>32</v>
      </c>
      <c r="G2642">
        <v>147.84375</v>
      </c>
      <c r="H2642">
        <v>156.5</v>
      </c>
      <c r="I2642">
        <v>4170.4443359375</v>
      </c>
      <c r="J2642">
        <v>64.578977507680463</v>
      </c>
      <c r="K2642">
        <v>-0.20576570801889921</v>
      </c>
      <c r="L2642">
        <v>-0.88699556455565487</v>
      </c>
      <c r="M2642">
        <v>4.9375</v>
      </c>
      <c r="N2642">
        <v>2</v>
      </c>
      <c r="O2642">
        <v>1</v>
      </c>
      <c r="P2642">
        <v>1</v>
      </c>
      <c r="Q2642">
        <v>0.17668469596940839</v>
      </c>
      <c r="R2642">
        <v>3.422414204014729</v>
      </c>
      <c r="S2642">
        <v>1</v>
      </c>
      <c r="T2642">
        <v>1</v>
      </c>
      <c r="U2642">
        <v>0</v>
      </c>
      <c r="V2642">
        <v>0</v>
      </c>
      <c r="W2642">
        <v>3.4339872044851458</v>
      </c>
      <c r="X2642">
        <v>1</v>
      </c>
      <c r="Y2642">
        <v>1</v>
      </c>
      <c r="Z2642">
        <v>0</v>
      </c>
      <c r="AA2642">
        <v>0</v>
      </c>
      <c r="AB2642">
        <v>3.401197381662155</v>
      </c>
      <c r="AC2642">
        <v>1</v>
      </c>
      <c r="AD2642">
        <v>1</v>
      </c>
      <c r="AE2642">
        <v>0</v>
      </c>
      <c r="AF2642">
        <v>0</v>
      </c>
      <c r="AG2642">
        <v>3.3672958299864728</v>
      </c>
      <c r="AH2642">
        <v>0.20587121256470209</v>
      </c>
      <c r="AI2642">
        <v>-0.31103001438929778</v>
      </c>
      <c r="AJ2642">
        <v>3.9007312608373423E-2</v>
      </c>
      <c r="AK2642">
        <v>0.17650134877714391</v>
      </c>
      <c r="AL2642">
        <v>467.07602061388093</v>
      </c>
      <c r="AM2642">
        <v>784.05547697054033</v>
      </c>
      <c r="AN2642">
        <v>4731</v>
      </c>
      <c r="AO2642">
        <v>26.96193607118262</v>
      </c>
      <c r="AP2642">
        <v>308.47754169244809</v>
      </c>
      <c r="AQ2642">
        <v>1.71875</v>
      </c>
      <c r="AR2642">
        <v>4.3125</v>
      </c>
      <c r="AS2642">
        <v>31</v>
      </c>
      <c r="AT2642">
        <v>0.93749999999999989</v>
      </c>
      <c r="AU2642">
        <v>0.18971456692913391</v>
      </c>
      <c r="AV2642">
        <v>0.22960741969507059</v>
      </c>
      <c r="AW2642">
        <v>0.375</v>
      </c>
      <c r="AX2642">
        <v>60.70967741935484</v>
      </c>
      <c r="AY2642">
        <v>58.5</v>
      </c>
      <c r="AZ2642">
        <v>116.75</v>
      </c>
      <c r="BA2642">
        <v>0.43680559717729328</v>
      </c>
      <c r="BB2642">
        <v>0.5625</v>
      </c>
      <c r="BC2642">
        <v>3.2998296856670919</v>
      </c>
      <c r="BD2642" t="s">
        <v>10060</v>
      </c>
      <c r="BE2642" t="s">
        <v>62</v>
      </c>
    </row>
    <row r="2643" spans="1:57" x14ac:dyDescent="0.3">
      <c r="A2643" t="s">
        <v>10061</v>
      </c>
      <c r="B2643">
        <v>504</v>
      </c>
      <c r="C2643" t="s">
        <v>10062</v>
      </c>
      <c r="D2643" t="s">
        <v>10063</v>
      </c>
      <c r="E2643" t="s">
        <v>128</v>
      </c>
      <c r="F2643">
        <v>32</v>
      </c>
      <c r="G2643">
        <v>136.4375</v>
      </c>
      <c r="H2643">
        <v>135</v>
      </c>
      <c r="I2643">
        <v>7541.99609375</v>
      </c>
      <c r="J2643">
        <v>86.844666466916664</v>
      </c>
      <c r="K2643">
        <v>-3.6819444859876677E-2</v>
      </c>
      <c r="L2643">
        <v>-1.5946167877267221</v>
      </c>
      <c r="M2643">
        <v>4.9375</v>
      </c>
      <c r="N2643">
        <v>2</v>
      </c>
      <c r="O2643">
        <v>1</v>
      </c>
      <c r="P2643">
        <v>1</v>
      </c>
      <c r="Q2643">
        <v>0.1766846959694085</v>
      </c>
      <c r="R2643">
        <v>3.422414204014729</v>
      </c>
      <c r="S2643">
        <v>1</v>
      </c>
      <c r="T2643">
        <v>1</v>
      </c>
      <c r="U2643">
        <v>0</v>
      </c>
      <c r="V2643">
        <v>0</v>
      </c>
      <c r="W2643">
        <v>3.4339872044851458</v>
      </c>
      <c r="X2643">
        <v>1</v>
      </c>
      <c r="Y2643">
        <v>1</v>
      </c>
      <c r="Z2643">
        <v>0</v>
      </c>
      <c r="AA2643">
        <v>0</v>
      </c>
      <c r="AB2643">
        <v>3.401197381662155</v>
      </c>
      <c r="AC2643">
        <v>1</v>
      </c>
      <c r="AD2643">
        <v>1</v>
      </c>
      <c r="AE2643">
        <v>0</v>
      </c>
      <c r="AF2643">
        <v>0</v>
      </c>
      <c r="AG2643">
        <v>3.3672958299864728</v>
      </c>
      <c r="AH2643">
        <v>2.7952206162265359E-5</v>
      </c>
      <c r="AI2643">
        <v>-3.2709584249859251E-2</v>
      </c>
      <c r="AJ2643">
        <v>3.2133788225410742E-2</v>
      </c>
      <c r="AK2643">
        <v>-2.162024647404041E-2</v>
      </c>
      <c r="AL2643">
        <v>606.35728071804647</v>
      </c>
      <c r="AM2643">
        <v>685.09915203583216</v>
      </c>
      <c r="AN2643">
        <v>4366</v>
      </c>
      <c r="AO2643">
        <v>266.37187918746042</v>
      </c>
      <c r="AP2643">
        <v>480.20841400718751</v>
      </c>
      <c r="AQ2643">
        <v>1.71875</v>
      </c>
      <c r="AR2643">
        <v>4.09375</v>
      </c>
      <c r="AS2643">
        <v>32</v>
      </c>
      <c r="AT2643">
        <v>0.93749999999999978</v>
      </c>
      <c r="AU2643">
        <v>0.18712649402390441</v>
      </c>
      <c r="AV2643">
        <v>-7.3455078270330044E-4</v>
      </c>
      <c r="AW2643">
        <v>0.34375</v>
      </c>
      <c r="AX2643">
        <v>94.612903225806448</v>
      </c>
      <c r="AY2643">
        <v>83</v>
      </c>
      <c r="AZ2643">
        <v>164.25</v>
      </c>
      <c r="BA2643">
        <v>0.63651610786562829</v>
      </c>
      <c r="BB2643">
        <v>0.5</v>
      </c>
      <c r="BC2643">
        <v>3.4339872044851458</v>
      </c>
      <c r="BD2643" t="s">
        <v>10064</v>
      </c>
      <c r="BE2643" t="s">
        <v>62</v>
      </c>
    </row>
    <row r="2644" spans="1:57" x14ac:dyDescent="0.3">
      <c r="A2644" t="s">
        <v>10065</v>
      </c>
      <c r="B2644">
        <v>1924</v>
      </c>
      <c r="C2644" t="s">
        <v>10066</v>
      </c>
      <c r="D2644" t="s">
        <v>10067</v>
      </c>
      <c r="E2644" t="s">
        <v>72</v>
      </c>
      <c r="F2644">
        <v>1928</v>
      </c>
      <c r="G2644">
        <v>126.21161825726141</v>
      </c>
      <c r="H2644">
        <v>125</v>
      </c>
      <c r="I2644">
        <v>5603.3379977961813</v>
      </c>
      <c r="J2644">
        <v>74.855447348848173</v>
      </c>
      <c r="K2644">
        <v>1.7170685801793671E-2</v>
      </c>
      <c r="L2644">
        <v>-1.236628043541486</v>
      </c>
      <c r="M2644">
        <v>7.9093073215184191</v>
      </c>
      <c r="N2644">
        <v>17</v>
      </c>
      <c r="O2644">
        <v>1</v>
      </c>
      <c r="P2644">
        <v>16</v>
      </c>
      <c r="Q2644">
        <v>2.5993914552256259</v>
      </c>
      <c r="R2644">
        <v>5.4823140700926238</v>
      </c>
      <c r="S2644">
        <v>2</v>
      </c>
      <c r="T2644">
        <v>1</v>
      </c>
      <c r="U2644">
        <v>1</v>
      </c>
      <c r="V2644">
        <v>0.15106605320136629</v>
      </c>
      <c r="W2644">
        <v>7.5320658272678811</v>
      </c>
      <c r="X2644">
        <v>2</v>
      </c>
      <c r="Y2644">
        <v>1</v>
      </c>
      <c r="Z2644">
        <v>1</v>
      </c>
      <c r="AA2644">
        <v>2.2786194492946811E-2</v>
      </c>
      <c r="AB2644">
        <v>7.5624808133543713</v>
      </c>
      <c r="AC2644">
        <v>1</v>
      </c>
      <c r="AD2644">
        <v>1</v>
      </c>
      <c r="AE2644">
        <v>0</v>
      </c>
      <c r="AF2644">
        <v>0</v>
      </c>
      <c r="AG2644">
        <v>7.5626812467218842</v>
      </c>
      <c r="AH2644">
        <v>-1.6250604221938861E-2</v>
      </c>
      <c r="AI2644">
        <v>-4.3833116278449002E-3</v>
      </c>
      <c r="AJ2644">
        <v>2.4409123616567909E-2</v>
      </c>
      <c r="AK2644">
        <v>-1.275371317669366E-2</v>
      </c>
      <c r="AL2644">
        <v>3028.4225520660611</v>
      </c>
      <c r="AM2644">
        <v>5687.1541957412837</v>
      </c>
      <c r="AN2644">
        <v>243336</v>
      </c>
      <c r="AO2644">
        <v>68.161244134062443</v>
      </c>
      <c r="AP2644">
        <v>2732.9674882542072</v>
      </c>
      <c r="AQ2644">
        <v>1.011929460580913</v>
      </c>
      <c r="AR2644">
        <v>4.0098547717842328</v>
      </c>
      <c r="AS2644">
        <v>1921</v>
      </c>
      <c r="AT2644">
        <v>229.67634854771791</v>
      </c>
      <c r="AU2644">
        <v>2.4827109266943311E-2</v>
      </c>
      <c r="AV2644">
        <v>-1.6258189053476171E-2</v>
      </c>
      <c r="AW2644">
        <v>0.36929460580912871</v>
      </c>
      <c r="AX2644">
        <v>87.588479501816295</v>
      </c>
      <c r="AY2644">
        <v>67</v>
      </c>
      <c r="AZ2644">
        <v>134</v>
      </c>
      <c r="BA2644">
        <v>0.59309474343532931</v>
      </c>
      <c r="BB2644">
        <v>0.4953319502074689</v>
      </c>
      <c r="BC2644">
        <v>5.3065147476827326</v>
      </c>
      <c r="BD2644" t="s">
        <v>10068</v>
      </c>
      <c r="BE2644" t="s">
        <v>68</v>
      </c>
    </row>
    <row r="2645" spans="1:57" x14ac:dyDescent="0.3">
      <c r="A2645" t="s">
        <v>10069</v>
      </c>
      <c r="B2645">
        <v>3146</v>
      </c>
      <c r="C2645" t="s">
        <v>10070</v>
      </c>
      <c r="D2645" t="s">
        <v>10071</v>
      </c>
      <c r="E2645" t="s">
        <v>115</v>
      </c>
      <c r="F2645">
        <v>3212</v>
      </c>
      <c r="G2645">
        <v>129.0018679950187</v>
      </c>
      <c r="H2645">
        <v>128</v>
      </c>
      <c r="I2645">
        <v>5514.3163103337583</v>
      </c>
      <c r="J2645">
        <v>74.258442687237647</v>
      </c>
      <c r="K2645">
        <v>-1.71742051166505E-2</v>
      </c>
      <c r="L2645">
        <v>-1.2320300786969911</v>
      </c>
      <c r="M2645">
        <v>7.9391553259086054</v>
      </c>
      <c r="N2645">
        <v>23</v>
      </c>
      <c r="O2645">
        <v>3</v>
      </c>
      <c r="P2645">
        <v>20</v>
      </c>
      <c r="Q2645">
        <v>3.5922211421869621</v>
      </c>
      <c r="R2645">
        <v>5.5030031301810238</v>
      </c>
      <c r="S2645">
        <v>3</v>
      </c>
      <c r="T2645">
        <v>1</v>
      </c>
      <c r="U2645">
        <v>2</v>
      </c>
      <c r="V2645">
        <v>0.17394584518335771</v>
      </c>
      <c r="W2645">
        <v>8.0352616459067931</v>
      </c>
      <c r="X2645">
        <v>1</v>
      </c>
      <c r="Y2645">
        <v>1</v>
      </c>
      <c r="Z2645">
        <v>0</v>
      </c>
      <c r="AA2645">
        <v>0</v>
      </c>
      <c r="AB2645">
        <v>8.0740262161240608</v>
      </c>
      <c r="AC2645">
        <v>1</v>
      </c>
      <c r="AD2645">
        <v>1</v>
      </c>
      <c r="AE2645">
        <v>0</v>
      </c>
      <c r="AF2645">
        <v>0</v>
      </c>
      <c r="AG2645">
        <v>8.0737146411098575</v>
      </c>
      <c r="AH2645">
        <v>-4.8460018035803489E-3</v>
      </c>
      <c r="AI2645">
        <v>-1.8046394275201012E-2</v>
      </c>
      <c r="AJ2645">
        <v>2.5789945378112741E-2</v>
      </c>
      <c r="AK2645">
        <v>4.0210762836895471E-4</v>
      </c>
      <c r="AL2645">
        <v>3855.0167226723911</v>
      </c>
      <c r="AM2645">
        <v>7503.5504974589339</v>
      </c>
      <c r="AN2645">
        <v>414354</v>
      </c>
      <c r="AO2645">
        <v>123.44418404136159</v>
      </c>
      <c r="AP2645">
        <v>3513.4182498635701</v>
      </c>
      <c r="AQ2645">
        <v>1.0071606475716059</v>
      </c>
      <c r="AR2645">
        <v>4.0398505603985058</v>
      </c>
      <c r="AS2645">
        <v>3196</v>
      </c>
      <c r="AT2645">
        <v>263.28767123287668</v>
      </c>
      <c r="AU2645">
        <v>2.3627084706859151E-2</v>
      </c>
      <c r="AV2645">
        <v>-4.8482728273978046E-3</v>
      </c>
      <c r="AW2645">
        <v>0.37764632627646327</v>
      </c>
      <c r="AX2645">
        <v>85.875428215509189</v>
      </c>
      <c r="AY2645">
        <v>65.5</v>
      </c>
      <c r="AZ2645">
        <v>131</v>
      </c>
      <c r="BA2645">
        <v>0.5756385069563883</v>
      </c>
      <c r="BB2645">
        <v>0.49626400996264008</v>
      </c>
      <c r="BC2645">
        <v>5.3198652682085328</v>
      </c>
      <c r="BD2645" t="s">
        <v>10072</v>
      </c>
      <c r="BE2645" t="s">
        <v>68</v>
      </c>
    </row>
    <row r="2646" spans="1:57" x14ac:dyDescent="0.3">
      <c r="A2646" t="s">
        <v>10073</v>
      </c>
      <c r="B2646">
        <v>1761</v>
      </c>
      <c r="C2646" t="s">
        <v>10074</v>
      </c>
      <c r="D2646" t="s">
        <v>10075</v>
      </c>
      <c r="E2646" t="s">
        <v>10622</v>
      </c>
      <c r="F2646">
        <v>64</v>
      </c>
      <c r="G2646">
        <v>128.703125</v>
      </c>
      <c r="H2646">
        <v>122.5</v>
      </c>
      <c r="I2646">
        <v>5112.771240234375</v>
      </c>
      <c r="J2646">
        <v>71.503644943697623</v>
      </c>
      <c r="K2646">
        <v>0.1185189945522037</v>
      </c>
      <c r="L2646">
        <v>-1.118070923853574</v>
      </c>
      <c r="M2646">
        <v>5.675704882778696</v>
      </c>
      <c r="N2646">
        <v>3</v>
      </c>
      <c r="O2646">
        <v>1</v>
      </c>
      <c r="P2646">
        <v>2</v>
      </c>
      <c r="Q2646">
        <v>0.43350740410072691</v>
      </c>
      <c r="R2646">
        <v>3.9340988371883689</v>
      </c>
      <c r="S2646">
        <v>1</v>
      </c>
      <c r="T2646">
        <v>1</v>
      </c>
      <c r="U2646">
        <v>0</v>
      </c>
      <c r="V2646">
        <v>0</v>
      </c>
      <c r="W2646">
        <v>4.1431347263915326</v>
      </c>
      <c r="X2646">
        <v>1</v>
      </c>
      <c r="Y2646">
        <v>1</v>
      </c>
      <c r="Z2646">
        <v>0</v>
      </c>
      <c r="AA2646">
        <v>0</v>
      </c>
      <c r="AB2646">
        <v>4.1271343850450908</v>
      </c>
      <c r="AC2646">
        <v>1</v>
      </c>
      <c r="AD2646">
        <v>1</v>
      </c>
      <c r="AE2646">
        <v>0</v>
      </c>
      <c r="AF2646">
        <v>0</v>
      </c>
      <c r="AG2646">
        <v>4.1108738641733096</v>
      </c>
      <c r="AH2646">
        <v>0.16272981770264419</v>
      </c>
      <c r="AI2646">
        <v>-0.29399729954205228</v>
      </c>
      <c r="AJ2646">
        <v>-1.9285498974998028E-2</v>
      </c>
      <c r="AK2646">
        <v>-0.1722693505024446</v>
      </c>
      <c r="AL2646">
        <v>625.25113167213487</v>
      </c>
      <c r="AM2646">
        <v>998.20139367900833</v>
      </c>
      <c r="AN2646">
        <v>8237</v>
      </c>
      <c r="AO2646">
        <v>151.47491194047481</v>
      </c>
      <c r="AP2646">
        <v>462.78997696765242</v>
      </c>
      <c r="AQ2646">
        <v>1.359375</v>
      </c>
      <c r="AR2646">
        <v>4.015625</v>
      </c>
      <c r="AS2646">
        <v>64</v>
      </c>
      <c r="AT2646">
        <v>8.5625</v>
      </c>
      <c r="AU2646">
        <v>0.1269762845849802</v>
      </c>
      <c r="AV2646">
        <v>0.16496174327352461</v>
      </c>
      <c r="AW2646">
        <v>0.46875</v>
      </c>
      <c r="AX2646">
        <v>76.222222222222229</v>
      </c>
      <c r="AY2646">
        <v>61</v>
      </c>
      <c r="AZ2646">
        <v>121.5</v>
      </c>
      <c r="BA2646">
        <v>0.55557038683946192</v>
      </c>
      <c r="BB2646">
        <v>0.453125</v>
      </c>
      <c r="BC2646">
        <v>3.906476950221248</v>
      </c>
      <c r="BD2646" t="s">
        <v>10076</v>
      </c>
      <c r="BE2646" t="s">
        <v>62</v>
      </c>
    </row>
    <row r="2647" spans="1:57" x14ac:dyDescent="0.3">
      <c r="A2647" t="s">
        <v>10077</v>
      </c>
      <c r="B2647">
        <v>532</v>
      </c>
      <c r="C2647" t="s">
        <v>10078</v>
      </c>
      <c r="D2647" t="s">
        <v>10079</v>
      </c>
      <c r="E2647" t="s">
        <v>72</v>
      </c>
      <c r="F2647">
        <v>536</v>
      </c>
      <c r="G2647">
        <v>130.3097014925373</v>
      </c>
      <c r="H2647">
        <v>129</v>
      </c>
      <c r="I2647">
        <v>5460.1690103586543</v>
      </c>
      <c r="J2647">
        <v>73.892956432657741</v>
      </c>
      <c r="K2647">
        <v>-6.9071947291197162E-3</v>
      </c>
      <c r="L2647">
        <v>-1.249753900096287</v>
      </c>
      <c r="M2647">
        <v>7.6078650445472134</v>
      </c>
      <c r="N2647">
        <v>8</v>
      </c>
      <c r="O2647">
        <v>1</v>
      </c>
      <c r="P2647">
        <v>7</v>
      </c>
      <c r="Q2647">
        <v>1.3383035772484031</v>
      </c>
      <c r="R2647">
        <v>5.2733702057084644</v>
      </c>
      <c r="S2647">
        <v>2</v>
      </c>
      <c r="T2647">
        <v>1</v>
      </c>
      <c r="U2647">
        <v>1</v>
      </c>
      <c r="V2647">
        <v>4.3233694309420208E-2</v>
      </c>
      <c r="W2647">
        <v>6.279675542482698</v>
      </c>
      <c r="X2647">
        <v>1</v>
      </c>
      <c r="Y2647">
        <v>1</v>
      </c>
      <c r="Z2647">
        <v>0</v>
      </c>
      <c r="AA2647">
        <v>0</v>
      </c>
      <c r="AB2647">
        <v>6.2803958389601942</v>
      </c>
      <c r="AC2647">
        <v>1</v>
      </c>
      <c r="AD2647">
        <v>1</v>
      </c>
      <c r="AE2647">
        <v>0</v>
      </c>
      <c r="AF2647">
        <v>0</v>
      </c>
      <c r="AG2647">
        <v>6.2785214241658442</v>
      </c>
      <c r="AH2647">
        <v>3.2519988286513167E-2</v>
      </c>
      <c r="AI2647">
        <v>-1.0386489174473171E-2</v>
      </c>
      <c r="AJ2647">
        <v>-1.073920774545164E-2</v>
      </c>
      <c r="AK2647">
        <v>1.74034868938714E-2</v>
      </c>
      <c r="AL2647">
        <v>1662.5241732015741</v>
      </c>
      <c r="AM2647">
        <v>3043.7272173308211</v>
      </c>
      <c r="AN2647">
        <v>69846</v>
      </c>
      <c r="AO2647">
        <v>93.035663159302757</v>
      </c>
      <c r="AP2647">
        <v>1426.6461674931249</v>
      </c>
      <c r="AQ2647">
        <v>1.0429104477611939</v>
      </c>
      <c r="AR2647">
        <v>3.9589552238805972</v>
      </c>
      <c r="AS2647">
        <v>530</v>
      </c>
      <c r="AT2647">
        <v>170.67164179104469</v>
      </c>
      <c r="AU2647">
        <v>2.887035411179395E-2</v>
      </c>
      <c r="AV2647">
        <v>3.2584427394836968E-2</v>
      </c>
      <c r="AW2647">
        <v>0.3787313432835821</v>
      </c>
      <c r="AX2647">
        <v>82.811214953271033</v>
      </c>
      <c r="AY2647">
        <v>64</v>
      </c>
      <c r="AZ2647">
        <v>129</v>
      </c>
      <c r="BA2647">
        <v>0.56705644772649189</v>
      </c>
      <c r="BB2647">
        <v>0.4925373134328358</v>
      </c>
      <c r="BC2647">
        <v>5.0435933367352757</v>
      </c>
      <c r="BD2647" t="s">
        <v>10080</v>
      </c>
      <c r="BE2647" t="s">
        <v>68</v>
      </c>
    </row>
    <row r="2648" spans="1:57" x14ac:dyDescent="0.3">
      <c r="A2648" t="s">
        <v>10081</v>
      </c>
      <c r="B2648">
        <v>3609</v>
      </c>
      <c r="C2648" t="s">
        <v>10082</v>
      </c>
      <c r="D2648" t="s">
        <v>10083</v>
      </c>
      <c r="E2648" t="s">
        <v>128</v>
      </c>
      <c r="F2648">
        <v>32</v>
      </c>
      <c r="G2648">
        <v>134.875</v>
      </c>
      <c r="H2648">
        <v>156.5</v>
      </c>
      <c r="I2648">
        <v>5878.109375</v>
      </c>
      <c r="J2648">
        <v>76.668829226746382</v>
      </c>
      <c r="K2648">
        <v>-6.4743249136275487E-3</v>
      </c>
      <c r="L2648">
        <v>-1.5025275603500929</v>
      </c>
      <c r="M2648">
        <v>4.851409765557392</v>
      </c>
      <c r="N2648">
        <v>3</v>
      </c>
      <c r="O2648">
        <v>1</v>
      </c>
      <c r="P2648">
        <v>2</v>
      </c>
      <c r="Q2648">
        <v>0.35901098714230018</v>
      </c>
      <c r="R2648">
        <v>3.3627410007370901</v>
      </c>
      <c r="S2648">
        <v>1</v>
      </c>
      <c r="T2648">
        <v>1</v>
      </c>
      <c r="U2648">
        <v>0</v>
      </c>
      <c r="V2648">
        <v>0</v>
      </c>
      <c r="W2648">
        <v>3.4339872044851458</v>
      </c>
      <c r="X2648">
        <v>1</v>
      </c>
      <c r="Y2648">
        <v>1</v>
      </c>
      <c r="Z2648">
        <v>0</v>
      </c>
      <c r="AA2648">
        <v>0</v>
      </c>
      <c r="AB2648">
        <v>3.401197381662155</v>
      </c>
      <c r="AC2648">
        <v>1</v>
      </c>
      <c r="AD2648">
        <v>1</v>
      </c>
      <c r="AE2648">
        <v>0</v>
      </c>
      <c r="AF2648">
        <v>0</v>
      </c>
      <c r="AG2648">
        <v>3.3672958299864728</v>
      </c>
      <c r="AH2648">
        <v>0.13749230792745329</v>
      </c>
      <c r="AI2648">
        <v>-0.19069711110343199</v>
      </c>
      <c r="AJ2648">
        <v>-0.16766766059984209</v>
      </c>
      <c r="AK2648">
        <v>-0.1507740916376705</v>
      </c>
      <c r="AL2648">
        <v>520.33430195667643</v>
      </c>
      <c r="AM2648">
        <v>706.73348173640272</v>
      </c>
      <c r="AN2648">
        <v>4316</v>
      </c>
      <c r="AO2648">
        <v>87.249537498192822</v>
      </c>
      <c r="AP2648">
        <v>397.1983335090041</v>
      </c>
      <c r="AQ2648">
        <v>1.71875</v>
      </c>
      <c r="AR2648">
        <v>4.21875</v>
      </c>
      <c r="AS2648">
        <v>32</v>
      </c>
      <c r="AT2648">
        <v>3.6250000000000009</v>
      </c>
      <c r="AU2648">
        <v>0.16588438735177871</v>
      </c>
      <c r="AV2648">
        <v>0.1397355841859283</v>
      </c>
      <c r="AW2648">
        <v>0.34375</v>
      </c>
      <c r="AX2648">
        <v>82.709677419354833</v>
      </c>
      <c r="AY2648">
        <v>75.5</v>
      </c>
      <c r="AZ2648">
        <v>148.25</v>
      </c>
      <c r="BA2648">
        <v>0.56844359018903712</v>
      </c>
      <c r="BB2648">
        <v>0.53125</v>
      </c>
      <c r="BC2648">
        <v>3.3892680315457948</v>
      </c>
      <c r="BD2648" t="s">
        <v>10084</v>
      </c>
      <c r="BE2648" t="s">
        <v>62</v>
      </c>
    </row>
    <row r="2649" spans="1:57" x14ac:dyDescent="0.3">
      <c r="A2649" t="s">
        <v>10085</v>
      </c>
      <c r="B2649">
        <v>2057</v>
      </c>
      <c r="C2649" t="s">
        <v>10086</v>
      </c>
      <c r="D2649" t="s">
        <v>10087</v>
      </c>
      <c r="E2649" t="s">
        <v>128</v>
      </c>
      <c r="F2649">
        <v>32</v>
      </c>
      <c r="G2649">
        <v>121.0625</v>
      </c>
      <c r="H2649">
        <v>97.5</v>
      </c>
      <c r="I2649">
        <v>7488.80859375</v>
      </c>
      <c r="J2649">
        <v>86.537902642425991</v>
      </c>
      <c r="K2649">
        <v>0.2384979284040461</v>
      </c>
      <c r="L2649">
        <v>-1.5172597716308549</v>
      </c>
      <c r="M2649">
        <v>5</v>
      </c>
      <c r="N2649">
        <v>1</v>
      </c>
      <c r="O2649">
        <v>1</v>
      </c>
      <c r="P2649">
        <v>0</v>
      </c>
      <c r="Q2649">
        <v>0</v>
      </c>
      <c r="R2649">
        <v>3.465735902799727</v>
      </c>
      <c r="S2649">
        <v>1</v>
      </c>
      <c r="T2649">
        <v>1</v>
      </c>
      <c r="U2649">
        <v>0</v>
      </c>
      <c r="V2649">
        <v>0</v>
      </c>
      <c r="W2649">
        <v>3.4339872044851458</v>
      </c>
      <c r="X2649">
        <v>1</v>
      </c>
      <c r="Y2649">
        <v>1</v>
      </c>
      <c r="Z2649">
        <v>0</v>
      </c>
      <c r="AA2649">
        <v>0</v>
      </c>
      <c r="AB2649">
        <v>3.401197381662155</v>
      </c>
      <c r="AC2649">
        <v>1</v>
      </c>
      <c r="AD2649">
        <v>1</v>
      </c>
      <c r="AE2649">
        <v>0</v>
      </c>
      <c r="AF2649">
        <v>0</v>
      </c>
      <c r="AG2649">
        <v>3.3672958299864728</v>
      </c>
      <c r="AH2649">
        <v>4.8593849024716571E-2</v>
      </c>
      <c r="AI2649">
        <v>6.7011940995287234E-2</v>
      </c>
      <c r="AJ2649">
        <v>-3.9800617197015338E-2</v>
      </c>
      <c r="AK2649">
        <v>-0.16096483163679129</v>
      </c>
      <c r="AL2649">
        <v>562.1793875960791</v>
      </c>
      <c r="AM2649">
        <v>626.5718922534727</v>
      </c>
      <c r="AN2649">
        <v>3874</v>
      </c>
      <c r="AO2649">
        <v>75.306023334946644</v>
      </c>
      <c r="AP2649">
        <v>422.76394631062487</v>
      </c>
      <c r="AQ2649">
        <v>1.65625</v>
      </c>
      <c r="AR2649">
        <v>3.9375</v>
      </c>
      <c r="AS2649">
        <v>32</v>
      </c>
      <c r="AT2649">
        <v>0</v>
      </c>
      <c r="AU2649">
        <v>0.17843137254901961</v>
      </c>
      <c r="AV2649">
        <v>5.2024182357696583E-2</v>
      </c>
      <c r="AW2649">
        <v>0.4375</v>
      </c>
      <c r="AX2649">
        <v>97.161290322580641</v>
      </c>
      <c r="AY2649">
        <v>70</v>
      </c>
      <c r="AZ2649">
        <v>164</v>
      </c>
      <c r="BA2649">
        <v>0.71482005280269278</v>
      </c>
      <c r="BB2649">
        <v>0.46875</v>
      </c>
      <c r="BC2649">
        <v>3.2998296856670919</v>
      </c>
      <c r="BD2649" t="s">
        <v>10088</v>
      </c>
      <c r="BE2649" t="s">
        <v>62</v>
      </c>
    </row>
    <row r="2650" spans="1:57" x14ac:dyDescent="0.3">
      <c r="A2650" t="s">
        <v>10089</v>
      </c>
      <c r="B2650">
        <v>1529</v>
      </c>
      <c r="C2650" t="s">
        <v>10090</v>
      </c>
      <c r="D2650" t="s">
        <v>10091</v>
      </c>
      <c r="E2650" t="s">
        <v>93</v>
      </c>
      <c r="F2650">
        <v>1541</v>
      </c>
      <c r="G2650">
        <v>128.11615833874109</v>
      </c>
      <c r="H2650">
        <v>130</v>
      </c>
      <c r="I2650">
        <v>5507.5251185317102</v>
      </c>
      <c r="J2650">
        <v>74.212701867885869</v>
      </c>
      <c r="K2650">
        <v>-3.7371716560588422E-2</v>
      </c>
      <c r="L2650">
        <v>-1.2215617580597491</v>
      </c>
      <c r="M2650">
        <v>7.885379763862316</v>
      </c>
      <c r="N2650">
        <v>14</v>
      </c>
      <c r="O2650">
        <v>1</v>
      </c>
      <c r="P2650">
        <v>13</v>
      </c>
      <c r="Q2650">
        <v>2.3250768405569788</v>
      </c>
      <c r="R2650">
        <v>5.4657287509656136</v>
      </c>
      <c r="S2650">
        <v>2</v>
      </c>
      <c r="T2650">
        <v>1</v>
      </c>
      <c r="U2650">
        <v>1</v>
      </c>
      <c r="V2650">
        <v>0.11395071102426831</v>
      </c>
      <c r="W2650">
        <v>7.3215338725359853</v>
      </c>
      <c r="X2650">
        <v>1</v>
      </c>
      <c r="Y2650">
        <v>1</v>
      </c>
      <c r="Z2650">
        <v>0</v>
      </c>
      <c r="AA2650">
        <v>0</v>
      </c>
      <c r="AB2650">
        <v>7.3388881338388794</v>
      </c>
      <c r="AC2650">
        <v>1</v>
      </c>
      <c r="AD2650">
        <v>1</v>
      </c>
      <c r="AE2650">
        <v>0</v>
      </c>
      <c r="AF2650">
        <v>0</v>
      </c>
      <c r="AG2650">
        <v>7.3382381500655871</v>
      </c>
      <c r="AH2650">
        <v>1.5611488465033669E-2</v>
      </c>
      <c r="AI2650">
        <v>-1.3394443383776331E-2</v>
      </c>
      <c r="AJ2650">
        <v>2.682941283690644E-2</v>
      </c>
      <c r="AK2650">
        <v>-4.2704633173393361E-2</v>
      </c>
      <c r="AL2650">
        <v>2695.5539397402358</v>
      </c>
      <c r="AM2650">
        <v>5149.2401340344277</v>
      </c>
      <c r="AN2650">
        <v>197427</v>
      </c>
      <c r="AO2650">
        <v>48.920563173626263</v>
      </c>
      <c r="AP2650">
        <v>2396.9207625085401</v>
      </c>
      <c r="AQ2650">
        <v>1.014925373134328</v>
      </c>
      <c r="AR2650">
        <v>3.973393900064893</v>
      </c>
      <c r="AS2650">
        <v>1531</v>
      </c>
      <c r="AT2650">
        <v>228.11421155094101</v>
      </c>
      <c r="AU2650">
        <v>2.3722818134391921E-2</v>
      </c>
      <c r="AV2650">
        <v>1.562675248542153E-2</v>
      </c>
      <c r="AW2650">
        <v>0.36145360155743023</v>
      </c>
      <c r="AX2650">
        <v>85.096103896103898</v>
      </c>
      <c r="AY2650">
        <v>65</v>
      </c>
      <c r="AZ2650">
        <v>130</v>
      </c>
      <c r="BA2650">
        <v>0.57926106144758371</v>
      </c>
      <c r="BB2650">
        <v>0.5055158987670344</v>
      </c>
      <c r="BC2650">
        <v>5.263682985617379</v>
      </c>
      <c r="BD2650" t="s">
        <v>10092</v>
      </c>
      <c r="BE2650" t="s">
        <v>68</v>
      </c>
    </row>
    <row r="2651" spans="1:57" x14ac:dyDescent="0.3">
      <c r="A2651" t="s">
        <v>10093</v>
      </c>
      <c r="B2651">
        <v>3075</v>
      </c>
      <c r="C2651" t="s">
        <v>10094</v>
      </c>
      <c r="D2651" t="s">
        <v>10095</v>
      </c>
      <c r="E2651" t="s">
        <v>93</v>
      </c>
      <c r="F2651">
        <v>3083</v>
      </c>
      <c r="G2651">
        <v>128.64158287382421</v>
      </c>
      <c r="H2651">
        <v>128</v>
      </c>
      <c r="I2651">
        <v>5474.9740347309689</v>
      </c>
      <c r="J2651">
        <v>73.993067477507438</v>
      </c>
      <c r="K2651">
        <v>-1.454417112953353E-2</v>
      </c>
      <c r="L2651">
        <v>-1.187574608927582</v>
      </c>
      <c r="M2651">
        <v>7.937219720743367</v>
      </c>
      <c r="N2651">
        <v>24</v>
      </c>
      <c r="O2651">
        <v>4</v>
      </c>
      <c r="P2651">
        <v>20</v>
      </c>
      <c r="Q2651">
        <v>3.5402415082199461</v>
      </c>
      <c r="R2651">
        <v>5.5016614709180702</v>
      </c>
      <c r="S2651">
        <v>2</v>
      </c>
      <c r="T2651">
        <v>1</v>
      </c>
      <c r="U2651">
        <v>1</v>
      </c>
      <c r="V2651">
        <v>0.15066604449049401</v>
      </c>
      <c r="W2651">
        <v>8.0018477714678617</v>
      </c>
      <c r="X2651">
        <v>2</v>
      </c>
      <c r="Y2651">
        <v>1</v>
      </c>
      <c r="Z2651">
        <v>1</v>
      </c>
      <c r="AA2651">
        <v>1.8015823894811801E-2</v>
      </c>
      <c r="AB2651">
        <v>8.0325595491123707</v>
      </c>
      <c r="AC2651">
        <v>1</v>
      </c>
      <c r="AD2651">
        <v>1</v>
      </c>
      <c r="AE2651">
        <v>0</v>
      </c>
      <c r="AF2651">
        <v>0</v>
      </c>
      <c r="AG2651">
        <v>8.0326848759676217</v>
      </c>
      <c r="AH2651">
        <v>-2.943505635654342E-3</v>
      </c>
      <c r="AI2651">
        <v>-9.5641193959878513E-3</v>
      </c>
      <c r="AJ2651">
        <v>2.0960518231024458E-3</v>
      </c>
      <c r="AK2651">
        <v>-1.0214391097810161E-2</v>
      </c>
      <c r="AL2651">
        <v>3761.993823883357</v>
      </c>
      <c r="AM2651">
        <v>7331.1838381712578</v>
      </c>
      <c r="AN2651">
        <v>396602</v>
      </c>
      <c r="AO2651">
        <v>62.47139035679055</v>
      </c>
      <c r="AP2651">
        <v>3417.3652182884748</v>
      </c>
      <c r="AQ2651">
        <v>1.0074602659747001</v>
      </c>
      <c r="AR2651">
        <v>4.0343820953616607</v>
      </c>
      <c r="AS2651">
        <v>3074</v>
      </c>
      <c r="AT2651">
        <v>266.42328900421671</v>
      </c>
      <c r="AU2651">
        <v>1.520673141134499E-2</v>
      </c>
      <c r="AV2651">
        <v>-2.9456756377058699E-3</v>
      </c>
      <c r="AW2651">
        <v>0.37074278300356789</v>
      </c>
      <c r="AX2651">
        <v>86.005191434133678</v>
      </c>
      <c r="AY2651">
        <v>64</v>
      </c>
      <c r="AZ2651">
        <v>128.5</v>
      </c>
      <c r="BA2651">
        <v>0.57518778784059443</v>
      </c>
      <c r="BB2651">
        <v>0.49854038274408052</v>
      </c>
      <c r="BC2651">
        <v>5.3184619104900541</v>
      </c>
      <c r="BD2651" t="s">
        <v>10096</v>
      </c>
      <c r="BE2651" t="s">
        <v>68</v>
      </c>
    </row>
    <row r="2652" spans="1:57" x14ac:dyDescent="0.3">
      <c r="A2652" t="s">
        <v>10097</v>
      </c>
      <c r="B2652">
        <v>1662</v>
      </c>
      <c r="C2652" t="s">
        <v>10098</v>
      </c>
      <c r="D2652" t="s">
        <v>10099</v>
      </c>
      <c r="E2652" t="s">
        <v>98</v>
      </c>
      <c r="F2652">
        <v>16</v>
      </c>
      <c r="G2652">
        <v>109.25</v>
      </c>
      <c r="H2652">
        <v>125.5</v>
      </c>
      <c r="I2652">
        <v>4721.9375</v>
      </c>
      <c r="J2652">
        <v>68.71635540393568</v>
      </c>
      <c r="K2652">
        <v>-0.32749421800713108</v>
      </c>
      <c r="L2652">
        <v>-1.2258413433448649</v>
      </c>
      <c r="M2652">
        <v>4</v>
      </c>
      <c r="N2652">
        <v>1</v>
      </c>
      <c r="O2652">
        <v>1</v>
      </c>
      <c r="P2652">
        <v>0</v>
      </c>
      <c r="Q2652">
        <v>0</v>
      </c>
      <c r="R2652">
        <v>2.7725887222397811</v>
      </c>
      <c r="S2652">
        <v>1</v>
      </c>
      <c r="T2652">
        <v>1</v>
      </c>
      <c r="U2652">
        <v>0</v>
      </c>
      <c r="V2652">
        <v>0</v>
      </c>
      <c r="W2652">
        <v>2.7080502011022101</v>
      </c>
      <c r="X2652">
        <v>1</v>
      </c>
      <c r="Y2652">
        <v>1</v>
      </c>
      <c r="Z2652">
        <v>0</v>
      </c>
      <c r="AA2652">
        <v>0</v>
      </c>
      <c r="AB2652">
        <v>2.639057329615258</v>
      </c>
      <c r="AC2652">
        <v>1</v>
      </c>
      <c r="AD2652">
        <v>1</v>
      </c>
      <c r="AE2652">
        <v>0</v>
      </c>
      <c r="AF2652">
        <v>0</v>
      </c>
      <c r="AG2652">
        <v>2.5649493574615372</v>
      </c>
      <c r="AH2652">
        <v>0.29433677251128382</v>
      </c>
      <c r="AI2652">
        <v>3.753921192307183E-2</v>
      </c>
      <c r="AJ2652">
        <v>-0.29556938359518742</v>
      </c>
      <c r="AK2652">
        <v>2.0001389789678491E-2</v>
      </c>
      <c r="AL2652">
        <v>339.47956839979861</v>
      </c>
      <c r="AM2652">
        <v>388.93909888192837</v>
      </c>
      <c r="AN2652">
        <v>1748</v>
      </c>
      <c r="AO2652">
        <v>102</v>
      </c>
      <c r="AP2652">
        <v>183.00273222004091</v>
      </c>
      <c r="AQ2652">
        <v>2.25</v>
      </c>
      <c r="AR2652">
        <v>3.5625</v>
      </c>
      <c r="AS2652">
        <v>16</v>
      </c>
      <c r="AT2652">
        <v>0</v>
      </c>
      <c r="AU2652">
        <v>0.1875</v>
      </c>
      <c r="AV2652">
        <v>0.31499200249120041</v>
      </c>
      <c r="AW2652">
        <v>0.25</v>
      </c>
      <c r="AX2652">
        <v>65.599999999999994</v>
      </c>
      <c r="AY2652">
        <v>50.5</v>
      </c>
      <c r="AZ2652">
        <v>107.5</v>
      </c>
      <c r="BA2652">
        <v>0.62898265815959431</v>
      </c>
      <c r="BB2652">
        <v>0.5625</v>
      </c>
      <c r="BC2652">
        <v>2.7080502011022101</v>
      </c>
      <c r="BD2652" t="s">
        <v>10098</v>
      </c>
      <c r="BE2652" t="s">
        <v>62</v>
      </c>
    </row>
    <row r="2653" spans="1:57" x14ac:dyDescent="0.3">
      <c r="A2653" t="s">
        <v>10100</v>
      </c>
      <c r="B2653">
        <v>1524</v>
      </c>
      <c r="C2653" t="s">
        <v>10101</v>
      </c>
      <c r="D2653" t="s">
        <v>10102</v>
      </c>
      <c r="E2653" t="s">
        <v>128</v>
      </c>
      <c r="F2653">
        <v>32</v>
      </c>
      <c r="G2653">
        <v>134.875</v>
      </c>
      <c r="H2653">
        <v>143</v>
      </c>
      <c r="I2653">
        <v>5233.421875</v>
      </c>
      <c r="J2653">
        <v>72.34239334581072</v>
      </c>
      <c r="K2653">
        <v>-3.6080203341963657E-2</v>
      </c>
      <c r="L2653">
        <v>-1.2662078471031559</v>
      </c>
      <c r="M2653">
        <v>4.9375</v>
      </c>
      <c r="N2653">
        <v>2</v>
      </c>
      <c r="O2653">
        <v>1</v>
      </c>
      <c r="P2653">
        <v>1</v>
      </c>
      <c r="Q2653">
        <v>0.1766846959694085</v>
      </c>
      <c r="R2653">
        <v>3.422414204014729</v>
      </c>
      <c r="S2653">
        <v>1</v>
      </c>
      <c r="T2653">
        <v>1</v>
      </c>
      <c r="U2653">
        <v>0</v>
      </c>
      <c r="V2653">
        <v>0</v>
      </c>
      <c r="W2653">
        <v>3.4339872044851458</v>
      </c>
      <c r="X2653">
        <v>1</v>
      </c>
      <c r="Y2653">
        <v>1</v>
      </c>
      <c r="Z2653">
        <v>0</v>
      </c>
      <c r="AA2653">
        <v>0</v>
      </c>
      <c r="AB2653">
        <v>3.401197381662155</v>
      </c>
      <c r="AC2653">
        <v>1</v>
      </c>
      <c r="AD2653">
        <v>1</v>
      </c>
      <c r="AE2653">
        <v>0</v>
      </c>
      <c r="AF2653">
        <v>0</v>
      </c>
      <c r="AG2653">
        <v>3.3672958299864728</v>
      </c>
      <c r="AH2653">
        <v>0.21629451556850651</v>
      </c>
      <c r="AI2653">
        <v>-6.8383534016641837E-2</v>
      </c>
      <c r="AJ2653">
        <v>-0.12733410038842891</v>
      </c>
      <c r="AK2653">
        <v>-0.15361323255876441</v>
      </c>
      <c r="AL2653">
        <v>502.54692018106039</v>
      </c>
      <c r="AM2653">
        <v>705.00822194959619</v>
      </c>
      <c r="AN2653">
        <v>4316</v>
      </c>
      <c r="AO2653">
        <v>77.058250003530503</v>
      </c>
      <c r="AP2653">
        <v>416.39695122849002</v>
      </c>
      <c r="AQ2653">
        <v>1.71875</v>
      </c>
      <c r="AR2653">
        <v>4.09375</v>
      </c>
      <c r="AS2653">
        <v>32</v>
      </c>
      <c r="AT2653">
        <v>0.93749999999999978</v>
      </c>
      <c r="AU2653">
        <v>8.4980237154150151E-2</v>
      </c>
      <c r="AV2653">
        <v>0.22934150825740621</v>
      </c>
      <c r="AW2653">
        <v>0.4375</v>
      </c>
      <c r="AX2653">
        <v>70.193548387096769</v>
      </c>
      <c r="AY2653">
        <v>63</v>
      </c>
      <c r="AZ2653">
        <v>122.75</v>
      </c>
      <c r="BA2653">
        <v>0.53636621572426857</v>
      </c>
      <c r="BB2653">
        <v>0.5</v>
      </c>
      <c r="BC2653">
        <v>3.3892680315457948</v>
      </c>
      <c r="BD2653" t="s">
        <v>10103</v>
      </c>
      <c r="BE2653" t="s">
        <v>62</v>
      </c>
    </row>
    <row r="2654" spans="1:57" x14ac:dyDescent="0.3">
      <c r="A2654" t="s">
        <v>10104</v>
      </c>
      <c r="B2654">
        <v>3505</v>
      </c>
      <c r="C2654" t="s">
        <v>10105</v>
      </c>
      <c r="D2654" t="s">
        <v>10106</v>
      </c>
      <c r="E2654" t="s">
        <v>115</v>
      </c>
      <c r="F2654">
        <v>3568</v>
      </c>
      <c r="G2654">
        <v>126.2407511210762</v>
      </c>
      <c r="H2654">
        <v>124</v>
      </c>
      <c r="I2654">
        <v>5575.5045388977014</v>
      </c>
      <c r="J2654">
        <v>74.669301181259897</v>
      </c>
      <c r="K2654">
        <v>3.8572582412733668E-2</v>
      </c>
      <c r="L2654">
        <v>-1.1993627516315011</v>
      </c>
      <c r="M2654">
        <v>7.9444676159341876</v>
      </c>
      <c r="N2654">
        <v>28</v>
      </c>
      <c r="O2654">
        <v>4</v>
      </c>
      <c r="P2654">
        <v>24</v>
      </c>
      <c r="Q2654">
        <v>3.8370113695427071</v>
      </c>
      <c r="R2654">
        <v>5.5066853290345694</v>
      </c>
      <c r="S2654">
        <v>3</v>
      </c>
      <c r="T2654">
        <v>1</v>
      </c>
      <c r="U2654">
        <v>2</v>
      </c>
      <c r="V2654">
        <v>0.17487817902608649</v>
      </c>
      <c r="W2654">
        <v>8.1390097441963896</v>
      </c>
      <c r="X2654">
        <v>1</v>
      </c>
      <c r="Y2654">
        <v>1</v>
      </c>
      <c r="Z2654">
        <v>0</v>
      </c>
      <c r="AA2654">
        <v>0</v>
      </c>
      <c r="AB2654">
        <v>8.1791997984230864</v>
      </c>
      <c r="AC2654">
        <v>1</v>
      </c>
      <c r="AD2654">
        <v>1</v>
      </c>
      <c r="AE2654">
        <v>0</v>
      </c>
      <c r="AF2654">
        <v>0</v>
      </c>
      <c r="AG2654">
        <v>8.1789193328483982</v>
      </c>
      <c r="AH2654">
        <v>1.8742470647260239E-2</v>
      </c>
      <c r="AI2654">
        <v>-9.2619696921440627E-3</v>
      </c>
      <c r="AJ2654">
        <v>-4.0531617350229752E-3</v>
      </c>
      <c r="AK2654">
        <v>-1.997913833319357E-2</v>
      </c>
      <c r="AL2654">
        <v>4059.456634492984</v>
      </c>
      <c r="AM2654">
        <v>7763.7912666860711</v>
      </c>
      <c r="AN2654">
        <v>450427</v>
      </c>
      <c r="AO2654">
        <v>70.187350734014956</v>
      </c>
      <c r="AP2654">
        <v>3600.135888288899</v>
      </c>
      <c r="AQ2654">
        <v>1.0064461883408069</v>
      </c>
      <c r="AR2654">
        <v>3.9845852017937222</v>
      </c>
      <c r="AS2654">
        <v>3553</v>
      </c>
      <c r="AT2654">
        <v>270.42152466367708</v>
      </c>
      <c r="AU2654">
        <v>1.8607667282159509E-2</v>
      </c>
      <c r="AV2654">
        <v>1.8746668622513851E-2</v>
      </c>
      <c r="AW2654">
        <v>0.38144618834080718</v>
      </c>
      <c r="AX2654">
        <v>85.356882534342589</v>
      </c>
      <c r="AY2654">
        <v>65</v>
      </c>
      <c r="AZ2654">
        <v>129</v>
      </c>
      <c r="BA2654">
        <v>0.59148334050741924</v>
      </c>
      <c r="BB2654">
        <v>0.49187219730941711</v>
      </c>
      <c r="BC2654">
        <v>5.3120192512255056</v>
      </c>
      <c r="BD2654" t="s">
        <v>10107</v>
      </c>
      <c r="BE2654" t="s">
        <v>62</v>
      </c>
    </row>
    <row r="2655" spans="1:57" x14ac:dyDescent="0.3">
      <c r="A2655" t="s">
        <v>10108</v>
      </c>
      <c r="B2655">
        <v>2923</v>
      </c>
      <c r="C2655" t="s">
        <v>10109</v>
      </c>
      <c r="D2655" t="s">
        <v>10110</v>
      </c>
      <c r="E2655" t="s">
        <v>106</v>
      </c>
      <c r="F2655">
        <v>2971</v>
      </c>
      <c r="G2655">
        <v>127.0343318747896</v>
      </c>
      <c r="H2655">
        <v>126</v>
      </c>
      <c r="I2655">
        <v>5376.1563440419959</v>
      </c>
      <c r="J2655">
        <v>73.322277269885689</v>
      </c>
      <c r="K2655">
        <v>3.0714724008432922E-3</v>
      </c>
      <c r="L2655">
        <v>-1.197509846911863</v>
      </c>
      <c r="M2655">
        <v>7.9326595622602154</v>
      </c>
      <c r="N2655">
        <v>22</v>
      </c>
      <c r="O2655">
        <v>3</v>
      </c>
      <c r="P2655">
        <v>19</v>
      </c>
      <c r="Q2655">
        <v>3.5140078746032199</v>
      </c>
      <c r="R2655">
        <v>5.4985006099225604</v>
      </c>
      <c r="S2655">
        <v>2</v>
      </c>
      <c r="T2655">
        <v>1</v>
      </c>
      <c r="U2655">
        <v>1</v>
      </c>
      <c r="V2655">
        <v>0.15456838226727521</v>
      </c>
      <c r="W2655">
        <v>7.9631768615477494</v>
      </c>
      <c r="X2655">
        <v>1</v>
      </c>
      <c r="Y2655">
        <v>1</v>
      </c>
      <c r="Z2655">
        <v>0</v>
      </c>
      <c r="AA2655">
        <v>0</v>
      </c>
      <c r="AB2655">
        <v>7.9959804747637602</v>
      </c>
      <c r="AC2655">
        <v>1</v>
      </c>
      <c r="AD2655">
        <v>1</v>
      </c>
      <c r="AE2655">
        <v>0</v>
      </c>
      <c r="AF2655">
        <v>0</v>
      </c>
      <c r="AG2655">
        <v>7.9956436042872721</v>
      </c>
      <c r="AH2655">
        <v>-1.08416734189242E-2</v>
      </c>
      <c r="AI2655">
        <v>-1.415202120143939E-2</v>
      </c>
      <c r="AJ2655">
        <v>1.3171087362941191E-2</v>
      </c>
      <c r="AK2655">
        <v>1.34532272213792E-2</v>
      </c>
      <c r="AL2655">
        <v>3664.984020402555</v>
      </c>
      <c r="AM2655">
        <v>7105.3235767411697</v>
      </c>
      <c r="AN2655">
        <v>377418.99999999988</v>
      </c>
      <c r="AO2655">
        <v>94.936713829134149</v>
      </c>
      <c r="AP2655">
        <v>3312.698714168052</v>
      </c>
      <c r="AQ2655">
        <v>1.0077415011780551</v>
      </c>
      <c r="AR2655">
        <v>4.0023561090541904</v>
      </c>
      <c r="AS2655">
        <v>2959</v>
      </c>
      <c r="AT2655">
        <v>272.38471894984849</v>
      </c>
      <c r="AU2655">
        <v>1.1334402492063861E-2</v>
      </c>
      <c r="AV2655">
        <v>-1.084638962914888E-2</v>
      </c>
      <c r="AW2655">
        <v>0.38135307977112082</v>
      </c>
      <c r="AX2655">
        <v>85.368350168350162</v>
      </c>
      <c r="AY2655">
        <v>64</v>
      </c>
      <c r="AZ2655">
        <v>127</v>
      </c>
      <c r="BA2655">
        <v>0.5771847357150286</v>
      </c>
      <c r="BB2655">
        <v>0.49074385728710868</v>
      </c>
      <c r="BC2655">
        <v>5.3132648267037661</v>
      </c>
      <c r="BD2655" t="s">
        <v>10111</v>
      </c>
      <c r="BE2655" t="s">
        <v>68</v>
      </c>
    </row>
    <row r="2656" spans="1:57" x14ac:dyDescent="0.3">
      <c r="A2656" t="s">
        <v>10112</v>
      </c>
      <c r="B2656">
        <v>1902</v>
      </c>
      <c r="C2656" t="s">
        <v>10113</v>
      </c>
      <c r="D2656" t="s">
        <v>10114</v>
      </c>
      <c r="E2656" t="s">
        <v>93</v>
      </c>
      <c r="F2656">
        <v>1902</v>
      </c>
      <c r="G2656">
        <v>128.27497371188221</v>
      </c>
      <c r="H2656">
        <v>129</v>
      </c>
      <c r="I2656">
        <v>5450.2540424546196</v>
      </c>
      <c r="J2656">
        <v>73.825835873727968</v>
      </c>
      <c r="K2656">
        <v>-3.0592823634169691E-2</v>
      </c>
      <c r="L2656">
        <v>-1.186544852626229</v>
      </c>
      <c r="M2656">
        <v>7.9076498540579587</v>
      </c>
      <c r="N2656">
        <v>16</v>
      </c>
      <c r="O2656">
        <v>2</v>
      </c>
      <c r="P2656">
        <v>14</v>
      </c>
      <c r="Q2656">
        <v>2.6285202400483341</v>
      </c>
      <c r="R2656">
        <v>5.4811652011955374</v>
      </c>
      <c r="S2656">
        <v>2</v>
      </c>
      <c r="T2656">
        <v>1</v>
      </c>
      <c r="U2656">
        <v>1</v>
      </c>
      <c r="V2656">
        <v>0.11916418395269859</v>
      </c>
      <c r="W2656">
        <v>7.5304457329406969</v>
      </c>
      <c r="X2656">
        <v>1</v>
      </c>
      <c r="Y2656">
        <v>1</v>
      </c>
      <c r="Z2656">
        <v>0</v>
      </c>
      <c r="AA2656">
        <v>0</v>
      </c>
      <c r="AB2656">
        <v>7.5496091651545294</v>
      </c>
      <c r="AC2656">
        <v>1</v>
      </c>
      <c r="AD2656">
        <v>1</v>
      </c>
      <c r="AE2656">
        <v>0</v>
      </c>
      <c r="AF2656">
        <v>0</v>
      </c>
      <c r="AG2656">
        <v>7.5490827108122831</v>
      </c>
      <c r="AH2656">
        <v>-2.7737534537905129E-3</v>
      </c>
      <c r="AI2656">
        <v>-2.900567191202573E-3</v>
      </c>
      <c r="AJ2656">
        <v>-4.6539748325406223E-3</v>
      </c>
      <c r="AK2656">
        <v>-1.3998702813915759E-2</v>
      </c>
      <c r="AL2656">
        <v>2985.2442809648628</v>
      </c>
      <c r="AM2656">
        <v>5722.8576413332676</v>
      </c>
      <c r="AN2656">
        <v>243979</v>
      </c>
      <c r="AO2656">
        <v>60.433205376606317</v>
      </c>
      <c r="AP2656">
        <v>2753.480659462346</v>
      </c>
      <c r="AQ2656">
        <v>1.012092534174553</v>
      </c>
      <c r="AR2656">
        <v>4.0073606729758149</v>
      </c>
      <c r="AS2656">
        <v>1890</v>
      </c>
      <c r="AT2656">
        <v>238.06309148264981</v>
      </c>
      <c r="AU2656">
        <v>1.8191377497371208E-2</v>
      </c>
      <c r="AV2656">
        <v>-2.7759871484791922E-3</v>
      </c>
      <c r="AW2656">
        <v>0.35856992639327018</v>
      </c>
      <c r="AX2656">
        <v>85.002630194634406</v>
      </c>
      <c r="AY2656">
        <v>64</v>
      </c>
      <c r="AZ2656">
        <v>127.75</v>
      </c>
      <c r="BA2656">
        <v>0.57552797507912801</v>
      </c>
      <c r="BB2656">
        <v>0.50420609884332279</v>
      </c>
      <c r="BC2656">
        <v>5.2916845972033961</v>
      </c>
      <c r="BD2656" t="s">
        <v>10115</v>
      </c>
      <c r="BE2656" t="s">
        <v>68</v>
      </c>
    </row>
    <row r="2657" spans="1:57" x14ac:dyDescent="0.3">
      <c r="A2657" t="s">
        <v>10116</v>
      </c>
      <c r="B2657">
        <v>2894</v>
      </c>
      <c r="C2657" t="s">
        <v>10117</v>
      </c>
      <c r="D2657" t="s">
        <v>10118</v>
      </c>
      <c r="E2657" t="s">
        <v>128</v>
      </c>
      <c r="F2657">
        <v>32</v>
      </c>
      <c r="G2657">
        <v>116.875</v>
      </c>
      <c r="H2657">
        <v>118</v>
      </c>
      <c r="I2657">
        <v>4476.484375</v>
      </c>
      <c r="J2657">
        <v>66.906534621066726</v>
      </c>
      <c r="K2657">
        <v>0.15255512385757311</v>
      </c>
      <c r="L2657">
        <v>-0.7670448316690468</v>
      </c>
      <c r="M2657">
        <v>4.9375</v>
      </c>
      <c r="N2657">
        <v>2</v>
      </c>
      <c r="O2657">
        <v>1</v>
      </c>
      <c r="P2657">
        <v>1</v>
      </c>
      <c r="Q2657">
        <v>0.17668469596940839</v>
      </c>
      <c r="R2657">
        <v>3.422414204014729</v>
      </c>
      <c r="S2657">
        <v>1</v>
      </c>
      <c r="T2657">
        <v>1</v>
      </c>
      <c r="U2657">
        <v>0</v>
      </c>
      <c r="V2657">
        <v>0</v>
      </c>
      <c r="W2657">
        <v>3.4339872044851458</v>
      </c>
      <c r="X2657">
        <v>1</v>
      </c>
      <c r="Y2657">
        <v>1</v>
      </c>
      <c r="Z2657">
        <v>0</v>
      </c>
      <c r="AA2657">
        <v>0</v>
      </c>
      <c r="AB2657">
        <v>3.401197381662155</v>
      </c>
      <c r="AC2657">
        <v>1</v>
      </c>
      <c r="AD2657">
        <v>1</v>
      </c>
      <c r="AE2657">
        <v>0</v>
      </c>
      <c r="AF2657">
        <v>0</v>
      </c>
      <c r="AG2657">
        <v>3.3672958299864728</v>
      </c>
      <c r="AH2657">
        <v>-1.0791745929248329E-2</v>
      </c>
      <c r="AI2657">
        <v>-0.21474393095865549</v>
      </c>
      <c r="AJ2657">
        <v>-7.4781082566885981E-2</v>
      </c>
      <c r="AK2657">
        <v>-6.3633963943524316E-2</v>
      </c>
      <c r="AL2657">
        <v>437.3523647404283</v>
      </c>
      <c r="AM2657">
        <v>623.76510727673383</v>
      </c>
      <c r="AN2657">
        <v>3740</v>
      </c>
      <c r="AO2657">
        <v>120.246241092365</v>
      </c>
      <c r="AP2657">
        <v>298.74121281370338</v>
      </c>
      <c r="AQ2657">
        <v>1.65625</v>
      </c>
      <c r="AR2657">
        <v>4.09375</v>
      </c>
      <c r="AS2657">
        <v>32</v>
      </c>
      <c r="AT2657">
        <v>0.93749999999999978</v>
      </c>
      <c r="AU2657">
        <v>0.1769607843137255</v>
      </c>
      <c r="AV2657">
        <v>-1.1474257287320509E-2</v>
      </c>
      <c r="AW2657">
        <v>0.46875</v>
      </c>
      <c r="AX2657">
        <v>77.322580645161295</v>
      </c>
      <c r="AY2657">
        <v>53.5</v>
      </c>
      <c r="AZ2657">
        <v>100.25</v>
      </c>
      <c r="BA2657">
        <v>0.57246232830859234</v>
      </c>
      <c r="BB2657">
        <v>0.5</v>
      </c>
      <c r="BC2657">
        <v>3.4339872044851458</v>
      </c>
      <c r="BD2657" t="s">
        <v>10119</v>
      </c>
      <c r="BE2657" t="s">
        <v>62</v>
      </c>
    </row>
    <row r="2658" spans="1:57" x14ac:dyDescent="0.3">
      <c r="A2658" t="s">
        <v>10120</v>
      </c>
      <c r="B2658">
        <v>2349</v>
      </c>
      <c r="C2658" t="s">
        <v>10121</v>
      </c>
      <c r="D2658" t="s">
        <v>10122</v>
      </c>
      <c r="E2658" t="s">
        <v>128</v>
      </c>
      <c r="F2658">
        <v>32</v>
      </c>
      <c r="G2658">
        <v>132.59375</v>
      </c>
      <c r="H2658">
        <v>151.5</v>
      </c>
      <c r="I2658">
        <v>5234.3037109375</v>
      </c>
      <c r="J2658">
        <v>72.348487965799947</v>
      </c>
      <c r="K2658">
        <v>-0.33240504251573</v>
      </c>
      <c r="L2658">
        <v>-1.27698925024576</v>
      </c>
      <c r="M2658">
        <v>4.75</v>
      </c>
      <c r="N2658">
        <v>2</v>
      </c>
      <c r="O2658">
        <v>1</v>
      </c>
      <c r="P2658">
        <v>1</v>
      </c>
      <c r="Q2658">
        <v>0.3499271061118826</v>
      </c>
      <c r="R2658">
        <v>3.2924491076597389</v>
      </c>
      <c r="S2658">
        <v>1</v>
      </c>
      <c r="T2658">
        <v>1</v>
      </c>
      <c r="U2658">
        <v>0</v>
      </c>
      <c r="V2658">
        <v>0</v>
      </c>
      <c r="W2658">
        <v>3.4339872044851458</v>
      </c>
      <c r="X2658">
        <v>1</v>
      </c>
      <c r="Y2658">
        <v>1</v>
      </c>
      <c r="Z2658">
        <v>0</v>
      </c>
      <c r="AA2658">
        <v>0</v>
      </c>
      <c r="AB2658">
        <v>3.401197381662155</v>
      </c>
      <c r="AC2658">
        <v>1</v>
      </c>
      <c r="AD2658">
        <v>1</v>
      </c>
      <c r="AE2658">
        <v>0</v>
      </c>
      <c r="AF2658">
        <v>0</v>
      </c>
      <c r="AG2658">
        <v>3.3672958299864728</v>
      </c>
      <c r="AH2658">
        <v>1.8195344591446859E-2</v>
      </c>
      <c r="AI2658">
        <v>-9.584189532805204E-2</v>
      </c>
      <c r="AJ2658">
        <v>-3.4985626903127599E-2</v>
      </c>
      <c r="AK2658">
        <v>-9.8650375742057678E-2</v>
      </c>
      <c r="AL2658">
        <v>505.12675224524668</v>
      </c>
      <c r="AM2658">
        <v>689.15888165659533</v>
      </c>
      <c r="AN2658">
        <v>4243</v>
      </c>
      <c r="AO2658">
        <v>146.04564802843959</v>
      </c>
      <c r="AP2658">
        <v>349.02180865994171</v>
      </c>
      <c r="AQ2658">
        <v>1.71875</v>
      </c>
      <c r="AR2658">
        <v>4.25</v>
      </c>
      <c r="AS2658">
        <v>32</v>
      </c>
      <c r="AT2658">
        <v>3</v>
      </c>
      <c r="AU2658">
        <v>0.17213983050847459</v>
      </c>
      <c r="AV2658">
        <v>1.732990348162142E-2</v>
      </c>
      <c r="AW2658">
        <v>0.3125</v>
      </c>
      <c r="AX2658">
        <v>81.354838709677423</v>
      </c>
      <c r="AY2658">
        <v>53.5</v>
      </c>
      <c r="AZ2658">
        <v>132.5</v>
      </c>
      <c r="BA2658">
        <v>0.54564025804986993</v>
      </c>
      <c r="BB2658">
        <v>0.5625</v>
      </c>
      <c r="BC2658">
        <v>3.3445488586064429</v>
      </c>
      <c r="BD2658" t="s">
        <v>10123</v>
      </c>
      <c r="BE2658" t="s">
        <v>62</v>
      </c>
    </row>
    <row r="2659" spans="1:57" x14ac:dyDescent="0.3">
      <c r="A2659" t="s">
        <v>10124</v>
      </c>
      <c r="B2659">
        <v>3342</v>
      </c>
      <c r="C2659" t="s">
        <v>10125</v>
      </c>
      <c r="D2659" t="s">
        <v>10126</v>
      </c>
      <c r="E2659" t="s">
        <v>93</v>
      </c>
      <c r="F2659">
        <v>3584</v>
      </c>
      <c r="G2659">
        <v>127.08147321428569</v>
      </c>
      <c r="H2659">
        <v>127</v>
      </c>
      <c r="I2659">
        <v>5562.6233844367835</v>
      </c>
      <c r="J2659">
        <v>74.582996617438098</v>
      </c>
      <c r="K2659">
        <v>1.452397422792222E-2</v>
      </c>
      <c r="L2659">
        <v>-1.2299848635673289</v>
      </c>
      <c r="M2659">
        <v>7.9524264050943314</v>
      </c>
      <c r="N2659">
        <v>28</v>
      </c>
      <c r="O2659">
        <v>6</v>
      </c>
      <c r="P2659">
        <v>22</v>
      </c>
      <c r="Q2659">
        <v>3.608800008313013</v>
      </c>
      <c r="R2659">
        <v>5.5122019413015977</v>
      </c>
      <c r="S2659">
        <v>3</v>
      </c>
      <c r="T2659">
        <v>1</v>
      </c>
      <c r="U2659">
        <v>2</v>
      </c>
      <c r="V2659">
        <v>0.17607802745549589</v>
      </c>
      <c r="W2659">
        <v>8.1428921805064949</v>
      </c>
      <c r="X2659">
        <v>2</v>
      </c>
      <c r="Y2659">
        <v>1</v>
      </c>
      <c r="Z2659">
        <v>1</v>
      </c>
      <c r="AA2659">
        <v>2.3629369812912408E-2</v>
      </c>
      <c r="AB2659">
        <v>8.1829025489181895</v>
      </c>
      <c r="AC2659">
        <v>1</v>
      </c>
      <c r="AD2659">
        <v>1</v>
      </c>
      <c r="AE2659">
        <v>0</v>
      </c>
      <c r="AF2659">
        <v>0</v>
      </c>
      <c r="AG2659">
        <v>8.1833973699984313</v>
      </c>
      <c r="AH2659">
        <v>1.587042760447439E-2</v>
      </c>
      <c r="AI2659">
        <v>-4.7944337194066209E-3</v>
      </c>
      <c r="AJ2659">
        <v>-1.7695987420521179E-3</v>
      </c>
      <c r="AK2659">
        <v>-3.3701555598130957E-4</v>
      </c>
      <c r="AL2659">
        <v>4082.4936192990972</v>
      </c>
      <c r="AM2659">
        <v>7819.86034711504</v>
      </c>
      <c r="AN2659">
        <v>455460</v>
      </c>
      <c r="AO2659">
        <v>43.493964768436832</v>
      </c>
      <c r="AP2659">
        <v>3750.5314403887191</v>
      </c>
      <c r="AQ2659">
        <v>1.006417410714286</v>
      </c>
      <c r="AR2659">
        <v>3.989676339285714</v>
      </c>
      <c r="AS2659">
        <v>3572</v>
      </c>
      <c r="AT2659">
        <v>238.14285714285711</v>
      </c>
      <c r="AU2659">
        <v>1.464132528011206E-2</v>
      </c>
      <c r="AV2659">
        <v>1.5877252618863288E-2</v>
      </c>
      <c r="AW2659">
        <v>0.37109375</v>
      </c>
      <c r="AX2659">
        <v>85.115545632151822</v>
      </c>
      <c r="AY2659">
        <v>66</v>
      </c>
      <c r="AZ2659">
        <v>132</v>
      </c>
      <c r="BA2659">
        <v>0.58689118666161277</v>
      </c>
      <c r="BB2659">
        <v>0.49609375</v>
      </c>
      <c r="BC2659">
        <v>5.3199331055530612</v>
      </c>
      <c r="BD2659" t="s">
        <v>10127</v>
      </c>
      <c r="BE2659" t="s">
        <v>62</v>
      </c>
    </row>
    <row r="2660" spans="1:57" x14ac:dyDescent="0.3">
      <c r="A2660" t="s">
        <v>10128</v>
      </c>
      <c r="B2660">
        <v>2467</v>
      </c>
      <c r="C2660" t="s">
        <v>10129</v>
      </c>
      <c r="D2660" t="s">
        <v>10130</v>
      </c>
      <c r="E2660" t="s">
        <v>93</v>
      </c>
      <c r="F2660">
        <v>2611</v>
      </c>
      <c r="G2660">
        <v>126.46036001531979</v>
      </c>
      <c r="H2660">
        <v>127</v>
      </c>
      <c r="I2660">
        <v>5482.4736297440004</v>
      </c>
      <c r="J2660">
        <v>74.04372782176759</v>
      </c>
      <c r="K2660">
        <v>-4.9784543825416323E-4</v>
      </c>
      <c r="L2660">
        <v>-1.203072264896504</v>
      </c>
      <c r="M2660">
        <v>7.9260346520240361</v>
      </c>
      <c r="N2660">
        <v>18</v>
      </c>
      <c r="O2660">
        <v>3</v>
      </c>
      <c r="P2660">
        <v>15</v>
      </c>
      <c r="Q2660">
        <v>3.2227462108655769</v>
      </c>
      <c r="R2660">
        <v>5.4939085720708682</v>
      </c>
      <c r="S2660">
        <v>2</v>
      </c>
      <c r="T2660">
        <v>1</v>
      </c>
      <c r="U2660">
        <v>1</v>
      </c>
      <c r="V2660">
        <v>0.1283373402408626</v>
      </c>
      <c r="W2660">
        <v>7.8442661679304706</v>
      </c>
      <c r="X2660">
        <v>1</v>
      </c>
      <c r="Y2660">
        <v>1</v>
      </c>
      <c r="Z2660">
        <v>0</v>
      </c>
      <c r="AA2660">
        <v>0</v>
      </c>
      <c r="AB2660">
        <v>7.8667222851367304</v>
      </c>
      <c r="AC2660">
        <v>1</v>
      </c>
      <c r="AD2660">
        <v>1</v>
      </c>
      <c r="AE2660">
        <v>0</v>
      </c>
      <c r="AF2660">
        <v>0</v>
      </c>
      <c r="AG2660">
        <v>7.866338923046543</v>
      </c>
      <c r="AH2660">
        <v>-3.532492012598524E-4</v>
      </c>
      <c r="AI2660">
        <v>5.0154127409334816E-3</v>
      </c>
      <c r="AJ2660">
        <v>8.2694995440751491E-3</v>
      </c>
      <c r="AK2660">
        <v>-7.62870962510239E-3</v>
      </c>
      <c r="AL2660">
        <v>3495.1921248552439</v>
      </c>
      <c r="AM2660">
        <v>6622.2401051570077</v>
      </c>
      <c r="AN2660">
        <v>330188</v>
      </c>
      <c r="AO2660">
        <v>66.982371840568476</v>
      </c>
      <c r="AP2660">
        <v>3182.6890372327589</v>
      </c>
      <c r="AQ2660">
        <v>1.008808885484489</v>
      </c>
      <c r="AR2660">
        <v>3.9869781692837991</v>
      </c>
      <c r="AS2660">
        <v>2602</v>
      </c>
      <c r="AT2660">
        <v>260.69054002297969</v>
      </c>
      <c r="AU2660">
        <v>1.456132050675499E-2</v>
      </c>
      <c r="AV2660">
        <v>-3.5397794142142508E-4</v>
      </c>
      <c r="AW2660">
        <v>0.36461126005361932</v>
      </c>
      <c r="AX2660">
        <v>85.740613026819929</v>
      </c>
      <c r="AY2660">
        <v>65</v>
      </c>
      <c r="AZ2660">
        <v>129</v>
      </c>
      <c r="BA2660">
        <v>0.58550938659986185</v>
      </c>
      <c r="BB2660">
        <v>0.50402144772117963</v>
      </c>
      <c r="BC2660">
        <v>5.3041965249562777</v>
      </c>
      <c r="BD2660" t="s">
        <v>10131</v>
      </c>
      <c r="BE2660" t="s">
        <v>68</v>
      </c>
    </row>
    <row r="2661" spans="1:57" x14ac:dyDescent="0.3">
      <c r="A2661" t="s">
        <v>10132</v>
      </c>
      <c r="B2661">
        <v>133</v>
      </c>
      <c r="C2661" t="s">
        <v>10133</v>
      </c>
      <c r="D2661" t="s">
        <v>10134</v>
      </c>
      <c r="E2661" t="s">
        <v>60</v>
      </c>
      <c r="F2661">
        <v>512</v>
      </c>
      <c r="G2661">
        <v>128.91015625</v>
      </c>
      <c r="H2661">
        <v>136</v>
      </c>
      <c r="I2661">
        <v>5433.4645843505859</v>
      </c>
      <c r="J2661">
        <v>73.71203825936837</v>
      </c>
      <c r="K2661">
        <v>-7.6336358375258206E-2</v>
      </c>
      <c r="L2661">
        <v>-1.2308193088299251</v>
      </c>
      <c r="M2661">
        <v>7.5542182778652718</v>
      </c>
      <c r="N2661">
        <v>6</v>
      </c>
      <c r="O2661">
        <v>1</v>
      </c>
      <c r="P2661">
        <v>5</v>
      </c>
      <c r="Q2661">
        <v>1.3124397533677561</v>
      </c>
      <c r="R2661">
        <v>5.2361851006367166</v>
      </c>
      <c r="S2661">
        <v>2</v>
      </c>
      <c r="T2661">
        <v>1</v>
      </c>
      <c r="U2661">
        <v>1</v>
      </c>
      <c r="V2661">
        <v>9.891299412049169E-2</v>
      </c>
      <c r="W2661">
        <v>6.2228050661222962</v>
      </c>
      <c r="X2661">
        <v>1</v>
      </c>
      <c r="Y2661">
        <v>1</v>
      </c>
      <c r="Z2661">
        <v>0</v>
      </c>
      <c r="AA2661">
        <v>0</v>
      </c>
      <c r="AB2661">
        <v>6.2344107257183694</v>
      </c>
      <c r="AC2661">
        <v>1</v>
      </c>
      <c r="AD2661">
        <v>1</v>
      </c>
      <c r="AE2661">
        <v>0</v>
      </c>
      <c r="AF2661">
        <v>0</v>
      </c>
      <c r="AG2661">
        <v>6.2324480165505216</v>
      </c>
      <c r="AH2661">
        <v>-3.8823124019781052E-2</v>
      </c>
      <c r="AI2661">
        <v>4.969616343334652E-3</v>
      </c>
      <c r="AJ2661">
        <v>7.2620113854826099E-2</v>
      </c>
      <c r="AK2661">
        <v>6.1712848690333257E-2</v>
      </c>
      <c r="AL2661">
        <v>1618.3749745794159</v>
      </c>
      <c r="AM2661">
        <v>2944.677306880174</v>
      </c>
      <c r="AN2661">
        <v>66002</v>
      </c>
      <c r="AO2661">
        <v>28.1413304528539</v>
      </c>
      <c r="AP2661">
        <v>1395.0352115338801</v>
      </c>
      <c r="AQ2661">
        <v>1.044921875</v>
      </c>
      <c r="AR2661">
        <v>3.875</v>
      </c>
      <c r="AS2661">
        <v>509</v>
      </c>
      <c r="AT2661">
        <v>159.8828125</v>
      </c>
      <c r="AU2661">
        <v>4.1237745098039243E-2</v>
      </c>
      <c r="AV2661">
        <v>-3.8831859780217241E-2</v>
      </c>
      <c r="AW2661">
        <v>0.33203125</v>
      </c>
      <c r="AX2661">
        <v>86.722113502935414</v>
      </c>
      <c r="AY2661">
        <v>66</v>
      </c>
      <c r="AZ2661">
        <v>133.25</v>
      </c>
      <c r="BA2661">
        <v>0.57180939348499449</v>
      </c>
      <c r="BB2661">
        <v>0.529296875</v>
      </c>
      <c r="BC2661">
        <v>5.1169101152642504</v>
      </c>
      <c r="BD2661" t="s">
        <v>10135</v>
      </c>
      <c r="BE2661" t="s">
        <v>62</v>
      </c>
    </row>
    <row r="2662" spans="1:57" x14ac:dyDescent="0.3">
      <c r="A2662" t="s">
        <v>10136</v>
      </c>
      <c r="B2662">
        <v>2891</v>
      </c>
      <c r="C2662" t="s">
        <v>10137</v>
      </c>
      <c r="D2662" t="s">
        <v>10138</v>
      </c>
      <c r="E2662" t="s">
        <v>115</v>
      </c>
      <c r="F2662">
        <v>2925</v>
      </c>
      <c r="G2662">
        <v>125.93401709401709</v>
      </c>
      <c r="H2662">
        <v>126</v>
      </c>
      <c r="I2662">
        <v>5394.7624838629554</v>
      </c>
      <c r="J2662">
        <v>73.449046854693464</v>
      </c>
      <c r="K2662">
        <v>9.2661936006347406E-3</v>
      </c>
      <c r="L2662">
        <v>-1.187685828720634</v>
      </c>
      <c r="M2662">
        <v>7.9325839646997309</v>
      </c>
      <c r="N2662">
        <v>22</v>
      </c>
      <c r="O2662">
        <v>3</v>
      </c>
      <c r="P2662">
        <v>19</v>
      </c>
      <c r="Q2662">
        <v>3.465561509647237</v>
      </c>
      <c r="R2662">
        <v>5.498448209686666</v>
      </c>
      <c r="S2662">
        <v>2</v>
      </c>
      <c r="T2662">
        <v>1</v>
      </c>
      <c r="U2662">
        <v>1</v>
      </c>
      <c r="V2662">
        <v>0.14201859533873831</v>
      </c>
      <c r="W2662">
        <v>7.9527353970303833</v>
      </c>
      <c r="X2662">
        <v>1</v>
      </c>
      <c r="Y2662">
        <v>1</v>
      </c>
      <c r="Z2662">
        <v>0</v>
      </c>
      <c r="AA2662">
        <v>0</v>
      </c>
      <c r="AB2662">
        <v>7.9803657651112463</v>
      </c>
      <c r="AC2662">
        <v>1</v>
      </c>
      <c r="AD2662">
        <v>1</v>
      </c>
      <c r="AE2662">
        <v>0</v>
      </c>
      <c r="AF2662">
        <v>0</v>
      </c>
      <c r="AG2662">
        <v>7.9800235923106442</v>
      </c>
      <c r="AH2662">
        <v>-3.9309379498225223E-2</v>
      </c>
      <c r="AI2662">
        <v>2.251927005064101E-2</v>
      </c>
      <c r="AJ2662">
        <v>-2.1378781551561411E-3</v>
      </c>
      <c r="AK2662">
        <v>-1.913078580568533E-3</v>
      </c>
      <c r="AL2662">
        <v>3638.932030687904</v>
      </c>
      <c r="AM2662">
        <v>6994.7502225621756</v>
      </c>
      <c r="AN2662">
        <v>368357</v>
      </c>
      <c r="AO2662">
        <v>154.69852418119311</v>
      </c>
      <c r="AP2662">
        <v>3256.8904297511599</v>
      </c>
      <c r="AQ2662">
        <v>1.0078632478632481</v>
      </c>
      <c r="AR2662">
        <v>3.9835897435897429</v>
      </c>
      <c r="AS2662">
        <v>2916</v>
      </c>
      <c r="AT2662">
        <v>269.09230769230771</v>
      </c>
      <c r="AU2662">
        <v>1.984917043740575E-2</v>
      </c>
      <c r="AV2662">
        <v>-3.9311930627435439E-2</v>
      </c>
      <c r="AW2662">
        <v>0.37128205128205127</v>
      </c>
      <c r="AX2662">
        <v>86.876196990424077</v>
      </c>
      <c r="AY2662">
        <v>62</v>
      </c>
      <c r="AZ2662">
        <v>125</v>
      </c>
      <c r="BA2662">
        <v>0.58323436788218597</v>
      </c>
      <c r="BB2662">
        <v>0.50222222222222224</v>
      </c>
      <c r="BC2662">
        <v>5.3194441897817457</v>
      </c>
      <c r="BD2662" t="s">
        <v>10139</v>
      </c>
      <c r="BE2662" t="s">
        <v>68</v>
      </c>
    </row>
    <row r="2663" spans="1:57" x14ac:dyDescent="0.3">
      <c r="A2663" t="s">
        <v>10140</v>
      </c>
      <c r="B2663">
        <v>862</v>
      </c>
      <c r="C2663" t="s">
        <v>10141</v>
      </c>
      <c r="D2663" t="s">
        <v>10142</v>
      </c>
      <c r="E2663" t="s">
        <v>10622</v>
      </c>
      <c r="F2663">
        <v>64</v>
      </c>
      <c r="G2663">
        <v>126.515625</v>
      </c>
      <c r="H2663">
        <v>131</v>
      </c>
      <c r="I2663">
        <v>5678.656005859375</v>
      </c>
      <c r="J2663">
        <v>75.356857722833524</v>
      </c>
      <c r="K2663">
        <v>0.1185044173870882</v>
      </c>
      <c r="L2663">
        <v>-1.142270034570019</v>
      </c>
      <c r="M2663">
        <v>5.65625</v>
      </c>
      <c r="N2663">
        <v>2</v>
      </c>
      <c r="O2663">
        <v>1</v>
      </c>
      <c r="P2663">
        <v>1</v>
      </c>
      <c r="Q2663">
        <v>0.40555066528688077</v>
      </c>
      <c r="R2663">
        <v>3.920613740042191</v>
      </c>
      <c r="S2663">
        <v>1</v>
      </c>
      <c r="T2663">
        <v>1</v>
      </c>
      <c r="U2663">
        <v>0</v>
      </c>
      <c r="V2663">
        <v>0</v>
      </c>
      <c r="W2663">
        <v>4.1431347263915326</v>
      </c>
      <c r="X2663">
        <v>1</v>
      </c>
      <c r="Y2663">
        <v>1</v>
      </c>
      <c r="Z2663">
        <v>0</v>
      </c>
      <c r="AA2663">
        <v>0</v>
      </c>
      <c r="AB2663">
        <v>4.1271343850450908</v>
      </c>
      <c r="AC2663">
        <v>1</v>
      </c>
      <c r="AD2663">
        <v>1</v>
      </c>
      <c r="AE2663">
        <v>0</v>
      </c>
      <c r="AF2663">
        <v>0</v>
      </c>
      <c r="AG2663">
        <v>4.1108738641733096</v>
      </c>
      <c r="AH2663">
        <v>-0.22039697355735391</v>
      </c>
      <c r="AI2663">
        <v>-3.239292001964765E-2</v>
      </c>
      <c r="AJ2663">
        <v>-5.8881742326613223E-2</v>
      </c>
      <c r="AK2663">
        <v>6.7152878467225063E-2</v>
      </c>
      <c r="AL2663">
        <v>656.09151952622801</v>
      </c>
      <c r="AM2663">
        <v>978.45537353819327</v>
      </c>
      <c r="AN2663">
        <v>8097</v>
      </c>
      <c r="AO2663">
        <v>56.750551687088922</v>
      </c>
      <c r="AP2663">
        <v>546.23367556468122</v>
      </c>
      <c r="AQ2663">
        <v>1.359375</v>
      </c>
      <c r="AR2663">
        <v>4.03125</v>
      </c>
      <c r="AS2663">
        <v>64</v>
      </c>
      <c r="AT2663">
        <v>7.2187499999999982</v>
      </c>
      <c r="AU2663">
        <v>9.3380905511810997E-2</v>
      </c>
      <c r="AV2663">
        <v>-0.2291171432267825</v>
      </c>
      <c r="AW2663">
        <v>0.359375</v>
      </c>
      <c r="AX2663">
        <v>99.142857142857139</v>
      </c>
      <c r="AY2663">
        <v>60</v>
      </c>
      <c r="AZ2663">
        <v>115</v>
      </c>
      <c r="BA2663">
        <v>0.59563281391396139</v>
      </c>
      <c r="BB2663">
        <v>0.515625</v>
      </c>
      <c r="BC2663">
        <v>3.9147824763127481</v>
      </c>
      <c r="BD2663" t="s">
        <v>10143</v>
      </c>
      <c r="BE2663" t="s">
        <v>62</v>
      </c>
    </row>
    <row r="2664" spans="1:57" x14ac:dyDescent="0.3">
      <c r="A2664" t="s">
        <v>10144</v>
      </c>
      <c r="B2664">
        <v>2773</v>
      </c>
      <c r="C2664" t="s">
        <v>10145</v>
      </c>
      <c r="D2664" t="s">
        <v>10146</v>
      </c>
      <c r="E2664" t="s">
        <v>115</v>
      </c>
      <c r="F2664">
        <v>2874</v>
      </c>
      <c r="G2664">
        <v>126.5887265135699</v>
      </c>
      <c r="H2664">
        <v>127</v>
      </c>
      <c r="I2664">
        <v>5304.5072633051632</v>
      </c>
      <c r="J2664">
        <v>72.832048325618047</v>
      </c>
      <c r="K2664">
        <v>-7.7372371851143866E-3</v>
      </c>
      <c r="L2664">
        <v>-1.1809127025923369</v>
      </c>
      <c r="M2664">
        <v>7.9326012654970608</v>
      </c>
      <c r="N2664">
        <v>21</v>
      </c>
      <c r="O2664">
        <v>3</v>
      </c>
      <c r="P2664">
        <v>18</v>
      </c>
      <c r="Q2664">
        <v>3.378967214045403</v>
      </c>
      <c r="R2664">
        <v>5.4984602016855497</v>
      </c>
      <c r="S2664">
        <v>3</v>
      </c>
      <c r="T2664">
        <v>1</v>
      </c>
      <c r="U2664">
        <v>2</v>
      </c>
      <c r="V2664">
        <v>0.1528263159112164</v>
      </c>
      <c r="W2664">
        <v>7.933131655060178</v>
      </c>
      <c r="X2664">
        <v>1</v>
      </c>
      <c r="Y2664">
        <v>1</v>
      </c>
      <c r="Z2664">
        <v>0</v>
      </c>
      <c r="AA2664">
        <v>0</v>
      </c>
      <c r="AB2664">
        <v>7.9627639301681148</v>
      </c>
      <c r="AC2664">
        <v>1</v>
      </c>
      <c r="AD2664">
        <v>1</v>
      </c>
      <c r="AE2664">
        <v>0</v>
      </c>
      <c r="AF2664">
        <v>0</v>
      </c>
      <c r="AG2664">
        <v>7.9624156801210644</v>
      </c>
      <c r="AH2664">
        <v>6.1541203328967049E-3</v>
      </c>
      <c r="AI2664">
        <v>1.9269131579038601E-3</v>
      </c>
      <c r="AJ2664">
        <v>-2.5895543074458339E-2</v>
      </c>
      <c r="AK2664">
        <v>-9.0362862638495231E-3</v>
      </c>
      <c r="AL2664">
        <v>3595.5978794736939</v>
      </c>
      <c r="AM2664">
        <v>6954.9862608868089</v>
      </c>
      <c r="AN2664">
        <v>363816</v>
      </c>
      <c r="AO2664">
        <v>100.2742507973972</v>
      </c>
      <c r="AP2664">
        <v>3287.173697975044</v>
      </c>
      <c r="AQ2664">
        <v>1.0080027835768961</v>
      </c>
      <c r="AR2664">
        <v>3.9958246346555319</v>
      </c>
      <c r="AS2664">
        <v>2861</v>
      </c>
      <c r="AT2664">
        <v>260.35212247738338</v>
      </c>
      <c r="AU2664">
        <v>1.5665807032625101E-2</v>
      </c>
      <c r="AV2664">
        <v>6.1569022109737286E-3</v>
      </c>
      <c r="AW2664">
        <v>0.37717466945024358</v>
      </c>
      <c r="AX2664">
        <v>84.286112077967275</v>
      </c>
      <c r="AY2664">
        <v>63</v>
      </c>
      <c r="AZ2664">
        <v>125.75</v>
      </c>
      <c r="BA2664">
        <v>0.5753438740677328</v>
      </c>
      <c r="BB2664">
        <v>0.5010438413361169</v>
      </c>
      <c r="BC2664">
        <v>5.2988974832859146</v>
      </c>
      <c r="BD2664" t="s">
        <v>10147</v>
      </c>
      <c r="BE2664" t="s">
        <v>68</v>
      </c>
    </row>
    <row r="2665" spans="1:57" x14ac:dyDescent="0.3">
      <c r="A2665" t="s">
        <v>10148</v>
      </c>
      <c r="B2665">
        <v>1186</v>
      </c>
      <c r="C2665" t="s">
        <v>10149</v>
      </c>
      <c r="D2665" t="s">
        <v>10150</v>
      </c>
      <c r="E2665" t="s">
        <v>72</v>
      </c>
      <c r="F2665">
        <v>1192</v>
      </c>
      <c r="G2665">
        <v>123.881711409396</v>
      </c>
      <c r="H2665">
        <v>122</v>
      </c>
      <c r="I2665">
        <v>5383.6462427086617</v>
      </c>
      <c r="J2665">
        <v>73.373334684397861</v>
      </c>
      <c r="K2665">
        <v>6.0427978214342468E-2</v>
      </c>
      <c r="L2665">
        <v>-1.1494432949497111</v>
      </c>
      <c r="M2665">
        <v>7.8412049284981507</v>
      </c>
      <c r="N2665">
        <v>11</v>
      </c>
      <c r="O2665">
        <v>1</v>
      </c>
      <c r="P2665">
        <v>10</v>
      </c>
      <c r="Q2665">
        <v>2.105530067824664</v>
      </c>
      <c r="R2665">
        <v>5.4351090883812434</v>
      </c>
      <c r="S2665">
        <v>2</v>
      </c>
      <c r="T2665">
        <v>1</v>
      </c>
      <c r="U2665">
        <v>1</v>
      </c>
      <c r="V2665">
        <v>9.609960240450495E-2</v>
      </c>
      <c r="W2665">
        <v>7.0697448430981069</v>
      </c>
      <c r="X2665">
        <v>1</v>
      </c>
      <c r="Y2665">
        <v>1</v>
      </c>
      <c r="Z2665">
        <v>0</v>
      </c>
      <c r="AA2665">
        <v>0</v>
      </c>
      <c r="AB2665">
        <v>7.0817085861055737</v>
      </c>
      <c r="AC2665">
        <v>1</v>
      </c>
      <c r="AD2665">
        <v>1</v>
      </c>
      <c r="AE2665">
        <v>0</v>
      </c>
      <c r="AF2665">
        <v>0</v>
      </c>
      <c r="AG2665">
        <v>7.0808678966907808</v>
      </c>
      <c r="AH2665">
        <v>-4.2781413737312993E-2</v>
      </c>
      <c r="AI2665">
        <v>-3.4499379195488483E-2</v>
      </c>
      <c r="AJ2665">
        <v>3.4794043438974062E-2</v>
      </c>
      <c r="AK2665">
        <v>-1.040900574169615E-2</v>
      </c>
      <c r="AL2665">
        <v>2370.9744258233818</v>
      </c>
      <c r="AM2665">
        <v>4369.0991373613269</v>
      </c>
      <c r="AN2665">
        <v>147667</v>
      </c>
      <c r="AO2665">
        <v>80.959020504932681</v>
      </c>
      <c r="AP2665">
        <v>2117.56548090464</v>
      </c>
      <c r="AQ2665">
        <v>1.019295302013423</v>
      </c>
      <c r="AR2665">
        <v>3.9454697986577179</v>
      </c>
      <c r="AS2665">
        <v>1190</v>
      </c>
      <c r="AT2665">
        <v>239.94630872483219</v>
      </c>
      <c r="AU2665">
        <v>4.017962889853921E-2</v>
      </c>
      <c r="AV2665">
        <v>-4.2882403404471067E-2</v>
      </c>
      <c r="AW2665">
        <v>0.38171140939597309</v>
      </c>
      <c r="AX2665">
        <v>87.409739714525614</v>
      </c>
      <c r="AY2665">
        <v>62</v>
      </c>
      <c r="AZ2665">
        <v>124</v>
      </c>
      <c r="BA2665">
        <v>0.59228544592767673</v>
      </c>
      <c r="BB2665">
        <v>0.49496644295302011</v>
      </c>
      <c r="BC2665">
        <v>5.2450097677129328</v>
      </c>
      <c r="BD2665" t="s">
        <v>10151</v>
      </c>
      <c r="BE2665" t="s">
        <v>68</v>
      </c>
    </row>
    <row r="2666" spans="1:57" x14ac:dyDescent="0.3">
      <c r="A2666" t="s">
        <v>10152</v>
      </c>
      <c r="B2666">
        <v>2135</v>
      </c>
      <c r="C2666" t="s">
        <v>10153</v>
      </c>
      <c r="D2666" t="s">
        <v>10154</v>
      </c>
      <c r="E2666" t="s">
        <v>93</v>
      </c>
      <c r="F2666">
        <v>2155</v>
      </c>
      <c r="G2666">
        <v>128.32993039443161</v>
      </c>
      <c r="H2666">
        <v>129</v>
      </c>
      <c r="I2666">
        <v>5380.5746726169646</v>
      </c>
      <c r="J2666">
        <v>73.352400592052646</v>
      </c>
      <c r="K2666">
        <v>-2.8245253191276021E-2</v>
      </c>
      <c r="L2666">
        <v>-1.1744236098208991</v>
      </c>
      <c r="M2666">
        <v>7.9180346486376951</v>
      </c>
      <c r="N2666">
        <v>18</v>
      </c>
      <c r="O2666">
        <v>2</v>
      </c>
      <c r="P2666">
        <v>16</v>
      </c>
      <c r="Q2666">
        <v>2.8050438274692668</v>
      </c>
      <c r="R2666">
        <v>5.4883633922791741</v>
      </c>
      <c r="S2666">
        <v>3</v>
      </c>
      <c r="T2666">
        <v>1</v>
      </c>
      <c r="U2666">
        <v>2</v>
      </c>
      <c r="V2666">
        <v>0.13459877602499579</v>
      </c>
      <c r="W2666">
        <v>7.6510260826442806</v>
      </c>
      <c r="X2666">
        <v>1</v>
      </c>
      <c r="Y2666">
        <v>1</v>
      </c>
      <c r="Z2666">
        <v>0</v>
      </c>
      <c r="AA2666">
        <v>0</v>
      </c>
      <c r="AB2666">
        <v>7.6746174973643626</v>
      </c>
      <c r="AC2666">
        <v>1</v>
      </c>
      <c r="AD2666">
        <v>1</v>
      </c>
      <c r="AE2666">
        <v>0</v>
      </c>
      <c r="AF2666">
        <v>0</v>
      </c>
      <c r="AG2666">
        <v>7.6741529212816744</v>
      </c>
      <c r="AH2666">
        <v>1.104614174631597E-3</v>
      </c>
      <c r="AI2666">
        <v>2.505607142505899E-3</v>
      </c>
      <c r="AJ2666">
        <v>1.771070001178196E-2</v>
      </c>
      <c r="AK2666">
        <v>-1.784622955858061E-2</v>
      </c>
      <c r="AL2666">
        <v>3141.0180615758659</v>
      </c>
      <c r="AM2666">
        <v>6100.7306559832796</v>
      </c>
      <c r="AN2666">
        <v>276551</v>
      </c>
      <c r="AO2666">
        <v>73.66333008402421</v>
      </c>
      <c r="AP2666">
        <v>2840.6998778174971</v>
      </c>
      <c r="AQ2666">
        <v>1.0106728538283061</v>
      </c>
      <c r="AR2666">
        <v>4.0162412993039442</v>
      </c>
      <c r="AS2666">
        <v>2147</v>
      </c>
      <c r="AT2666">
        <v>239.2830626450116</v>
      </c>
      <c r="AU2666">
        <v>1.7451435330512719E-2</v>
      </c>
      <c r="AV2666">
        <v>1.105207169534158E-3</v>
      </c>
      <c r="AW2666">
        <v>0.37076566125290022</v>
      </c>
      <c r="AX2666">
        <v>84.920148560817083</v>
      </c>
      <c r="AY2666">
        <v>63</v>
      </c>
      <c r="AZ2666">
        <v>125.5</v>
      </c>
      <c r="BA2666">
        <v>0.57159230404472761</v>
      </c>
      <c r="BB2666">
        <v>0.50255220417633406</v>
      </c>
      <c r="BC2666">
        <v>5.295646949747141</v>
      </c>
      <c r="BD2666" t="s">
        <v>10155</v>
      </c>
      <c r="BE2666" t="s">
        <v>68</v>
      </c>
    </row>
    <row r="2667" spans="1:57" x14ac:dyDescent="0.3">
      <c r="A2667" t="s">
        <v>10156</v>
      </c>
      <c r="B2667">
        <v>706</v>
      </c>
      <c r="C2667" t="s">
        <v>10157</v>
      </c>
      <c r="D2667" t="s">
        <v>10158</v>
      </c>
      <c r="E2667" t="s">
        <v>115</v>
      </c>
      <c r="F2667">
        <v>736</v>
      </c>
      <c r="G2667">
        <v>127.36141304347829</v>
      </c>
      <c r="H2667">
        <v>127</v>
      </c>
      <c r="I2667">
        <v>5680.4509023511337</v>
      </c>
      <c r="J2667">
        <v>75.368766092799561</v>
      </c>
      <c r="K2667">
        <v>2.0097824653860241E-2</v>
      </c>
      <c r="L2667">
        <v>-1.215608590984022</v>
      </c>
      <c r="M2667">
        <v>7.7369925256551237</v>
      </c>
      <c r="N2667">
        <v>8</v>
      </c>
      <c r="O2667">
        <v>1</v>
      </c>
      <c r="P2667">
        <v>7</v>
      </c>
      <c r="Q2667">
        <v>1.5784595445330529</v>
      </c>
      <c r="R2667">
        <v>5.3628745551712091</v>
      </c>
      <c r="S2667">
        <v>2</v>
      </c>
      <c r="T2667">
        <v>1</v>
      </c>
      <c r="U2667">
        <v>1</v>
      </c>
      <c r="V2667">
        <v>5.2163858920341512E-2</v>
      </c>
      <c r="W2667">
        <v>6.5960982696587704</v>
      </c>
      <c r="X2667">
        <v>1</v>
      </c>
      <c r="Y2667">
        <v>1</v>
      </c>
      <c r="Z2667">
        <v>0</v>
      </c>
      <c r="AA2667">
        <v>0</v>
      </c>
      <c r="AB2667">
        <v>6.5985090286145152</v>
      </c>
      <c r="AC2667">
        <v>1</v>
      </c>
      <c r="AD2667">
        <v>1</v>
      </c>
      <c r="AE2667">
        <v>0</v>
      </c>
      <c r="AF2667">
        <v>0</v>
      </c>
      <c r="AG2667">
        <v>6.5971457018866531</v>
      </c>
      <c r="AH2667">
        <v>6.0675551370582267E-2</v>
      </c>
      <c r="AI2667">
        <v>1.014467037569876E-3</v>
      </c>
      <c r="AJ2667">
        <v>7.1152535821334059E-2</v>
      </c>
      <c r="AK2667">
        <v>6.7269095591090358E-2</v>
      </c>
      <c r="AL2667">
        <v>1925.913616403675</v>
      </c>
      <c r="AM2667">
        <v>3522.821701725893</v>
      </c>
      <c r="AN2667">
        <v>93738</v>
      </c>
      <c r="AO2667">
        <v>28.27532106796847</v>
      </c>
      <c r="AP2667">
        <v>1652.493845477064</v>
      </c>
      <c r="AQ2667">
        <v>1.03125</v>
      </c>
      <c r="AR2667">
        <v>4.0339673913043477</v>
      </c>
      <c r="AS2667">
        <v>734</v>
      </c>
      <c r="AT2667">
        <v>201.54347826086951</v>
      </c>
      <c r="AU2667">
        <v>3.1313938618925841E-2</v>
      </c>
      <c r="AV2667">
        <v>6.080177228292203E-2</v>
      </c>
      <c r="AW2667">
        <v>0.36548913043478259</v>
      </c>
      <c r="AX2667">
        <v>82.666666666666671</v>
      </c>
      <c r="AY2667">
        <v>65</v>
      </c>
      <c r="AZ2667">
        <v>130</v>
      </c>
      <c r="BA2667">
        <v>0.59177080633574941</v>
      </c>
      <c r="BB2667">
        <v>0.49456521739130432</v>
      </c>
      <c r="BC2667">
        <v>5.1791373630011321</v>
      </c>
      <c r="BD2667" t="s">
        <v>10159</v>
      </c>
      <c r="BE2667" t="s">
        <v>62</v>
      </c>
    </row>
    <row r="2668" spans="1:57" x14ac:dyDescent="0.3">
      <c r="A2668" t="s">
        <v>10160</v>
      </c>
      <c r="B2668">
        <v>147</v>
      </c>
      <c r="C2668" t="s">
        <v>10161</v>
      </c>
      <c r="D2668" t="s">
        <v>10162</v>
      </c>
      <c r="E2668" t="s">
        <v>60</v>
      </c>
      <c r="F2668">
        <v>512</v>
      </c>
      <c r="G2668">
        <v>128.1171875</v>
      </c>
      <c r="H2668">
        <v>129.5</v>
      </c>
      <c r="I2668">
        <v>5383.8495483398438</v>
      </c>
      <c r="J2668">
        <v>73.37472009036793</v>
      </c>
      <c r="K2668">
        <v>-4.8512315169932749E-2</v>
      </c>
      <c r="L2668">
        <v>-1.1629622764586589</v>
      </c>
      <c r="M2668">
        <v>7.5289152112123574</v>
      </c>
      <c r="N2668">
        <v>7</v>
      </c>
      <c r="O2668">
        <v>1</v>
      </c>
      <c r="P2668">
        <v>6</v>
      </c>
      <c r="Q2668">
        <v>1.2948950895678111</v>
      </c>
      <c r="R2668">
        <v>5.2186463513267292</v>
      </c>
      <c r="S2668">
        <v>2</v>
      </c>
      <c r="T2668">
        <v>1</v>
      </c>
      <c r="U2668">
        <v>1</v>
      </c>
      <c r="V2668">
        <v>6.2560641760670568E-2</v>
      </c>
      <c r="W2668">
        <v>6.2309437805711401</v>
      </c>
      <c r="X2668">
        <v>1</v>
      </c>
      <c r="Y2668">
        <v>1</v>
      </c>
      <c r="Z2668">
        <v>0</v>
      </c>
      <c r="AA2668">
        <v>0</v>
      </c>
      <c r="AB2668">
        <v>6.2344107257183694</v>
      </c>
      <c r="AC2668">
        <v>1</v>
      </c>
      <c r="AD2668">
        <v>1</v>
      </c>
      <c r="AE2668">
        <v>0</v>
      </c>
      <c r="AF2668">
        <v>0</v>
      </c>
      <c r="AG2668">
        <v>6.2324480165505216</v>
      </c>
      <c r="AH2668">
        <v>7.1382984763388516E-2</v>
      </c>
      <c r="AI2668">
        <v>-2.201580708372744E-2</v>
      </c>
      <c r="AJ2668">
        <v>-2.028457277405684E-2</v>
      </c>
      <c r="AK2668">
        <v>1.060179744566798E-2</v>
      </c>
      <c r="AL2668">
        <v>1591.0085467924071</v>
      </c>
      <c r="AM2668">
        <v>2937.5496257992841</v>
      </c>
      <c r="AN2668">
        <v>65596</v>
      </c>
      <c r="AO2668">
        <v>98.506424081186211</v>
      </c>
      <c r="AP2668">
        <v>1356.127991201229</v>
      </c>
      <c r="AQ2668">
        <v>1.044921875</v>
      </c>
      <c r="AR2668">
        <v>3.982421875</v>
      </c>
      <c r="AS2668">
        <v>510</v>
      </c>
      <c r="AT2668">
        <v>147.1875</v>
      </c>
      <c r="AU2668">
        <v>2.5359867125984259E-2</v>
      </c>
      <c r="AV2668">
        <v>7.160161797988257E-2</v>
      </c>
      <c r="AW2668">
        <v>0.359375</v>
      </c>
      <c r="AX2668">
        <v>80.148727984344418</v>
      </c>
      <c r="AY2668">
        <v>61.5</v>
      </c>
      <c r="AZ2668">
        <v>122.5</v>
      </c>
      <c r="BA2668">
        <v>0.57271566385554573</v>
      </c>
      <c r="BB2668">
        <v>0.505859375</v>
      </c>
      <c r="BC2668">
        <v>5.0804130663134321</v>
      </c>
      <c r="BD2668" t="s">
        <v>10163</v>
      </c>
      <c r="BE2668" t="s">
        <v>62</v>
      </c>
    </row>
    <row r="2669" spans="1:57" x14ac:dyDescent="0.3">
      <c r="A2669" t="s">
        <v>10164</v>
      </c>
      <c r="B2669">
        <v>1129</v>
      </c>
      <c r="C2669" t="s">
        <v>10165</v>
      </c>
      <c r="D2669" t="s">
        <v>10166</v>
      </c>
      <c r="E2669" t="s">
        <v>106</v>
      </c>
      <c r="F2669">
        <v>1151</v>
      </c>
      <c r="G2669">
        <v>127.2111207645526</v>
      </c>
      <c r="H2669">
        <v>128</v>
      </c>
      <c r="I2669">
        <v>5579.6991291522272</v>
      </c>
      <c r="J2669">
        <v>74.697383683447896</v>
      </c>
      <c r="K2669">
        <v>-5.2207034971515562E-2</v>
      </c>
      <c r="L2669">
        <v>-1.1906709962951609</v>
      </c>
      <c r="M2669">
        <v>7.8259797752715832</v>
      </c>
      <c r="N2669">
        <v>11</v>
      </c>
      <c r="O2669">
        <v>1</v>
      </c>
      <c r="P2669">
        <v>10</v>
      </c>
      <c r="Q2669">
        <v>2.052730638399038</v>
      </c>
      <c r="R2669">
        <v>5.4245558163486676</v>
      </c>
      <c r="S2669">
        <v>2</v>
      </c>
      <c r="T2669">
        <v>1</v>
      </c>
      <c r="U2669">
        <v>1</v>
      </c>
      <c r="V2669">
        <v>9.779736832761593E-2</v>
      </c>
      <c r="W2669">
        <v>7.0342570144248446</v>
      </c>
      <c r="X2669">
        <v>1</v>
      </c>
      <c r="Y2669">
        <v>1</v>
      </c>
      <c r="Z2669">
        <v>0</v>
      </c>
      <c r="AA2669">
        <v>0</v>
      </c>
      <c r="AB2669">
        <v>7.0466472778487557</v>
      </c>
      <c r="AC2669">
        <v>1</v>
      </c>
      <c r="AD2669">
        <v>1</v>
      </c>
      <c r="AE2669">
        <v>0</v>
      </c>
      <c r="AF2669">
        <v>0</v>
      </c>
      <c r="AG2669">
        <v>7.0457765768795113</v>
      </c>
      <c r="AH2669">
        <v>-5.9862958959438356E-3</v>
      </c>
      <c r="AI2669">
        <v>-1.287496856867669E-2</v>
      </c>
      <c r="AJ2669">
        <v>1.6630616666213429E-2</v>
      </c>
      <c r="AK2669">
        <v>4.9503854735428683E-2</v>
      </c>
      <c r="AL2669">
        <v>2387.171034232731</v>
      </c>
      <c r="AM2669">
        <v>4398.8521745246471</v>
      </c>
      <c r="AN2669">
        <v>146420</v>
      </c>
      <c r="AO2669">
        <v>69.292284445575802</v>
      </c>
      <c r="AP2669">
        <v>2179.5064519598841</v>
      </c>
      <c r="AQ2669">
        <v>1.0199826238053871</v>
      </c>
      <c r="AR2669">
        <v>4.0026064291920074</v>
      </c>
      <c r="AS2669">
        <v>1144</v>
      </c>
      <c r="AT2669">
        <v>232.48218940052129</v>
      </c>
      <c r="AU2669">
        <v>2.5754246094615071E-2</v>
      </c>
      <c r="AV2669">
        <v>-5.9874970684332916E-3</v>
      </c>
      <c r="AW2669">
        <v>0.35186794092093832</v>
      </c>
      <c r="AX2669">
        <v>86.481739130434789</v>
      </c>
      <c r="AY2669">
        <v>64</v>
      </c>
      <c r="AZ2669">
        <v>130</v>
      </c>
      <c r="BA2669">
        <v>0.58719224572905704</v>
      </c>
      <c r="BB2669">
        <v>0.50130321459600347</v>
      </c>
      <c r="BC2669">
        <v>5.2636183966911609</v>
      </c>
      <c r="BD2669" t="s">
        <v>10167</v>
      </c>
      <c r="BE2669" t="s">
        <v>68</v>
      </c>
    </row>
    <row r="2670" spans="1:57" x14ac:dyDescent="0.3">
      <c r="A2670" t="s">
        <v>10168</v>
      </c>
      <c r="B2670">
        <v>1050</v>
      </c>
      <c r="C2670" t="s">
        <v>10169</v>
      </c>
      <c r="D2670" t="s">
        <v>10170</v>
      </c>
      <c r="E2670" t="s">
        <v>115</v>
      </c>
      <c r="F2670">
        <v>1082</v>
      </c>
      <c r="G2670">
        <v>130.93530499075791</v>
      </c>
      <c r="H2670">
        <v>138</v>
      </c>
      <c r="I2670">
        <v>5558.6242803598452</v>
      </c>
      <c r="J2670">
        <v>74.556182039853979</v>
      </c>
      <c r="K2670">
        <v>-0.12756297549472009</v>
      </c>
      <c r="L2670">
        <v>-1.1958483088232561</v>
      </c>
      <c r="M2670">
        <v>7.8204016584366451</v>
      </c>
      <c r="N2670">
        <v>10</v>
      </c>
      <c r="O2670">
        <v>1</v>
      </c>
      <c r="P2670">
        <v>9</v>
      </c>
      <c r="Q2670">
        <v>2.0184682678774748</v>
      </c>
      <c r="R2670">
        <v>5.4206893603916759</v>
      </c>
      <c r="S2670">
        <v>2</v>
      </c>
      <c r="T2670">
        <v>1</v>
      </c>
      <c r="U2670">
        <v>1</v>
      </c>
      <c r="V2670">
        <v>0.10965454906539659</v>
      </c>
      <c r="W2670">
        <v>6.9689703775887386</v>
      </c>
      <c r="X2670">
        <v>1</v>
      </c>
      <c r="Y2670">
        <v>1</v>
      </c>
      <c r="Z2670">
        <v>0</v>
      </c>
      <c r="AA2670">
        <v>0</v>
      </c>
      <c r="AB2670">
        <v>6.9847163201182649</v>
      </c>
      <c r="AC2670">
        <v>1</v>
      </c>
      <c r="AD2670">
        <v>1</v>
      </c>
      <c r="AE2670">
        <v>0</v>
      </c>
      <c r="AF2670">
        <v>0</v>
      </c>
      <c r="AG2670">
        <v>6.9837899652581372</v>
      </c>
      <c r="AH2670">
        <v>-2.0830831512253539E-2</v>
      </c>
      <c r="AI2670">
        <v>-5.4242317439011992E-3</v>
      </c>
      <c r="AJ2670">
        <v>-2.0376833824420162E-3</v>
      </c>
      <c r="AK2670">
        <v>1.5273459012858859E-2</v>
      </c>
      <c r="AL2670">
        <v>2296.1604115554119</v>
      </c>
      <c r="AM2670">
        <v>4392.2597104913639</v>
      </c>
      <c r="AN2670">
        <v>141672</v>
      </c>
      <c r="AO2670">
        <v>20.733958730580479</v>
      </c>
      <c r="AP2670">
        <v>2020.5625297533929</v>
      </c>
      <c r="AQ2670">
        <v>1.021256931608133</v>
      </c>
      <c r="AR2670">
        <v>4.0258780036968584</v>
      </c>
      <c r="AS2670">
        <v>1074</v>
      </c>
      <c r="AT2670">
        <v>242.93160813308691</v>
      </c>
      <c r="AU2670">
        <v>4.7047950418614759E-2</v>
      </c>
      <c r="AV2670">
        <v>-2.08362702814947E-2</v>
      </c>
      <c r="AW2670">
        <v>0.32717190388170048</v>
      </c>
      <c r="AX2670">
        <v>87.967622571692871</v>
      </c>
      <c r="AY2670">
        <v>64</v>
      </c>
      <c r="AZ2670">
        <v>129</v>
      </c>
      <c r="BA2670">
        <v>0.56941236777289805</v>
      </c>
      <c r="BB2670">
        <v>0.53142329020332713</v>
      </c>
      <c r="BC2670">
        <v>5.2430656244780156</v>
      </c>
      <c r="BD2670" t="s">
        <v>10171</v>
      </c>
      <c r="BE2670" t="s">
        <v>68</v>
      </c>
    </row>
    <row r="2671" spans="1:57" x14ac:dyDescent="0.3">
      <c r="A2671" t="s">
        <v>10172</v>
      </c>
      <c r="B2671">
        <v>1099</v>
      </c>
      <c r="C2671" t="s">
        <v>10173</v>
      </c>
      <c r="D2671" t="s">
        <v>10174</v>
      </c>
      <c r="E2671" t="s">
        <v>106</v>
      </c>
      <c r="F2671">
        <v>1143</v>
      </c>
      <c r="G2671">
        <v>127.501312335958</v>
      </c>
      <c r="H2671">
        <v>128</v>
      </c>
      <c r="I2671">
        <v>5474.5212143757617</v>
      </c>
      <c r="J2671">
        <v>73.990007530583227</v>
      </c>
      <c r="K2671">
        <v>2.1118503310700171E-2</v>
      </c>
      <c r="L2671">
        <v>-1.190900763742502</v>
      </c>
      <c r="M2671">
        <v>7.8205640027105003</v>
      </c>
      <c r="N2671">
        <v>13</v>
      </c>
      <c r="O2671">
        <v>1</v>
      </c>
      <c r="P2671">
        <v>12</v>
      </c>
      <c r="Q2671">
        <v>2.0915537833427611</v>
      </c>
      <c r="R2671">
        <v>5.420801888867377</v>
      </c>
      <c r="S2671">
        <v>2</v>
      </c>
      <c r="T2671">
        <v>1</v>
      </c>
      <c r="U2671">
        <v>1</v>
      </c>
      <c r="V2671">
        <v>9.8139253230851348E-2</v>
      </c>
      <c r="W2671">
        <v>7.0271832921666384</v>
      </c>
      <c r="X2671">
        <v>1</v>
      </c>
      <c r="Y2671">
        <v>1</v>
      </c>
      <c r="Z2671">
        <v>0</v>
      </c>
      <c r="AA2671">
        <v>0</v>
      </c>
      <c r="AB2671">
        <v>7.0396603498620749</v>
      </c>
      <c r="AC2671">
        <v>1</v>
      </c>
      <c r="AD2671">
        <v>1</v>
      </c>
      <c r="AE2671">
        <v>0</v>
      </c>
      <c r="AF2671">
        <v>0</v>
      </c>
      <c r="AG2671">
        <v>7.0387835413885416</v>
      </c>
      <c r="AH2671">
        <v>4.0893163152708988E-2</v>
      </c>
      <c r="AI2671">
        <v>-2.1758702985574259E-2</v>
      </c>
      <c r="AJ2671">
        <v>1.3290657950191079E-2</v>
      </c>
      <c r="AK2671">
        <v>-3.3259569323439327E-2</v>
      </c>
      <c r="AL2671">
        <v>2343.0801327106278</v>
      </c>
      <c r="AM2671">
        <v>4398.7077070085861</v>
      </c>
      <c r="AN2671">
        <v>145734</v>
      </c>
      <c r="AO2671">
        <v>54.904746201831493</v>
      </c>
      <c r="AP2671">
        <v>2069.9113379835949</v>
      </c>
      <c r="AQ2671">
        <v>1.0201224846894139</v>
      </c>
      <c r="AR2671">
        <v>4.0017497812773399</v>
      </c>
      <c r="AS2671">
        <v>1137</v>
      </c>
      <c r="AT2671">
        <v>241.12335958005249</v>
      </c>
      <c r="AU2671">
        <v>2.15017240491997E-2</v>
      </c>
      <c r="AV2671">
        <v>4.0935150711108648E-2</v>
      </c>
      <c r="AW2671">
        <v>0.36745406824146981</v>
      </c>
      <c r="AX2671">
        <v>83.345884413309989</v>
      </c>
      <c r="AY2671">
        <v>65</v>
      </c>
      <c r="AZ2671">
        <v>130</v>
      </c>
      <c r="BA2671">
        <v>0.58030781154333666</v>
      </c>
      <c r="BB2671">
        <v>0.50131233595800528</v>
      </c>
      <c r="BC2671">
        <v>5.2103338286972871</v>
      </c>
      <c r="BD2671" t="s">
        <v>10175</v>
      </c>
      <c r="BE2671" t="s">
        <v>68</v>
      </c>
    </row>
    <row r="2672" spans="1:57" x14ac:dyDescent="0.3">
      <c r="A2672" t="s">
        <v>10176</v>
      </c>
      <c r="B2672">
        <v>3666</v>
      </c>
      <c r="C2672" t="s">
        <v>10177</v>
      </c>
      <c r="D2672" t="s">
        <v>10178</v>
      </c>
      <c r="E2672" t="s">
        <v>128</v>
      </c>
      <c r="F2672">
        <v>32</v>
      </c>
      <c r="G2672">
        <v>127.96875</v>
      </c>
      <c r="H2672">
        <v>103.5</v>
      </c>
      <c r="I2672">
        <v>5939.7177734375</v>
      </c>
      <c r="J2672">
        <v>77.069564507900907</v>
      </c>
      <c r="K2672">
        <v>0.19404621012096071</v>
      </c>
      <c r="L2672">
        <v>-1.286584731760277</v>
      </c>
      <c r="M2672">
        <v>4.875</v>
      </c>
      <c r="N2672">
        <v>2</v>
      </c>
      <c r="O2672">
        <v>1</v>
      </c>
      <c r="P2672">
        <v>1</v>
      </c>
      <c r="Q2672">
        <v>0.24944382578492941</v>
      </c>
      <c r="R2672">
        <v>3.3790925052297318</v>
      </c>
      <c r="S2672">
        <v>1</v>
      </c>
      <c r="T2672">
        <v>1</v>
      </c>
      <c r="U2672">
        <v>0</v>
      </c>
      <c r="V2672">
        <v>0</v>
      </c>
      <c r="W2672">
        <v>3.4339872044851458</v>
      </c>
      <c r="X2672">
        <v>1</v>
      </c>
      <c r="Y2672">
        <v>1</v>
      </c>
      <c r="Z2672">
        <v>0</v>
      </c>
      <c r="AA2672">
        <v>0</v>
      </c>
      <c r="AB2672">
        <v>3.401197381662155</v>
      </c>
      <c r="AC2672">
        <v>1</v>
      </c>
      <c r="AD2672">
        <v>1</v>
      </c>
      <c r="AE2672">
        <v>0</v>
      </c>
      <c r="AF2672">
        <v>0</v>
      </c>
      <c r="AG2672">
        <v>3.3672958299864728</v>
      </c>
      <c r="AH2672">
        <v>0.3141116153407173</v>
      </c>
      <c r="AI2672">
        <v>0.1851249208560421</v>
      </c>
      <c r="AJ2672">
        <v>-0.13157259126566381</v>
      </c>
      <c r="AK2672">
        <v>-0.28699564891140172</v>
      </c>
      <c r="AL2672">
        <v>508.2286128473088</v>
      </c>
      <c r="AM2672">
        <v>675.13456220467663</v>
      </c>
      <c r="AN2672">
        <v>4095</v>
      </c>
      <c r="AO2672">
        <v>86.178297963912527</v>
      </c>
      <c r="AP2672">
        <v>322.4330124882103</v>
      </c>
      <c r="AQ2672">
        <v>1.65625</v>
      </c>
      <c r="AR2672">
        <v>4.15625</v>
      </c>
      <c r="AS2672">
        <v>32</v>
      </c>
      <c r="AT2672">
        <v>1.75</v>
      </c>
      <c r="AU2672">
        <v>0.13392857142857151</v>
      </c>
      <c r="AV2672">
        <v>0.33239440357693939</v>
      </c>
      <c r="AW2672">
        <v>0.46875</v>
      </c>
      <c r="AX2672">
        <v>69.645161290322577</v>
      </c>
      <c r="AY2672">
        <v>57</v>
      </c>
      <c r="AZ2672">
        <v>145.75</v>
      </c>
      <c r="BA2672">
        <v>0.60225300714354801</v>
      </c>
      <c r="BB2672">
        <v>0.4375</v>
      </c>
      <c r="BC2672">
        <v>3.2998296856670919</v>
      </c>
      <c r="BD2672" t="s">
        <v>10179</v>
      </c>
      <c r="BE2672" t="s">
        <v>62</v>
      </c>
    </row>
    <row r="2673" spans="1:57" x14ac:dyDescent="0.3">
      <c r="A2673" t="s">
        <v>10180</v>
      </c>
      <c r="B2673">
        <v>3998</v>
      </c>
      <c r="C2673" t="s">
        <v>10181</v>
      </c>
      <c r="D2673" t="s">
        <v>10182</v>
      </c>
      <c r="E2673" t="s">
        <v>115</v>
      </c>
      <c r="F2673">
        <v>4048</v>
      </c>
      <c r="G2673">
        <v>127.1052371541502</v>
      </c>
      <c r="H2673">
        <v>128</v>
      </c>
      <c r="I2673">
        <v>5529.7196563666821</v>
      </c>
      <c r="J2673">
        <v>74.362084803794218</v>
      </c>
      <c r="K2673">
        <v>1.077163708379965E-2</v>
      </c>
      <c r="L2673">
        <v>-1.215453734907707</v>
      </c>
      <c r="M2673">
        <v>7.9557236532978894</v>
      </c>
      <c r="N2673">
        <v>27</v>
      </c>
      <c r="O2673">
        <v>7</v>
      </c>
      <c r="P2673">
        <v>20</v>
      </c>
      <c r="Q2673">
        <v>3.9156137769192711</v>
      </c>
      <c r="R2673">
        <v>5.5144874195974971</v>
      </c>
      <c r="S2673">
        <v>3</v>
      </c>
      <c r="T2673">
        <v>1</v>
      </c>
      <c r="U2673">
        <v>2</v>
      </c>
      <c r="V2673">
        <v>0.16563534226807081</v>
      </c>
      <c r="W2673">
        <v>8.2688198543081963</v>
      </c>
      <c r="X2673">
        <v>1</v>
      </c>
      <c r="Y2673">
        <v>1</v>
      </c>
      <c r="Z2673">
        <v>0</v>
      </c>
      <c r="AA2673">
        <v>0</v>
      </c>
      <c r="AB2673">
        <v>8.3054840177276894</v>
      </c>
      <c r="AC2673">
        <v>1</v>
      </c>
      <c r="AD2673">
        <v>1</v>
      </c>
      <c r="AE2673">
        <v>0</v>
      </c>
      <c r="AF2673">
        <v>0</v>
      </c>
      <c r="AG2673">
        <v>8.3052368294925927</v>
      </c>
      <c r="AH2673">
        <v>-5.1795386476319542E-3</v>
      </c>
      <c r="AI2673">
        <v>-3.6727376572405247E-2</v>
      </c>
      <c r="AJ2673">
        <v>-3.9085677001038186E-3</v>
      </c>
      <c r="AK2673">
        <v>-2.7226664026403159E-3</v>
      </c>
      <c r="AL2673">
        <v>4301.3561220413976</v>
      </c>
      <c r="AM2673">
        <v>8323.5257860702877</v>
      </c>
      <c r="AN2673">
        <v>514522</v>
      </c>
      <c r="AO2673">
        <v>31.15225190972042</v>
      </c>
      <c r="AP2673">
        <v>3906.6735612142888</v>
      </c>
      <c r="AQ2673">
        <v>1.0056818181818179</v>
      </c>
      <c r="AR2673">
        <v>3.9804841897233199</v>
      </c>
      <c r="AS2673">
        <v>4037</v>
      </c>
      <c r="AT2673">
        <v>248.22134387351781</v>
      </c>
      <c r="AU2673">
        <v>1.112919476090835E-2</v>
      </c>
      <c r="AV2673">
        <v>-5.1820682746416711E-3</v>
      </c>
      <c r="AW2673">
        <v>0.36585968379446637</v>
      </c>
      <c r="AX2673">
        <v>86.316283666913762</v>
      </c>
      <c r="AY2673">
        <v>65</v>
      </c>
      <c r="AZ2673">
        <v>130</v>
      </c>
      <c r="BA2673">
        <v>0.58504343698764871</v>
      </c>
      <c r="BB2673">
        <v>0.50024703557312256</v>
      </c>
      <c r="BC2673">
        <v>5.3251013231337856</v>
      </c>
      <c r="BD2673" t="s">
        <v>10183</v>
      </c>
      <c r="BE2673" t="s">
        <v>62</v>
      </c>
    </row>
    <row r="2674" spans="1:57" x14ac:dyDescent="0.3">
      <c r="A2674" t="s">
        <v>10184</v>
      </c>
      <c r="B2674">
        <v>2426</v>
      </c>
      <c r="C2674" t="s">
        <v>10185</v>
      </c>
      <c r="D2674" t="s">
        <v>10186</v>
      </c>
      <c r="E2674" t="s">
        <v>72</v>
      </c>
      <c r="F2674">
        <v>2432</v>
      </c>
      <c r="G2674">
        <v>126.8499177631579</v>
      </c>
      <c r="H2674">
        <v>128</v>
      </c>
      <c r="I2674">
        <v>5530.8520641379737</v>
      </c>
      <c r="J2674">
        <v>74.369698561564533</v>
      </c>
      <c r="K2674">
        <v>-7.133722589994989E-3</v>
      </c>
      <c r="L2674">
        <v>-1.2263591079228551</v>
      </c>
      <c r="M2674">
        <v>7.9192564661789238</v>
      </c>
      <c r="N2674">
        <v>19</v>
      </c>
      <c r="O2674">
        <v>3</v>
      </c>
      <c r="P2674">
        <v>16</v>
      </c>
      <c r="Q2674">
        <v>3.1374750995027831</v>
      </c>
      <c r="R2674">
        <v>5.4892102916630332</v>
      </c>
      <c r="S2674">
        <v>2</v>
      </c>
      <c r="T2674">
        <v>1</v>
      </c>
      <c r="U2674">
        <v>1</v>
      </c>
      <c r="V2674">
        <v>0.14480810666223781</v>
      </c>
      <c r="W2674">
        <v>7.7669748758310897</v>
      </c>
      <c r="X2674">
        <v>1</v>
      </c>
      <c r="Y2674">
        <v>1</v>
      </c>
      <c r="Z2674">
        <v>0</v>
      </c>
      <c r="AA2674">
        <v>0</v>
      </c>
      <c r="AB2674">
        <v>7.7956465363345941</v>
      </c>
      <c r="AC2674">
        <v>1</v>
      </c>
      <c r="AD2674">
        <v>1</v>
      </c>
      <c r="AE2674">
        <v>0</v>
      </c>
      <c r="AF2674">
        <v>0</v>
      </c>
      <c r="AG2674">
        <v>7.7952349290021727</v>
      </c>
      <c r="AH2674">
        <v>4.055556297683504E-2</v>
      </c>
      <c r="AI2674">
        <v>1.0986118644157701E-3</v>
      </c>
      <c r="AJ2674">
        <v>-2.9295778253383691E-2</v>
      </c>
      <c r="AK2674">
        <v>-2.5952490820389262E-2</v>
      </c>
      <c r="AL2674">
        <v>3368.5320252372421</v>
      </c>
      <c r="AM2674">
        <v>6421.6117131878273</v>
      </c>
      <c r="AN2674">
        <v>308499</v>
      </c>
      <c r="AO2674">
        <v>33.641826063967102</v>
      </c>
      <c r="AP2674">
        <v>3062.0078386120549</v>
      </c>
      <c r="AQ2674">
        <v>1.0094572368421051</v>
      </c>
      <c r="AR2674">
        <v>3.9814967105263159</v>
      </c>
      <c r="AS2674">
        <v>2425</v>
      </c>
      <c r="AT2674">
        <v>265.26315789473688</v>
      </c>
      <c r="AU2674">
        <v>1.802599329205368E-2</v>
      </c>
      <c r="AV2674">
        <v>4.0575533949959781E-2</v>
      </c>
      <c r="AW2674">
        <v>0.36430921052631582</v>
      </c>
      <c r="AX2674">
        <v>83.786918963389553</v>
      </c>
      <c r="AY2674">
        <v>65</v>
      </c>
      <c r="AZ2674">
        <v>130.25</v>
      </c>
      <c r="BA2674">
        <v>0.58628101517906039</v>
      </c>
      <c r="BB2674">
        <v>0.50452302631578949</v>
      </c>
      <c r="BC2674">
        <v>5.2901694394721819</v>
      </c>
      <c r="BD2674" t="s">
        <v>10187</v>
      </c>
      <c r="BE2674" t="s">
        <v>62</v>
      </c>
    </row>
    <row r="2675" spans="1:57" x14ac:dyDescent="0.3">
      <c r="A2675" t="s">
        <v>10188</v>
      </c>
      <c r="B2675">
        <v>1993</v>
      </c>
      <c r="C2675" t="s">
        <v>10189</v>
      </c>
      <c r="D2675" t="s">
        <v>10190</v>
      </c>
      <c r="E2675" t="s">
        <v>128</v>
      </c>
      <c r="F2675">
        <v>32</v>
      </c>
      <c r="G2675">
        <v>118.40625</v>
      </c>
      <c r="H2675">
        <v>116</v>
      </c>
      <c r="I2675">
        <v>4227.6787109375</v>
      </c>
      <c r="J2675">
        <v>65.020602203743849</v>
      </c>
      <c r="K2675">
        <v>4.5667234501166137E-2</v>
      </c>
      <c r="L2675">
        <v>-0.98600874829602736</v>
      </c>
      <c r="M2675">
        <v>4.875</v>
      </c>
      <c r="N2675">
        <v>2</v>
      </c>
      <c r="O2675">
        <v>1</v>
      </c>
      <c r="P2675">
        <v>1</v>
      </c>
      <c r="Q2675">
        <v>0.24944382578492941</v>
      </c>
      <c r="R2675">
        <v>3.3790925052297331</v>
      </c>
      <c r="S2675">
        <v>1</v>
      </c>
      <c r="T2675">
        <v>1</v>
      </c>
      <c r="U2675">
        <v>0</v>
      </c>
      <c r="V2675">
        <v>0</v>
      </c>
      <c r="W2675">
        <v>3.4339872044851458</v>
      </c>
      <c r="X2675">
        <v>1</v>
      </c>
      <c r="Y2675">
        <v>1</v>
      </c>
      <c r="Z2675">
        <v>0</v>
      </c>
      <c r="AA2675">
        <v>0</v>
      </c>
      <c r="AB2675">
        <v>3.401197381662155</v>
      </c>
      <c r="AC2675">
        <v>1</v>
      </c>
      <c r="AD2675">
        <v>1</v>
      </c>
      <c r="AE2675">
        <v>0</v>
      </c>
      <c r="AF2675">
        <v>0</v>
      </c>
      <c r="AG2675">
        <v>3.3672958299864728</v>
      </c>
      <c r="AH2675">
        <v>0.19826966185917169</v>
      </c>
      <c r="AI2675">
        <v>-8.3114963515873691E-2</v>
      </c>
      <c r="AJ2675">
        <v>3.7545212470458937E-2</v>
      </c>
      <c r="AK2675">
        <v>7.7562969737890383E-2</v>
      </c>
      <c r="AL2675">
        <v>419.14245417057168</v>
      </c>
      <c r="AM2675">
        <v>638.94178382061557</v>
      </c>
      <c r="AN2675">
        <v>3789</v>
      </c>
      <c r="AO2675">
        <v>32.474972394131761</v>
      </c>
      <c r="AP2675">
        <v>336.99567130195379</v>
      </c>
      <c r="AQ2675">
        <v>1.65625</v>
      </c>
      <c r="AR2675">
        <v>3.9375</v>
      </c>
      <c r="AS2675">
        <v>32</v>
      </c>
      <c r="AT2675">
        <v>1.75</v>
      </c>
      <c r="AU2675">
        <v>0.1092391304347826</v>
      </c>
      <c r="AV2675">
        <v>0.20988489667560839</v>
      </c>
      <c r="AW2675">
        <v>0.4375</v>
      </c>
      <c r="AX2675">
        <v>68.258064516129039</v>
      </c>
      <c r="AY2675">
        <v>52.5</v>
      </c>
      <c r="AZ2675">
        <v>97.75</v>
      </c>
      <c r="BA2675">
        <v>0.5491315044918984</v>
      </c>
      <c r="BB2675">
        <v>0.5</v>
      </c>
      <c r="BC2675">
        <v>3.2998296856670919</v>
      </c>
      <c r="BD2675" t="s">
        <v>10191</v>
      </c>
      <c r="BE2675" t="s">
        <v>62</v>
      </c>
    </row>
    <row r="2676" spans="1:57" x14ac:dyDescent="0.3">
      <c r="A2676" t="s">
        <v>10192</v>
      </c>
      <c r="B2676">
        <v>4000</v>
      </c>
      <c r="C2676" t="s">
        <v>10193</v>
      </c>
      <c r="D2676" t="s">
        <v>10194</v>
      </c>
      <c r="E2676" t="s">
        <v>115</v>
      </c>
      <c r="F2676">
        <v>4224</v>
      </c>
      <c r="G2676">
        <v>126.4708806818182</v>
      </c>
      <c r="H2676">
        <v>127</v>
      </c>
      <c r="I2676">
        <v>5356.9579588834913</v>
      </c>
      <c r="J2676">
        <v>73.191242364667445</v>
      </c>
      <c r="K2676">
        <v>9.8742615406072535E-4</v>
      </c>
      <c r="L2676">
        <v>-1.180181536882623</v>
      </c>
      <c r="M2676">
        <v>7.9545019986020664</v>
      </c>
      <c r="N2676">
        <v>30</v>
      </c>
      <c r="O2676">
        <v>5</v>
      </c>
      <c r="P2676">
        <v>25</v>
      </c>
      <c r="Q2676">
        <v>4.1382363393117121</v>
      </c>
      <c r="R2676">
        <v>5.5136406330894694</v>
      </c>
      <c r="S2676">
        <v>3</v>
      </c>
      <c r="T2676">
        <v>1</v>
      </c>
      <c r="U2676">
        <v>2</v>
      </c>
      <c r="V2676">
        <v>0.17692449748973901</v>
      </c>
      <c r="W2676">
        <v>8.3076322998367491</v>
      </c>
      <c r="X2676">
        <v>2</v>
      </c>
      <c r="Y2676">
        <v>1</v>
      </c>
      <c r="Z2676">
        <v>1</v>
      </c>
      <c r="AA2676">
        <v>2.6656394253632709E-2</v>
      </c>
      <c r="AB2676">
        <v>8.3470791779385003</v>
      </c>
      <c r="AC2676">
        <v>1</v>
      </c>
      <c r="AD2676">
        <v>1</v>
      </c>
      <c r="AE2676">
        <v>0</v>
      </c>
      <c r="AF2676">
        <v>0</v>
      </c>
      <c r="AG2676">
        <v>8.3478273457824983</v>
      </c>
      <c r="AH2676">
        <v>-2.6057695995184691E-3</v>
      </c>
      <c r="AI2676">
        <v>2.655990488959243E-2</v>
      </c>
      <c r="AJ2676">
        <v>-1.7356563178433551E-2</v>
      </c>
      <c r="AK2676">
        <v>1.462927272663864E-2</v>
      </c>
      <c r="AL2676">
        <v>4347.9068583113649</v>
      </c>
      <c r="AM2676">
        <v>8443.0968815624165</v>
      </c>
      <c r="AN2676">
        <v>534213</v>
      </c>
      <c r="AO2676">
        <v>135.27340846394381</v>
      </c>
      <c r="AP2676">
        <v>4039.1688033930518</v>
      </c>
      <c r="AQ2676">
        <v>1.0054450757575759</v>
      </c>
      <c r="AR2676">
        <v>3.9756155303030298</v>
      </c>
      <c r="AS2676">
        <v>4200</v>
      </c>
      <c r="AT2676">
        <v>265.69696969696969</v>
      </c>
      <c r="AU2676">
        <v>1.285093582887697E-2</v>
      </c>
      <c r="AV2676">
        <v>-2.605960082490678E-3</v>
      </c>
      <c r="AW2676">
        <v>0.3683712121212121</v>
      </c>
      <c r="AX2676">
        <v>84.725787354960929</v>
      </c>
      <c r="AY2676">
        <v>63</v>
      </c>
      <c r="AZ2676">
        <v>126</v>
      </c>
      <c r="BA2676">
        <v>0.578720113041718</v>
      </c>
      <c r="BB2676">
        <v>0.50213068181818177</v>
      </c>
      <c r="BC2676">
        <v>5.3193084959844859</v>
      </c>
      <c r="BD2676" t="s">
        <v>10195</v>
      </c>
      <c r="BE2676" t="s">
        <v>62</v>
      </c>
    </row>
    <row r="2677" spans="1:57" x14ac:dyDescent="0.3">
      <c r="A2677" t="s">
        <v>10196</v>
      </c>
      <c r="B2677">
        <v>761</v>
      </c>
      <c r="C2677" t="s">
        <v>10197</v>
      </c>
      <c r="D2677" t="s">
        <v>10198</v>
      </c>
      <c r="E2677" t="s">
        <v>72</v>
      </c>
      <c r="F2677">
        <v>768</v>
      </c>
      <c r="G2677">
        <v>125.2122395833333</v>
      </c>
      <c r="H2677">
        <v>127</v>
      </c>
      <c r="I2677">
        <v>5534.9875064426014</v>
      </c>
      <c r="J2677">
        <v>74.397496640966352</v>
      </c>
      <c r="K2677">
        <v>-4.4501255449675439E-2</v>
      </c>
      <c r="L2677">
        <v>-1.2451158996788521</v>
      </c>
      <c r="M2677">
        <v>7.727264487454228</v>
      </c>
      <c r="N2677">
        <v>9</v>
      </c>
      <c r="O2677">
        <v>1</v>
      </c>
      <c r="P2677">
        <v>8</v>
      </c>
      <c r="Q2677">
        <v>1.6347349771327999</v>
      </c>
      <c r="R2677">
        <v>5.3561315929198754</v>
      </c>
      <c r="S2677">
        <v>2</v>
      </c>
      <c r="T2677">
        <v>1</v>
      </c>
      <c r="U2677">
        <v>1</v>
      </c>
      <c r="V2677">
        <v>6.2540247724608838E-2</v>
      </c>
      <c r="W2677">
        <v>6.6370645287683523</v>
      </c>
      <c r="X2677">
        <v>1</v>
      </c>
      <c r="Y2677">
        <v>1</v>
      </c>
      <c r="Z2677">
        <v>0</v>
      </c>
      <c r="AA2677">
        <v>0</v>
      </c>
      <c r="AB2677">
        <v>6.6411821697405928</v>
      </c>
      <c r="AC2677">
        <v>1</v>
      </c>
      <c r="AD2677">
        <v>1</v>
      </c>
      <c r="AE2677">
        <v>0</v>
      </c>
      <c r="AF2677">
        <v>0</v>
      </c>
      <c r="AG2677">
        <v>6.6398758338265349</v>
      </c>
      <c r="AH2677">
        <v>1.9029437125638201E-2</v>
      </c>
      <c r="AI2677">
        <v>-1.2977942956984611E-2</v>
      </c>
      <c r="AJ2677">
        <v>2.81487421589828E-2</v>
      </c>
      <c r="AK2677">
        <v>-6.2651520902479038E-2</v>
      </c>
      <c r="AL2677">
        <v>1945.0830287943811</v>
      </c>
      <c r="AM2677">
        <v>3536.7084995933819</v>
      </c>
      <c r="AN2677">
        <v>96163</v>
      </c>
      <c r="AO2677">
        <v>21.290093350332999</v>
      </c>
      <c r="AP2677">
        <v>1646.973234116462</v>
      </c>
      <c r="AQ2677">
        <v>1.029947916666667</v>
      </c>
      <c r="AR2677">
        <v>3.8984375</v>
      </c>
      <c r="AS2677">
        <v>763</v>
      </c>
      <c r="AT2677">
        <v>203.78125</v>
      </c>
      <c r="AU2677">
        <v>3.063725490196079E-2</v>
      </c>
      <c r="AV2677">
        <v>1.906908175417401E-2</v>
      </c>
      <c r="AW2677">
        <v>0.35416666666666669</v>
      </c>
      <c r="AX2677">
        <v>84.142112125162967</v>
      </c>
      <c r="AY2677">
        <v>66</v>
      </c>
      <c r="AZ2677">
        <v>133</v>
      </c>
      <c r="BA2677">
        <v>0.59417112008009487</v>
      </c>
      <c r="BB2677">
        <v>0.50520833333333337</v>
      </c>
      <c r="BC2677">
        <v>5.1660780841451537</v>
      </c>
      <c r="BD2677" t="s">
        <v>10199</v>
      </c>
      <c r="BE2677" t="s">
        <v>62</v>
      </c>
    </row>
    <row r="2678" spans="1:57" x14ac:dyDescent="0.3">
      <c r="A2678" t="s">
        <v>10200</v>
      </c>
      <c r="B2678">
        <v>3547</v>
      </c>
      <c r="C2678" t="s">
        <v>10201</v>
      </c>
      <c r="D2678" t="s">
        <v>10202</v>
      </c>
      <c r="E2678" t="s">
        <v>93</v>
      </c>
      <c r="F2678">
        <v>3669</v>
      </c>
      <c r="G2678">
        <v>126.83701281003</v>
      </c>
      <c r="H2678">
        <v>128</v>
      </c>
      <c r="I2678">
        <v>5546.1309712892889</v>
      </c>
      <c r="J2678">
        <v>74.472350381126617</v>
      </c>
      <c r="K2678">
        <v>8.4149175832304371E-3</v>
      </c>
      <c r="L2678">
        <v>-1.2251164671526871</v>
      </c>
      <c r="M2678">
        <v>7.9544229651527214</v>
      </c>
      <c r="N2678">
        <v>29</v>
      </c>
      <c r="O2678">
        <v>7</v>
      </c>
      <c r="P2678">
        <v>22</v>
      </c>
      <c r="Q2678">
        <v>3.6081382316955981</v>
      </c>
      <c r="R2678">
        <v>5.5135858512768978</v>
      </c>
      <c r="S2678">
        <v>3</v>
      </c>
      <c r="T2678">
        <v>1</v>
      </c>
      <c r="U2678">
        <v>2</v>
      </c>
      <c r="V2678">
        <v>0.171564777475602</v>
      </c>
      <c r="W2678">
        <v>8.1671972394771011</v>
      </c>
      <c r="X2678">
        <v>2</v>
      </c>
      <c r="Y2678">
        <v>1</v>
      </c>
      <c r="Z2678">
        <v>1</v>
      </c>
      <c r="AA2678">
        <v>1.6513705256590631E-2</v>
      </c>
      <c r="AB2678">
        <v>8.2067511221588294</v>
      </c>
      <c r="AC2678">
        <v>1</v>
      </c>
      <c r="AD2678">
        <v>1</v>
      </c>
      <c r="AE2678">
        <v>0</v>
      </c>
      <c r="AF2678">
        <v>0</v>
      </c>
      <c r="AG2678">
        <v>8.2068564283996501</v>
      </c>
      <c r="AH2678">
        <v>7.6523678889588113E-3</v>
      </c>
      <c r="AI2678">
        <v>1.6225516026700429E-2</v>
      </c>
      <c r="AJ2678">
        <v>2.0683468695187539E-2</v>
      </c>
      <c r="AK2678">
        <v>-5.5478575359387116E-3</v>
      </c>
      <c r="AL2678">
        <v>4129.1103039652871</v>
      </c>
      <c r="AM2678">
        <v>7894.5999960534846</v>
      </c>
      <c r="AN2678">
        <v>465365</v>
      </c>
      <c r="AO2678">
        <v>99.290429613921518</v>
      </c>
      <c r="AP2678">
        <v>3700.6854062586208</v>
      </c>
      <c r="AQ2678">
        <v>1.00626873807577</v>
      </c>
      <c r="AR2678">
        <v>3.9956391387298988</v>
      </c>
      <c r="AS2678">
        <v>3656</v>
      </c>
      <c r="AT2678">
        <v>232.54047424366311</v>
      </c>
      <c r="AU2678">
        <v>1.4246548987542681E-2</v>
      </c>
      <c r="AV2678">
        <v>7.6547395618839749E-3</v>
      </c>
      <c r="AW2678">
        <v>0.36031616244208231</v>
      </c>
      <c r="AX2678">
        <v>85.663304252998913</v>
      </c>
      <c r="AY2678">
        <v>65</v>
      </c>
      <c r="AZ2678">
        <v>131</v>
      </c>
      <c r="BA2678">
        <v>0.58714998667358642</v>
      </c>
      <c r="BB2678">
        <v>0.50449713818479147</v>
      </c>
      <c r="BC2678">
        <v>5.3163809317532236</v>
      </c>
      <c r="BD2678" t="s">
        <v>10203</v>
      </c>
      <c r="BE2678" t="s">
        <v>68</v>
      </c>
    </row>
    <row r="2679" spans="1:57" x14ac:dyDescent="0.3">
      <c r="A2679" t="s">
        <v>10204</v>
      </c>
      <c r="B2679">
        <v>3128</v>
      </c>
      <c r="C2679" t="s">
        <v>10205</v>
      </c>
      <c r="D2679" t="s">
        <v>10206</v>
      </c>
      <c r="E2679" t="s">
        <v>85</v>
      </c>
      <c r="F2679">
        <v>8</v>
      </c>
      <c r="G2679">
        <v>122.75</v>
      </c>
      <c r="H2679">
        <v>120</v>
      </c>
      <c r="I2679">
        <v>7304.6875</v>
      </c>
      <c r="J2679">
        <v>85.467464569858393</v>
      </c>
      <c r="K2679">
        <v>1.2269984809499619E-3</v>
      </c>
      <c r="L2679">
        <v>-1.5898322447241839</v>
      </c>
      <c r="M2679">
        <v>3</v>
      </c>
      <c r="N2679">
        <v>1</v>
      </c>
      <c r="O2679">
        <v>1</v>
      </c>
      <c r="P2679">
        <v>0</v>
      </c>
      <c r="Q2679">
        <v>0</v>
      </c>
      <c r="R2679">
        <v>2.0794415416798362</v>
      </c>
      <c r="S2679">
        <v>1</v>
      </c>
      <c r="T2679">
        <v>1</v>
      </c>
      <c r="U2679">
        <v>0</v>
      </c>
      <c r="V2679">
        <v>0</v>
      </c>
      <c r="W2679">
        <v>1.945910149055313</v>
      </c>
      <c r="X2679">
        <v>1</v>
      </c>
      <c r="Y2679">
        <v>1</v>
      </c>
      <c r="Z2679">
        <v>0</v>
      </c>
      <c r="AA2679">
        <v>0</v>
      </c>
      <c r="AB2679">
        <v>1.791759469228055</v>
      </c>
      <c r="AC2679">
        <v>1</v>
      </c>
      <c r="AD2679">
        <v>1</v>
      </c>
      <c r="AE2679">
        <v>0</v>
      </c>
      <c r="AF2679">
        <v>0</v>
      </c>
      <c r="AG2679">
        <v>1.6094379124341009</v>
      </c>
      <c r="AH2679">
        <v>-7.9928342245989312E-2</v>
      </c>
      <c r="AI2679">
        <v>9.4367914438502676E-2</v>
      </c>
      <c r="AJ2679">
        <v>0.15270909090909091</v>
      </c>
      <c r="AK2679">
        <v>0</v>
      </c>
      <c r="AL2679">
        <v>307.42262065490002</v>
      </c>
      <c r="AM2679">
        <v>290.63608225695828</v>
      </c>
      <c r="AN2679">
        <v>982</v>
      </c>
      <c r="AO2679">
        <v>34.928498393145958</v>
      </c>
      <c r="AP2679">
        <v>317.92074532429791</v>
      </c>
      <c r="AQ2679">
        <v>3.5</v>
      </c>
      <c r="AR2679">
        <v>4.125</v>
      </c>
      <c r="AS2679">
        <v>8</v>
      </c>
      <c r="AT2679">
        <v>0</v>
      </c>
      <c r="AU2679">
        <v>0.26293103448275867</v>
      </c>
      <c r="AV2679">
        <v>-0.12938084314276141</v>
      </c>
      <c r="AW2679">
        <v>0.25</v>
      </c>
      <c r="AX2679">
        <v>104.71428571428569</v>
      </c>
      <c r="AY2679">
        <v>90</v>
      </c>
      <c r="AZ2679">
        <v>174.25</v>
      </c>
      <c r="BA2679">
        <v>0.69627262378703381</v>
      </c>
      <c r="BB2679">
        <v>0.5</v>
      </c>
      <c r="BC2679">
        <v>1.945910149055313</v>
      </c>
      <c r="BD2679" t="s">
        <v>10205</v>
      </c>
      <c r="BE2679" t="s">
        <v>68</v>
      </c>
    </row>
    <row r="2680" spans="1:57" x14ac:dyDescent="0.3">
      <c r="A2680" t="s">
        <v>10207</v>
      </c>
      <c r="B2680">
        <v>1617</v>
      </c>
      <c r="C2680" t="s">
        <v>10208</v>
      </c>
      <c r="D2680" t="s">
        <v>10209</v>
      </c>
      <c r="E2680" t="s">
        <v>10622</v>
      </c>
      <c r="F2680">
        <v>64</v>
      </c>
      <c r="G2680">
        <v>128.46875</v>
      </c>
      <c r="H2680">
        <v>132</v>
      </c>
      <c r="I2680">
        <v>6966.0615234375</v>
      </c>
      <c r="J2680">
        <v>83.462935027696574</v>
      </c>
      <c r="K2680">
        <v>-7.4469606898754939E-2</v>
      </c>
      <c r="L2680">
        <v>-1.4278423251831951</v>
      </c>
      <c r="M2680">
        <v>5.738204882778696</v>
      </c>
      <c r="N2680">
        <v>3</v>
      </c>
      <c r="O2680">
        <v>1</v>
      </c>
      <c r="P2680">
        <v>2</v>
      </c>
      <c r="Q2680">
        <v>0.3976974544878587</v>
      </c>
      <c r="R2680">
        <v>3.9774205359733639</v>
      </c>
      <c r="S2680">
        <v>1</v>
      </c>
      <c r="T2680">
        <v>1</v>
      </c>
      <c r="U2680">
        <v>0</v>
      </c>
      <c r="V2680">
        <v>0</v>
      </c>
      <c r="W2680">
        <v>4.1431347263915326</v>
      </c>
      <c r="X2680">
        <v>1</v>
      </c>
      <c r="Y2680">
        <v>1</v>
      </c>
      <c r="Z2680">
        <v>0</v>
      </c>
      <c r="AA2680">
        <v>0</v>
      </c>
      <c r="AB2680">
        <v>4.1271343850450908</v>
      </c>
      <c r="AC2680">
        <v>1</v>
      </c>
      <c r="AD2680">
        <v>1</v>
      </c>
      <c r="AE2680">
        <v>0</v>
      </c>
      <c r="AF2680">
        <v>0</v>
      </c>
      <c r="AG2680">
        <v>4.1108738641733096</v>
      </c>
      <c r="AH2680">
        <v>0.30272805419116988</v>
      </c>
      <c r="AI2680">
        <v>0.15649093165426631</v>
      </c>
      <c r="AJ2680">
        <v>0.12043139987652191</v>
      </c>
      <c r="AK2680">
        <v>0.15165300511113661</v>
      </c>
      <c r="AL2680">
        <v>723.60424455318127</v>
      </c>
      <c r="AM2680">
        <v>989.18900987860752</v>
      </c>
      <c r="AN2680">
        <v>8222</v>
      </c>
      <c r="AO2680">
        <v>128.3510810238854</v>
      </c>
      <c r="AP2680">
        <v>621.9542991660669</v>
      </c>
      <c r="AQ2680">
        <v>1.359375</v>
      </c>
      <c r="AR2680">
        <v>4.09375</v>
      </c>
      <c r="AS2680">
        <v>64</v>
      </c>
      <c r="AT2680">
        <v>7.75</v>
      </c>
      <c r="AU2680">
        <v>0.14710365853658541</v>
      </c>
      <c r="AV2680">
        <v>0.30797087889161973</v>
      </c>
      <c r="AW2680">
        <v>0.296875</v>
      </c>
      <c r="AX2680">
        <v>76.936507936507937</v>
      </c>
      <c r="AY2680">
        <v>84</v>
      </c>
      <c r="AZ2680">
        <v>162.75</v>
      </c>
      <c r="BA2680">
        <v>0.64967499899934089</v>
      </c>
      <c r="BB2680">
        <v>0.5</v>
      </c>
      <c r="BC2680">
        <v>3.8761667517310179</v>
      </c>
      <c r="BD2680" t="s">
        <v>10210</v>
      </c>
      <c r="BE2680" t="s">
        <v>62</v>
      </c>
    </row>
    <row r="2681" spans="1:57" x14ac:dyDescent="0.3">
      <c r="A2681" t="s">
        <v>10211</v>
      </c>
      <c r="B2681">
        <v>1390</v>
      </c>
      <c r="C2681" t="s">
        <v>10212</v>
      </c>
      <c r="D2681" t="s">
        <v>10213</v>
      </c>
      <c r="E2681" t="s">
        <v>93</v>
      </c>
      <c r="F2681">
        <v>1394</v>
      </c>
      <c r="G2681">
        <v>127.3486370157819</v>
      </c>
      <c r="H2681">
        <v>128</v>
      </c>
      <c r="I2681">
        <v>5607.5843345841686</v>
      </c>
      <c r="J2681">
        <v>74.883805556236041</v>
      </c>
      <c r="K2681">
        <v>-5.1360583775712076E-3</v>
      </c>
      <c r="L2681">
        <v>-1.2440457307073689</v>
      </c>
      <c r="M2681">
        <v>7.8523539612267088</v>
      </c>
      <c r="N2681">
        <v>14</v>
      </c>
      <c r="O2681">
        <v>1</v>
      </c>
      <c r="P2681">
        <v>13</v>
      </c>
      <c r="Q2681">
        <v>2.4647787481524071</v>
      </c>
      <c r="R2681">
        <v>5.4428370089829974</v>
      </c>
      <c r="S2681">
        <v>2</v>
      </c>
      <c r="T2681">
        <v>1</v>
      </c>
      <c r="U2681">
        <v>1</v>
      </c>
      <c r="V2681">
        <v>0.1312391215864176</v>
      </c>
      <c r="W2681">
        <v>7.2153305052465111</v>
      </c>
      <c r="X2681">
        <v>2</v>
      </c>
      <c r="Y2681">
        <v>1</v>
      </c>
      <c r="Z2681">
        <v>1</v>
      </c>
      <c r="AA2681">
        <v>2.6802806444726459E-2</v>
      </c>
      <c r="AB2681">
        <v>7.2375009397728718</v>
      </c>
      <c r="AC2681">
        <v>1</v>
      </c>
      <c r="AD2681">
        <v>1</v>
      </c>
      <c r="AE2681">
        <v>0</v>
      </c>
      <c r="AF2681">
        <v>0</v>
      </c>
      <c r="AG2681">
        <v>7.2377781919234412</v>
      </c>
      <c r="AH2681">
        <v>2.1571012191770971E-2</v>
      </c>
      <c r="AI2681">
        <v>1.9067283405816621E-2</v>
      </c>
      <c r="AJ2681">
        <v>1.717259936081186E-2</v>
      </c>
      <c r="AK2681">
        <v>5.2900053661634319E-2</v>
      </c>
      <c r="AL2681">
        <v>2624.1580696771689</v>
      </c>
      <c r="AM2681">
        <v>4851.6189489023336</v>
      </c>
      <c r="AN2681">
        <v>177524</v>
      </c>
      <c r="AO2681">
        <v>182.27487933136209</v>
      </c>
      <c r="AP2681">
        <v>2359.8063593264651</v>
      </c>
      <c r="AQ2681">
        <v>1.0164992826398851</v>
      </c>
      <c r="AR2681">
        <v>3.9713055954088952</v>
      </c>
      <c r="AS2681">
        <v>1387</v>
      </c>
      <c r="AT2681">
        <v>285.60975609756088</v>
      </c>
      <c r="AU2681">
        <v>1.836441893830704E-2</v>
      </c>
      <c r="AV2681">
        <v>2.1589999061248338E-2</v>
      </c>
      <c r="AW2681">
        <v>0.36944045911047352</v>
      </c>
      <c r="AX2681">
        <v>85.755204594400581</v>
      </c>
      <c r="AY2681">
        <v>66</v>
      </c>
      <c r="AZ2681">
        <v>133</v>
      </c>
      <c r="BA2681">
        <v>0.58802204178248041</v>
      </c>
      <c r="BB2681">
        <v>0.5021520803443329</v>
      </c>
      <c r="BC2681">
        <v>5.2745109715370919</v>
      </c>
      <c r="BD2681" t="s">
        <v>10214</v>
      </c>
      <c r="BE2681" t="s">
        <v>68</v>
      </c>
    </row>
    <row r="2682" spans="1:57" x14ac:dyDescent="0.3">
      <c r="A2682" t="s">
        <v>10215</v>
      </c>
      <c r="B2682">
        <v>2573</v>
      </c>
      <c r="C2682" t="s">
        <v>10216</v>
      </c>
      <c r="D2682" t="s">
        <v>10217</v>
      </c>
      <c r="E2682" t="s">
        <v>66</v>
      </c>
      <c r="F2682">
        <v>72</v>
      </c>
      <c r="G2682">
        <v>126.7222222222222</v>
      </c>
      <c r="H2682">
        <v>123</v>
      </c>
      <c r="I2682">
        <v>6241.6450617283954</v>
      </c>
      <c r="J2682">
        <v>79.004082563677656</v>
      </c>
      <c r="K2682">
        <v>6.5304075161199293E-2</v>
      </c>
      <c r="L2682">
        <v>-1.299614372352814</v>
      </c>
      <c r="M2682">
        <v>5.8538848972456003</v>
      </c>
      <c r="N2682">
        <v>3</v>
      </c>
      <c r="O2682">
        <v>1</v>
      </c>
      <c r="P2682">
        <v>2</v>
      </c>
      <c r="Q2682">
        <v>0.42496660317428592</v>
      </c>
      <c r="R2682">
        <v>4.0576038118482298</v>
      </c>
      <c r="S2682">
        <v>2</v>
      </c>
      <c r="T2682">
        <v>1</v>
      </c>
      <c r="U2682">
        <v>1</v>
      </c>
      <c r="V2682">
        <v>0.16776575221435111</v>
      </c>
      <c r="W2682">
        <v>4.2236293316576567</v>
      </c>
      <c r="X2682">
        <v>2</v>
      </c>
      <c r="Y2682">
        <v>1</v>
      </c>
      <c r="Z2682">
        <v>1</v>
      </c>
      <c r="AA2682">
        <v>0.11951030798891769</v>
      </c>
      <c r="AB2682">
        <v>4.2286910368905044</v>
      </c>
      <c r="AC2682">
        <v>1</v>
      </c>
      <c r="AD2682">
        <v>1</v>
      </c>
      <c r="AE2682">
        <v>0</v>
      </c>
      <c r="AF2682">
        <v>0</v>
      </c>
      <c r="AG2682">
        <v>4.2341065045972579</v>
      </c>
      <c r="AH2682">
        <v>0.13178587513173301</v>
      </c>
      <c r="AI2682">
        <v>-0.16141834761058091</v>
      </c>
      <c r="AJ2682">
        <v>-3.354854420754616E-2</v>
      </c>
      <c r="AK2682">
        <v>-5.9010846708277311E-2</v>
      </c>
      <c r="AL2682">
        <v>732.26914326308975</v>
      </c>
      <c r="AM2682">
        <v>1034.115033168332</v>
      </c>
      <c r="AN2682">
        <v>9124</v>
      </c>
      <c r="AO2682">
        <v>230.6003756087589</v>
      </c>
      <c r="AP2682">
        <v>593.05896229497353</v>
      </c>
      <c r="AQ2682">
        <v>1.319444444444444</v>
      </c>
      <c r="AR2682">
        <v>3.791666666666667</v>
      </c>
      <c r="AS2682">
        <v>72</v>
      </c>
      <c r="AT2682">
        <v>9.3333333333333357</v>
      </c>
      <c r="AU2682">
        <v>0.1205197132616488</v>
      </c>
      <c r="AV2682">
        <v>0.1350437308804765</v>
      </c>
      <c r="AW2682">
        <v>0.40277777777777779</v>
      </c>
      <c r="AX2682">
        <v>82.140845070422529</v>
      </c>
      <c r="AY2682">
        <v>70</v>
      </c>
      <c r="AZ2682">
        <v>147.75</v>
      </c>
      <c r="BA2682">
        <v>0.62344300137930631</v>
      </c>
      <c r="BB2682">
        <v>0.4861111111111111</v>
      </c>
      <c r="BC2682">
        <v>4.0722130384834552</v>
      </c>
      <c r="BD2682" t="s">
        <v>10218</v>
      </c>
      <c r="BE2682" t="s">
        <v>68</v>
      </c>
    </row>
    <row r="2683" spans="1:57" x14ac:dyDescent="0.3">
      <c r="A2683" t="s">
        <v>10219</v>
      </c>
      <c r="B2683">
        <v>846</v>
      </c>
      <c r="C2683" t="s">
        <v>10220</v>
      </c>
      <c r="D2683" t="s">
        <v>10221</v>
      </c>
      <c r="E2683" t="s">
        <v>106</v>
      </c>
      <c r="F2683">
        <v>852</v>
      </c>
      <c r="G2683">
        <v>124.2558685446009</v>
      </c>
      <c r="H2683">
        <v>120</v>
      </c>
      <c r="I2683">
        <v>5548.4251416165234</v>
      </c>
      <c r="J2683">
        <v>74.487751621434526</v>
      </c>
      <c r="K2683">
        <v>4.1503430573553088E-2</v>
      </c>
      <c r="L2683">
        <v>-1.210343316459062</v>
      </c>
      <c r="M2683">
        <v>7.7882015634127191</v>
      </c>
      <c r="N2683">
        <v>9</v>
      </c>
      <c r="O2683">
        <v>1</v>
      </c>
      <c r="P2683">
        <v>8</v>
      </c>
      <c r="Q2683">
        <v>1.6713874476015429</v>
      </c>
      <c r="R2683">
        <v>5.3983699553120879</v>
      </c>
      <c r="S2683">
        <v>2</v>
      </c>
      <c r="T2683">
        <v>1</v>
      </c>
      <c r="U2683">
        <v>1</v>
      </c>
      <c r="V2683">
        <v>7.6650084335099164E-2</v>
      </c>
      <c r="W2683">
        <v>6.7382670383200267</v>
      </c>
      <c r="X2683">
        <v>1</v>
      </c>
      <c r="Y2683">
        <v>1</v>
      </c>
      <c r="Z2683">
        <v>0</v>
      </c>
      <c r="AA2683">
        <v>0</v>
      </c>
      <c r="AB2683">
        <v>6.7452363494843599</v>
      </c>
      <c r="AC2683">
        <v>1</v>
      </c>
      <c r="AD2683">
        <v>1</v>
      </c>
      <c r="AE2683">
        <v>0</v>
      </c>
      <c r="AF2683">
        <v>0</v>
      </c>
      <c r="AG2683">
        <v>6.7440591863113459</v>
      </c>
      <c r="AH2683">
        <v>-2.716674438097394E-2</v>
      </c>
      <c r="AI2683">
        <v>6.3506743469380162E-3</v>
      </c>
      <c r="AJ2683">
        <v>5.7313725629311828E-2</v>
      </c>
      <c r="AK2683">
        <v>-3.2837053225941423E-2</v>
      </c>
      <c r="AL2683">
        <v>2067.186655271847</v>
      </c>
      <c r="AM2683">
        <v>3688.96588927927</v>
      </c>
      <c r="AN2683">
        <v>105866</v>
      </c>
      <c r="AO2683">
        <v>67.757794781449547</v>
      </c>
      <c r="AP2683">
        <v>1804.1172253060699</v>
      </c>
      <c r="AQ2683">
        <v>1.026995305164319</v>
      </c>
      <c r="AR2683">
        <v>3.957746478873239</v>
      </c>
      <c r="AS2683">
        <v>849</v>
      </c>
      <c r="AT2683">
        <v>204.924882629108</v>
      </c>
      <c r="AU2683">
        <v>3.6426401546534148E-2</v>
      </c>
      <c r="AV2683">
        <v>-2.7244323548735759E-2</v>
      </c>
      <c r="AW2683">
        <v>0.39084507042253519</v>
      </c>
      <c r="AX2683">
        <v>86.951821386603996</v>
      </c>
      <c r="AY2683">
        <v>64</v>
      </c>
      <c r="AZ2683">
        <v>127</v>
      </c>
      <c r="BA2683">
        <v>0.59947069296527888</v>
      </c>
      <c r="BB2683">
        <v>0.4800469483568075</v>
      </c>
      <c r="BC2683">
        <v>5.2251845102452332</v>
      </c>
      <c r="BD2683" t="s">
        <v>10222</v>
      </c>
      <c r="BE2683" t="s">
        <v>68</v>
      </c>
    </row>
    <row r="2684" spans="1:57" x14ac:dyDescent="0.3">
      <c r="A2684" t="s">
        <v>10223</v>
      </c>
      <c r="B2684">
        <v>3368</v>
      </c>
      <c r="C2684" t="s">
        <v>10224</v>
      </c>
      <c r="D2684" t="s">
        <v>10225</v>
      </c>
      <c r="E2684" t="s">
        <v>10622</v>
      </c>
      <c r="F2684">
        <v>64</v>
      </c>
      <c r="G2684">
        <v>104.046875</v>
      </c>
      <c r="H2684">
        <v>96</v>
      </c>
      <c r="I2684">
        <v>4873.357177734375</v>
      </c>
      <c r="J2684">
        <v>69.809434732952639</v>
      </c>
      <c r="K2684">
        <v>0.58292554823078724</v>
      </c>
      <c r="L2684">
        <v>-0.49892417008899992</v>
      </c>
      <c r="M2684">
        <v>5.84375</v>
      </c>
      <c r="N2684">
        <v>2</v>
      </c>
      <c r="O2684">
        <v>1</v>
      </c>
      <c r="P2684">
        <v>1</v>
      </c>
      <c r="Q2684">
        <v>0.27850299534160988</v>
      </c>
      <c r="R2684">
        <v>4.0505788363971806</v>
      </c>
      <c r="S2684">
        <v>1</v>
      </c>
      <c r="T2684">
        <v>1</v>
      </c>
      <c r="U2684">
        <v>0</v>
      </c>
      <c r="V2684">
        <v>0</v>
      </c>
      <c r="W2684">
        <v>4.1431347263915326</v>
      </c>
      <c r="X2684">
        <v>1</v>
      </c>
      <c r="Y2684">
        <v>1</v>
      </c>
      <c r="Z2684">
        <v>0</v>
      </c>
      <c r="AA2684">
        <v>0</v>
      </c>
      <c r="AB2684">
        <v>4.1271343850450908</v>
      </c>
      <c r="AC2684">
        <v>1</v>
      </c>
      <c r="AD2684">
        <v>1</v>
      </c>
      <c r="AE2684">
        <v>0</v>
      </c>
      <c r="AF2684">
        <v>0</v>
      </c>
      <c r="AG2684">
        <v>4.1108738641733096</v>
      </c>
      <c r="AH2684">
        <v>-3.0878050832785151E-2</v>
      </c>
      <c r="AI2684">
        <v>-9.4428570267394291E-2</v>
      </c>
      <c r="AJ2684">
        <v>-0.17324446439933611</v>
      </c>
      <c r="AK2684">
        <v>-2.6269940739244511E-2</v>
      </c>
      <c r="AL2684">
        <v>592.28935023445501</v>
      </c>
      <c r="AM2684">
        <v>808.66329556796825</v>
      </c>
      <c r="AN2684">
        <v>6659</v>
      </c>
      <c r="AO2684">
        <v>41.748393929791483</v>
      </c>
      <c r="AP2684">
        <v>471.13870516461998</v>
      </c>
      <c r="AQ2684">
        <v>1.359375</v>
      </c>
      <c r="AR2684">
        <v>3.921875</v>
      </c>
      <c r="AS2684">
        <v>63</v>
      </c>
      <c r="AT2684">
        <v>4.2187499999999991</v>
      </c>
      <c r="AU2684">
        <v>0.21437500000000001</v>
      </c>
      <c r="AV2684">
        <v>-3.1765701302831302E-2</v>
      </c>
      <c r="AW2684">
        <v>0.5</v>
      </c>
      <c r="AX2684">
        <v>78.888888888888886</v>
      </c>
      <c r="AY2684">
        <v>43</v>
      </c>
      <c r="AZ2684">
        <v>93.25</v>
      </c>
      <c r="BA2684">
        <v>0.6709421569167997</v>
      </c>
      <c r="BB2684">
        <v>0.40625</v>
      </c>
      <c r="BC2684">
        <v>4.0028011659076608</v>
      </c>
      <c r="BD2684" t="s">
        <v>10226</v>
      </c>
      <c r="BE2684" t="s">
        <v>62</v>
      </c>
    </row>
    <row r="2685" spans="1:57" x14ac:dyDescent="0.3">
      <c r="A2685" t="s">
        <v>10227</v>
      </c>
      <c r="B2685">
        <v>1225</v>
      </c>
      <c r="C2685" t="s">
        <v>10228</v>
      </c>
      <c r="D2685" t="s">
        <v>10229</v>
      </c>
      <c r="E2685" t="s">
        <v>93</v>
      </c>
      <c r="F2685">
        <v>1229</v>
      </c>
      <c r="G2685">
        <v>125.5288852725793</v>
      </c>
      <c r="H2685">
        <v>125</v>
      </c>
      <c r="I2685">
        <v>5438.6494911088876</v>
      </c>
      <c r="J2685">
        <v>73.747199886564431</v>
      </c>
      <c r="K2685">
        <v>4.5101884467501983E-2</v>
      </c>
      <c r="L2685">
        <v>-1.1893005823883711</v>
      </c>
      <c r="M2685">
        <v>7.842112694550484</v>
      </c>
      <c r="N2685">
        <v>12</v>
      </c>
      <c r="O2685">
        <v>1</v>
      </c>
      <c r="P2685">
        <v>11</v>
      </c>
      <c r="Q2685">
        <v>2.205142997551051</v>
      </c>
      <c r="R2685">
        <v>5.4357383038610347</v>
      </c>
      <c r="S2685">
        <v>2</v>
      </c>
      <c r="T2685">
        <v>1</v>
      </c>
      <c r="U2685">
        <v>1</v>
      </c>
      <c r="V2685">
        <v>0.10676673308744419</v>
      </c>
      <c r="W2685">
        <v>7.0973374498669566</v>
      </c>
      <c r="X2685">
        <v>1</v>
      </c>
      <c r="Y2685">
        <v>1</v>
      </c>
      <c r="Z2685">
        <v>0</v>
      </c>
      <c r="AA2685">
        <v>0</v>
      </c>
      <c r="AB2685">
        <v>7.1123274447109086</v>
      </c>
      <c r="AC2685">
        <v>1</v>
      </c>
      <c r="AD2685">
        <v>1</v>
      </c>
      <c r="AE2685">
        <v>0</v>
      </c>
      <c r="AF2685">
        <v>0</v>
      </c>
      <c r="AG2685">
        <v>7.1115121164961561</v>
      </c>
      <c r="AH2685">
        <v>-1.9431694509291011E-2</v>
      </c>
      <c r="AI2685">
        <v>-4.7243536935896953E-2</v>
      </c>
      <c r="AJ2685">
        <v>-4.6807656029712909E-2</v>
      </c>
      <c r="AK2685">
        <v>-4.3164304169769817E-2</v>
      </c>
      <c r="AL2685">
        <v>2431.5473007360551</v>
      </c>
      <c r="AM2685">
        <v>4487.4989386386724</v>
      </c>
      <c r="AN2685">
        <v>154275</v>
      </c>
      <c r="AO2685">
        <v>29.742708555264649</v>
      </c>
      <c r="AP2685">
        <v>2246.4960095513552</v>
      </c>
      <c r="AQ2685">
        <v>1.0187144019528069</v>
      </c>
      <c r="AR2685">
        <v>3.9528071602929211</v>
      </c>
      <c r="AS2685">
        <v>1222</v>
      </c>
      <c r="AT2685">
        <v>259.2994304312449</v>
      </c>
      <c r="AU2685">
        <v>2.1324526555943749E-2</v>
      </c>
      <c r="AV2685">
        <v>-1.9461253167879201E-2</v>
      </c>
      <c r="AW2685">
        <v>0.37184703010577708</v>
      </c>
      <c r="AX2685">
        <v>86.18403908794788</v>
      </c>
      <c r="AY2685">
        <v>63</v>
      </c>
      <c r="AZ2685">
        <v>127</v>
      </c>
      <c r="BA2685">
        <v>0.58749187269867242</v>
      </c>
      <c r="BB2685">
        <v>0.49959316517493901</v>
      </c>
      <c r="BC2685">
        <v>5.236828077701273</v>
      </c>
      <c r="BD2685" t="s">
        <v>10230</v>
      </c>
      <c r="BE2685" t="s">
        <v>68</v>
      </c>
    </row>
    <row r="2686" spans="1:57" x14ac:dyDescent="0.3">
      <c r="A2686" t="s">
        <v>10231</v>
      </c>
      <c r="B2686">
        <v>142</v>
      </c>
      <c r="C2686" t="s">
        <v>10232</v>
      </c>
      <c r="D2686" t="s">
        <v>10233</v>
      </c>
      <c r="E2686" t="s">
        <v>60</v>
      </c>
      <c r="F2686">
        <v>256</v>
      </c>
      <c r="G2686">
        <v>129.86328125</v>
      </c>
      <c r="H2686">
        <v>127.5</v>
      </c>
      <c r="I2686">
        <v>5142.9461517333984</v>
      </c>
      <c r="J2686">
        <v>71.714337142118225</v>
      </c>
      <c r="K2686">
        <v>6.6589576573785811E-4</v>
      </c>
      <c r="L2686">
        <v>-1.113119195807678</v>
      </c>
      <c r="M2686">
        <v>7.2473894902328198</v>
      </c>
      <c r="N2686">
        <v>5</v>
      </c>
      <c r="O2686">
        <v>1</v>
      </c>
      <c r="P2686">
        <v>4</v>
      </c>
      <c r="Q2686">
        <v>0.73153769027320081</v>
      </c>
      <c r="R2686">
        <v>5.0235075915746572</v>
      </c>
      <c r="S2686">
        <v>1</v>
      </c>
      <c r="T2686">
        <v>1</v>
      </c>
      <c r="U2686">
        <v>0</v>
      </c>
      <c r="V2686">
        <v>0</v>
      </c>
      <c r="W2686">
        <v>5.541263545158424</v>
      </c>
      <c r="X2686">
        <v>1</v>
      </c>
      <c r="Y2686">
        <v>1</v>
      </c>
      <c r="Z2686">
        <v>0</v>
      </c>
      <c r="AA2686">
        <v>0</v>
      </c>
      <c r="AB2686">
        <v>5.5373342670185366</v>
      </c>
      <c r="AC2686">
        <v>1</v>
      </c>
      <c r="AD2686">
        <v>1</v>
      </c>
      <c r="AE2686">
        <v>0</v>
      </c>
      <c r="AF2686">
        <v>0</v>
      </c>
      <c r="AG2686">
        <v>5.5333894887275203</v>
      </c>
      <c r="AH2686">
        <v>0.1106161824176914</v>
      </c>
      <c r="AI2686">
        <v>-1.6441312850977521E-2</v>
      </c>
      <c r="AJ2686">
        <v>8.59709710298628E-2</v>
      </c>
      <c r="AK2686">
        <v>4.401629118255812E-2</v>
      </c>
      <c r="AL2686">
        <v>1146.849410101076</v>
      </c>
      <c r="AM2686">
        <v>2078.1326787649568</v>
      </c>
      <c r="AN2686">
        <v>33245</v>
      </c>
      <c r="AO2686">
        <v>50.581360214976051</v>
      </c>
      <c r="AP2686">
        <v>934.33017320595445</v>
      </c>
      <c r="AQ2686">
        <v>1.08984375</v>
      </c>
      <c r="AR2686">
        <v>4.0625</v>
      </c>
      <c r="AS2686">
        <v>255</v>
      </c>
      <c r="AT2686">
        <v>59.000000000000007</v>
      </c>
      <c r="AU2686">
        <v>4.3787055335968383E-2</v>
      </c>
      <c r="AV2686">
        <v>0.11104378565918339</v>
      </c>
      <c r="AW2686">
        <v>0.39453125</v>
      </c>
      <c r="AX2686">
        <v>78.180392156862752</v>
      </c>
      <c r="AY2686">
        <v>60</v>
      </c>
      <c r="AZ2686">
        <v>123.25</v>
      </c>
      <c r="BA2686">
        <v>0.55222951747277083</v>
      </c>
      <c r="BB2686">
        <v>0.48828125</v>
      </c>
      <c r="BC2686">
        <v>4.7791927147196214</v>
      </c>
      <c r="BD2686" t="s">
        <v>10234</v>
      </c>
      <c r="BE2686" t="s">
        <v>62</v>
      </c>
    </row>
    <row r="2687" spans="1:57" x14ac:dyDescent="0.3">
      <c r="A2687" t="s">
        <v>10235</v>
      </c>
      <c r="B2687">
        <v>1526</v>
      </c>
      <c r="C2687" t="s">
        <v>10236</v>
      </c>
      <c r="D2687" t="s">
        <v>10237</v>
      </c>
      <c r="E2687" t="s">
        <v>85</v>
      </c>
      <c r="F2687">
        <v>8</v>
      </c>
      <c r="G2687">
        <v>105.875</v>
      </c>
      <c r="H2687">
        <v>100</v>
      </c>
      <c r="I2687">
        <v>6639.859375</v>
      </c>
      <c r="J2687">
        <v>81.485332269065452</v>
      </c>
      <c r="K2687">
        <v>0.30519863974928452</v>
      </c>
      <c r="L2687">
        <v>-1.3210500587244549</v>
      </c>
      <c r="M2687">
        <v>3</v>
      </c>
      <c r="N2687">
        <v>1</v>
      </c>
      <c r="O2687">
        <v>1</v>
      </c>
      <c r="P2687">
        <v>0</v>
      </c>
      <c r="Q2687">
        <v>0</v>
      </c>
      <c r="R2687">
        <v>2.0794415416798362</v>
      </c>
      <c r="S2687">
        <v>1</v>
      </c>
      <c r="T2687">
        <v>1</v>
      </c>
      <c r="U2687">
        <v>0</v>
      </c>
      <c r="V2687">
        <v>0</v>
      </c>
      <c r="W2687">
        <v>1.945910149055313</v>
      </c>
      <c r="X2687">
        <v>1</v>
      </c>
      <c r="Y2687">
        <v>1</v>
      </c>
      <c r="Z2687">
        <v>0</v>
      </c>
      <c r="AA2687">
        <v>0</v>
      </c>
      <c r="AB2687">
        <v>1.791759469228055</v>
      </c>
      <c r="AC2687">
        <v>1</v>
      </c>
      <c r="AD2687">
        <v>1</v>
      </c>
      <c r="AE2687">
        <v>0</v>
      </c>
      <c r="AF2687">
        <v>0</v>
      </c>
      <c r="AG2687">
        <v>1.6094379124341009</v>
      </c>
      <c r="AH2687">
        <v>0.2200203670540839</v>
      </c>
      <c r="AI2687">
        <v>-6.8782636115693338E-2</v>
      </c>
      <c r="AJ2687">
        <v>-0.16121064546265329</v>
      </c>
      <c r="AK2687">
        <v>0</v>
      </c>
      <c r="AL2687">
        <v>318.38260381246249</v>
      </c>
      <c r="AM2687">
        <v>203.53750904832381</v>
      </c>
      <c r="AN2687">
        <v>847</v>
      </c>
      <c r="AO2687">
        <v>188.1124783189353</v>
      </c>
      <c r="AP2687">
        <v>274.45162688661202</v>
      </c>
      <c r="AQ2687">
        <v>3.5</v>
      </c>
      <c r="AR2687">
        <v>3.625</v>
      </c>
      <c r="AS2687">
        <v>8</v>
      </c>
      <c r="AT2687">
        <v>0</v>
      </c>
      <c r="AU2687">
        <v>0.26342975206611569</v>
      </c>
      <c r="AV2687">
        <v>0.34026081320641027</v>
      </c>
      <c r="AW2687">
        <v>0.125</v>
      </c>
      <c r="AX2687">
        <v>75.857142857142861</v>
      </c>
      <c r="AY2687">
        <v>70.5</v>
      </c>
      <c r="AZ2687">
        <v>128.25</v>
      </c>
      <c r="BA2687">
        <v>0.76963714067594291</v>
      </c>
      <c r="BB2687">
        <v>0.5</v>
      </c>
      <c r="BC2687">
        <v>1.945910149055313</v>
      </c>
      <c r="BD2687" t="s">
        <v>10236</v>
      </c>
      <c r="BE2687" t="s">
        <v>68</v>
      </c>
    </row>
    <row r="2688" spans="1:57" x14ac:dyDescent="0.3">
      <c r="A2688" t="s">
        <v>10238</v>
      </c>
      <c r="B2688">
        <v>3242</v>
      </c>
      <c r="C2688" t="s">
        <v>10239</v>
      </c>
      <c r="D2688" t="s">
        <v>10240</v>
      </c>
      <c r="E2688" t="s">
        <v>85</v>
      </c>
      <c r="F2688">
        <v>8</v>
      </c>
      <c r="G2688">
        <v>120.75</v>
      </c>
      <c r="H2688">
        <v>98.5</v>
      </c>
      <c r="I2688">
        <v>3213.1875</v>
      </c>
      <c r="J2688">
        <v>56.684984784332443</v>
      </c>
      <c r="K2688">
        <v>0.2631672993326617</v>
      </c>
      <c r="L2688">
        <v>-1.0771777479841</v>
      </c>
      <c r="M2688">
        <v>3</v>
      </c>
      <c r="N2688">
        <v>1</v>
      </c>
      <c r="O2688">
        <v>1</v>
      </c>
      <c r="P2688">
        <v>0</v>
      </c>
      <c r="Q2688">
        <v>0</v>
      </c>
      <c r="R2688">
        <v>2.0794415416798362</v>
      </c>
      <c r="S2688">
        <v>1</v>
      </c>
      <c r="T2688">
        <v>1</v>
      </c>
      <c r="U2688">
        <v>0</v>
      </c>
      <c r="V2688">
        <v>0</v>
      </c>
      <c r="W2688">
        <v>1.945910149055313</v>
      </c>
      <c r="X2688">
        <v>1</v>
      </c>
      <c r="Y2688">
        <v>1</v>
      </c>
      <c r="Z2688">
        <v>0</v>
      </c>
      <c r="AA2688">
        <v>0</v>
      </c>
      <c r="AB2688">
        <v>1.791759469228055</v>
      </c>
      <c r="AC2688">
        <v>1</v>
      </c>
      <c r="AD2688">
        <v>1</v>
      </c>
      <c r="AE2688">
        <v>0</v>
      </c>
      <c r="AF2688">
        <v>0</v>
      </c>
      <c r="AG2688">
        <v>1.6094379124341009</v>
      </c>
      <c r="AH2688">
        <v>-0.42464890782128339</v>
      </c>
      <c r="AI2688">
        <v>0.2040565248682189</v>
      </c>
      <c r="AJ2688">
        <v>-0.11629077434790221</v>
      </c>
      <c r="AK2688">
        <v>0</v>
      </c>
      <c r="AL2688">
        <v>240.59768085467951</v>
      </c>
      <c r="AM2688">
        <v>290.62476833083201</v>
      </c>
      <c r="AN2688">
        <v>966</v>
      </c>
      <c r="AO2688">
        <v>21.55223047826826</v>
      </c>
      <c r="AP2688">
        <v>140.91924647022489</v>
      </c>
      <c r="AQ2688">
        <v>3.5</v>
      </c>
      <c r="AR2688">
        <v>3.625</v>
      </c>
      <c r="AS2688">
        <v>8</v>
      </c>
      <c r="AT2688">
        <v>0</v>
      </c>
      <c r="AU2688">
        <v>0.30921052631578949</v>
      </c>
      <c r="AV2688">
        <v>-0.51738883145350179</v>
      </c>
      <c r="AW2688">
        <v>0.625</v>
      </c>
      <c r="AX2688">
        <v>84.714285714285708</v>
      </c>
      <c r="AY2688">
        <v>37.5</v>
      </c>
      <c r="AZ2688">
        <v>72.25</v>
      </c>
      <c r="BA2688">
        <v>0.46944086777915062</v>
      </c>
      <c r="BB2688">
        <v>0.375</v>
      </c>
      <c r="BC2688">
        <v>1.945910149055313</v>
      </c>
      <c r="BD2688" t="s">
        <v>10239</v>
      </c>
      <c r="BE2688" t="s">
        <v>68</v>
      </c>
    </row>
    <row r="2689" spans="1:57" x14ac:dyDescent="0.3">
      <c r="A2689" t="s">
        <v>10241</v>
      </c>
      <c r="B2689">
        <v>1529</v>
      </c>
      <c r="C2689" t="s">
        <v>10242</v>
      </c>
      <c r="D2689" t="s">
        <v>10243</v>
      </c>
      <c r="E2689" t="s">
        <v>66</v>
      </c>
      <c r="F2689">
        <v>71</v>
      </c>
      <c r="G2689">
        <v>106.78873239436621</v>
      </c>
      <c r="H2689">
        <v>100</v>
      </c>
      <c r="I2689">
        <v>5299.2652251537402</v>
      </c>
      <c r="J2689">
        <v>72.79605226352416</v>
      </c>
      <c r="K2689">
        <v>0.31796981134882679</v>
      </c>
      <c r="L2689">
        <v>-1.1377518424325459</v>
      </c>
      <c r="M2689">
        <v>5.8855937744037847</v>
      </c>
      <c r="N2689">
        <v>3</v>
      </c>
      <c r="O2689">
        <v>1</v>
      </c>
      <c r="P2689">
        <v>2</v>
      </c>
      <c r="Q2689">
        <v>0.39540808619778262</v>
      </c>
      <c r="R2689">
        <v>4.079582730649153</v>
      </c>
      <c r="S2689">
        <v>1</v>
      </c>
      <c r="T2689">
        <v>1</v>
      </c>
      <c r="U2689">
        <v>0</v>
      </c>
      <c r="V2689">
        <v>0</v>
      </c>
      <c r="W2689">
        <v>4.2484952420493576</v>
      </c>
      <c r="X2689">
        <v>1</v>
      </c>
      <c r="Y2689">
        <v>1</v>
      </c>
      <c r="Z2689">
        <v>0</v>
      </c>
      <c r="AA2689">
        <v>0</v>
      </c>
      <c r="AB2689">
        <v>4.2341065045972579</v>
      </c>
      <c r="AC2689">
        <v>1</v>
      </c>
      <c r="AD2689">
        <v>1</v>
      </c>
      <c r="AE2689">
        <v>0</v>
      </c>
      <c r="AF2689">
        <v>0</v>
      </c>
      <c r="AG2689">
        <v>4.2195077051761087</v>
      </c>
      <c r="AH2689">
        <v>3.364832765255249E-2</v>
      </c>
      <c r="AI2689">
        <v>1.9516678397465861E-2</v>
      </c>
      <c r="AJ2689">
        <v>4.8462331875108733E-2</v>
      </c>
      <c r="AK2689">
        <v>3.1572802800175089E-3</v>
      </c>
      <c r="AL2689">
        <v>642.22546175477441</v>
      </c>
      <c r="AM2689">
        <v>879.46941747502888</v>
      </c>
      <c r="AN2689">
        <v>7582</v>
      </c>
      <c r="AO2689">
        <v>122.3253621308281</v>
      </c>
      <c r="AP2689">
        <v>421.01481663379877</v>
      </c>
      <c r="AQ2689">
        <v>1.323943661971831</v>
      </c>
      <c r="AR2689">
        <v>3.591549295774648</v>
      </c>
      <c r="AS2689">
        <v>71</v>
      </c>
      <c r="AT2689">
        <v>8.4647887323943642</v>
      </c>
      <c r="AU2689">
        <v>0.14309628261371499</v>
      </c>
      <c r="AV2689">
        <v>3.4745591595443527E-2</v>
      </c>
      <c r="AW2689">
        <v>0.43661971830985907</v>
      </c>
      <c r="AX2689">
        <v>83.285714285714292</v>
      </c>
      <c r="AY2689">
        <v>58</v>
      </c>
      <c r="AZ2689">
        <v>114</v>
      </c>
      <c r="BA2689">
        <v>0.68168289510817937</v>
      </c>
      <c r="BB2689">
        <v>0.47887323943661969</v>
      </c>
      <c r="BC2689">
        <v>3.9488114493783288</v>
      </c>
      <c r="BD2689" t="s">
        <v>10244</v>
      </c>
      <c r="BE2689" t="s">
        <v>68</v>
      </c>
    </row>
    <row r="2690" spans="1:57" x14ac:dyDescent="0.3">
      <c r="A2690" t="s">
        <v>5545</v>
      </c>
      <c r="B2690">
        <v>2823</v>
      </c>
      <c r="C2690" t="s">
        <v>5546</v>
      </c>
      <c r="D2690" t="s">
        <v>5547</v>
      </c>
      <c r="E2690" t="s">
        <v>93</v>
      </c>
      <c r="F2690">
        <v>2824</v>
      </c>
      <c r="G2690">
        <v>127.2857648725212</v>
      </c>
      <c r="H2690">
        <v>129</v>
      </c>
      <c r="I2690">
        <v>5330.9795990608618</v>
      </c>
      <c r="J2690">
        <v>73.013557638707496</v>
      </c>
      <c r="K2690">
        <v>-1.414790219992039E-2</v>
      </c>
      <c r="L2690">
        <v>-1.1567766234954791</v>
      </c>
      <c r="M2690">
        <v>7.9257128414037439</v>
      </c>
      <c r="N2690">
        <v>21</v>
      </c>
      <c r="O2690">
        <v>3</v>
      </c>
      <c r="P2690">
        <v>18</v>
      </c>
      <c r="Q2690">
        <v>3.4841998274352748</v>
      </c>
      <c r="R2690">
        <v>5.4936855099467632</v>
      </c>
      <c r="S2690">
        <v>2</v>
      </c>
      <c r="T2690">
        <v>1</v>
      </c>
      <c r="U2690">
        <v>1</v>
      </c>
      <c r="V2690">
        <v>0.1356968448604135</v>
      </c>
      <c r="W2690">
        <v>7.9200197191574082</v>
      </c>
      <c r="X2690">
        <v>1</v>
      </c>
      <c r="Y2690">
        <v>1</v>
      </c>
      <c r="Z2690">
        <v>0</v>
      </c>
      <c r="AA2690">
        <v>0</v>
      </c>
      <c r="AB2690">
        <v>7.9452011324127589</v>
      </c>
      <c r="AC2690">
        <v>1</v>
      </c>
      <c r="AD2690">
        <v>1</v>
      </c>
      <c r="AE2690">
        <v>0</v>
      </c>
      <c r="AF2690">
        <v>0</v>
      </c>
      <c r="AG2690">
        <v>7.9448467110019969</v>
      </c>
      <c r="AH2690">
        <v>-7.6847341506047781E-3</v>
      </c>
      <c r="AI2690">
        <v>-2.1396910553790109E-2</v>
      </c>
      <c r="AJ2690">
        <v>2.994789165457187E-2</v>
      </c>
      <c r="AK2690">
        <v>2.4023007274499259E-2</v>
      </c>
      <c r="AL2690">
        <v>3551.6298190447751</v>
      </c>
      <c r="AM2690">
        <v>6942.1982562061676</v>
      </c>
      <c r="AN2690">
        <v>359455</v>
      </c>
      <c r="AO2690">
        <v>95.246420653036353</v>
      </c>
      <c r="AP2690">
        <v>3220.1285408044091</v>
      </c>
      <c r="AQ2690">
        <v>1.0081444759206799</v>
      </c>
      <c r="AR2690">
        <v>4.0007082152974496</v>
      </c>
      <c r="AS2690">
        <v>2810</v>
      </c>
      <c r="AT2690">
        <v>281.72237960339942</v>
      </c>
      <c r="AU2690">
        <v>1.4816974948619671E-2</v>
      </c>
      <c r="AV2690">
        <v>-7.6880051385334039E-3</v>
      </c>
      <c r="AW2690">
        <v>0.36614730878186968</v>
      </c>
      <c r="AX2690">
        <v>84.704215373715911</v>
      </c>
      <c r="AY2690">
        <v>62</v>
      </c>
      <c r="AZ2690">
        <v>125</v>
      </c>
      <c r="BA2690">
        <v>0.57361919230977443</v>
      </c>
      <c r="BB2690">
        <v>0.50566572237960339</v>
      </c>
      <c r="BC2690">
        <v>5.3006669388450636</v>
      </c>
      <c r="BD2690" t="s">
        <v>5548</v>
      </c>
      <c r="BE2690" t="s">
        <v>68</v>
      </c>
    </row>
    <row r="2691" spans="1:57" x14ac:dyDescent="0.3">
      <c r="A2691" t="s">
        <v>10245</v>
      </c>
      <c r="B2691">
        <v>1173</v>
      </c>
      <c r="C2691" t="s">
        <v>10246</v>
      </c>
      <c r="D2691" t="s">
        <v>10247</v>
      </c>
      <c r="E2691" t="s">
        <v>106</v>
      </c>
      <c r="F2691">
        <v>1201</v>
      </c>
      <c r="G2691">
        <v>128.63696919233971</v>
      </c>
      <c r="H2691">
        <v>127</v>
      </c>
      <c r="I2691">
        <v>5336.3145033870614</v>
      </c>
      <c r="J2691">
        <v>73.050082158660587</v>
      </c>
      <c r="K2691">
        <v>1.9274144126578839E-3</v>
      </c>
      <c r="L2691">
        <v>-1.2184578713273351</v>
      </c>
      <c r="M2691">
        <v>7.8177754124313994</v>
      </c>
      <c r="N2691">
        <v>13</v>
      </c>
      <c r="O2691">
        <v>1</v>
      </c>
      <c r="P2691">
        <v>12</v>
      </c>
      <c r="Q2691">
        <v>2.3090509226589888</v>
      </c>
      <c r="R2691">
        <v>5.4188689853776877</v>
      </c>
      <c r="S2691">
        <v>2</v>
      </c>
      <c r="T2691">
        <v>1</v>
      </c>
      <c r="U2691">
        <v>1</v>
      </c>
      <c r="V2691">
        <v>0.11545951007185851</v>
      </c>
      <c r="W2691">
        <v>7.0715929109611606</v>
      </c>
      <c r="X2691">
        <v>1</v>
      </c>
      <c r="Y2691">
        <v>1</v>
      </c>
      <c r="Z2691">
        <v>0</v>
      </c>
      <c r="AA2691">
        <v>0</v>
      </c>
      <c r="AB2691">
        <v>7.089243155027515</v>
      </c>
      <c r="AC2691">
        <v>1</v>
      </c>
      <c r="AD2691">
        <v>1</v>
      </c>
      <c r="AE2691">
        <v>0</v>
      </c>
      <c r="AF2691">
        <v>0</v>
      </c>
      <c r="AG2691">
        <v>7.0884087786753929</v>
      </c>
      <c r="AH2691">
        <v>-2.0797115858717869E-2</v>
      </c>
      <c r="AI2691">
        <v>-3.2177962553966773E-2</v>
      </c>
      <c r="AJ2691">
        <v>1.5164484425117379E-2</v>
      </c>
      <c r="AK2691">
        <v>2.3540094273704609E-2</v>
      </c>
      <c r="AL2691">
        <v>2385.0834131398119</v>
      </c>
      <c r="AM2691">
        <v>4538.0394568982492</v>
      </c>
      <c r="AN2691">
        <v>154493</v>
      </c>
      <c r="AO2691">
        <v>94.463754867263674</v>
      </c>
      <c r="AP2691">
        <v>2120.1881765727971</v>
      </c>
      <c r="AQ2691">
        <v>1.0191507077435471</v>
      </c>
      <c r="AR2691">
        <v>4.0133222314737722</v>
      </c>
      <c r="AS2691">
        <v>1198</v>
      </c>
      <c r="AT2691">
        <v>286.41215653621992</v>
      </c>
      <c r="AU2691">
        <v>2.3640430360320649E-2</v>
      </c>
      <c r="AV2691">
        <v>-2.08019489196281E-2</v>
      </c>
      <c r="AW2691">
        <v>0.38800999167360528</v>
      </c>
      <c r="AX2691">
        <v>85.545000000000002</v>
      </c>
      <c r="AY2691">
        <v>64</v>
      </c>
      <c r="AZ2691">
        <v>126</v>
      </c>
      <c r="BA2691">
        <v>0.56787782406032228</v>
      </c>
      <c r="BB2691">
        <v>0.49208992506244797</v>
      </c>
      <c r="BC2691">
        <v>5.2469627934521359</v>
      </c>
      <c r="BD2691" t="s">
        <v>10248</v>
      </c>
      <c r="BE2691" t="s">
        <v>68</v>
      </c>
    </row>
    <row r="2692" spans="1:57" x14ac:dyDescent="0.3">
      <c r="A2692" t="s">
        <v>10249</v>
      </c>
      <c r="B2692">
        <v>1897</v>
      </c>
      <c r="C2692" t="s">
        <v>10250</v>
      </c>
      <c r="D2692" t="s">
        <v>10251</v>
      </c>
      <c r="E2692" t="s">
        <v>66</v>
      </c>
      <c r="F2692">
        <v>70</v>
      </c>
      <c r="G2692">
        <v>132.6142857142857</v>
      </c>
      <c r="H2692">
        <v>124.5</v>
      </c>
      <c r="I2692">
        <v>6305.9797959183679</v>
      </c>
      <c r="J2692">
        <v>79.41019957107757</v>
      </c>
      <c r="K2692">
        <v>4.2139148312485511E-2</v>
      </c>
      <c r="L2692">
        <v>-1.3730592061206159</v>
      </c>
      <c r="M2692">
        <v>5.8435687312306843</v>
      </c>
      <c r="N2692">
        <v>2</v>
      </c>
      <c r="O2692">
        <v>1</v>
      </c>
      <c r="P2692">
        <v>1</v>
      </c>
      <c r="Q2692">
        <v>0.372677996249965</v>
      </c>
      <c r="R2692">
        <v>4.0504531904608037</v>
      </c>
      <c r="S2692">
        <v>2</v>
      </c>
      <c r="T2692">
        <v>1</v>
      </c>
      <c r="U2692">
        <v>1</v>
      </c>
      <c r="V2692">
        <v>0.1203728348804772</v>
      </c>
      <c r="W2692">
        <v>4.2140152819723324</v>
      </c>
      <c r="X2692">
        <v>1</v>
      </c>
      <c r="Y2692">
        <v>1</v>
      </c>
      <c r="Z2692">
        <v>0</v>
      </c>
      <c r="AA2692">
        <v>0</v>
      </c>
      <c r="AB2692">
        <v>4.2195077051761087</v>
      </c>
      <c r="AC2692">
        <v>1</v>
      </c>
      <c r="AD2692">
        <v>1</v>
      </c>
      <c r="AE2692">
        <v>0</v>
      </c>
      <c r="AF2692">
        <v>0</v>
      </c>
      <c r="AG2692">
        <v>4.2046926193909648</v>
      </c>
      <c r="AH2692">
        <v>0.27815479015898398</v>
      </c>
      <c r="AI2692">
        <v>9.6215062322237338E-2</v>
      </c>
      <c r="AJ2692">
        <v>-0.1157464717868075</v>
      </c>
      <c r="AK2692">
        <v>-0.1690542819352821</v>
      </c>
      <c r="AL2692">
        <v>688.02400887079625</v>
      </c>
      <c r="AM2692">
        <v>1095.0342292446201</v>
      </c>
      <c r="AN2692">
        <v>9283</v>
      </c>
      <c r="AO2692">
        <v>144.0749837899736</v>
      </c>
      <c r="AP2692">
        <v>452.10671499773582</v>
      </c>
      <c r="AQ2692">
        <v>1.328571428571429</v>
      </c>
      <c r="AR2692">
        <v>3.9142857142857141</v>
      </c>
      <c r="AS2692">
        <v>70</v>
      </c>
      <c r="AT2692">
        <v>7.1428571428571423</v>
      </c>
      <c r="AU2692">
        <v>0.1102766798418973</v>
      </c>
      <c r="AV2692">
        <v>0.28226342408947142</v>
      </c>
      <c r="AW2692">
        <v>0.41428571428571431</v>
      </c>
      <c r="AX2692">
        <v>75.391304347826093</v>
      </c>
      <c r="AY2692">
        <v>79.5</v>
      </c>
      <c r="AZ2692">
        <v>153.5</v>
      </c>
      <c r="BA2692">
        <v>0.59880577076111485</v>
      </c>
      <c r="BB2692">
        <v>0.47142857142857142</v>
      </c>
      <c r="BC2692">
        <v>3.9854285266667779</v>
      </c>
      <c r="BD2692" t="s">
        <v>10252</v>
      </c>
      <c r="BE2692" t="s">
        <v>68</v>
      </c>
    </row>
    <row r="2693" spans="1:57" x14ac:dyDescent="0.3">
      <c r="A2693" t="s">
        <v>10253</v>
      </c>
      <c r="B2693">
        <v>1950</v>
      </c>
      <c r="C2693" t="s">
        <v>10254</v>
      </c>
      <c r="D2693" t="s">
        <v>10255</v>
      </c>
      <c r="E2693" t="s">
        <v>106</v>
      </c>
      <c r="F2693">
        <v>1986</v>
      </c>
      <c r="G2693">
        <v>129.0287009063444</v>
      </c>
      <c r="H2693">
        <v>128</v>
      </c>
      <c r="I2693">
        <v>5311.8415730354163</v>
      </c>
      <c r="J2693">
        <v>72.88238177389249</v>
      </c>
      <c r="K2693">
        <v>-1.1850130524925499E-2</v>
      </c>
      <c r="L2693">
        <v>-1.151005475919024</v>
      </c>
      <c r="M2693">
        <v>7.9077527301208246</v>
      </c>
      <c r="N2693">
        <v>15</v>
      </c>
      <c r="O2693">
        <v>2</v>
      </c>
      <c r="P2693">
        <v>13</v>
      </c>
      <c r="Q2693">
        <v>2.6646301335379081</v>
      </c>
      <c r="R2693">
        <v>5.4812365094484754</v>
      </c>
      <c r="S2693">
        <v>2</v>
      </c>
      <c r="T2693">
        <v>1</v>
      </c>
      <c r="U2693">
        <v>1</v>
      </c>
      <c r="V2693">
        <v>0.1166165882518163</v>
      </c>
      <c r="W2693">
        <v>7.5745177962697827</v>
      </c>
      <c r="X2693">
        <v>1</v>
      </c>
      <c r="Y2693">
        <v>1</v>
      </c>
      <c r="Z2693">
        <v>0</v>
      </c>
      <c r="AA2693">
        <v>0</v>
      </c>
      <c r="AB2693">
        <v>7.5928702878448178</v>
      </c>
      <c r="AC2693">
        <v>1</v>
      </c>
      <c r="AD2693">
        <v>1</v>
      </c>
      <c r="AE2693">
        <v>0</v>
      </c>
      <c r="AF2693">
        <v>0</v>
      </c>
      <c r="AG2693">
        <v>7.5923661285197976</v>
      </c>
      <c r="AH2693">
        <v>3.034168926787582E-2</v>
      </c>
      <c r="AI2693">
        <v>-2.2790340796894699E-2</v>
      </c>
      <c r="AJ2693">
        <v>1.5500243683658E-2</v>
      </c>
      <c r="AK2693">
        <v>-2.258746335831404E-2</v>
      </c>
      <c r="AL2693">
        <v>2996.3924190781422</v>
      </c>
      <c r="AM2693">
        <v>5885.1239129597789</v>
      </c>
      <c r="AN2693">
        <v>256250.99999999991</v>
      </c>
      <c r="AO2693">
        <v>61.5855707430458</v>
      </c>
      <c r="AP2693">
        <v>2659.462941941259</v>
      </c>
      <c r="AQ2693">
        <v>1.011581067472306</v>
      </c>
      <c r="AR2693">
        <v>4.000503524672709</v>
      </c>
      <c r="AS2693">
        <v>1976</v>
      </c>
      <c r="AT2693">
        <v>232.4743202416918</v>
      </c>
      <c r="AU2693">
        <v>2.071559741721463E-2</v>
      </c>
      <c r="AV2693">
        <v>3.037445350806978E-2</v>
      </c>
      <c r="AW2693">
        <v>0.37764350453172207</v>
      </c>
      <c r="AX2693">
        <v>82.12997481108313</v>
      </c>
      <c r="AY2693">
        <v>61</v>
      </c>
      <c r="AZ2693">
        <v>122.75</v>
      </c>
      <c r="BA2693">
        <v>0.56485403062993123</v>
      </c>
      <c r="BB2693">
        <v>0.49647532729103733</v>
      </c>
      <c r="BC2693">
        <v>5.257937376927404</v>
      </c>
      <c r="BD2693" t="s">
        <v>10256</v>
      </c>
      <c r="BE2693" t="s">
        <v>68</v>
      </c>
    </row>
    <row r="2694" spans="1:57" x14ac:dyDescent="0.3">
      <c r="A2694" t="s">
        <v>10257</v>
      </c>
      <c r="B2694">
        <v>1525</v>
      </c>
      <c r="C2694" t="s">
        <v>10258</v>
      </c>
      <c r="D2694" t="s">
        <v>10259</v>
      </c>
      <c r="E2694" t="s">
        <v>93</v>
      </c>
      <c r="F2694">
        <v>1557</v>
      </c>
      <c r="G2694">
        <v>124.3506743737958</v>
      </c>
      <c r="H2694">
        <v>125</v>
      </c>
      <c r="I2694">
        <v>5590.2431161155473</v>
      </c>
      <c r="J2694">
        <v>74.767928392563789</v>
      </c>
      <c r="K2694">
        <v>4.7489910606742319E-2</v>
      </c>
      <c r="L2694">
        <v>-1.2105839359826771</v>
      </c>
      <c r="M2694">
        <v>7.8776664057564103</v>
      </c>
      <c r="N2694">
        <v>15</v>
      </c>
      <c r="O2694">
        <v>1</v>
      </c>
      <c r="P2694">
        <v>14</v>
      </c>
      <c r="Q2694">
        <v>2.4727241301899081</v>
      </c>
      <c r="R2694">
        <v>5.4603822585418609</v>
      </c>
      <c r="S2694">
        <v>2</v>
      </c>
      <c r="T2694">
        <v>1</v>
      </c>
      <c r="U2694">
        <v>1</v>
      </c>
      <c r="V2694">
        <v>8.0165243905974987E-2</v>
      </c>
      <c r="W2694">
        <v>7.3409643579445074</v>
      </c>
      <c r="X2694">
        <v>1</v>
      </c>
      <c r="Y2694">
        <v>1</v>
      </c>
      <c r="Z2694">
        <v>0</v>
      </c>
      <c r="AA2694">
        <v>0</v>
      </c>
      <c r="AB2694">
        <v>7.3492308246133344</v>
      </c>
      <c r="AC2694">
        <v>1</v>
      </c>
      <c r="AD2694">
        <v>1</v>
      </c>
      <c r="AE2694">
        <v>0</v>
      </c>
      <c r="AF2694">
        <v>0</v>
      </c>
      <c r="AG2694">
        <v>7.348587530927591</v>
      </c>
      <c r="AH2694">
        <v>1.3170937477055869E-2</v>
      </c>
      <c r="AI2694">
        <v>4.6067105410172893E-2</v>
      </c>
      <c r="AJ2694">
        <v>-1.949919041372416E-3</v>
      </c>
      <c r="AK2694">
        <v>-3.5394790149297669E-3</v>
      </c>
      <c r="AL2694">
        <v>2784.6821546732181</v>
      </c>
      <c r="AM2694">
        <v>5002.5578754717599</v>
      </c>
      <c r="AN2694">
        <v>193614</v>
      </c>
      <c r="AO2694">
        <v>75.986421671437554</v>
      </c>
      <c r="AP2694">
        <v>2536.8014032024939</v>
      </c>
      <c r="AQ2694">
        <v>1.014771997430957</v>
      </c>
      <c r="AR2694">
        <v>3.973025048169557</v>
      </c>
      <c r="AS2694">
        <v>1554</v>
      </c>
      <c r="AT2694">
        <v>257.36095054592158</v>
      </c>
      <c r="AU2694">
        <v>2.7231856133590249E-2</v>
      </c>
      <c r="AV2694">
        <v>1.3175697416296039E-2</v>
      </c>
      <c r="AW2694">
        <v>0.3603082851637765</v>
      </c>
      <c r="AX2694">
        <v>85.769922879177372</v>
      </c>
      <c r="AY2694">
        <v>64</v>
      </c>
      <c r="AZ2694">
        <v>127</v>
      </c>
      <c r="BA2694">
        <v>0.60126677051877353</v>
      </c>
      <c r="BB2694">
        <v>0.50224791265253688</v>
      </c>
      <c r="BC2694">
        <v>5.2812911557019069</v>
      </c>
      <c r="BD2694" t="s">
        <v>10260</v>
      </c>
      <c r="BE2694" t="s">
        <v>68</v>
      </c>
    </row>
    <row r="2695" spans="1:57" x14ac:dyDescent="0.3">
      <c r="A2695" t="s">
        <v>10261</v>
      </c>
      <c r="B2695">
        <v>2823</v>
      </c>
      <c r="C2695" t="s">
        <v>10262</v>
      </c>
      <c r="D2695" t="s">
        <v>10263</v>
      </c>
      <c r="E2695" t="s">
        <v>106</v>
      </c>
      <c r="F2695">
        <v>2859</v>
      </c>
      <c r="G2695">
        <v>127.40748513466249</v>
      </c>
      <c r="H2695">
        <v>127</v>
      </c>
      <c r="I2695">
        <v>5561.9147533466657</v>
      </c>
      <c r="J2695">
        <v>74.578245845197145</v>
      </c>
      <c r="K2695">
        <v>-1.693698101506044E-3</v>
      </c>
      <c r="L2695">
        <v>-1.226427765817337</v>
      </c>
      <c r="M2695">
        <v>7.9418726561964714</v>
      </c>
      <c r="N2695">
        <v>20</v>
      </c>
      <c r="O2695">
        <v>4</v>
      </c>
      <c r="P2695">
        <v>16</v>
      </c>
      <c r="Q2695">
        <v>3.1447981253211532</v>
      </c>
      <c r="R2695">
        <v>5.5048866400087189</v>
      </c>
      <c r="S2695">
        <v>3</v>
      </c>
      <c r="T2695">
        <v>1</v>
      </c>
      <c r="U2695">
        <v>2</v>
      </c>
      <c r="V2695">
        <v>0.15197812993923801</v>
      </c>
      <c r="W2695">
        <v>7.9266505959791624</v>
      </c>
      <c r="X2695">
        <v>2</v>
      </c>
      <c r="Y2695">
        <v>1</v>
      </c>
      <c r="Z2695">
        <v>1</v>
      </c>
      <c r="AA2695">
        <v>2.6458168081290739E-2</v>
      </c>
      <c r="AB2695">
        <v>7.9565569476552582</v>
      </c>
      <c r="AC2695">
        <v>1</v>
      </c>
      <c r="AD2695">
        <v>1</v>
      </c>
      <c r="AE2695">
        <v>0</v>
      </c>
      <c r="AF2695">
        <v>0</v>
      </c>
      <c r="AG2695">
        <v>7.9571773234594758</v>
      </c>
      <c r="AH2695">
        <v>6.9498769195582878E-3</v>
      </c>
      <c r="AI2695">
        <v>2.522533315087264E-3</v>
      </c>
      <c r="AJ2695">
        <v>2.8263360415371429E-2</v>
      </c>
      <c r="AK2695">
        <v>-2.8255450582953739E-2</v>
      </c>
      <c r="AL2695">
        <v>3666.8408096774879</v>
      </c>
      <c r="AM2695">
        <v>6990.3496676835666</v>
      </c>
      <c r="AN2695">
        <v>364258</v>
      </c>
      <c r="AO2695">
        <v>121.80601747670239</v>
      </c>
      <c r="AP2695">
        <v>3301.0120489564561</v>
      </c>
      <c r="AQ2695">
        <v>1.008044770898916</v>
      </c>
      <c r="AR2695">
        <v>4.0010493179433366</v>
      </c>
      <c r="AS2695">
        <v>2843</v>
      </c>
      <c r="AT2695">
        <v>226.69989506820571</v>
      </c>
      <c r="AU2695">
        <v>1.2900438244552779E-2</v>
      </c>
      <c r="AV2695">
        <v>6.9512970512104633E-3</v>
      </c>
      <c r="AW2695">
        <v>0.36621196222455399</v>
      </c>
      <c r="AX2695">
        <v>85.587823652904135</v>
      </c>
      <c r="AY2695">
        <v>64</v>
      </c>
      <c r="AZ2695">
        <v>127.5</v>
      </c>
      <c r="BA2695">
        <v>0.58535215388932749</v>
      </c>
      <c r="BB2695">
        <v>0.49737670514165788</v>
      </c>
      <c r="BC2695">
        <v>5.3120426279911008</v>
      </c>
      <c r="BD2695" t="s">
        <v>10264</v>
      </c>
      <c r="BE2695" t="s">
        <v>68</v>
      </c>
    </row>
    <row r="2696" spans="1:57" x14ac:dyDescent="0.3">
      <c r="A2696" t="s">
        <v>10265</v>
      </c>
      <c r="B2696">
        <v>3383</v>
      </c>
      <c r="C2696" t="s">
        <v>10266</v>
      </c>
      <c r="D2696" t="s">
        <v>10267</v>
      </c>
      <c r="E2696" t="s">
        <v>128</v>
      </c>
      <c r="F2696">
        <v>32</v>
      </c>
      <c r="G2696">
        <v>102.25</v>
      </c>
      <c r="H2696">
        <v>95.5</v>
      </c>
      <c r="I2696">
        <v>4124.5</v>
      </c>
      <c r="J2696">
        <v>64.222270280643301</v>
      </c>
      <c r="K2696">
        <v>0.42660527933611092</v>
      </c>
      <c r="L2696">
        <v>-0.47135764015177012</v>
      </c>
      <c r="M2696">
        <v>4.8125</v>
      </c>
      <c r="N2696">
        <v>2</v>
      </c>
      <c r="O2696">
        <v>1</v>
      </c>
      <c r="P2696">
        <v>1</v>
      </c>
      <c r="Q2696">
        <v>0.3045434781492361</v>
      </c>
      <c r="R2696">
        <v>3.335770806444736</v>
      </c>
      <c r="S2696">
        <v>1</v>
      </c>
      <c r="T2696">
        <v>1</v>
      </c>
      <c r="U2696">
        <v>0</v>
      </c>
      <c r="V2696">
        <v>0</v>
      </c>
      <c r="W2696">
        <v>3.4339872044851458</v>
      </c>
      <c r="X2696">
        <v>1</v>
      </c>
      <c r="Y2696">
        <v>1</v>
      </c>
      <c r="Z2696">
        <v>0</v>
      </c>
      <c r="AA2696">
        <v>0</v>
      </c>
      <c r="AB2696">
        <v>3.401197381662155</v>
      </c>
      <c r="AC2696">
        <v>1</v>
      </c>
      <c r="AD2696">
        <v>1</v>
      </c>
      <c r="AE2696">
        <v>0</v>
      </c>
      <c r="AF2696">
        <v>0</v>
      </c>
      <c r="AG2696">
        <v>3.3672958299864728</v>
      </c>
      <c r="AH2696">
        <v>-0.30636904852103292</v>
      </c>
      <c r="AI2696">
        <v>0.18929472511819609</v>
      </c>
      <c r="AJ2696">
        <v>-0.34568442008122202</v>
      </c>
      <c r="AK2696">
        <v>1.0481384107164499E-2</v>
      </c>
      <c r="AL2696">
        <v>416.51912116982987</v>
      </c>
      <c r="AM2696">
        <v>541.34815202410414</v>
      </c>
      <c r="AN2696">
        <v>3272</v>
      </c>
      <c r="AO2696">
        <v>126.74599766332869</v>
      </c>
      <c r="AP2696">
        <v>302.906755548143</v>
      </c>
      <c r="AQ2696">
        <v>1.65625</v>
      </c>
      <c r="AR2696">
        <v>3.90625</v>
      </c>
      <c r="AS2696">
        <v>32</v>
      </c>
      <c r="AT2696">
        <v>2.4375</v>
      </c>
      <c r="AU2696">
        <v>0.23995983935742971</v>
      </c>
      <c r="AV2696">
        <v>-0.31012563625852668</v>
      </c>
      <c r="AW2696">
        <v>0.53125</v>
      </c>
      <c r="AX2696">
        <v>87.516129032258064</v>
      </c>
      <c r="AY2696">
        <v>39</v>
      </c>
      <c r="AZ2696">
        <v>73.75</v>
      </c>
      <c r="BA2696">
        <v>0.62809066289137705</v>
      </c>
      <c r="BB2696">
        <v>0.5</v>
      </c>
      <c r="BC2696">
        <v>3.3892680315457948</v>
      </c>
      <c r="BD2696" t="s">
        <v>10268</v>
      </c>
      <c r="BE2696" t="s">
        <v>62</v>
      </c>
    </row>
    <row r="2697" spans="1:57" x14ac:dyDescent="0.3">
      <c r="A2697" t="s">
        <v>10269</v>
      </c>
      <c r="B2697">
        <v>849</v>
      </c>
      <c r="C2697" t="s">
        <v>10270</v>
      </c>
      <c r="D2697" t="s">
        <v>10271</v>
      </c>
      <c r="E2697" t="s">
        <v>72</v>
      </c>
      <c r="F2697">
        <v>856</v>
      </c>
      <c r="G2697">
        <v>127.04439252336449</v>
      </c>
      <c r="H2697">
        <v>126</v>
      </c>
      <c r="I2697">
        <v>5655.2737302384494</v>
      </c>
      <c r="J2697">
        <v>75.201554041379026</v>
      </c>
      <c r="K2697">
        <v>2.7176893805909211E-2</v>
      </c>
      <c r="L2697">
        <v>-1.245815357852903</v>
      </c>
      <c r="M2697">
        <v>7.7881369428144307</v>
      </c>
      <c r="N2697">
        <v>9</v>
      </c>
      <c r="O2697">
        <v>1</v>
      </c>
      <c r="P2697">
        <v>8</v>
      </c>
      <c r="Q2697">
        <v>1.664999699699673</v>
      </c>
      <c r="R2697">
        <v>5.3983251637265859</v>
      </c>
      <c r="S2697">
        <v>2</v>
      </c>
      <c r="T2697">
        <v>1</v>
      </c>
      <c r="U2697">
        <v>1</v>
      </c>
      <c r="V2697">
        <v>9.6725851939853794E-2</v>
      </c>
      <c r="W2697">
        <v>6.7381302936280374</v>
      </c>
      <c r="X2697">
        <v>1</v>
      </c>
      <c r="Y2697">
        <v>1</v>
      </c>
      <c r="Z2697">
        <v>0</v>
      </c>
      <c r="AA2697">
        <v>0</v>
      </c>
      <c r="AB2697">
        <v>6.7499311937885729</v>
      </c>
      <c r="AC2697">
        <v>1</v>
      </c>
      <c r="AD2697">
        <v>1</v>
      </c>
      <c r="AE2697">
        <v>0</v>
      </c>
      <c r="AF2697">
        <v>0</v>
      </c>
      <c r="AG2697">
        <v>6.7487595474916802</v>
      </c>
      <c r="AH2697">
        <v>-8.0348870028551567E-2</v>
      </c>
      <c r="AI2697">
        <v>-5.9734663986850019E-3</v>
      </c>
      <c r="AJ2697">
        <v>-3.7783772034503407E-2</v>
      </c>
      <c r="AK2697">
        <v>1.672036115613452E-3</v>
      </c>
      <c r="AL2697">
        <v>2066.5666784737791</v>
      </c>
      <c r="AM2697">
        <v>3792.9268597511668</v>
      </c>
      <c r="AN2697">
        <v>108750</v>
      </c>
      <c r="AO2697">
        <v>195.1102655600435</v>
      </c>
      <c r="AP2697">
        <v>1757.803942129716</v>
      </c>
      <c r="AQ2697">
        <v>1.0268691588785051</v>
      </c>
      <c r="AR2697">
        <v>3.962616822429907</v>
      </c>
      <c r="AS2697">
        <v>853</v>
      </c>
      <c r="AT2697">
        <v>202.41121495327101</v>
      </c>
      <c r="AU2697">
        <v>2.6484332050577208E-2</v>
      </c>
      <c r="AV2697">
        <v>-8.039118220071452E-2</v>
      </c>
      <c r="AW2697">
        <v>0.37149532710280381</v>
      </c>
      <c r="AX2697">
        <v>90.64678362573099</v>
      </c>
      <c r="AY2697">
        <v>66</v>
      </c>
      <c r="AZ2697">
        <v>131.25</v>
      </c>
      <c r="BA2697">
        <v>0.59193131273030297</v>
      </c>
      <c r="BB2697">
        <v>0.49532710280373832</v>
      </c>
      <c r="BC2697">
        <v>5.2317949198885589</v>
      </c>
      <c r="BD2697" t="s">
        <v>10272</v>
      </c>
      <c r="BE2697" t="s">
        <v>68</v>
      </c>
    </row>
    <row r="2698" spans="1:57" x14ac:dyDescent="0.3">
      <c r="A2698" t="s">
        <v>10273</v>
      </c>
      <c r="B2698">
        <v>511</v>
      </c>
      <c r="C2698" t="s">
        <v>10274</v>
      </c>
      <c r="D2698" t="s">
        <v>10275</v>
      </c>
      <c r="E2698" t="s">
        <v>98</v>
      </c>
      <c r="F2698">
        <v>16</v>
      </c>
      <c r="G2698">
        <v>123.1875</v>
      </c>
      <c r="H2698">
        <v>120</v>
      </c>
      <c r="I2698">
        <v>5189.40234375</v>
      </c>
      <c r="J2698">
        <v>72.037506507027302</v>
      </c>
      <c r="K2698">
        <v>5.6886621675135599E-2</v>
      </c>
      <c r="L2698">
        <v>-0.97806173673232522</v>
      </c>
      <c r="M2698">
        <v>4</v>
      </c>
      <c r="N2698">
        <v>1</v>
      </c>
      <c r="O2698">
        <v>1</v>
      </c>
      <c r="P2698">
        <v>0</v>
      </c>
      <c r="Q2698">
        <v>0</v>
      </c>
      <c r="R2698">
        <v>2.7725887222397811</v>
      </c>
      <c r="S2698">
        <v>1</v>
      </c>
      <c r="T2698">
        <v>1</v>
      </c>
      <c r="U2698">
        <v>0</v>
      </c>
      <c r="V2698">
        <v>0</v>
      </c>
      <c r="W2698">
        <v>2.7080502011022101</v>
      </c>
      <c r="X2698">
        <v>1</v>
      </c>
      <c r="Y2698">
        <v>1</v>
      </c>
      <c r="Z2698">
        <v>0</v>
      </c>
      <c r="AA2698">
        <v>0</v>
      </c>
      <c r="AB2698">
        <v>2.639057329615258</v>
      </c>
      <c r="AC2698">
        <v>1</v>
      </c>
      <c r="AD2698">
        <v>1</v>
      </c>
      <c r="AE2698">
        <v>0</v>
      </c>
      <c r="AF2698">
        <v>0</v>
      </c>
      <c r="AG2698">
        <v>2.5649493574615372</v>
      </c>
      <c r="AH2698">
        <v>4.2828749923785478E-2</v>
      </c>
      <c r="AI2698">
        <v>-0.27022629878952531</v>
      </c>
      <c r="AJ2698">
        <v>4.2395738535642429E-2</v>
      </c>
      <c r="AK2698">
        <v>-3.1375259976198493E-2</v>
      </c>
      <c r="AL2698">
        <v>371.98321702047753</v>
      </c>
      <c r="AM2698">
        <v>432.9682277663066</v>
      </c>
      <c r="AN2698">
        <v>1971</v>
      </c>
      <c r="AO2698">
        <v>24.32093107906374</v>
      </c>
      <c r="AP2698">
        <v>274.24743668707032</v>
      </c>
      <c r="AQ2698">
        <v>2.25</v>
      </c>
      <c r="AR2698">
        <v>3.75</v>
      </c>
      <c r="AS2698">
        <v>16</v>
      </c>
      <c r="AT2698">
        <v>0</v>
      </c>
      <c r="AU2698">
        <v>0.10655737704918029</v>
      </c>
      <c r="AV2698">
        <v>4.8110463200121578E-2</v>
      </c>
      <c r="AW2698">
        <v>0.375</v>
      </c>
      <c r="AX2698">
        <v>80.733333333333334</v>
      </c>
      <c r="AY2698">
        <v>50.5</v>
      </c>
      <c r="AZ2698">
        <v>90.25</v>
      </c>
      <c r="BA2698">
        <v>0.58477935266993242</v>
      </c>
      <c r="BB2698">
        <v>0.5</v>
      </c>
      <c r="BC2698">
        <v>2.7080502011022101</v>
      </c>
      <c r="BD2698" t="s">
        <v>10274</v>
      </c>
      <c r="BE2698" t="s">
        <v>62</v>
      </c>
    </row>
    <row r="2699" spans="1:57" x14ac:dyDescent="0.3">
      <c r="A2699" t="s">
        <v>10276</v>
      </c>
      <c r="B2699">
        <v>1915</v>
      </c>
      <c r="C2699" t="s">
        <v>10277</v>
      </c>
      <c r="D2699" t="s">
        <v>10278</v>
      </c>
      <c r="E2699" t="s">
        <v>72</v>
      </c>
      <c r="F2699">
        <v>1928</v>
      </c>
      <c r="G2699">
        <v>127.9258298755187</v>
      </c>
      <c r="H2699">
        <v>127</v>
      </c>
      <c r="I2699">
        <v>5345.4120299129663</v>
      </c>
      <c r="J2699">
        <v>73.112324747014895</v>
      </c>
      <c r="K2699">
        <v>-1.2768845349775961E-2</v>
      </c>
      <c r="L2699">
        <v>-1.188206559159632</v>
      </c>
      <c r="M2699">
        <v>7.9127713837439764</v>
      </c>
      <c r="N2699">
        <v>16</v>
      </c>
      <c r="O2699">
        <v>1</v>
      </c>
      <c r="P2699">
        <v>15</v>
      </c>
      <c r="Q2699">
        <v>2.5828082463667328</v>
      </c>
      <c r="R2699">
        <v>5.4847151750575538</v>
      </c>
      <c r="S2699">
        <v>3</v>
      </c>
      <c r="T2699">
        <v>1</v>
      </c>
      <c r="U2699">
        <v>2</v>
      </c>
      <c r="V2699">
        <v>0.14590887275608511</v>
      </c>
      <c r="W2699">
        <v>7.5353913195677444</v>
      </c>
      <c r="X2699">
        <v>2</v>
      </c>
      <c r="Y2699">
        <v>1</v>
      </c>
      <c r="Z2699">
        <v>1</v>
      </c>
      <c r="AA2699">
        <v>7.8932152426421126E-2</v>
      </c>
      <c r="AB2699">
        <v>7.554563244313707</v>
      </c>
      <c r="AC2699">
        <v>2</v>
      </c>
      <c r="AD2699">
        <v>1</v>
      </c>
      <c r="AE2699">
        <v>1</v>
      </c>
      <c r="AF2699">
        <v>7.2074014317714152E-2</v>
      </c>
      <c r="AG2699">
        <v>7.5554797175732098</v>
      </c>
      <c r="AH2699">
        <v>-3.1449323993420031E-3</v>
      </c>
      <c r="AI2699">
        <v>-1.5462241347951581E-2</v>
      </c>
      <c r="AJ2699">
        <v>9.6764698267594838E-3</v>
      </c>
      <c r="AK2699">
        <v>-3.757611275938124E-2</v>
      </c>
      <c r="AL2699">
        <v>2975.3047253419518</v>
      </c>
      <c r="AM2699">
        <v>5745.0213917232604</v>
      </c>
      <c r="AN2699">
        <v>246641</v>
      </c>
      <c r="AO2699">
        <v>133.8268538743192</v>
      </c>
      <c r="AP2699">
        <v>2684.3626182215871</v>
      </c>
      <c r="AQ2699">
        <v>1.011929460580913</v>
      </c>
      <c r="AR2699">
        <v>4.0051867219917012</v>
      </c>
      <c r="AS2699">
        <v>1921</v>
      </c>
      <c r="AT2699">
        <v>226.75518672199169</v>
      </c>
      <c r="AU2699">
        <v>1.841184606622737E-2</v>
      </c>
      <c r="AV2699">
        <v>-3.1455590889295738E-3</v>
      </c>
      <c r="AW2699">
        <v>0.37655601659751042</v>
      </c>
      <c r="AX2699">
        <v>84.208614426569795</v>
      </c>
      <c r="AY2699">
        <v>63</v>
      </c>
      <c r="AZ2699">
        <v>126</v>
      </c>
      <c r="BA2699">
        <v>0.57152120739149093</v>
      </c>
      <c r="BB2699">
        <v>0.49792531120331951</v>
      </c>
      <c r="BC2699">
        <v>5.2914606243002513</v>
      </c>
      <c r="BD2699" t="s">
        <v>10279</v>
      </c>
      <c r="BE2699" t="s">
        <v>68</v>
      </c>
    </row>
    <row r="2700" spans="1:57" x14ac:dyDescent="0.3">
      <c r="A2700" t="s">
        <v>10280</v>
      </c>
      <c r="B2700">
        <v>1423</v>
      </c>
      <c r="C2700" t="s">
        <v>10281</v>
      </c>
      <c r="D2700" t="s">
        <v>10282</v>
      </c>
      <c r="E2700" t="s">
        <v>128</v>
      </c>
      <c r="F2700">
        <v>32</v>
      </c>
      <c r="G2700">
        <v>129.25</v>
      </c>
      <c r="H2700">
        <v>108.5</v>
      </c>
      <c r="I2700">
        <v>5509.1875</v>
      </c>
      <c r="J2700">
        <v>74.223901137032669</v>
      </c>
      <c r="K2700">
        <v>0.25137589445513758</v>
      </c>
      <c r="L2700">
        <v>-1.2787629661352291</v>
      </c>
      <c r="M2700">
        <v>5</v>
      </c>
      <c r="N2700">
        <v>1</v>
      </c>
      <c r="O2700">
        <v>1</v>
      </c>
      <c r="P2700">
        <v>0</v>
      </c>
      <c r="Q2700">
        <v>0</v>
      </c>
      <c r="R2700">
        <v>3.465735902799727</v>
      </c>
      <c r="S2700">
        <v>1</v>
      </c>
      <c r="T2700">
        <v>1</v>
      </c>
      <c r="U2700">
        <v>0</v>
      </c>
      <c r="V2700">
        <v>0</v>
      </c>
      <c r="W2700">
        <v>3.4339872044851458</v>
      </c>
      <c r="X2700">
        <v>1</v>
      </c>
      <c r="Y2700">
        <v>1</v>
      </c>
      <c r="Z2700">
        <v>0</v>
      </c>
      <c r="AA2700">
        <v>0</v>
      </c>
      <c r="AB2700">
        <v>3.401197381662155</v>
      </c>
      <c r="AC2700">
        <v>1</v>
      </c>
      <c r="AD2700">
        <v>1</v>
      </c>
      <c r="AE2700">
        <v>0</v>
      </c>
      <c r="AF2700">
        <v>0</v>
      </c>
      <c r="AG2700">
        <v>3.3672958299864728</v>
      </c>
      <c r="AH2700">
        <v>0.25263444870500412</v>
      </c>
      <c r="AI2700">
        <v>-6.1184016472483463E-2</v>
      </c>
      <c r="AJ2700">
        <v>-5.5990632125880631E-2</v>
      </c>
      <c r="AK2700">
        <v>-0.2483599838905465</v>
      </c>
      <c r="AL2700">
        <v>459.66293869146921</v>
      </c>
      <c r="AM2700">
        <v>706.811136580008</v>
      </c>
      <c r="AN2700">
        <v>4136</v>
      </c>
      <c r="AO2700">
        <v>69.654281446315139</v>
      </c>
      <c r="AP2700">
        <v>254.3343346966283</v>
      </c>
      <c r="AQ2700">
        <v>1.65625</v>
      </c>
      <c r="AR2700">
        <v>4.25</v>
      </c>
      <c r="AS2700">
        <v>32</v>
      </c>
      <c r="AT2700">
        <v>0</v>
      </c>
      <c r="AU2700">
        <v>0.1456692913385827</v>
      </c>
      <c r="AV2700">
        <v>0.25953168997026282</v>
      </c>
      <c r="AW2700">
        <v>0.46875</v>
      </c>
      <c r="AX2700">
        <v>74.516129032258064</v>
      </c>
      <c r="AY2700">
        <v>51</v>
      </c>
      <c r="AZ2700">
        <v>133.25</v>
      </c>
      <c r="BA2700">
        <v>0.57426615966756422</v>
      </c>
      <c r="BB2700">
        <v>0.4375</v>
      </c>
      <c r="BC2700">
        <v>3.3892680315457948</v>
      </c>
      <c r="BD2700" t="s">
        <v>10283</v>
      </c>
      <c r="BE2700" t="s">
        <v>62</v>
      </c>
    </row>
    <row r="2701" spans="1:57" x14ac:dyDescent="0.3">
      <c r="A2701" t="s">
        <v>10284</v>
      </c>
      <c r="B2701">
        <v>1678</v>
      </c>
      <c r="C2701" t="s">
        <v>10285</v>
      </c>
      <c r="D2701" t="s">
        <v>10286</v>
      </c>
      <c r="E2701" t="s">
        <v>85</v>
      </c>
      <c r="F2701">
        <v>8</v>
      </c>
      <c r="G2701">
        <v>147.875</v>
      </c>
      <c r="H2701">
        <v>160</v>
      </c>
      <c r="I2701">
        <v>5141.359375</v>
      </c>
      <c r="J2701">
        <v>71.703273112180867</v>
      </c>
      <c r="K2701">
        <v>-0.1297268832274972</v>
      </c>
      <c r="L2701">
        <v>-1.607322671542984</v>
      </c>
      <c r="M2701">
        <v>3</v>
      </c>
      <c r="N2701">
        <v>1</v>
      </c>
      <c r="O2701">
        <v>1</v>
      </c>
      <c r="P2701">
        <v>0</v>
      </c>
      <c r="Q2701">
        <v>0</v>
      </c>
      <c r="R2701">
        <v>2.0794415416798362</v>
      </c>
      <c r="S2701">
        <v>1</v>
      </c>
      <c r="T2701">
        <v>1</v>
      </c>
      <c r="U2701">
        <v>0</v>
      </c>
      <c r="V2701">
        <v>0</v>
      </c>
      <c r="W2701">
        <v>1.945910149055313</v>
      </c>
      <c r="X2701">
        <v>1</v>
      </c>
      <c r="Y2701">
        <v>1</v>
      </c>
      <c r="Z2701">
        <v>0</v>
      </c>
      <c r="AA2701">
        <v>0</v>
      </c>
      <c r="AB2701">
        <v>1.791759469228055</v>
      </c>
      <c r="AC2701">
        <v>1</v>
      </c>
      <c r="AD2701">
        <v>1</v>
      </c>
      <c r="AE2701">
        <v>0</v>
      </c>
      <c r="AF2701">
        <v>0</v>
      </c>
      <c r="AG2701">
        <v>1.6094379124341009</v>
      </c>
      <c r="AH2701">
        <v>0.2202690649056214</v>
      </c>
      <c r="AI2701">
        <v>-0.36858336347087189</v>
      </c>
      <c r="AJ2701">
        <v>-0.15572737329317701</v>
      </c>
      <c r="AK2701">
        <v>0</v>
      </c>
      <c r="AL2701">
        <v>321.43462791499462</v>
      </c>
      <c r="AM2701">
        <v>335.77787297132761</v>
      </c>
      <c r="AN2701">
        <v>1183</v>
      </c>
      <c r="AO2701">
        <v>99.57247946456242</v>
      </c>
      <c r="AP2701">
        <v>213.2588130260489</v>
      </c>
      <c r="AQ2701">
        <v>3.5</v>
      </c>
      <c r="AR2701">
        <v>4.375</v>
      </c>
      <c r="AS2701">
        <v>8</v>
      </c>
      <c r="AT2701">
        <v>0</v>
      </c>
      <c r="AU2701">
        <v>0.26059322033898302</v>
      </c>
      <c r="AV2701">
        <v>0.2785035283021115</v>
      </c>
      <c r="AW2701">
        <v>0.375</v>
      </c>
      <c r="AX2701">
        <v>66.571428571428569</v>
      </c>
      <c r="AY2701">
        <v>75</v>
      </c>
      <c r="AZ2701">
        <v>137</v>
      </c>
      <c r="BA2701">
        <v>0.48489111149403802</v>
      </c>
      <c r="BB2701">
        <v>0.5</v>
      </c>
      <c r="BC2701">
        <v>1.945910149055313</v>
      </c>
      <c r="BD2701" t="s">
        <v>10285</v>
      </c>
      <c r="BE2701" t="s">
        <v>68</v>
      </c>
    </row>
    <row r="2702" spans="1:57" x14ac:dyDescent="0.3">
      <c r="A2702" t="s">
        <v>10287</v>
      </c>
      <c r="B2702">
        <v>2386</v>
      </c>
      <c r="C2702" t="s">
        <v>10288</v>
      </c>
      <c r="D2702" t="s">
        <v>10289</v>
      </c>
      <c r="E2702" t="s">
        <v>98</v>
      </c>
      <c r="F2702">
        <v>16</v>
      </c>
      <c r="G2702">
        <v>114.1875</v>
      </c>
      <c r="H2702">
        <v>119</v>
      </c>
      <c r="I2702">
        <v>6336.15234375</v>
      </c>
      <c r="J2702">
        <v>79.599951907962861</v>
      </c>
      <c r="K2702">
        <v>9.6019148558936493E-2</v>
      </c>
      <c r="L2702">
        <v>-1.012698640567633</v>
      </c>
      <c r="M2702">
        <v>3.875</v>
      </c>
      <c r="N2702">
        <v>2</v>
      </c>
      <c r="O2702">
        <v>1</v>
      </c>
      <c r="P2702">
        <v>1</v>
      </c>
      <c r="Q2702">
        <v>0.24944382578492949</v>
      </c>
      <c r="R2702">
        <v>2.6859453246697882</v>
      </c>
      <c r="S2702">
        <v>1</v>
      </c>
      <c r="T2702">
        <v>1</v>
      </c>
      <c r="U2702">
        <v>0</v>
      </c>
      <c r="V2702">
        <v>0</v>
      </c>
      <c r="W2702">
        <v>2.7080502011022101</v>
      </c>
      <c r="X2702">
        <v>1</v>
      </c>
      <c r="Y2702">
        <v>1</v>
      </c>
      <c r="Z2702">
        <v>0</v>
      </c>
      <c r="AA2702">
        <v>0</v>
      </c>
      <c r="AB2702">
        <v>2.639057329615258</v>
      </c>
      <c r="AC2702">
        <v>1</v>
      </c>
      <c r="AD2702">
        <v>1</v>
      </c>
      <c r="AE2702">
        <v>0</v>
      </c>
      <c r="AF2702">
        <v>0</v>
      </c>
      <c r="AG2702">
        <v>2.5649493574615372</v>
      </c>
      <c r="AH2702">
        <v>-0.1677548310630651</v>
      </c>
      <c r="AI2702">
        <v>9.5853022862973203E-2</v>
      </c>
      <c r="AJ2702">
        <v>3.1569328721899083E-2</v>
      </c>
      <c r="AK2702">
        <v>-3.8068145038238528E-2</v>
      </c>
      <c r="AL2702">
        <v>413.16214826817998</v>
      </c>
      <c r="AM2702">
        <v>373.22384602061868</v>
      </c>
      <c r="AN2702">
        <v>1827</v>
      </c>
      <c r="AO2702">
        <v>181.73655326528731</v>
      </c>
      <c r="AP2702">
        <v>317.73833835990729</v>
      </c>
      <c r="AQ2702">
        <v>2.25</v>
      </c>
      <c r="AR2702">
        <v>3.9375</v>
      </c>
      <c r="AS2702">
        <v>16</v>
      </c>
      <c r="AT2702">
        <v>0.87499999999999989</v>
      </c>
      <c r="AU2702">
        <v>0.19543650793650799</v>
      </c>
      <c r="AV2702">
        <v>-0.16855326621837</v>
      </c>
      <c r="AW2702">
        <v>0.4375</v>
      </c>
      <c r="AX2702">
        <v>110.26666666666669</v>
      </c>
      <c r="AY2702">
        <v>60.5</v>
      </c>
      <c r="AZ2702">
        <v>120.25</v>
      </c>
      <c r="BA2702">
        <v>0.69709864834559698</v>
      </c>
      <c r="BB2702">
        <v>0.5625</v>
      </c>
      <c r="BC2702">
        <v>2.7080502011022101</v>
      </c>
      <c r="BD2702" t="s">
        <v>10288</v>
      </c>
      <c r="BE2702" t="s">
        <v>62</v>
      </c>
    </row>
    <row r="2703" spans="1:57" x14ac:dyDescent="0.3">
      <c r="A2703" t="s">
        <v>10290</v>
      </c>
      <c r="B2703">
        <v>2105</v>
      </c>
      <c r="C2703" t="s">
        <v>10291</v>
      </c>
      <c r="D2703" t="s">
        <v>10292</v>
      </c>
      <c r="E2703" t="s">
        <v>98</v>
      </c>
      <c r="F2703">
        <v>16</v>
      </c>
      <c r="G2703">
        <v>144.25</v>
      </c>
      <c r="H2703">
        <v>155</v>
      </c>
      <c r="I2703">
        <v>6223.4375</v>
      </c>
      <c r="J2703">
        <v>78.888766627448291</v>
      </c>
      <c r="K2703">
        <v>-0.28130481761439391</v>
      </c>
      <c r="L2703">
        <v>-1.3392675716384139</v>
      </c>
      <c r="M2703">
        <v>4</v>
      </c>
      <c r="N2703">
        <v>1</v>
      </c>
      <c r="O2703">
        <v>1</v>
      </c>
      <c r="P2703">
        <v>0</v>
      </c>
      <c r="Q2703">
        <v>0</v>
      </c>
      <c r="R2703">
        <v>2.7725887222397811</v>
      </c>
      <c r="S2703">
        <v>1</v>
      </c>
      <c r="T2703">
        <v>1</v>
      </c>
      <c r="U2703">
        <v>0</v>
      </c>
      <c r="V2703">
        <v>0</v>
      </c>
      <c r="W2703">
        <v>2.7080502011022101</v>
      </c>
      <c r="X2703">
        <v>1</v>
      </c>
      <c r="Y2703">
        <v>1</v>
      </c>
      <c r="Z2703">
        <v>0</v>
      </c>
      <c r="AA2703">
        <v>0</v>
      </c>
      <c r="AB2703">
        <v>2.639057329615258</v>
      </c>
      <c r="AC2703">
        <v>1</v>
      </c>
      <c r="AD2703">
        <v>1</v>
      </c>
      <c r="AE2703">
        <v>0</v>
      </c>
      <c r="AF2703">
        <v>0</v>
      </c>
      <c r="AG2703">
        <v>2.5649493574615372</v>
      </c>
      <c r="AH2703">
        <v>3.5550464474014561E-2</v>
      </c>
      <c r="AI2703">
        <v>-0.31754581973386892</v>
      </c>
      <c r="AJ2703">
        <v>-6.9405598794878232E-2</v>
      </c>
      <c r="AK2703">
        <v>-0.13275797137835799</v>
      </c>
      <c r="AL2703">
        <v>423.74274177991549</v>
      </c>
      <c r="AM2703">
        <v>502.93746011690138</v>
      </c>
      <c r="AN2703">
        <v>2308</v>
      </c>
      <c r="AO2703">
        <v>66.388586324742562</v>
      </c>
      <c r="AP2703">
        <v>341.10537139284003</v>
      </c>
      <c r="AQ2703">
        <v>2.3125</v>
      </c>
      <c r="AR2703">
        <v>4.6875</v>
      </c>
      <c r="AS2703">
        <v>16</v>
      </c>
      <c r="AT2703">
        <v>0</v>
      </c>
      <c r="AU2703">
        <v>0.15010040160642571</v>
      </c>
      <c r="AV2703">
        <v>3.5084206756914392E-2</v>
      </c>
      <c r="AW2703">
        <v>0.3125</v>
      </c>
      <c r="AX2703">
        <v>90.4</v>
      </c>
      <c r="AY2703">
        <v>64.5</v>
      </c>
      <c r="AZ2703">
        <v>128</v>
      </c>
      <c r="BA2703">
        <v>0.54688919672407832</v>
      </c>
      <c r="BB2703">
        <v>0.5</v>
      </c>
      <c r="BC2703">
        <v>2.7080502011022101</v>
      </c>
      <c r="BD2703" t="s">
        <v>10291</v>
      </c>
      <c r="BE2703" t="s">
        <v>62</v>
      </c>
    </row>
    <row r="2704" spans="1:57" x14ac:dyDescent="0.3">
      <c r="A2704" t="s">
        <v>10293</v>
      </c>
      <c r="B2704">
        <v>2537</v>
      </c>
      <c r="C2704" t="s">
        <v>10294</v>
      </c>
      <c r="D2704" t="s">
        <v>10295</v>
      </c>
      <c r="E2704" t="s">
        <v>128</v>
      </c>
      <c r="F2704">
        <v>32</v>
      </c>
      <c r="G2704">
        <v>128.21875</v>
      </c>
      <c r="H2704">
        <v>137</v>
      </c>
      <c r="I2704">
        <v>5608.4208984375</v>
      </c>
      <c r="J2704">
        <v>74.8893910940495</v>
      </c>
      <c r="K2704">
        <v>-8.4474689552956922E-2</v>
      </c>
      <c r="L2704">
        <v>-1.1428741632474899</v>
      </c>
      <c r="M2704">
        <v>4.726409765557392</v>
      </c>
      <c r="N2704">
        <v>3</v>
      </c>
      <c r="O2704">
        <v>1</v>
      </c>
      <c r="P2704">
        <v>2</v>
      </c>
      <c r="Q2704">
        <v>0.44031528592635538</v>
      </c>
      <c r="R2704">
        <v>3.2760976031670972</v>
      </c>
      <c r="S2704">
        <v>1</v>
      </c>
      <c r="T2704">
        <v>1</v>
      </c>
      <c r="U2704">
        <v>0</v>
      </c>
      <c r="V2704">
        <v>0</v>
      </c>
      <c r="W2704">
        <v>3.4339872044851458</v>
      </c>
      <c r="X2704">
        <v>1</v>
      </c>
      <c r="Y2704">
        <v>1</v>
      </c>
      <c r="Z2704">
        <v>0</v>
      </c>
      <c r="AA2704">
        <v>0</v>
      </c>
      <c r="AB2704">
        <v>3.401197381662155</v>
      </c>
      <c r="AC2704">
        <v>1</v>
      </c>
      <c r="AD2704">
        <v>1</v>
      </c>
      <c r="AE2704">
        <v>0</v>
      </c>
      <c r="AF2704">
        <v>0</v>
      </c>
      <c r="AG2704">
        <v>3.3672958299864728</v>
      </c>
      <c r="AH2704">
        <v>6.2464435106737342E-3</v>
      </c>
      <c r="AI2704">
        <v>7.4975485471675804E-2</v>
      </c>
      <c r="AJ2704">
        <v>-5.1072345740213819E-2</v>
      </c>
      <c r="AK2704">
        <v>0.1489135055701501</v>
      </c>
      <c r="AL2704">
        <v>496.84785684285418</v>
      </c>
      <c r="AM2704">
        <v>677.26893266313539</v>
      </c>
      <c r="AN2704">
        <v>4103</v>
      </c>
      <c r="AO2704">
        <v>169</v>
      </c>
      <c r="AP2704">
        <v>345.39313042137542</v>
      </c>
      <c r="AQ2704">
        <v>1.71875</v>
      </c>
      <c r="AR2704">
        <v>4.03125</v>
      </c>
      <c r="AS2704">
        <v>32</v>
      </c>
      <c r="AT2704">
        <v>4.7500000000000018</v>
      </c>
      <c r="AU2704">
        <v>0.10051020408163271</v>
      </c>
      <c r="AV2704">
        <v>6.7182723724298378E-3</v>
      </c>
      <c r="AW2704">
        <v>0.375</v>
      </c>
      <c r="AX2704">
        <v>88.774193548387103</v>
      </c>
      <c r="AY2704">
        <v>62</v>
      </c>
      <c r="AZ2704">
        <v>131</v>
      </c>
      <c r="BA2704">
        <v>0.58407519254437823</v>
      </c>
      <c r="BB2704">
        <v>0.5</v>
      </c>
      <c r="BC2704">
        <v>3.3445488586064429</v>
      </c>
      <c r="BD2704" t="s">
        <v>10296</v>
      </c>
      <c r="BE2704" t="s">
        <v>62</v>
      </c>
    </row>
    <row r="2705" spans="1:57" x14ac:dyDescent="0.3">
      <c r="A2705" t="s">
        <v>10297</v>
      </c>
      <c r="B2705">
        <v>135</v>
      </c>
      <c r="C2705" t="s">
        <v>10298</v>
      </c>
      <c r="D2705" t="s">
        <v>10299</v>
      </c>
      <c r="E2705" t="s">
        <v>60</v>
      </c>
      <c r="F2705">
        <v>256</v>
      </c>
      <c r="G2705">
        <v>123.078125</v>
      </c>
      <c r="H2705">
        <v>124</v>
      </c>
      <c r="I2705">
        <v>5017.439208984375</v>
      </c>
      <c r="J2705">
        <v>70.833884610293509</v>
      </c>
      <c r="K2705">
        <v>4.1447615691048302E-2</v>
      </c>
      <c r="L2705">
        <v>-1.0426311352742781</v>
      </c>
      <c r="M2705">
        <v>7.149165869030762</v>
      </c>
      <c r="N2705">
        <v>4</v>
      </c>
      <c r="O2705">
        <v>1</v>
      </c>
      <c r="P2705">
        <v>3</v>
      </c>
      <c r="Q2705">
        <v>0.83815273071201046</v>
      </c>
      <c r="R2705">
        <v>4.9554241654740636</v>
      </c>
      <c r="S2705">
        <v>1</v>
      </c>
      <c r="T2705">
        <v>1</v>
      </c>
      <c r="U2705">
        <v>0</v>
      </c>
      <c r="V2705">
        <v>0</v>
      </c>
      <c r="W2705">
        <v>5.541263545158424</v>
      </c>
      <c r="X2705">
        <v>1</v>
      </c>
      <c r="Y2705">
        <v>1</v>
      </c>
      <c r="Z2705">
        <v>0</v>
      </c>
      <c r="AA2705">
        <v>0</v>
      </c>
      <c r="AB2705">
        <v>5.5373342670185366</v>
      </c>
      <c r="AC2705">
        <v>1</v>
      </c>
      <c r="AD2705">
        <v>1</v>
      </c>
      <c r="AE2705">
        <v>0</v>
      </c>
      <c r="AF2705">
        <v>0</v>
      </c>
      <c r="AG2705">
        <v>5.5333894887275203</v>
      </c>
      <c r="AH2705">
        <v>-0.12598066030809479</v>
      </c>
      <c r="AI2705">
        <v>4.7264704082528357E-2</v>
      </c>
      <c r="AJ2705">
        <v>1.8170900689044471E-2</v>
      </c>
      <c r="AK2705">
        <v>-6.5148858277800708E-3</v>
      </c>
      <c r="AL2705">
        <v>1117.430720714407</v>
      </c>
      <c r="AM2705">
        <v>1978.322163957044</v>
      </c>
      <c r="AN2705">
        <v>31508</v>
      </c>
      <c r="AO2705">
        <v>59.395793279190933</v>
      </c>
      <c r="AP2705">
        <v>900.3596368157655</v>
      </c>
      <c r="AQ2705">
        <v>1.08984375</v>
      </c>
      <c r="AR2705">
        <v>3.88671875</v>
      </c>
      <c r="AS2705">
        <v>255</v>
      </c>
      <c r="AT2705">
        <v>70.249999999999986</v>
      </c>
      <c r="AU2705">
        <v>6.3434436274509842E-2</v>
      </c>
      <c r="AV2705">
        <v>-0.12616433280119821</v>
      </c>
      <c r="AW2705">
        <v>0.3984375</v>
      </c>
      <c r="AX2705">
        <v>89.509803921568633</v>
      </c>
      <c r="AY2705">
        <v>58</v>
      </c>
      <c r="AZ2705">
        <v>115.25</v>
      </c>
      <c r="BA2705">
        <v>0.57551969214914112</v>
      </c>
      <c r="BB2705">
        <v>0.50390625</v>
      </c>
      <c r="BC2705">
        <v>4.8526379104392161</v>
      </c>
      <c r="BD2705" t="s">
        <v>10300</v>
      </c>
      <c r="BE2705" t="s">
        <v>62</v>
      </c>
    </row>
    <row r="2706" spans="1:57" x14ac:dyDescent="0.3">
      <c r="A2706" t="s">
        <v>10301</v>
      </c>
      <c r="B2706">
        <v>535</v>
      </c>
      <c r="C2706" t="s">
        <v>10302</v>
      </c>
      <c r="D2706" t="s">
        <v>10303</v>
      </c>
      <c r="E2706" t="s">
        <v>85</v>
      </c>
      <c r="F2706">
        <v>8</v>
      </c>
      <c r="G2706">
        <v>127.75</v>
      </c>
      <c r="H2706">
        <v>131.5</v>
      </c>
      <c r="I2706">
        <v>5805.1875</v>
      </c>
      <c r="J2706">
        <v>76.191781052814349</v>
      </c>
      <c r="K2706">
        <v>-0.17153412702699991</v>
      </c>
      <c r="L2706">
        <v>-1.1768989805810219</v>
      </c>
      <c r="M2706">
        <v>3</v>
      </c>
      <c r="N2706">
        <v>1</v>
      </c>
      <c r="O2706">
        <v>1</v>
      </c>
      <c r="P2706">
        <v>0</v>
      </c>
      <c r="Q2706">
        <v>0</v>
      </c>
      <c r="R2706">
        <v>2.0794415416798362</v>
      </c>
      <c r="S2706">
        <v>1</v>
      </c>
      <c r="T2706">
        <v>1</v>
      </c>
      <c r="U2706">
        <v>0</v>
      </c>
      <c r="V2706">
        <v>0</v>
      </c>
      <c r="W2706">
        <v>1.945910149055313</v>
      </c>
      <c r="X2706">
        <v>1</v>
      </c>
      <c r="Y2706">
        <v>1</v>
      </c>
      <c r="Z2706">
        <v>0</v>
      </c>
      <c r="AA2706">
        <v>0</v>
      </c>
      <c r="AB2706">
        <v>1.791759469228055</v>
      </c>
      <c r="AC2706">
        <v>1</v>
      </c>
      <c r="AD2706">
        <v>1</v>
      </c>
      <c r="AE2706">
        <v>0</v>
      </c>
      <c r="AF2706">
        <v>0</v>
      </c>
      <c r="AG2706">
        <v>1.6094379124341009</v>
      </c>
      <c r="AH2706">
        <v>0.14610181626347121</v>
      </c>
      <c r="AI2706">
        <v>-0.21244199692085741</v>
      </c>
      <c r="AJ2706">
        <v>2.5584606440360449E-2</v>
      </c>
      <c r="AK2706">
        <v>0</v>
      </c>
      <c r="AL2706">
        <v>294.33634029778079</v>
      </c>
      <c r="AM2706">
        <v>300.61290521218308</v>
      </c>
      <c r="AN2706">
        <v>1022</v>
      </c>
      <c r="AO2706">
        <v>40.224370722237538</v>
      </c>
      <c r="AP2706">
        <v>256.01609733959663</v>
      </c>
      <c r="AQ2706">
        <v>3.5</v>
      </c>
      <c r="AR2706">
        <v>3.625</v>
      </c>
      <c r="AS2706">
        <v>8</v>
      </c>
      <c r="AT2706">
        <v>0</v>
      </c>
      <c r="AU2706">
        <v>0.19190871369294599</v>
      </c>
      <c r="AV2706">
        <v>0.15263247532991911</v>
      </c>
      <c r="AW2706">
        <v>0.25</v>
      </c>
      <c r="AX2706">
        <v>93.857142857142861</v>
      </c>
      <c r="AY2706">
        <v>58.5</v>
      </c>
      <c r="AZ2706">
        <v>101.5</v>
      </c>
      <c r="BA2706">
        <v>0.59641315892613966</v>
      </c>
      <c r="BB2706">
        <v>0.5</v>
      </c>
      <c r="BC2706">
        <v>1.7478680974667571</v>
      </c>
      <c r="BD2706" t="s">
        <v>10302</v>
      </c>
      <c r="BE2706" t="s">
        <v>68</v>
      </c>
    </row>
    <row r="2707" spans="1:57" x14ac:dyDescent="0.3">
      <c r="A2707" t="s">
        <v>10304</v>
      </c>
      <c r="B2707">
        <v>3868</v>
      </c>
      <c r="C2707" t="s">
        <v>10305</v>
      </c>
      <c r="D2707" t="s">
        <v>10306</v>
      </c>
      <c r="E2707" t="s">
        <v>98</v>
      </c>
      <c r="F2707">
        <v>16</v>
      </c>
      <c r="G2707">
        <v>114.375</v>
      </c>
      <c r="H2707">
        <v>116</v>
      </c>
      <c r="I2707">
        <v>3722.734375</v>
      </c>
      <c r="J2707">
        <v>61.01421453235303</v>
      </c>
      <c r="K2707">
        <v>5.336361436226493E-2</v>
      </c>
      <c r="L2707">
        <v>-0.62012173649826874</v>
      </c>
      <c r="M2707">
        <v>4</v>
      </c>
      <c r="N2707">
        <v>1</v>
      </c>
      <c r="O2707">
        <v>1</v>
      </c>
      <c r="P2707">
        <v>0</v>
      </c>
      <c r="Q2707">
        <v>0</v>
      </c>
      <c r="R2707">
        <v>2.7725887222397811</v>
      </c>
      <c r="S2707">
        <v>1</v>
      </c>
      <c r="T2707">
        <v>1</v>
      </c>
      <c r="U2707">
        <v>0</v>
      </c>
      <c r="V2707">
        <v>0</v>
      </c>
      <c r="W2707">
        <v>2.7080502011022101</v>
      </c>
      <c r="X2707">
        <v>1</v>
      </c>
      <c r="Y2707">
        <v>1</v>
      </c>
      <c r="Z2707">
        <v>0</v>
      </c>
      <c r="AA2707">
        <v>0</v>
      </c>
      <c r="AB2707">
        <v>2.639057329615258</v>
      </c>
      <c r="AC2707">
        <v>1</v>
      </c>
      <c r="AD2707">
        <v>1</v>
      </c>
      <c r="AE2707">
        <v>0</v>
      </c>
      <c r="AF2707">
        <v>0</v>
      </c>
      <c r="AG2707">
        <v>2.5649493574615372</v>
      </c>
      <c r="AH2707">
        <v>-0.19212424713017559</v>
      </c>
      <c r="AI2707">
        <v>-0.43462938868019563</v>
      </c>
      <c r="AJ2707">
        <v>-0.30615438290906799</v>
      </c>
      <c r="AK2707">
        <v>2.6422845270823281E-2</v>
      </c>
      <c r="AL2707">
        <v>331.04223055927542</v>
      </c>
      <c r="AM2707">
        <v>399.10029013562439</v>
      </c>
      <c r="AN2707">
        <v>1830</v>
      </c>
      <c r="AO2707">
        <v>139.15622067331969</v>
      </c>
      <c r="AP2707">
        <v>173.02468537422749</v>
      </c>
      <c r="AQ2707">
        <v>2.25</v>
      </c>
      <c r="AR2707">
        <v>3.8125</v>
      </c>
      <c r="AS2707">
        <v>16</v>
      </c>
      <c r="AT2707">
        <v>0</v>
      </c>
      <c r="AU2707">
        <v>0.19066455696202531</v>
      </c>
      <c r="AV2707">
        <v>-0.19351245501515091</v>
      </c>
      <c r="AW2707">
        <v>0.4375</v>
      </c>
      <c r="AX2707">
        <v>78</v>
      </c>
      <c r="AY2707">
        <v>49</v>
      </c>
      <c r="AZ2707">
        <v>81.75</v>
      </c>
      <c r="BA2707">
        <v>0.5334576133976221</v>
      </c>
      <c r="BB2707">
        <v>0.5</v>
      </c>
      <c r="BC2707">
        <v>2.615630577027551</v>
      </c>
      <c r="BD2707" t="s">
        <v>10305</v>
      </c>
      <c r="BE2707" t="s">
        <v>62</v>
      </c>
    </row>
    <row r="2708" spans="1:57" x14ac:dyDescent="0.3">
      <c r="A2708" t="s">
        <v>10307</v>
      </c>
      <c r="B2708">
        <v>3223</v>
      </c>
      <c r="C2708" t="s">
        <v>10308</v>
      </c>
      <c r="D2708" t="s">
        <v>10309</v>
      </c>
      <c r="E2708" t="s">
        <v>106</v>
      </c>
      <c r="F2708">
        <v>3273</v>
      </c>
      <c r="G2708">
        <v>126.69599755575921</v>
      </c>
      <c r="H2708">
        <v>128</v>
      </c>
      <c r="I2708">
        <v>5575.7557340568228</v>
      </c>
      <c r="J2708">
        <v>74.670983213406416</v>
      </c>
      <c r="K2708">
        <v>3.1717606938124442E-3</v>
      </c>
      <c r="L2708">
        <v>-1.20895063812906</v>
      </c>
      <c r="M2708">
        <v>7.9435881750496371</v>
      </c>
      <c r="N2708">
        <v>23</v>
      </c>
      <c r="O2708">
        <v>4</v>
      </c>
      <c r="P2708">
        <v>19</v>
      </c>
      <c r="Q2708">
        <v>3.5450138805209122</v>
      </c>
      <c r="R2708">
        <v>5.5060757470649939</v>
      </c>
      <c r="S2708">
        <v>2</v>
      </c>
      <c r="T2708">
        <v>1</v>
      </c>
      <c r="U2708">
        <v>1</v>
      </c>
      <c r="V2708">
        <v>0.14306580310183439</v>
      </c>
      <c r="W2708">
        <v>8.0647698633109499</v>
      </c>
      <c r="X2708">
        <v>1</v>
      </c>
      <c r="Y2708">
        <v>1</v>
      </c>
      <c r="Z2708">
        <v>0</v>
      </c>
      <c r="AA2708">
        <v>0</v>
      </c>
      <c r="AB2708">
        <v>8.0928510275383836</v>
      </c>
      <c r="AC2708">
        <v>1</v>
      </c>
      <c r="AD2708">
        <v>1</v>
      </c>
      <c r="AE2708">
        <v>0</v>
      </c>
      <c r="AF2708">
        <v>0</v>
      </c>
      <c r="AG2708">
        <v>8.0925452638912976</v>
      </c>
      <c r="AH2708">
        <v>2.7911296747102788E-3</v>
      </c>
      <c r="AI2708">
        <v>3.7309618912532501E-3</v>
      </c>
      <c r="AJ2708">
        <v>-1.317651218634841E-2</v>
      </c>
      <c r="AK2708">
        <v>-4.7309409269223092E-3</v>
      </c>
      <c r="AL2708">
        <v>3913.2166584249462</v>
      </c>
      <c r="AM2708">
        <v>7448.0852159615797</v>
      </c>
      <c r="AN2708">
        <v>414675.99999999988</v>
      </c>
      <c r="AO2708">
        <v>79.798669756005495</v>
      </c>
      <c r="AP2708">
        <v>3511.3075335128851</v>
      </c>
      <c r="AQ2708">
        <v>1.00702719217843</v>
      </c>
      <c r="AR2708">
        <v>3.977085242896425</v>
      </c>
      <c r="AS2708">
        <v>3260</v>
      </c>
      <c r="AT2708">
        <v>251.63428047662691</v>
      </c>
      <c r="AU2708">
        <v>1.4252080300497851E-2</v>
      </c>
      <c r="AV2708">
        <v>2.7921548809385281E-3</v>
      </c>
      <c r="AW2708">
        <v>0.36480293308890932</v>
      </c>
      <c r="AX2708">
        <v>86.087713936430319</v>
      </c>
      <c r="AY2708">
        <v>65</v>
      </c>
      <c r="AZ2708">
        <v>130</v>
      </c>
      <c r="BA2708">
        <v>0.58937128760159541</v>
      </c>
      <c r="BB2708">
        <v>0.5038191261839291</v>
      </c>
      <c r="BC2708">
        <v>5.3236570546728927</v>
      </c>
      <c r="BD2708" t="s">
        <v>10310</v>
      </c>
      <c r="BE2708" t="s">
        <v>68</v>
      </c>
    </row>
    <row r="2709" spans="1:57" x14ac:dyDescent="0.3">
      <c r="A2709" t="s">
        <v>10311</v>
      </c>
      <c r="B2709">
        <v>1673</v>
      </c>
      <c r="C2709" t="s">
        <v>10312</v>
      </c>
      <c r="D2709" t="s">
        <v>10313</v>
      </c>
      <c r="E2709" t="s">
        <v>106</v>
      </c>
      <c r="F2709">
        <v>1699</v>
      </c>
      <c r="G2709">
        <v>126.82754561506771</v>
      </c>
      <c r="H2709">
        <v>126</v>
      </c>
      <c r="I2709">
        <v>5399.928470197302</v>
      </c>
      <c r="J2709">
        <v>73.484205583222447</v>
      </c>
      <c r="K2709">
        <v>2.7002540516193531E-2</v>
      </c>
      <c r="L2709">
        <v>-1.2062592424554679</v>
      </c>
      <c r="M2709">
        <v>7.8842261739742829</v>
      </c>
      <c r="N2709">
        <v>15</v>
      </c>
      <c r="O2709">
        <v>1</v>
      </c>
      <c r="P2709">
        <v>14</v>
      </c>
      <c r="Q2709">
        <v>2.631847351842131</v>
      </c>
      <c r="R2709">
        <v>5.464929143387212</v>
      </c>
      <c r="S2709">
        <v>2</v>
      </c>
      <c r="T2709">
        <v>1</v>
      </c>
      <c r="U2709">
        <v>1</v>
      </c>
      <c r="V2709">
        <v>0.1000537586752107</v>
      </c>
      <c r="W2709">
        <v>7.4233270947046037</v>
      </c>
      <c r="X2709">
        <v>1</v>
      </c>
      <c r="Y2709">
        <v>1</v>
      </c>
      <c r="Z2709">
        <v>0</v>
      </c>
      <c r="AA2709">
        <v>0</v>
      </c>
      <c r="AB2709">
        <v>7.4366172652342257</v>
      </c>
      <c r="AC2709">
        <v>1</v>
      </c>
      <c r="AD2709">
        <v>1</v>
      </c>
      <c r="AE2709">
        <v>0</v>
      </c>
      <c r="AF2709">
        <v>0</v>
      </c>
      <c r="AG2709">
        <v>7.4360278163518476</v>
      </c>
      <c r="AH2709">
        <v>3.7887910029743961E-2</v>
      </c>
      <c r="AI2709">
        <v>1.4875230504638929E-2</v>
      </c>
      <c r="AJ2709">
        <v>3.4133145478016713E-2</v>
      </c>
      <c r="AK2709">
        <v>5.9915225442736982E-3</v>
      </c>
      <c r="AL2709">
        <v>2800.752560948195</v>
      </c>
      <c r="AM2709">
        <v>5353.4160208545454</v>
      </c>
      <c r="AN2709">
        <v>215479.99999999991</v>
      </c>
      <c r="AO2709">
        <v>116.2435671641439</v>
      </c>
      <c r="AP2709">
        <v>2495.7761072793442</v>
      </c>
      <c r="AQ2709">
        <v>1.0135373749264269</v>
      </c>
      <c r="AR2709">
        <v>3.98175397292525</v>
      </c>
      <c r="AS2709">
        <v>1692</v>
      </c>
      <c r="AT2709">
        <v>267.18246027074753</v>
      </c>
      <c r="AU2709">
        <v>1.666262738173541E-2</v>
      </c>
      <c r="AV2709">
        <v>3.7907189107098838E-2</v>
      </c>
      <c r="AW2709">
        <v>0.3825779870512066</v>
      </c>
      <c r="AX2709">
        <v>82.476442873969376</v>
      </c>
      <c r="AY2709">
        <v>63</v>
      </c>
      <c r="AZ2709">
        <v>126</v>
      </c>
      <c r="BA2709">
        <v>0.57940256769024934</v>
      </c>
      <c r="BB2709">
        <v>0.49911712772218952</v>
      </c>
      <c r="BC2709">
        <v>5.2469129338627862</v>
      </c>
      <c r="BD2709" t="s">
        <v>10314</v>
      </c>
      <c r="BE2709" t="s">
        <v>68</v>
      </c>
    </row>
    <row r="2710" spans="1:57" x14ac:dyDescent="0.3">
      <c r="A2710" t="s">
        <v>10315</v>
      </c>
      <c r="B2710">
        <v>1485</v>
      </c>
      <c r="C2710" t="s">
        <v>10316</v>
      </c>
      <c r="D2710" t="s">
        <v>10317</v>
      </c>
      <c r="E2710" t="s">
        <v>66</v>
      </c>
      <c r="F2710">
        <v>72</v>
      </c>
      <c r="G2710">
        <v>120.3194444444444</v>
      </c>
      <c r="H2710">
        <v>101</v>
      </c>
      <c r="I2710">
        <v>6250.9951774691344</v>
      </c>
      <c r="J2710">
        <v>79.063235308638454</v>
      </c>
      <c r="K2710">
        <v>0.16371274106993419</v>
      </c>
      <c r="L2710">
        <v>-1.3457324310144481</v>
      </c>
      <c r="M2710">
        <v>5.8643694458867603</v>
      </c>
      <c r="N2710">
        <v>2</v>
      </c>
      <c r="O2710">
        <v>1</v>
      </c>
      <c r="P2710">
        <v>1</v>
      </c>
      <c r="Q2710">
        <v>0.38446030818224841</v>
      </c>
      <c r="R2710">
        <v>4.0648711471782937</v>
      </c>
      <c r="S2710">
        <v>2</v>
      </c>
      <c r="T2710">
        <v>1</v>
      </c>
      <c r="U2710">
        <v>1</v>
      </c>
      <c r="V2710">
        <v>0.16776575221435111</v>
      </c>
      <c r="W2710">
        <v>4.2236293316576567</v>
      </c>
      <c r="X2710">
        <v>2</v>
      </c>
      <c r="Y2710">
        <v>1</v>
      </c>
      <c r="Z2710">
        <v>1</v>
      </c>
      <c r="AA2710">
        <v>0.11951030798891769</v>
      </c>
      <c r="AB2710">
        <v>4.2286910368905044</v>
      </c>
      <c r="AC2710">
        <v>1</v>
      </c>
      <c r="AD2710">
        <v>1</v>
      </c>
      <c r="AE2710">
        <v>0</v>
      </c>
      <c r="AF2710">
        <v>0</v>
      </c>
      <c r="AG2710">
        <v>4.2341065045972579</v>
      </c>
      <c r="AH2710">
        <v>0.19252519800250881</v>
      </c>
      <c r="AI2710">
        <v>-4.3193267295631693E-2</v>
      </c>
      <c r="AJ2710">
        <v>-1.505265677329682E-2</v>
      </c>
      <c r="AK2710">
        <v>-0.18145535012564579</v>
      </c>
      <c r="AL2710">
        <v>688.49470766208606</v>
      </c>
      <c r="AM2710">
        <v>1009.1452014062691</v>
      </c>
      <c r="AN2710">
        <v>8663</v>
      </c>
      <c r="AO2710">
        <v>97.852716553304049</v>
      </c>
      <c r="AP2710">
        <v>507.67928430264578</v>
      </c>
      <c r="AQ2710">
        <v>1.319444444444444</v>
      </c>
      <c r="AR2710">
        <v>3.7361111111111112</v>
      </c>
      <c r="AS2710">
        <v>72</v>
      </c>
      <c r="AT2710">
        <v>7.6388888888888884</v>
      </c>
      <c r="AU2710">
        <v>0.11683006535947719</v>
      </c>
      <c r="AV2710">
        <v>0.1939651089939512</v>
      </c>
      <c r="AW2710">
        <v>0.41666666666666669</v>
      </c>
      <c r="AX2710">
        <v>79.042253521126767</v>
      </c>
      <c r="AY2710">
        <v>68.5</v>
      </c>
      <c r="AZ2710">
        <v>133.5</v>
      </c>
      <c r="BA2710">
        <v>0.6571110403118976</v>
      </c>
      <c r="BB2710">
        <v>0.45833333333333331</v>
      </c>
      <c r="BC2710">
        <v>3.9698007866638751</v>
      </c>
      <c r="BD2710" t="s">
        <v>10318</v>
      </c>
      <c r="BE2710" t="s">
        <v>68</v>
      </c>
    </row>
    <row r="2711" spans="1:57" x14ac:dyDescent="0.3">
      <c r="A2711" t="s">
        <v>10319</v>
      </c>
      <c r="B2711">
        <v>950</v>
      </c>
      <c r="C2711" t="s">
        <v>10320</v>
      </c>
      <c r="D2711" t="s">
        <v>10321</v>
      </c>
      <c r="E2711" t="s">
        <v>10622</v>
      </c>
      <c r="F2711">
        <v>64</v>
      </c>
      <c r="G2711">
        <v>133.34375</v>
      </c>
      <c r="H2711">
        <v>136.5</v>
      </c>
      <c r="I2711">
        <v>5565.7568359375</v>
      </c>
      <c r="J2711">
        <v>74.604000133622193</v>
      </c>
      <c r="K2711">
        <v>-0.2323203554159145</v>
      </c>
      <c r="L2711">
        <v>-1.278414211130867</v>
      </c>
      <c r="M2711">
        <v>5.6875</v>
      </c>
      <c r="N2711">
        <v>2</v>
      </c>
      <c r="O2711">
        <v>1</v>
      </c>
      <c r="P2711">
        <v>1</v>
      </c>
      <c r="Q2711">
        <v>0.38844772154450069</v>
      </c>
      <c r="R2711">
        <v>3.9422745894346898</v>
      </c>
      <c r="S2711">
        <v>1</v>
      </c>
      <c r="T2711">
        <v>1</v>
      </c>
      <c r="U2711">
        <v>0</v>
      </c>
      <c r="V2711">
        <v>0</v>
      </c>
      <c r="W2711">
        <v>4.1431347263915326</v>
      </c>
      <c r="X2711">
        <v>1</v>
      </c>
      <c r="Y2711">
        <v>1</v>
      </c>
      <c r="Z2711">
        <v>0</v>
      </c>
      <c r="AA2711">
        <v>0</v>
      </c>
      <c r="AB2711">
        <v>4.1271343850450908</v>
      </c>
      <c r="AC2711">
        <v>1</v>
      </c>
      <c r="AD2711">
        <v>1</v>
      </c>
      <c r="AE2711">
        <v>0</v>
      </c>
      <c r="AF2711">
        <v>0</v>
      </c>
      <c r="AG2711">
        <v>4.1108738641733096</v>
      </c>
      <c r="AH2711">
        <v>-0.16387725771954101</v>
      </c>
      <c r="AI2711">
        <v>-9.0808538408428355E-2</v>
      </c>
      <c r="AJ2711">
        <v>-8.7946567998722663E-2</v>
      </c>
      <c r="AK2711">
        <v>-6.3884191094224149E-2</v>
      </c>
      <c r="AL2711">
        <v>656.52587969589194</v>
      </c>
      <c r="AM2711">
        <v>1031.085723540742</v>
      </c>
      <c r="AN2711">
        <v>8534</v>
      </c>
      <c r="AO2711">
        <v>84.792435310715291</v>
      </c>
      <c r="AP2711">
        <v>503.61468821847842</v>
      </c>
      <c r="AQ2711">
        <v>1.359375</v>
      </c>
      <c r="AR2711">
        <v>4.21875</v>
      </c>
      <c r="AS2711">
        <v>64</v>
      </c>
      <c r="AT2711">
        <v>6.8749999999999991</v>
      </c>
      <c r="AU2711">
        <v>0.11424180327868851</v>
      </c>
      <c r="AV2711">
        <v>-0.16487228173780369</v>
      </c>
      <c r="AW2711">
        <v>0.34375</v>
      </c>
      <c r="AX2711">
        <v>96.269841269841265</v>
      </c>
      <c r="AY2711">
        <v>71.5</v>
      </c>
      <c r="AZ2711">
        <v>139.5</v>
      </c>
      <c r="BA2711">
        <v>0.5594862911356715</v>
      </c>
      <c r="BB2711">
        <v>0.5</v>
      </c>
      <c r="BC2711">
        <v>3.9891020196004332</v>
      </c>
      <c r="BD2711" t="s">
        <v>10322</v>
      </c>
      <c r="BE2711" t="s">
        <v>62</v>
      </c>
    </row>
    <row r="2712" spans="1:57" x14ac:dyDescent="0.3">
      <c r="A2712" t="s">
        <v>10323</v>
      </c>
      <c r="B2712">
        <v>3242</v>
      </c>
      <c r="C2712" t="s">
        <v>10324</v>
      </c>
      <c r="D2712" t="s">
        <v>10325</v>
      </c>
      <c r="E2712" t="s">
        <v>66</v>
      </c>
      <c r="F2712">
        <v>71</v>
      </c>
      <c r="G2712">
        <v>127.3098591549296</v>
      </c>
      <c r="H2712">
        <v>130</v>
      </c>
      <c r="I2712">
        <v>5031.6222971632596</v>
      </c>
      <c r="J2712">
        <v>70.933929097176474</v>
      </c>
      <c r="K2712">
        <v>-0.12543166044192719</v>
      </c>
      <c r="L2712">
        <v>-1.0243637789713349</v>
      </c>
      <c r="M2712">
        <v>5.8574247603192768</v>
      </c>
      <c r="N2712">
        <v>4</v>
      </c>
      <c r="O2712">
        <v>1</v>
      </c>
      <c r="P2712">
        <v>3</v>
      </c>
      <c r="Q2712">
        <v>0.50311206324136182</v>
      </c>
      <c r="R2712">
        <v>4.0600574579573241</v>
      </c>
      <c r="S2712">
        <v>1</v>
      </c>
      <c r="T2712">
        <v>1</v>
      </c>
      <c r="U2712">
        <v>0</v>
      </c>
      <c r="V2712">
        <v>0</v>
      </c>
      <c r="W2712">
        <v>4.2484952420493576</v>
      </c>
      <c r="X2712">
        <v>1</v>
      </c>
      <c r="Y2712">
        <v>1</v>
      </c>
      <c r="Z2712">
        <v>0</v>
      </c>
      <c r="AA2712">
        <v>0</v>
      </c>
      <c r="AB2712">
        <v>4.2341065045972579</v>
      </c>
      <c r="AC2712">
        <v>1</v>
      </c>
      <c r="AD2712">
        <v>1</v>
      </c>
      <c r="AE2712">
        <v>0</v>
      </c>
      <c r="AF2712">
        <v>0</v>
      </c>
      <c r="AG2712">
        <v>4.2195077051761087</v>
      </c>
      <c r="AH2712">
        <v>0.13318770077734879</v>
      </c>
      <c r="AI2712">
        <v>1.555298929890985E-2</v>
      </c>
      <c r="AJ2712">
        <v>-3.6601646074572003E-2</v>
      </c>
      <c r="AK2712">
        <v>-0.15661371513240471</v>
      </c>
      <c r="AL2712">
        <v>663.91931415259012</v>
      </c>
      <c r="AM2712">
        <v>1033.058635458392</v>
      </c>
      <c r="AN2712">
        <v>9039</v>
      </c>
      <c r="AO2712">
        <v>73.132123969059705</v>
      </c>
      <c r="AP2712">
        <v>501.26051215000621</v>
      </c>
      <c r="AQ2712">
        <v>1.323943661971831</v>
      </c>
      <c r="AR2712">
        <v>3.845070422535211</v>
      </c>
      <c r="AS2712">
        <v>71</v>
      </c>
      <c r="AT2712">
        <v>13.704225352112671</v>
      </c>
      <c r="AU2712">
        <v>7.6137150773493451E-2</v>
      </c>
      <c r="AV2712">
        <v>0.13464111763136019</v>
      </c>
      <c r="AW2712">
        <v>0.36619718309859162</v>
      </c>
      <c r="AX2712">
        <v>75.457142857142856</v>
      </c>
      <c r="AY2712">
        <v>53</v>
      </c>
      <c r="AZ2712">
        <v>107.5</v>
      </c>
      <c r="BA2712">
        <v>0.55717545811478364</v>
      </c>
      <c r="BB2712">
        <v>0.52112676056338025</v>
      </c>
      <c r="BC2712">
        <v>3.904348780866465</v>
      </c>
      <c r="BD2712" t="s">
        <v>10326</v>
      </c>
      <c r="BE2712" t="s">
        <v>68</v>
      </c>
    </row>
    <row r="2713" spans="1:57" x14ac:dyDescent="0.3">
      <c r="A2713" t="s">
        <v>10327</v>
      </c>
      <c r="B2713">
        <v>709</v>
      </c>
      <c r="C2713" t="s">
        <v>10328</v>
      </c>
      <c r="D2713" t="s">
        <v>10329</v>
      </c>
      <c r="E2713" t="s">
        <v>10622</v>
      </c>
      <c r="F2713">
        <v>64</v>
      </c>
      <c r="G2713">
        <v>131.578125</v>
      </c>
      <c r="H2713">
        <v>137.5</v>
      </c>
      <c r="I2713">
        <v>5057.431396484375</v>
      </c>
      <c r="J2713">
        <v>71.115619919145573</v>
      </c>
      <c r="K2713">
        <v>-1.030351101189321E-2</v>
      </c>
      <c r="L2713">
        <v>-1.160594042237423</v>
      </c>
      <c r="M2713">
        <v>5.683364648336088</v>
      </c>
      <c r="N2713">
        <v>3</v>
      </c>
      <c r="O2713">
        <v>1</v>
      </c>
      <c r="P2713">
        <v>2</v>
      </c>
      <c r="Q2713">
        <v>0.49593387989039472</v>
      </c>
      <c r="R2713">
        <v>3.9394081820882261</v>
      </c>
      <c r="S2713">
        <v>1</v>
      </c>
      <c r="T2713">
        <v>1</v>
      </c>
      <c r="U2713">
        <v>0</v>
      </c>
      <c r="V2713">
        <v>0</v>
      </c>
      <c r="W2713">
        <v>4.1431347263915326</v>
      </c>
      <c r="X2713">
        <v>1</v>
      </c>
      <c r="Y2713">
        <v>1</v>
      </c>
      <c r="Z2713">
        <v>0</v>
      </c>
      <c r="AA2713">
        <v>0</v>
      </c>
      <c r="AB2713">
        <v>4.1271343850450908</v>
      </c>
      <c r="AC2713">
        <v>1</v>
      </c>
      <c r="AD2713">
        <v>1</v>
      </c>
      <c r="AE2713">
        <v>0</v>
      </c>
      <c r="AF2713">
        <v>0</v>
      </c>
      <c r="AG2713">
        <v>4.1108738641733096</v>
      </c>
      <c r="AH2713">
        <v>3.9419994593110901E-2</v>
      </c>
      <c r="AI2713">
        <v>-2.1941131417793441E-2</v>
      </c>
      <c r="AJ2713">
        <v>-1.31784775690978E-4</v>
      </c>
      <c r="AK2713">
        <v>-6.8157114009160122E-2</v>
      </c>
      <c r="AL2713">
        <v>655.12425734799672</v>
      </c>
      <c r="AM2713">
        <v>1001.25281893947</v>
      </c>
      <c r="AN2713">
        <v>8421</v>
      </c>
      <c r="AO2713">
        <v>146.2404779490065</v>
      </c>
      <c r="AP2713">
        <v>527.3001954979668</v>
      </c>
      <c r="AQ2713">
        <v>1.359375</v>
      </c>
      <c r="AR2713">
        <v>4.140625</v>
      </c>
      <c r="AS2713">
        <v>64</v>
      </c>
      <c r="AT2713">
        <v>11.625</v>
      </c>
      <c r="AU2713">
        <v>6.3541666666666718E-2</v>
      </c>
      <c r="AV2713">
        <v>3.9568395675774547E-2</v>
      </c>
      <c r="AW2713">
        <v>0.375</v>
      </c>
      <c r="AX2713">
        <v>80.365079365079367</v>
      </c>
      <c r="AY2713">
        <v>55.5</v>
      </c>
      <c r="AZ2713">
        <v>118.25</v>
      </c>
      <c r="BA2713">
        <v>0.54048208939856512</v>
      </c>
      <c r="BB2713">
        <v>0.515625</v>
      </c>
      <c r="BC2713">
        <v>4.0111066919991618</v>
      </c>
      <c r="BD2713" t="s">
        <v>10330</v>
      </c>
      <c r="BE2713" t="s">
        <v>62</v>
      </c>
    </row>
    <row r="2714" spans="1:57" x14ac:dyDescent="0.3">
      <c r="A2714" t="s">
        <v>10331</v>
      </c>
      <c r="B2714">
        <v>2946</v>
      </c>
      <c r="C2714" t="s">
        <v>10332</v>
      </c>
      <c r="D2714" t="s">
        <v>10333</v>
      </c>
      <c r="E2714" t="s">
        <v>115</v>
      </c>
      <c r="F2714">
        <v>2976</v>
      </c>
      <c r="G2714">
        <v>128.13071236559139</v>
      </c>
      <c r="H2714">
        <v>128</v>
      </c>
      <c r="I2714">
        <v>5493.9906427721053</v>
      </c>
      <c r="J2714">
        <v>74.121458719942268</v>
      </c>
      <c r="K2714">
        <v>-8.7471703344911371E-4</v>
      </c>
      <c r="L2714">
        <v>-1.2079813571067699</v>
      </c>
      <c r="M2714">
        <v>7.9338258419593446</v>
      </c>
      <c r="N2714">
        <v>22</v>
      </c>
      <c r="O2714">
        <v>4</v>
      </c>
      <c r="P2714">
        <v>18</v>
      </c>
      <c r="Q2714">
        <v>3.479852726768764</v>
      </c>
      <c r="R2714">
        <v>5.499309013407748</v>
      </c>
      <c r="S2714">
        <v>2</v>
      </c>
      <c r="T2714">
        <v>1</v>
      </c>
      <c r="U2714">
        <v>1</v>
      </c>
      <c r="V2714">
        <v>0.15003017506296501</v>
      </c>
      <c r="W2714">
        <v>7.9667785710234149</v>
      </c>
      <c r="X2714">
        <v>1</v>
      </c>
      <c r="Y2714">
        <v>1</v>
      </c>
      <c r="Z2714">
        <v>0</v>
      </c>
      <c r="AA2714">
        <v>0</v>
      </c>
      <c r="AB2714">
        <v>7.9976631270200986</v>
      </c>
      <c r="AC2714">
        <v>1</v>
      </c>
      <c r="AD2714">
        <v>1</v>
      </c>
      <c r="AE2714">
        <v>0</v>
      </c>
      <c r="AF2714">
        <v>0</v>
      </c>
      <c r="AG2714">
        <v>7.9973268229980947</v>
      </c>
      <c r="AH2714">
        <v>-4.7354041628197577E-2</v>
      </c>
      <c r="AI2714">
        <v>2.9682362282026389E-2</v>
      </c>
      <c r="AJ2714">
        <v>5.8955161342830542E-3</v>
      </c>
      <c r="AK2714">
        <v>2.0119076854334832E-2</v>
      </c>
      <c r="AL2714">
        <v>3706.329950360373</v>
      </c>
      <c r="AM2714">
        <v>7174.3747671181554</v>
      </c>
      <c r="AN2714">
        <v>381317</v>
      </c>
      <c r="AO2714">
        <v>18.087762498059121</v>
      </c>
      <c r="AP2714">
        <v>3327.8748377917941</v>
      </c>
      <c r="AQ2714">
        <v>1.007728494623656</v>
      </c>
      <c r="AR2714">
        <v>4.033266129032258</v>
      </c>
      <c r="AS2714">
        <v>2966</v>
      </c>
      <c r="AT2714">
        <v>266.66666666666657</v>
      </c>
      <c r="AU2714">
        <v>1.3855945604048131E-2</v>
      </c>
      <c r="AV2714">
        <v>-4.7378930706294939E-2</v>
      </c>
      <c r="AW2714">
        <v>0.36827956989247312</v>
      </c>
      <c r="AX2714">
        <v>88.178487394957983</v>
      </c>
      <c r="AY2714">
        <v>64</v>
      </c>
      <c r="AZ2714">
        <v>128</v>
      </c>
      <c r="BA2714">
        <v>0.57848315483062174</v>
      </c>
      <c r="BB2714">
        <v>0.49663978494623662</v>
      </c>
      <c r="BC2714">
        <v>5.3329269506291688</v>
      </c>
      <c r="BD2714" t="s">
        <v>10334</v>
      </c>
      <c r="BE2714" t="s">
        <v>62</v>
      </c>
    </row>
    <row r="2715" spans="1:57" x14ac:dyDescent="0.3">
      <c r="A2715" t="s">
        <v>10335</v>
      </c>
      <c r="B2715">
        <v>929</v>
      </c>
      <c r="C2715" t="s">
        <v>10336</v>
      </c>
      <c r="D2715" t="s">
        <v>10337</v>
      </c>
      <c r="E2715" t="s">
        <v>115</v>
      </c>
      <c r="F2715">
        <v>960</v>
      </c>
      <c r="G2715">
        <v>129.07395833333331</v>
      </c>
      <c r="H2715">
        <v>129</v>
      </c>
      <c r="I2715">
        <v>5543.0851551649303</v>
      </c>
      <c r="J2715">
        <v>74.451898264348713</v>
      </c>
      <c r="K2715">
        <v>-1.2657249532044799E-2</v>
      </c>
      <c r="L2715">
        <v>-1.2481518407046011</v>
      </c>
      <c r="M2715">
        <v>7.8116745102599232</v>
      </c>
      <c r="N2715">
        <v>10</v>
      </c>
      <c r="O2715">
        <v>1</v>
      </c>
      <c r="P2715">
        <v>9</v>
      </c>
      <c r="Q2715">
        <v>1.824499434349335</v>
      </c>
      <c r="R2715">
        <v>5.4146401622386522</v>
      </c>
      <c r="S2715">
        <v>2</v>
      </c>
      <c r="T2715">
        <v>1</v>
      </c>
      <c r="U2715">
        <v>1</v>
      </c>
      <c r="V2715">
        <v>7.2205409221360678E-2</v>
      </c>
      <c r="W2715">
        <v>6.8586632627816666</v>
      </c>
      <c r="X2715">
        <v>1</v>
      </c>
      <c r="Y2715">
        <v>1</v>
      </c>
      <c r="Z2715">
        <v>0</v>
      </c>
      <c r="AA2715">
        <v>0</v>
      </c>
      <c r="AB2715">
        <v>6.8648477779708621</v>
      </c>
      <c r="AC2715">
        <v>1</v>
      </c>
      <c r="AD2715">
        <v>1</v>
      </c>
      <c r="AE2715">
        <v>0</v>
      </c>
      <c r="AF2715">
        <v>0</v>
      </c>
      <c r="AG2715">
        <v>6.8638033914529544</v>
      </c>
      <c r="AH2715">
        <v>1.9171390466948629E-2</v>
      </c>
      <c r="AI2715">
        <v>-4.2030637478922023E-2</v>
      </c>
      <c r="AJ2715">
        <v>-2.4379351041971638E-2</v>
      </c>
      <c r="AK2715">
        <v>9.0042594408982709E-4</v>
      </c>
      <c r="AL2715">
        <v>2159.4311651525281</v>
      </c>
      <c r="AM2715">
        <v>4080.6742142650892</v>
      </c>
      <c r="AN2715">
        <v>123911</v>
      </c>
      <c r="AO2715">
        <v>161.1312285240765</v>
      </c>
      <c r="AP2715">
        <v>1931.7472867072991</v>
      </c>
      <c r="AQ2715">
        <v>1.0239583333333331</v>
      </c>
      <c r="AR2715">
        <v>3.9656250000000002</v>
      </c>
      <c r="AS2715">
        <v>956</v>
      </c>
      <c r="AT2715">
        <v>220.2</v>
      </c>
      <c r="AU2715">
        <v>2.9840686274509861E-2</v>
      </c>
      <c r="AV2715">
        <v>1.91830182142399E-2</v>
      </c>
      <c r="AW2715">
        <v>0.37083333333333329</v>
      </c>
      <c r="AX2715">
        <v>85.687174139728882</v>
      </c>
      <c r="AY2715">
        <v>65</v>
      </c>
      <c r="AZ2715">
        <v>131.25</v>
      </c>
      <c r="BA2715">
        <v>0.57681579790151616</v>
      </c>
      <c r="BB2715">
        <v>0.49895833333333328</v>
      </c>
      <c r="BC2715">
        <v>5.215188247251672</v>
      </c>
      <c r="BD2715" t="s">
        <v>10338</v>
      </c>
      <c r="BE2715" t="s">
        <v>62</v>
      </c>
    </row>
    <row r="2716" spans="1:57" x14ac:dyDescent="0.3">
      <c r="A2716" t="s">
        <v>10339</v>
      </c>
      <c r="B2716">
        <v>2550</v>
      </c>
      <c r="C2716" t="s">
        <v>10340</v>
      </c>
      <c r="D2716" t="s">
        <v>10341</v>
      </c>
      <c r="E2716" t="s">
        <v>106</v>
      </c>
      <c r="F2716">
        <v>2586</v>
      </c>
      <c r="G2716">
        <v>127.41840680587779</v>
      </c>
      <c r="H2716">
        <v>127</v>
      </c>
      <c r="I2716">
        <v>5547.5905969976957</v>
      </c>
      <c r="J2716">
        <v>74.482149519181405</v>
      </c>
      <c r="K2716">
        <v>2.3352318703419361E-2</v>
      </c>
      <c r="L2716">
        <v>-1.215232376029352</v>
      </c>
      <c r="M2716">
        <v>7.9243959331005112</v>
      </c>
      <c r="N2716">
        <v>21</v>
      </c>
      <c r="O2716">
        <v>3</v>
      </c>
      <c r="P2716">
        <v>18</v>
      </c>
      <c r="Q2716">
        <v>3.2580185786139628</v>
      </c>
      <c r="R2716">
        <v>5.492772698669306</v>
      </c>
      <c r="S2716">
        <v>2</v>
      </c>
      <c r="T2716">
        <v>1</v>
      </c>
      <c r="U2716">
        <v>1</v>
      </c>
      <c r="V2716">
        <v>0.14714897536294461</v>
      </c>
      <c r="W2716">
        <v>7.827448878152313</v>
      </c>
      <c r="X2716">
        <v>1</v>
      </c>
      <c r="Y2716">
        <v>1</v>
      </c>
      <c r="Z2716">
        <v>0</v>
      </c>
      <c r="AA2716">
        <v>0</v>
      </c>
      <c r="AB2716">
        <v>7.8570938649024917</v>
      </c>
      <c r="AC2716">
        <v>1</v>
      </c>
      <c r="AD2716">
        <v>1</v>
      </c>
      <c r="AE2716">
        <v>0</v>
      </c>
      <c r="AF2716">
        <v>0</v>
      </c>
      <c r="AG2716">
        <v>7.8567067930958414</v>
      </c>
      <c r="AH2716">
        <v>-2.8025476418875209E-2</v>
      </c>
      <c r="AI2716">
        <v>-2.2826654932208972E-2</v>
      </c>
      <c r="AJ2716">
        <v>2.552649406595444E-2</v>
      </c>
      <c r="AK2716">
        <v>2.054163617870338E-2</v>
      </c>
      <c r="AL2716">
        <v>3499.0689200002339</v>
      </c>
      <c r="AM2716">
        <v>6639.8389056579053</v>
      </c>
      <c r="AN2716">
        <v>329503.99999999988</v>
      </c>
      <c r="AO2716">
        <v>77.857000816653411</v>
      </c>
      <c r="AP2716">
        <v>3210.717175450467</v>
      </c>
      <c r="AQ2716">
        <v>1.0088940448569219</v>
      </c>
      <c r="AR2716">
        <v>4.0297757153905636</v>
      </c>
      <c r="AS2716">
        <v>2577</v>
      </c>
      <c r="AT2716">
        <v>269.00386697602482</v>
      </c>
      <c r="AU2716">
        <v>1.65870524543924E-2</v>
      </c>
      <c r="AV2716">
        <v>-2.8040143652411031E-2</v>
      </c>
      <c r="AW2716">
        <v>0.37780355761794282</v>
      </c>
      <c r="AX2716">
        <v>87.203094777562868</v>
      </c>
      <c r="AY2716">
        <v>64</v>
      </c>
      <c r="AZ2716">
        <v>128</v>
      </c>
      <c r="BA2716">
        <v>0.58454780110894888</v>
      </c>
      <c r="BB2716">
        <v>0.49497293116782681</v>
      </c>
      <c r="BC2716">
        <v>5.3242954865140817</v>
      </c>
      <c r="BD2716" t="s">
        <v>10342</v>
      </c>
      <c r="BE2716" t="s">
        <v>68</v>
      </c>
    </row>
    <row r="2717" spans="1:57" x14ac:dyDescent="0.3">
      <c r="A2717" t="s">
        <v>10343</v>
      </c>
      <c r="B2717">
        <v>3081</v>
      </c>
      <c r="C2717" t="s">
        <v>10344</v>
      </c>
      <c r="D2717" t="s">
        <v>10345</v>
      </c>
      <c r="E2717" t="s">
        <v>66</v>
      </c>
      <c r="F2717">
        <v>72</v>
      </c>
      <c r="G2717">
        <v>122.7777777777778</v>
      </c>
      <c r="H2717">
        <v>128.5</v>
      </c>
      <c r="I2717">
        <v>6131.3395061728406</v>
      </c>
      <c r="J2717">
        <v>78.302870357176829</v>
      </c>
      <c r="K2717">
        <v>-0.120991228657744</v>
      </c>
      <c r="L2717">
        <v>-1.2919942173124861</v>
      </c>
      <c r="M2717">
        <v>5.8989559041599966</v>
      </c>
      <c r="N2717">
        <v>3</v>
      </c>
      <c r="O2717">
        <v>1</v>
      </c>
      <c r="P2717">
        <v>2</v>
      </c>
      <c r="Q2717">
        <v>0.4312088161017818</v>
      </c>
      <c r="R2717">
        <v>4.0888446532159417</v>
      </c>
      <c r="S2717">
        <v>2</v>
      </c>
      <c r="T2717">
        <v>1</v>
      </c>
      <c r="U2717">
        <v>1</v>
      </c>
      <c r="V2717">
        <v>0.16776575221435111</v>
      </c>
      <c r="W2717">
        <v>4.2236293316576567</v>
      </c>
      <c r="X2717">
        <v>2</v>
      </c>
      <c r="Y2717">
        <v>1</v>
      </c>
      <c r="Z2717">
        <v>1</v>
      </c>
      <c r="AA2717">
        <v>0.11951030798891769</v>
      </c>
      <c r="AB2717">
        <v>4.2286910368905044</v>
      </c>
      <c r="AC2717">
        <v>1</v>
      </c>
      <c r="AD2717">
        <v>1</v>
      </c>
      <c r="AE2717">
        <v>0</v>
      </c>
      <c r="AF2717">
        <v>0</v>
      </c>
      <c r="AG2717">
        <v>4.2341065045972579</v>
      </c>
      <c r="AH2717">
        <v>-5.3709198049598533E-2</v>
      </c>
      <c r="AI2717">
        <v>0.1878907170686302</v>
      </c>
      <c r="AJ2717">
        <v>-0.2201773075945134</v>
      </c>
      <c r="AK2717">
        <v>-4.2059376297962303E-2</v>
      </c>
      <c r="AL2717">
        <v>674.54243352446451</v>
      </c>
      <c r="AM2717">
        <v>1035.2799164355949</v>
      </c>
      <c r="AN2717">
        <v>8840</v>
      </c>
      <c r="AO2717">
        <v>36.000000000000021</v>
      </c>
      <c r="AP2717">
        <v>409.27093244062371</v>
      </c>
      <c r="AQ2717">
        <v>1.319444444444444</v>
      </c>
      <c r="AR2717">
        <v>3.7777777777777781</v>
      </c>
      <c r="AS2717">
        <v>72</v>
      </c>
      <c r="AT2717">
        <v>10.25</v>
      </c>
      <c r="AU2717">
        <v>9.2810457516339845E-2</v>
      </c>
      <c r="AV2717">
        <v>-5.406465151596971E-2</v>
      </c>
      <c r="AW2717">
        <v>0.29166666666666669</v>
      </c>
      <c r="AX2717">
        <v>91.943661971830991</v>
      </c>
      <c r="AY2717">
        <v>70</v>
      </c>
      <c r="AZ2717">
        <v>137.5</v>
      </c>
      <c r="BA2717">
        <v>0.63776093503582942</v>
      </c>
      <c r="BB2717">
        <v>0.52777777777777779</v>
      </c>
      <c r="BC2717">
        <v>4.0722130384834552</v>
      </c>
      <c r="BD2717" t="s">
        <v>10346</v>
      </c>
      <c r="BE2717" t="s">
        <v>68</v>
      </c>
    </row>
    <row r="2718" spans="1:57" x14ac:dyDescent="0.3">
      <c r="A2718" t="s">
        <v>10347</v>
      </c>
      <c r="B2718">
        <v>2304</v>
      </c>
      <c r="C2718" t="s">
        <v>10348</v>
      </c>
      <c r="D2718" t="s">
        <v>10349</v>
      </c>
      <c r="E2718" t="s">
        <v>115</v>
      </c>
      <c r="F2718">
        <v>2352</v>
      </c>
      <c r="G2718">
        <v>126.1135204081633</v>
      </c>
      <c r="H2718">
        <v>127</v>
      </c>
      <c r="I2718">
        <v>5530.4407695795153</v>
      </c>
      <c r="J2718">
        <v>74.366933307616733</v>
      </c>
      <c r="K2718">
        <v>1.367480910931034E-2</v>
      </c>
      <c r="L2718">
        <v>-1.175676999573628</v>
      </c>
      <c r="M2718">
        <v>7.9170563662493407</v>
      </c>
      <c r="N2718">
        <v>19</v>
      </c>
      <c r="O2718">
        <v>3</v>
      </c>
      <c r="P2718">
        <v>16</v>
      </c>
      <c r="Q2718">
        <v>3.116864409947921</v>
      </c>
      <c r="R2718">
        <v>5.4876852985998843</v>
      </c>
      <c r="S2718">
        <v>3</v>
      </c>
      <c r="T2718">
        <v>1</v>
      </c>
      <c r="U2718">
        <v>2</v>
      </c>
      <c r="V2718">
        <v>0.1473144976423196</v>
      </c>
      <c r="W2718">
        <v>7.7334800673241464</v>
      </c>
      <c r="X2718">
        <v>1</v>
      </c>
      <c r="Y2718">
        <v>1</v>
      </c>
      <c r="Z2718">
        <v>0</v>
      </c>
      <c r="AA2718">
        <v>0</v>
      </c>
      <c r="AB2718">
        <v>7.7621706071382048</v>
      </c>
      <c r="AC2718">
        <v>1</v>
      </c>
      <c r="AD2718">
        <v>1</v>
      </c>
      <c r="AE2718">
        <v>0</v>
      </c>
      <c r="AF2718">
        <v>0</v>
      </c>
      <c r="AG2718">
        <v>7.7617449846589146</v>
      </c>
      <c r="AH2718">
        <v>-2.337830234432127E-2</v>
      </c>
      <c r="AI2718">
        <v>-1.5919570481667991E-2</v>
      </c>
      <c r="AJ2718">
        <v>-7.580188911848462E-3</v>
      </c>
      <c r="AK2718">
        <v>-2.3729498603486381E-2</v>
      </c>
      <c r="AL2718">
        <v>3311.105379908794</v>
      </c>
      <c r="AM2718">
        <v>6281.0703039481286</v>
      </c>
      <c r="AN2718">
        <v>296619</v>
      </c>
      <c r="AO2718">
        <v>75.170571753726037</v>
      </c>
      <c r="AP2718">
        <v>2991.3103007220552</v>
      </c>
      <c r="AQ2718">
        <v>1.0097789115646261</v>
      </c>
      <c r="AR2718">
        <v>3.9953231292517009</v>
      </c>
      <c r="AS2718">
        <v>2344</v>
      </c>
      <c r="AT2718">
        <v>270.69387755102042</v>
      </c>
      <c r="AU2718">
        <v>1.8632452981192479E-2</v>
      </c>
      <c r="AV2718">
        <v>-2.3379965675339179E-2</v>
      </c>
      <c r="AW2718">
        <v>0.36224489795918369</v>
      </c>
      <c r="AX2718">
        <v>87.176095278604848</v>
      </c>
      <c r="AY2718">
        <v>64</v>
      </c>
      <c r="AZ2718">
        <v>127</v>
      </c>
      <c r="BA2718">
        <v>0.5896824786662842</v>
      </c>
      <c r="BB2718">
        <v>0.50042517006802723</v>
      </c>
      <c r="BC2718">
        <v>5.3196553626923038</v>
      </c>
      <c r="BD2718" t="s">
        <v>10350</v>
      </c>
      <c r="BE2718" t="s">
        <v>62</v>
      </c>
    </row>
    <row r="2719" spans="1:57" x14ac:dyDescent="0.3">
      <c r="A2719" t="s">
        <v>10351</v>
      </c>
      <c r="B2719">
        <v>1903</v>
      </c>
      <c r="C2719" t="s">
        <v>10352</v>
      </c>
      <c r="D2719" t="s">
        <v>10353</v>
      </c>
      <c r="E2719" t="s">
        <v>98</v>
      </c>
      <c r="F2719">
        <v>16</v>
      </c>
      <c r="G2719">
        <v>120.6875</v>
      </c>
      <c r="H2719">
        <v>115</v>
      </c>
      <c r="I2719">
        <v>4786.46484375</v>
      </c>
      <c r="J2719">
        <v>69.184281767970973</v>
      </c>
      <c r="K2719">
        <v>0.2375161479342007</v>
      </c>
      <c r="L2719">
        <v>-0.78814221670595819</v>
      </c>
      <c r="M2719">
        <v>4</v>
      </c>
      <c r="N2719">
        <v>1</v>
      </c>
      <c r="O2719">
        <v>1</v>
      </c>
      <c r="P2719">
        <v>0</v>
      </c>
      <c r="Q2719">
        <v>0</v>
      </c>
      <c r="R2719">
        <v>2.7725887222397811</v>
      </c>
      <c r="S2719">
        <v>1</v>
      </c>
      <c r="T2719">
        <v>1</v>
      </c>
      <c r="U2719">
        <v>0</v>
      </c>
      <c r="V2719">
        <v>0</v>
      </c>
      <c r="W2719">
        <v>2.7080502011022101</v>
      </c>
      <c r="X2719">
        <v>1</v>
      </c>
      <c r="Y2719">
        <v>1</v>
      </c>
      <c r="Z2719">
        <v>0</v>
      </c>
      <c r="AA2719">
        <v>0</v>
      </c>
      <c r="AB2719">
        <v>2.639057329615258</v>
      </c>
      <c r="AC2719">
        <v>1</v>
      </c>
      <c r="AD2719">
        <v>1</v>
      </c>
      <c r="AE2719">
        <v>0</v>
      </c>
      <c r="AF2719">
        <v>0</v>
      </c>
      <c r="AG2719">
        <v>2.5649493574615372</v>
      </c>
      <c r="AH2719">
        <v>-0.1022459674293152</v>
      </c>
      <c r="AI2719">
        <v>0.25084803339494921</v>
      </c>
      <c r="AJ2719">
        <v>-0.13792702607858259</v>
      </c>
      <c r="AK2719">
        <v>7.0785030216226577E-2</v>
      </c>
      <c r="AL2719">
        <v>345.72413521970458</v>
      </c>
      <c r="AM2719">
        <v>436.01126399049309</v>
      </c>
      <c r="AN2719">
        <v>1931</v>
      </c>
      <c r="AO2719">
        <v>101.2376700189631</v>
      </c>
      <c r="AP2719">
        <v>175.8087082663865</v>
      </c>
      <c r="AQ2719">
        <v>2.25</v>
      </c>
      <c r="AR2719">
        <v>3.875</v>
      </c>
      <c r="AS2719">
        <v>16</v>
      </c>
      <c r="AT2719">
        <v>0</v>
      </c>
      <c r="AU2719">
        <v>0.14759036144578311</v>
      </c>
      <c r="AV2719">
        <v>-0.1102901367727372</v>
      </c>
      <c r="AW2719">
        <v>0.5</v>
      </c>
      <c r="AX2719">
        <v>85.4</v>
      </c>
      <c r="AY2719">
        <v>52.5</v>
      </c>
      <c r="AZ2719">
        <v>90.5</v>
      </c>
      <c r="BA2719">
        <v>0.5732514284244099</v>
      </c>
      <c r="BB2719">
        <v>0.4375</v>
      </c>
      <c r="BC2719">
        <v>2.7080502011022101</v>
      </c>
      <c r="BD2719" t="s">
        <v>10352</v>
      </c>
      <c r="BE2719" t="s">
        <v>62</v>
      </c>
    </row>
    <row r="2720" spans="1:57" x14ac:dyDescent="0.3">
      <c r="A2720" t="s">
        <v>10354</v>
      </c>
      <c r="B2720">
        <v>2971</v>
      </c>
      <c r="C2720" t="s">
        <v>10355</v>
      </c>
      <c r="D2720" t="s">
        <v>10356</v>
      </c>
      <c r="E2720" t="s">
        <v>106</v>
      </c>
      <c r="F2720">
        <v>3015</v>
      </c>
      <c r="G2720">
        <v>128.63316749585411</v>
      </c>
      <c r="H2720">
        <v>129</v>
      </c>
      <c r="I2720">
        <v>5387.1138584578484</v>
      </c>
      <c r="J2720">
        <v>73.396960825757958</v>
      </c>
      <c r="K2720">
        <v>-2.8555076664509672E-2</v>
      </c>
      <c r="L2720">
        <v>-1.1925275491863829</v>
      </c>
      <c r="M2720">
        <v>7.9412168828393437</v>
      </c>
      <c r="N2720">
        <v>22</v>
      </c>
      <c r="O2720">
        <v>5</v>
      </c>
      <c r="P2720">
        <v>17</v>
      </c>
      <c r="Q2720">
        <v>3.3890382772013559</v>
      </c>
      <c r="R2720">
        <v>5.5044320925551311</v>
      </c>
      <c r="S2720">
        <v>2</v>
      </c>
      <c r="T2720">
        <v>1</v>
      </c>
      <c r="U2720">
        <v>1</v>
      </c>
      <c r="V2720">
        <v>0.1433931525513607</v>
      </c>
      <c r="W2720">
        <v>7.9825063750758138</v>
      </c>
      <c r="X2720">
        <v>1</v>
      </c>
      <c r="Y2720">
        <v>1</v>
      </c>
      <c r="Z2720">
        <v>0</v>
      </c>
      <c r="AA2720">
        <v>0</v>
      </c>
      <c r="AB2720">
        <v>8.0106915391303009</v>
      </c>
      <c r="AC2720">
        <v>1</v>
      </c>
      <c r="AD2720">
        <v>1</v>
      </c>
      <c r="AE2720">
        <v>0</v>
      </c>
      <c r="AF2720">
        <v>0</v>
      </c>
      <c r="AG2720">
        <v>8.0103595889197834</v>
      </c>
      <c r="AH2720">
        <v>1.3827767582640231E-2</v>
      </c>
      <c r="AI2720">
        <v>-1.07308746857681E-2</v>
      </c>
      <c r="AJ2720">
        <v>-1.1619216500801629E-2</v>
      </c>
      <c r="AK2720">
        <v>1.2063011376107109E-2</v>
      </c>
      <c r="AL2720">
        <v>3685.392853249703</v>
      </c>
      <c r="AM2720">
        <v>7248.9792741610181</v>
      </c>
      <c r="AN2720">
        <v>387829</v>
      </c>
      <c r="AO2720">
        <v>79.215535887342625</v>
      </c>
      <c r="AP2720">
        <v>3303.163945710337</v>
      </c>
      <c r="AQ2720">
        <v>1.007628524046434</v>
      </c>
      <c r="AR2720">
        <v>4.0016583747927026</v>
      </c>
      <c r="AS2720">
        <v>2995</v>
      </c>
      <c r="AT2720">
        <v>249.6580431177446</v>
      </c>
      <c r="AU2720">
        <v>1.7169056677397321E-2</v>
      </c>
      <c r="AV2720">
        <v>1.383536621114404E-2</v>
      </c>
      <c r="AW2720">
        <v>0.36815920398009949</v>
      </c>
      <c r="AX2720">
        <v>83.21897810218978</v>
      </c>
      <c r="AY2720">
        <v>63</v>
      </c>
      <c r="AZ2720">
        <v>126</v>
      </c>
      <c r="BA2720">
        <v>0.5705912577183766</v>
      </c>
      <c r="BB2720">
        <v>0.5014925373134328</v>
      </c>
      <c r="BC2720">
        <v>5.3058410051762506</v>
      </c>
      <c r="BD2720" t="s">
        <v>10357</v>
      </c>
      <c r="BE2720" t="s">
        <v>68</v>
      </c>
    </row>
    <row r="2721" spans="1:57" x14ac:dyDescent="0.3">
      <c r="A2721" t="s">
        <v>10358</v>
      </c>
      <c r="B2721">
        <v>1893</v>
      </c>
      <c r="C2721" t="s">
        <v>10359</v>
      </c>
      <c r="D2721" t="s">
        <v>10360</v>
      </c>
      <c r="E2721" t="s">
        <v>10622</v>
      </c>
      <c r="F2721">
        <v>64</v>
      </c>
      <c r="G2721">
        <v>132.890625</v>
      </c>
      <c r="H2721">
        <v>134</v>
      </c>
      <c r="I2721">
        <v>5940.409912109375</v>
      </c>
      <c r="J2721">
        <v>77.074054727316479</v>
      </c>
      <c r="K2721">
        <v>-7.6944722154422843E-2</v>
      </c>
      <c r="L2721">
        <v>-1.2794250734201851</v>
      </c>
      <c r="M2721">
        <v>5.875</v>
      </c>
      <c r="N2721">
        <v>2</v>
      </c>
      <c r="O2721">
        <v>1</v>
      </c>
      <c r="P2721">
        <v>1</v>
      </c>
      <c r="Q2721">
        <v>0.24944382578492941</v>
      </c>
      <c r="R2721">
        <v>4.072239685789679</v>
      </c>
      <c r="S2721">
        <v>1</v>
      </c>
      <c r="T2721">
        <v>1</v>
      </c>
      <c r="U2721">
        <v>0</v>
      </c>
      <c r="V2721">
        <v>0</v>
      </c>
      <c r="W2721">
        <v>4.1431347263915326</v>
      </c>
      <c r="X2721">
        <v>1</v>
      </c>
      <c r="Y2721">
        <v>1</v>
      </c>
      <c r="Z2721">
        <v>0</v>
      </c>
      <c r="AA2721">
        <v>0</v>
      </c>
      <c r="AB2721">
        <v>4.1271343850450908</v>
      </c>
      <c r="AC2721">
        <v>1</v>
      </c>
      <c r="AD2721">
        <v>1</v>
      </c>
      <c r="AE2721">
        <v>0</v>
      </c>
      <c r="AF2721">
        <v>0</v>
      </c>
      <c r="AG2721">
        <v>4.1108738641733096</v>
      </c>
      <c r="AH2721">
        <v>-8.9416694409717543E-2</v>
      </c>
      <c r="AI2721">
        <v>-2.8891002442100851E-2</v>
      </c>
      <c r="AJ2721">
        <v>6.1687702144454779E-2</v>
      </c>
      <c r="AK2721">
        <v>7.7663267897201196E-2</v>
      </c>
      <c r="AL2721">
        <v>693.34917847711404</v>
      </c>
      <c r="AM2721">
        <v>1014.735392457123</v>
      </c>
      <c r="AN2721">
        <v>8505</v>
      </c>
      <c r="AO2721">
        <v>13</v>
      </c>
      <c r="AP2721">
        <v>534.71149321575933</v>
      </c>
      <c r="AQ2721">
        <v>1.359375</v>
      </c>
      <c r="AR2721">
        <v>4.109375</v>
      </c>
      <c r="AS2721">
        <v>64</v>
      </c>
      <c r="AT2721">
        <v>3.5000000000000009</v>
      </c>
      <c r="AU2721">
        <v>8.3436264822134398E-2</v>
      </c>
      <c r="AV2721">
        <v>-9.02700649025171E-2</v>
      </c>
      <c r="AW2721">
        <v>0.375</v>
      </c>
      <c r="AX2721">
        <v>92.476190476190482</v>
      </c>
      <c r="AY2721">
        <v>74</v>
      </c>
      <c r="AZ2721">
        <v>145.25</v>
      </c>
      <c r="BA2721">
        <v>0.57998112904741383</v>
      </c>
      <c r="BB2721">
        <v>0.5</v>
      </c>
      <c r="BC2721">
        <v>3.9230880024042492</v>
      </c>
      <c r="BD2721" t="s">
        <v>10361</v>
      </c>
      <c r="BE2721" t="s">
        <v>62</v>
      </c>
    </row>
    <row r="2722" spans="1:57" x14ac:dyDescent="0.3">
      <c r="A2722" t="s">
        <v>10362</v>
      </c>
      <c r="B2722">
        <v>3010</v>
      </c>
      <c r="C2722" t="s">
        <v>10363</v>
      </c>
      <c r="D2722" t="s">
        <v>10364</v>
      </c>
      <c r="E2722" t="s">
        <v>66</v>
      </c>
      <c r="F2722">
        <v>70</v>
      </c>
      <c r="G2722">
        <v>104.4</v>
      </c>
      <c r="H2722">
        <v>94</v>
      </c>
      <c r="I2722">
        <v>5158.0685714285719</v>
      </c>
      <c r="J2722">
        <v>71.819694871452725</v>
      </c>
      <c r="K2722">
        <v>0.4333550364303333</v>
      </c>
      <c r="L2722">
        <v>-1.009180790293714</v>
      </c>
      <c r="M2722">
        <v>5.8721401598021137</v>
      </c>
      <c r="N2722">
        <v>2</v>
      </c>
      <c r="O2722">
        <v>1</v>
      </c>
      <c r="P2722">
        <v>1</v>
      </c>
      <c r="Q2722">
        <v>0.35464438775055629</v>
      </c>
      <c r="R2722">
        <v>4.0702573956196586</v>
      </c>
      <c r="S2722">
        <v>2</v>
      </c>
      <c r="T2722">
        <v>1</v>
      </c>
      <c r="U2722">
        <v>1</v>
      </c>
      <c r="V2722">
        <v>0.1203728348804772</v>
      </c>
      <c r="W2722">
        <v>4.2140152819723324</v>
      </c>
      <c r="X2722">
        <v>1</v>
      </c>
      <c r="Y2722">
        <v>1</v>
      </c>
      <c r="Z2722">
        <v>0</v>
      </c>
      <c r="AA2722">
        <v>0</v>
      </c>
      <c r="AB2722">
        <v>4.2195077051761087</v>
      </c>
      <c r="AC2722">
        <v>1</v>
      </c>
      <c r="AD2722">
        <v>1</v>
      </c>
      <c r="AE2722">
        <v>0</v>
      </c>
      <c r="AF2722">
        <v>0</v>
      </c>
      <c r="AG2722">
        <v>4.2046926193909648</v>
      </c>
      <c r="AH2722">
        <v>0.16879917399868391</v>
      </c>
      <c r="AI2722">
        <v>-3.878007493391767E-2</v>
      </c>
      <c r="AJ2722">
        <v>-0.16816648978244339</v>
      </c>
      <c r="AK2722">
        <v>8.5677695527229439E-2</v>
      </c>
      <c r="AL2722">
        <v>617.3155787846249</v>
      </c>
      <c r="AM2722">
        <v>861.94052938111895</v>
      </c>
      <c r="AN2722">
        <v>7308</v>
      </c>
      <c r="AO2722">
        <v>21.16074279785872</v>
      </c>
      <c r="AP2722">
        <v>494.84554352411169</v>
      </c>
      <c r="AQ2722">
        <v>1.328571428571429</v>
      </c>
      <c r="AR2722">
        <v>3.6</v>
      </c>
      <c r="AS2722">
        <v>70</v>
      </c>
      <c r="AT2722">
        <v>6.6857142857142868</v>
      </c>
      <c r="AU2722">
        <v>0.16397268070574841</v>
      </c>
      <c r="AV2722">
        <v>0.16973182729421499</v>
      </c>
      <c r="AW2722">
        <v>0.48571428571428571</v>
      </c>
      <c r="AX2722">
        <v>79.115942028985501</v>
      </c>
      <c r="AY2722">
        <v>60</v>
      </c>
      <c r="AZ2722">
        <v>126.75</v>
      </c>
      <c r="BA2722">
        <v>0.68792811179552416</v>
      </c>
      <c r="BB2722">
        <v>0.47142857142857142</v>
      </c>
      <c r="BC2722">
        <v>3.884972413542148</v>
      </c>
      <c r="BD2722" t="s">
        <v>10365</v>
      </c>
      <c r="BE2722" t="s">
        <v>68</v>
      </c>
    </row>
    <row r="2723" spans="1:57" x14ac:dyDescent="0.3">
      <c r="A2723" t="s">
        <v>10366</v>
      </c>
      <c r="B2723">
        <v>1049</v>
      </c>
      <c r="C2723" t="s">
        <v>10367</v>
      </c>
      <c r="D2723" t="s">
        <v>10368</v>
      </c>
      <c r="E2723" t="s">
        <v>115</v>
      </c>
      <c r="F2723">
        <v>1088</v>
      </c>
      <c r="G2723">
        <v>127.43106617647059</v>
      </c>
      <c r="H2723">
        <v>127</v>
      </c>
      <c r="I2723">
        <v>5270.7342187162076</v>
      </c>
      <c r="J2723">
        <v>72.599822442731963</v>
      </c>
      <c r="K2723">
        <v>1.117980854713274E-2</v>
      </c>
      <c r="L2723">
        <v>-1.187424045559589</v>
      </c>
      <c r="M2723">
        <v>7.8073088572517264</v>
      </c>
      <c r="N2723">
        <v>11</v>
      </c>
      <c r="O2723">
        <v>1</v>
      </c>
      <c r="P2723">
        <v>10</v>
      </c>
      <c r="Q2723">
        <v>2.093817324891794</v>
      </c>
      <c r="R2723">
        <v>5.4116141221647194</v>
      </c>
      <c r="S2723">
        <v>3</v>
      </c>
      <c r="T2723">
        <v>1</v>
      </c>
      <c r="U2723">
        <v>2</v>
      </c>
      <c r="V2723">
        <v>9.5983692139943622E-2</v>
      </c>
      <c r="W2723">
        <v>6.9804927996946029</v>
      </c>
      <c r="X2723">
        <v>1</v>
      </c>
      <c r="Y2723">
        <v>1</v>
      </c>
      <c r="Z2723">
        <v>0</v>
      </c>
      <c r="AA2723">
        <v>0</v>
      </c>
      <c r="AB2723">
        <v>6.9902565004938797</v>
      </c>
      <c r="AC2723">
        <v>1</v>
      </c>
      <c r="AD2723">
        <v>1</v>
      </c>
      <c r="AE2723">
        <v>0</v>
      </c>
      <c r="AF2723">
        <v>0</v>
      </c>
      <c r="AG2723">
        <v>6.9893352659745593</v>
      </c>
      <c r="AH2723">
        <v>6.8080614152947099E-3</v>
      </c>
      <c r="AI2723">
        <v>-8.2366491348917943E-3</v>
      </c>
      <c r="AJ2723">
        <v>1.9362790744691091E-2</v>
      </c>
      <c r="AK2723">
        <v>-2.5572226811347951E-2</v>
      </c>
      <c r="AL2723">
        <v>2242.1396004371431</v>
      </c>
      <c r="AM2723">
        <v>4286.6127667602041</v>
      </c>
      <c r="AN2723">
        <v>138645</v>
      </c>
      <c r="AO2723">
        <v>120.1125810948064</v>
      </c>
      <c r="AP2723">
        <v>2000.905166883525</v>
      </c>
      <c r="AQ2723">
        <v>1.021139705882353</v>
      </c>
      <c r="AR2723">
        <v>4.007352941176471</v>
      </c>
      <c r="AS2723">
        <v>1082</v>
      </c>
      <c r="AT2723">
        <v>257.92279411764707</v>
      </c>
      <c r="AU2723">
        <v>1.7401960784313771E-2</v>
      </c>
      <c r="AV2723">
        <v>6.8150237549003756E-3</v>
      </c>
      <c r="AW2723">
        <v>0.38511029411764708</v>
      </c>
      <c r="AX2723">
        <v>83.942962281508741</v>
      </c>
      <c r="AY2723">
        <v>61.5</v>
      </c>
      <c r="AZ2723">
        <v>122.5</v>
      </c>
      <c r="BA2723">
        <v>0.56971839458828211</v>
      </c>
      <c r="BB2723">
        <v>0.49724264705882348</v>
      </c>
      <c r="BC2723">
        <v>5.2020874231344756</v>
      </c>
      <c r="BD2723" t="s">
        <v>10369</v>
      </c>
      <c r="BE2723" t="s">
        <v>62</v>
      </c>
    </row>
    <row r="2724" spans="1:57" x14ac:dyDescent="0.3">
      <c r="A2724" t="s">
        <v>10370</v>
      </c>
      <c r="B2724">
        <v>2391</v>
      </c>
      <c r="C2724" t="s">
        <v>10371</v>
      </c>
      <c r="D2724" t="s">
        <v>10372</v>
      </c>
      <c r="E2724" t="s">
        <v>85</v>
      </c>
      <c r="F2724">
        <v>8</v>
      </c>
      <c r="G2724">
        <v>105.5</v>
      </c>
      <c r="H2724">
        <v>70.5</v>
      </c>
      <c r="I2724">
        <v>5560.25</v>
      </c>
      <c r="J2724">
        <v>74.567083890950173</v>
      </c>
      <c r="K2724">
        <v>0.80968423739985784</v>
      </c>
      <c r="L2724">
        <v>-0.73822960769859369</v>
      </c>
      <c r="M2724">
        <v>3</v>
      </c>
      <c r="N2724">
        <v>1</v>
      </c>
      <c r="O2724">
        <v>1</v>
      </c>
      <c r="P2724">
        <v>0</v>
      </c>
      <c r="Q2724">
        <v>0</v>
      </c>
      <c r="R2724">
        <v>2.0794415416798362</v>
      </c>
      <c r="S2724">
        <v>1</v>
      </c>
      <c r="T2724">
        <v>1</v>
      </c>
      <c r="U2724">
        <v>0</v>
      </c>
      <c r="V2724">
        <v>0</v>
      </c>
      <c r="W2724">
        <v>1.945910149055313</v>
      </c>
      <c r="X2724">
        <v>1</v>
      </c>
      <c r="Y2724">
        <v>1</v>
      </c>
      <c r="Z2724">
        <v>0</v>
      </c>
      <c r="AA2724">
        <v>0</v>
      </c>
      <c r="AB2724">
        <v>1.791759469228055</v>
      </c>
      <c r="AC2724">
        <v>1</v>
      </c>
      <c r="AD2724">
        <v>1</v>
      </c>
      <c r="AE2724">
        <v>0</v>
      </c>
      <c r="AF2724">
        <v>0</v>
      </c>
      <c r="AG2724">
        <v>1.6094379124341009</v>
      </c>
      <c r="AH2724">
        <v>-0.20083966548266721</v>
      </c>
      <c r="AI2724">
        <v>0.16551638865158941</v>
      </c>
      <c r="AJ2724">
        <v>-0.13644283080796729</v>
      </c>
      <c r="AK2724">
        <v>0</v>
      </c>
      <c r="AL2724">
        <v>296.70938412795317</v>
      </c>
      <c r="AM2724">
        <v>213.27808459945129</v>
      </c>
      <c r="AN2724">
        <v>844</v>
      </c>
      <c r="AO2724">
        <v>136.12494260788509</v>
      </c>
      <c r="AP2724">
        <v>240.8562969519638</v>
      </c>
      <c r="AQ2724">
        <v>3.5</v>
      </c>
      <c r="AR2724">
        <v>4</v>
      </c>
      <c r="AS2724">
        <v>8</v>
      </c>
      <c r="AT2724">
        <v>0</v>
      </c>
      <c r="AU2724">
        <v>0.41299999999999998</v>
      </c>
      <c r="AV2724">
        <v>-0.21517714115468869</v>
      </c>
      <c r="AW2724">
        <v>0.5</v>
      </c>
      <c r="AX2724">
        <v>87.571428571428569</v>
      </c>
      <c r="AY2724">
        <v>34.5</v>
      </c>
      <c r="AZ2724">
        <v>98.25</v>
      </c>
      <c r="BA2724">
        <v>0.70679700370568888</v>
      </c>
      <c r="BB2724">
        <v>0.375</v>
      </c>
      <c r="BC2724">
        <v>1.945910149055313</v>
      </c>
      <c r="BD2724" t="s">
        <v>10371</v>
      </c>
      <c r="BE2724" t="s">
        <v>68</v>
      </c>
    </row>
    <row r="2725" spans="1:57" x14ac:dyDescent="0.3">
      <c r="A2725" t="s">
        <v>10373</v>
      </c>
      <c r="B2725">
        <v>136</v>
      </c>
      <c r="C2725" t="s">
        <v>10374</v>
      </c>
      <c r="D2725" t="s">
        <v>10375</v>
      </c>
      <c r="E2725" t="s">
        <v>60</v>
      </c>
      <c r="F2725">
        <v>512</v>
      </c>
      <c r="G2725">
        <v>128.04296875</v>
      </c>
      <c r="H2725">
        <v>125</v>
      </c>
      <c r="I2725">
        <v>5303.9473724365234</v>
      </c>
      <c r="J2725">
        <v>72.828204511964486</v>
      </c>
      <c r="K2725">
        <v>3.2892158872013889E-2</v>
      </c>
      <c r="L2725">
        <v>-1.1357339727485849</v>
      </c>
      <c r="M2725">
        <v>7.6204472561558321</v>
      </c>
      <c r="N2725">
        <v>6</v>
      </c>
      <c r="O2725">
        <v>1</v>
      </c>
      <c r="P2725">
        <v>5</v>
      </c>
      <c r="Q2725">
        <v>1.1946949059769809</v>
      </c>
      <c r="R2725">
        <v>5.2820915302101854</v>
      </c>
      <c r="S2725">
        <v>2</v>
      </c>
      <c r="T2725">
        <v>1</v>
      </c>
      <c r="U2725">
        <v>1</v>
      </c>
      <c r="V2725">
        <v>6.2560641760670568E-2</v>
      </c>
      <c r="W2725">
        <v>6.2309437805711401</v>
      </c>
      <c r="X2725">
        <v>1</v>
      </c>
      <c r="Y2725">
        <v>1</v>
      </c>
      <c r="Z2725">
        <v>0</v>
      </c>
      <c r="AA2725">
        <v>0</v>
      </c>
      <c r="AB2725">
        <v>6.2344107257183694</v>
      </c>
      <c r="AC2725">
        <v>1</v>
      </c>
      <c r="AD2725">
        <v>1</v>
      </c>
      <c r="AE2725">
        <v>0</v>
      </c>
      <c r="AF2725">
        <v>0</v>
      </c>
      <c r="AG2725">
        <v>6.2324480165505216</v>
      </c>
      <c r="AH2725">
        <v>4.3059184431990832E-2</v>
      </c>
      <c r="AI2725">
        <v>5.3058087806899003E-2</v>
      </c>
      <c r="AJ2725">
        <v>-4.6900088798001921E-2</v>
      </c>
      <c r="AK2725">
        <v>-3.4109381064585552E-3</v>
      </c>
      <c r="AL2725">
        <v>1615.7322742028671</v>
      </c>
      <c r="AM2725">
        <v>2915.3509596786512</v>
      </c>
      <c r="AN2725">
        <v>65558</v>
      </c>
      <c r="AO2725">
        <v>55.819322194829532</v>
      </c>
      <c r="AP2725">
        <v>1409.4474898533331</v>
      </c>
      <c r="AQ2725">
        <v>1.044921875</v>
      </c>
      <c r="AR2725">
        <v>4.087890625</v>
      </c>
      <c r="AS2725">
        <v>510</v>
      </c>
      <c r="AT2725">
        <v>139.875</v>
      </c>
      <c r="AU2725">
        <v>2.284773284313724E-2</v>
      </c>
      <c r="AV2725">
        <v>4.3074280285159118E-2</v>
      </c>
      <c r="AW2725">
        <v>0.392578125</v>
      </c>
      <c r="AX2725">
        <v>81.682974559686883</v>
      </c>
      <c r="AY2725">
        <v>61</v>
      </c>
      <c r="AZ2725">
        <v>123</v>
      </c>
      <c r="BA2725">
        <v>0.56877941227807161</v>
      </c>
      <c r="BB2725">
        <v>0.48046875</v>
      </c>
      <c r="BC2725">
        <v>5.0554178796684859</v>
      </c>
      <c r="BD2725" t="s">
        <v>10376</v>
      </c>
      <c r="BE2725" t="s">
        <v>62</v>
      </c>
    </row>
    <row r="2726" spans="1:57" x14ac:dyDescent="0.3">
      <c r="A2726" t="s">
        <v>10377</v>
      </c>
      <c r="B2726">
        <v>138</v>
      </c>
      <c r="C2726" t="s">
        <v>10378</v>
      </c>
      <c r="D2726" t="s">
        <v>10379</v>
      </c>
      <c r="E2726" t="s">
        <v>60</v>
      </c>
      <c r="F2726">
        <v>512</v>
      </c>
      <c r="G2726">
        <v>124.3046875</v>
      </c>
      <c r="H2726">
        <v>126</v>
      </c>
      <c r="I2726">
        <v>5325.7665405273438</v>
      </c>
      <c r="J2726">
        <v>72.977849656778346</v>
      </c>
      <c r="K2726">
        <v>1.8905250151047649E-2</v>
      </c>
      <c r="L2726">
        <v>-1.2094200625915681</v>
      </c>
      <c r="M2726">
        <v>7.5838794874820374</v>
      </c>
      <c r="N2726">
        <v>7</v>
      </c>
      <c r="O2726">
        <v>1</v>
      </c>
      <c r="P2726">
        <v>6</v>
      </c>
      <c r="Q2726">
        <v>1.243960616952533</v>
      </c>
      <c r="R2726">
        <v>5.256744684454576</v>
      </c>
      <c r="S2726">
        <v>2</v>
      </c>
      <c r="T2726">
        <v>1</v>
      </c>
      <c r="U2726">
        <v>1</v>
      </c>
      <c r="V2726">
        <v>7.6620080535545504E-2</v>
      </c>
      <c r="W2726">
        <v>6.2282308757548588</v>
      </c>
      <c r="X2726">
        <v>1</v>
      </c>
      <c r="Y2726">
        <v>1</v>
      </c>
      <c r="Z2726">
        <v>0</v>
      </c>
      <c r="AA2726">
        <v>0</v>
      </c>
      <c r="AB2726">
        <v>6.2344107257183694</v>
      </c>
      <c r="AC2726">
        <v>1</v>
      </c>
      <c r="AD2726">
        <v>1</v>
      </c>
      <c r="AE2726">
        <v>0</v>
      </c>
      <c r="AF2726">
        <v>0</v>
      </c>
      <c r="AG2726">
        <v>6.2324480165505216</v>
      </c>
      <c r="AH2726">
        <v>-6.9385531376249018E-2</v>
      </c>
      <c r="AI2726">
        <v>-1.207135336358851E-3</v>
      </c>
      <c r="AJ2726">
        <v>-4.2760896000939297E-2</v>
      </c>
      <c r="AK2726">
        <v>-6.9788657676784036E-2</v>
      </c>
      <c r="AL2726">
        <v>1601.273966893358</v>
      </c>
      <c r="AM2726">
        <v>2841.4717459354779</v>
      </c>
      <c r="AN2726">
        <v>63644</v>
      </c>
      <c r="AO2726">
        <v>64.891897733927891</v>
      </c>
      <c r="AP2726">
        <v>1441.306863790983</v>
      </c>
      <c r="AQ2726">
        <v>1.044921875</v>
      </c>
      <c r="AR2726">
        <v>3.986328125</v>
      </c>
      <c r="AS2726">
        <v>510</v>
      </c>
      <c r="AT2726">
        <v>146.28125</v>
      </c>
      <c r="AU2726">
        <v>3.3218503937007871E-2</v>
      </c>
      <c r="AV2726">
        <v>-6.9600894773645006E-2</v>
      </c>
      <c r="AW2726">
        <v>0.390625</v>
      </c>
      <c r="AX2726">
        <v>86.780821917808225</v>
      </c>
      <c r="AY2726">
        <v>65.5</v>
      </c>
      <c r="AZ2726">
        <v>129.25</v>
      </c>
      <c r="BA2726">
        <v>0.58708847690702204</v>
      </c>
      <c r="BB2726">
        <v>0.505859375</v>
      </c>
      <c r="BC2726">
        <v>5.0920204788336489</v>
      </c>
      <c r="BD2726" t="s">
        <v>10380</v>
      </c>
      <c r="BE2726" t="s">
        <v>62</v>
      </c>
    </row>
    <row r="2727" spans="1:57" x14ac:dyDescent="0.3">
      <c r="A2727" t="s">
        <v>10381</v>
      </c>
      <c r="B2727">
        <v>1201</v>
      </c>
      <c r="C2727" t="s">
        <v>10382</v>
      </c>
      <c r="D2727" t="s">
        <v>10383</v>
      </c>
      <c r="E2727" t="s">
        <v>72</v>
      </c>
      <c r="F2727">
        <v>1208</v>
      </c>
      <c r="G2727">
        <v>128.32367549668871</v>
      </c>
      <c r="H2727">
        <v>126</v>
      </c>
      <c r="I2727">
        <v>5584.0550023847636</v>
      </c>
      <c r="J2727">
        <v>74.726534794440752</v>
      </c>
      <c r="K2727">
        <v>1.417908902893847E-2</v>
      </c>
      <c r="L2727">
        <v>-1.2232346978569819</v>
      </c>
      <c r="M2727">
        <v>7.8479204642843463</v>
      </c>
      <c r="N2727">
        <v>11</v>
      </c>
      <c r="O2727">
        <v>1</v>
      </c>
      <c r="P2727">
        <v>10</v>
      </c>
      <c r="Q2727">
        <v>2.0933096774278819</v>
      </c>
      <c r="R2727">
        <v>5.4397639430773852</v>
      </c>
      <c r="S2727">
        <v>2</v>
      </c>
      <c r="T2727">
        <v>1</v>
      </c>
      <c r="U2727">
        <v>1</v>
      </c>
      <c r="V2727">
        <v>9.1018821720734139E-2</v>
      </c>
      <c r="W2727">
        <v>7.0844077665729266</v>
      </c>
      <c r="X2727">
        <v>1</v>
      </c>
      <c r="Y2727">
        <v>1</v>
      </c>
      <c r="Z2727">
        <v>0</v>
      </c>
      <c r="AA2727">
        <v>0</v>
      </c>
      <c r="AB2727">
        <v>7.0950643772871311</v>
      </c>
      <c r="AC2727">
        <v>1</v>
      </c>
      <c r="AD2727">
        <v>1</v>
      </c>
      <c r="AE2727">
        <v>0</v>
      </c>
      <c r="AF2727">
        <v>0</v>
      </c>
      <c r="AG2727">
        <v>7.0942348459247562</v>
      </c>
      <c r="AH2727">
        <v>-7.1603627383958826E-3</v>
      </c>
      <c r="AI2727">
        <v>-3.2095183353290063E-2</v>
      </c>
      <c r="AJ2727">
        <v>-8.5491236918370175E-5</v>
      </c>
      <c r="AK2727">
        <v>2.5079399360007609E-2</v>
      </c>
      <c r="AL2727">
        <v>2407.1512825306859</v>
      </c>
      <c r="AM2727">
        <v>4565.4414576260706</v>
      </c>
      <c r="AN2727">
        <v>155015</v>
      </c>
      <c r="AO2727">
        <v>64.400699174564394</v>
      </c>
      <c r="AP2727">
        <v>2142.2585331415871</v>
      </c>
      <c r="AQ2727">
        <v>1.0190397350993381</v>
      </c>
      <c r="AR2727">
        <v>4.0215231788079473</v>
      </c>
      <c r="AS2727">
        <v>1204</v>
      </c>
      <c r="AT2727">
        <v>235.8741721854305</v>
      </c>
      <c r="AU2727">
        <v>1.7806129074146249E-2</v>
      </c>
      <c r="AV2727">
        <v>-7.1625786685476176E-3</v>
      </c>
      <c r="AW2727">
        <v>0.38493377483443708</v>
      </c>
      <c r="AX2727">
        <v>87.447390223695109</v>
      </c>
      <c r="AY2727">
        <v>64</v>
      </c>
      <c r="AZ2727">
        <v>129.25</v>
      </c>
      <c r="BA2727">
        <v>0.58232851034857547</v>
      </c>
      <c r="BB2727">
        <v>0.49172185430463577</v>
      </c>
      <c r="BC2727">
        <v>5.257352228399796</v>
      </c>
      <c r="BD2727" t="s">
        <v>10384</v>
      </c>
      <c r="BE2727" t="s">
        <v>68</v>
      </c>
    </row>
    <row r="2728" spans="1:57" x14ac:dyDescent="0.3">
      <c r="A2728" t="s">
        <v>10385</v>
      </c>
      <c r="B2728">
        <v>1404</v>
      </c>
      <c r="C2728" t="s">
        <v>10386</v>
      </c>
      <c r="D2728" t="s">
        <v>10387</v>
      </c>
      <c r="E2728" t="s">
        <v>66</v>
      </c>
      <c r="F2728">
        <v>70</v>
      </c>
      <c r="G2728">
        <v>118.8857142857143</v>
      </c>
      <c r="H2728">
        <v>123</v>
      </c>
      <c r="I2728">
        <v>5575.1012244897966</v>
      </c>
      <c r="J2728">
        <v>74.666600461583869</v>
      </c>
      <c r="K2728">
        <v>0.101220060295848</v>
      </c>
      <c r="L2728">
        <v>-1.2834331901856071</v>
      </c>
      <c r="M2728">
        <v>5.7756417669140641</v>
      </c>
      <c r="N2728">
        <v>4</v>
      </c>
      <c r="O2728">
        <v>1</v>
      </c>
      <c r="P2728">
        <v>3</v>
      </c>
      <c r="Q2728">
        <v>0.53597926443531863</v>
      </c>
      <c r="R2728">
        <v>4.0033698066607419</v>
      </c>
      <c r="S2728">
        <v>2</v>
      </c>
      <c r="T2728">
        <v>1</v>
      </c>
      <c r="U2728">
        <v>1</v>
      </c>
      <c r="V2728">
        <v>0.1203728348804772</v>
      </c>
      <c r="W2728">
        <v>4.2140152819723324</v>
      </c>
      <c r="X2728">
        <v>1</v>
      </c>
      <c r="Y2728">
        <v>1</v>
      </c>
      <c r="Z2728">
        <v>0</v>
      </c>
      <c r="AA2728">
        <v>0</v>
      </c>
      <c r="AB2728">
        <v>4.2195077051761087</v>
      </c>
      <c r="AC2728">
        <v>1</v>
      </c>
      <c r="AD2728">
        <v>1</v>
      </c>
      <c r="AE2728">
        <v>0</v>
      </c>
      <c r="AF2728">
        <v>0</v>
      </c>
      <c r="AG2728">
        <v>4.2046926193909648</v>
      </c>
      <c r="AH2728">
        <v>-6.1352996547979377E-2</v>
      </c>
      <c r="AI2728">
        <v>9.4304930503895969E-3</v>
      </c>
      <c r="AJ2728">
        <v>0.1028619898974811</v>
      </c>
      <c r="AK2728">
        <v>0.1326061712997855</v>
      </c>
      <c r="AL2728">
        <v>687.57206791362489</v>
      </c>
      <c r="AM2728">
        <v>952.29651444546494</v>
      </c>
      <c r="AN2728">
        <v>8322</v>
      </c>
      <c r="AO2728">
        <v>64.324335510008936</v>
      </c>
      <c r="AP2728">
        <v>549.56546454114118</v>
      </c>
      <c r="AQ2728">
        <v>1.328571428571429</v>
      </c>
      <c r="AR2728">
        <v>3.628571428571429</v>
      </c>
      <c r="AS2728">
        <v>70</v>
      </c>
      <c r="AT2728">
        <v>14.28571428571429</v>
      </c>
      <c r="AU2728">
        <v>0.10476190476190481</v>
      </c>
      <c r="AV2728">
        <v>-6.2521943912074579E-2</v>
      </c>
      <c r="AW2728">
        <v>0.4</v>
      </c>
      <c r="AX2728">
        <v>92.391304347826093</v>
      </c>
      <c r="AY2728">
        <v>67</v>
      </c>
      <c r="AZ2728">
        <v>131.5</v>
      </c>
      <c r="BA2728">
        <v>0.62805359676891026</v>
      </c>
      <c r="BB2728">
        <v>0.51428571428571423</v>
      </c>
      <c r="BC2728">
        <v>3.9854285266667779</v>
      </c>
      <c r="BD2728" t="s">
        <v>10388</v>
      </c>
      <c r="BE2728" t="s">
        <v>68</v>
      </c>
    </row>
    <row r="2729" spans="1:57" x14ac:dyDescent="0.3">
      <c r="A2729" t="s">
        <v>10389</v>
      </c>
      <c r="B2729">
        <v>1314</v>
      </c>
      <c r="C2729" t="s">
        <v>10390</v>
      </c>
      <c r="D2729" t="s">
        <v>10391</v>
      </c>
      <c r="E2729" t="s">
        <v>10622</v>
      </c>
      <c r="F2729">
        <v>64</v>
      </c>
      <c r="G2729">
        <v>125.59375</v>
      </c>
      <c r="H2729">
        <v>119</v>
      </c>
      <c r="I2729">
        <v>4807.0224609375</v>
      </c>
      <c r="J2729">
        <v>69.332694026249257</v>
      </c>
      <c r="K2729">
        <v>7.9719406641928892E-2</v>
      </c>
      <c r="L2729">
        <v>-1.1815596362975389</v>
      </c>
      <c r="M2729">
        <v>5.738204882778696</v>
      </c>
      <c r="N2729">
        <v>3</v>
      </c>
      <c r="O2729">
        <v>1</v>
      </c>
      <c r="P2729">
        <v>2</v>
      </c>
      <c r="Q2729">
        <v>0.3976974544878587</v>
      </c>
      <c r="R2729">
        <v>3.9774205359733639</v>
      </c>
      <c r="S2729">
        <v>1</v>
      </c>
      <c r="T2729">
        <v>1</v>
      </c>
      <c r="U2729">
        <v>0</v>
      </c>
      <c r="V2729">
        <v>0</v>
      </c>
      <c r="W2729">
        <v>4.1431347263915326</v>
      </c>
      <c r="X2729">
        <v>1</v>
      </c>
      <c r="Y2729">
        <v>1</v>
      </c>
      <c r="Z2729">
        <v>0</v>
      </c>
      <c r="AA2729">
        <v>0</v>
      </c>
      <c r="AB2729">
        <v>4.1271343850450908</v>
      </c>
      <c r="AC2729">
        <v>1</v>
      </c>
      <c r="AD2729">
        <v>1</v>
      </c>
      <c r="AE2729">
        <v>0</v>
      </c>
      <c r="AF2729">
        <v>0</v>
      </c>
      <c r="AG2729">
        <v>4.1108738641733096</v>
      </c>
      <c r="AH2729">
        <v>0.15047410077236861</v>
      </c>
      <c r="AI2729">
        <v>-0.168625223240088</v>
      </c>
      <c r="AJ2729">
        <v>5.7312181976198152E-3</v>
      </c>
      <c r="AK2729">
        <v>-6.3478887851452684E-2</v>
      </c>
      <c r="AL2729">
        <v>613.87355504492098</v>
      </c>
      <c r="AM2729">
        <v>969.70678991977275</v>
      </c>
      <c r="AN2729">
        <v>8038</v>
      </c>
      <c r="AO2729">
        <v>117.5633695509983</v>
      </c>
      <c r="AP2729">
        <v>469.94895018713709</v>
      </c>
      <c r="AQ2729">
        <v>1.359375</v>
      </c>
      <c r="AR2729">
        <v>3.875</v>
      </c>
      <c r="AS2729">
        <v>64</v>
      </c>
      <c r="AT2729">
        <v>7.75</v>
      </c>
      <c r="AU2729">
        <v>8.2874999999999976E-2</v>
      </c>
      <c r="AV2729">
        <v>0.15110006835647211</v>
      </c>
      <c r="AW2729">
        <v>0.453125</v>
      </c>
      <c r="AX2729">
        <v>69.333333333333329</v>
      </c>
      <c r="AY2729">
        <v>56.5</v>
      </c>
      <c r="AZ2729">
        <v>117</v>
      </c>
      <c r="BA2729">
        <v>0.55203936522517449</v>
      </c>
      <c r="BB2729">
        <v>0.453125</v>
      </c>
      <c r="BC2729">
        <v>3.89277780391402</v>
      </c>
      <c r="BD2729" t="s">
        <v>10392</v>
      </c>
      <c r="BE2729" t="s">
        <v>62</v>
      </c>
    </row>
    <row r="2730" spans="1:57" x14ac:dyDescent="0.3">
      <c r="A2730" t="s">
        <v>10393</v>
      </c>
      <c r="B2730">
        <v>3456</v>
      </c>
      <c r="C2730" t="s">
        <v>10394</v>
      </c>
      <c r="D2730" t="s">
        <v>10395</v>
      </c>
      <c r="E2730" t="s">
        <v>72</v>
      </c>
      <c r="F2730">
        <v>3480</v>
      </c>
      <c r="G2730">
        <v>127.33218390804601</v>
      </c>
      <c r="H2730">
        <v>126</v>
      </c>
      <c r="I2730">
        <v>5574.8385044259476</v>
      </c>
      <c r="J2730">
        <v>74.664841153155535</v>
      </c>
      <c r="K2730">
        <v>2.549906640922851E-2</v>
      </c>
      <c r="L2730">
        <v>-1.218270118839448</v>
      </c>
      <c r="M2730">
        <v>7.9501160285198686</v>
      </c>
      <c r="N2730">
        <v>26</v>
      </c>
      <c r="O2730">
        <v>5</v>
      </c>
      <c r="P2730">
        <v>21</v>
      </c>
      <c r="Q2730">
        <v>3.5716713087152909</v>
      </c>
      <c r="R2730">
        <v>5.5106005102929787</v>
      </c>
      <c r="S2730">
        <v>3</v>
      </c>
      <c r="T2730">
        <v>1</v>
      </c>
      <c r="U2730">
        <v>2</v>
      </c>
      <c r="V2730">
        <v>0.1643635077195435</v>
      </c>
      <c r="W2730">
        <v>8.1176900776047169</v>
      </c>
      <c r="X2730">
        <v>1</v>
      </c>
      <c r="Y2730">
        <v>1</v>
      </c>
      <c r="Z2730">
        <v>0</v>
      </c>
      <c r="AA2730">
        <v>0</v>
      </c>
      <c r="AB2730">
        <v>8.1542126949142304</v>
      </c>
      <c r="AC2730">
        <v>1</v>
      </c>
      <c r="AD2730">
        <v>1</v>
      </c>
      <c r="AE2730">
        <v>0</v>
      </c>
      <c r="AF2730">
        <v>0</v>
      </c>
      <c r="AG2730">
        <v>8.1539251320078616</v>
      </c>
      <c r="AH2730">
        <v>3.3146738490062118E-2</v>
      </c>
      <c r="AI2730">
        <v>-4.1566888594027657E-2</v>
      </c>
      <c r="AJ2730">
        <v>-1.557631855716483E-3</v>
      </c>
      <c r="AK2730">
        <v>-1.5285429879735479E-3</v>
      </c>
      <c r="AL2730">
        <v>4035.9598160402879</v>
      </c>
      <c r="AM2730">
        <v>7715.8534436125756</v>
      </c>
      <c r="AN2730">
        <v>443116</v>
      </c>
      <c r="AO2730">
        <v>82.232807402964255</v>
      </c>
      <c r="AP2730">
        <v>3728.3072675597482</v>
      </c>
      <c r="AQ2730">
        <v>1.0066091954022991</v>
      </c>
      <c r="AR2730">
        <v>4.0060344827586203</v>
      </c>
      <c r="AS2730">
        <v>3468</v>
      </c>
      <c r="AT2730">
        <v>240.23908045977009</v>
      </c>
      <c r="AU2730">
        <v>1.499323867478031E-2</v>
      </c>
      <c r="AV2730">
        <v>3.3166174283027372E-2</v>
      </c>
      <c r="AW2730">
        <v>0.37701149425287361</v>
      </c>
      <c r="AX2730">
        <v>84.196320781833862</v>
      </c>
      <c r="AY2730">
        <v>65</v>
      </c>
      <c r="AZ2730">
        <v>131</v>
      </c>
      <c r="BA2730">
        <v>0.58637839124062607</v>
      </c>
      <c r="BB2730">
        <v>0.49367816091954031</v>
      </c>
      <c r="BC2730">
        <v>5.3133014971601824</v>
      </c>
      <c r="BD2730" t="s">
        <v>10396</v>
      </c>
      <c r="BE2730" t="s">
        <v>68</v>
      </c>
    </row>
    <row r="2731" spans="1:57" x14ac:dyDescent="0.3">
      <c r="A2731" t="s">
        <v>10397</v>
      </c>
      <c r="B2731">
        <v>1736</v>
      </c>
      <c r="C2731" t="s">
        <v>10398</v>
      </c>
      <c r="D2731" t="s">
        <v>10399</v>
      </c>
      <c r="E2731" t="s">
        <v>98</v>
      </c>
      <c r="F2731">
        <v>16</v>
      </c>
      <c r="G2731">
        <v>105.125</v>
      </c>
      <c r="H2731">
        <v>94</v>
      </c>
      <c r="I2731">
        <v>5394.234375</v>
      </c>
      <c r="J2731">
        <v>73.445451697160934</v>
      </c>
      <c r="K2731">
        <v>0.58074362701045945</v>
      </c>
      <c r="L2731">
        <v>-0.8438903879875963</v>
      </c>
      <c r="M2731">
        <v>4</v>
      </c>
      <c r="N2731">
        <v>1</v>
      </c>
      <c r="O2731">
        <v>1</v>
      </c>
      <c r="P2731">
        <v>0</v>
      </c>
      <c r="Q2731">
        <v>0</v>
      </c>
      <c r="R2731">
        <v>2.7725887222397811</v>
      </c>
      <c r="S2731">
        <v>1</v>
      </c>
      <c r="T2731">
        <v>1</v>
      </c>
      <c r="U2731">
        <v>0</v>
      </c>
      <c r="V2731">
        <v>0</v>
      </c>
      <c r="W2731">
        <v>2.7080502011022101</v>
      </c>
      <c r="X2731">
        <v>1</v>
      </c>
      <c r="Y2731">
        <v>1</v>
      </c>
      <c r="Z2731">
        <v>0</v>
      </c>
      <c r="AA2731">
        <v>0</v>
      </c>
      <c r="AB2731">
        <v>2.639057329615258</v>
      </c>
      <c r="AC2731">
        <v>1</v>
      </c>
      <c r="AD2731">
        <v>1</v>
      </c>
      <c r="AE2731">
        <v>0</v>
      </c>
      <c r="AF2731">
        <v>0</v>
      </c>
      <c r="AG2731">
        <v>2.5649493574615372</v>
      </c>
      <c r="AH2731">
        <v>9.7221679107612008E-2</v>
      </c>
      <c r="AI2731">
        <v>0.18800419139648519</v>
      </c>
      <c r="AJ2731">
        <v>-0.28648589639980188</v>
      </c>
      <c r="AK2731">
        <v>0.32518335549240951</v>
      </c>
      <c r="AL2731">
        <v>342.28723543995278</v>
      </c>
      <c r="AM2731">
        <v>382.0568654727648</v>
      </c>
      <c r="AN2731">
        <v>1682</v>
      </c>
      <c r="AO2731">
        <v>109.5332869255186</v>
      </c>
      <c r="AP2731">
        <v>189.64385157413329</v>
      </c>
      <c r="AQ2731">
        <v>2.25</v>
      </c>
      <c r="AR2731">
        <v>4</v>
      </c>
      <c r="AS2731">
        <v>16</v>
      </c>
      <c r="AT2731">
        <v>0</v>
      </c>
      <c r="AU2731">
        <v>0.28986220472440938</v>
      </c>
      <c r="AV2731">
        <v>0.10053742555737021</v>
      </c>
      <c r="AW2731">
        <v>0.5</v>
      </c>
      <c r="AX2731">
        <v>85.466666666666669</v>
      </c>
      <c r="AY2731">
        <v>58.5</v>
      </c>
      <c r="AZ2731">
        <v>114.25</v>
      </c>
      <c r="BA2731">
        <v>0.69864876763054395</v>
      </c>
      <c r="BB2731">
        <v>0.375</v>
      </c>
      <c r="BC2731">
        <v>2.7080502011022101</v>
      </c>
      <c r="BD2731" t="s">
        <v>10398</v>
      </c>
      <c r="BE2731" t="s">
        <v>62</v>
      </c>
    </row>
    <row r="2732" spans="1:57" x14ac:dyDescent="0.3">
      <c r="A2732" t="s">
        <v>10400</v>
      </c>
      <c r="B2732">
        <v>949</v>
      </c>
      <c r="C2732" t="s">
        <v>10401</v>
      </c>
      <c r="D2732" t="s">
        <v>10402</v>
      </c>
      <c r="E2732" t="s">
        <v>128</v>
      </c>
      <c r="F2732">
        <v>32</v>
      </c>
      <c r="G2732">
        <v>119.65625</v>
      </c>
      <c r="H2732">
        <v>113.5</v>
      </c>
      <c r="I2732">
        <v>4548.0380859375</v>
      </c>
      <c r="J2732">
        <v>67.439143573576757</v>
      </c>
      <c r="K2732">
        <v>0.1922620220518555</v>
      </c>
      <c r="L2732">
        <v>-1.0135573410208381</v>
      </c>
      <c r="M2732">
        <v>5</v>
      </c>
      <c r="N2732">
        <v>1</v>
      </c>
      <c r="O2732">
        <v>1</v>
      </c>
      <c r="P2732">
        <v>0</v>
      </c>
      <c r="Q2732">
        <v>0</v>
      </c>
      <c r="R2732">
        <v>3.465735902799727</v>
      </c>
      <c r="S2732">
        <v>1</v>
      </c>
      <c r="T2732">
        <v>1</v>
      </c>
      <c r="U2732">
        <v>0</v>
      </c>
      <c r="V2732">
        <v>0</v>
      </c>
      <c r="W2732">
        <v>3.4339872044851458</v>
      </c>
      <c r="X2732">
        <v>1</v>
      </c>
      <c r="Y2732">
        <v>1</v>
      </c>
      <c r="Z2732">
        <v>0</v>
      </c>
      <c r="AA2732">
        <v>0</v>
      </c>
      <c r="AB2732">
        <v>3.401197381662155</v>
      </c>
      <c r="AC2732">
        <v>1</v>
      </c>
      <c r="AD2732">
        <v>1</v>
      </c>
      <c r="AE2732">
        <v>0</v>
      </c>
      <c r="AF2732">
        <v>0</v>
      </c>
      <c r="AG2732">
        <v>3.3672958299864728</v>
      </c>
      <c r="AH2732">
        <v>-5.5066193602538532E-2</v>
      </c>
      <c r="AI2732">
        <v>7.7846146958542176E-3</v>
      </c>
      <c r="AJ2732">
        <v>-0.18996835350965849</v>
      </c>
      <c r="AK2732">
        <v>0.11293013052288391</v>
      </c>
      <c r="AL2732">
        <v>460.72757330012791</v>
      </c>
      <c r="AM2732">
        <v>625.64455020480693</v>
      </c>
      <c r="AN2732">
        <v>3829</v>
      </c>
      <c r="AO2732">
        <v>50.580373924320433</v>
      </c>
      <c r="AP2732">
        <v>382.24544919417229</v>
      </c>
      <c r="AQ2732">
        <v>1.65625</v>
      </c>
      <c r="AR2732">
        <v>3.90625</v>
      </c>
      <c r="AS2732">
        <v>32</v>
      </c>
      <c r="AT2732">
        <v>0</v>
      </c>
      <c r="AU2732">
        <v>0.14419087136929459</v>
      </c>
      <c r="AV2732">
        <v>-5.8032303172897648E-2</v>
      </c>
      <c r="AW2732">
        <v>0.46875</v>
      </c>
      <c r="AX2732">
        <v>78.032258064516128</v>
      </c>
      <c r="AY2732">
        <v>49</v>
      </c>
      <c r="AZ2732">
        <v>98.75</v>
      </c>
      <c r="BA2732">
        <v>0.56360736337280126</v>
      </c>
      <c r="BB2732">
        <v>0.4375</v>
      </c>
      <c r="BC2732">
        <v>3.2998296856670919</v>
      </c>
      <c r="BD2732" t="s">
        <v>10403</v>
      </c>
      <c r="BE2732" t="s">
        <v>62</v>
      </c>
    </row>
    <row r="2733" spans="1:57" x14ac:dyDescent="0.3">
      <c r="A2733" t="s">
        <v>10404</v>
      </c>
      <c r="B2733">
        <v>3163</v>
      </c>
      <c r="C2733" t="s">
        <v>10405</v>
      </c>
      <c r="D2733" t="s">
        <v>10406</v>
      </c>
      <c r="E2733" t="s">
        <v>115</v>
      </c>
      <c r="F2733">
        <v>3199</v>
      </c>
      <c r="G2733">
        <v>125.4213816817756</v>
      </c>
      <c r="H2733">
        <v>126</v>
      </c>
      <c r="I2733">
        <v>5449.8593240053033</v>
      </c>
      <c r="J2733">
        <v>73.823162516958746</v>
      </c>
      <c r="K2733">
        <v>5.6963647468788797E-3</v>
      </c>
      <c r="L2733">
        <v>-1.212337166989651</v>
      </c>
      <c r="M2733">
        <v>7.9406975511196496</v>
      </c>
      <c r="N2733">
        <v>23</v>
      </c>
      <c r="O2733">
        <v>5</v>
      </c>
      <c r="P2733">
        <v>18</v>
      </c>
      <c r="Q2733">
        <v>3.580544266059412</v>
      </c>
      <c r="R2733">
        <v>5.5040721192378577</v>
      </c>
      <c r="S2733">
        <v>3</v>
      </c>
      <c r="T2733">
        <v>1</v>
      </c>
      <c r="U2733">
        <v>2</v>
      </c>
      <c r="V2733">
        <v>0.16398037858858641</v>
      </c>
      <c r="W2733">
        <v>8.0337042909930787</v>
      </c>
      <c r="X2733">
        <v>1</v>
      </c>
      <c r="Y2733">
        <v>1</v>
      </c>
      <c r="Z2733">
        <v>0</v>
      </c>
      <c r="AA2733">
        <v>0</v>
      </c>
      <c r="AB2733">
        <v>8.0699681490598412</v>
      </c>
      <c r="AC2733">
        <v>1</v>
      </c>
      <c r="AD2733">
        <v>1</v>
      </c>
      <c r="AE2733">
        <v>0</v>
      </c>
      <c r="AF2733">
        <v>0</v>
      </c>
      <c r="AG2733">
        <v>8.0696553068861654</v>
      </c>
      <c r="AH2733">
        <v>5.7306871261372941E-3</v>
      </c>
      <c r="AI2733">
        <v>8.1840513295136457E-4</v>
      </c>
      <c r="AJ2733">
        <v>2.7259020331141082E-2</v>
      </c>
      <c r="AK2733">
        <v>4.8682551861937541E-3</v>
      </c>
      <c r="AL2733">
        <v>3814.836368454894</v>
      </c>
      <c r="AM2733">
        <v>7294.0432190873307</v>
      </c>
      <c r="AN2733">
        <v>401223</v>
      </c>
      <c r="AO2733">
        <v>38.548922162256318</v>
      </c>
      <c r="AP2733">
        <v>3422.5172503691929</v>
      </c>
      <c r="AQ2733">
        <v>1.0071897467958739</v>
      </c>
      <c r="AR2733">
        <v>3.980306345733041</v>
      </c>
      <c r="AS2733">
        <v>3179</v>
      </c>
      <c r="AT2733">
        <v>262.64176305095339</v>
      </c>
      <c r="AU2733">
        <v>1.927440560469262E-2</v>
      </c>
      <c r="AV2733">
        <v>5.7322317201478909E-3</v>
      </c>
      <c r="AW2733">
        <v>0.37011566114410749</v>
      </c>
      <c r="AX2733">
        <v>84.607879924953096</v>
      </c>
      <c r="AY2733">
        <v>64</v>
      </c>
      <c r="AZ2733">
        <v>129</v>
      </c>
      <c r="BA2733">
        <v>0.58860109438330066</v>
      </c>
      <c r="BB2733">
        <v>0.50203188496405127</v>
      </c>
      <c r="BC2733">
        <v>5.31401593174885</v>
      </c>
      <c r="BD2733" t="s">
        <v>10407</v>
      </c>
      <c r="BE2733" t="s">
        <v>68</v>
      </c>
    </row>
    <row r="2734" spans="1:57" x14ac:dyDescent="0.3">
      <c r="A2734" t="s">
        <v>10408</v>
      </c>
      <c r="B2734">
        <v>1116</v>
      </c>
      <c r="C2734" t="s">
        <v>10409</v>
      </c>
      <c r="D2734" t="s">
        <v>10410</v>
      </c>
      <c r="E2734" t="s">
        <v>72</v>
      </c>
      <c r="F2734">
        <v>1120</v>
      </c>
      <c r="G2734">
        <v>128.20714285714291</v>
      </c>
      <c r="H2734">
        <v>127.5</v>
      </c>
      <c r="I2734">
        <v>5563.1999489795917</v>
      </c>
      <c r="J2734">
        <v>74.586861771893794</v>
      </c>
      <c r="K2734">
        <v>-1.9685391860559089E-2</v>
      </c>
      <c r="L2734">
        <v>-1.2395634531488899</v>
      </c>
      <c r="M2734">
        <v>7.8367509595075404</v>
      </c>
      <c r="N2734">
        <v>11</v>
      </c>
      <c r="O2734">
        <v>1</v>
      </c>
      <c r="P2734">
        <v>10</v>
      </c>
      <c r="Q2734">
        <v>2.031887284319283</v>
      </c>
      <c r="R2734">
        <v>5.4320218323331106</v>
      </c>
      <c r="S2734">
        <v>2</v>
      </c>
      <c r="T2734">
        <v>1</v>
      </c>
      <c r="U2734">
        <v>1</v>
      </c>
      <c r="V2734">
        <v>5.9787742825108361E-2</v>
      </c>
      <c r="W2734">
        <v>7.0152352324902258</v>
      </c>
      <c r="X2734">
        <v>1</v>
      </c>
      <c r="Y2734">
        <v>1</v>
      </c>
      <c r="Z2734">
        <v>0</v>
      </c>
      <c r="AA2734">
        <v>0</v>
      </c>
      <c r="AB2734">
        <v>7.0192966537150436</v>
      </c>
      <c r="AC2734">
        <v>1</v>
      </c>
      <c r="AD2734">
        <v>1</v>
      </c>
      <c r="AE2734">
        <v>0</v>
      </c>
      <c r="AF2734">
        <v>0</v>
      </c>
      <c r="AG2734">
        <v>7.0184017990692009</v>
      </c>
      <c r="AH2734">
        <v>-9.2195988737987337E-3</v>
      </c>
      <c r="AI2734">
        <v>-1.237101154669391E-2</v>
      </c>
      <c r="AJ2734">
        <v>-7.6901616889344156E-3</v>
      </c>
      <c r="AK2734">
        <v>-2.362463680381801E-2</v>
      </c>
      <c r="AL2734">
        <v>2321.8993145023351</v>
      </c>
      <c r="AM2734">
        <v>4387.3782117927321</v>
      </c>
      <c r="AN2734">
        <v>143592</v>
      </c>
      <c r="AO2734">
        <v>60.892945797796642</v>
      </c>
      <c r="AP2734">
        <v>2072.814684037839</v>
      </c>
      <c r="AQ2734">
        <v>1.0205357142857141</v>
      </c>
      <c r="AR2734">
        <v>4.0419642857142861</v>
      </c>
      <c r="AS2734">
        <v>1116</v>
      </c>
      <c r="AT2734">
        <v>239.6964285714285</v>
      </c>
      <c r="AU2734">
        <v>2.405462184873941E-2</v>
      </c>
      <c r="AV2734">
        <v>-9.2354373480890168E-3</v>
      </c>
      <c r="AW2734">
        <v>0.36875000000000002</v>
      </c>
      <c r="AX2734">
        <v>86.697050938337796</v>
      </c>
      <c r="AY2734">
        <v>65.5</v>
      </c>
      <c r="AZ2734">
        <v>131</v>
      </c>
      <c r="BA2734">
        <v>0.58176837974623274</v>
      </c>
      <c r="BB2734">
        <v>0.49642857142857139</v>
      </c>
      <c r="BC2734">
        <v>5.2553153517184068</v>
      </c>
      <c r="BD2734" t="s">
        <v>10411</v>
      </c>
      <c r="BE2734" t="s">
        <v>62</v>
      </c>
    </row>
    <row r="2735" spans="1:57" x14ac:dyDescent="0.3">
      <c r="A2735" t="s">
        <v>10412</v>
      </c>
      <c r="B2735">
        <v>3050</v>
      </c>
      <c r="C2735" t="s">
        <v>10413</v>
      </c>
      <c r="D2735" t="s">
        <v>10414</v>
      </c>
      <c r="E2735" t="s">
        <v>85</v>
      </c>
      <c r="F2735">
        <v>8</v>
      </c>
      <c r="G2735">
        <v>169.75</v>
      </c>
      <c r="H2735">
        <v>199.5</v>
      </c>
      <c r="I2735">
        <v>4813.9375</v>
      </c>
      <c r="J2735">
        <v>69.382544634799899</v>
      </c>
      <c r="K2735">
        <v>-1.168994764517407</v>
      </c>
      <c r="L2735">
        <v>0.1205200297351294</v>
      </c>
      <c r="M2735">
        <v>3</v>
      </c>
      <c r="N2735">
        <v>1</v>
      </c>
      <c r="O2735">
        <v>1</v>
      </c>
      <c r="P2735">
        <v>0</v>
      </c>
      <c r="Q2735">
        <v>0</v>
      </c>
      <c r="R2735">
        <v>2.0794415416798362</v>
      </c>
      <c r="S2735">
        <v>1</v>
      </c>
      <c r="T2735">
        <v>1</v>
      </c>
      <c r="U2735">
        <v>0</v>
      </c>
      <c r="V2735">
        <v>0</v>
      </c>
      <c r="W2735">
        <v>1.945910149055313</v>
      </c>
      <c r="X2735">
        <v>1</v>
      </c>
      <c r="Y2735">
        <v>1</v>
      </c>
      <c r="Z2735">
        <v>0</v>
      </c>
      <c r="AA2735">
        <v>0</v>
      </c>
      <c r="AB2735">
        <v>1.791759469228055</v>
      </c>
      <c r="AC2735">
        <v>1</v>
      </c>
      <c r="AD2735">
        <v>1</v>
      </c>
      <c r="AE2735">
        <v>0</v>
      </c>
      <c r="AF2735">
        <v>0</v>
      </c>
      <c r="AG2735">
        <v>1.6094379124341009</v>
      </c>
      <c r="AH2735">
        <v>-0.54226821858405927</v>
      </c>
      <c r="AI2735">
        <v>0.39790387286914303</v>
      </c>
      <c r="AJ2735">
        <v>-0.20840690443114401</v>
      </c>
      <c r="AK2735">
        <v>0</v>
      </c>
      <c r="AL2735">
        <v>334.13465838775528</v>
      </c>
      <c r="AM2735">
        <v>396.71908205189482</v>
      </c>
      <c r="AN2735">
        <v>1358</v>
      </c>
      <c r="AO2735">
        <v>127.3184982632139</v>
      </c>
      <c r="AP2735">
        <v>162.1100676439037</v>
      </c>
      <c r="AQ2735">
        <v>3.5</v>
      </c>
      <c r="AR2735">
        <v>4.375</v>
      </c>
      <c r="AS2735">
        <v>8</v>
      </c>
      <c r="AT2735">
        <v>0</v>
      </c>
      <c r="AU2735">
        <v>0.37824675324675328</v>
      </c>
      <c r="AV2735">
        <v>-0.58117527872673336</v>
      </c>
      <c r="AW2735">
        <v>0.125</v>
      </c>
      <c r="AX2735">
        <v>112.5714285714286</v>
      </c>
      <c r="AY2735">
        <v>30</v>
      </c>
      <c r="AZ2735">
        <v>78</v>
      </c>
      <c r="BA2735">
        <v>0.40873369446126601</v>
      </c>
      <c r="BB2735">
        <v>0.625</v>
      </c>
      <c r="BC2735">
        <v>1.945910149055313</v>
      </c>
      <c r="BD2735" t="s">
        <v>10413</v>
      </c>
      <c r="BE2735" t="s">
        <v>68</v>
      </c>
    </row>
    <row r="2736" spans="1:57" x14ac:dyDescent="0.3">
      <c r="A2736" t="s">
        <v>10415</v>
      </c>
      <c r="B2736">
        <v>1473</v>
      </c>
      <c r="C2736" t="s">
        <v>10416</v>
      </c>
      <c r="D2736" t="s">
        <v>10417</v>
      </c>
      <c r="E2736" t="s">
        <v>66</v>
      </c>
      <c r="F2736">
        <v>71</v>
      </c>
      <c r="G2736">
        <v>106.36619718309861</v>
      </c>
      <c r="H2736">
        <v>103</v>
      </c>
      <c r="I2736">
        <v>4310.0630827216819</v>
      </c>
      <c r="J2736">
        <v>65.651070689834768</v>
      </c>
      <c r="K2736">
        <v>0.3164841812008139</v>
      </c>
      <c r="L2736">
        <v>-0.61920494510582014</v>
      </c>
      <c r="M2736">
        <v>5.9137627884882908</v>
      </c>
      <c r="N2736">
        <v>3</v>
      </c>
      <c r="O2736">
        <v>1</v>
      </c>
      <c r="P2736">
        <v>2</v>
      </c>
      <c r="Q2736">
        <v>0.37763102391651798</v>
      </c>
      <c r="R2736">
        <v>4.0991080033409828</v>
      </c>
      <c r="S2736">
        <v>1</v>
      </c>
      <c r="T2736">
        <v>1</v>
      </c>
      <c r="U2736">
        <v>0</v>
      </c>
      <c r="V2736">
        <v>0</v>
      </c>
      <c r="W2736">
        <v>4.2484952420493576</v>
      </c>
      <c r="X2736">
        <v>1</v>
      </c>
      <c r="Y2736">
        <v>1</v>
      </c>
      <c r="Z2736">
        <v>0</v>
      </c>
      <c r="AA2736">
        <v>0</v>
      </c>
      <c r="AB2736">
        <v>4.2341065045972579</v>
      </c>
      <c r="AC2736">
        <v>1</v>
      </c>
      <c r="AD2736">
        <v>1</v>
      </c>
      <c r="AE2736">
        <v>0</v>
      </c>
      <c r="AF2736">
        <v>0</v>
      </c>
      <c r="AG2736">
        <v>4.2195077051761087</v>
      </c>
      <c r="AH2736">
        <v>-4.0851952744147123E-2</v>
      </c>
      <c r="AI2736">
        <v>-3.2831477113906748E-3</v>
      </c>
      <c r="AJ2736">
        <v>-8.2358968084995487E-2</v>
      </c>
      <c r="AK2736">
        <v>-6.2114165419568927E-2</v>
      </c>
      <c r="AL2736">
        <v>613.57397727764737</v>
      </c>
      <c r="AM2736">
        <v>856.04846498763675</v>
      </c>
      <c r="AN2736">
        <v>7552</v>
      </c>
      <c r="AO2736">
        <v>183.19009415134539</v>
      </c>
      <c r="AP2736">
        <v>486.06329819748561</v>
      </c>
      <c r="AQ2736">
        <v>1.323943661971831</v>
      </c>
      <c r="AR2736">
        <v>3.619718309859155</v>
      </c>
      <c r="AS2736">
        <v>70</v>
      </c>
      <c r="AT2736">
        <v>7.9718309859154921</v>
      </c>
      <c r="AU2736">
        <v>0.19033416183374749</v>
      </c>
      <c r="AV2736">
        <v>-4.1797216816023372E-2</v>
      </c>
      <c r="AW2736">
        <v>0.47887323943661969</v>
      </c>
      <c r="AX2736">
        <v>76.98571428571428</v>
      </c>
      <c r="AY2736">
        <v>44</v>
      </c>
      <c r="AZ2736">
        <v>83.5</v>
      </c>
      <c r="BA2736">
        <v>0.61721742836046989</v>
      </c>
      <c r="BB2736">
        <v>0.45070422535211269</v>
      </c>
      <c r="BC2736">
        <v>4.0231740118195978</v>
      </c>
      <c r="BD2736" t="s">
        <v>10418</v>
      </c>
      <c r="BE2736" t="s">
        <v>68</v>
      </c>
    </row>
    <row r="2737" spans="1:57" x14ac:dyDescent="0.3">
      <c r="A2737" t="s">
        <v>10419</v>
      </c>
      <c r="B2737">
        <v>151</v>
      </c>
      <c r="C2737" t="s">
        <v>10420</v>
      </c>
      <c r="D2737" t="s">
        <v>10421</v>
      </c>
      <c r="E2737" t="s">
        <v>60</v>
      </c>
      <c r="F2737">
        <v>512</v>
      </c>
      <c r="G2737">
        <v>132.783203125</v>
      </c>
      <c r="H2737">
        <v>137</v>
      </c>
      <c r="I2737">
        <v>5199.1151084899902</v>
      </c>
      <c r="J2737">
        <v>72.104889629552801</v>
      </c>
      <c r="K2737">
        <v>-9.2307412527172186E-2</v>
      </c>
      <c r="L2737">
        <v>-1.131670221431746</v>
      </c>
      <c r="M2737">
        <v>7.5823791828521383</v>
      </c>
      <c r="N2737">
        <v>9</v>
      </c>
      <c r="O2737">
        <v>1</v>
      </c>
      <c r="P2737">
        <v>8</v>
      </c>
      <c r="Q2737">
        <v>1.3109839734820901</v>
      </c>
      <c r="R2737">
        <v>5.2557047525303808</v>
      </c>
      <c r="S2737">
        <v>2</v>
      </c>
      <c r="T2737">
        <v>1</v>
      </c>
      <c r="U2737">
        <v>1</v>
      </c>
      <c r="V2737">
        <v>6.2560641760670568E-2</v>
      </c>
      <c r="W2737">
        <v>6.2309437805711401</v>
      </c>
      <c r="X2737">
        <v>1</v>
      </c>
      <c r="Y2737">
        <v>1</v>
      </c>
      <c r="Z2737">
        <v>0</v>
      </c>
      <c r="AA2737">
        <v>0</v>
      </c>
      <c r="AB2737">
        <v>6.2344107257183694</v>
      </c>
      <c r="AC2737">
        <v>1</v>
      </c>
      <c r="AD2737">
        <v>1</v>
      </c>
      <c r="AE2737">
        <v>0</v>
      </c>
      <c r="AF2737">
        <v>0</v>
      </c>
      <c r="AG2737">
        <v>6.2324480165505216</v>
      </c>
      <c r="AH2737">
        <v>-2.5728250812432091E-2</v>
      </c>
      <c r="AI2737">
        <v>-1.1163078907568539E-2</v>
      </c>
      <c r="AJ2737">
        <v>-5.1719320374701936E-4</v>
      </c>
      <c r="AK2737">
        <v>6.1473080711752358E-2</v>
      </c>
      <c r="AL2737">
        <v>1574.171987326351</v>
      </c>
      <c r="AM2737">
        <v>3034.9951489775081</v>
      </c>
      <c r="AN2737">
        <v>67985</v>
      </c>
      <c r="AO2737">
        <v>37.686683149509207</v>
      </c>
      <c r="AP2737">
        <v>1375.710322309317</v>
      </c>
      <c r="AQ2737">
        <v>1.044921875</v>
      </c>
      <c r="AR2737">
        <v>4.134765625</v>
      </c>
      <c r="AS2737">
        <v>512</v>
      </c>
      <c r="AT2737">
        <v>163.94921874999989</v>
      </c>
      <c r="AU2737">
        <v>4.851409313725491E-2</v>
      </c>
      <c r="AV2737">
        <v>-2.5754769267820232E-2</v>
      </c>
      <c r="AW2737">
        <v>0.34765625</v>
      </c>
      <c r="AX2737">
        <v>84.111545988258314</v>
      </c>
      <c r="AY2737">
        <v>63</v>
      </c>
      <c r="AZ2737">
        <v>125</v>
      </c>
      <c r="BA2737">
        <v>0.54302718967906205</v>
      </c>
      <c r="BB2737">
        <v>0.515625</v>
      </c>
      <c r="BC2737">
        <v>5.0836864905320036</v>
      </c>
      <c r="BD2737" t="s">
        <v>10422</v>
      </c>
      <c r="BE2737" t="s">
        <v>62</v>
      </c>
    </row>
    <row r="2738" spans="1:57" x14ac:dyDescent="0.3">
      <c r="A2738" t="s">
        <v>10423</v>
      </c>
      <c r="B2738">
        <v>700</v>
      </c>
      <c r="C2738" t="s">
        <v>10424</v>
      </c>
      <c r="D2738" t="s">
        <v>10425</v>
      </c>
      <c r="E2738" t="s">
        <v>10622</v>
      </c>
      <c r="F2738">
        <v>64</v>
      </c>
      <c r="G2738">
        <v>97.0625</v>
      </c>
      <c r="H2738">
        <v>76</v>
      </c>
      <c r="I2738">
        <v>5693.62109375</v>
      </c>
      <c r="J2738">
        <v>75.456087188178529</v>
      </c>
      <c r="K2738">
        <v>0.60010100301563807</v>
      </c>
      <c r="L2738">
        <v>-0.91059949688684449</v>
      </c>
      <c r="M2738">
        <v>5.644454882778696</v>
      </c>
      <c r="N2738">
        <v>3</v>
      </c>
      <c r="O2738">
        <v>1</v>
      </c>
      <c r="P2738">
        <v>2</v>
      </c>
      <c r="Q2738">
        <v>0.44967453916275418</v>
      </c>
      <c r="R2738">
        <v>3.912437987795871</v>
      </c>
      <c r="S2738">
        <v>1</v>
      </c>
      <c r="T2738">
        <v>1</v>
      </c>
      <c r="U2738">
        <v>0</v>
      </c>
      <c r="V2738">
        <v>0</v>
      </c>
      <c r="W2738">
        <v>4.1431347263915326</v>
      </c>
      <c r="X2738">
        <v>1</v>
      </c>
      <c r="Y2738">
        <v>1</v>
      </c>
      <c r="Z2738">
        <v>0</v>
      </c>
      <c r="AA2738">
        <v>0</v>
      </c>
      <c r="AB2738">
        <v>4.1271343850450908</v>
      </c>
      <c r="AC2738">
        <v>1</v>
      </c>
      <c r="AD2738">
        <v>1</v>
      </c>
      <c r="AE2738">
        <v>0</v>
      </c>
      <c r="AF2738">
        <v>0</v>
      </c>
      <c r="AG2738">
        <v>4.1108738641733096</v>
      </c>
      <c r="AH2738">
        <v>1.267693654905744E-2</v>
      </c>
      <c r="AI2738">
        <v>5.8774978268580448E-2</v>
      </c>
      <c r="AJ2738">
        <v>0.1004035642100843</v>
      </c>
      <c r="AK2738">
        <v>5.9913090616074603E-2</v>
      </c>
      <c r="AL2738">
        <v>609.01503260779998</v>
      </c>
      <c r="AM2738">
        <v>772.29831675183675</v>
      </c>
      <c r="AN2738">
        <v>6212</v>
      </c>
      <c r="AO2738">
        <v>42</v>
      </c>
      <c r="AP2738">
        <v>472.17790914044508</v>
      </c>
      <c r="AQ2738">
        <v>1.359375</v>
      </c>
      <c r="AR2738">
        <v>3.578125</v>
      </c>
      <c r="AS2738">
        <v>64</v>
      </c>
      <c r="AT2738">
        <v>8.875</v>
      </c>
      <c r="AU2738">
        <v>0.2309301181102362</v>
      </c>
      <c r="AV2738">
        <v>1.267582966785356E-2</v>
      </c>
      <c r="AW2738">
        <v>0.421875</v>
      </c>
      <c r="AX2738">
        <v>82.444444444444443</v>
      </c>
      <c r="AY2738">
        <v>52.5</v>
      </c>
      <c r="AZ2738">
        <v>122.5</v>
      </c>
      <c r="BA2738">
        <v>0.77739690599540012</v>
      </c>
      <c r="BB2738">
        <v>0.421875</v>
      </c>
      <c r="BC2738">
        <v>4.0111066919991618</v>
      </c>
      <c r="BD2738" t="s">
        <v>10426</v>
      </c>
      <c r="BE2738" t="s">
        <v>62</v>
      </c>
    </row>
    <row r="2739" spans="1:57" x14ac:dyDescent="0.3">
      <c r="A2739" t="s">
        <v>10427</v>
      </c>
      <c r="B2739">
        <v>3585</v>
      </c>
      <c r="C2739" t="s">
        <v>10428</v>
      </c>
      <c r="D2739" t="s">
        <v>10429</v>
      </c>
      <c r="E2739" t="s">
        <v>128</v>
      </c>
      <c r="F2739">
        <v>32</v>
      </c>
      <c r="G2739">
        <v>113</v>
      </c>
      <c r="H2739">
        <v>121.5</v>
      </c>
      <c r="I2739">
        <v>4670.375</v>
      </c>
      <c r="J2739">
        <v>68.340141937224573</v>
      </c>
      <c r="K2739">
        <v>8.7868974467340641E-2</v>
      </c>
      <c r="L2739">
        <v>-0.84440582270249376</v>
      </c>
      <c r="M2739">
        <v>4.726409765557392</v>
      </c>
      <c r="N2739">
        <v>3</v>
      </c>
      <c r="O2739">
        <v>1</v>
      </c>
      <c r="P2739">
        <v>2</v>
      </c>
      <c r="Q2739">
        <v>0.44031528592635538</v>
      </c>
      <c r="R2739">
        <v>3.2760976031670981</v>
      </c>
      <c r="S2739">
        <v>1</v>
      </c>
      <c r="T2739">
        <v>1</v>
      </c>
      <c r="U2739">
        <v>0</v>
      </c>
      <c r="V2739">
        <v>0</v>
      </c>
      <c r="W2739">
        <v>3.4339872044851458</v>
      </c>
      <c r="X2739">
        <v>1</v>
      </c>
      <c r="Y2739">
        <v>1</v>
      </c>
      <c r="Z2739">
        <v>0</v>
      </c>
      <c r="AA2739">
        <v>0</v>
      </c>
      <c r="AB2739">
        <v>3.401197381662155</v>
      </c>
      <c r="AC2739">
        <v>1</v>
      </c>
      <c r="AD2739">
        <v>1</v>
      </c>
      <c r="AE2739">
        <v>0</v>
      </c>
      <c r="AF2739">
        <v>0</v>
      </c>
      <c r="AG2739">
        <v>3.3672958299864728</v>
      </c>
      <c r="AH2739">
        <v>2.1940154698498519E-2</v>
      </c>
      <c r="AI2739">
        <v>-0.108958060112946</v>
      </c>
      <c r="AJ2739">
        <v>0.2416494928137462</v>
      </c>
      <c r="AK2739">
        <v>-0.10977437571929451</v>
      </c>
      <c r="AL2739">
        <v>441.11616456587097</v>
      </c>
      <c r="AM2739">
        <v>602.89014700747555</v>
      </c>
      <c r="AN2739">
        <v>3616</v>
      </c>
      <c r="AO2739">
        <v>118</v>
      </c>
      <c r="AP2739">
        <v>289.43612824355631</v>
      </c>
      <c r="AQ2739">
        <v>1.65625</v>
      </c>
      <c r="AR2739">
        <v>3.3125</v>
      </c>
      <c r="AS2739">
        <v>32</v>
      </c>
      <c r="AT2739">
        <v>4.7500000000000018</v>
      </c>
      <c r="AU2739">
        <v>0.13831967213114749</v>
      </c>
      <c r="AV2739">
        <v>2.3940969407970761E-2</v>
      </c>
      <c r="AW2739">
        <v>0.34375</v>
      </c>
      <c r="AX2739">
        <v>75.129032258064512</v>
      </c>
      <c r="AY2739">
        <v>48</v>
      </c>
      <c r="AZ2739">
        <v>95.5</v>
      </c>
      <c r="BA2739">
        <v>0.60478001714358032</v>
      </c>
      <c r="BB2739">
        <v>0.53125</v>
      </c>
      <c r="BC2739">
        <v>3.1935123674088879</v>
      </c>
      <c r="BD2739" t="s">
        <v>10430</v>
      </c>
      <c r="BE2739" t="s">
        <v>62</v>
      </c>
    </row>
    <row r="2740" spans="1:57" x14ac:dyDescent="0.3">
      <c r="A2740" t="s">
        <v>10431</v>
      </c>
      <c r="B2740">
        <v>2401</v>
      </c>
      <c r="C2740" t="s">
        <v>10432</v>
      </c>
      <c r="D2740" t="s">
        <v>10433</v>
      </c>
      <c r="E2740" t="s">
        <v>72</v>
      </c>
      <c r="F2740">
        <v>2408</v>
      </c>
      <c r="G2740">
        <v>128.22715946843849</v>
      </c>
      <c r="H2740">
        <v>131</v>
      </c>
      <c r="I2740">
        <v>5376.8765547220773</v>
      </c>
      <c r="J2740">
        <v>73.32718837322264</v>
      </c>
      <c r="K2740">
        <v>-2.2614437835329251E-2</v>
      </c>
      <c r="L2740">
        <v>-1.2023025194856221</v>
      </c>
      <c r="M2740">
        <v>7.9320723035769758</v>
      </c>
      <c r="N2740">
        <v>18</v>
      </c>
      <c r="O2740">
        <v>2</v>
      </c>
      <c r="P2740">
        <v>16</v>
      </c>
      <c r="Q2740">
        <v>2.8392822046249648</v>
      </c>
      <c r="R2740">
        <v>5.4980935532220201</v>
      </c>
      <c r="S2740">
        <v>3</v>
      </c>
      <c r="T2740">
        <v>1</v>
      </c>
      <c r="U2740">
        <v>2</v>
      </c>
      <c r="V2740">
        <v>0.1427098262666974</v>
      </c>
      <c r="W2740">
        <v>7.7588497393549876</v>
      </c>
      <c r="X2740">
        <v>2</v>
      </c>
      <c r="Y2740">
        <v>1</v>
      </c>
      <c r="Z2740">
        <v>1</v>
      </c>
      <c r="AA2740">
        <v>4.9937460888595443E-2</v>
      </c>
      <c r="AB2740">
        <v>7.7822638033647493</v>
      </c>
      <c r="AC2740">
        <v>2</v>
      </c>
      <c r="AD2740">
        <v>1</v>
      </c>
      <c r="AE2740">
        <v>1</v>
      </c>
      <c r="AF2740">
        <v>4.5595976308831852E-2</v>
      </c>
      <c r="AG2740">
        <v>7.7824230736809854</v>
      </c>
      <c r="AH2740">
        <v>-1.9388427907475039E-2</v>
      </c>
      <c r="AI2740">
        <v>2.306292112930497E-2</v>
      </c>
      <c r="AJ2740">
        <v>1.686988218125722E-2</v>
      </c>
      <c r="AK2740">
        <v>2.32006243998901E-2</v>
      </c>
      <c r="AL2740">
        <v>3315.779971279816</v>
      </c>
      <c r="AM2740">
        <v>6445.6148024885597</v>
      </c>
      <c r="AN2740">
        <v>308771</v>
      </c>
      <c r="AO2740">
        <v>166.51595274825189</v>
      </c>
      <c r="AP2740">
        <v>3006.0340581166329</v>
      </c>
      <c r="AQ2740">
        <v>1.0095514950166109</v>
      </c>
      <c r="AR2740">
        <v>3.9950166112956809</v>
      </c>
      <c r="AS2740">
        <v>2398</v>
      </c>
      <c r="AT2740">
        <v>219.40199335548169</v>
      </c>
      <c r="AU2740">
        <v>1.450882678652865E-2</v>
      </c>
      <c r="AV2740">
        <v>-1.939292297699054E-2</v>
      </c>
      <c r="AW2740">
        <v>0.36337209302325579</v>
      </c>
      <c r="AX2740">
        <v>85.213128375571245</v>
      </c>
      <c r="AY2740">
        <v>63.5</v>
      </c>
      <c r="AZ2740">
        <v>127</v>
      </c>
      <c r="BA2740">
        <v>0.57185379975036554</v>
      </c>
      <c r="BB2740">
        <v>0.5062292358803987</v>
      </c>
      <c r="BC2740">
        <v>5.2975422990630046</v>
      </c>
      <c r="BD2740" t="s">
        <v>10434</v>
      </c>
      <c r="BE2740" t="s">
        <v>68</v>
      </c>
    </row>
    <row r="2741" spans="1:57" x14ac:dyDescent="0.3">
      <c r="A2741" t="s">
        <v>10435</v>
      </c>
      <c r="B2741">
        <v>2678</v>
      </c>
      <c r="C2741" t="s">
        <v>10436</v>
      </c>
      <c r="D2741" t="s">
        <v>10437</v>
      </c>
      <c r="E2741" t="s">
        <v>98</v>
      </c>
      <c r="F2741">
        <v>16</v>
      </c>
      <c r="G2741">
        <v>123.375</v>
      </c>
      <c r="H2741">
        <v>119</v>
      </c>
      <c r="I2741">
        <v>6466.609375</v>
      </c>
      <c r="J2741">
        <v>80.415230988911546</v>
      </c>
      <c r="K2741">
        <v>-3.2205645356542449E-3</v>
      </c>
      <c r="L2741">
        <v>-1.377517213949339</v>
      </c>
      <c r="M2741">
        <v>4</v>
      </c>
      <c r="N2741">
        <v>1</v>
      </c>
      <c r="O2741">
        <v>1</v>
      </c>
      <c r="P2741">
        <v>0</v>
      </c>
      <c r="Q2741">
        <v>0</v>
      </c>
      <c r="R2741">
        <v>2.7725887222397811</v>
      </c>
      <c r="S2741">
        <v>1</v>
      </c>
      <c r="T2741">
        <v>1</v>
      </c>
      <c r="U2741">
        <v>0</v>
      </c>
      <c r="V2741">
        <v>0</v>
      </c>
      <c r="W2741">
        <v>2.7080502011022101</v>
      </c>
      <c r="X2741">
        <v>1</v>
      </c>
      <c r="Y2741">
        <v>1</v>
      </c>
      <c r="Z2741">
        <v>0</v>
      </c>
      <c r="AA2741">
        <v>0</v>
      </c>
      <c r="AB2741">
        <v>2.639057329615258</v>
      </c>
      <c r="AC2741">
        <v>1</v>
      </c>
      <c r="AD2741">
        <v>1</v>
      </c>
      <c r="AE2741">
        <v>0</v>
      </c>
      <c r="AF2741">
        <v>0</v>
      </c>
      <c r="AG2741">
        <v>2.5649493574615372</v>
      </c>
      <c r="AH2741">
        <v>0.13735085644283249</v>
      </c>
      <c r="AI2741">
        <v>-0.1858709887088239</v>
      </c>
      <c r="AJ2741">
        <v>3.5748997856778687E-2</v>
      </c>
      <c r="AK2741">
        <v>-0.21765686954378621</v>
      </c>
      <c r="AL2741">
        <v>420.24992134628081</v>
      </c>
      <c r="AM2741">
        <v>412.79293066675069</v>
      </c>
      <c r="AN2741">
        <v>1974</v>
      </c>
      <c r="AO2741">
        <v>150</v>
      </c>
      <c r="AP2741">
        <v>370.66966425646439</v>
      </c>
      <c r="AQ2741">
        <v>2.3125</v>
      </c>
      <c r="AR2741">
        <v>3.8125</v>
      </c>
      <c r="AS2741">
        <v>16</v>
      </c>
      <c r="AT2741">
        <v>0</v>
      </c>
      <c r="AU2741">
        <v>0.1317148760330579</v>
      </c>
      <c r="AV2741">
        <v>0.14758692500817611</v>
      </c>
      <c r="AW2741">
        <v>0.375</v>
      </c>
      <c r="AX2741">
        <v>88.533333333333331</v>
      </c>
      <c r="AY2741">
        <v>69.5</v>
      </c>
      <c r="AZ2741">
        <v>136.25</v>
      </c>
      <c r="BA2741">
        <v>0.65179518532045833</v>
      </c>
      <c r="BB2741">
        <v>0.5</v>
      </c>
      <c r="BC2741">
        <v>2.7080502011022101</v>
      </c>
      <c r="BD2741" t="s">
        <v>10436</v>
      </c>
      <c r="BE2741" t="s">
        <v>62</v>
      </c>
    </row>
    <row r="2742" spans="1:57" x14ac:dyDescent="0.3">
      <c r="A2742" t="s">
        <v>10438</v>
      </c>
      <c r="B2742">
        <v>2520</v>
      </c>
      <c r="C2742" t="s">
        <v>10439</v>
      </c>
      <c r="D2742" t="s">
        <v>10440</v>
      </c>
      <c r="E2742" t="s">
        <v>85</v>
      </c>
      <c r="F2742">
        <v>8</v>
      </c>
      <c r="G2742">
        <v>98.875</v>
      </c>
      <c r="H2742">
        <v>84</v>
      </c>
      <c r="I2742">
        <v>5943.359375</v>
      </c>
      <c r="J2742">
        <v>77.093186307221728</v>
      </c>
      <c r="K2742">
        <v>0.43866635013807248</v>
      </c>
      <c r="L2742">
        <v>-1.17499539123111</v>
      </c>
      <c r="M2742">
        <v>3</v>
      </c>
      <c r="N2742">
        <v>1</v>
      </c>
      <c r="O2742">
        <v>1</v>
      </c>
      <c r="P2742">
        <v>0</v>
      </c>
      <c r="Q2742">
        <v>0</v>
      </c>
      <c r="R2742">
        <v>2.0794415416798362</v>
      </c>
      <c r="S2742">
        <v>1</v>
      </c>
      <c r="T2742">
        <v>1</v>
      </c>
      <c r="U2742">
        <v>0</v>
      </c>
      <c r="V2742">
        <v>0</v>
      </c>
      <c r="W2742">
        <v>1.945910149055313</v>
      </c>
      <c r="X2742">
        <v>1</v>
      </c>
      <c r="Y2742">
        <v>1</v>
      </c>
      <c r="Z2742">
        <v>0</v>
      </c>
      <c r="AA2742">
        <v>0</v>
      </c>
      <c r="AB2742">
        <v>1.791759469228055</v>
      </c>
      <c r="AC2742">
        <v>1</v>
      </c>
      <c r="AD2742">
        <v>1</v>
      </c>
      <c r="AE2742">
        <v>0</v>
      </c>
      <c r="AF2742">
        <v>0</v>
      </c>
      <c r="AG2742">
        <v>1.6094379124341009</v>
      </c>
      <c r="AH2742">
        <v>-0.52402267499178445</v>
      </c>
      <c r="AI2742">
        <v>-9.0272099901413078E-2</v>
      </c>
      <c r="AJ2742">
        <v>8.7730200460072294E-2</v>
      </c>
      <c r="AK2742">
        <v>0</v>
      </c>
      <c r="AL2742">
        <v>253.07048039076139</v>
      </c>
      <c r="AM2742">
        <v>248.4196690175504</v>
      </c>
      <c r="AN2742">
        <v>791</v>
      </c>
      <c r="AO2742">
        <v>37</v>
      </c>
      <c r="AP2742">
        <v>106.04244433244639</v>
      </c>
      <c r="AQ2742">
        <v>3.5</v>
      </c>
      <c r="AR2742">
        <v>4.375</v>
      </c>
      <c r="AS2742">
        <v>8</v>
      </c>
      <c r="AT2742">
        <v>0</v>
      </c>
      <c r="AU2742">
        <v>0.37394957983193278</v>
      </c>
      <c r="AV2742">
        <v>-0.57784343695352236</v>
      </c>
      <c r="AW2742">
        <v>0.375</v>
      </c>
      <c r="AX2742">
        <v>119.4285714285714</v>
      </c>
      <c r="AY2742">
        <v>66.5</v>
      </c>
      <c r="AZ2742">
        <v>128.5</v>
      </c>
      <c r="BA2742">
        <v>0.77970352775951179</v>
      </c>
      <c r="BB2742">
        <v>0.5</v>
      </c>
      <c r="BC2742">
        <v>1.945910149055313</v>
      </c>
      <c r="BD2742" t="s">
        <v>10439</v>
      </c>
      <c r="BE2742" t="s">
        <v>68</v>
      </c>
    </row>
    <row r="2743" spans="1:57" x14ac:dyDescent="0.3">
      <c r="A2743" t="s">
        <v>10441</v>
      </c>
      <c r="B2743">
        <v>2161</v>
      </c>
      <c r="C2743" t="s">
        <v>10442</v>
      </c>
      <c r="D2743" t="s">
        <v>10443</v>
      </c>
      <c r="E2743" t="s">
        <v>98</v>
      </c>
      <c r="F2743">
        <v>16</v>
      </c>
      <c r="G2743">
        <v>136.125</v>
      </c>
      <c r="H2743">
        <v>141</v>
      </c>
      <c r="I2743">
        <v>4689.109375</v>
      </c>
      <c r="J2743">
        <v>68.477071892714577</v>
      </c>
      <c r="K2743">
        <v>-0.16715511177432521</v>
      </c>
      <c r="L2743">
        <v>-0.96956537763936446</v>
      </c>
      <c r="M2743">
        <v>3.875</v>
      </c>
      <c r="N2743">
        <v>2</v>
      </c>
      <c r="O2743">
        <v>1</v>
      </c>
      <c r="P2743">
        <v>1</v>
      </c>
      <c r="Q2743">
        <v>0.24944382578492949</v>
      </c>
      <c r="R2743">
        <v>2.6859453246697882</v>
      </c>
      <c r="S2743">
        <v>1</v>
      </c>
      <c r="T2743">
        <v>1</v>
      </c>
      <c r="U2743">
        <v>0</v>
      </c>
      <c r="V2743">
        <v>0</v>
      </c>
      <c r="W2743">
        <v>2.7080502011022101</v>
      </c>
      <c r="X2743">
        <v>1</v>
      </c>
      <c r="Y2743">
        <v>1</v>
      </c>
      <c r="Z2743">
        <v>0</v>
      </c>
      <c r="AA2743">
        <v>0</v>
      </c>
      <c r="AB2743">
        <v>2.639057329615258</v>
      </c>
      <c r="AC2743">
        <v>1</v>
      </c>
      <c r="AD2743">
        <v>1</v>
      </c>
      <c r="AE2743">
        <v>0</v>
      </c>
      <c r="AF2743">
        <v>0</v>
      </c>
      <c r="AG2743">
        <v>2.5649493574615372</v>
      </c>
      <c r="AH2743">
        <v>0.18523119562283619</v>
      </c>
      <c r="AI2743">
        <v>-0.49491549567981657</v>
      </c>
      <c r="AJ2743">
        <v>-9.5121716543986559E-2</v>
      </c>
      <c r="AK2743">
        <v>-0.10574577728313279</v>
      </c>
      <c r="AL2743">
        <v>372.52733966787918</v>
      </c>
      <c r="AM2743">
        <v>482.42033663598028</v>
      </c>
      <c r="AN2743">
        <v>2178</v>
      </c>
      <c r="AO2743">
        <v>102.26369281601841</v>
      </c>
      <c r="AP2743">
        <v>198.27630855537629</v>
      </c>
      <c r="AQ2743">
        <v>2.3125</v>
      </c>
      <c r="AR2743">
        <v>4.25</v>
      </c>
      <c r="AS2743">
        <v>16</v>
      </c>
      <c r="AT2743">
        <v>0.87499999999999989</v>
      </c>
      <c r="AU2743">
        <v>0.14278242677824271</v>
      </c>
      <c r="AV2743">
        <v>0.22762852418681739</v>
      </c>
      <c r="AW2743">
        <v>0.375</v>
      </c>
      <c r="AX2743">
        <v>74.466666666666669</v>
      </c>
      <c r="AY2743">
        <v>55</v>
      </c>
      <c r="AZ2743">
        <v>100.25</v>
      </c>
      <c r="BA2743">
        <v>0.50304552354611254</v>
      </c>
      <c r="BB2743">
        <v>0.5</v>
      </c>
      <c r="BC2743">
        <v>2.523210952952891</v>
      </c>
      <c r="BD2743" t="s">
        <v>10442</v>
      </c>
      <c r="BE2743" t="s">
        <v>62</v>
      </c>
    </row>
    <row r="2744" spans="1:57" x14ac:dyDescent="0.3">
      <c r="A2744" t="s">
        <v>10444</v>
      </c>
      <c r="B2744">
        <v>3202</v>
      </c>
      <c r="C2744" t="s">
        <v>10445</v>
      </c>
      <c r="D2744" t="s">
        <v>10446</v>
      </c>
      <c r="E2744" t="s">
        <v>128</v>
      </c>
      <c r="F2744">
        <v>32</v>
      </c>
      <c r="G2744">
        <v>111.8125</v>
      </c>
      <c r="H2744">
        <v>100.5</v>
      </c>
      <c r="I2744">
        <v>5323.27734375</v>
      </c>
      <c r="J2744">
        <v>72.960793195729451</v>
      </c>
      <c r="K2744">
        <v>0.13949001039060041</v>
      </c>
      <c r="L2744">
        <v>-1.144385879911284</v>
      </c>
      <c r="M2744">
        <v>4.875</v>
      </c>
      <c r="N2744">
        <v>2</v>
      </c>
      <c r="O2744">
        <v>1</v>
      </c>
      <c r="P2744">
        <v>1</v>
      </c>
      <c r="Q2744">
        <v>0.24944382578492941</v>
      </c>
      <c r="R2744">
        <v>3.3790925052297318</v>
      </c>
      <c r="S2744">
        <v>1</v>
      </c>
      <c r="T2744">
        <v>1</v>
      </c>
      <c r="U2744">
        <v>0</v>
      </c>
      <c r="V2744">
        <v>0</v>
      </c>
      <c r="W2744">
        <v>3.4339872044851458</v>
      </c>
      <c r="X2744">
        <v>1</v>
      </c>
      <c r="Y2744">
        <v>1</v>
      </c>
      <c r="Z2744">
        <v>0</v>
      </c>
      <c r="AA2744">
        <v>0</v>
      </c>
      <c r="AB2744">
        <v>3.401197381662155</v>
      </c>
      <c r="AC2744">
        <v>1</v>
      </c>
      <c r="AD2744">
        <v>1</v>
      </c>
      <c r="AE2744">
        <v>0</v>
      </c>
      <c r="AF2744">
        <v>0</v>
      </c>
      <c r="AG2744">
        <v>3.3672958299864728</v>
      </c>
      <c r="AH2744">
        <v>-0.39821331669796339</v>
      </c>
      <c r="AI2744">
        <v>0.1145723033199561</v>
      </c>
      <c r="AJ2744">
        <v>3.9631067378751487E-2</v>
      </c>
      <c r="AK2744">
        <v>0.103166214642501</v>
      </c>
      <c r="AL2744">
        <v>470.53994449314871</v>
      </c>
      <c r="AM2744">
        <v>590.76404819215657</v>
      </c>
      <c r="AN2744">
        <v>3578</v>
      </c>
      <c r="AO2744">
        <v>113.4743116358722</v>
      </c>
      <c r="AP2744">
        <v>370.91173901678332</v>
      </c>
      <c r="AQ2744">
        <v>1.65625</v>
      </c>
      <c r="AR2744">
        <v>3.4375</v>
      </c>
      <c r="AS2744">
        <v>32</v>
      </c>
      <c r="AT2744">
        <v>1.75</v>
      </c>
      <c r="AU2744">
        <v>0.12756147540983609</v>
      </c>
      <c r="AV2744">
        <v>-0.40757689247631118</v>
      </c>
      <c r="AW2744">
        <v>0.40625</v>
      </c>
      <c r="AX2744">
        <v>102.61290322580641</v>
      </c>
      <c r="AY2744">
        <v>56</v>
      </c>
      <c r="AZ2744">
        <v>114.25</v>
      </c>
      <c r="BA2744">
        <v>0.65252805541177816</v>
      </c>
      <c r="BB2744">
        <v>0.4375</v>
      </c>
      <c r="BC2744">
        <v>3.3892680315457948</v>
      </c>
      <c r="BD2744" t="s">
        <v>10447</v>
      </c>
      <c r="BE2744" t="s">
        <v>62</v>
      </c>
    </row>
    <row r="2745" spans="1:57" x14ac:dyDescent="0.3">
      <c r="A2745" t="s">
        <v>10448</v>
      </c>
      <c r="B2745">
        <v>2356</v>
      </c>
      <c r="C2745" t="s">
        <v>10449</v>
      </c>
      <c r="D2745" t="s">
        <v>10450</v>
      </c>
      <c r="E2745" t="s">
        <v>85</v>
      </c>
      <c r="F2745">
        <v>8</v>
      </c>
      <c r="G2745">
        <v>63.75</v>
      </c>
      <c r="H2745">
        <v>42</v>
      </c>
      <c r="I2745">
        <v>2901.4375</v>
      </c>
      <c r="J2745">
        <v>53.864993270212153</v>
      </c>
      <c r="K2745">
        <v>0.97710882811424504</v>
      </c>
      <c r="L2745">
        <v>-0.81445798715440265</v>
      </c>
      <c r="M2745">
        <v>2.75</v>
      </c>
      <c r="N2745">
        <v>2</v>
      </c>
      <c r="O2745">
        <v>1</v>
      </c>
      <c r="P2745">
        <v>1</v>
      </c>
      <c r="Q2745">
        <v>0.3499271061118826</v>
      </c>
      <c r="R2745">
        <v>1.9061547465398501</v>
      </c>
      <c r="S2745">
        <v>1</v>
      </c>
      <c r="T2745">
        <v>1</v>
      </c>
      <c r="U2745">
        <v>0</v>
      </c>
      <c r="V2745">
        <v>0</v>
      </c>
      <c r="W2745">
        <v>1.945910149055313</v>
      </c>
      <c r="X2745">
        <v>1</v>
      </c>
      <c r="Y2745">
        <v>1</v>
      </c>
      <c r="Z2745">
        <v>0</v>
      </c>
      <c r="AA2745">
        <v>0</v>
      </c>
      <c r="AB2745">
        <v>1.791759469228055</v>
      </c>
      <c r="AC2745">
        <v>1</v>
      </c>
      <c r="AD2745">
        <v>1</v>
      </c>
      <c r="AE2745">
        <v>0</v>
      </c>
      <c r="AF2745">
        <v>0</v>
      </c>
      <c r="AG2745">
        <v>1.6094379124341009</v>
      </c>
      <c r="AH2745">
        <v>-0.1126946772074187</v>
      </c>
      <c r="AI2745">
        <v>-0.30293712168537151</v>
      </c>
      <c r="AJ2745">
        <v>-0.101837989789544</v>
      </c>
      <c r="AK2745">
        <v>0</v>
      </c>
      <c r="AL2745">
        <v>199.38633898195721</v>
      </c>
      <c r="AM2745">
        <v>126.3688562398665</v>
      </c>
      <c r="AN2745">
        <v>510</v>
      </c>
      <c r="AO2745">
        <v>74</v>
      </c>
      <c r="AP2745">
        <v>187.723200484117</v>
      </c>
      <c r="AQ2745">
        <v>3.5</v>
      </c>
      <c r="AR2745">
        <v>3.375</v>
      </c>
      <c r="AS2745">
        <v>8</v>
      </c>
      <c r="AT2745">
        <v>0.74999999999999989</v>
      </c>
      <c r="AU2745">
        <v>0.51774193548387093</v>
      </c>
      <c r="AV2745">
        <v>-0.1234121797131741</v>
      </c>
      <c r="AW2745">
        <v>0.375</v>
      </c>
      <c r="AX2745">
        <v>61.571428571428569</v>
      </c>
      <c r="AY2745">
        <v>19.5</v>
      </c>
      <c r="AZ2745">
        <v>54.25</v>
      </c>
      <c r="BA2745">
        <v>0.84494107090528858</v>
      </c>
      <c r="BB2745">
        <v>0.25</v>
      </c>
      <c r="BC2745">
        <v>1.945910149055313</v>
      </c>
      <c r="BD2745" t="s">
        <v>10449</v>
      </c>
      <c r="BE2745" t="s">
        <v>68</v>
      </c>
    </row>
    <row r="2746" spans="1:57" x14ac:dyDescent="0.3">
      <c r="A2746" t="s">
        <v>10451</v>
      </c>
      <c r="B2746">
        <v>143</v>
      </c>
      <c r="C2746" t="s">
        <v>10452</v>
      </c>
      <c r="D2746" t="s">
        <v>10453</v>
      </c>
      <c r="E2746" t="s">
        <v>60</v>
      </c>
      <c r="F2746">
        <v>256</v>
      </c>
      <c r="G2746">
        <v>123.4921875</v>
      </c>
      <c r="H2746">
        <v>119</v>
      </c>
      <c r="I2746">
        <v>5553.4452514648438</v>
      </c>
      <c r="J2746">
        <v>74.521441555198351</v>
      </c>
      <c r="K2746">
        <v>9.0977594191910233E-2</v>
      </c>
      <c r="L2746">
        <v>-1.166178044153553</v>
      </c>
      <c r="M2746">
        <v>7.247626855282828</v>
      </c>
      <c r="N2746">
        <v>4</v>
      </c>
      <c r="O2746">
        <v>1</v>
      </c>
      <c r="P2746">
        <v>3</v>
      </c>
      <c r="Q2746">
        <v>0.73867391878472122</v>
      </c>
      <c r="R2746">
        <v>5.0236721204898336</v>
      </c>
      <c r="S2746">
        <v>1</v>
      </c>
      <c r="T2746">
        <v>1</v>
      </c>
      <c r="U2746">
        <v>0</v>
      </c>
      <c r="V2746">
        <v>0</v>
      </c>
      <c r="W2746">
        <v>5.541263545158424</v>
      </c>
      <c r="X2746">
        <v>1</v>
      </c>
      <c r="Y2746">
        <v>1</v>
      </c>
      <c r="Z2746">
        <v>0</v>
      </c>
      <c r="AA2746">
        <v>0</v>
      </c>
      <c r="AB2746">
        <v>5.5373342670185366</v>
      </c>
      <c r="AC2746">
        <v>1</v>
      </c>
      <c r="AD2746">
        <v>1</v>
      </c>
      <c r="AE2746">
        <v>0</v>
      </c>
      <c r="AF2746">
        <v>0</v>
      </c>
      <c r="AG2746">
        <v>5.5333894887275203</v>
      </c>
      <c r="AH2746">
        <v>-2.520309200942959E-3</v>
      </c>
      <c r="AI2746">
        <v>-0.1212582407786905</v>
      </c>
      <c r="AJ2746">
        <v>6.7953713326257909E-2</v>
      </c>
      <c r="AK2746">
        <v>0.10716902549351009</v>
      </c>
      <c r="AL2746">
        <v>1179.8585262684719</v>
      </c>
      <c r="AM2746">
        <v>1983.3552021742321</v>
      </c>
      <c r="AN2746">
        <v>31614</v>
      </c>
      <c r="AO2746">
        <v>67.454921648321118</v>
      </c>
      <c r="AP2746">
        <v>1010.406735951434</v>
      </c>
      <c r="AQ2746">
        <v>1.08984375</v>
      </c>
      <c r="AR2746">
        <v>3.99609375</v>
      </c>
      <c r="AS2746">
        <v>256</v>
      </c>
      <c r="AT2746">
        <v>60.875000000000007</v>
      </c>
      <c r="AU2746">
        <v>5.8686023622047223E-2</v>
      </c>
      <c r="AV2746">
        <v>-2.5285686094908819E-3</v>
      </c>
      <c r="AW2746">
        <v>0.40625</v>
      </c>
      <c r="AX2746">
        <v>88.435294117647061</v>
      </c>
      <c r="AY2746">
        <v>63</v>
      </c>
      <c r="AZ2746">
        <v>125.5</v>
      </c>
      <c r="BA2746">
        <v>0.60345065597933756</v>
      </c>
      <c r="BB2746">
        <v>0.46484375</v>
      </c>
      <c r="BC2746">
        <v>4.8465883325390724</v>
      </c>
      <c r="BD2746" t="s">
        <v>10454</v>
      </c>
      <c r="BE2746" t="s">
        <v>62</v>
      </c>
    </row>
    <row r="2747" spans="1:57" x14ac:dyDescent="0.3">
      <c r="A2747" t="s">
        <v>10455</v>
      </c>
      <c r="B2747">
        <v>1538</v>
      </c>
      <c r="C2747" t="s">
        <v>10456</v>
      </c>
      <c r="D2747" t="s">
        <v>10457</v>
      </c>
      <c r="E2747" t="s">
        <v>85</v>
      </c>
      <c r="F2747">
        <v>8</v>
      </c>
      <c r="G2747">
        <v>179.625</v>
      </c>
      <c r="H2747">
        <v>201</v>
      </c>
      <c r="I2747">
        <v>3542.734375</v>
      </c>
      <c r="J2747">
        <v>59.520873439491787</v>
      </c>
      <c r="K2747">
        <v>-1.4509383265256779</v>
      </c>
      <c r="L2747">
        <v>0.86933755800371459</v>
      </c>
      <c r="M2747">
        <v>2.75</v>
      </c>
      <c r="N2747">
        <v>2</v>
      </c>
      <c r="O2747">
        <v>1</v>
      </c>
      <c r="P2747">
        <v>1</v>
      </c>
      <c r="Q2747">
        <v>0.3499271061118826</v>
      </c>
      <c r="R2747">
        <v>1.9061547465398501</v>
      </c>
      <c r="S2747">
        <v>1</v>
      </c>
      <c r="T2747">
        <v>1</v>
      </c>
      <c r="U2747">
        <v>0</v>
      </c>
      <c r="V2747">
        <v>0</v>
      </c>
      <c r="W2747">
        <v>1.945910149055313</v>
      </c>
      <c r="X2747">
        <v>1</v>
      </c>
      <c r="Y2747">
        <v>1</v>
      </c>
      <c r="Z2747">
        <v>0</v>
      </c>
      <c r="AA2747">
        <v>0</v>
      </c>
      <c r="AB2747">
        <v>1.791759469228055</v>
      </c>
      <c r="AC2747">
        <v>1</v>
      </c>
      <c r="AD2747">
        <v>1</v>
      </c>
      <c r="AE2747">
        <v>0</v>
      </c>
      <c r="AF2747">
        <v>0</v>
      </c>
      <c r="AG2747">
        <v>1.6094379124341009</v>
      </c>
      <c r="AH2747">
        <v>-0.35179449577700839</v>
      </c>
      <c r="AI2747">
        <v>0.27858844024963059</v>
      </c>
      <c r="AJ2747">
        <v>-0.26064182856638812</v>
      </c>
      <c r="AK2747">
        <v>0</v>
      </c>
      <c r="AL2747">
        <v>325.48522577511289</v>
      </c>
      <c r="AM2747">
        <v>424.87923908108729</v>
      </c>
      <c r="AN2747">
        <v>1437</v>
      </c>
      <c r="AO2747">
        <v>84.053554356731397</v>
      </c>
      <c r="AP2747">
        <v>174.44367437186011</v>
      </c>
      <c r="AQ2747">
        <v>3.5</v>
      </c>
      <c r="AR2747">
        <v>3.75</v>
      </c>
      <c r="AS2747">
        <v>8</v>
      </c>
      <c r="AT2747">
        <v>0.74999999999999989</v>
      </c>
      <c r="AU2747">
        <v>0.40086206896551718</v>
      </c>
      <c r="AV2747">
        <v>-0.37640210023314769</v>
      </c>
      <c r="AW2747">
        <v>0.125</v>
      </c>
      <c r="AX2747">
        <v>72</v>
      </c>
      <c r="AY2747">
        <v>19</v>
      </c>
      <c r="AZ2747">
        <v>34.5</v>
      </c>
      <c r="BA2747">
        <v>0.33136185630893128</v>
      </c>
      <c r="BB2747">
        <v>0.75</v>
      </c>
      <c r="BC2747">
        <v>1.945910149055313</v>
      </c>
      <c r="BD2747" t="s">
        <v>10456</v>
      </c>
      <c r="BE2747" t="s">
        <v>68</v>
      </c>
    </row>
    <row r="2748" spans="1:57" x14ac:dyDescent="0.3">
      <c r="A2748" t="s">
        <v>10458</v>
      </c>
      <c r="B2748">
        <v>2739</v>
      </c>
      <c r="C2748" t="s">
        <v>10459</v>
      </c>
      <c r="D2748" t="s">
        <v>10460</v>
      </c>
      <c r="E2748" t="s">
        <v>66</v>
      </c>
      <c r="F2748">
        <v>71</v>
      </c>
      <c r="G2748">
        <v>109.0281690140845</v>
      </c>
      <c r="H2748">
        <v>105</v>
      </c>
      <c r="I2748">
        <v>5746.0555445348155</v>
      </c>
      <c r="J2748">
        <v>75.802741009377854</v>
      </c>
      <c r="K2748">
        <v>0.22889755002542631</v>
      </c>
      <c r="L2748">
        <v>-1.0063664366893621</v>
      </c>
      <c r="M2748">
        <v>5.8292557462347698</v>
      </c>
      <c r="N2748">
        <v>3</v>
      </c>
      <c r="O2748">
        <v>1</v>
      </c>
      <c r="P2748">
        <v>2</v>
      </c>
      <c r="Q2748">
        <v>0.42784992176644798</v>
      </c>
      <c r="R2748">
        <v>4.0405321852654943</v>
      </c>
      <c r="S2748">
        <v>1</v>
      </c>
      <c r="T2748">
        <v>1</v>
      </c>
      <c r="U2748">
        <v>0</v>
      </c>
      <c r="V2748">
        <v>0</v>
      </c>
      <c r="W2748">
        <v>4.2484952420493576</v>
      </c>
      <c r="X2748">
        <v>1</v>
      </c>
      <c r="Y2748">
        <v>1</v>
      </c>
      <c r="Z2748">
        <v>0</v>
      </c>
      <c r="AA2748">
        <v>0</v>
      </c>
      <c r="AB2748">
        <v>4.2341065045972579</v>
      </c>
      <c r="AC2748">
        <v>1</v>
      </c>
      <c r="AD2748">
        <v>1</v>
      </c>
      <c r="AE2748">
        <v>0</v>
      </c>
      <c r="AF2748">
        <v>0</v>
      </c>
      <c r="AG2748">
        <v>4.2195077051761087</v>
      </c>
      <c r="AH2748">
        <v>2.144713863075844E-2</v>
      </c>
      <c r="AI2748">
        <v>0.1169854851680921</v>
      </c>
      <c r="AJ2748">
        <v>-0.1420591837886063</v>
      </c>
      <c r="AK2748">
        <v>-0.1884068842747626</v>
      </c>
      <c r="AL2748">
        <v>661.5637608723423</v>
      </c>
      <c r="AM2748">
        <v>902.38040221430026</v>
      </c>
      <c r="AN2748">
        <v>7741</v>
      </c>
      <c r="AO2748">
        <v>78.915412340088309</v>
      </c>
      <c r="AP2748">
        <v>491.8625973759323</v>
      </c>
      <c r="AQ2748">
        <v>1.323943661971831</v>
      </c>
      <c r="AR2748">
        <v>3.6338028169014081</v>
      </c>
      <c r="AS2748">
        <v>70</v>
      </c>
      <c r="AT2748">
        <v>9.2816901408450736</v>
      </c>
      <c r="AU2748">
        <v>0.15023474178403759</v>
      </c>
      <c r="AV2748">
        <v>2.196963318155604E-2</v>
      </c>
      <c r="AW2748">
        <v>0.352112676056338</v>
      </c>
      <c r="AX2748">
        <v>85.171428571428578</v>
      </c>
      <c r="AY2748">
        <v>61</v>
      </c>
      <c r="AZ2748">
        <v>125</v>
      </c>
      <c r="BA2748">
        <v>0.69525831438649111</v>
      </c>
      <c r="BB2748">
        <v>0.49295774647887319</v>
      </c>
      <c r="BC2748">
        <v>4.0033698066607419</v>
      </c>
      <c r="BD2748" t="s">
        <v>10461</v>
      </c>
      <c r="BE2748" t="s">
        <v>68</v>
      </c>
    </row>
    <row r="2749" spans="1:57" x14ac:dyDescent="0.3">
      <c r="A2749" t="s">
        <v>10462</v>
      </c>
      <c r="B2749">
        <v>3097</v>
      </c>
      <c r="C2749" t="s">
        <v>10463</v>
      </c>
      <c r="D2749" t="s">
        <v>10464</v>
      </c>
      <c r="E2749" t="s">
        <v>10622</v>
      </c>
      <c r="F2749">
        <v>64</v>
      </c>
      <c r="G2749">
        <v>114.921875</v>
      </c>
      <c r="H2749">
        <v>106.5</v>
      </c>
      <c r="I2749">
        <v>5840.759521484375</v>
      </c>
      <c r="J2749">
        <v>76.424861933040972</v>
      </c>
      <c r="K2749">
        <v>0.10651328478726541</v>
      </c>
      <c r="L2749">
        <v>-1.3388005368279381</v>
      </c>
      <c r="M2749">
        <v>5.800704882778696</v>
      </c>
      <c r="N2749">
        <v>3</v>
      </c>
      <c r="O2749">
        <v>1</v>
      </c>
      <c r="P2749">
        <v>2</v>
      </c>
      <c r="Q2749">
        <v>0.35669242871684831</v>
      </c>
      <c r="R2749">
        <v>4.0207422347583606</v>
      </c>
      <c r="S2749">
        <v>1</v>
      </c>
      <c r="T2749">
        <v>1</v>
      </c>
      <c r="U2749">
        <v>0</v>
      </c>
      <c r="V2749">
        <v>0</v>
      </c>
      <c r="W2749">
        <v>4.1431347263915326</v>
      </c>
      <c r="X2749">
        <v>1</v>
      </c>
      <c r="Y2749">
        <v>1</v>
      </c>
      <c r="Z2749">
        <v>0</v>
      </c>
      <c r="AA2749">
        <v>0</v>
      </c>
      <c r="AB2749">
        <v>4.1271343850450908</v>
      </c>
      <c r="AC2749">
        <v>1</v>
      </c>
      <c r="AD2749">
        <v>1</v>
      </c>
      <c r="AE2749">
        <v>0</v>
      </c>
      <c r="AF2749">
        <v>0</v>
      </c>
      <c r="AG2749">
        <v>4.1108738641733096</v>
      </c>
      <c r="AH2749">
        <v>-0.16877350841116009</v>
      </c>
      <c r="AI2749">
        <v>3.1400018280996152E-2</v>
      </c>
      <c r="AJ2749">
        <v>-7.2095715806647545E-2</v>
      </c>
      <c r="AK2749">
        <v>5.5148581737872121E-3</v>
      </c>
      <c r="AL2749">
        <v>633.5845150048691</v>
      </c>
      <c r="AM2749">
        <v>904.22876659949554</v>
      </c>
      <c r="AN2749">
        <v>7355</v>
      </c>
      <c r="AO2749">
        <v>56.935878687424953</v>
      </c>
      <c r="AP2749">
        <v>416.82708322769048</v>
      </c>
      <c r="AQ2749">
        <v>1.359375</v>
      </c>
      <c r="AR2749">
        <v>3.84375</v>
      </c>
      <c r="AS2749">
        <v>64</v>
      </c>
      <c r="AT2749">
        <v>6.6875000000000018</v>
      </c>
      <c r="AU2749">
        <v>0.1161417322834646</v>
      </c>
      <c r="AV2749">
        <v>-0.1698937266994415</v>
      </c>
      <c r="AW2749">
        <v>0.328125</v>
      </c>
      <c r="AX2749">
        <v>94.412698412698418</v>
      </c>
      <c r="AY2749">
        <v>76</v>
      </c>
      <c r="AZ2749">
        <v>150.75</v>
      </c>
      <c r="BA2749">
        <v>0.66501579384291265</v>
      </c>
      <c r="BB2749">
        <v>0.484375</v>
      </c>
      <c r="BC2749">
        <v>4.0111066919991618</v>
      </c>
      <c r="BD2749" t="s">
        <v>10465</v>
      </c>
      <c r="BE2749" t="s">
        <v>62</v>
      </c>
    </row>
    <row r="2750" spans="1:57" x14ac:dyDescent="0.3">
      <c r="A2750" t="s">
        <v>10466</v>
      </c>
      <c r="B2750">
        <v>2687</v>
      </c>
      <c r="C2750" t="s">
        <v>10467</v>
      </c>
      <c r="D2750" t="s">
        <v>10468</v>
      </c>
      <c r="E2750" t="s">
        <v>66</v>
      </c>
      <c r="F2750">
        <v>71</v>
      </c>
      <c r="G2750">
        <v>125.8732394366197</v>
      </c>
      <c r="H2750">
        <v>130</v>
      </c>
      <c r="I2750">
        <v>5756.8430866891476</v>
      </c>
      <c r="J2750">
        <v>75.873863000964619</v>
      </c>
      <c r="K2750">
        <v>4.2950666746764697E-2</v>
      </c>
      <c r="L2750">
        <v>-1.1103288916484439</v>
      </c>
      <c r="M2750">
        <v>5.8467925419789468</v>
      </c>
      <c r="N2750">
        <v>3</v>
      </c>
      <c r="O2750">
        <v>1</v>
      </c>
      <c r="P2750">
        <v>2</v>
      </c>
      <c r="Q2750">
        <v>0.45014853172937652</v>
      </c>
      <c r="R2750">
        <v>4.0526877657916263</v>
      </c>
      <c r="S2750">
        <v>1</v>
      </c>
      <c r="T2750">
        <v>1</v>
      </c>
      <c r="U2750">
        <v>0</v>
      </c>
      <c r="V2750">
        <v>0</v>
      </c>
      <c r="W2750">
        <v>4.2484952420493576</v>
      </c>
      <c r="X2750">
        <v>1</v>
      </c>
      <c r="Y2750">
        <v>1</v>
      </c>
      <c r="Z2750">
        <v>0</v>
      </c>
      <c r="AA2750">
        <v>0</v>
      </c>
      <c r="AB2750">
        <v>4.2341065045972579</v>
      </c>
      <c r="AC2750">
        <v>1</v>
      </c>
      <c r="AD2750">
        <v>1</v>
      </c>
      <c r="AE2750">
        <v>0</v>
      </c>
      <c r="AF2750">
        <v>0</v>
      </c>
      <c r="AG2750">
        <v>4.2195077051761087</v>
      </c>
      <c r="AH2750">
        <v>0.1078640359959364</v>
      </c>
      <c r="AI2750">
        <v>-1.553506065007651E-2</v>
      </c>
      <c r="AJ2750">
        <v>0.1508443552054882</v>
      </c>
      <c r="AK2750">
        <v>-0.104404711402195</v>
      </c>
      <c r="AL2750">
        <v>701.77118322277249</v>
      </c>
      <c r="AM2750">
        <v>1020.383362466338</v>
      </c>
      <c r="AN2750">
        <v>8937</v>
      </c>
      <c r="AO2750">
        <v>15.869693622052591</v>
      </c>
      <c r="AP2750">
        <v>647.47151811952483</v>
      </c>
      <c r="AQ2750">
        <v>1.323943661971831</v>
      </c>
      <c r="AR2750">
        <v>3.676056338028169</v>
      </c>
      <c r="AS2750">
        <v>71</v>
      </c>
      <c r="AT2750">
        <v>10.619718309859159</v>
      </c>
      <c r="AU2750">
        <v>8.5342092078160681E-2</v>
      </c>
      <c r="AV2750">
        <v>0.1090998084184794</v>
      </c>
      <c r="AW2750">
        <v>0.352112676056338</v>
      </c>
      <c r="AX2750">
        <v>81.885714285714286</v>
      </c>
      <c r="AY2750">
        <v>59</v>
      </c>
      <c r="AZ2750">
        <v>119.5</v>
      </c>
      <c r="BA2750">
        <v>0.60277993432566723</v>
      </c>
      <c r="BB2750">
        <v>0.52112676056338025</v>
      </c>
      <c r="BC2750">
        <v>3.9488114493783288</v>
      </c>
      <c r="BD2750" t="s">
        <v>10469</v>
      </c>
      <c r="BE2750" t="s">
        <v>68</v>
      </c>
    </row>
    <row r="2751" spans="1:57" x14ac:dyDescent="0.3">
      <c r="A2751" t="s">
        <v>10470</v>
      </c>
      <c r="B2751">
        <v>2236</v>
      </c>
      <c r="C2751" t="s">
        <v>10471</v>
      </c>
      <c r="D2751" t="s">
        <v>10472</v>
      </c>
      <c r="E2751" t="s">
        <v>98</v>
      </c>
      <c r="F2751">
        <v>16</v>
      </c>
      <c r="G2751">
        <v>116.6875</v>
      </c>
      <c r="H2751">
        <v>72.5</v>
      </c>
      <c r="I2751">
        <v>6718.21484375</v>
      </c>
      <c r="J2751">
        <v>81.964717066247474</v>
      </c>
      <c r="K2751">
        <v>0.38380621888112387</v>
      </c>
      <c r="L2751">
        <v>-1.458709379058831</v>
      </c>
      <c r="M2751">
        <v>4</v>
      </c>
      <c r="N2751">
        <v>1</v>
      </c>
      <c r="O2751">
        <v>1</v>
      </c>
      <c r="P2751">
        <v>0</v>
      </c>
      <c r="Q2751">
        <v>0</v>
      </c>
      <c r="R2751">
        <v>2.7725887222397811</v>
      </c>
      <c r="S2751">
        <v>1</v>
      </c>
      <c r="T2751">
        <v>1</v>
      </c>
      <c r="U2751">
        <v>0</v>
      </c>
      <c r="V2751">
        <v>0</v>
      </c>
      <c r="W2751">
        <v>2.7080502011022101</v>
      </c>
      <c r="X2751">
        <v>1</v>
      </c>
      <c r="Y2751">
        <v>1</v>
      </c>
      <c r="Z2751">
        <v>0</v>
      </c>
      <c r="AA2751">
        <v>0</v>
      </c>
      <c r="AB2751">
        <v>2.639057329615258</v>
      </c>
      <c r="AC2751">
        <v>1</v>
      </c>
      <c r="AD2751">
        <v>1</v>
      </c>
      <c r="AE2751">
        <v>0</v>
      </c>
      <c r="AF2751">
        <v>0</v>
      </c>
      <c r="AG2751">
        <v>2.5649493574615372</v>
      </c>
      <c r="AH2751">
        <v>-0.49887087663377838</v>
      </c>
      <c r="AI2751">
        <v>0.27578817324403171</v>
      </c>
      <c r="AJ2751">
        <v>3.5839010142086902E-2</v>
      </c>
      <c r="AK2751">
        <v>-0.32900680170455437</v>
      </c>
      <c r="AL2751">
        <v>368.42531183251691</v>
      </c>
      <c r="AM2751">
        <v>435.442062278224</v>
      </c>
      <c r="AN2751">
        <v>1867</v>
      </c>
      <c r="AO2751">
        <v>13</v>
      </c>
      <c r="AP2751">
        <v>278.53607299824648</v>
      </c>
      <c r="AQ2751">
        <v>2.3125</v>
      </c>
      <c r="AR2751">
        <v>4</v>
      </c>
      <c r="AS2751">
        <v>16</v>
      </c>
      <c r="AT2751">
        <v>0</v>
      </c>
      <c r="AU2751">
        <v>0.31453252032520329</v>
      </c>
      <c r="AV2751">
        <v>-0.51748703550698183</v>
      </c>
      <c r="AW2751">
        <v>0.4375</v>
      </c>
      <c r="AX2751">
        <v>119.93333333333329</v>
      </c>
      <c r="AY2751">
        <v>51</v>
      </c>
      <c r="AZ2751">
        <v>145.5</v>
      </c>
      <c r="BA2751">
        <v>0.70242928390999437</v>
      </c>
      <c r="BB2751">
        <v>0.4375</v>
      </c>
      <c r="BC2751">
        <v>2.7080502011022101</v>
      </c>
      <c r="BD2751" t="s">
        <v>10471</v>
      </c>
      <c r="BE2751" t="s">
        <v>62</v>
      </c>
    </row>
    <row r="2752" spans="1:57" x14ac:dyDescent="0.3">
      <c r="A2752" t="s">
        <v>10473</v>
      </c>
      <c r="B2752">
        <v>3184</v>
      </c>
      <c r="C2752" t="s">
        <v>10474</v>
      </c>
      <c r="D2752" t="s">
        <v>10475</v>
      </c>
      <c r="E2752" t="s">
        <v>85</v>
      </c>
      <c r="F2752">
        <v>8</v>
      </c>
      <c r="G2752">
        <v>95.125</v>
      </c>
      <c r="H2752">
        <v>70</v>
      </c>
      <c r="I2752">
        <v>3082.859375</v>
      </c>
      <c r="J2752">
        <v>55.523502906426927</v>
      </c>
      <c r="K2752">
        <v>0.33722271706554929</v>
      </c>
      <c r="L2752">
        <v>-1.3092686358080801</v>
      </c>
      <c r="M2752">
        <v>3</v>
      </c>
      <c r="N2752">
        <v>1</v>
      </c>
      <c r="O2752">
        <v>1</v>
      </c>
      <c r="P2752">
        <v>0</v>
      </c>
      <c r="Q2752">
        <v>0</v>
      </c>
      <c r="R2752">
        <v>2.0794415416798362</v>
      </c>
      <c r="S2752">
        <v>1</v>
      </c>
      <c r="T2752">
        <v>1</v>
      </c>
      <c r="U2752">
        <v>0</v>
      </c>
      <c r="V2752">
        <v>0</v>
      </c>
      <c r="W2752">
        <v>1.945910149055313</v>
      </c>
      <c r="X2752">
        <v>1</v>
      </c>
      <c r="Y2752">
        <v>1</v>
      </c>
      <c r="Z2752">
        <v>0</v>
      </c>
      <c r="AA2752">
        <v>0</v>
      </c>
      <c r="AB2752">
        <v>1.791759469228055</v>
      </c>
      <c r="AC2752">
        <v>1</v>
      </c>
      <c r="AD2752">
        <v>1</v>
      </c>
      <c r="AE2752">
        <v>0</v>
      </c>
      <c r="AF2752">
        <v>0</v>
      </c>
      <c r="AG2752">
        <v>1.6094379124341009</v>
      </c>
      <c r="AH2752">
        <v>1.151465005600523E-2</v>
      </c>
      <c r="AI2752">
        <v>-3.1972397784118853E-2</v>
      </c>
      <c r="AJ2752">
        <v>-0.1226977035321308</v>
      </c>
      <c r="AK2752">
        <v>0</v>
      </c>
      <c r="AL2752">
        <v>225.19580955538461</v>
      </c>
      <c r="AM2752">
        <v>215.26692119017019</v>
      </c>
      <c r="AN2752">
        <v>761</v>
      </c>
      <c r="AO2752">
        <v>28.231188426986211</v>
      </c>
      <c r="AP2752">
        <v>184.2116537411697</v>
      </c>
      <c r="AQ2752">
        <v>3.5</v>
      </c>
      <c r="AR2752">
        <v>3.875</v>
      </c>
      <c r="AS2752">
        <v>8</v>
      </c>
      <c r="AT2752">
        <v>0</v>
      </c>
      <c r="AU2752">
        <v>0.30455801104972369</v>
      </c>
      <c r="AV2752">
        <v>2.7428722485848388E-2</v>
      </c>
      <c r="AW2752">
        <v>0.5</v>
      </c>
      <c r="AX2752">
        <v>60.714285714285722</v>
      </c>
      <c r="AY2752">
        <v>34.5</v>
      </c>
      <c r="AZ2752">
        <v>85</v>
      </c>
      <c r="BA2752">
        <v>0.58368991228832523</v>
      </c>
      <c r="BB2752">
        <v>0.375</v>
      </c>
      <c r="BC2752">
        <v>1.945910149055313</v>
      </c>
      <c r="BD2752" t="s">
        <v>10474</v>
      </c>
      <c r="BE2752" t="s">
        <v>68</v>
      </c>
    </row>
    <row r="2753" spans="1:57" x14ac:dyDescent="0.3">
      <c r="A2753" t="s">
        <v>10476</v>
      </c>
      <c r="B2753">
        <v>1603</v>
      </c>
      <c r="C2753" t="s">
        <v>10477</v>
      </c>
      <c r="D2753" t="s">
        <v>10478</v>
      </c>
      <c r="E2753" t="s">
        <v>85</v>
      </c>
      <c r="F2753">
        <v>8</v>
      </c>
      <c r="G2753">
        <v>122.75</v>
      </c>
      <c r="H2753">
        <v>124</v>
      </c>
      <c r="I2753">
        <v>4425.6875</v>
      </c>
      <c r="J2753">
        <v>66.525840843990835</v>
      </c>
      <c r="K2753">
        <v>-0.3053662462398527</v>
      </c>
      <c r="L2753">
        <v>-1.2249860152652721</v>
      </c>
      <c r="M2753">
        <v>3</v>
      </c>
      <c r="N2753">
        <v>1</v>
      </c>
      <c r="O2753">
        <v>1</v>
      </c>
      <c r="P2753">
        <v>0</v>
      </c>
      <c r="Q2753">
        <v>0</v>
      </c>
      <c r="R2753">
        <v>2.0794415416798362</v>
      </c>
      <c r="S2753">
        <v>1</v>
      </c>
      <c r="T2753">
        <v>1</v>
      </c>
      <c r="U2753">
        <v>0</v>
      </c>
      <c r="V2753">
        <v>0</v>
      </c>
      <c r="W2753">
        <v>1.945910149055313</v>
      </c>
      <c r="X2753">
        <v>1</v>
      </c>
      <c r="Y2753">
        <v>1</v>
      </c>
      <c r="Z2753">
        <v>0</v>
      </c>
      <c r="AA2753">
        <v>0</v>
      </c>
      <c r="AB2753">
        <v>1.791759469228055</v>
      </c>
      <c r="AC2753">
        <v>1</v>
      </c>
      <c r="AD2753">
        <v>1</v>
      </c>
      <c r="AE2753">
        <v>0</v>
      </c>
      <c r="AF2753">
        <v>0</v>
      </c>
      <c r="AG2753">
        <v>1.6094379124341009</v>
      </c>
      <c r="AH2753">
        <v>-7.1946802050528877E-2</v>
      </c>
      <c r="AI2753">
        <v>9.4381522644786831E-2</v>
      </c>
      <c r="AJ2753">
        <v>0.1385007272881332</v>
      </c>
      <c r="AK2753">
        <v>0</v>
      </c>
      <c r="AL2753">
        <v>289.44301942546372</v>
      </c>
      <c r="AM2753">
        <v>268.64239893559358</v>
      </c>
      <c r="AN2753">
        <v>982</v>
      </c>
      <c r="AO2753">
        <v>118</v>
      </c>
      <c r="AP2753">
        <v>221.70610074656591</v>
      </c>
      <c r="AQ2753">
        <v>3.5</v>
      </c>
      <c r="AR2753">
        <v>4.5</v>
      </c>
      <c r="AS2753">
        <v>8</v>
      </c>
      <c r="AT2753">
        <v>0</v>
      </c>
      <c r="AU2753">
        <v>0.1887254901960784</v>
      </c>
      <c r="AV2753">
        <v>-0.1087613453975118</v>
      </c>
      <c r="AW2753">
        <v>0.375</v>
      </c>
      <c r="AX2753">
        <v>90.428571428571431</v>
      </c>
      <c r="AY2753">
        <v>66</v>
      </c>
      <c r="AZ2753">
        <v>102.75</v>
      </c>
      <c r="BA2753">
        <v>0.54196204353556687</v>
      </c>
      <c r="BB2753">
        <v>0.5</v>
      </c>
      <c r="BC2753">
        <v>1.945910149055313</v>
      </c>
      <c r="BD2753" t="s">
        <v>10477</v>
      </c>
      <c r="BE2753" t="s">
        <v>68</v>
      </c>
    </row>
    <row r="2754" spans="1:57" x14ac:dyDescent="0.3">
      <c r="A2754" t="s">
        <v>10479</v>
      </c>
      <c r="B2754">
        <v>2142</v>
      </c>
      <c r="C2754" t="s">
        <v>10480</v>
      </c>
      <c r="D2754" t="s">
        <v>10481</v>
      </c>
      <c r="E2754" t="s">
        <v>10622</v>
      </c>
      <c r="F2754">
        <v>64</v>
      </c>
      <c r="G2754">
        <v>123.46875</v>
      </c>
      <c r="H2754">
        <v>115</v>
      </c>
      <c r="I2754">
        <v>5268.5615234375</v>
      </c>
      <c r="J2754">
        <v>72.584857397652158</v>
      </c>
      <c r="K2754">
        <v>8.8723844119785011E-2</v>
      </c>
      <c r="L2754">
        <v>-1.090057177198672</v>
      </c>
      <c r="M2754">
        <v>5.831954882778696</v>
      </c>
      <c r="N2754">
        <v>3</v>
      </c>
      <c r="O2754">
        <v>1</v>
      </c>
      <c r="P2754">
        <v>2</v>
      </c>
      <c r="Q2754">
        <v>0.33385958650156278</v>
      </c>
      <c r="R2754">
        <v>4.0424030841508598</v>
      </c>
      <c r="S2754">
        <v>1</v>
      </c>
      <c r="T2754">
        <v>1</v>
      </c>
      <c r="U2754">
        <v>0</v>
      </c>
      <c r="V2754">
        <v>0</v>
      </c>
      <c r="W2754">
        <v>4.1431347263915326</v>
      </c>
      <c r="X2754">
        <v>1</v>
      </c>
      <c r="Y2754">
        <v>1</v>
      </c>
      <c r="Z2754">
        <v>0</v>
      </c>
      <c r="AA2754">
        <v>0</v>
      </c>
      <c r="AB2754">
        <v>4.1271343850450908</v>
      </c>
      <c r="AC2754">
        <v>1</v>
      </c>
      <c r="AD2754">
        <v>1</v>
      </c>
      <c r="AE2754">
        <v>0</v>
      </c>
      <c r="AF2754">
        <v>0</v>
      </c>
      <c r="AG2754">
        <v>4.1108738641733096</v>
      </c>
      <c r="AH2754">
        <v>-0.26857203625963783</v>
      </c>
      <c r="AI2754">
        <v>1.1271990703626521E-2</v>
      </c>
      <c r="AJ2754">
        <v>-0.24101934958101071</v>
      </c>
      <c r="AK2754">
        <v>0.1859811013683578</v>
      </c>
      <c r="AL2754">
        <v>632.86623653187644</v>
      </c>
      <c r="AM2754">
        <v>955.1535618202862</v>
      </c>
      <c r="AN2754">
        <v>7902</v>
      </c>
      <c r="AO2754">
        <v>117.86875210744471</v>
      </c>
      <c r="AP2754">
        <v>478.7135701555643</v>
      </c>
      <c r="AQ2754">
        <v>1.359375</v>
      </c>
      <c r="AR2754">
        <v>4.109375</v>
      </c>
      <c r="AS2754">
        <v>64</v>
      </c>
      <c r="AT2754">
        <v>6.0625000000000009</v>
      </c>
      <c r="AU2754">
        <v>9.7194881889763773E-2</v>
      </c>
      <c r="AV2754">
        <v>-0.27833570036560512</v>
      </c>
      <c r="AW2754">
        <v>0.40625</v>
      </c>
      <c r="AX2754">
        <v>96.61904761904762</v>
      </c>
      <c r="AY2754">
        <v>56</v>
      </c>
      <c r="AZ2754">
        <v>116.5</v>
      </c>
      <c r="BA2754">
        <v>0.587880394007813</v>
      </c>
      <c r="BB2754">
        <v>0.484375</v>
      </c>
      <c r="BC2754">
        <v>3.9147824763127481</v>
      </c>
      <c r="BD2754" t="s">
        <v>10482</v>
      </c>
      <c r="BE2754" t="s">
        <v>62</v>
      </c>
    </row>
    <row r="2755" spans="1:57" x14ac:dyDescent="0.3">
      <c r="A2755" t="s">
        <v>10483</v>
      </c>
      <c r="B2755">
        <v>2515</v>
      </c>
      <c r="C2755" t="s">
        <v>10484</v>
      </c>
      <c r="D2755" t="s">
        <v>10485</v>
      </c>
      <c r="E2755" t="s">
        <v>72</v>
      </c>
      <c r="F2755">
        <v>2520</v>
      </c>
      <c r="G2755">
        <v>127.44404761904759</v>
      </c>
      <c r="H2755">
        <v>128</v>
      </c>
      <c r="I2755">
        <v>5631.6532185374153</v>
      </c>
      <c r="J2755">
        <v>75.044341682350804</v>
      </c>
      <c r="K2755">
        <v>-5.3069175276232693E-3</v>
      </c>
      <c r="L2755">
        <v>-1.216610470289635</v>
      </c>
      <c r="M2755">
        <v>7.931066199797967</v>
      </c>
      <c r="N2755">
        <v>18</v>
      </c>
      <c r="O2755">
        <v>3</v>
      </c>
      <c r="P2755">
        <v>15</v>
      </c>
      <c r="Q2755">
        <v>2.9972317957575449</v>
      </c>
      <c r="R2755">
        <v>5.4973961752242442</v>
      </c>
      <c r="S2755">
        <v>3</v>
      </c>
      <c r="T2755">
        <v>1</v>
      </c>
      <c r="U2755">
        <v>2</v>
      </c>
      <c r="V2755">
        <v>0.16194218361043369</v>
      </c>
      <c r="W2755">
        <v>7.797081052979463</v>
      </c>
      <c r="X2755">
        <v>2</v>
      </c>
      <c r="Y2755">
        <v>1</v>
      </c>
      <c r="Z2755">
        <v>1</v>
      </c>
      <c r="AA2755">
        <v>8.4546791778280991E-2</v>
      </c>
      <c r="AB2755">
        <v>7.821310246971187</v>
      </c>
      <c r="AC2755">
        <v>2</v>
      </c>
      <c r="AD2755">
        <v>1</v>
      </c>
      <c r="AE2755">
        <v>1</v>
      </c>
      <c r="AF2755">
        <v>7.7196252291702031E-2</v>
      </c>
      <c r="AG2755">
        <v>7.8225614077627288</v>
      </c>
      <c r="AH2755">
        <v>1.321340412842471E-2</v>
      </c>
      <c r="AI2755">
        <v>2.1908512176556372E-2</v>
      </c>
      <c r="AJ2755">
        <v>-6.7544628746130627E-3</v>
      </c>
      <c r="AK2755">
        <v>2.7012978376584031E-2</v>
      </c>
      <c r="AL2755">
        <v>3447.1521600422939</v>
      </c>
      <c r="AM2755">
        <v>6575.614875090826</v>
      </c>
      <c r="AN2755">
        <v>321159</v>
      </c>
      <c r="AO2755">
        <v>96.521811653217895</v>
      </c>
      <c r="AP2755">
        <v>3095.9350475808651</v>
      </c>
      <c r="AQ2755">
        <v>1.0091269841269841</v>
      </c>
      <c r="AR2755">
        <v>3.986904761904762</v>
      </c>
      <c r="AS2755">
        <v>2513</v>
      </c>
      <c r="AT2755">
        <v>233.62539682539679</v>
      </c>
      <c r="AU2755">
        <v>1.6806722689075571E-2</v>
      </c>
      <c r="AV2755">
        <v>1.322089260636637E-2</v>
      </c>
      <c r="AW2755">
        <v>0.3619047619047619</v>
      </c>
      <c r="AX2755">
        <v>86.206828106391427</v>
      </c>
      <c r="AY2755">
        <v>65</v>
      </c>
      <c r="AZ2755">
        <v>130.25</v>
      </c>
      <c r="BA2755">
        <v>0.58884148051128571</v>
      </c>
      <c r="BB2755">
        <v>0.50198412698412698</v>
      </c>
      <c r="BC2755">
        <v>5.3109583572223027</v>
      </c>
      <c r="BD2755" t="s">
        <v>10486</v>
      </c>
      <c r="BE2755" t="s">
        <v>68</v>
      </c>
    </row>
    <row r="2756" spans="1:57" x14ac:dyDescent="0.3">
      <c r="A2756" t="s">
        <v>10487</v>
      </c>
      <c r="B2756">
        <v>3351</v>
      </c>
      <c r="C2756" t="s">
        <v>10488</v>
      </c>
      <c r="D2756" t="s">
        <v>10489</v>
      </c>
      <c r="E2756" t="s">
        <v>98</v>
      </c>
      <c r="F2756">
        <v>16</v>
      </c>
      <c r="G2756">
        <v>116.6875</v>
      </c>
      <c r="H2756">
        <v>95.5</v>
      </c>
      <c r="I2756">
        <v>5513.58984375</v>
      </c>
      <c r="J2756">
        <v>74.253551051448042</v>
      </c>
      <c r="K2756">
        <v>0.1225803350019023</v>
      </c>
      <c r="L2756">
        <v>-1.4290990595325219</v>
      </c>
      <c r="M2756">
        <v>3.875</v>
      </c>
      <c r="N2756">
        <v>2</v>
      </c>
      <c r="O2756">
        <v>1</v>
      </c>
      <c r="P2756">
        <v>1</v>
      </c>
      <c r="Q2756">
        <v>0.24944382578492949</v>
      </c>
      <c r="R2756">
        <v>2.6859453246697882</v>
      </c>
      <c r="S2756">
        <v>1</v>
      </c>
      <c r="T2756">
        <v>1</v>
      </c>
      <c r="U2756">
        <v>0</v>
      </c>
      <c r="V2756">
        <v>0</v>
      </c>
      <c r="W2756">
        <v>2.7080502011022101</v>
      </c>
      <c r="X2756">
        <v>1</v>
      </c>
      <c r="Y2756">
        <v>1</v>
      </c>
      <c r="Z2756">
        <v>0</v>
      </c>
      <c r="AA2756">
        <v>0</v>
      </c>
      <c r="AB2756">
        <v>2.639057329615258</v>
      </c>
      <c r="AC2756">
        <v>1</v>
      </c>
      <c r="AD2756">
        <v>1</v>
      </c>
      <c r="AE2756">
        <v>0</v>
      </c>
      <c r="AF2756">
        <v>0</v>
      </c>
      <c r="AG2756">
        <v>2.5649493574615372</v>
      </c>
      <c r="AH2756">
        <v>-0.35202263901907149</v>
      </c>
      <c r="AI2756">
        <v>-8.9970963081987057E-2</v>
      </c>
      <c r="AJ2756">
        <v>-0.17142643461220461</v>
      </c>
      <c r="AK2756">
        <v>9.9083124864061036E-3</v>
      </c>
      <c r="AL2756">
        <v>375.05553602646728</v>
      </c>
      <c r="AM2756">
        <v>406.70178865588889</v>
      </c>
      <c r="AN2756">
        <v>1867</v>
      </c>
      <c r="AO2756">
        <v>85.87298870816862</v>
      </c>
      <c r="AP2756">
        <v>262.15083184952988</v>
      </c>
      <c r="AQ2756">
        <v>2.3125</v>
      </c>
      <c r="AR2756">
        <v>3.8125</v>
      </c>
      <c r="AS2756">
        <v>16</v>
      </c>
      <c r="AT2756">
        <v>0.87499999999999989</v>
      </c>
      <c r="AU2756">
        <v>0.16938775510204079</v>
      </c>
      <c r="AV2756">
        <v>-0.3830339965990659</v>
      </c>
      <c r="AW2756">
        <v>0.5</v>
      </c>
      <c r="AX2756">
        <v>104.93333333333329</v>
      </c>
      <c r="AY2756">
        <v>64.5</v>
      </c>
      <c r="AZ2756">
        <v>138</v>
      </c>
      <c r="BA2756">
        <v>0.63634537590957074</v>
      </c>
      <c r="BB2756">
        <v>0.4375</v>
      </c>
      <c r="BC2756">
        <v>2.615630577027551</v>
      </c>
      <c r="BD2756" t="s">
        <v>10488</v>
      </c>
      <c r="BE2756" t="s">
        <v>62</v>
      </c>
    </row>
    <row r="2757" spans="1:57" x14ac:dyDescent="0.3">
      <c r="A2757" t="s">
        <v>10490</v>
      </c>
      <c r="B2757">
        <v>2141</v>
      </c>
      <c r="C2757" t="s">
        <v>10491</v>
      </c>
      <c r="D2757" t="s">
        <v>10492</v>
      </c>
      <c r="E2757" t="s">
        <v>93</v>
      </c>
      <c r="F2757">
        <v>2249</v>
      </c>
      <c r="G2757">
        <v>128.5535793686083</v>
      </c>
      <c r="H2757">
        <v>131</v>
      </c>
      <c r="I2757">
        <v>5546.8509531730024</v>
      </c>
      <c r="J2757">
        <v>74.477184111464652</v>
      </c>
      <c r="K2757">
        <v>-2.5174052759149419E-2</v>
      </c>
      <c r="L2757">
        <v>-1.227177566008814</v>
      </c>
      <c r="M2757">
        <v>7.9153727011643653</v>
      </c>
      <c r="N2757">
        <v>18</v>
      </c>
      <c r="O2757">
        <v>2</v>
      </c>
      <c r="P2757">
        <v>16</v>
      </c>
      <c r="Q2757">
        <v>3.004673179080537</v>
      </c>
      <c r="R2757">
        <v>5.4865182708932458</v>
      </c>
      <c r="S2757">
        <v>2</v>
      </c>
      <c r="T2757">
        <v>1</v>
      </c>
      <c r="U2757">
        <v>1</v>
      </c>
      <c r="V2757">
        <v>0.12653060169646221</v>
      </c>
      <c r="W2757">
        <v>7.6955957675081033</v>
      </c>
      <c r="X2757">
        <v>1</v>
      </c>
      <c r="Y2757">
        <v>1</v>
      </c>
      <c r="Z2757">
        <v>0</v>
      </c>
      <c r="AA2757">
        <v>0</v>
      </c>
      <c r="AB2757">
        <v>7.7173512721853301</v>
      </c>
      <c r="AC2757">
        <v>1</v>
      </c>
      <c r="AD2757">
        <v>1</v>
      </c>
      <c r="AE2757">
        <v>0</v>
      </c>
      <c r="AF2757">
        <v>0</v>
      </c>
      <c r="AG2757">
        <v>7.7169061352983874</v>
      </c>
      <c r="AH2757">
        <v>6.4548426697759011E-3</v>
      </c>
      <c r="AI2757">
        <v>2.314348048287632E-2</v>
      </c>
      <c r="AJ2757">
        <v>-2.5540125370460839E-2</v>
      </c>
      <c r="AK2757">
        <v>-1.6830340494664371E-2</v>
      </c>
      <c r="AL2757">
        <v>3263.5748897783092</v>
      </c>
      <c r="AM2757">
        <v>6244.2751331766676</v>
      </c>
      <c r="AN2757">
        <v>289117</v>
      </c>
      <c r="AO2757">
        <v>117.8490063374305</v>
      </c>
      <c r="AP2757">
        <v>2971.0096064277818</v>
      </c>
      <c r="AQ2757">
        <v>1.010226767452201</v>
      </c>
      <c r="AR2757">
        <v>3.9924410849266341</v>
      </c>
      <c r="AS2757">
        <v>2236</v>
      </c>
      <c r="AT2757">
        <v>263.07825700311253</v>
      </c>
      <c r="AU2757">
        <v>1.6177996320804851E-2</v>
      </c>
      <c r="AV2757">
        <v>6.4611962264810099E-3</v>
      </c>
      <c r="AW2757">
        <v>0.35749221876389509</v>
      </c>
      <c r="AX2757">
        <v>85.261565836298928</v>
      </c>
      <c r="AY2757">
        <v>65</v>
      </c>
      <c r="AZ2757">
        <v>131</v>
      </c>
      <c r="BA2757">
        <v>0.57934741667450895</v>
      </c>
      <c r="BB2757">
        <v>0.50822587816807474</v>
      </c>
      <c r="BC2757">
        <v>5.2890788343591684</v>
      </c>
      <c r="BD2757" t="s">
        <v>10493</v>
      </c>
      <c r="BE2757" t="s">
        <v>68</v>
      </c>
    </row>
    <row r="2758" spans="1:57" x14ac:dyDescent="0.3">
      <c r="A2758" t="s">
        <v>10494</v>
      </c>
      <c r="B2758">
        <v>2253</v>
      </c>
      <c r="C2758" t="s">
        <v>10495</v>
      </c>
      <c r="D2758" t="s">
        <v>10496</v>
      </c>
      <c r="E2758" t="s">
        <v>10622</v>
      </c>
      <c r="F2758">
        <v>64</v>
      </c>
      <c r="G2758">
        <v>117.890625</v>
      </c>
      <c r="H2758">
        <v>119.5</v>
      </c>
      <c r="I2758">
        <v>5496.503662109375</v>
      </c>
      <c r="J2758">
        <v>74.138408818299951</v>
      </c>
      <c r="K2758">
        <v>0.17030979575359981</v>
      </c>
      <c r="L2758">
        <v>-1.1908932275235209</v>
      </c>
      <c r="M2758">
        <v>5.8125</v>
      </c>
      <c r="N2758">
        <v>2</v>
      </c>
      <c r="O2758">
        <v>1</v>
      </c>
      <c r="P2758">
        <v>1</v>
      </c>
      <c r="Q2758">
        <v>0.30454347814923621</v>
      </c>
      <c r="R2758">
        <v>4.0289179870046823</v>
      </c>
      <c r="S2758">
        <v>1</v>
      </c>
      <c r="T2758">
        <v>1</v>
      </c>
      <c r="U2758">
        <v>0</v>
      </c>
      <c r="V2758">
        <v>0</v>
      </c>
      <c r="W2758">
        <v>4.1431347263915326</v>
      </c>
      <c r="X2758">
        <v>1</v>
      </c>
      <c r="Y2758">
        <v>1</v>
      </c>
      <c r="Z2758">
        <v>0</v>
      </c>
      <c r="AA2758">
        <v>0</v>
      </c>
      <c r="AB2758">
        <v>4.1271343850450908</v>
      </c>
      <c r="AC2758">
        <v>1</v>
      </c>
      <c r="AD2758">
        <v>1</v>
      </c>
      <c r="AE2758">
        <v>0</v>
      </c>
      <c r="AF2758">
        <v>0</v>
      </c>
      <c r="AG2758">
        <v>4.1108738641733096</v>
      </c>
      <c r="AH2758">
        <v>9.1875754041576232E-2</v>
      </c>
      <c r="AI2758">
        <v>-0.1045737363160415</v>
      </c>
      <c r="AJ2758">
        <v>-0.2308333448355997</v>
      </c>
      <c r="AK2758">
        <v>-9.6834002841117178E-2</v>
      </c>
      <c r="AL2758">
        <v>612.45580945916333</v>
      </c>
      <c r="AM2758">
        <v>930.67657188720557</v>
      </c>
      <c r="AN2758">
        <v>7545</v>
      </c>
      <c r="AO2758">
        <v>43.773372885862493</v>
      </c>
      <c r="AP2758">
        <v>436.63462553253851</v>
      </c>
      <c r="AQ2758">
        <v>1.359375</v>
      </c>
      <c r="AR2758">
        <v>3.984375</v>
      </c>
      <c r="AS2758">
        <v>63</v>
      </c>
      <c r="AT2758">
        <v>4.8750000000000018</v>
      </c>
      <c r="AU2758">
        <v>9.6323529411764697E-2</v>
      </c>
      <c r="AV2758">
        <v>9.4981001842984164E-2</v>
      </c>
      <c r="AW2758">
        <v>0.40625</v>
      </c>
      <c r="AX2758">
        <v>76.61904761904762</v>
      </c>
      <c r="AY2758">
        <v>64</v>
      </c>
      <c r="AZ2758">
        <v>121.25</v>
      </c>
      <c r="BA2758">
        <v>0.62887450820029112</v>
      </c>
      <c r="BB2758">
        <v>0.515625</v>
      </c>
      <c r="BC2758">
        <v>3.8981714241297469</v>
      </c>
      <c r="BD2758" t="s">
        <v>10497</v>
      </c>
      <c r="BE2758" t="s">
        <v>62</v>
      </c>
    </row>
    <row r="2759" spans="1:57" x14ac:dyDescent="0.3">
      <c r="A2759" t="s">
        <v>10498</v>
      </c>
      <c r="B2759">
        <v>2171</v>
      </c>
      <c r="C2759" t="s">
        <v>10499</v>
      </c>
      <c r="D2759" t="s">
        <v>10500</v>
      </c>
      <c r="E2759" t="s">
        <v>128</v>
      </c>
      <c r="F2759">
        <v>32</v>
      </c>
      <c r="G2759">
        <v>126.8125</v>
      </c>
      <c r="H2759">
        <v>132</v>
      </c>
      <c r="I2759">
        <v>5870.33984375</v>
      </c>
      <c r="J2759">
        <v>76.618143045560686</v>
      </c>
      <c r="K2759">
        <v>-0.13515852861163349</v>
      </c>
      <c r="L2759">
        <v>-1.0896696537002939</v>
      </c>
      <c r="M2759">
        <v>4.9375</v>
      </c>
      <c r="N2759">
        <v>2</v>
      </c>
      <c r="O2759">
        <v>1</v>
      </c>
      <c r="P2759">
        <v>1</v>
      </c>
      <c r="Q2759">
        <v>0.1766846959694085</v>
      </c>
      <c r="R2759">
        <v>3.422414204014729</v>
      </c>
      <c r="S2759">
        <v>1</v>
      </c>
      <c r="T2759">
        <v>1</v>
      </c>
      <c r="U2759">
        <v>0</v>
      </c>
      <c r="V2759">
        <v>0</v>
      </c>
      <c r="W2759">
        <v>3.4339872044851458</v>
      </c>
      <c r="X2759">
        <v>1</v>
      </c>
      <c r="Y2759">
        <v>1</v>
      </c>
      <c r="Z2759">
        <v>0</v>
      </c>
      <c r="AA2759">
        <v>0</v>
      </c>
      <c r="AB2759">
        <v>3.401197381662155</v>
      </c>
      <c r="AC2759">
        <v>1</v>
      </c>
      <c r="AD2759">
        <v>1</v>
      </c>
      <c r="AE2759">
        <v>0</v>
      </c>
      <c r="AF2759">
        <v>0</v>
      </c>
      <c r="AG2759">
        <v>3.3672958299864728</v>
      </c>
      <c r="AH2759">
        <v>-0.20857088185641939</v>
      </c>
      <c r="AI2759">
        <v>4.825266151941001E-2</v>
      </c>
      <c r="AJ2759">
        <v>3.8588413216068332E-3</v>
      </c>
      <c r="AK2759">
        <v>6.1884984232838947E-2</v>
      </c>
      <c r="AL2759">
        <v>517.1965719122918</v>
      </c>
      <c r="AM2759">
        <v>659.51778293096356</v>
      </c>
      <c r="AN2759">
        <v>4058</v>
      </c>
      <c r="AO2759">
        <v>123.3671733016546</v>
      </c>
      <c r="AP2759">
        <v>366.6628077366488</v>
      </c>
      <c r="AQ2759">
        <v>1.65625</v>
      </c>
      <c r="AR2759">
        <v>3.5625</v>
      </c>
      <c r="AS2759">
        <v>32</v>
      </c>
      <c r="AT2759">
        <v>0.93749999999999978</v>
      </c>
      <c r="AU2759">
        <v>9.3253968253968256E-2</v>
      </c>
      <c r="AV2759">
        <v>-0.2146298228603277</v>
      </c>
      <c r="AW2759">
        <v>0.3125</v>
      </c>
      <c r="AX2759">
        <v>105.1290322580645</v>
      </c>
      <c r="AY2759">
        <v>61.5</v>
      </c>
      <c r="AZ2759">
        <v>131</v>
      </c>
      <c r="BA2759">
        <v>0.60418446955592453</v>
      </c>
      <c r="BB2759">
        <v>0.53125</v>
      </c>
      <c r="BC2759">
        <v>3.3445488586064429</v>
      </c>
      <c r="BD2759" t="s">
        <v>10501</v>
      </c>
      <c r="BE2759" t="s">
        <v>62</v>
      </c>
    </row>
    <row r="2760" spans="1:57" x14ac:dyDescent="0.3">
      <c r="A2760" t="s">
        <v>10502</v>
      </c>
      <c r="B2760">
        <v>153</v>
      </c>
      <c r="C2760" t="s">
        <v>10503</v>
      </c>
      <c r="D2760" t="s">
        <v>10504</v>
      </c>
      <c r="E2760" t="s">
        <v>60</v>
      </c>
      <c r="F2760">
        <v>256</v>
      </c>
      <c r="G2760">
        <v>131.42578125</v>
      </c>
      <c r="H2760">
        <v>124</v>
      </c>
      <c r="I2760">
        <v>6010.9398040771484</v>
      </c>
      <c r="J2760">
        <v>77.530250896518766</v>
      </c>
      <c r="K2760">
        <v>2.907571980485972E-2</v>
      </c>
      <c r="L2760">
        <v>-1.3000892989769131</v>
      </c>
      <c r="M2760">
        <v>7.1496568730115149</v>
      </c>
      <c r="N2760">
        <v>5</v>
      </c>
      <c r="O2760">
        <v>1</v>
      </c>
      <c r="P2760">
        <v>4</v>
      </c>
      <c r="Q2760">
        <v>0.85952500019242528</v>
      </c>
      <c r="R2760">
        <v>4.9557645034989664</v>
      </c>
      <c r="S2760">
        <v>1</v>
      </c>
      <c r="T2760">
        <v>1</v>
      </c>
      <c r="U2760">
        <v>0</v>
      </c>
      <c r="V2760">
        <v>0</v>
      </c>
      <c r="W2760">
        <v>5.541263545158424</v>
      </c>
      <c r="X2760">
        <v>1</v>
      </c>
      <c r="Y2760">
        <v>1</v>
      </c>
      <c r="Z2760">
        <v>0</v>
      </c>
      <c r="AA2760">
        <v>0</v>
      </c>
      <c r="AB2760">
        <v>5.5373342670185366</v>
      </c>
      <c r="AC2760">
        <v>1</v>
      </c>
      <c r="AD2760">
        <v>1</v>
      </c>
      <c r="AE2760">
        <v>0</v>
      </c>
      <c r="AF2760">
        <v>0</v>
      </c>
      <c r="AG2760">
        <v>5.5333894887275203</v>
      </c>
      <c r="AH2760">
        <v>1.4089315391754949E-2</v>
      </c>
      <c r="AI2760">
        <v>-3.1944199611553953E-2</v>
      </c>
      <c r="AJ2760">
        <v>1.912777524726219E-2</v>
      </c>
      <c r="AK2760">
        <v>9.9784346038210694E-2</v>
      </c>
      <c r="AL2760">
        <v>1229.3459070857041</v>
      </c>
      <c r="AM2760">
        <v>2109.343414603612</v>
      </c>
      <c r="AN2760">
        <v>33645</v>
      </c>
      <c r="AO2760">
        <v>83.164554445155673</v>
      </c>
      <c r="AP2760">
        <v>1049.780764371849</v>
      </c>
      <c r="AQ2760">
        <v>1.08984375</v>
      </c>
      <c r="AR2760">
        <v>4.125</v>
      </c>
      <c r="AS2760">
        <v>256</v>
      </c>
      <c r="AT2760">
        <v>74.804687500000014</v>
      </c>
      <c r="AU2760">
        <v>6.1734068627451011E-2</v>
      </c>
      <c r="AV2760">
        <v>1.4099290987821591E-2</v>
      </c>
      <c r="AW2760">
        <v>0.390625</v>
      </c>
      <c r="AX2760">
        <v>90.490196078431367</v>
      </c>
      <c r="AY2760">
        <v>68.5</v>
      </c>
      <c r="AZ2760">
        <v>139.75</v>
      </c>
      <c r="BA2760">
        <v>0.5899166066134286</v>
      </c>
      <c r="BB2760">
        <v>0.48828125</v>
      </c>
      <c r="BC2760">
        <v>4.8339976960621698</v>
      </c>
      <c r="BD2760" t="s">
        <v>10505</v>
      </c>
      <c r="BE2760" t="s">
        <v>62</v>
      </c>
    </row>
    <row r="2761" spans="1:57" x14ac:dyDescent="0.3">
      <c r="A2761" t="s">
        <v>9821</v>
      </c>
      <c r="B2761">
        <v>1717</v>
      </c>
      <c r="C2761" t="s">
        <v>9822</v>
      </c>
      <c r="D2761" t="s">
        <v>9823</v>
      </c>
      <c r="E2761" t="s">
        <v>93</v>
      </c>
      <c r="F2761">
        <v>1720</v>
      </c>
      <c r="G2761">
        <v>124.2523255813954</v>
      </c>
      <c r="H2761">
        <v>123</v>
      </c>
      <c r="I2761">
        <v>5492.1793550567872</v>
      </c>
      <c r="J2761">
        <v>74.109239336649424</v>
      </c>
      <c r="K2761">
        <v>4.7663159313805728E-2</v>
      </c>
      <c r="L2761">
        <v>-1.210139760464443</v>
      </c>
      <c r="M2761">
        <v>7.8884171580357307</v>
      </c>
      <c r="N2761">
        <v>15</v>
      </c>
      <c r="O2761">
        <v>1</v>
      </c>
      <c r="P2761">
        <v>14</v>
      </c>
      <c r="Q2761">
        <v>2.5737178239853722</v>
      </c>
      <c r="R2761">
        <v>5.4678341121731542</v>
      </c>
      <c r="S2761">
        <v>2</v>
      </c>
      <c r="T2761">
        <v>1</v>
      </c>
      <c r="U2761">
        <v>1</v>
      </c>
      <c r="V2761">
        <v>9.944085678546323E-2</v>
      </c>
      <c r="W2761">
        <v>7.4357882880244777</v>
      </c>
      <c r="X2761">
        <v>1</v>
      </c>
      <c r="Y2761">
        <v>1</v>
      </c>
      <c r="Z2761">
        <v>0</v>
      </c>
      <c r="AA2761">
        <v>0</v>
      </c>
      <c r="AB2761">
        <v>7.4489161025442003</v>
      </c>
      <c r="AC2761">
        <v>1</v>
      </c>
      <c r="AD2761">
        <v>1</v>
      </c>
      <c r="AE2761">
        <v>0</v>
      </c>
      <c r="AF2761">
        <v>0</v>
      </c>
      <c r="AG2761">
        <v>7.4483338608974741</v>
      </c>
      <c r="AH2761">
        <v>-3.611948346809285E-2</v>
      </c>
      <c r="AI2761">
        <v>2.4825307912209028E-2</v>
      </c>
      <c r="AJ2761">
        <v>5.66707995679166E-3</v>
      </c>
      <c r="AK2761">
        <v>-1.188085917029964E-2</v>
      </c>
      <c r="AL2761">
        <v>2847.3727187930222</v>
      </c>
      <c r="AM2761">
        <v>5281.4277047284513</v>
      </c>
      <c r="AN2761">
        <v>213714</v>
      </c>
      <c r="AO2761">
        <v>210.24452149146569</v>
      </c>
      <c r="AP2761">
        <v>2554.0303417243131</v>
      </c>
      <c r="AQ2761">
        <v>1.0133720930232559</v>
      </c>
      <c r="AR2761">
        <v>3.9947674418604651</v>
      </c>
      <c r="AS2761">
        <v>1710</v>
      </c>
      <c r="AT2761">
        <v>252.39069767441859</v>
      </c>
      <c r="AU2761">
        <v>2.8123575011399948E-2</v>
      </c>
      <c r="AV2761">
        <v>-3.6148018724989642E-2</v>
      </c>
      <c r="AW2761">
        <v>0.38139534883720932</v>
      </c>
      <c r="AX2761">
        <v>87.85573007562536</v>
      </c>
      <c r="AY2761">
        <v>65</v>
      </c>
      <c r="AZ2761">
        <v>129.25</v>
      </c>
      <c r="BA2761">
        <v>0.59644146690921984</v>
      </c>
      <c r="BB2761">
        <v>0.49360465116279068</v>
      </c>
      <c r="BC2761">
        <v>5.2904862974389921</v>
      </c>
      <c r="BD2761" t="s">
        <v>9824</v>
      </c>
      <c r="BE2761" t="s">
        <v>68</v>
      </c>
    </row>
    <row r="2762" spans="1:57" x14ac:dyDescent="0.3">
      <c r="A2762" t="s">
        <v>10506</v>
      </c>
      <c r="B2762">
        <v>2267</v>
      </c>
      <c r="C2762" t="s">
        <v>10507</v>
      </c>
      <c r="D2762" t="s">
        <v>10508</v>
      </c>
      <c r="E2762" t="s">
        <v>115</v>
      </c>
      <c r="F2762">
        <v>2368</v>
      </c>
      <c r="G2762">
        <v>127.1815878378378</v>
      </c>
      <c r="H2762">
        <v>128</v>
      </c>
      <c r="I2762">
        <v>5566.2567218030936</v>
      </c>
      <c r="J2762">
        <v>74.607350320213726</v>
      </c>
      <c r="K2762">
        <v>1.8298879579811581E-2</v>
      </c>
      <c r="L2762">
        <v>-1.223605300865388</v>
      </c>
      <c r="M2762">
        <v>7.9113265687477838</v>
      </c>
      <c r="N2762">
        <v>19</v>
      </c>
      <c r="O2762">
        <v>1</v>
      </c>
      <c r="P2762">
        <v>18</v>
      </c>
      <c r="Q2762">
        <v>3.2064388345951649</v>
      </c>
      <c r="R2762">
        <v>5.4837137056165162</v>
      </c>
      <c r="S2762">
        <v>3</v>
      </c>
      <c r="T2762">
        <v>1</v>
      </c>
      <c r="U2762">
        <v>2</v>
      </c>
      <c r="V2762">
        <v>0.14966419378173709</v>
      </c>
      <c r="W2762">
        <v>7.7392880896319056</v>
      </c>
      <c r="X2762">
        <v>1</v>
      </c>
      <c r="Y2762">
        <v>1</v>
      </c>
      <c r="Z2762">
        <v>0</v>
      </c>
      <c r="AA2762">
        <v>0</v>
      </c>
      <c r="AB2762">
        <v>7.7689560445383323</v>
      </c>
      <c r="AC2762">
        <v>1</v>
      </c>
      <c r="AD2762">
        <v>1</v>
      </c>
      <c r="AE2762">
        <v>0</v>
      </c>
      <c r="AF2762">
        <v>0</v>
      </c>
      <c r="AG2762">
        <v>7.7685333009260322</v>
      </c>
      <c r="AH2762">
        <v>-1.3509154308774689E-4</v>
      </c>
      <c r="AI2762">
        <v>-1.713845077396576E-3</v>
      </c>
      <c r="AJ2762">
        <v>-8.5782118132698339E-3</v>
      </c>
      <c r="AK2762">
        <v>2.4867524071423221E-3</v>
      </c>
      <c r="AL2762">
        <v>3335.2738400535491</v>
      </c>
      <c r="AM2762">
        <v>6352.9217224718313</v>
      </c>
      <c r="AN2762">
        <v>301166</v>
      </c>
      <c r="AO2762">
        <v>81.158321311833703</v>
      </c>
      <c r="AP2762">
        <v>3012.1999209317291</v>
      </c>
      <c r="AQ2762">
        <v>1.0097128378378379</v>
      </c>
      <c r="AR2762">
        <v>4.0240709459459456</v>
      </c>
      <c r="AS2762">
        <v>2356</v>
      </c>
      <c r="AT2762">
        <v>284.54054054054052</v>
      </c>
      <c r="AU2762">
        <v>1.6083730789613171E-2</v>
      </c>
      <c r="AV2762">
        <v>-1.353145229803982E-4</v>
      </c>
      <c r="AW2762">
        <v>0.36021959459459463</v>
      </c>
      <c r="AX2762">
        <v>86.419095901985642</v>
      </c>
      <c r="AY2762">
        <v>66</v>
      </c>
      <c r="AZ2762">
        <v>131</v>
      </c>
      <c r="BA2762">
        <v>0.58662068612747154</v>
      </c>
      <c r="BB2762">
        <v>0.50295608108108103</v>
      </c>
      <c r="BC2762">
        <v>5.3100437567675893</v>
      </c>
      <c r="BD2762" t="s">
        <v>10509</v>
      </c>
      <c r="BE2762" t="s">
        <v>62</v>
      </c>
    </row>
    <row r="2763" spans="1:57" x14ac:dyDescent="0.3">
      <c r="A2763" t="s">
        <v>10510</v>
      </c>
      <c r="B2763">
        <v>1373</v>
      </c>
      <c r="C2763" t="s">
        <v>10511</v>
      </c>
      <c r="D2763" t="s">
        <v>10512</v>
      </c>
      <c r="E2763" t="s">
        <v>128</v>
      </c>
      <c r="F2763">
        <v>32</v>
      </c>
      <c r="G2763">
        <v>134.65625</v>
      </c>
      <c r="H2763">
        <v>123</v>
      </c>
      <c r="I2763">
        <v>4216.6005859375</v>
      </c>
      <c r="J2763">
        <v>64.935356978594484</v>
      </c>
      <c r="K2763">
        <v>-7.2414730341390052E-2</v>
      </c>
      <c r="L2763">
        <v>-0.83260373279089439</v>
      </c>
      <c r="M2763">
        <v>4.9375</v>
      </c>
      <c r="N2763">
        <v>2</v>
      </c>
      <c r="O2763">
        <v>1</v>
      </c>
      <c r="P2763">
        <v>1</v>
      </c>
      <c r="Q2763">
        <v>0.1766846959694085</v>
      </c>
      <c r="R2763">
        <v>3.422414204014729</v>
      </c>
      <c r="S2763">
        <v>1</v>
      </c>
      <c r="T2763">
        <v>1</v>
      </c>
      <c r="U2763">
        <v>0</v>
      </c>
      <c r="V2763">
        <v>0</v>
      </c>
      <c r="W2763">
        <v>3.4339872044851458</v>
      </c>
      <c r="X2763">
        <v>1</v>
      </c>
      <c r="Y2763">
        <v>1</v>
      </c>
      <c r="Z2763">
        <v>0</v>
      </c>
      <c r="AA2763">
        <v>0</v>
      </c>
      <c r="AB2763">
        <v>3.401197381662155</v>
      </c>
      <c r="AC2763">
        <v>1</v>
      </c>
      <c r="AD2763">
        <v>1</v>
      </c>
      <c r="AE2763">
        <v>0</v>
      </c>
      <c r="AF2763">
        <v>0</v>
      </c>
      <c r="AG2763">
        <v>3.3672958299864728</v>
      </c>
      <c r="AH2763">
        <v>-0.1290840035050265</v>
      </c>
      <c r="AI2763">
        <v>-7.4932288997241414E-2</v>
      </c>
      <c r="AJ2763">
        <v>0.18086555065439591</v>
      </c>
      <c r="AK2763">
        <v>-0.12844896497034719</v>
      </c>
      <c r="AL2763">
        <v>463.27856534589432</v>
      </c>
      <c r="AM2763">
        <v>707.48708178386551</v>
      </c>
      <c r="AN2763">
        <v>4309</v>
      </c>
      <c r="AO2763">
        <v>126.0049114227496</v>
      </c>
      <c r="AP2763">
        <v>317.36420893716979</v>
      </c>
      <c r="AQ2763">
        <v>1.65625</v>
      </c>
      <c r="AR2763">
        <v>4.5</v>
      </c>
      <c r="AS2763">
        <v>32</v>
      </c>
      <c r="AT2763">
        <v>0.93749999999999978</v>
      </c>
      <c r="AU2763">
        <v>0.15953947368421051</v>
      </c>
      <c r="AV2763">
        <v>-0.13766667998631071</v>
      </c>
      <c r="AW2763">
        <v>0.40625</v>
      </c>
      <c r="AX2763">
        <v>78.838709677419359</v>
      </c>
      <c r="AY2763">
        <v>47</v>
      </c>
      <c r="AZ2763">
        <v>103.75</v>
      </c>
      <c r="BA2763">
        <v>0.48223054613948102</v>
      </c>
      <c r="BB2763">
        <v>0.40625</v>
      </c>
      <c r="BC2763">
        <v>3.4339872044851458</v>
      </c>
      <c r="BD2763" t="s">
        <v>10513</v>
      </c>
      <c r="BE2763" t="s">
        <v>62</v>
      </c>
    </row>
    <row r="2764" spans="1:57" x14ac:dyDescent="0.3">
      <c r="A2764" t="s">
        <v>10514</v>
      </c>
      <c r="B2764">
        <v>2495</v>
      </c>
      <c r="C2764" t="s">
        <v>10515</v>
      </c>
      <c r="D2764" t="s">
        <v>10516</v>
      </c>
      <c r="E2764" t="s">
        <v>85</v>
      </c>
      <c r="F2764">
        <v>8</v>
      </c>
      <c r="G2764">
        <v>178.875</v>
      </c>
      <c r="H2764">
        <v>207.5</v>
      </c>
      <c r="I2764">
        <v>4870.109375</v>
      </c>
      <c r="J2764">
        <v>69.786168937691372</v>
      </c>
      <c r="K2764">
        <v>-1.2459093839118871</v>
      </c>
      <c r="L2764">
        <v>0.31561842195109019</v>
      </c>
      <c r="M2764">
        <v>3</v>
      </c>
      <c r="N2764">
        <v>1</v>
      </c>
      <c r="O2764">
        <v>1</v>
      </c>
      <c r="P2764">
        <v>0</v>
      </c>
      <c r="Q2764">
        <v>0</v>
      </c>
      <c r="R2764">
        <v>2.0794415416798362</v>
      </c>
      <c r="S2764">
        <v>1</v>
      </c>
      <c r="T2764">
        <v>1</v>
      </c>
      <c r="U2764">
        <v>0</v>
      </c>
      <c r="V2764">
        <v>0</v>
      </c>
      <c r="W2764">
        <v>1.945910149055313</v>
      </c>
      <c r="X2764">
        <v>1</v>
      </c>
      <c r="Y2764">
        <v>1</v>
      </c>
      <c r="Z2764">
        <v>0</v>
      </c>
      <c r="AA2764">
        <v>0</v>
      </c>
      <c r="AB2764">
        <v>1.791759469228055</v>
      </c>
      <c r="AC2764">
        <v>1</v>
      </c>
      <c r="AD2764">
        <v>1</v>
      </c>
      <c r="AE2764">
        <v>0</v>
      </c>
      <c r="AF2764">
        <v>0</v>
      </c>
      <c r="AG2764">
        <v>1.6094379124341009</v>
      </c>
      <c r="AH2764">
        <v>1.8341717813062468E-2</v>
      </c>
      <c r="AI2764">
        <v>0.32021146213990309</v>
      </c>
      <c r="AJ2764">
        <v>-0.34559550125606781</v>
      </c>
      <c r="AK2764">
        <v>0</v>
      </c>
      <c r="AL2764">
        <v>345.91063442250822</v>
      </c>
      <c r="AM2764">
        <v>418.6607612296832</v>
      </c>
      <c r="AN2764">
        <v>1431</v>
      </c>
      <c r="AO2764">
        <v>94.725920423081675</v>
      </c>
      <c r="AP2764">
        <v>205.4583086334757</v>
      </c>
      <c r="AQ2764">
        <v>3.5</v>
      </c>
      <c r="AR2764">
        <v>4.75</v>
      </c>
      <c r="AS2764">
        <v>8</v>
      </c>
      <c r="AT2764">
        <v>0</v>
      </c>
      <c r="AU2764">
        <v>0.39372469635627533</v>
      </c>
      <c r="AV2764">
        <v>3.6537089646053393E-2</v>
      </c>
      <c r="AW2764">
        <v>0.125</v>
      </c>
      <c r="AX2764">
        <v>75.142857142857139</v>
      </c>
      <c r="AY2764">
        <v>27.5</v>
      </c>
      <c r="AZ2764">
        <v>51.25</v>
      </c>
      <c r="BA2764">
        <v>0.39013930922538848</v>
      </c>
      <c r="BB2764">
        <v>0.75</v>
      </c>
      <c r="BC2764">
        <v>1.945910149055313</v>
      </c>
      <c r="BD2764" t="s">
        <v>10515</v>
      </c>
      <c r="BE2764" t="s">
        <v>68</v>
      </c>
    </row>
    <row r="2765" spans="1:57" x14ac:dyDescent="0.3">
      <c r="A2765" t="s">
        <v>10517</v>
      </c>
      <c r="B2765">
        <v>1129</v>
      </c>
      <c r="C2765" t="s">
        <v>10518</v>
      </c>
      <c r="D2765" t="s">
        <v>10519</v>
      </c>
      <c r="E2765" t="s">
        <v>128</v>
      </c>
      <c r="F2765">
        <v>32</v>
      </c>
      <c r="G2765">
        <v>116.21875</v>
      </c>
      <c r="H2765">
        <v>104.5</v>
      </c>
      <c r="I2765">
        <v>4422.5458984375</v>
      </c>
      <c r="J2765">
        <v>66.502224763067133</v>
      </c>
      <c r="K2765">
        <v>0.15295928861019839</v>
      </c>
      <c r="L2765">
        <v>-1.0143166509826551</v>
      </c>
      <c r="M2765">
        <v>4.75</v>
      </c>
      <c r="N2765">
        <v>2</v>
      </c>
      <c r="O2765">
        <v>1</v>
      </c>
      <c r="P2765">
        <v>1</v>
      </c>
      <c r="Q2765">
        <v>0.3499271061118826</v>
      </c>
      <c r="R2765">
        <v>3.2924491076597389</v>
      </c>
      <c r="S2765">
        <v>1</v>
      </c>
      <c r="T2765">
        <v>1</v>
      </c>
      <c r="U2765">
        <v>0</v>
      </c>
      <c r="V2765">
        <v>0</v>
      </c>
      <c r="W2765">
        <v>3.4339872044851458</v>
      </c>
      <c r="X2765">
        <v>1</v>
      </c>
      <c r="Y2765">
        <v>1</v>
      </c>
      <c r="Z2765">
        <v>0</v>
      </c>
      <c r="AA2765">
        <v>0</v>
      </c>
      <c r="AB2765">
        <v>3.401197381662155</v>
      </c>
      <c r="AC2765">
        <v>1</v>
      </c>
      <c r="AD2765">
        <v>1</v>
      </c>
      <c r="AE2765">
        <v>0</v>
      </c>
      <c r="AF2765">
        <v>0</v>
      </c>
      <c r="AG2765">
        <v>3.3672958299864728</v>
      </c>
      <c r="AH2765">
        <v>2.7143953368824119E-2</v>
      </c>
      <c r="AI2765">
        <v>-5.4961197914539017E-2</v>
      </c>
      <c r="AJ2765">
        <v>-0.21233188697960359</v>
      </c>
      <c r="AK2765">
        <v>-0.222292534789885</v>
      </c>
      <c r="AL2765">
        <v>454.30847791307087</v>
      </c>
      <c r="AM2765">
        <v>606.08811809530539</v>
      </c>
      <c r="AN2765">
        <v>3719</v>
      </c>
      <c r="AO2765">
        <v>103.9488324076373</v>
      </c>
      <c r="AP2765">
        <v>331.23910146075337</v>
      </c>
      <c r="AQ2765">
        <v>1.65625</v>
      </c>
      <c r="AR2765">
        <v>4</v>
      </c>
      <c r="AS2765">
        <v>32</v>
      </c>
      <c r="AT2765">
        <v>3</v>
      </c>
      <c r="AU2765">
        <v>0.12887396694214881</v>
      </c>
      <c r="AV2765">
        <v>2.8404750428205769E-2</v>
      </c>
      <c r="AW2765">
        <v>0.46875</v>
      </c>
      <c r="AX2765">
        <v>79.322580645161295</v>
      </c>
      <c r="AY2765">
        <v>55</v>
      </c>
      <c r="AZ2765">
        <v>109.25</v>
      </c>
      <c r="BA2765">
        <v>0.57221596999681323</v>
      </c>
      <c r="BB2765">
        <v>0.46875</v>
      </c>
      <c r="BC2765">
        <v>3.4339872044851458</v>
      </c>
      <c r="BD2765" t="s">
        <v>10520</v>
      </c>
      <c r="BE2765" t="s">
        <v>62</v>
      </c>
    </row>
    <row r="2766" spans="1:57" x14ac:dyDescent="0.3">
      <c r="A2766" t="s">
        <v>10521</v>
      </c>
      <c r="B2766">
        <v>3518</v>
      </c>
      <c r="C2766" t="s">
        <v>10522</v>
      </c>
      <c r="D2766" t="s">
        <v>10523</v>
      </c>
      <c r="E2766" t="s">
        <v>115</v>
      </c>
      <c r="F2766">
        <v>3602</v>
      </c>
      <c r="G2766">
        <v>126.17518045530259</v>
      </c>
      <c r="H2766">
        <v>125</v>
      </c>
      <c r="I2766">
        <v>5510.5020713860922</v>
      </c>
      <c r="J2766">
        <v>74.232756054090387</v>
      </c>
      <c r="K2766">
        <v>4.125666200433091E-2</v>
      </c>
      <c r="L2766">
        <v>-1.2021739799593709</v>
      </c>
      <c r="M2766">
        <v>7.9488582526546656</v>
      </c>
      <c r="N2766">
        <v>26</v>
      </c>
      <c r="O2766">
        <v>3</v>
      </c>
      <c r="P2766">
        <v>23</v>
      </c>
      <c r="Q2766">
        <v>3.6947674016565299</v>
      </c>
      <c r="R2766">
        <v>5.5097286864982404</v>
      </c>
      <c r="S2766">
        <v>3</v>
      </c>
      <c r="T2766">
        <v>1</v>
      </c>
      <c r="U2766">
        <v>2</v>
      </c>
      <c r="V2766">
        <v>0.16997040355656301</v>
      </c>
      <c r="W2766">
        <v>8.1501787680089102</v>
      </c>
      <c r="X2766">
        <v>1</v>
      </c>
      <c r="Y2766">
        <v>1</v>
      </c>
      <c r="Z2766">
        <v>0</v>
      </c>
      <c r="AA2766">
        <v>0</v>
      </c>
      <c r="AB2766">
        <v>8.1886891244442026</v>
      </c>
      <c r="AC2766">
        <v>1</v>
      </c>
      <c r="AD2766">
        <v>1</v>
      </c>
      <c r="AE2766">
        <v>0</v>
      </c>
      <c r="AF2766">
        <v>0</v>
      </c>
      <c r="AG2766">
        <v>8.1884113080790328</v>
      </c>
      <c r="AH2766">
        <v>2.946843061985634E-2</v>
      </c>
      <c r="AI2766">
        <v>3.7586295173136189E-3</v>
      </c>
      <c r="AJ2766">
        <v>-1.039726807174182E-2</v>
      </c>
      <c r="AK2766">
        <v>1.2215762607399559E-2</v>
      </c>
      <c r="AL2766">
        <v>4068.2487801090101</v>
      </c>
      <c r="AM2766">
        <v>7787.3393956563596</v>
      </c>
      <c r="AN2766">
        <v>454483</v>
      </c>
      <c r="AO2766">
        <v>115.4365870704534</v>
      </c>
      <c r="AP2766">
        <v>3765.6591889062179</v>
      </c>
      <c r="AQ2766">
        <v>1.006385341476957</v>
      </c>
      <c r="AR2766">
        <v>3.976124375347029</v>
      </c>
      <c r="AS2766">
        <v>3591</v>
      </c>
      <c r="AT2766">
        <v>248.37645752359799</v>
      </c>
      <c r="AU2766">
        <v>1.9030821656813801E-2</v>
      </c>
      <c r="AV2766">
        <v>2.9475564206834861E-2</v>
      </c>
      <c r="AW2766">
        <v>0.38228761799000549</v>
      </c>
      <c r="AX2766">
        <v>83.803665648430993</v>
      </c>
      <c r="AY2766">
        <v>65</v>
      </c>
      <c r="AZ2766">
        <v>130</v>
      </c>
      <c r="BA2766">
        <v>0.58833088873914663</v>
      </c>
      <c r="BB2766">
        <v>0.49278178789561361</v>
      </c>
      <c r="BC2766">
        <v>5.3111392596159623</v>
      </c>
      <c r="BD2766" t="s">
        <v>10524</v>
      </c>
      <c r="BE2766" t="s">
        <v>68</v>
      </c>
    </row>
    <row r="2767" spans="1:57" x14ac:dyDescent="0.3">
      <c r="A2767" t="s">
        <v>10525</v>
      </c>
      <c r="B2767">
        <v>1682</v>
      </c>
      <c r="C2767" t="s">
        <v>10526</v>
      </c>
      <c r="D2767" t="s">
        <v>10527</v>
      </c>
      <c r="E2767" t="s">
        <v>106</v>
      </c>
      <c r="F2767">
        <v>1726</v>
      </c>
      <c r="G2767">
        <v>128.79548088064891</v>
      </c>
      <c r="H2767">
        <v>128</v>
      </c>
      <c r="I2767">
        <v>5410.1580560549637</v>
      </c>
      <c r="J2767">
        <v>73.553776626730482</v>
      </c>
      <c r="K2767">
        <v>-3.084434796195178E-2</v>
      </c>
      <c r="L2767">
        <v>-1.1742963389606049</v>
      </c>
      <c r="M2767">
        <v>7.8817840197680713</v>
      </c>
      <c r="N2767">
        <v>15</v>
      </c>
      <c r="O2767">
        <v>1</v>
      </c>
      <c r="P2767">
        <v>14</v>
      </c>
      <c r="Q2767">
        <v>2.678753481536468</v>
      </c>
      <c r="R2767">
        <v>5.4632363710846894</v>
      </c>
      <c r="S2767">
        <v>3</v>
      </c>
      <c r="T2767">
        <v>1</v>
      </c>
      <c r="U2767">
        <v>2</v>
      </c>
      <c r="V2767">
        <v>0.15616939923128681</v>
      </c>
      <c r="W2767">
        <v>7.4218370065610646</v>
      </c>
      <c r="X2767">
        <v>1</v>
      </c>
      <c r="Y2767">
        <v>1</v>
      </c>
      <c r="Z2767">
        <v>0</v>
      </c>
      <c r="AA2767">
        <v>0</v>
      </c>
      <c r="AB2767">
        <v>7.4524024512236382</v>
      </c>
      <c r="AC2767">
        <v>1</v>
      </c>
      <c r="AD2767">
        <v>1</v>
      </c>
      <c r="AE2767">
        <v>0</v>
      </c>
      <c r="AF2767">
        <v>0</v>
      </c>
      <c r="AG2767">
        <v>7.4518222365279279</v>
      </c>
      <c r="AH2767">
        <v>1.4360087892243131E-2</v>
      </c>
      <c r="AI2767">
        <v>-6.2221797993998297E-3</v>
      </c>
      <c r="AJ2767">
        <v>-1.9433212864320221E-2</v>
      </c>
      <c r="AK2767">
        <v>8.3769960494301885E-3</v>
      </c>
      <c r="AL2767">
        <v>2840.1648092326068</v>
      </c>
      <c r="AM2767">
        <v>5468.341691627973</v>
      </c>
      <c r="AN2767">
        <v>222300.99999999991</v>
      </c>
      <c r="AO2767">
        <v>193.80733874790559</v>
      </c>
      <c r="AP2767">
        <v>2576.0987072322669</v>
      </c>
      <c r="AQ2767">
        <v>1.01332560834299</v>
      </c>
      <c r="AR2767">
        <v>4.0185399768250294</v>
      </c>
      <c r="AS2767">
        <v>1718</v>
      </c>
      <c r="AT2767">
        <v>272.46118192352259</v>
      </c>
      <c r="AU2767">
        <v>1.9035285029423091E-2</v>
      </c>
      <c r="AV2767">
        <v>1.436645934401592E-2</v>
      </c>
      <c r="AW2767">
        <v>0.36964078794901511</v>
      </c>
      <c r="AX2767">
        <v>84.271304347826089</v>
      </c>
      <c r="AY2767">
        <v>63</v>
      </c>
      <c r="AZ2767">
        <v>126</v>
      </c>
      <c r="BA2767">
        <v>0.57108973174991029</v>
      </c>
      <c r="BB2767">
        <v>0.49826187717265352</v>
      </c>
      <c r="BC2767">
        <v>5.2786022901458018</v>
      </c>
      <c r="BD2767" t="s">
        <v>10528</v>
      </c>
      <c r="BE2767" t="s">
        <v>68</v>
      </c>
    </row>
    <row r="2768" spans="1:57" x14ac:dyDescent="0.3">
      <c r="A2768" t="s">
        <v>10529</v>
      </c>
      <c r="B2768">
        <v>3100</v>
      </c>
      <c r="C2768" t="s">
        <v>10530</v>
      </c>
      <c r="D2768" t="s">
        <v>10531</v>
      </c>
      <c r="E2768" t="s">
        <v>10622</v>
      </c>
      <c r="F2768">
        <v>64</v>
      </c>
      <c r="G2768">
        <v>116.1875</v>
      </c>
      <c r="H2768">
        <v>103.5</v>
      </c>
      <c r="I2768">
        <v>6631.12109375</v>
      </c>
      <c r="J2768">
        <v>81.43169587912314</v>
      </c>
      <c r="K2768">
        <v>0.19018763984194539</v>
      </c>
      <c r="L2768">
        <v>-1.360355484757676</v>
      </c>
      <c r="M2768">
        <v>5.71875</v>
      </c>
      <c r="N2768">
        <v>2</v>
      </c>
      <c r="O2768">
        <v>1</v>
      </c>
      <c r="P2768">
        <v>1</v>
      </c>
      <c r="Q2768">
        <v>0.36994527180683268</v>
      </c>
      <c r="R2768">
        <v>3.9639354388271881</v>
      </c>
      <c r="S2768">
        <v>1</v>
      </c>
      <c r="T2768">
        <v>1</v>
      </c>
      <c r="U2768">
        <v>0</v>
      </c>
      <c r="V2768">
        <v>0</v>
      </c>
      <c r="W2768">
        <v>4.1431347263915326</v>
      </c>
      <c r="X2768">
        <v>1</v>
      </c>
      <c r="Y2768">
        <v>1</v>
      </c>
      <c r="Z2768">
        <v>0</v>
      </c>
      <c r="AA2768">
        <v>0</v>
      </c>
      <c r="AB2768">
        <v>4.1271343850450908</v>
      </c>
      <c r="AC2768">
        <v>1</v>
      </c>
      <c r="AD2768">
        <v>1</v>
      </c>
      <c r="AE2768">
        <v>0</v>
      </c>
      <c r="AF2768">
        <v>0</v>
      </c>
      <c r="AG2768">
        <v>4.1108738641733096</v>
      </c>
      <c r="AH2768">
        <v>-2.5180090461819769E-2</v>
      </c>
      <c r="AI2768">
        <v>-3.9999470565815667E-2</v>
      </c>
      <c r="AJ2768">
        <v>-7.8398645311201262E-2</v>
      </c>
      <c r="AK2768">
        <v>-3.238334996497929E-2</v>
      </c>
      <c r="AL2768">
        <v>713.14292354153326</v>
      </c>
      <c r="AM2768">
        <v>883.05671992383066</v>
      </c>
      <c r="AN2768">
        <v>7436</v>
      </c>
      <c r="AO2768">
        <v>219.52552351252859</v>
      </c>
      <c r="AP2768">
        <v>609.03544456673455</v>
      </c>
      <c r="AQ2768">
        <v>1.359375</v>
      </c>
      <c r="AR2768">
        <v>3.8125</v>
      </c>
      <c r="AS2768">
        <v>64</v>
      </c>
      <c r="AT2768">
        <v>6.4687500000000044</v>
      </c>
      <c r="AU2768">
        <v>0.14756944444444439</v>
      </c>
      <c r="AV2768">
        <v>-2.5638483634567201E-2</v>
      </c>
      <c r="AW2768">
        <v>0.3125</v>
      </c>
      <c r="AX2768">
        <v>96.523809523809518</v>
      </c>
      <c r="AY2768">
        <v>76.5</v>
      </c>
      <c r="AZ2768">
        <v>145.25</v>
      </c>
      <c r="BA2768">
        <v>0.70086451536631</v>
      </c>
      <c r="BB2768">
        <v>0.484375</v>
      </c>
      <c r="BC2768">
        <v>3.9367871487114772</v>
      </c>
      <c r="BD2768" t="s">
        <v>10532</v>
      </c>
      <c r="BE2768" t="s">
        <v>62</v>
      </c>
    </row>
    <row r="2769" spans="1:57" x14ac:dyDescent="0.3">
      <c r="A2769" t="s">
        <v>10533</v>
      </c>
      <c r="B2769">
        <v>760</v>
      </c>
      <c r="C2769" t="s">
        <v>10534</v>
      </c>
      <c r="D2769" t="s">
        <v>10535</v>
      </c>
      <c r="E2769" t="s">
        <v>66</v>
      </c>
      <c r="F2769">
        <v>71</v>
      </c>
      <c r="G2769">
        <v>112.6056338028169</v>
      </c>
      <c r="H2769">
        <v>105</v>
      </c>
      <c r="I2769">
        <v>6208.5205316405472</v>
      </c>
      <c r="J2769">
        <v>78.794165593910236</v>
      </c>
      <c r="K2769">
        <v>0.16240926513130799</v>
      </c>
      <c r="L2769">
        <v>-1.377050962101988</v>
      </c>
      <c r="M2769">
        <v>5.980733034997634</v>
      </c>
      <c r="N2769">
        <v>2</v>
      </c>
      <c r="O2769">
        <v>1</v>
      </c>
      <c r="P2769">
        <v>1</v>
      </c>
      <c r="Q2769">
        <v>0.28945981111118119</v>
      </c>
      <c r="R2769">
        <v>4.1455282408903393</v>
      </c>
      <c r="S2769">
        <v>1</v>
      </c>
      <c r="T2769">
        <v>1</v>
      </c>
      <c r="U2769">
        <v>0</v>
      </c>
      <c r="V2769">
        <v>0</v>
      </c>
      <c r="W2769">
        <v>4.2484952420493576</v>
      </c>
      <c r="X2769">
        <v>1</v>
      </c>
      <c r="Y2769">
        <v>1</v>
      </c>
      <c r="Z2769">
        <v>0</v>
      </c>
      <c r="AA2769">
        <v>0</v>
      </c>
      <c r="AB2769">
        <v>4.2341065045972579</v>
      </c>
      <c r="AC2769">
        <v>1</v>
      </c>
      <c r="AD2769">
        <v>1</v>
      </c>
      <c r="AE2769">
        <v>0</v>
      </c>
      <c r="AF2769">
        <v>0</v>
      </c>
      <c r="AG2769">
        <v>4.2195077051761087</v>
      </c>
      <c r="AH2769">
        <v>0.26323107475550739</v>
      </c>
      <c r="AI2769">
        <v>0.26535024386541478</v>
      </c>
      <c r="AJ2769">
        <v>7.0506248898698345E-2</v>
      </c>
      <c r="AK2769">
        <v>-0.1130936266192915</v>
      </c>
      <c r="AL2769">
        <v>697.026627657728</v>
      </c>
      <c r="AM2769">
        <v>924.792344440683</v>
      </c>
      <c r="AN2769">
        <v>7995</v>
      </c>
      <c r="AO2769">
        <v>88.257881970463671</v>
      </c>
      <c r="AP2769">
        <v>554.21940868554054</v>
      </c>
      <c r="AQ2769">
        <v>1.323943661971831</v>
      </c>
      <c r="AR2769">
        <v>3.577464788732394</v>
      </c>
      <c r="AS2769">
        <v>71</v>
      </c>
      <c r="AT2769">
        <v>4.9859154929577469</v>
      </c>
      <c r="AU2769">
        <v>0.13739464901860959</v>
      </c>
      <c r="AV2769">
        <v>0.26648007401643359</v>
      </c>
      <c r="AW2769">
        <v>0.3380281690140845</v>
      </c>
      <c r="AX2769">
        <v>74.585714285714289</v>
      </c>
      <c r="AY2769">
        <v>73</v>
      </c>
      <c r="AZ2769">
        <v>141</v>
      </c>
      <c r="BA2769">
        <v>0.69973555436743307</v>
      </c>
      <c r="BB2769">
        <v>0.47887323943661969</v>
      </c>
      <c r="BC2769">
        <v>4.0231740118195978</v>
      </c>
      <c r="BD2769" t="s">
        <v>10536</v>
      </c>
      <c r="BE2769" t="s">
        <v>68</v>
      </c>
    </row>
    <row r="2770" spans="1:57" x14ac:dyDescent="0.3">
      <c r="A2770" t="s">
        <v>10537</v>
      </c>
      <c r="B2770">
        <v>135</v>
      </c>
      <c r="C2770" t="s">
        <v>10538</v>
      </c>
      <c r="D2770" t="s">
        <v>10539</v>
      </c>
      <c r="E2770" t="s">
        <v>60</v>
      </c>
      <c r="F2770">
        <v>256</v>
      </c>
      <c r="G2770">
        <v>130.375</v>
      </c>
      <c r="H2770">
        <v>131</v>
      </c>
      <c r="I2770">
        <v>5731.5390625</v>
      </c>
      <c r="J2770">
        <v>75.706928761507683</v>
      </c>
      <c r="K2770">
        <v>-3.1154926728448641E-2</v>
      </c>
      <c r="L2770">
        <v>-1.219623053779225</v>
      </c>
      <c r="M2770">
        <v>7.1623330937061889</v>
      </c>
      <c r="N2770">
        <v>5</v>
      </c>
      <c r="O2770">
        <v>1</v>
      </c>
      <c r="P2770">
        <v>4</v>
      </c>
      <c r="Q2770">
        <v>0.82260040403196533</v>
      </c>
      <c r="R2770">
        <v>4.9645509901336347</v>
      </c>
      <c r="S2770">
        <v>1</v>
      </c>
      <c r="T2770">
        <v>1</v>
      </c>
      <c r="U2770">
        <v>0</v>
      </c>
      <c r="V2770">
        <v>0</v>
      </c>
      <c r="W2770">
        <v>5.541263545158424</v>
      </c>
      <c r="X2770">
        <v>1</v>
      </c>
      <c r="Y2770">
        <v>1</v>
      </c>
      <c r="Z2770">
        <v>0</v>
      </c>
      <c r="AA2770">
        <v>0</v>
      </c>
      <c r="AB2770">
        <v>5.5373342670185366</v>
      </c>
      <c r="AC2770">
        <v>1</v>
      </c>
      <c r="AD2770">
        <v>1</v>
      </c>
      <c r="AE2770">
        <v>0</v>
      </c>
      <c r="AF2770">
        <v>0</v>
      </c>
      <c r="AG2770">
        <v>5.5333894887275203</v>
      </c>
      <c r="AH2770">
        <v>-8.7388596557289228E-2</v>
      </c>
      <c r="AI2770">
        <v>-1.106015730531584E-2</v>
      </c>
      <c r="AJ2770">
        <v>4.8584856594610142E-2</v>
      </c>
      <c r="AK2770">
        <v>-9.0853216577135559E-3</v>
      </c>
      <c r="AL2770">
        <v>1186.7424776410201</v>
      </c>
      <c r="AM2770">
        <v>2100.0743538652282</v>
      </c>
      <c r="AN2770">
        <v>33376</v>
      </c>
      <c r="AO2770">
        <v>65.069193939989759</v>
      </c>
      <c r="AP2770">
        <v>968.1266983630203</v>
      </c>
      <c r="AQ2770">
        <v>1.08984375</v>
      </c>
      <c r="AR2770">
        <v>3.9375</v>
      </c>
      <c r="AS2770">
        <v>255</v>
      </c>
      <c r="AT2770">
        <v>68.515625</v>
      </c>
      <c r="AU2770">
        <v>6.0832509881422969E-2</v>
      </c>
      <c r="AV2770">
        <v>-8.7772485247449322E-2</v>
      </c>
      <c r="AW2770">
        <v>0.3359375</v>
      </c>
      <c r="AX2770">
        <v>91.078431372549019</v>
      </c>
      <c r="AY2770">
        <v>63.5</v>
      </c>
      <c r="AZ2770">
        <v>128.25</v>
      </c>
      <c r="BA2770">
        <v>0.5806859348917176</v>
      </c>
      <c r="BB2770">
        <v>0.5078125</v>
      </c>
      <c r="BC2770">
        <v>4.8061035003531796</v>
      </c>
      <c r="BD2770" t="s">
        <v>10540</v>
      </c>
      <c r="BE2770" t="s">
        <v>62</v>
      </c>
    </row>
    <row r="2771" spans="1:57" x14ac:dyDescent="0.3">
      <c r="A2771" t="s">
        <v>10541</v>
      </c>
      <c r="B2771">
        <v>3497</v>
      </c>
      <c r="C2771" t="s">
        <v>10542</v>
      </c>
      <c r="D2771" t="s">
        <v>10543</v>
      </c>
      <c r="E2771" t="s">
        <v>106</v>
      </c>
      <c r="F2771">
        <v>3527</v>
      </c>
      <c r="G2771">
        <v>125.0547207258293</v>
      </c>
      <c r="H2771">
        <v>122</v>
      </c>
      <c r="I2771">
        <v>5605.7937167280716</v>
      </c>
      <c r="J2771">
        <v>74.871848626356709</v>
      </c>
      <c r="K2771">
        <v>4.1670793870392242E-2</v>
      </c>
      <c r="L2771">
        <v>-1.2193754755067621</v>
      </c>
      <c r="M2771">
        <v>7.9475412724438881</v>
      </c>
      <c r="N2771">
        <v>27</v>
      </c>
      <c r="O2771">
        <v>5</v>
      </c>
      <c r="P2771">
        <v>22</v>
      </c>
      <c r="Q2771">
        <v>3.7008806984738021</v>
      </c>
      <c r="R2771">
        <v>5.5088158253782673</v>
      </c>
      <c r="S2771">
        <v>3</v>
      </c>
      <c r="T2771">
        <v>1</v>
      </c>
      <c r="U2771">
        <v>2</v>
      </c>
      <c r="V2771">
        <v>0.17335624890656481</v>
      </c>
      <c r="W2771">
        <v>8.1268819659923519</v>
      </c>
      <c r="X2771">
        <v>2</v>
      </c>
      <c r="Y2771">
        <v>1</v>
      </c>
      <c r="Z2771">
        <v>1</v>
      </c>
      <c r="AA2771">
        <v>1.6843037743191489E-2</v>
      </c>
      <c r="AB2771">
        <v>8.1672424402503054</v>
      </c>
      <c r="AC2771">
        <v>1</v>
      </c>
      <c r="AD2771">
        <v>1</v>
      </c>
      <c r="AE2771">
        <v>0</v>
      </c>
      <c r="AF2771">
        <v>0</v>
      </c>
      <c r="AG2771">
        <v>8.1673519870560707</v>
      </c>
      <c r="AH2771">
        <v>2.5259477369226291E-2</v>
      </c>
      <c r="AI2771">
        <v>-9.5354485492456457E-3</v>
      </c>
      <c r="AJ2771">
        <v>-1.109621250915899E-2</v>
      </c>
      <c r="AK2771">
        <v>-3.2843485565810598E-2</v>
      </c>
      <c r="AL2771">
        <v>4081.851087945211</v>
      </c>
      <c r="AM2771">
        <v>7633.3322799312546</v>
      </c>
      <c r="AN2771">
        <v>441068</v>
      </c>
      <c r="AO2771">
        <v>88.562211008554229</v>
      </c>
      <c r="AP2771">
        <v>3757.8425397079568</v>
      </c>
      <c r="AQ2771">
        <v>1.0065211227672239</v>
      </c>
      <c r="AR2771">
        <v>3.956620357244117</v>
      </c>
      <c r="AS2771">
        <v>3516</v>
      </c>
      <c r="AT2771">
        <v>254.4981570740006</v>
      </c>
      <c r="AU2771">
        <v>2.6287963441685162E-2</v>
      </c>
      <c r="AV2771">
        <v>2.5269525943561241E-2</v>
      </c>
      <c r="AW2771">
        <v>0.37510632265381338</v>
      </c>
      <c r="AX2771">
        <v>85.07260351673284</v>
      </c>
      <c r="AY2771">
        <v>65</v>
      </c>
      <c r="AZ2771">
        <v>132</v>
      </c>
      <c r="BA2771">
        <v>0.59871269306583141</v>
      </c>
      <c r="BB2771">
        <v>0.49106889707967111</v>
      </c>
      <c r="BC2771">
        <v>5.3181400949069566</v>
      </c>
      <c r="BD2771" t="s">
        <v>10544</v>
      </c>
      <c r="BE2771" t="s">
        <v>68</v>
      </c>
    </row>
    <row r="2772" spans="1:57" x14ac:dyDescent="0.3">
      <c r="A2772" t="s">
        <v>10545</v>
      </c>
      <c r="B2772">
        <v>2227</v>
      </c>
      <c r="C2772" t="s">
        <v>10546</v>
      </c>
      <c r="D2772" t="s">
        <v>10547</v>
      </c>
      <c r="E2772" t="s">
        <v>98</v>
      </c>
      <c r="F2772">
        <v>16</v>
      </c>
      <c r="G2772">
        <v>152.4375</v>
      </c>
      <c r="H2772">
        <v>165</v>
      </c>
      <c r="I2772">
        <v>4498.49609375</v>
      </c>
      <c r="J2772">
        <v>67.070828932927313</v>
      </c>
      <c r="K2772">
        <v>-0.93967024531507748</v>
      </c>
      <c r="L2772">
        <v>7.3288909840778516E-2</v>
      </c>
      <c r="M2772">
        <v>3.875</v>
      </c>
      <c r="N2772">
        <v>2</v>
      </c>
      <c r="O2772">
        <v>1</v>
      </c>
      <c r="P2772">
        <v>1</v>
      </c>
      <c r="Q2772">
        <v>0.24944382578492941</v>
      </c>
      <c r="R2772">
        <v>2.6859453246697882</v>
      </c>
      <c r="S2772">
        <v>1</v>
      </c>
      <c r="T2772">
        <v>1</v>
      </c>
      <c r="U2772">
        <v>0</v>
      </c>
      <c r="V2772">
        <v>0</v>
      </c>
      <c r="W2772">
        <v>2.7080502011022101</v>
      </c>
      <c r="X2772">
        <v>1</v>
      </c>
      <c r="Y2772">
        <v>1</v>
      </c>
      <c r="Z2772">
        <v>0</v>
      </c>
      <c r="AA2772">
        <v>0</v>
      </c>
      <c r="AB2772">
        <v>2.639057329615258</v>
      </c>
      <c r="AC2772">
        <v>1</v>
      </c>
      <c r="AD2772">
        <v>1</v>
      </c>
      <c r="AE2772">
        <v>0</v>
      </c>
      <c r="AF2772">
        <v>0</v>
      </c>
      <c r="AG2772">
        <v>2.5649493574615372</v>
      </c>
      <c r="AH2772">
        <v>0.15058238864551091</v>
      </c>
      <c r="AI2772">
        <v>-0.1629130612227177</v>
      </c>
      <c r="AJ2772">
        <v>-0.1141721083000829</v>
      </c>
      <c r="AK2772">
        <v>0.35878863595906618</v>
      </c>
      <c r="AL2772">
        <v>390.28983283992329</v>
      </c>
      <c r="AM2772">
        <v>539.85632012766575</v>
      </c>
      <c r="AN2772">
        <v>2439</v>
      </c>
      <c r="AO2772">
        <v>36.175187762149328</v>
      </c>
      <c r="AP2772">
        <v>275.13142614630709</v>
      </c>
      <c r="AQ2772">
        <v>2.3125</v>
      </c>
      <c r="AR2772">
        <v>3.6875</v>
      </c>
      <c r="AS2772">
        <v>15</v>
      </c>
      <c r="AT2772">
        <v>0.875</v>
      </c>
      <c r="AU2772">
        <v>0.30221861471861472</v>
      </c>
      <c r="AV2772">
        <v>0.15237536626207471</v>
      </c>
      <c r="AW2772">
        <v>0.125</v>
      </c>
      <c r="AX2772">
        <v>67.533333333333331</v>
      </c>
      <c r="AY2772">
        <v>37</v>
      </c>
      <c r="AZ2772">
        <v>74.75</v>
      </c>
      <c r="BA2772">
        <v>0.43998903769038011</v>
      </c>
      <c r="BB2772">
        <v>0.625</v>
      </c>
      <c r="BC2772">
        <v>2.7080502011022101</v>
      </c>
      <c r="BD2772" t="s">
        <v>10546</v>
      </c>
      <c r="BE2772" t="s">
        <v>62</v>
      </c>
    </row>
    <row r="2773" spans="1:57" x14ac:dyDescent="0.3">
      <c r="A2773" t="s">
        <v>10548</v>
      </c>
      <c r="B2773">
        <v>1321</v>
      </c>
      <c r="C2773" t="s">
        <v>10549</v>
      </c>
      <c r="D2773" t="s">
        <v>10550</v>
      </c>
      <c r="E2773" t="s">
        <v>66</v>
      </c>
      <c r="F2773">
        <v>70</v>
      </c>
      <c r="G2773">
        <v>110.6142857142857</v>
      </c>
      <c r="H2773">
        <v>108.5</v>
      </c>
      <c r="I2773">
        <v>5158.6940816326523</v>
      </c>
      <c r="J2773">
        <v>71.824049465570042</v>
      </c>
      <c r="K2773">
        <v>0.2329075342580921</v>
      </c>
      <c r="L2773">
        <v>-1.048465318524584</v>
      </c>
      <c r="M2773">
        <v>5.8327846240569201</v>
      </c>
      <c r="N2773">
        <v>3</v>
      </c>
      <c r="O2773">
        <v>1</v>
      </c>
      <c r="P2773">
        <v>2</v>
      </c>
      <c r="Q2773">
        <v>0.41499665326629109</v>
      </c>
      <c r="R2773">
        <v>4.0429782169784536</v>
      </c>
      <c r="S2773">
        <v>2</v>
      </c>
      <c r="T2773">
        <v>1</v>
      </c>
      <c r="U2773">
        <v>1</v>
      </c>
      <c r="V2773">
        <v>0.1203728348804772</v>
      </c>
      <c r="W2773">
        <v>4.2140152819723324</v>
      </c>
      <c r="X2773">
        <v>1</v>
      </c>
      <c r="Y2773">
        <v>1</v>
      </c>
      <c r="Z2773">
        <v>0</v>
      </c>
      <c r="AA2773">
        <v>0</v>
      </c>
      <c r="AB2773">
        <v>4.2195077051761087</v>
      </c>
      <c r="AC2773">
        <v>1</v>
      </c>
      <c r="AD2773">
        <v>1</v>
      </c>
      <c r="AE2773">
        <v>0</v>
      </c>
      <c r="AF2773">
        <v>0</v>
      </c>
      <c r="AG2773">
        <v>4.2046926193909648</v>
      </c>
      <c r="AH2773">
        <v>2.1579681778911099E-2</v>
      </c>
      <c r="AI2773">
        <v>1.8948068461311269E-3</v>
      </c>
      <c r="AJ2773">
        <v>5.7483577202260161E-2</v>
      </c>
      <c r="AK2773">
        <v>5.9379877748005329E-2</v>
      </c>
      <c r="AL2773">
        <v>630.7326640718959</v>
      </c>
      <c r="AM2773">
        <v>905.41223013209242</v>
      </c>
      <c r="AN2773">
        <v>7743</v>
      </c>
      <c r="AO2773">
        <v>15.00000000000006</v>
      </c>
      <c r="AP2773">
        <v>480.04294610027182</v>
      </c>
      <c r="AQ2773">
        <v>1.328571428571429</v>
      </c>
      <c r="AR2773">
        <v>3.528571428571428</v>
      </c>
      <c r="AS2773">
        <v>70</v>
      </c>
      <c r="AT2773">
        <v>8.8571428571428559</v>
      </c>
      <c r="AU2773">
        <v>0.1192396313364055</v>
      </c>
      <c r="AV2773">
        <v>2.243466713809663E-2</v>
      </c>
      <c r="AW2773">
        <v>0.41428571428571431</v>
      </c>
      <c r="AX2773">
        <v>82.811594202898547</v>
      </c>
      <c r="AY2773">
        <v>56.5</v>
      </c>
      <c r="AZ2773">
        <v>115</v>
      </c>
      <c r="BA2773">
        <v>0.64931983244090186</v>
      </c>
      <c r="BB2773">
        <v>0.5</v>
      </c>
      <c r="BC2773">
        <v>3.8497145780544821</v>
      </c>
      <c r="BD2773" t="s">
        <v>10551</v>
      </c>
      <c r="BE2773" t="s">
        <v>68</v>
      </c>
    </row>
    <row r="2774" spans="1:57" x14ac:dyDescent="0.3">
      <c r="A2774" t="s">
        <v>10552</v>
      </c>
      <c r="B2774">
        <v>1071</v>
      </c>
      <c r="C2774" t="s">
        <v>10553</v>
      </c>
      <c r="D2774" t="s">
        <v>10554</v>
      </c>
      <c r="E2774" t="s">
        <v>115</v>
      </c>
      <c r="F2774">
        <v>1109</v>
      </c>
      <c r="G2774">
        <v>124.7592425608656</v>
      </c>
      <c r="H2774">
        <v>126</v>
      </c>
      <c r="I2774">
        <v>5553.4920809411642</v>
      </c>
      <c r="J2774">
        <v>74.52175575589429</v>
      </c>
      <c r="K2774">
        <v>2.6889102988039249E-2</v>
      </c>
      <c r="L2774">
        <v>-1.20853199110793</v>
      </c>
      <c r="M2774">
        <v>7.8011520091704076</v>
      </c>
      <c r="N2774">
        <v>13</v>
      </c>
      <c r="O2774">
        <v>1</v>
      </c>
      <c r="P2774">
        <v>12</v>
      </c>
      <c r="Q2774">
        <v>2.1028323756305438</v>
      </c>
      <c r="R2774">
        <v>5.4073465202760298</v>
      </c>
      <c r="S2774">
        <v>2</v>
      </c>
      <c r="T2774">
        <v>1</v>
      </c>
      <c r="U2774">
        <v>1</v>
      </c>
      <c r="V2774">
        <v>9.0123243053061936E-2</v>
      </c>
      <c r="W2774">
        <v>6.999051353543619</v>
      </c>
      <c r="X2774">
        <v>1</v>
      </c>
      <c r="Y2774">
        <v>1</v>
      </c>
      <c r="Z2774">
        <v>0</v>
      </c>
      <c r="AA2774">
        <v>0</v>
      </c>
      <c r="AB2774">
        <v>7.0094089327086362</v>
      </c>
      <c r="AC2774">
        <v>1</v>
      </c>
      <c r="AD2774">
        <v>1</v>
      </c>
      <c r="AE2774">
        <v>0</v>
      </c>
      <c r="AF2774">
        <v>0</v>
      </c>
      <c r="AG2774">
        <v>7.0085051820822777</v>
      </c>
      <c r="AH2774">
        <v>-3.4097676685077002E-2</v>
      </c>
      <c r="AI2774">
        <v>3.5671236227731468E-2</v>
      </c>
      <c r="AJ2774">
        <v>4.4164464194610103E-3</v>
      </c>
      <c r="AK2774">
        <v>-1.6915145318934479E-2</v>
      </c>
      <c r="AL2774">
        <v>2340.491209982682</v>
      </c>
      <c r="AM2774">
        <v>4235.8426429689034</v>
      </c>
      <c r="AN2774">
        <v>138358</v>
      </c>
      <c r="AO2774">
        <v>44.816844788673677</v>
      </c>
      <c r="AP2774">
        <v>2129.328370015709</v>
      </c>
      <c r="AQ2774">
        <v>1.020739404869252</v>
      </c>
      <c r="AR2774">
        <v>3.9666366095581611</v>
      </c>
      <c r="AS2774">
        <v>1104</v>
      </c>
      <c r="AT2774">
        <v>249.20559062218209</v>
      </c>
      <c r="AU2774">
        <v>2.8660336993228289E-2</v>
      </c>
      <c r="AV2774">
        <v>-3.4116032442891062E-2</v>
      </c>
      <c r="AW2774">
        <v>0.36699729486023452</v>
      </c>
      <c r="AX2774">
        <v>88.601985559566785</v>
      </c>
      <c r="AY2774">
        <v>64</v>
      </c>
      <c r="AZ2774">
        <v>128</v>
      </c>
      <c r="BA2774">
        <v>0.5973245286379304</v>
      </c>
      <c r="BB2774">
        <v>0.50405770964833185</v>
      </c>
      <c r="BC2774">
        <v>5.2524054874887227</v>
      </c>
      <c r="BD2774" t="s">
        <v>10555</v>
      </c>
      <c r="BE2774" t="s">
        <v>68</v>
      </c>
    </row>
    <row r="2775" spans="1:57" x14ac:dyDescent="0.3">
      <c r="A2775" t="s">
        <v>10556</v>
      </c>
      <c r="B2775">
        <v>2170</v>
      </c>
      <c r="C2775" t="s">
        <v>10557</v>
      </c>
      <c r="D2775" t="s">
        <v>10558</v>
      </c>
      <c r="E2775" t="s">
        <v>98</v>
      </c>
      <c r="F2775">
        <v>16</v>
      </c>
      <c r="G2775">
        <v>130.875</v>
      </c>
      <c r="H2775">
        <v>119.5</v>
      </c>
      <c r="I2775">
        <v>4753.359375</v>
      </c>
      <c r="J2775">
        <v>68.944610920651371</v>
      </c>
      <c r="K2775">
        <v>-7.7628703589436368E-2</v>
      </c>
      <c r="L2775">
        <v>-1.0274825812369981</v>
      </c>
      <c r="M2775">
        <v>4</v>
      </c>
      <c r="N2775">
        <v>1</v>
      </c>
      <c r="O2775">
        <v>1</v>
      </c>
      <c r="P2775">
        <v>0</v>
      </c>
      <c r="Q2775">
        <v>0</v>
      </c>
      <c r="R2775">
        <v>2.7725887222397811</v>
      </c>
      <c r="S2775">
        <v>1</v>
      </c>
      <c r="T2775">
        <v>1</v>
      </c>
      <c r="U2775">
        <v>0</v>
      </c>
      <c r="V2775">
        <v>0</v>
      </c>
      <c r="W2775">
        <v>2.7080502011022101</v>
      </c>
      <c r="X2775">
        <v>1</v>
      </c>
      <c r="Y2775">
        <v>1</v>
      </c>
      <c r="Z2775">
        <v>0</v>
      </c>
      <c r="AA2775">
        <v>0</v>
      </c>
      <c r="AB2775">
        <v>2.639057329615258</v>
      </c>
      <c r="AC2775">
        <v>1</v>
      </c>
      <c r="AD2775">
        <v>1</v>
      </c>
      <c r="AE2775">
        <v>0</v>
      </c>
      <c r="AF2775">
        <v>0</v>
      </c>
      <c r="AG2775">
        <v>2.5649493574615372</v>
      </c>
      <c r="AH2775">
        <v>3.9445581250102717E-2</v>
      </c>
      <c r="AI2775">
        <v>0.39127878309748038</v>
      </c>
      <c r="AJ2775">
        <v>-5.3471434676133647E-2</v>
      </c>
      <c r="AK2775">
        <v>-6.7479003336456123E-2</v>
      </c>
      <c r="AL2775">
        <v>363.20207620218122</v>
      </c>
      <c r="AM2775">
        <v>467.10839410400769</v>
      </c>
      <c r="AN2775">
        <v>2094</v>
      </c>
      <c r="AO2775">
        <v>58.821764679410968</v>
      </c>
      <c r="AP2775">
        <v>237.79344658853751</v>
      </c>
      <c r="AQ2775">
        <v>2.3125</v>
      </c>
      <c r="AR2775">
        <v>4.375</v>
      </c>
      <c r="AS2775">
        <v>16</v>
      </c>
      <c r="AT2775">
        <v>0</v>
      </c>
      <c r="AU2775">
        <v>0.1370967741935484</v>
      </c>
      <c r="AV2775">
        <v>4.0204607657789493E-2</v>
      </c>
      <c r="AW2775">
        <v>0.5</v>
      </c>
      <c r="AX2775">
        <v>81.466666666666669</v>
      </c>
      <c r="AY2775">
        <v>68</v>
      </c>
      <c r="AZ2775">
        <v>99.75</v>
      </c>
      <c r="BA2775">
        <v>0.52679740913582707</v>
      </c>
      <c r="BB2775">
        <v>0.4375</v>
      </c>
      <c r="BC2775">
        <v>2.7080502011022101</v>
      </c>
      <c r="BD2775" t="s">
        <v>10557</v>
      </c>
      <c r="BE2775" t="s">
        <v>62</v>
      </c>
    </row>
    <row r="2776" spans="1:57" x14ac:dyDescent="0.3">
      <c r="A2776" t="s">
        <v>10559</v>
      </c>
      <c r="B2776">
        <v>1324</v>
      </c>
      <c r="C2776" t="s">
        <v>10560</v>
      </c>
      <c r="D2776" t="s">
        <v>10561</v>
      </c>
      <c r="E2776" t="s">
        <v>66</v>
      </c>
      <c r="F2776">
        <v>71</v>
      </c>
      <c r="G2776">
        <v>136.7042253521127</v>
      </c>
      <c r="H2776">
        <v>138</v>
      </c>
      <c r="I2776">
        <v>5704.0111089069624</v>
      </c>
      <c r="J2776">
        <v>75.524903898693992</v>
      </c>
      <c r="K2776">
        <v>-0.18683537465961961</v>
      </c>
      <c r="L2776">
        <v>-1.2040369653236609</v>
      </c>
      <c r="M2776">
        <v>5.9525640209131288</v>
      </c>
      <c r="N2776">
        <v>2</v>
      </c>
      <c r="O2776">
        <v>1</v>
      </c>
      <c r="P2776">
        <v>1</v>
      </c>
      <c r="Q2776">
        <v>0.31210913055372153</v>
      </c>
      <c r="R2776">
        <v>4.1260029681985104</v>
      </c>
      <c r="S2776">
        <v>1</v>
      </c>
      <c r="T2776">
        <v>1</v>
      </c>
      <c r="U2776">
        <v>0</v>
      </c>
      <c r="V2776">
        <v>0</v>
      </c>
      <c r="W2776">
        <v>4.2484952420493576</v>
      </c>
      <c r="X2776">
        <v>1</v>
      </c>
      <c r="Y2776">
        <v>1</v>
      </c>
      <c r="Z2776">
        <v>0</v>
      </c>
      <c r="AA2776">
        <v>0</v>
      </c>
      <c r="AB2776">
        <v>4.2341065045972579</v>
      </c>
      <c r="AC2776">
        <v>1</v>
      </c>
      <c r="AD2776">
        <v>1</v>
      </c>
      <c r="AE2776">
        <v>0</v>
      </c>
      <c r="AF2776">
        <v>0</v>
      </c>
      <c r="AG2776">
        <v>4.2195077051761087</v>
      </c>
      <c r="AH2776">
        <v>5.3751933257531317E-2</v>
      </c>
      <c r="AI2776">
        <v>9.3489881639261294E-2</v>
      </c>
      <c r="AJ2776">
        <v>-3.4966399584405491E-2</v>
      </c>
      <c r="AK2776">
        <v>-8.0741029837881464E-2</v>
      </c>
      <c r="AL2776">
        <v>686.82638258792224</v>
      </c>
      <c r="AM2776">
        <v>1122.5442174726079</v>
      </c>
      <c r="AN2776">
        <v>9706</v>
      </c>
      <c r="AO2776">
        <v>87.882191601682052</v>
      </c>
      <c r="AP2776">
        <v>525.86398989290774</v>
      </c>
      <c r="AQ2776">
        <v>1.323943661971831</v>
      </c>
      <c r="AR2776">
        <v>3.929577464788732</v>
      </c>
      <c r="AS2776">
        <v>71</v>
      </c>
      <c r="AT2776">
        <v>5.6197183098591541</v>
      </c>
      <c r="AU2776">
        <v>0.1019583637281858</v>
      </c>
      <c r="AV2776">
        <v>5.4573065343904062E-2</v>
      </c>
      <c r="AW2776">
        <v>0.352112676056338</v>
      </c>
      <c r="AX2776">
        <v>82.228571428571428</v>
      </c>
      <c r="AY2776">
        <v>69</v>
      </c>
      <c r="AZ2776">
        <v>133</v>
      </c>
      <c r="BA2776">
        <v>0.55246941858719079</v>
      </c>
      <c r="BB2776">
        <v>0.52112676056338025</v>
      </c>
      <c r="BC2776">
        <v>3.995894833178391</v>
      </c>
      <c r="BD2776" t="s">
        <v>10562</v>
      </c>
      <c r="BE2776" t="s">
        <v>68</v>
      </c>
    </row>
    <row r="2777" spans="1:57" x14ac:dyDescent="0.3">
      <c r="A2777" t="s">
        <v>10563</v>
      </c>
      <c r="B2777">
        <v>2423</v>
      </c>
      <c r="C2777" t="s">
        <v>10564</v>
      </c>
      <c r="D2777" t="s">
        <v>10565</v>
      </c>
      <c r="E2777" t="s">
        <v>72</v>
      </c>
      <c r="F2777">
        <v>2440</v>
      </c>
      <c r="G2777">
        <v>127.0766393442623</v>
      </c>
      <c r="H2777">
        <v>129</v>
      </c>
      <c r="I2777">
        <v>5381.3945362469758</v>
      </c>
      <c r="J2777">
        <v>73.357988905414899</v>
      </c>
      <c r="K2777">
        <v>-3.1586637647020778E-2</v>
      </c>
      <c r="L2777">
        <v>-1.212060478531013</v>
      </c>
      <c r="M2777">
        <v>7.92525678545773</v>
      </c>
      <c r="N2777">
        <v>17</v>
      </c>
      <c r="O2777">
        <v>1</v>
      </c>
      <c r="P2777">
        <v>16</v>
      </c>
      <c r="Q2777">
        <v>3.023185147737399</v>
      </c>
      <c r="R2777">
        <v>5.4933693960536072</v>
      </c>
      <c r="S2777">
        <v>2</v>
      </c>
      <c r="T2777">
        <v>1</v>
      </c>
      <c r="U2777">
        <v>1</v>
      </c>
      <c r="V2777">
        <v>0.13580745765555219</v>
      </c>
      <c r="W2777">
        <v>7.7737660114793901</v>
      </c>
      <c r="X2777">
        <v>1</v>
      </c>
      <c r="Y2777">
        <v>1</v>
      </c>
      <c r="Z2777">
        <v>0</v>
      </c>
      <c r="AA2777">
        <v>0</v>
      </c>
      <c r="AB2777">
        <v>7.7989333100412184</v>
      </c>
      <c r="AC2777">
        <v>1</v>
      </c>
      <c r="AD2777">
        <v>1</v>
      </c>
      <c r="AE2777">
        <v>0</v>
      </c>
      <c r="AF2777">
        <v>0</v>
      </c>
      <c r="AG2777">
        <v>7.798523053625205</v>
      </c>
      <c r="AH2777">
        <v>-4.0103110485637692E-3</v>
      </c>
      <c r="AI2777">
        <v>2.1057184976051239E-2</v>
      </c>
      <c r="AJ2777">
        <v>4.9398214663082043E-3</v>
      </c>
      <c r="AK2777">
        <v>1.928599055419966E-3</v>
      </c>
      <c r="AL2777">
        <v>3306.1226497765829</v>
      </c>
      <c r="AM2777">
        <v>6449.99442051187</v>
      </c>
      <c r="AN2777">
        <v>310067</v>
      </c>
      <c r="AO2777">
        <v>64.304501722792679</v>
      </c>
      <c r="AP2777">
        <v>2958.692227171779</v>
      </c>
      <c r="AQ2777">
        <v>1.009426229508197</v>
      </c>
      <c r="AR2777">
        <v>3.9385245901639339</v>
      </c>
      <c r="AS2777">
        <v>2436</v>
      </c>
      <c r="AT2777">
        <v>245.4819672131147</v>
      </c>
      <c r="AU2777">
        <v>1.4914818386370991E-2</v>
      </c>
      <c r="AV2777">
        <v>-4.0105224605001136E-3</v>
      </c>
      <c r="AW2777">
        <v>0.36270491803278693</v>
      </c>
      <c r="AX2777">
        <v>84.915539155391556</v>
      </c>
      <c r="AY2777">
        <v>64</v>
      </c>
      <c r="AZ2777">
        <v>128.25</v>
      </c>
      <c r="BA2777">
        <v>0.57727359870354589</v>
      </c>
      <c r="BB2777">
        <v>0.50655737704918036</v>
      </c>
      <c r="BC2777">
        <v>5.2955461665009516</v>
      </c>
      <c r="BD2777" t="s">
        <v>10566</v>
      </c>
      <c r="BE2777" t="s">
        <v>68</v>
      </c>
    </row>
    <row r="2778" spans="1:57" x14ac:dyDescent="0.3">
      <c r="A2778" t="s">
        <v>10567</v>
      </c>
      <c r="B2778">
        <v>3124</v>
      </c>
      <c r="C2778" t="s">
        <v>10568</v>
      </c>
      <c r="D2778" t="s">
        <v>10569</v>
      </c>
      <c r="E2778" t="s">
        <v>66</v>
      </c>
      <c r="F2778">
        <v>72</v>
      </c>
      <c r="G2778">
        <v>117.5277777777778</v>
      </c>
      <c r="H2778">
        <v>114</v>
      </c>
      <c r="I2778">
        <v>5254.6381172839501</v>
      </c>
      <c r="J2778">
        <v>72.488882715102946</v>
      </c>
      <c r="K2778">
        <v>0.11391256549216321</v>
      </c>
      <c r="L2778">
        <v>-1.011794836588267</v>
      </c>
      <c r="M2778">
        <v>5.892147223664538</v>
      </c>
      <c r="N2778">
        <v>2</v>
      </c>
      <c r="O2778">
        <v>1</v>
      </c>
      <c r="P2778">
        <v>1</v>
      </c>
      <c r="Q2778">
        <v>0.36779852422552839</v>
      </c>
      <c r="R2778">
        <v>4.0841252355271811</v>
      </c>
      <c r="S2778">
        <v>2</v>
      </c>
      <c r="T2778">
        <v>1</v>
      </c>
      <c r="U2778">
        <v>1</v>
      </c>
      <c r="V2778">
        <v>0.16776575221435111</v>
      </c>
      <c r="W2778">
        <v>4.2236293316576567</v>
      </c>
      <c r="X2778">
        <v>2</v>
      </c>
      <c r="Y2778">
        <v>1</v>
      </c>
      <c r="Z2778">
        <v>1</v>
      </c>
      <c r="AA2778">
        <v>0.11951030798891769</v>
      </c>
      <c r="AB2778">
        <v>4.2286910368905044</v>
      </c>
      <c r="AC2778">
        <v>1</v>
      </c>
      <c r="AD2778">
        <v>1</v>
      </c>
      <c r="AE2778">
        <v>0</v>
      </c>
      <c r="AF2778">
        <v>0</v>
      </c>
      <c r="AG2778">
        <v>4.2341065045972579</v>
      </c>
      <c r="AH2778">
        <v>0.1078882965256754</v>
      </c>
      <c r="AI2778">
        <v>2.624393297194709E-2</v>
      </c>
      <c r="AJ2778">
        <v>-1.6632362186264391E-2</v>
      </c>
      <c r="AK2778">
        <v>-9.0486071004714841E-2</v>
      </c>
      <c r="AL2778">
        <v>669.30035449566321</v>
      </c>
      <c r="AM2778">
        <v>961.71255345450277</v>
      </c>
      <c r="AN2778">
        <v>8462</v>
      </c>
      <c r="AO2778">
        <v>119.605396919383</v>
      </c>
      <c r="AP2778">
        <v>517.4118973689026</v>
      </c>
      <c r="AQ2778">
        <v>1.319444444444444</v>
      </c>
      <c r="AR2778">
        <v>3.6388888888888888</v>
      </c>
      <c r="AS2778">
        <v>72</v>
      </c>
      <c r="AT2778">
        <v>7.2222222222222241</v>
      </c>
      <c r="AU2778">
        <v>0.1095740008783487</v>
      </c>
      <c r="AV2778">
        <v>0.10859083796822749</v>
      </c>
      <c r="AW2778">
        <v>0.375</v>
      </c>
      <c r="AX2778">
        <v>78.436619718309856</v>
      </c>
      <c r="AY2778">
        <v>55.5</v>
      </c>
      <c r="AZ2778">
        <v>108.75</v>
      </c>
      <c r="BA2778">
        <v>0.61678085032940355</v>
      </c>
      <c r="BB2778">
        <v>0.47222222222222221</v>
      </c>
      <c r="BC2778">
        <v>3.9540864520642822</v>
      </c>
      <c r="BD2778" t="s">
        <v>10570</v>
      </c>
      <c r="BE2778" t="s">
        <v>68</v>
      </c>
    </row>
    <row r="2779" spans="1:57" x14ac:dyDescent="0.3">
      <c r="A2779" t="s">
        <v>10571</v>
      </c>
      <c r="B2779">
        <v>728</v>
      </c>
      <c r="C2779" t="s">
        <v>10572</v>
      </c>
      <c r="D2779" t="s">
        <v>10573</v>
      </c>
      <c r="E2779" t="s">
        <v>10622</v>
      </c>
      <c r="F2779">
        <v>64</v>
      </c>
      <c r="G2779">
        <v>138.71875</v>
      </c>
      <c r="H2779">
        <v>148</v>
      </c>
      <c r="I2779">
        <v>5272.6083984375</v>
      </c>
      <c r="J2779">
        <v>72.612728900913098</v>
      </c>
      <c r="K2779">
        <v>-0.1475891987327905</v>
      </c>
      <c r="L2779">
        <v>-1.19408234548973</v>
      </c>
      <c r="M2779">
        <v>5.78125</v>
      </c>
      <c r="N2779">
        <v>2</v>
      </c>
      <c r="O2779">
        <v>1</v>
      </c>
      <c r="P2779">
        <v>1</v>
      </c>
      <c r="Q2779">
        <v>0.32821556024332821</v>
      </c>
      <c r="R2779">
        <v>4.0072571376121839</v>
      </c>
      <c r="S2779">
        <v>1</v>
      </c>
      <c r="T2779">
        <v>1</v>
      </c>
      <c r="U2779">
        <v>0</v>
      </c>
      <c r="V2779">
        <v>0</v>
      </c>
      <c r="W2779">
        <v>4.1431347263915326</v>
      </c>
      <c r="X2779">
        <v>1</v>
      </c>
      <c r="Y2779">
        <v>1</v>
      </c>
      <c r="Z2779">
        <v>0</v>
      </c>
      <c r="AA2779">
        <v>0</v>
      </c>
      <c r="AB2779">
        <v>4.1271343850450908</v>
      </c>
      <c r="AC2779">
        <v>1</v>
      </c>
      <c r="AD2779">
        <v>1</v>
      </c>
      <c r="AE2779">
        <v>0</v>
      </c>
      <c r="AF2779">
        <v>0</v>
      </c>
      <c r="AG2779">
        <v>4.1108738641733096</v>
      </c>
      <c r="AH2779">
        <v>8.7518988517824373E-2</v>
      </c>
      <c r="AI2779">
        <v>6.2400493614644227E-3</v>
      </c>
      <c r="AJ2779">
        <v>3.3058562702728632E-2</v>
      </c>
      <c r="AK2779">
        <v>0.20221630099806431</v>
      </c>
      <c r="AL2779">
        <v>668.32793798745524</v>
      </c>
      <c r="AM2779">
        <v>1059.4006641990729</v>
      </c>
      <c r="AN2779">
        <v>8878</v>
      </c>
      <c r="AO2779">
        <v>131.27265137693769</v>
      </c>
      <c r="AP2779">
        <v>545.31101776724984</v>
      </c>
      <c r="AQ2779">
        <v>1.359375</v>
      </c>
      <c r="AR2779">
        <v>4.171875</v>
      </c>
      <c r="AS2779">
        <v>64</v>
      </c>
      <c r="AT2779">
        <v>5.46875</v>
      </c>
      <c r="AU2779">
        <v>8.4609683794466428E-2</v>
      </c>
      <c r="AV2779">
        <v>8.9218450802508287E-2</v>
      </c>
      <c r="AW2779">
        <v>0.359375</v>
      </c>
      <c r="AX2779">
        <v>78.746031746031747</v>
      </c>
      <c r="AY2779">
        <v>61</v>
      </c>
      <c r="AZ2779">
        <v>126.5</v>
      </c>
      <c r="BA2779">
        <v>0.52345287786195516</v>
      </c>
      <c r="BB2779">
        <v>0.53125</v>
      </c>
      <c r="BC2779">
        <v>3.9450926748029782</v>
      </c>
      <c r="BD2779" t="s">
        <v>10574</v>
      </c>
      <c r="BE2779" t="s">
        <v>62</v>
      </c>
    </row>
    <row r="2780" spans="1:57" x14ac:dyDescent="0.3">
      <c r="A2780" t="s">
        <v>10575</v>
      </c>
      <c r="B2780">
        <v>1999</v>
      </c>
      <c r="C2780" t="s">
        <v>10576</v>
      </c>
      <c r="D2780" t="s">
        <v>10577</v>
      </c>
      <c r="E2780" t="s">
        <v>93</v>
      </c>
      <c r="F2780">
        <v>2003</v>
      </c>
      <c r="G2780">
        <v>127.50673989016479</v>
      </c>
      <c r="H2780">
        <v>128</v>
      </c>
      <c r="I2780">
        <v>5414.3577928165168</v>
      </c>
      <c r="J2780">
        <v>73.582319838508198</v>
      </c>
      <c r="K2780">
        <v>1.1123897049012401E-2</v>
      </c>
      <c r="L2780">
        <v>-1.1987468973337789</v>
      </c>
      <c r="M2780">
        <v>7.900796053848647</v>
      </c>
      <c r="N2780">
        <v>18</v>
      </c>
      <c r="O2780">
        <v>2</v>
      </c>
      <c r="P2780">
        <v>16</v>
      </c>
      <c r="Q2780">
        <v>2.8825240158840719</v>
      </c>
      <c r="R2780">
        <v>5.476414508904341</v>
      </c>
      <c r="S2780">
        <v>3</v>
      </c>
      <c r="T2780">
        <v>1</v>
      </c>
      <c r="U2780">
        <v>2</v>
      </c>
      <c r="V2780">
        <v>0.1359917612401946</v>
      </c>
      <c r="W2780">
        <v>7.5774046817617968</v>
      </c>
      <c r="X2780">
        <v>1</v>
      </c>
      <c r="Y2780">
        <v>1</v>
      </c>
      <c r="Z2780">
        <v>0</v>
      </c>
      <c r="AA2780">
        <v>0</v>
      </c>
      <c r="AB2780">
        <v>7.6014023345837343</v>
      </c>
      <c r="AC2780">
        <v>1</v>
      </c>
      <c r="AD2780">
        <v>1</v>
      </c>
      <c r="AE2780">
        <v>0</v>
      </c>
      <c r="AF2780">
        <v>0</v>
      </c>
      <c r="AG2780">
        <v>7.6009024595420804</v>
      </c>
      <c r="AH2780">
        <v>2.185839390275039E-3</v>
      </c>
      <c r="AI2780">
        <v>8.4579597495337468E-3</v>
      </c>
      <c r="AJ2780">
        <v>-7.2018005291388529E-3</v>
      </c>
      <c r="AK2780">
        <v>1.814158042888752E-2</v>
      </c>
      <c r="AL2780">
        <v>3025.0992669830289</v>
      </c>
      <c r="AM2780">
        <v>5853.0713668038188</v>
      </c>
      <c r="AN2780">
        <v>255396</v>
      </c>
      <c r="AO2780">
        <v>149.74745906287501</v>
      </c>
      <c r="AP2780">
        <v>2687.5945035729901</v>
      </c>
      <c r="AQ2780">
        <v>1.0114827758362459</v>
      </c>
      <c r="AR2780">
        <v>3.9510733899151269</v>
      </c>
      <c r="AS2780">
        <v>1998</v>
      </c>
      <c r="AT2780">
        <v>271.85971043434847</v>
      </c>
      <c r="AU2780">
        <v>1.308037943085372E-2</v>
      </c>
      <c r="AV2780">
        <v>2.187589815967447E-3</v>
      </c>
      <c r="AW2780">
        <v>0.37543684473290068</v>
      </c>
      <c r="AX2780">
        <v>84.755744255744261</v>
      </c>
      <c r="AY2780">
        <v>64</v>
      </c>
      <c r="AZ2780">
        <v>128</v>
      </c>
      <c r="BA2780">
        <v>0.57708572818889847</v>
      </c>
      <c r="BB2780">
        <v>0.50374438342486272</v>
      </c>
      <c r="BC2780">
        <v>5.2828391506353656</v>
      </c>
      <c r="BD2780" t="s">
        <v>10578</v>
      </c>
      <c r="BE2780" t="s">
        <v>68</v>
      </c>
    </row>
    <row r="2781" spans="1:57" x14ac:dyDescent="0.3">
      <c r="A2781" t="s">
        <v>10579</v>
      </c>
      <c r="B2781">
        <v>159</v>
      </c>
      <c r="C2781" t="s">
        <v>10580</v>
      </c>
      <c r="D2781" t="s">
        <v>10581</v>
      </c>
      <c r="E2781" t="s">
        <v>60</v>
      </c>
      <c r="F2781">
        <v>256</v>
      </c>
      <c r="G2781">
        <v>125.55078125</v>
      </c>
      <c r="H2781">
        <v>134.5</v>
      </c>
      <c r="I2781">
        <v>6179.7708587646484</v>
      </c>
      <c r="J2781">
        <v>78.611518613779808</v>
      </c>
      <c r="K2781">
        <v>-3.9685818986482942E-2</v>
      </c>
      <c r="L2781">
        <v>-1.348037417233684</v>
      </c>
      <c r="M2781">
        <v>7.1003240976869417</v>
      </c>
      <c r="N2781">
        <v>5</v>
      </c>
      <c r="O2781">
        <v>1</v>
      </c>
      <c r="P2781">
        <v>4</v>
      </c>
      <c r="Q2781">
        <v>0.8695089336171069</v>
      </c>
      <c r="R2781">
        <v>4.9215696293735416</v>
      </c>
      <c r="S2781">
        <v>1</v>
      </c>
      <c r="T2781">
        <v>1</v>
      </c>
      <c r="U2781">
        <v>0</v>
      </c>
      <c r="V2781">
        <v>0</v>
      </c>
      <c r="W2781">
        <v>5.541263545158424</v>
      </c>
      <c r="X2781">
        <v>1</v>
      </c>
      <c r="Y2781">
        <v>1</v>
      </c>
      <c r="Z2781">
        <v>0</v>
      </c>
      <c r="AA2781">
        <v>0</v>
      </c>
      <c r="AB2781">
        <v>5.5373342670185366</v>
      </c>
      <c r="AC2781">
        <v>1</v>
      </c>
      <c r="AD2781">
        <v>1</v>
      </c>
      <c r="AE2781">
        <v>0</v>
      </c>
      <c r="AF2781">
        <v>0</v>
      </c>
      <c r="AG2781">
        <v>5.5333894887275203</v>
      </c>
      <c r="AH2781">
        <v>5.3916723769313467E-2</v>
      </c>
      <c r="AI2781">
        <v>1.0374143207132879E-2</v>
      </c>
      <c r="AJ2781">
        <v>-6.771653604353875E-2</v>
      </c>
      <c r="AK2781">
        <v>-9.7237521711494024E-2</v>
      </c>
      <c r="AL2781">
        <v>1218.6917040970411</v>
      </c>
      <c r="AM2781">
        <v>2032.7664721666999</v>
      </c>
      <c r="AN2781">
        <v>32141</v>
      </c>
      <c r="AO2781">
        <v>96.272091408959781</v>
      </c>
      <c r="AP2781">
        <v>1001.103345520927</v>
      </c>
      <c r="AQ2781">
        <v>1.08984375</v>
      </c>
      <c r="AR2781">
        <v>3.796875</v>
      </c>
      <c r="AS2781">
        <v>256</v>
      </c>
      <c r="AT2781">
        <v>70.953125</v>
      </c>
      <c r="AU2781">
        <v>6.5670955882352944E-2</v>
      </c>
      <c r="AV2781">
        <v>5.410944842394616E-2</v>
      </c>
      <c r="AW2781">
        <v>0.30078125</v>
      </c>
      <c r="AX2781">
        <v>85.28235294117647</v>
      </c>
      <c r="AY2781">
        <v>71.5</v>
      </c>
      <c r="AZ2781">
        <v>148.25</v>
      </c>
      <c r="BA2781">
        <v>0.62613324928059588</v>
      </c>
      <c r="BB2781">
        <v>0.53125</v>
      </c>
      <c r="BC2781">
        <v>4.8217295004104734</v>
      </c>
      <c r="BD2781" t="s">
        <v>10582</v>
      </c>
      <c r="BE2781" t="s">
        <v>62</v>
      </c>
    </row>
    <row r="2782" spans="1:57" x14ac:dyDescent="0.3">
      <c r="A2782" t="s">
        <v>10583</v>
      </c>
      <c r="B2782">
        <v>1722</v>
      </c>
      <c r="C2782" t="s">
        <v>10584</v>
      </c>
      <c r="D2782" t="s">
        <v>10585</v>
      </c>
      <c r="E2782" t="s">
        <v>85</v>
      </c>
      <c r="F2782">
        <v>8</v>
      </c>
      <c r="G2782">
        <v>131.625</v>
      </c>
      <c r="H2782">
        <v>166.5</v>
      </c>
      <c r="I2782">
        <v>6517.984375</v>
      </c>
      <c r="J2782">
        <v>80.734034799457405</v>
      </c>
      <c r="K2782">
        <v>-0.40888799487290473</v>
      </c>
      <c r="L2782">
        <v>-1.563999040181562</v>
      </c>
      <c r="M2782">
        <v>2.75</v>
      </c>
      <c r="N2782">
        <v>2</v>
      </c>
      <c r="O2782">
        <v>1</v>
      </c>
      <c r="P2782">
        <v>1</v>
      </c>
      <c r="Q2782">
        <v>0.3499271061118826</v>
      </c>
      <c r="R2782">
        <v>1.9061547465398501</v>
      </c>
      <c r="S2782">
        <v>1</v>
      </c>
      <c r="T2782">
        <v>1</v>
      </c>
      <c r="U2782">
        <v>0</v>
      </c>
      <c r="V2782">
        <v>0</v>
      </c>
      <c r="W2782">
        <v>1.945910149055313</v>
      </c>
      <c r="X2782">
        <v>1</v>
      </c>
      <c r="Y2782">
        <v>1</v>
      </c>
      <c r="Z2782">
        <v>0</v>
      </c>
      <c r="AA2782">
        <v>0</v>
      </c>
      <c r="AB2782">
        <v>1.791759469228055</v>
      </c>
      <c r="AC2782">
        <v>1</v>
      </c>
      <c r="AD2782">
        <v>1</v>
      </c>
      <c r="AE2782">
        <v>0</v>
      </c>
      <c r="AF2782">
        <v>0</v>
      </c>
      <c r="AG2782">
        <v>1.6094379124341009</v>
      </c>
      <c r="AH2782">
        <v>-0.22182884614923609</v>
      </c>
      <c r="AI2782">
        <v>-0.36647700712691572</v>
      </c>
      <c r="AJ2782">
        <v>-0.44690921273112127</v>
      </c>
      <c r="AK2782">
        <v>0</v>
      </c>
      <c r="AL2782">
        <v>327.89756147624718</v>
      </c>
      <c r="AM2782">
        <v>288.4929620942782</v>
      </c>
      <c r="AN2782">
        <v>1053</v>
      </c>
      <c r="AO2782">
        <v>104.1070108784847</v>
      </c>
      <c r="AP2782">
        <v>235.79606726905709</v>
      </c>
      <c r="AQ2782">
        <v>3.5</v>
      </c>
      <c r="AR2782">
        <v>4</v>
      </c>
      <c r="AS2782">
        <v>8</v>
      </c>
      <c r="AT2782">
        <v>0.74999999999999989</v>
      </c>
      <c r="AU2782">
        <v>0.25</v>
      </c>
      <c r="AV2782">
        <v>-0.28164451379003108</v>
      </c>
      <c r="AW2782">
        <v>0.125</v>
      </c>
      <c r="AX2782">
        <v>102.8571428571429</v>
      </c>
      <c r="AY2782">
        <v>46.5</v>
      </c>
      <c r="AZ2782">
        <v>150.75</v>
      </c>
      <c r="BA2782">
        <v>0.61336398708039819</v>
      </c>
      <c r="BB2782">
        <v>0.625</v>
      </c>
      <c r="BC2782">
        <v>1.945910149055313</v>
      </c>
      <c r="BD2782" t="s">
        <v>10584</v>
      </c>
      <c r="BE2782" t="s">
        <v>68</v>
      </c>
    </row>
    <row r="2783" spans="1:57" x14ac:dyDescent="0.3">
      <c r="A2783" t="s">
        <v>10586</v>
      </c>
      <c r="B2783">
        <v>1237</v>
      </c>
      <c r="C2783" t="s">
        <v>10587</v>
      </c>
      <c r="D2783" t="s">
        <v>10588</v>
      </c>
      <c r="E2783" t="s">
        <v>72</v>
      </c>
      <c r="F2783">
        <v>1240</v>
      </c>
      <c r="G2783">
        <v>124.23306451612901</v>
      </c>
      <c r="H2783">
        <v>124</v>
      </c>
      <c r="I2783">
        <v>5487.7126164151923</v>
      </c>
      <c r="J2783">
        <v>74.079097027536676</v>
      </c>
      <c r="K2783">
        <v>1.9788235624979719E-2</v>
      </c>
      <c r="L2783">
        <v>-1.20302944794819</v>
      </c>
      <c r="M2783">
        <v>7.8590725022404024</v>
      </c>
      <c r="N2783">
        <v>12</v>
      </c>
      <c r="O2783">
        <v>1</v>
      </c>
      <c r="P2783">
        <v>11</v>
      </c>
      <c r="Q2783">
        <v>2.0978009760282288</v>
      </c>
      <c r="R2783">
        <v>5.4474939467441299</v>
      </c>
      <c r="S2783">
        <v>3</v>
      </c>
      <c r="T2783">
        <v>1</v>
      </c>
      <c r="U2783">
        <v>2</v>
      </c>
      <c r="V2783">
        <v>0.1063686772821871</v>
      </c>
      <c r="W2783">
        <v>7.1082109869744183</v>
      </c>
      <c r="X2783">
        <v>1</v>
      </c>
      <c r="Y2783">
        <v>1</v>
      </c>
      <c r="Z2783">
        <v>0</v>
      </c>
      <c r="AA2783">
        <v>0</v>
      </c>
      <c r="AB2783">
        <v>7.1212524532445416</v>
      </c>
      <c r="AC2783">
        <v>1</v>
      </c>
      <c r="AD2783">
        <v>1</v>
      </c>
      <c r="AE2783">
        <v>0</v>
      </c>
      <c r="AF2783">
        <v>0</v>
      </c>
      <c r="AG2783">
        <v>7.1204443723924893</v>
      </c>
      <c r="AH2783">
        <v>-2.4535267257982551E-2</v>
      </c>
      <c r="AI2783">
        <v>-1.9104951768109248E-2</v>
      </c>
      <c r="AJ2783">
        <v>7.8282253947407187E-3</v>
      </c>
      <c r="AK2783">
        <v>-3.655571405532964E-2</v>
      </c>
      <c r="AL2783">
        <v>2458.416534923595</v>
      </c>
      <c r="AM2783">
        <v>4460.8218010602332</v>
      </c>
      <c r="AN2783">
        <v>154049</v>
      </c>
      <c r="AO2783">
        <v>56.808445501796982</v>
      </c>
      <c r="AP2783">
        <v>2248.081513760892</v>
      </c>
      <c r="AQ2783">
        <v>1.018548387096774</v>
      </c>
      <c r="AR2783">
        <v>3.94758064516129</v>
      </c>
      <c r="AS2783">
        <v>1235</v>
      </c>
      <c r="AT2783">
        <v>230.7741935483871</v>
      </c>
      <c r="AU2783">
        <v>2.9269449715369988E-2</v>
      </c>
      <c r="AV2783">
        <v>-2.45396724777645E-2</v>
      </c>
      <c r="AW2783">
        <v>0.37338709677419363</v>
      </c>
      <c r="AX2783">
        <v>87.074253430185635</v>
      </c>
      <c r="AY2783">
        <v>65</v>
      </c>
      <c r="AZ2783">
        <v>129</v>
      </c>
      <c r="BA2783">
        <v>0.59629131194714324</v>
      </c>
      <c r="BB2783">
        <v>0.49838709677419363</v>
      </c>
      <c r="BC2783">
        <v>5.2702371737024816</v>
      </c>
      <c r="BD2783" t="s">
        <v>10589</v>
      </c>
      <c r="BE2783" t="s">
        <v>68</v>
      </c>
    </row>
    <row r="2784" spans="1:57" x14ac:dyDescent="0.3">
      <c r="A2784" t="s">
        <v>10590</v>
      </c>
      <c r="B2784">
        <v>992</v>
      </c>
      <c r="C2784" t="s">
        <v>10591</v>
      </c>
      <c r="D2784" t="s">
        <v>10592</v>
      </c>
      <c r="E2784" t="s">
        <v>106</v>
      </c>
      <c r="F2784">
        <v>1014</v>
      </c>
      <c r="G2784">
        <v>127.3323471400394</v>
      </c>
      <c r="H2784">
        <v>125</v>
      </c>
      <c r="I2784">
        <v>5502.5848116506977</v>
      </c>
      <c r="J2784">
        <v>74.179409620532155</v>
      </c>
      <c r="K2784">
        <v>2.5086243890589711E-2</v>
      </c>
      <c r="L2784">
        <v>-1.2112391712769841</v>
      </c>
      <c r="M2784">
        <v>7.7979220406771539</v>
      </c>
      <c r="N2784">
        <v>12</v>
      </c>
      <c r="O2784">
        <v>1</v>
      </c>
      <c r="P2784">
        <v>11</v>
      </c>
      <c r="Q2784">
        <v>1.9996031415277291</v>
      </c>
      <c r="R2784">
        <v>5.4051076767216246</v>
      </c>
      <c r="S2784">
        <v>2</v>
      </c>
      <c r="T2784">
        <v>1</v>
      </c>
      <c r="U2784">
        <v>1</v>
      </c>
      <c r="V2784">
        <v>6.2837928579375035E-2</v>
      </c>
      <c r="W2784">
        <v>6.9151974890024031</v>
      </c>
      <c r="X2784">
        <v>1</v>
      </c>
      <c r="Y2784">
        <v>1</v>
      </c>
      <c r="Z2784">
        <v>0</v>
      </c>
      <c r="AA2784">
        <v>0</v>
      </c>
      <c r="AB2784">
        <v>6.9196838498474103</v>
      </c>
      <c r="AC2784">
        <v>1</v>
      </c>
      <c r="AD2784">
        <v>1</v>
      </c>
      <c r="AE2784">
        <v>0</v>
      </c>
      <c r="AF2784">
        <v>0</v>
      </c>
      <c r="AG2784">
        <v>6.9186952190204689</v>
      </c>
      <c r="AH2784">
        <v>4.505968621235374E-2</v>
      </c>
      <c r="AI2784">
        <v>-1.25092443059044E-2</v>
      </c>
      <c r="AJ2784">
        <v>-2.8287498513397048E-2</v>
      </c>
      <c r="AK2784">
        <v>-2.1393255814267671E-2</v>
      </c>
      <c r="AL2784">
        <v>2216.5334180930972</v>
      </c>
      <c r="AM2784">
        <v>4136.0750242804525</v>
      </c>
      <c r="AN2784">
        <v>129115</v>
      </c>
      <c r="AO2784">
        <v>117.5223082288921</v>
      </c>
      <c r="AP2784">
        <v>1959.7932305949309</v>
      </c>
      <c r="AQ2784">
        <v>1.0226824457593691</v>
      </c>
      <c r="AR2784">
        <v>4.055226824457594</v>
      </c>
      <c r="AS2784">
        <v>1007</v>
      </c>
      <c r="AT2784">
        <v>248.4260355029586</v>
      </c>
      <c r="AU2784">
        <v>1.787910430444373E-2</v>
      </c>
      <c r="AV2784">
        <v>4.5074066767636339E-2</v>
      </c>
      <c r="AW2784">
        <v>0.37672583826429978</v>
      </c>
      <c r="AX2784">
        <v>82.440276406712741</v>
      </c>
      <c r="AY2784">
        <v>65</v>
      </c>
      <c r="AZ2784">
        <v>129.5</v>
      </c>
      <c r="BA2784">
        <v>0.58256532049118703</v>
      </c>
      <c r="BB2784">
        <v>0.48717948717948723</v>
      </c>
      <c r="BC2784">
        <v>5.2001733775468928</v>
      </c>
      <c r="BD2784" t="s">
        <v>10593</v>
      </c>
      <c r="BE2784" t="s">
        <v>68</v>
      </c>
    </row>
    <row r="2785" spans="1:57" x14ac:dyDescent="0.3">
      <c r="A2785" t="s">
        <v>10594</v>
      </c>
      <c r="B2785">
        <v>3726</v>
      </c>
      <c r="C2785" t="s">
        <v>10595</v>
      </c>
      <c r="D2785" t="s">
        <v>10596</v>
      </c>
      <c r="E2785" t="s">
        <v>98</v>
      </c>
      <c r="F2785">
        <v>16</v>
      </c>
      <c r="G2785">
        <v>110.3125</v>
      </c>
      <c r="H2785">
        <v>98.5</v>
      </c>
      <c r="I2785">
        <v>3394.71484375</v>
      </c>
      <c r="J2785">
        <v>58.264181481850407</v>
      </c>
      <c r="K2785">
        <v>0.55238046003987373</v>
      </c>
      <c r="L2785">
        <v>-0.24977278375689149</v>
      </c>
      <c r="M2785">
        <v>3.875</v>
      </c>
      <c r="N2785">
        <v>2</v>
      </c>
      <c r="O2785">
        <v>1</v>
      </c>
      <c r="P2785">
        <v>1</v>
      </c>
      <c r="Q2785">
        <v>0.24944382578492949</v>
      </c>
      <c r="R2785">
        <v>2.6859453246697882</v>
      </c>
      <c r="S2785">
        <v>1</v>
      </c>
      <c r="T2785">
        <v>1</v>
      </c>
      <c r="U2785">
        <v>0</v>
      </c>
      <c r="V2785">
        <v>0</v>
      </c>
      <c r="W2785">
        <v>2.7080502011022101</v>
      </c>
      <c r="X2785">
        <v>1</v>
      </c>
      <c r="Y2785">
        <v>1</v>
      </c>
      <c r="Z2785">
        <v>0</v>
      </c>
      <c r="AA2785">
        <v>0</v>
      </c>
      <c r="AB2785">
        <v>2.639057329615258</v>
      </c>
      <c r="AC2785">
        <v>1</v>
      </c>
      <c r="AD2785">
        <v>1</v>
      </c>
      <c r="AE2785">
        <v>0</v>
      </c>
      <c r="AF2785">
        <v>0</v>
      </c>
      <c r="AG2785">
        <v>2.5649493574615372</v>
      </c>
      <c r="AH2785">
        <v>8.0301108570652674E-2</v>
      </c>
      <c r="AI2785">
        <v>0.11199725101174041</v>
      </c>
      <c r="AJ2785">
        <v>-0.16250307808438441</v>
      </c>
      <c r="AK2785">
        <v>1.9738575704190912E-3</v>
      </c>
      <c r="AL2785">
        <v>312.36438796586441</v>
      </c>
      <c r="AM2785">
        <v>389.15997883995078</v>
      </c>
      <c r="AN2785">
        <v>1765</v>
      </c>
      <c r="AO2785">
        <v>56.42805639016894</v>
      </c>
      <c r="AP2785">
        <v>233.37149512520111</v>
      </c>
      <c r="AQ2785">
        <v>2.25</v>
      </c>
      <c r="AR2785">
        <v>3.75</v>
      </c>
      <c r="AS2785">
        <v>16</v>
      </c>
      <c r="AT2785">
        <v>0.87499999999999989</v>
      </c>
      <c r="AU2785">
        <v>0.28963414634146339</v>
      </c>
      <c r="AV2785">
        <v>8.0476866898208405E-2</v>
      </c>
      <c r="AW2785">
        <v>0.5625</v>
      </c>
      <c r="AX2785">
        <v>71.333333333333329</v>
      </c>
      <c r="AY2785">
        <v>39</v>
      </c>
      <c r="AZ2785">
        <v>82</v>
      </c>
      <c r="BA2785">
        <v>0.52817388312159008</v>
      </c>
      <c r="BB2785">
        <v>0.4375</v>
      </c>
      <c r="BC2785">
        <v>2.615630577027551</v>
      </c>
      <c r="BD2785" t="s">
        <v>10595</v>
      </c>
      <c r="BE2785" t="s">
        <v>62</v>
      </c>
    </row>
    <row r="2786" spans="1:57" x14ac:dyDescent="0.3">
      <c r="A2786" t="s">
        <v>10597</v>
      </c>
      <c r="B2786">
        <v>3701</v>
      </c>
      <c r="C2786" t="s">
        <v>10598</v>
      </c>
      <c r="D2786" t="s">
        <v>10599</v>
      </c>
      <c r="E2786" t="s">
        <v>106</v>
      </c>
      <c r="F2786">
        <v>3769</v>
      </c>
      <c r="G2786">
        <v>127.9846113027328</v>
      </c>
      <c r="H2786">
        <v>127</v>
      </c>
      <c r="I2786">
        <v>5407.3300895345074</v>
      </c>
      <c r="J2786">
        <v>73.534550311635869</v>
      </c>
      <c r="K2786">
        <v>8.7811697940187259E-3</v>
      </c>
      <c r="L2786">
        <v>-1.1986936521621021</v>
      </c>
      <c r="M2786">
        <v>7.9479742683600696</v>
      </c>
      <c r="N2786">
        <v>27</v>
      </c>
      <c r="O2786">
        <v>4</v>
      </c>
      <c r="P2786">
        <v>23</v>
      </c>
      <c r="Q2786">
        <v>3.8877354197959431</v>
      </c>
      <c r="R2786">
        <v>5.5091159552767728</v>
      </c>
      <c r="S2786">
        <v>3</v>
      </c>
      <c r="T2786">
        <v>1</v>
      </c>
      <c r="U2786">
        <v>2</v>
      </c>
      <c r="V2786">
        <v>0.1709273727047973</v>
      </c>
      <c r="W2786">
        <v>8.1956201351687152</v>
      </c>
      <c r="X2786">
        <v>1</v>
      </c>
      <c r="Y2786">
        <v>1</v>
      </c>
      <c r="Z2786">
        <v>0</v>
      </c>
      <c r="AA2786">
        <v>0</v>
      </c>
      <c r="AB2786">
        <v>8.2340342076920372</v>
      </c>
      <c r="AC2786">
        <v>1</v>
      </c>
      <c r="AD2786">
        <v>1</v>
      </c>
      <c r="AE2786">
        <v>0</v>
      </c>
      <c r="AF2786">
        <v>0</v>
      </c>
      <c r="AG2786">
        <v>8.2337687092170935</v>
      </c>
      <c r="AH2786">
        <v>3.2047280063787167E-2</v>
      </c>
      <c r="AI2786">
        <v>7.5608389443596637E-3</v>
      </c>
      <c r="AJ2786">
        <v>-9.8686565784518159E-3</v>
      </c>
      <c r="AK2786">
        <v>-7.8640190919719612E-3</v>
      </c>
      <c r="AL2786">
        <v>4114.6265542828487</v>
      </c>
      <c r="AM2786">
        <v>8073.8172086560407</v>
      </c>
      <c r="AN2786">
        <v>482373.99999999988</v>
      </c>
      <c r="AO2786">
        <v>63.801367923295807</v>
      </c>
      <c r="AP2786">
        <v>3689.361401047744</v>
      </c>
      <c r="AQ2786">
        <v>1.0061024144335371</v>
      </c>
      <c r="AR2786">
        <v>4.0124701512337486</v>
      </c>
      <c r="AS2786">
        <v>3756</v>
      </c>
      <c r="AT2786">
        <v>262.81321305386052</v>
      </c>
      <c r="AU2786">
        <v>1.281871198996978E-2</v>
      </c>
      <c r="AV2786">
        <v>3.2048534292581171E-2</v>
      </c>
      <c r="AW2786">
        <v>0.37994162907933138</v>
      </c>
      <c r="AX2786">
        <v>83.209660297239921</v>
      </c>
      <c r="AY2786">
        <v>64</v>
      </c>
      <c r="AZ2786">
        <v>127</v>
      </c>
      <c r="BA2786">
        <v>0.57455775005401533</v>
      </c>
      <c r="BB2786">
        <v>0.49986733881666218</v>
      </c>
      <c r="BC2786">
        <v>5.2998710038572892</v>
      </c>
      <c r="BD2786" t="s">
        <v>10600</v>
      </c>
      <c r="BE2786" t="s">
        <v>68</v>
      </c>
    </row>
    <row r="2787" spans="1:57" x14ac:dyDescent="0.3">
      <c r="A2787" t="s">
        <v>10601</v>
      </c>
      <c r="B2787">
        <v>1595</v>
      </c>
      <c r="C2787" t="s">
        <v>10602</v>
      </c>
      <c r="D2787" t="s">
        <v>10603</v>
      </c>
      <c r="E2787" t="s">
        <v>85</v>
      </c>
      <c r="F2787">
        <v>8</v>
      </c>
      <c r="G2787">
        <v>157.25</v>
      </c>
      <c r="H2787">
        <v>146.5</v>
      </c>
      <c r="I2787">
        <v>4160.9375</v>
      </c>
      <c r="J2787">
        <v>64.505329237203341</v>
      </c>
      <c r="K2787">
        <v>0.18636471169361701</v>
      </c>
      <c r="L2787">
        <v>-1.280923224070724</v>
      </c>
      <c r="M2787">
        <v>3</v>
      </c>
      <c r="N2787">
        <v>1</v>
      </c>
      <c r="O2787">
        <v>1</v>
      </c>
      <c r="P2787">
        <v>0</v>
      </c>
      <c r="Q2787">
        <v>0</v>
      </c>
      <c r="R2787">
        <v>2.0794415416798362</v>
      </c>
      <c r="S2787">
        <v>1</v>
      </c>
      <c r="T2787">
        <v>1</v>
      </c>
      <c r="U2787">
        <v>0</v>
      </c>
      <c r="V2787">
        <v>0</v>
      </c>
      <c r="W2787">
        <v>1.945910149055313</v>
      </c>
      <c r="X2787">
        <v>1</v>
      </c>
      <c r="Y2787">
        <v>1</v>
      </c>
      <c r="Z2787">
        <v>0</v>
      </c>
      <c r="AA2787">
        <v>0</v>
      </c>
      <c r="AB2787">
        <v>1.791759469228055</v>
      </c>
      <c r="AC2787">
        <v>1</v>
      </c>
      <c r="AD2787">
        <v>1</v>
      </c>
      <c r="AE2787">
        <v>0</v>
      </c>
      <c r="AF2787">
        <v>0</v>
      </c>
      <c r="AG2787">
        <v>1.6094379124341009</v>
      </c>
      <c r="AH2787">
        <v>-4.6055200901239213E-2</v>
      </c>
      <c r="AI2787">
        <v>-0.19062335711603451</v>
      </c>
      <c r="AJ2787">
        <v>0.16326511453248219</v>
      </c>
      <c r="AK2787">
        <v>0</v>
      </c>
      <c r="AL2787">
        <v>322.42917746964417</v>
      </c>
      <c r="AM2787">
        <v>356.57737661866418</v>
      </c>
      <c r="AN2787">
        <v>1258</v>
      </c>
      <c r="AO2787">
        <v>70</v>
      </c>
      <c r="AP2787">
        <v>206.41524681118139</v>
      </c>
      <c r="AQ2787">
        <v>3.5</v>
      </c>
      <c r="AR2787">
        <v>4.25</v>
      </c>
      <c r="AS2787">
        <v>8</v>
      </c>
      <c r="AT2787">
        <v>0</v>
      </c>
      <c r="AU2787">
        <v>0.29950980392156862</v>
      </c>
      <c r="AV2787">
        <v>-4.7078122110981828E-2</v>
      </c>
      <c r="AW2787">
        <v>0.375</v>
      </c>
      <c r="AX2787">
        <v>80.571428571428569</v>
      </c>
      <c r="AY2787">
        <v>60</v>
      </c>
      <c r="AZ2787">
        <v>95.25</v>
      </c>
      <c r="BA2787">
        <v>0.41020877098380498</v>
      </c>
      <c r="BB2787">
        <v>0.375</v>
      </c>
      <c r="BC2787">
        <v>1.945910149055313</v>
      </c>
      <c r="BD2787" t="s">
        <v>10602</v>
      </c>
      <c r="BE2787" t="s">
        <v>68</v>
      </c>
    </row>
    <row r="2788" spans="1:57" x14ac:dyDescent="0.3">
      <c r="A2788" t="s">
        <v>10604</v>
      </c>
      <c r="B2788">
        <v>3188</v>
      </c>
      <c r="C2788" t="s">
        <v>10605</v>
      </c>
      <c r="D2788" t="s">
        <v>10606</v>
      </c>
      <c r="E2788" t="s">
        <v>72</v>
      </c>
      <c r="F2788">
        <v>3200</v>
      </c>
      <c r="G2788">
        <v>128.78</v>
      </c>
      <c r="H2788">
        <v>129</v>
      </c>
      <c r="I2788">
        <v>5531.9872250000008</v>
      </c>
      <c r="J2788">
        <v>74.377330047535324</v>
      </c>
      <c r="K2788">
        <v>-2.2788425958940449E-2</v>
      </c>
      <c r="L2788">
        <v>-1.2264635197812259</v>
      </c>
      <c r="M2788">
        <v>7.9386439030606484</v>
      </c>
      <c r="N2788">
        <v>25</v>
      </c>
      <c r="O2788">
        <v>5</v>
      </c>
      <c r="P2788">
        <v>20</v>
      </c>
      <c r="Q2788">
        <v>3.6593202920761119</v>
      </c>
      <c r="R2788">
        <v>5.5026486388758844</v>
      </c>
      <c r="S2788">
        <v>3</v>
      </c>
      <c r="T2788">
        <v>1</v>
      </c>
      <c r="U2788">
        <v>2</v>
      </c>
      <c r="V2788">
        <v>0.1447798898944779</v>
      </c>
      <c r="W2788">
        <v>8.0429652057706846</v>
      </c>
      <c r="X2788">
        <v>1</v>
      </c>
      <c r="Y2788">
        <v>1</v>
      </c>
      <c r="Z2788">
        <v>0</v>
      </c>
      <c r="AA2788">
        <v>0</v>
      </c>
      <c r="AB2788">
        <v>8.0702808933939032</v>
      </c>
      <c r="AC2788">
        <v>1</v>
      </c>
      <c r="AD2788">
        <v>1</v>
      </c>
      <c r="AE2788">
        <v>0</v>
      </c>
      <c r="AF2788">
        <v>0</v>
      </c>
      <c r="AG2788">
        <v>8.0699681490598412</v>
      </c>
      <c r="AH2788">
        <v>2.1400154015178519E-2</v>
      </c>
      <c r="AI2788">
        <v>-1.028312416249297E-2</v>
      </c>
      <c r="AJ2788">
        <v>-2.298215617715928E-2</v>
      </c>
      <c r="AK2788">
        <v>7.8004222524212354E-3</v>
      </c>
      <c r="AL2788">
        <v>3861.4011632931142</v>
      </c>
      <c r="AM2788">
        <v>7474.0660323627453</v>
      </c>
      <c r="AN2788">
        <v>412096</v>
      </c>
      <c r="AO2788">
        <v>124.5186402602848</v>
      </c>
      <c r="AP2788">
        <v>3531.6018778395169</v>
      </c>
      <c r="AQ2788">
        <v>1.0071874999999999</v>
      </c>
      <c r="AR2788">
        <v>4.0181250000000004</v>
      </c>
      <c r="AS2788">
        <v>3183</v>
      </c>
      <c r="AT2788">
        <v>274.24</v>
      </c>
      <c r="AU2788">
        <v>2.0208333333333269E-2</v>
      </c>
      <c r="AV2788">
        <v>2.1410032083374369E-2</v>
      </c>
      <c r="AW2788">
        <v>0.36312499999999998</v>
      </c>
      <c r="AX2788">
        <v>84.803688652703968</v>
      </c>
      <c r="AY2788">
        <v>65</v>
      </c>
      <c r="AZ2788">
        <v>129</v>
      </c>
      <c r="BA2788">
        <v>0.57755342481390992</v>
      </c>
      <c r="BB2788">
        <v>0.5028125</v>
      </c>
      <c r="BC2788">
        <v>5.3074009356322138</v>
      </c>
      <c r="BD2788" t="s">
        <v>10607</v>
      </c>
      <c r="BE2788" t="s">
        <v>62</v>
      </c>
    </row>
    <row r="2789" spans="1:57" x14ac:dyDescent="0.3">
      <c r="A2789" t="s">
        <v>10608</v>
      </c>
      <c r="B2789">
        <v>3552</v>
      </c>
      <c r="C2789" t="s">
        <v>10609</v>
      </c>
      <c r="D2789" t="s">
        <v>10610</v>
      </c>
      <c r="E2789" t="s">
        <v>115</v>
      </c>
      <c r="F2789">
        <v>3660</v>
      </c>
      <c r="G2789">
        <v>129.53633879781421</v>
      </c>
      <c r="H2789">
        <v>130.5</v>
      </c>
      <c r="I2789">
        <v>5505.2492259398614</v>
      </c>
      <c r="J2789">
        <v>74.197366704889617</v>
      </c>
      <c r="K2789">
        <v>-4.2126229904358513E-2</v>
      </c>
      <c r="L2789">
        <v>-1.20846374146598</v>
      </c>
      <c r="M2789">
        <v>7.9487971737908394</v>
      </c>
      <c r="N2789">
        <v>28</v>
      </c>
      <c r="O2789">
        <v>6</v>
      </c>
      <c r="P2789">
        <v>22</v>
      </c>
      <c r="Q2789">
        <v>3.8168200421784362</v>
      </c>
      <c r="R2789">
        <v>5.5096863498559889</v>
      </c>
      <c r="S2789">
        <v>3</v>
      </c>
      <c r="T2789">
        <v>1</v>
      </c>
      <c r="U2789">
        <v>2</v>
      </c>
      <c r="V2789">
        <v>0.17022951915543291</v>
      </c>
      <c r="W2789">
        <v>8.1660141671723192</v>
      </c>
      <c r="X2789">
        <v>1</v>
      </c>
      <c r="Y2789">
        <v>1</v>
      </c>
      <c r="Z2789">
        <v>0</v>
      </c>
      <c r="AA2789">
        <v>0</v>
      </c>
      <c r="AB2789">
        <v>8.2046718289508096</v>
      </c>
      <c r="AC2789">
        <v>1</v>
      </c>
      <c r="AD2789">
        <v>1</v>
      </c>
      <c r="AE2789">
        <v>0</v>
      </c>
      <c r="AF2789">
        <v>0</v>
      </c>
      <c r="AG2789">
        <v>8.2043984181493794</v>
      </c>
      <c r="AH2789">
        <v>8.8501677087305854E-3</v>
      </c>
      <c r="AI2789">
        <v>-4.8988968607553231E-2</v>
      </c>
      <c r="AJ2789">
        <v>8.3617256859279607E-3</v>
      </c>
      <c r="AK2789">
        <v>-2.5631315562712101E-2</v>
      </c>
      <c r="AL2789">
        <v>4091.7216083996318</v>
      </c>
      <c r="AM2789">
        <v>8051.1237277386017</v>
      </c>
      <c r="AN2789">
        <v>474103</v>
      </c>
      <c r="AO2789">
        <v>90.899048145704256</v>
      </c>
      <c r="AP2789">
        <v>3672.15924585319</v>
      </c>
      <c r="AQ2789">
        <v>1.006284153005464</v>
      </c>
      <c r="AR2789">
        <v>4.0256830601092899</v>
      </c>
      <c r="AS2789">
        <v>3641</v>
      </c>
      <c r="AT2789">
        <v>260.85683060109289</v>
      </c>
      <c r="AU2789">
        <v>2.1375763420122151E-2</v>
      </c>
      <c r="AV2789">
        <v>8.8555237896688205E-3</v>
      </c>
      <c r="AW2789">
        <v>0.35491803278688527</v>
      </c>
      <c r="AX2789">
        <v>84.698278218092369</v>
      </c>
      <c r="AY2789">
        <v>64.5</v>
      </c>
      <c r="AZ2789">
        <v>129</v>
      </c>
      <c r="BA2789">
        <v>0.57279190838255822</v>
      </c>
      <c r="BB2789">
        <v>0.503551912568306</v>
      </c>
      <c r="BC2789">
        <v>5.3164385007403663</v>
      </c>
      <c r="BD2789" t="s">
        <v>10611</v>
      </c>
      <c r="BE2789" t="s">
        <v>68</v>
      </c>
    </row>
    <row r="2790" spans="1:57" x14ac:dyDescent="0.3">
      <c r="A2790" t="s">
        <v>10612</v>
      </c>
      <c r="B2790">
        <v>3252</v>
      </c>
      <c r="C2790" t="s">
        <v>10613</v>
      </c>
      <c r="D2790" t="s">
        <v>10614</v>
      </c>
      <c r="E2790" t="s">
        <v>98</v>
      </c>
      <c r="F2790">
        <v>16</v>
      </c>
      <c r="G2790">
        <v>123.4375</v>
      </c>
      <c r="H2790">
        <v>127</v>
      </c>
      <c r="I2790">
        <v>3710.37109375</v>
      </c>
      <c r="J2790">
        <v>60.912815513239913</v>
      </c>
      <c r="K2790">
        <v>5.5890399586617588E-2</v>
      </c>
      <c r="L2790">
        <v>-0.67595983408779592</v>
      </c>
      <c r="M2790">
        <v>3.875</v>
      </c>
      <c r="N2790">
        <v>2</v>
      </c>
      <c r="O2790">
        <v>1</v>
      </c>
      <c r="P2790">
        <v>1</v>
      </c>
      <c r="Q2790">
        <v>0.24944382578492949</v>
      </c>
      <c r="R2790">
        <v>2.6859453246697882</v>
      </c>
      <c r="S2790">
        <v>1</v>
      </c>
      <c r="T2790">
        <v>1</v>
      </c>
      <c r="U2790">
        <v>0</v>
      </c>
      <c r="V2790">
        <v>0</v>
      </c>
      <c r="W2790">
        <v>2.7080502011022101</v>
      </c>
      <c r="X2790">
        <v>1</v>
      </c>
      <c r="Y2790">
        <v>1</v>
      </c>
      <c r="Z2790">
        <v>0</v>
      </c>
      <c r="AA2790">
        <v>0</v>
      </c>
      <c r="AB2790">
        <v>2.639057329615258</v>
      </c>
      <c r="AC2790">
        <v>1</v>
      </c>
      <c r="AD2790">
        <v>1</v>
      </c>
      <c r="AE2790">
        <v>0</v>
      </c>
      <c r="AF2790">
        <v>0</v>
      </c>
      <c r="AG2790">
        <v>2.5649493574615372</v>
      </c>
      <c r="AH2790">
        <v>9.6823133530907352E-2</v>
      </c>
      <c r="AI2790">
        <v>-0.26243492427791609</v>
      </c>
      <c r="AJ2790">
        <v>0.22411493069994889</v>
      </c>
      <c r="AK2790">
        <v>-0.1690590932300193</v>
      </c>
      <c r="AL2790">
        <v>327.81560413216482</v>
      </c>
      <c r="AM2790">
        <v>442.37080564551701</v>
      </c>
      <c r="AN2790">
        <v>1975</v>
      </c>
      <c r="AO2790">
        <v>28.886391867964921</v>
      </c>
      <c r="AP2790">
        <v>308.01461004309522</v>
      </c>
      <c r="AQ2790">
        <v>2.25</v>
      </c>
      <c r="AR2790">
        <v>3.75</v>
      </c>
      <c r="AS2790">
        <v>16</v>
      </c>
      <c r="AT2790">
        <v>0.87499999999999989</v>
      </c>
      <c r="AU2790">
        <v>0.1618449781659389</v>
      </c>
      <c r="AV2790">
        <v>9.7690555705243223E-2</v>
      </c>
      <c r="AW2790">
        <v>0.4375</v>
      </c>
      <c r="AX2790">
        <v>69.466666666666669</v>
      </c>
      <c r="AY2790">
        <v>42.5</v>
      </c>
      <c r="AZ2790">
        <v>80.75</v>
      </c>
      <c r="BA2790">
        <v>0.49347091048700681</v>
      </c>
      <c r="BB2790">
        <v>0.5</v>
      </c>
      <c r="BC2790">
        <v>2.7080502011022101</v>
      </c>
      <c r="BD2790" t="s">
        <v>10613</v>
      </c>
      <c r="BE2790" t="s">
        <v>62</v>
      </c>
    </row>
    <row r="2791" spans="1:57" x14ac:dyDescent="0.3">
      <c r="A2791" t="s">
        <v>10615</v>
      </c>
      <c r="B2791">
        <v>1191</v>
      </c>
      <c r="C2791" t="s">
        <v>10616</v>
      </c>
      <c r="D2791" t="s">
        <v>10617</v>
      </c>
      <c r="E2791" t="s">
        <v>98</v>
      </c>
      <c r="F2791">
        <v>16</v>
      </c>
      <c r="G2791">
        <v>102.0625</v>
      </c>
      <c r="H2791">
        <v>88.5</v>
      </c>
      <c r="I2791">
        <v>5797.93359375</v>
      </c>
      <c r="J2791">
        <v>76.144163228378844</v>
      </c>
      <c r="K2791">
        <v>0.18142903884236511</v>
      </c>
      <c r="L2791">
        <v>-1.4408312831921279</v>
      </c>
      <c r="M2791">
        <v>4</v>
      </c>
      <c r="N2791">
        <v>1</v>
      </c>
      <c r="O2791">
        <v>1</v>
      </c>
      <c r="P2791">
        <v>0</v>
      </c>
      <c r="Q2791">
        <v>0</v>
      </c>
      <c r="R2791">
        <v>2.7725887222397811</v>
      </c>
      <c r="S2791">
        <v>1</v>
      </c>
      <c r="T2791">
        <v>1</v>
      </c>
      <c r="U2791">
        <v>0</v>
      </c>
      <c r="V2791">
        <v>0</v>
      </c>
      <c r="W2791">
        <v>2.7080502011022101</v>
      </c>
      <c r="X2791">
        <v>1</v>
      </c>
      <c r="Y2791">
        <v>1</v>
      </c>
      <c r="Z2791">
        <v>0</v>
      </c>
      <c r="AA2791">
        <v>0</v>
      </c>
      <c r="AB2791">
        <v>2.639057329615258</v>
      </c>
      <c r="AC2791">
        <v>1</v>
      </c>
      <c r="AD2791">
        <v>1</v>
      </c>
      <c r="AE2791">
        <v>0</v>
      </c>
      <c r="AF2791">
        <v>0</v>
      </c>
      <c r="AG2791">
        <v>2.5649493574615372</v>
      </c>
      <c r="AH2791">
        <v>0.23119021896944689</v>
      </c>
      <c r="AI2791">
        <v>-0.13321295437288741</v>
      </c>
      <c r="AJ2791">
        <v>-0.30196191430001662</v>
      </c>
      <c r="AK2791">
        <v>0.1034032026496509</v>
      </c>
      <c r="AL2791">
        <v>362.31758405095201</v>
      </c>
      <c r="AM2791">
        <v>357.99576573959831</v>
      </c>
      <c r="AN2791">
        <v>1633</v>
      </c>
      <c r="AO2791">
        <v>13</v>
      </c>
      <c r="AP2791">
        <v>302.40948819969532</v>
      </c>
      <c r="AQ2791">
        <v>2.25</v>
      </c>
      <c r="AR2791">
        <v>3.5</v>
      </c>
      <c r="AS2791">
        <v>16</v>
      </c>
      <c r="AT2791">
        <v>0</v>
      </c>
      <c r="AU2791">
        <v>0.20605895196506549</v>
      </c>
      <c r="AV2791">
        <v>0.2364954544596134</v>
      </c>
      <c r="AW2791">
        <v>0.3125</v>
      </c>
      <c r="AX2791">
        <v>80.400000000000006</v>
      </c>
      <c r="AY2791">
        <v>71</v>
      </c>
      <c r="AZ2791">
        <v>129.25</v>
      </c>
      <c r="BA2791">
        <v>0.74605426310720235</v>
      </c>
      <c r="BB2791">
        <v>0.4375</v>
      </c>
      <c r="BC2791">
        <v>2.7080502011022101</v>
      </c>
      <c r="BD2791" t="s">
        <v>10616</v>
      </c>
      <c r="BE2791" t="s">
        <v>62</v>
      </c>
    </row>
    <row r="2792" spans="1:57" x14ac:dyDescent="0.3">
      <c r="A2792" t="s">
        <v>10618</v>
      </c>
      <c r="B2792">
        <v>1032</v>
      </c>
      <c r="C2792" t="s">
        <v>10619</v>
      </c>
      <c r="D2792" t="s">
        <v>10620</v>
      </c>
      <c r="E2792" t="s">
        <v>115</v>
      </c>
      <c r="F2792">
        <v>1072</v>
      </c>
      <c r="G2792">
        <v>126.5121268656716</v>
      </c>
      <c r="H2792">
        <v>126</v>
      </c>
      <c r="I2792">
        <v>5514.0054499540538</v>
      </c>
      <c r="J2792">
        <v>74.256349559846086</v>
      </c>
      <c r="K2792">
        <v>1.2736823834005449E-2</v>
      </c>
      <c r="L2792">
        <v>-1.212171555069848</v>
      </c>
      <c r="M2792">
        <v>7.8402017716197943</v>
      </c>
      <c r="N2792">
        <v>11</v>
      </c>
      <c r="O2792">
        <v>1</v>
      </c>
      <c r="P2792">
        <v>10</v>
      </c>
      <c r="Q2792">
        <v>1.8245533091309409</v>
      </c>
      <c r="R2792">
        <v>5.4344137530193466</v>
      </c>
      <c r="S2792">
        <v>2</v>
      </c>
      <c r="T2792">
        <v>1</v>
      </c>
      <c r="U2792">
        <v>1</v>
      </c>
      <c r="V2792">
        <v>6.1112803699723002E-2</v>
      </c>
      <c r="W2792">
        <v>6.9711705004715778</v>
      </c>
      <c r="X2792">
        <v>1</v>
      </c>
      <c r="Y2792">
        <v>1</v>
      </c>
      <c r="Z2792">
        <v>0</v>
      </c>
      <c r="AA2792">
        <v>0</v>
      </c>
      <c r="AB2792">
        <v>6.9754139274559517</v>
      </c>
      <c r="AC2792">
        <v>1</v>
      </c>
      <c r="AD2792">
        <v>1</v>
      </c>
      <c r="AE2792">
        <v>0</v>
      </c>
      <c r="AF2792">
        <v>0</v>
      </c>
      <c r="AG2792">
        <v>6.9744789110250434</v>
      </c>
      <c r="AH2792">
        <v>5.246322312084147E-3</v>
      </c>
      <c r="AI2792">
        <v>-4.3368877586646593E-2</v>
      </c>
      <c r="AJ2792">
        <v>6.0271894866689539E-2</v>
      </c>
      <c r="AK2792">
        <v>-3.494396831024419E-2</v>
      </c>
      <c r="AL2792">
        <v>2275.515757497858</v>
      </c>
      <c r="AM2792">
        <v>4229.7450321950791</v>
      </c>
      <c r="AN2792">
        <v>135621</v>
      </c>
      <c r="AO2792">
        <v>72.157665841786709</v>
      </c>
      <c r="AP2792">
        <v>1995.013201242602</v>
      </c>
      <c r="AQ2792">
        <v>1.021455223880597</v>
      </c>
      <c r="AR2792">
        <v>3.942164179104477</v>
      </c>
      <c r="AS2792">
        <v>1067</v>
      </c>
      <c r="AT2792">
        <v>195.64365671641789</v>
      </c>
      <c r="AU2792">
        <v>1.948712320749196E-2</v>
      </c>
      <c r="AV2792">
        <v>5.2500295174305366E-3</v>
      </c>
      <c r="AW2792">
        <v>0.37686567164179102</v>
      </c>
      <c r="AX2792">
        <v>86.115779645191409</v>
      </c>
      <c r="AY2792">
        <v>66</v>
      </c>
      <c r="AZ2792">
        <v>132</v>
      </c>
      <c r="BA2792">
        <v>0.58695044814707897</v>
      </c>
      <c r="BB2792">
        <v>0.49906716417910452</v>
      </c>
      <c r="BC2792">
        <v>5.2498178646011358</v>
      </c>
      <c r="BD2792" t="s">
        <v>10621</v>
      </c>
      <c r="BE2792" t="s">
        <v>62</v>
      </c>
    </row>
  </sheetData>
  <pageMargins left="0.75" right="0.75" top="1" bottom="1" header="0.5" footer="0.5"/>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penpyxl</dc:creator>
  <cp:lastModifiedBy>Siddhant Singh</cp:lastModifiedBy>
  <dcterms:created xsi:type="dcterms:W3CDTF">2024-12-06T19:50:56Z</dcterms:created>
  <dcterms:modified xsi:type="dcterms:W3CDTF">2024-12-08T18:07:27Z</dcterms:modified>
</cp:coreProperties>
</file>